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701"/>
  <workbookPr defaultThemeVersion="166925"/>
  <mc:AlternateContent xmlns:mc="http://schemas.openxmlformats.org/markup-compatibility/2006">
    <mc:Choice Requires="x15">
      <x15ac:absPath xmlns:x15ac="http://schemas.microsoft.com/office/spreadsheetml/2010/11/ac" url="C:\Users\s3895\Desktop\LDA主題模型分析新冠肺炎新聞\data\"/>
    </mc:Choice>
  </mc:AlternateContent>
  <xr:revisionPtr revIDLastSave="0" documentId="13_ncr:1_{5EBCABFE-9E5E-4875-B214-75BD93FB0C15}" xr6:coauthVersionLast="47" xr6:coauthVersionMax="47" xr10:uidLastSave="{00000000-0000-0000-0000-000000000000}"/>
  <bookViews>
    <workbookView xWindow="1125" yWindow="1125" windowWidth="21600" windowHeight="11280" xr2:uid="{00000000-000D-0000-FFFF-FFFF00000000}"/>
  </bookViews>
  <sheets>
    <sheet name="sheet1" sheetId="1" r:id="rId1"/>
  </sheets>
  <calcPr calcId="0"/>
</workbook>
</file>

<file path=xl/sharedStrings.xml><?xml version="1.0" encoding="utf-8"?>
<sst xmlns="http://schemas.openxmlformats.org/spreadsheetml/2006/main" count="98161" uniqueCount="64443">
  <si>
    <t/>
  </si>
  <si>
    <t>打擊新冠肺炎假消息 臉書推特YouTube全面防堵</t>
  </si>
  <si>
    <t>新增8例境外移入 指揮中心14：00說明</t>
  </si>
  <si>
    <t>《電子通路》大聯大Q1穩住 Q2看好後疫情時代商機</t>
  </si>
  <si>
    <t>陸表彰抗疫英雄 鍾南山獲最高榮譽</t>
  </si>
  <si>
    <t>增2例境外移入 陳時中14：10說明</t>
  </si>
  <si>
    <t>《韓股》看好紓困利多 韓股連3跌止步</t>
  </si>
  <si>
    <t>鄭怡「活在台灣很安全」叮嚀雙胞胎兒洗手防疫</t>
  </si>
  <si>
    <t>朝陽K歌團連環爆！台中市議會藍綠互槓談防疫快篩</t>
  </si>
  <si>
    <t>全面斷航防疫？網揭2大母湯關鍵</t>
  </si>
  <si>
    <t>編‧輯‧室‧報‧告－肺炎下的股市─台灣需要甚麼樣的理財商品</t>
  </si>
  <si>
    <t>韓夜店群聚感染再擴大！54人染疫 濟州島也爆病例</t>
  </si>
  <si>
    <t>微解封根本不智之舉 專家：出包恐陷5輸局面</t>
  </si>
  <si>
    <t>醫療體系快崩盤 洛杉磯下令：救護車不送生存機會渺茫者</t>
  </si>
  <si>
    <t>雙北防疫升3級 職安署籲外送點餐以線上刷卡取代現金</t>
  </si>
  <si>
    <t>NBA》火箭老闆：我知大陸今年會倒楣</t>
  </si>
  <si>
    <t>效法黛妃 梅根傳將拋4千萬震撼彈</t>
  </si>
  <si>
    <t>案1563馬祖旅遊 超過30家民宿業者全額退費</t>
  </si>
  <si>
    <t>籲盡快接種建立群體免疫 鍾南山：嚴重變異會影響疫苗效力</t>
  </si>
  <si>
    <t>送件不是逆時中 侯友宜：拯救全國基層公務員</t>
  </si>
  <si>
    <t>編‧輯‧室‧報‧告－當股市… 漲在疫情蔓延時</t>
  </si>
  <si>
    <t>視察快打站 盧秀燕：65歲長輩、55歲以上原住民2劑接種完畢</t>
  </si>
  <si>
    <t>愛心送入校園 金門臻霖實業捐抗菌液30桶</t>
  </si>
  <si>
    <t>苦苓怒槓黃暐瀚：你咬我啊！慘遭一張截圖痛打臉</t>
  </si>
  <si>
    <t>印度返台女確診 高市府曝11天足跡：疑舊感染個案</t>
  </si>
  <si>
    <t>魚池鄉長贈13萬茶包慰勞防疫 6歲童、9旬翁親筆寫感謝</t>
  </si>
  <si>
    <t>86％新冠隱形推手散播 全球恐100萬人感染</t>
  </si>
  <si>
    <t>成防疫破口 勞部：聘非法移工最高罰75萬元</t>
  </si>
  <si>
    <t>「打AZ還是莫德納？」婆媽熱議 財經網美曝選擇</t>
  </si>
  <si>
    <t>陳時中最擔心的案100 感染源指向他</t>
  </si>
  <si>
    <t>《半導體》Q3拉貨潮報到 義隆衝逾19年新高</t>
  </si>
  <si>
    <t>東京奧運》泡泡模式破功？ 機場混亂飯店防疫出現漏洞</t>
  </si>
  <si>
    <t>盼疫情退散 豪門媳郁方發願108天做這事網讚爆</t>
  </si>
  <si>
    <t>史上第一次！梵蒂岡復活節活動也改線上舉辦</t>
  </si>
  <si>
    <t>美應對疫情張惶失措 陸乘機推進國際宣傳</t>
  </si>
  <si>
    <t>疫情比貿易戰還狂！ 美這群人竟成經濟衰退關鍵</t>
  </si>
  <si>
    <t>美專家警告 新冠肺炎恐全球大流行</t>
  </si>
  <si>
    <t>強化台中觀光產業防疫能力 　觀旅局舉辦防疫衛教講習</t>
  </si>
  <si>
    <t>新冠肺炎持續流行 失智症患者數恐激增</t>
  </si>
  <si>
    <t>《盤中解析》鬧缺「電」！傳產挺住、驚險守17700</t>
  </si>
  <si>
    <t>新北泰山順益汽車員工PCR結果出爐 明日復業持陰性證明進出</t>
  </si>
  <si>
    <t>神秘新冠浮屍漂上岸 小國嚇死 全島大動員學校停課</t>
  </si>
  <si>
    <t>若社區傳播 企業可異地辦公、婉拒有症狀訪客進入公司</t>
  </si>
  <si>
    <t>NBA》公開拒打！巫師畢爾嘲笑疫苗無用</t>
  </si>
  <si>
    <t>國內累計385例確診、6死亡 99人解除隔離</t>
  </si>
  <si>
    <t>校園自製防疫品 輕巧有效率</t>
  </si>
  <si>
    <t>《塑膠股》台塑Q3業績拚反彈 林健男：用AI挺口罩國家隊</t>
  </si>
  <si>
    <t>台塑 ai 人工智慧 5 g 基地 台</t>
  </si>
  <si>
    <t>美企掀在家辦公潮 筆電大缺貨</t>
  </si>
  <si>
    <t>調升日本旅遊警示？外交部：尊重、配合指揮中心</t>
  </si>
  <si>
    <t>頻傳疑似確診者死家中 柯文哲籲：叫你躲家裡 沒叫你不跟家人聯絡</t>
  </si>
  <si>
    <t>台女沒錢繳費遭韓遣返？外交部：未聯繫代表處</t>
  </si>
  <si>
    <t>打趴川普！國會女王變身時尚女王</t>
  </si>
  <si>
    <t>動物森友會夯 任天堂業績飆</t>
  </si>
  <si>
    <t>《科技》明年ICT產業審慎樂觀 MIC點出半導體、通訊產業關鍵字</t>
  </si>
  <si>
    <t>防疫前哨戰 新光支援最前線</t>
  </si>
  <si>
    <t>信義大安2診所醫師確診 許淑華爆200多人沒篩檢</t>
  </si>
  <si>
    <t>白嘉莉展50畫作 讚台灣最安全</t>
  </si>
  <si>
    <t>號召爺奶上門打麻將還多角度直播 警方蒐證送裁罰</t>
  </si>
  <si>
    <t>新竹確診者去過！頭份市及竹南鎮公所緊急清消黃昏市場、五穀宮</t>
  </si>
  <si>
    <t>伊拉克出現第6例新冠肺炎確診 患者曾赴伊朗</t>
  </si>
  <si>
    <t>死亡＋21又創新高 專家直言還會上升</t>
  </si>
  <si>
    <t>AppWorks 瞄準AI、區塊鏈</t>
  </si>
  <si>
    <t>《經濟》「疫」外燒到 Q2製造業產值連6季負成長</t>
  </si>
  <si>
    <t>新冠肺炎紓困、防疫最新措施－三大產業紓困 將拍板逾400億</t>
  </si>
  <si>
    <t>啟動異地辦公嚴防新冠肺炎 瑞芳警第二辦公室防疫機制建置完成</t>
  </si>
  <si>
    <t>大甲媽遶境 盧秀燕出席起駕？市府與鎮瀾宮研議中</t>
  </si>
  <si>
    <t>新冠肺炎台灣5死！醫曝：加護病房痛苦哀號</t>
  </si>
  <si>
    <t>香港公務員在家工作一周 強制室內公共場所戴口罩</t>
  </si>
  <si>
    <t>減少醫護傳染風險 新北市13家院所推「通訊診療」</t>
  </si>
  <si>
    <t>研擬居家多元服務 鄭文燦：居家檢疫不是病人也不是犯人</t>
  </si>
  <si>
    <t>最美空姐撐爆鈕扣！上帝視角洩超巨溝</t>
  </si>
  <si>
    <t>新冠肺炎全校停課 家長可請不強制給薪的「防疫照顧假」</t>
  </si>
  <si>
    <t>挺紓困 銀行祭出超低利小額信貸</t>
  </si>
  <si>
    <t>十大新聞人物 韓國瑜三度蟬聯冠軍 蘇貞昌因這理由擠進前十</t>
  </si>
  <si>
    <t>口罩亂戴、拒實聯制被麵包店趕 她惱羞摔吐司吐口水下場慘了</t>
  </si>
  <si>
    <t>防疫是條漫長的路！夏春湧向政府喊話</t>
  </si>
  <si>
    <t>預防新冠病毒勿摸臉 美醫學專家傳授4項技巧</t>
  </si>
  <si>
    <t>《熱門族群》居家自「煮」 超商雙雄推生鮮採買組合</t>
  </si>
  <si>
    <t>自費AZ疫苗21日開打 北市醫學中心預約爆滿</t>
  </si>
  <si>
    <t>桃師生恆春畢旅身體不適 新冠肺炎採驗結果出爐</t>
  </si>
  <si>
    <t>防疫遇旅宿糾紛 中市府推懶人包</t>
  </si>
  <si>
    <t>婉拒中港澳選手 高樹馬拉松如期舉辦</t>
  </si>
  <si>
    <t>打完高端開始懷疑自己？醫揭關鍵2字：最可怕疫情還沒來</t>
  </si>
  <si>
    <t>確診又爆量 本土增549例 12人死亡</t>
  </si>
  <si>
    <t>社評／妖魔化大陸 錯把疫苗當武器</t>
  </si>
  <si>
    <t>新加坡增9例新冠肺炎 總感染人數達67例</t>
  </si>
  <si>
    <t>《國際產業》疫情打亂產需 LG顯示器連5季虧損</t>
  </si>
  <si>
    <t>生在台灣真幸福！ 醫嘆：百萬醫療費壓垮陸孕婦「拔葉克膜」不救了</t>
  </si>
  <si>
    <t>日本發現1例新生兒確診新冠肺炎 疑母子垂直感染</t>
  </si>
  <si>
    <t>疫情過後想怎麼過生活？給你健康過生活3建議！</t>
  </si>
  <si>
    <t>嘉義市孕媽媽看過來 即日起開放預約打AZ、莫德納疫苗自由選</t>
  </si>
  <si>
    <t>陸學者：世界總體穩定對陸美都有利</t>
  </si>
  <si>
    <t>G20特別峰會 習近平籲合作抗疫</t>
  </si>
  <si>
    <t>台南確診＋2 傳產老闆未戴口罩中標、1北部染疫</t>
  </si>
  <si>
    <t>陸新增14例境外輸入個案 廣東連11天無本土病例</t>
  </si>
  <si>
    <t>韓國新冠肺炎確診增至8236例 76例死亡</t>
  </si>
  <si>
    <t>泰國羽球公開賽》大逆轉！ 賽娜昨確診今又可出賽</t>
  </si>
  <si>
    <t>後疫情時代！韓市府超前部署觀光 射3箭搶國旅市場</t>
  </si>
  <si>
    <t>疫情攪局 屏東創世園遊會募款超冷清</t>
  </si>
  <si>
    <t>仁寶昆山廠 延至2/17復工</t>
  </si>
  <si>
    <t>《電腦設備》光寶科陳廣中：Q3保守 全年樂觀</t>
  </si>
  <si>
    <t>NBA》第3人陽性！活塞中鋒伍德染新冠</t>
  </si>
  <si>
    <t>匯率期貨趨勢專欄－美國經濟靚 美元指數翻揚</t>
  </si>
  <si>
    <t>蔣萬安聲量驚現危機？藍營北市高層這樣看</t>
  </si>
  <si>
    <t>長庚發現抗體 抑制新冠病毒力達98％</t>
  </si>
  <si>
    <t>疫情嚴峻 貿協願借南港展覽館搭建方艙</t>
  </si>
  <si>
    <t>幼兒園群聚染疫跟長榮機師有關？新北：不排除任何可能性</t>
  </si>
  <si>
    <t>張亞中捐一千萬劑疫苗 今正式申請</t>
  </si>
  <si>
    <t>防疫情擴散 美CDC籲民眾感恩節勿旅行</t>
  </si>
  <si>
    <t>NBA》戈貝爾染病 爵士過去兩周6戰對手皮皮挫</t>
  </si>
  <si>
    <t>對抗新冠！泰國26日進入緊急狀態 恐實施宵禁</t>
  </si>
  <si>
    <t>三採陰解隔離 病人身心折磨 指揮中心將檢討</t>
  </si>
  <si>
    <t>真正烏魯木齊！ 新疆本土確診擴散 首府爆發恐慌</t>
  </si>
  <si>
    <t>疫情延燒！金泰希新劇疑例人員採檢陰性 神話Eric新劇延至月底</t>
  </si>
  <si>
    <t>陸官宣3新冠疫苗進入臨床試驗</t>
  </si>
  <si>
    <t>美國沒救了！大學生開新冠趴 最先確診者可領獎金</t>
  </si>
  <si>
    <t>陸港觀盤－疫情引燃線上新經濟發展機遇</t>
  </si>
  <si>
    <t>染疫1軍人來吃過 台中牛排館自主關門14天網讚：佛心店家</t>
  </si>
  <si>
    <t>旅外女二採復陽確診 張上淳：不確定發病時間</t>
  </si>
  <si>
    <t>為什麼不直接禁止去觀光景點？網揭台人習性</t>
  </si>
  <si>
    <t>台澳口罩原料換酒精？外交部：互惠受益、增進情誼</t>
  </si>
  <si>
    <t>瘋搶BNT登記 藍委促政府加碼採購1500萬劑</t>
  </si>
  <si>
    <t>《半導體》欣銓去年營收寫3高 Q1淡季逆強</t>
  </si>
  <si>
    <t>陸配子女回台 指揮中心急喊卡</t>
  </si>
  <si>
    <t>疑糞管傳播 港社區感染 百人急撤</t>
  </si>
  <si>
    <t>「公主」3連落難！紅寶石公主號4人確診</t>
  </si>
  <si>
    <t>守「鱟」金門 建功嶼放流鱟苗4萬尾</t>
  </si>
  <si>
    <t>台新金</t>
  </si>
  <si>
    <t>確診破百！未來14天是台灣防疫關鍵期 莊人祥揭2種情況</t>
  </si>
  <si>
    <t>《科技》「電信二哥」爭不停 遠傳用戶超車、台灣大不服氣</t>
  </si>
  <si>
    <t>大陸新冠疫苗接種逾22億劑次</t>
  </si>
  <si>
    <t>汛期將至 多功能草湖防災公園將完工</t>
  </si>
  <si>
    <t>NBA》席爾佛：探索一切重新開打方法</t>
  </si>
  <si>
    <t>寶山鄉親安心了 長者新冠肺炎複檢結果為陰性</t>
  </si>
  <si>
    <t>《半導體》傳華為砍單供應鏈 聯詠Q2添變數</t>
  </si>
  <si>
    <t>學生打BNT2周內不能劇烈運動 指揮中心：有5大症狀快就醫</t>
  </si>
  <si>
    <t>電子小尖兵衝鋒 外資喊燒</t>
  </si>
  <si>
    <t>新冠肺炎加乾旱 這種全球知名飲料再遭重擊</t>
  </si>
  <si>
    <t>馬祖居家隔離新增1人 全縣59人採驗皆陰性</t>
  </si>
  <si>
    <t>新聞早班車》羅志祥今出關 下一步怎走考驗智慧</t>
  </si>
  <si>
    <t>新冠肺炎影響 內門農會停辦初二回娘家辦桌活動</t>
  </si>
  <si>
    <t>埃及爸2哥哥抗體顯示「近期感染」 不排除改判本土病例</t>
  </si>
  <si>
    <t>澳門高校擬4月1日恢復部分教學</t>
  </si>
  <si>
    <t>第二班包機470人返台 指揮中心：將比照第一班集中檢疫14天</t>
  </si>
  <si>
    <t>運將6萬之亂 綠媒老董批政府：自大驕傲起來了</t>
  </si>
  <si>
    <t>庫克樂觀：陸已管控疫情</t>
  </si>
  <si>
    <t>林昶佐喊展現防衛能量 被宅神酸沒當過兵</t>
  </si>
  <si>
    <t>200台幣類固醇就能治新冠 研究：重症死亡率降20％</t>
  </si>
  <si>
    <t>台11人參與試驗 療效顯著</t>
  </si>
  <si>
    <t>新聞透視》綠委阿Q帶風向 買嘸就喊不必急</t>
  </si>
  <si>
    <t>與確診音樂家同機 長榮空服居家隔離放防疫假</t>
  </si>
  <si>
    <t>川普不鐵齒！將很快接受新冠病毒檢測</t>
  </si>
  <si>
    <t>尖牙股再發威 臉書、亞馬遜創新高</t>
  </si>
  <si>
    <t>功能 肺炎 大型 零售商 尖 牙 股 shopping</t>
  </si>
  <si>
    <t>8月開放外籍人士來台就醫 他憂成防疫破口 恐致台灣淪陷</t>
  </si>
  <si>
    <t>IMF大砍台灣GDP 央行稱太悲觀</t>
  </si>
  <si>
    <t>陸新冠肺炎確診破8萬 嚴防境外疫情回流</t>
  </si>
  <si>
    <t>紐籍機師治療費全民買單 感染科醫：不服氣</t>
  </si>
  <si>
    <t>明開始週末假期 蔡英文：非必要 別出門</t>
  </si>
  <si>
    <t>受疫情影響 CES 2021線下展覽取消改線上形式</t>
  </si>
  <si>
    <t>民眾曝PCR確診無處去 新北議員促市府盡速建立防疫SOP</t>
  </si>
  <si>
    <t>江蘇台商染疫搞烏龍？結果最快今天出爐</t>
  </si>
  <si>
    <t>口罩都鬆綁了 何時降一級？陳時中回一句話</t>
  </si>
  <si>
    <t>台南58歲男子接種AZ疫苗月餘過世</t>
  </si>
  <si>
    <t>本土確診爆增29例 歐陽靖舉日本現狀曝「台灣防疫有成」</t>
  </si>
  <si>
    <t>亂丟垃圾阻不了 店家詛咒祝你得肺炎奏效</t>
  </si>
  <si>
    <t>染疫日籍女學生接觸者 檢驗結果今晚6點前出爐</t>
  </si>
  <si>
    <t>桃園金沙酒店連5日有確診者足跡 酒客擔心：有接觸嗎？</t>
  </si>
  <si>
    <t>北京：清明祭掃首高峰週末 現場掃客降九成</t>
  </si>
  <si>
    <t>NBA》戈貝爾：確診後收到死亡威脅</t>
  </si>
  <si>
    <t>1天暴增16例確診嚇死人 這些人急了：快跟上海復星買疫苗</t>
  </si>
  <si>
    <t>美研究：染新冠11月還有抗體 患者可望終身免疫</t>
  </si>
  <si>
    <t>中秋連假前桃勤清潔員染Delta 醫點2隱憂：事情大條了</t>
  </si>
  <si>
    <t>靈鷲山水陸空法會 為疫情、意外受難者祈福</t>
  </si>
  <si>
    <t>影》超人！神級伏地挺身新境界</t>
  </si>
  <si>
    <t>疫情下 台灣半導體供應鏈吃香</t>
  </si>
  <si>
    <t>台大公衛：全球新冠肺炎確診將上看460萬人</t>
  </si>
  <si>
    <t>會考應試1天傳確診 彰化縣匡列121名師生隔離採檢</t>
  </si>
  <si>
    <t>她染疫死前痛到崩潰求救40次 妹妹聽錄音檔心碎了</t>
  </si>
  <si>
    <t>alexa 潘妮 姊 姊 40 痛苦</t>
  </si>
  <si>
    <t>台灣是否封城？最新民調結果嚇死人</t>
  </si>
  <si>
    <t>今增13死 2人遭院內感染 1人溺水死後採檢陽性</t>
  </si>
  <si>
    <t>可怕「綠天鵝」頻出現 氣候變遷是慢動作的新冠肺炎</t>
  </si>
  <si>
    <t>防疫大作戰 高風險區考生須戴罩</t>
  </si>
  <si>
    <t>澳籍音樂家確診 NSO音樂總監道歉</t>
  </si>
  <si>
    <t>匯豐、凱基 聯手降評鴻海</t>
  </si>
  <si>
    <t>微解封前夕 新增23例本土 1人死亡</t>
  </si>
  <si>
    <t>微 解封 前夕 新增 23 例 本土 1 人 死亡</t>
  </si>
  <si>
    <t>記者採訪東奧 看到餐點傻眼：奧運新醜聞</t>
  </si>
  <si>
    <t>無症狀會感染 傳染力難捉摸 賴明詔：新冠肺炎史上最強病毒</t>
  </si>
  <si>
    <t>港專家稱香港風險評估機制落後 提倡機組人員檢疫7天</t>
  </si>
  <si>
    <t>9旬翁確診病逝 自責害家人隔離 兒視訊送最後一程醫護淚崩</t>
  </si>
  <si>
    <t>強效抑胃酸藥品 可能增加新冠病毒感染風險</t>
  </si>
  <si>
    <t>跨國平衡基金 進可攻退可守</t>
  </si>
  <si>
    <t>打完疫苗出現「巨大飢餓感」 醫揭2關鍵：是抗體再生成</t>
  </si>
  <si>
    <t>揪團挺台！美國會致信50國 籲支持台參加WHO</t>
  </si>
  <si>
    <t>宋少卿臉書爆氣再開譙：政府做不好不能罵？PTT推爆罵的好</t>
  </si>
  <si>
    <t>打疫苗累計912死 首波接種受害救濟結果出爐</t>
  </si>
  <si>
    <t>校正回歸400例事小 醫曝1隱憂：恐引爆更大傳播鏈</t>
  </si>
  <si>
    <t>遶境藏3大致病風險 他籲全台媽祖囡仔「今年請假吧」</t>
  </si>
  <si>
    <t>台灣人看大陸》疫情肆虐 更需傳遞溫暖</t>
  </si>
  <si>
    <t>北漂失意返嘉義卻確診 6接觸者緊急篩檢</t>
  </si>
  <si>
    <t>《觀光股》營運動能看升 六角填息逾4成</t>
  </si>
  <si>
    <t>六 角 日出 茶 太 chatime 股利 除息</t>
  </si>
  <si>
    <t>居家檢疫新規定 嘉義市7女5男主動通報</t>
  </si>
  <si>
    <t>楊金龍提三風險、三因應</t>
  </si>
  <si>
    <t>美疫情復燃 蘋果再關30門市</t>
  </si>
  <si>
    <t>疫情中怎麼上健身房？韓國超荒謬禁令被笑翻</t>
  </si>
  <si>
    <t>《基金》新冠檢測商機 瞄準3設備題材</t>
  </si>
  <si>
    <t>5千人已隔離3千人 30人叩不到請警消追</t>
  </si>
  <si>
    <t>經濟部：新冠肺炎快篩偵測儀 最快7月量產</t>
  </si>
  <si>
    <t>蝙蝠肉在東南亞某國還是熱賣</t>
  </si>
  <si>
    <t>IMF最新經濟展望：大蕭條以來最嚴重 主要經濟體僅陸正成長</t>
  </si>
  <si>
    <t>桃園「固安計畫」入場快篩啟動 台達電本外勞6千人全篩</t>
  </si>
  <si>
    <t>3例歐美返台確診 第2波疫情前兆</t>
  </si>
  <si>
    <t>採檢規定放寬 林右昌：篩檢站量能充足下無需預約</t>
  </si>
  <si>
    <t>病毒還是最怕全球治理</t>
  </si>
  <si>
    <t>政策力挺 陸股資金湧</t>
  </si>
  <si>
    <t>即起禁止入境旅客親友機場接機 違者最高罰15萬</t>
  </si>
  <si>
    <t>月初才打新冠疫苗 前大聯盟全壘打王漢克阿倫過世</t>
  </si>
  <si>
    <t>10檔高殖利率定存股 他暴賺逾40％靠3大秘技</t>
  </si>
  <si>
    <t>香港再增32新冠確診 5人唱卡拉OK致群聚感染</t>
  </si>
  <si>
    <t>加碼捐新南向國家100萬片 暗槓質疑四起！藍營呼籲 口罩改配給制</t>
  </si>
  <si>
    <t>視察國小用餐 小二生提醒鄭文燦「不能講話」</t>
  </si>
  <si>
    <t>《興櫃股》圓點奈米4月營收年增128％ 前4月增7倍</t>
  </si>
  <si>
    <t>過去羨慕國外醫生！施景中嘆：現在台灣當醫生是福報</t>
  </si>
  <si>
    <t>MLB》還有未爆彈 海盜等隊又有7人確診</t>
  </si>
  <si>
    <t>美參議員提法案制裁大陸 陸外交部堅決反對</t>
  </si>
  <si>
    <t>凃維穗、陳宜民》採購疫苗落後 不能再分顏色</t>
  </si>
  <si>
    <t>台中今晚強力稽查 金錢豹海派店關燈歇業</t>
  </si>
  <si>
    <t>警防疫神隊友「滅菌門」 入門自動消毒</t>
  </si>
  <si>
    <t>貼身侍僕確診 女王隔離 兩年來首與夫同住</t>
  </si>
  <si>
    <t>東京都知事重申：明年東奧如期舉行</t>
  </si>
  <si>
    <t>瑞磁 H1營收翻倍成長</t>
  </si>
  <si>
    <t>有種！不甩新冠恐慌 他接下人球郵輪</t>
  </si>
  <si>
    <t>獨 ／新冠肺炎肆虐！台星橫店遭隔離管制 露面報近況</t>
  </si>
  <si>
    <t>新鮮人方奕凱在永慶房屋成就自我價值 單月收入最高20萬</t>
  </si>
  <si>
    <t>福建莆田3天增68人染疫 官方加緊推進12歲以上疫苗接種</t>
  </si>
  <si>
    <t>住院醫師揭2真相：台防疫爛到不可思議</t>
  </si>
  <si>
    <t>怕錢上有病毒！鈔票「微波爐消毒1分鐘」飄焦味　大媽急哭：不能用了</t>
  </si>
  <si>
    <t>沖繩運將疑載郵輪客染疫 基隆54名司機今晚解禁心驚驚</t>
  </si>
  <si>
    <t>女沒戴好口罩街頭痛哭 警勸導解家庭紛爭</t>
  </si>
  <si>
    <t>三軍總醫院松山院區傳增1確診 衛生局長回應了</t>
  </si>
  <si>
    <t>新冠肺炎疫苗各家價格懸殊</t>
  </si>
  <si>
    <t>東奧去不去？奧會：選手可說No！</t>
  </si>
  <si>
    <t>史上最大！ 2兆美元紓困案 川普政府與參院達共識</t>
  </si>
  <si>
    <t>南投縣國中小學9月底前暫緩畢旅 避免跨縣市交流</t>
  </si>
  <si>
    <t>清明連假後恐爆第3波疫情 急診醫：這類人最要注意</t>
  </si>
  <si>
    <t>羅智強：紓困貸款 真正需要店家借不到</t>
  </si>
  <si>
    <t>2021可望再創新高 北美半導體設備 締造最旺12月</t>
  </si>
  <si>
    <t>大陸台商防疫之一》台企高標準防疫 大家都很有經驗</t>
  </si>
  <si>
    <t>疫情之後 50％企業才懂資安重要性</t>
  </si>
  <si>
    <t>高端疫苗巴拉圭第3期試驗 本周完成330人第1劑施打</t>
  </si>
  <si>
    <t>總部員工染疫 中壽：同層員工檢測全棟清消</t>
  </si>
  <si>
    <t>陳泰銘對景氣看法翻多 國巨：農曆年前訂單無虞</t>
  </si>
  <si>
    <t>完成第二劑高端疫苗接種 蔡英文：上次打完僅手臂有些酸痛</t>
  </si>
  <si>
    <t>獨／瑞芳蝙蝠洞受疫情影響 動保處：以「三不原則」降低風險</t>
  </si>
  <si>
    <t>效益大於風險 港府批准科興疫苗接種年齡降至3歲</t>
  </si>
  <si>
    <t>今新增2本土 北市國中生確診、新北就醫民眾陽性</t>
  </si>
  <si>
    <t>譚德塞事件 沈富雄：台灣不要像小孩到處嚷嚷</t>
  </si>
  <si>
    <t>104家藥局暫停配送口罩 新北也有一間</t>
  </si>
  <si>
    <t>蘇貞昌：紓困特別預算 執行率拚百分百</t>
  </si>
  <si>
    <t>陸98歲最高齡新冠肺炎患者已治癒</t>
  </si>
  <si>
    <t>7月就想供貨？高端新冠疫苗還沒做青少年二期試驗</t>
  </si>
  <si>
    <t>開工問題多 度難關有策略</t>
  </si>
  <si>
    <t>7／12解封倒數？急診醫揭這3件事攸關重大</t>
  </si>
  <si>
    <t>境外移入增3例！英國現變種病毒 陳時中：台英管制加嚴</t>
  </si>
  <si>
    <t>新冠國際2波疫情 政院研議產業紓困再加碼</t>
  </si>
  <si>
    <t>眼尖警見電表流動 逮麻將館偷營業 7人遭函送裁處</t>
  </si>
  <si>
    <t>打完AZ菊花痛！他崩潰睡不著 網看傻：從沒聽過</t>
  </si>
  <si>
    <t>KPMG：零售業可先併數位企業</t>
  </si>
  <si>
    <t>《國際社會》分頭重啟經濟 美國東、西岸聯盟成軍</t>
  </si>
  <si>
    <t>疫情升溫 韓單日新增確診創新高</t>
  </si>
  <si>
    <t>影》美F22佛州墜毀 飛行員驚險逃生</t>
  </si>
  <si>
    <t>1分鐘看世界》歐盟達成25兆經濟刺激協議 川普認新冠疫情會更慘</t>
  </si>
  <si>
    <t>確診者返回工作遭到刁難 指揮中心提供解隔單解套</t>
  </si>
  <si>
    <t>北藝中心爆群聚16人住新北 侯友宜：新北9工程有11人確診</t>
  </si>
  <si>
    <t>府方參議諷新北第一 網友怒轟：還在鬥？</t>
  </si>
  <si>
    <t>鐘南山研判Omicron：現在還不會採取較大行動</t>
  </si>
  <si>
    <t>獨家》北中南隔離包一次看 宛如普渡</t>
  </si>
  <si>
    <t>瘋搶物資高麗菜飆漲3倍 新北果菜公司預估18日後價格稍回穩</t>
  </si>
  <si>
    <t>AZ或BNT 第13期疫苗接種 滿50歲可擇一施打</t>
  </si>
  <si>
    <t>有人確診今還讓學生到校惹議 桃園北科附工校長出面喊冤</t>
  </si>
  <si>
    <t>勤業眾信：新冠肺炎影響不動產業</t>
  </si>
  <si>
    <t>視訊看診完「家長秒下線封鎖」醫怒做白工 同業聲援：白嫖只能一次</t>
  </si>
  <si>
    <t>《興櫃股》亞洲藏壽司H1小虧 積極展店步調不變</t>
  </si>
  <si>
    <t>陳時中：清明連假關鍵期 首階段過關</t>
  </si>
  <si>
    <t>居家辦公爽不爽？過來人怒揭缺點</t>
  </si>
  <si>
    <t>紓困金慘釀「萬元之亂」！網友超崩潰十大黑人問號</t>
  </si>
  <si>
    <t>奉天宮配合防疫 徐國勇參拜感謝</t>
  </si>
  <si>
    <t>《國際產業》運量增＋漲運費 聯邦快遞上季獲利飆高</t>
  </si>
  <si>
    <t>防堵Omicron 嘉義縣推接種莫德納送健康米</t>
  </si>
  <si>
    <t>美稱有證據證實病毒源自武漢 國際組織打臉</t>
  </si>
  <si>
    <t>美媒要求陸對新冠疫情道歉　趙立堅：荒謬可笑無知</t>
  </si>
  <si>
    <t>日本游泳名將呼籲民眾不要囤貨 日常生活即可</t>
  </si>
  <si>
    <t>賣場搶貨 陳菊：不要過度消費 以免荷包哭哭</t>
  </si>
  <si>
    <t>中研院研究助理違SOP釀環境汙染 黃珊珊：2名檢測人員隔離中</t>
  </si>
  <si>
    <t>非法移工成防疫缺口？ 行政院：已指示加強管理</t>
  </si>
  <si>
    <t>日女染疫給台啟示 台大公衛院長：被動採檢一定有破口</t>
  </si>
  <si>
    <t>工業區土地租金減收 延長至6／30</t>
  </si>
  <si>
    <t>《生醫股》生華科新冠新藥向美FDA申請二期臨床</t>
  </si>
  <si>
    <t>民進黨政府一舉動 李德維：進口BNT疫苗有譜了</t>
  </si>
  <si>
    <t>威士特丹號215名接觸者 健康監控後天解除</t>
  </si>
  <si>
    <t>環保局今到朝陽科大消毒 盧秀燕籲校外1萬4000名師生快篩檢</t>
  </si>
  <si>
    <t>高明見》防疫新生活先摘口罩</t>
  </si>
  <si>
    <t>薩爾瓦多轉贈陸疫苗給我友邦 我外交部：蓄意打擊我國形象</t>
  </si>
  <si>
    <t>北市小兒科診所遭爆料私賣10元口罩 衛生局將前往釐清</t>
  </si>
  <si>
    <t>編‧輯‧室‧報‧告－陸振興經濟的風向球─網上廣交會</t>
  </si>
  <si>
    <t>清明連假後「恐爆疫情高峰」魏如萱：當邊緣人不會死</t>
  </si>
  <si>
    <t>防疫直播PART2！「型男歐巴」交通局長唱法文歌教洗手超萌</t>
  </si>
  <si>
    <t>道瓊3年來首次失守2萬關卡 美指期跌逾500點</t>
  </si>
  <si>
    <t>疫苗打到90％就可以直接放生？網搖頭曝台人習性</t>
  </si>
  <si>
    <t>南京機場破口借鏡 桃園啟動防疫旅館新制 全力防堵Delta病毒</t>
  </si>
  <si>
    <t>北京市官方對受疫情影響的文娛企業給予補貼</t>
  </si>
  <si>
    <t>獼猴染新冠肺炎28天內產生抗體 北京研究：短期內不會再次染疫</t>
  </si>
  <si>
    <t>防疫堵漏洞 疏忽不得</t>
  </si>
  <si>
    <t>防疫 堵 漏洞 疏忽 不得</t>
  </si>
  <si>
    <t>信心十足 柯文哲：就算沒疫苗 再1個月北市能清零</t>
  </si>
  <si>
    <t>北市 清零 柯文哲 群 聚 感染</t>
  </si>
  <si>
    <t>AI新創基金 爆發力強</t>
  </si>
  <si>
    <t>基進黨員吳欣岱化身醫事聯盟發起人 要求韓國瑜停止普篩</t>
  </si>
  <si>
    <t>神隱5天被問爆！張上淳復出親吐心聲</t>
  </si>
  <si>
    <t>工研菁英獎六金獎 揭曉研發成果</t>
  </si>
  <si>
    <t>嚴防移工成為防疫破口 多國語言宣導防疫措施</t>
  </si>
  <si>
    <t>拘留所傳出疫情！ 美法院下令釋放移民兒童</t>
  </si>
  <si>
    <t>桃園新增11例確診 足跡包含好市多南崁店、家樂福經國店</t>
  </si>
  <si>
    <t>NBA》假新聞！戈貝爾否認跟米契爾翻臉</t>
  </si>
  <si>
    <t>海軍24確診全台足跡曝光 到過11縣市趴趴走</t>
  </si>
  <si>
    <t>數字說</t>
  </si>
  <si>
    <t>官方完整驗屍報告 非裔男染新冠 死於心肺驟停</t>
  </si>
  <si>
    <t>疫情升溫 5月19日起暫緩未持居留證外籍人士入境</t>
  </si>
  <si>
    <t>兩岸專家對談方艙醫院：蓋之前是人等床 蓋了之後床等人</t>
  </si>
  <si>
    <t>御用宮女帶球嫁翻身 為疫情受困堅持幫富豪尪慶生「照片看傻」</t>
  </si>
  <si>
    <t>福建疫情爆發 專家：港府應馬上熔斷「回港易」機制</t>
  </si>
  <si>
    <t>《金融》疫情衝擊 壽險業淨值3月蒸發5337億元</t>
  </si>
  <si>
    <t>機場檢疫壓力超大！醫揭防境外移入困難點</t>
  </si>
  <si>
    <t>羽球亞錦賽 從武漢轉戰馬尼拉</t>
  </si>
  <si>
    <t>嘉義市公告防疫新指引 若疑似接觸風險者 幼兒園可停課至少1日</t>
  </si>
  <si>
    <t>唐鳳臉書長文盼：協力對抗不實訊息</t>
  </si>
  <si>
    <t>九千多件紓困案送中央 陳時中：新北有點誤解了</t>
  </si>
  <si>
    <t>河南省規模以上工業企業 復工率達94％</t>
  </si>
  <si>
    <t>第2起Omicron病例現蹤 日再出招防堵 海外遊子恐無法返鄉</t>
  </si>
  <si>
    <t>小S「口罩之亂」社群神隱3個月 首發文素顏嘆：總算…</t>
  </si>
  <si>
    <t>參議院出現案例 共和黨藍德保羅確診</t>
  </si>
  <si>
    <t>庫存水位低 被動元件廠過年加班備戰</t>
  </si>
  <si>
    <t>未來開放或緊縮？新北：幼兒園群聚感染將納入參考依據</t>
  </si>
  <si>
    <t>董智森：不論加入世衛與否 綠營都贏</t>
  </si>
  <si>
    <t>壽險全年新保費 陷9千億保衛戰</t>
  </si>
  <si>
    <t>追查零號病人 天津「福爾摩斯」赴安徽溯源</t>
  </si>
  <si>
    <t>鮑爾：動用一切工具救經濟</t>
  </si>
  <si>
    <t>分租套房爆「類家戶群聚」 北市信義區單周確診飆11例</t>
  </si>
  <si>
    <t>體育署》保全確診新冠 體育大樓加強清消</t>
  </si>
  <si>
    <t>中研院確診女助理違反SOP 陳時中揭一動作犯錯</t>
  </si>
  <si>
    <t>病源從哪來？ 中美展開新一輪互批</t>
  </si>
  <si>
    <t>台大醫生：「健康的人不用戴口罩」已不適用 網友：敢逆時鐘？</t>
  </si>
  <si>
    <t>疫情傷藝情 街頭藝人爆失業潮</t>
  </si>
  <si>
    <t>「篩檢能量不足早講啊」鄉民批校正回歸2敗筆 民怨：用詞太矯情</t>
  </si>
  <si>
    <t>生華科 新冠新藥臨床再報喜</t>
  </si>
  <si>
    <t>青海新冠肺炎患者出院間隔縮短 13天治癒80％患者</t>
  </si>
  <si>
    <t>林志玲罕見網現身！暖喊話：大家都要健康</t>
  </si>
  <si>
    <t>防群聚打球 桃園拆公園籃框 鄭文燦解釋了</t>
  </si>
  <si>
    <t>2機師嚴重肺炎 房務主管插管</t>
  </si>
  <si>
    <t>蔡英文視察桃機防疫作為 慰勉執勤人員辛勞</t>
  </si>
  <si>
    <t>獨／劉畊宏親自上體操課 小泡芙三兄妹在家網課設備超狂</t>
  </si>
  <si>
    <t>揭新冠起源重大線索 CNN：武漢將檢測數萬早期血液樣本</t>
  </si>
  <si>
    <t>拜登10道金牌 推抗疫國家戰略</t>
  </si>
  <si>
    <t>群體免疫有得等 全球疫苗產量年底才達1／10</t>
  </si>
  <si>
    <t>出國請三思！美國務院發布全球旅遊警示</t>
  </si>
  <si>
    <t>一天18喪命！義大利確診數飆破2千 羅馬也淪陷</t>
  </si>
  <si>
    <t>川普轟疫情是民主黨騙局</t>
  </si>
  <si>
    <t>小巨蛋冰上樂園、北投會館 明關閉</t>
  </si>
  <si>
    <t>Omicro來勢洶洶　邱臣遠籲調配防疫量能嚴守邊境管制</t>
  </si>
  <si>
    <t>黃珊珊爆中央刪北市居隔資料 莊人祥：可能有誤解</t>
  </si>
  <si>
    <t>台灣防疫排名為何暴跌？林濁水曝真相：很震撼</t>
  </si>
  <si>
    <t>低血氧猝死不只確診者才有！4大風險族群更要注意</t>
  </si>
  <si>
    <t>不只清冠一號 防疫3階段中藥處方 各有使用時機</t>
  </si>
  <si>
    <t>日本天團「嵐」忍痛取消下月演唱會 休團前活動大受影響</t>
  </si>
  <si>
    <t>肺炎</t>
  </si>
  <si>
    <t>陳時中稱「3＋11」不算破口 胸腔醫34字狂吐槽</t>
  </si>
  <si>
    <t>馮迪索《血衛》北美票房較預期少3成</t>
  </si>
  <si>
    <t>家長全否認連假出遊！幼教師上課問學生竟一半舉手</t>
  </si>
  <si>
    <t>雙北確診死亡數與中央有落差？侯友宜回應了</t>
  </si>
  <si>
    <t>澳洲封城經驗參考 3步驟除汙！宅配包裹才能進家門</t>
  </si>
  <si>
    <t>大山地門藝術展 線上導覽不群聚</t>
  </si>
  <si>
    <t>綠委提新冠肺炎扣除額 財長：暫不考慮</t>
  </si>
  <si>
    <t>185萬職業工會勞工人人可領 補助最高可領3萬</t>
  </si>
  <si>
    <t>影》1人1泡 防新冠使絕招 烈焰紅唇演唱會嗨翻</t>
  </si>
  <si>
    <t>預防類似新冠病毒 海巡署新建4000噸艦艇首創建置負壓隔離病房</t>
  </si>
  <si>
    <t>疫情引發恐慌憂慮 醫師籲減少訊息、轉移注意力</t>
  </si>
  <si>
    <t>《金融》疫情陰霾未散 國銀5月獲利雙位數雙降</t>
  </si>
  <si>
    <t>三大應用面板 今年出貨衰減</t>
  </si>
  <si>
    <t>立院通過紓困條例修正案 民進黨呼籲：儘速讓預算通過</t>
  </si>
  <si>
    <t>醫護曬防疫照 雙手「又皺又灰」惹心疼</t>
  </si>
  <si>
    <t>宅經濟發燒 Kono電子雜誌14天免費看會員激增7成</t>
  </si>
  <si>
    <t>副機師居檢外出「訪友購物」紓壓遭罰80萬 執行官勸諭分期繳清</t>
  </si>
  <si>
    <t>加工區18家知名企業聯合徵才 將釋出573個職缺</t>
  </si>
  <si>
    <t>【防疫政緊張】陳時中稱疫苗早打也沒用 孫大千：二百五的鬼邏輯</t>
  </si>
  <si>
    <t>越冷越易感染 自主防疫最重要</t>
  </si>
  <si>
    <t>越 冷 越 易 感染 自主 防疫 最 重要</t>
  </si>
  <si>
    <t>NBA》閉門比賽？ 詹姆斯：拒絕上場</t>
  </si>
  <si>
    <t>EUA技術準則為高端量身訂做？台大醫：絕非國際標準</t>
  </si>
  <si>
    <t>稀土戰重燃！川普拚大選爆最新動作 特斯拉有望降價？</t>
  </si>
  <si>
    <t>振興三倍券問題多 朱學恆開酸：全民抓BUG？</t>
  </si>
  <si>
    <t>第15輪開打！想混打免預約 今起可至指定院所接種</t>
  </si>
  <si>
    <t>陳建仁：追蹤接觸史丶限制近距離接觸是防疫最佳方法</t>
  </si>
  <si>
    <t>北韓官員想吃辛拉麵 偷偷闖關結果慘了</t>
  </si>
  <si>
    <t>陳時中這一步走錯了？網憂防疫破口</t>
  </si>
  <si>
    <t>NBA》復賽地點曝光 各隊先隔離14天</t>
  </si>
  <si>
    <t>求好運免出門 新北推線上祈福</t>
  </si>
  <si>
    <t>壽險業 今年力拚三不多</t>
  </si>
  <si>
    <t>嘉義縣第2批疫苗3200劑到位 警消優先施打</t>
  </si>
  <si>
    <t>NBA》「病毒針對黑人」溜馬布羅格登染新冠</t>
  </si>
  <si>
    <t>建商大獵地 Q1成交478億</t>
  </si>
  <si>
    <t>再增6死 6旬男缺勤同事發現昏迷不治 5人有高血壓</t>
  </si>
  <si>
    <t>用新冠肺炎表述 陸委會扮兩岸安全閥</t>
  </si>
  <si>
    <t>歐陽娜娜為何受大陸人歡迎？網揭1點狂酸：不意外</t>
  </si>
  <si>
    <t>新冠肺炎疫情衝擊企業獲利 2020年全球企業派息料將萎縮15％以上</t>
  </si>
  <si>
    <t>苗栗國就是狂！苗栗議員要砸600萬生產口罩 每5個賣10元</t>
  </si>
  <si>
    <t>病毒可停留紙鈔3小時 香港專家呼籲注意手部衛生</t>
  </si>
  <si>
    <t>美國富豪多有錢？ 外媒：他2％財產能救活4200萬人</t>
  </si>
  <si>
    <t>悚！新冠屍體橫陳病人床邊 印度醫療體系恐崩盤？</t>
  </si>
  <si>
    <t>是否已接種第二劑 他聽完蘇貞昌回應一堆問號</t>
  </si>
  <si>
    <t>「2020光明點燈節」31日登場 新北中和點燈為世界祈福</t>
  </si>
  <si>
    <t>新北女PO文「家附近死一個確診者」 辯有查證仍遭訴</t>
  </si>
  <si>
    <t>藥商測試血漿療法 抗新冠肺炎</t>
  </si>
  <si>
    <t>美中概股染疫 汽車族群最傷</t>
  </si>
  <si>
    <t>中市視聽歌唱場所至7日共44家申請 42家核准復業</t>
  </si>
  <si>
    <t>新冠疫情惡化 全球確診破百萬 死亡破5萬</t>
  </si>
  <si>
    <t>貝克漢隔離求外援 指定找台灣人：教我最好的方法吧</t>
  </si>
  <si>
    <t>長照探視規定「逆時中」？ 侯：守護市民健康是唯一原則</t>
  </si>
  <si>
    <t>連假曾至人潮擁擠場所 陳時中：在家辦公</t>
  </si>
  <si>
    <t>MLB》保險公司拒賠疫情損失 大聯盟告上法庭</t>
  </si>
  <si>
    <t>京元電竹南廠今日對移工展開第3波PCR篩檢</t>
  </si>
  <si>
    <t>719沒勾AZ超後悔？她一招讓全家一天內打到疫苗</t>
  </si>
  <si>
    <t>政大風險管理與保險學系教授林建智 受災戶IT小白 特別需公平待客</t>
  </si>
  <si>
    <t>防疫滿意度 侯友宜6都居冠</t>
  </si>
  <si>
    <t>新冠肺炎／AV產業也跟風　「新型態災難片」誕生</t>
  </si>
  <si>
    <t>8大類場所不戴口罩 陳時中授權地方政府即起開罰</t>
  </si>
  <si>
    <t>雲林確診＋1 北港爆外籍看護陪病採陽 足跡曝光</t>
  </si>
  <si>
    <t>苗栗科技廠群聚再增43例確診 京元電2篩30人由陰轉陽</t>
  </si>
  <si>
    <t>老鼠是感染兇手？衛長：先調查「人」</t>
  </si>
  <si>
    <t>強化邊境防疫 旅遊警示激增26處</t>
  </si>
  <si>
    <t>勞動部安心即時上工計畫 兼課師看得到吃不到 綠委：政府應盡快協助</t>
  </si>
  <si>
    <t>第11輪疫苗採分流預約 系統增1功能 盼網站不再卡卡</t>
  </si>
  <si>
    <t>美再捐150萬劑莫德納明抵台 府：印證美支持台灣堅若磐石</t>
  </si>
  <si>
    <t>第三劑疫苗保護力增4倍 網嘆：台灣人連首劑在哪都不知</t>
  </si>
  <si>
    <t>台東縣長率百人肩並肩吃飯聊天 餐飲業怒：隔板用心酸的？</t>
  </si>
  <si>
    <t>2天大爆發24例確診 海軍副司令鞠躬道歉</t>
  </si>
  <si>
    <t>美女醫搭捷運看不下去勸：不要一直交談 短褲女反嗆4字超傻眼</t>
  </si>
  <si>
    <t>疫情嚴峻引發全球瘋買衛生紙 專家曝：人類尋求安心的本能</t>
  </si>
  <si>
    <t>海軍官兵被爆未戴口罩拉正妹狂嗨 國防部改口了</t>
  </si>
  <si>
    <t>期待疫情結束！男星竟呼籲正妹投入風俗店 引發輿論抨擊</t>
  </si>
  <si>
    <t>高端疫苗保護力夠？陳時中：與AZ血清抗體比對結果6月底出爐</t>
  </si>
  <si>
    <t>新北環狀線板新站 招商啟動</t>
  </si>
  <si>
    <t>百貨業超慘「班被砍光怎麼活」 網嘆：這題無解</t>
  </si>
  <si>
    <t>推細胞療法抗疫 趨勢科技攜中國附醫</t>
  </si>
  <si>
    <t>女教授視訊課程中倒地 學生眼睜睜看她吐完2字斷氣</t>
  </si>
  <si>
    <t>新冠肺炎印尼零確診 超猛真相竟是這</t>
  </si>
  <si>
    <t>《國際社會》日本新冠病例新報1305人破紀錄 東京拉警報</t>
  </si>
  <si>
    <t>英國變種病毒入侵第2例 20多歲台男返國確診</t>
  </si>
  <si>
    <t>Omicron將加速終結新冠疫情？專家點出1關鍵</t>
  </si>
  <si>
    <t>5G版iPhone 12來勢洶洶</t>
  </si>
  <si>
    <t>疫情擴大床不夠怎辦？ 陳時中：擬讓一採陰者居家隔離</t>
  </si>
  <si>
    <t>防疫護目鏡有必要？網列必買2理由：這行為最危險</t>
  </si>
  <si>
    <t>心血管疾病者染疫死亡率高 好心鄰LINE守護心臟健康</t>
  </si>
  <si>
    <t>經濟部1員工確診 5人遭隔離、啟動分區辦公</t>
  </si>
  <si>
    <t>首批28萬人準備混打 明天上午10點開放預約</t>
  </si>
  <si>
    <t>新冠肺炎肆虐　紐西蘭航空：本月30日起暫停台北航線直到6月底</t>
  </si>
  <si>
    <t>Omicron為何恐更易傳染、毒性更弱？可能原因曝光</t>
  </si>
  <si>
    <t>高雄地方直言「這次走定了」網友預言陳政聞下場</t>
  </si>
  <si>
    <t>首起英國變種病毒死亡案例 70多歲英男接葉克膜仍不治</t>
  </si>
  <si>
    <t>防疫與治安並重 太平警方異地辦公準備好了</t>
  </si>
  <si>
    <t>明年第三劑怎麼打 李秉穎：「高端手臂」可混打進口疫苗</t>
  </si>
  <si>
    <t>隱瞞泰日旅遊史中鏢 他害公司關閉恐賠天價</t>
  </si>
  <si>
    <t>Garmin林口廠員工確診 532人採陰</t>
  </si>
  <si>
    <t>新竹供5停2 水公司指未模擬石門水庫停供新竹</t>
  </si>
  <si>
    <t>傳台南沒疫苗將停打 黃偉哲斥假消息：預約成功一定打得到</t>
  </si>
  <si>
    <t>路透獨家：疫情爆發前 川普調離美駐陸疾控官員</t>
  </si>
  <si>
    <t>新聞透視》制裁兩面刃 須嚴防骨牌效應</t>
  </si>
  <si>
    <t>2例疑打高端疫苗猝死！江啟臣：把民眾當免費白老鼠</t>
  </si>
  <si>
    <t>面試6次都失敗 新鮮人聽面試官1句話秒心寒</t>
  </si>
  <si>
    <t>北市疫情控制住？柯P：陷入「膠著狀態」還在危險邊緣</t>
  </si>
  <si>
    <t>白晰帥醫染新冠面目全非 皮膚發黑如翻版譚德塞</t>
  </si>
  <si>
    <t>三級警戒6／29就解除？網一面倒喊5字</t>
  </si>
  <si>
    <t>影》川普上身 微笑拜登火了 要記者少猛追問新冠疫苗</t>
  </si>
  <si>
    <t>經濟部：口罩徵用、禁出口延長到4月</t>
  </si>
  <si>
    <t>又添36死 本土增343例 苗栗僅次於新北淪重災區</t>
  </si>
  <si>
    <t>清查20萬人 北京進入戰時狀態</t>
  </si>
  <si>
    <t>陳時中哭了！他痛揭2大萬惡源頭：全體國人更想哭</t>
  </si>
  <si>
    <t>疫情打亂金門馬拉松 縣府推2021回饋方案</t>
  </si>
  <si>
    <t>新北確診者喉嚨痛 曾南下美濃婆家5日匡列32人</t>
  </si>
  <si>
    <t>天天三重板橋來回 他PCR採檢3天等嘸通知 看App驚覺確診</t>
  </si>
  <si>
    <t>中、台、韓、印股 法人欽點</t>
  </si>
  <si>
    <t>法人</t>
  </si>
  <si>
    <t>入院51天 韓國確診第31例仍接受治療</t>
  </si>
  <si>
    <t>好消息！ 台鐵車長二採陰性 未感染新冠肺炎</t>
  </si>
  <si>
    <t>京元電移工群聚感染新增32例 還有2000人待篩</t>
  </si>
  <si>
    <t>力推刺激政策 股市投資亮綠燈</t>
  </si>
  <si>
    <t>西安首批 529所學校將開學</t>
  </si>
  <si>
    <t>7＋7同住家人管控難 侯友宜：產生破口是全民承擔</t>
  </si>
  <si>
    <t>高雄確診-1 居服員二、三採陰 排除染疫</t>
  </si>
  <si>
    <t>社交距離App僅29名確診者上傳資料 高虹安傻眼籲疾管署改善問題</t>
  </si>
  <si>
    <t>台中今增1本土、1境外 新社48歲男子排除確診</t>
  </si>
  <si>
    <t>黃卡可註記國藥、科興 陳時中：針對事實認定</t>
  </si>
  <si>
    <t>台灣確診死亡率狂飆？教授揭原因：根本不能比</t>
  </si>
  <si>
    <t>中市西屯區公所宣導防疫 保持社交距離</t>
  </si>
  <si>
    <t>美吾華‧懷特‧安克生技集團 報佳音</t>
  </si>
  <si>
    <t>APEC籲共同防疫 外交部：將加強與各經濟體合作</t>
  </si>
  <si>
    <t>宣昶有：臍帶間質幹細胞新藥 拚治新冠肺炎</t>
  </si>
  <si>
    <t>空手道帥哥運動員也驚傳確診！2月曾到巴黎、奧地利</t>
  </si>
  <si>
    <t>南市府超前部署 演練遺體處理</t>
  </si>
  <si>
    <t>13億人只有3確診 印度驚人數字就靠「這一招」</t>
  </si>
  <si>
    <t>台灣人沒病死也快餓死 藥師曝背後關鍵 網狂讚「一針見血」</t>
  </si>
  <si>
    <t>英股一瀉千里 今恐寫下33年來最黑暗一日</t>
  </si>
  <si>
    <t>紓困效能新竹市最佳 有土沒有財仍可紓困</t>
  </si>
  <si>
    <t>德推5千億歐元 紓困企業</t>
  </si>
  <si>
    <t>蘇貞昌說的第二季「2000萬劑疫苗」在哪？ 前立委：民進黨呼攏人民</t>
  </si>
  <si>
    <t>蘇揆聞花香扯肺炎 鄭照新：民主、愛國只是民進黨的工具</t>
  </si>
  <si>
    <t>流感加新冠 要靠快篩救醫療</t>
  </si>
  <si>
    <t>因澳洲音樂家延後班機　歌仔戲國寶廖瓊枝明抵台</t>
  </si>
  <si>
    <t>台防疫恐現漏洞？網點名這裡很危險</t>
  </si>
  <si>
    <t>長聖新藥授權 Q1有望敲定</t>
  </si>
  <si>
    <t>川普嗆退 WHO官員：他只是喊喊</t>
  </si>
  <si>
    <t>WoW！係首長 1》防疫紓困大作戰 黃偉哲痛苦假貨太多</t>
  </si>
  <si>
    <t>疫情蔓延 防疫概念股重燃漲勢</t>
  </si>
  <si>
    <t>高雄碼頭工人打莫德納猝死 妻悲痛：曾勸他別打不聽</t>
  </si>
  <si>
    <t>鄭州累計101人感染新冠病毒 確診16人無症狀85人</t>
  </si>
  <si>
    <t>逆襲？美國會籲讓台加入調查 揭露陸隱瞞疫情與WHO失職</t>
  </si>
  <si>
    <t>單月3起隨機殺人竟與疫情有關？ 專家曝關鍵</t>
  </si>
  <si>
    <t>拒當國際孤兒 羅智強曝隱憂：蔡英文還要繼續擋國際疫苗嗎？</t>
  </si>
  <si>
    <t>譚德塞：如果各國不團結 最糟糕時刻會很快到來</t>
  </si>
  <si>
    <t>新竹縣今增4確診 縣府：接種疫苗14天內猝死發10萬慰問金</t>
  </si>
  <si>
    <t>NBA》上帝保佑！穆迪埃發推澄清是陰性</t>
  </si>
  <si>
    <t>新冠極端症狀：男咳到大吐血</t>
  </si>
  <si>
    <t>《電子通路》「遠距」商機旺到H2 大聯大Q3延續成長動能</t>
  </si>
  <si>
    <t>衛生紙之亂還沒完？本土劇女星連跑3店被掃空：傻眼</t>
  </si>
  <si>
    <t>雲南瑞麗長期封城民眾生活難熬 「一年0收入」處崩潰邊緣</t>
  </si>
  <si>
    <t>1人傳9人！白河家庭群聚案再＋1 8旬翁陰轉陽確診</t>
  </si>
  <si>
    <t>疫情爆炸「這2個數字最可怕」 台大醫：三級警戒已控制不住</t>
  </si>
  <si>
    <t>台將成非口蹄疫區 豬肉可望外銷</t>
  </si>
  <si>
    <t>馬公堅持辦清明法會遭賴峰偉嗆開罰 他從善如流了</t>
  </si>
  <si>
    <t>轉移焦點？吳釗燮：中國透過商界與我邦交國接觸</t>
  </si>
  <si>
    <t>數千前線醫務人員恐染新冠肺炎 陸疫情面臨新危機</t>
  </si>
  <si>
    <t>帛琉零確診新光醫院大功臣</t>
  </si>
  <si>
    <t>《盤中解析》「疫」外再起、選前躁動 台股量縮難為</t>
  </si>
  <si>
    <t>首家券商中標 群益證1名內勤員工確診</t>
  </si>
  <si>
    <t>吳佩慈剛喊話打疫苗 富商男友驚爆虧百億 酒店王國黯淡歇業</t>
  </si>
  <si>
    <t>日職》藤浪疑似染上新冠 嗅覺失靈接受檢測</t>
  </si>
  <si>
    <t>新莊績優民防表揚警局長蒞臨 視訊同步共同阻詐表決心</t>
  </si>
  <si>
    <t>完整接種才能7＋7 莊人祥：大陸疫苗考慮入列</t>
  </si>
  <si>
    <t>Fed開始買進公司債ETF</t>
  </si>
  <si>
    <t>國衛院新冠疫苗大突破 動物實驗可將病毒量減到1％</t>
  </si>
  <si>
    <t>華人戴口罩防疫被歧視恥笑 胡宇威：笑他們的人才是傻瓜！</t>
  </si>
  <si>
    <t>宜蘭縣加強防疫 1學生確診全校停課14天</t>
  </si>
  <si>
    <t>聯亞、高端誰比較好？李秉穎：都是自己小孩不需要比</t>
  </si>
  <si>
    <t>印度Delta病毒入侵台灣 柯文哲昨天一句話網驚：又是神預言</t>
  </si>
  <si>
    <t>新北確診個案又破百例 侯友宜：應用發病日看趨勢</t>
  </si>
  <si>
    <t>大甲媽遶境停辦否 徐國勇：請示蘇揆 尚未定案</t>
  </si>
  <si>
    <t>三星Galaxy Note 20傳將線上發表 無實體發表會</t>
  </si>
  <si>
    <t>大馬歌手來台發片兼徵婚 「大家先來認識我」</t>
  </si>
  <si>
    <t>台中醫北上就醫染疫 匡列22名接觸者 篩檢結果出爐</t>
  </si>
  <si>
    <t>北韓官員隔離期間趴趴走 慘遭槍決</t>
  </si>
  <si>
    <t>Delta病毒入侵仍缺疫苗 賴士葆：8400億防疫預算花到哪了？</t>
  </si>
  <si>
    <t>新冠肺炎康復者「復陽性」並非再感染</t>
  </si>
  <si>
    <t>立即查獲居家檢疫者趴趴走 盧秀燕肯定防疫人員</t>
  </si>
  <si>
    <t>防疫 總統帶頭 盼大型活動喊停</t>
  </si>
  <si>
    <t>新北幼兒園群聚擴大 羅致政籲全市預防性停課幾天</t>
  </si>
  <si>
    <t>他曝打完AZ發燒時間點 崩潰進入「人生搖滾區」痛到炸裂</t>
  </si>
  <si>
    <t>2人接種高端隔天猝逝 醫籲：應該暫停施打</t>
  </si>
  <si>
    <t>居家快篩試劑今開賣 一表看懂5款價格、資訊</t>
  </si>
  <si>
    <t>已死149人破SARS紀錄 藍委曝這族群高死亡率卻受忽略</t>
  </si>
  <si>
    <t>新增本土333例 陳時中：茶藝館為大宗 宜蘭的緩下來了</t>
  </si>
  <si>
    <t>第12輪明大規模開打 3大疫苗副作用曝光 莫粉打第二劑注意</t>
  </si>
  <si>
    <t>高鐵調薪無限期凍漲 工會嘩然：嚴重打擊士氣</t>
  </si>
  <si>
    <t>嘉縣新塭嘉應廟 首辦南巡北狩</t>
  </si>
  <si>
    <t>英37歲駐匈牙利副大使 感染新冠肺炎病逝</t>
  </si>
  <si>
    <t>萬華少爺確診回林內趴趴走假訊息 台中市警迅速查辦闢謠</t>
  </si>
  <si>
    <t>青少年第2劑將開打　專家傳授心肌炎監測妙招</t>
  </si>
  <si>
    <t>美華專家：疫情會否反撲　大陸如何應對</t>
  </si>
  <si>
    <t>台電公司板橋營業處1外包人員染疫 侯友宜：掌握中</t>
  </si>
  <si>
    <t>歐盟開放54國入境沒台灣 公衛專家揭關鍵出在這</t>
  </si>
  <si>
    <t>莫德納將混打高端？民進黨團急喊 「不一定」：研究階段</t>
  </si>
  <si>
    <t>紐約郵報稱台灣專制防疫 外交部譴責報導不實</t>
  </si>
  <si>
    <t>校園BNT殘劑誰可打？ 北市訂4大原則</t>
  </si>
  <si>
    <t>看看這串驚人數字！黃創夏為醫護人員喊話</t>
  </si>
  <si>
    <t>美、中企業入侵 歐加強防禦</t>
  </si>
  <si>
    <t>《盤後解析》航海王全亮燈 周線終止連黑</t>
  </si>
  <si>
    <t>陸增48例本土確診、涉及8省 孫春蘭坐鎮甘肅</t>
  </si>
  <si>
    <t>太陽報：AZ疫苗打造殺手訓練營 或提供終生保護力</t>
  </si>
  <si>
    <t>桃園特殊交友圈再＋1 多次拜訪居隔友人確診</t>
  </si>
  <si>
    <t>不聽爸爸的話 高雄男仗2點揪人打麻將 警上門1女5男臉發青</t>
  </si>
  <si>
    <t>宣導防範豬瘟 移民署辦理嘉義新住民母語網絡宣導</t>
  </si>
  <si>
    <t>歐陽娜娜IG消失2個月現身！曬「居家亂髮照」網激動：終於回來了</t>
  </si>
  <si>
    <t>陳玉珍：口罩5塊已含物流費 不應多收7塊</t>
  </si>
  <si>
    <t>中西醫結合 避免重症化</t>
  </si>
  <si>
    <t>桃醫院內感染危機解除 陳時中支持度網難以置信</t>
  </si>
  <si>
    <t>蔡英文提醒愚人節勿拿疫情開玩笑 以免觸法</t>
  </si>
  <si>
    <t>確診機師足跡入苗栗 58人住進集中檢疫所</t>
  </si>
  <si>
    <t>每1人確診 陳時中：光社會成本就要210萬</t>
  </si>
  <si>
    <t>減輕家長抗疫負擔！香港停課發放「學生津貼」 每人3500港幣</t>
  </si>
  <si>
    <t>《國際金融》救經濟 馬來西亞央行降息2碼</t>
  </si>
  <si>
    <t>10／1降為一級？ 指揮中心鬆口：八大行業將有條件開放</t>
  </si>
  <si>
    <t>《盤後解析》大立光開槍 台股收挫逾百點</t>
  </si>
  <si>
    <t>雙北長照機構淪陷 花蓮縣府：機構人員列接種第二順位</t>
  </si>
  <si>
    <t>本土疫情嚴峻！立委馬文君感謝前線防疫警消、醫護、清潔等人員</t>
  </si>
  <si>
    <t>美八大銀行 暫緩實施庫藏股</t>
  </si>
  <si>
    <t>女「無罩」趴倒新莊體育館門口階梯 警消全副武裝查看全是烏龍</t>
  </si>
  <si>
    <t>新冠肺炎社區傳播首例 口罩之亂恐愈演愈烈</t>
  </si>
  <si>
    <t>防新冠肺炎擴散 好市多做這件事讓網友崩潰</t>
  </si>
  <si>
    <t>隨到隨打莫德納2天打2144人 台南火車站、文化中心6、7日繼續打</t>
  </si>
  <si>
    <t>新冠肺炎未成年確診病例激增！　南韓政府2度延後開學時間</t>
  </si>
  <si>
    <t>羅大佑〈伴侶〉抗疫女兒入鏡</t>
  </si>
  <si>
    <t>台大生醫園區分院急診開幕 瑞昱捐200萬助警守護肺部健康</t>
  </si>
  <si>
    <t>西確診12萬例超義 全球第二</t>
  </si>
  <si>
    <t>印度變異病毒株 中研院：傳播更快、更具傳染力</t>
  </si>
  <si>
    <t>校正回歸導致難即時判讀 柯：看快篩陽性總數才準</t>
  </si>
  <si>
    <t>疫苗覆蓋率大漲 醫師4字神比喻 網喊衝了！</t>
  </si>
  <si>
    <t>神 新冠患者破500萬僅次美 他卻沒像川普被罵臭頭</t>
  </si>
  <si>
    <t>安南區家族群聚8人染疫 南市府認症狀非Delta病毒</t>
  </si>
  <si>
    <t>國光生醫務長陳純誠上任 新冠疫苗開發有無補助都做到底</t>
  </si>
  <si>
    <t>疫情助長數位詐欺 SAS台灣總經理陳愷新：企業應善用AI 進行即時風險監控</t>
  </si>
  <si>
    <t>37家中小口罩廠僅14家生產 徵用後日多30萬片</t>
  </si>
  <si>
    <t>陳雷大馬開唱延期損300萬 女兒住「加州」超擔心</t>
  </si>
  <si>
    <t>《通信網路》威潤防疫新品出征東瀛 買家踴躍</t>
  </si>
  <si>
    <t>彰縣核酸檢測量能單日400支 已著手準備抗原快篩</t>
  </si>
  <si>
    <t>應變醫院將清空收治 社宅供醫護住宿</t>
  </si>
  <si>
    <t>新北長者打疫苗 仿效日本宇美町式</t>
  </si>
  <si>
    <t>新冠肺炎教會我們的一課 《病毒不是故意的？！》述如何與病毒共處</t>
  </si>
  <si>
    <t>防護7成飛沫傳染 嘉基醫院送嘉市1000個新生兒防護面罩</t>
  </si>
  <si>
    <t>川普急出院可能導致選情崩盤？ 學者：言之過早</t>
  </si>
  <si>
    <t>NBA》復賽後若疫情惡化 席爾佛：再次停賽</t>
  </si>
  <si>
    <t>新冠肺炎若造成永久性嗅覺喪失 失能險有賠</t>
  </si>
  <si>
    <t>藥廠對抗新冠肺炎 邁大步</t>
  </si>
  <si>
    <t>港府頒餐廳限客新規 公共娛樂場所暫關閉</t>
  </si>
  <si>
    <t>好消息！永和群聚案獲控制 侯友宜曝關鍵全靠市民積極配合</t>
  </si>
  <si>
    <t>香港第3波新冠疫情擴散 單日新增確診42例 緊縮限聚令</t>
  </si>
  <si>
    <t>《半導體》力搏市場雜音 美系外資挺聯發科、續看1740元</t>
  </si>
  <si>
    <t>食物最容易沾染病毒！譚敦慈：外食先看2關鍵</t>
  </si>
  <si>
    <t>Delta危機四伏 專家揭一疫苗現象：傳統方式還是最好</t>
  </si>
  <si>
    <t>二期試驗沒完成就簽約 藍委要證交所抓高端疫苗異常交易</t>
  </si>
  <si>
    <t>新冠肺炎趨緩 歐元疲軟 歐股創新高</t>
  </si>
  <si>
    <t>六輕再添1員工染疫 回高雄住處就醫確診</t>
  </si>
  <si>
    <t>奔騰思潮：劉大年》新冠肺炎下的美國</t>
  </si>
  <si>
    <t>醫斷言：社區感染終將到來 免疫力才是硬道理</t>
  </si>
  <si>
    <t>致函台灣要疫苗？菲律賓否認</t>
  </si>
  <si>
    <t>獨家〉新北再傳1確診者死亡 家屬被「居家隔離」無法送終</t>
  </si>
  <si>
    <t>青少年BNT第二劑打不打？指揮中心：兩周後再議</t>
  </si>
  <si>
    <t>日自衛隊備大巴 送公主號美旅客搭包機</t>
  </si>
  <si>
    <t>張瑞雄》不舒適也不仁慈的美國</t>
  </si>
  <si>
    <t>WWE巨星放棄大賽：我怕病毒</t>
  </si>
  <si>
    <t>民進黨要員怎不擔任抗疫總指揮？港媒嗅出不尋常</t>
  </si>
  <si>
    <t>張上淳：居家檢疫出現腹瀉者 通通篩檢</t>
  </si>
  <si>
    <t>三倍券將爆發民怨？她揭3關鍵要素綠議員贊同</t>
  </si>
  <si>
    <t>可多救500萬人 世衛促G20捐6500億抗疫</t>
  </si>
  <si>
    <t>何時恢復正常生活？陳建仁這麼說</t>
  </si>
  <si>
    <t>今新增10例本土 雙北7人最多 共3死</t>
  </si>
  <si>
    <t>開學在即 全國家長會長聯盟籲提8點防疫</t>
  </si>
  <si>
    <t>全國兩會不遠了 青海內蒙召開兩會</t>
  </si>
  <si>
    <t>疫情來襲 北市酒駕執法不打烊</t>
  </si>
  <si>
    <t>桃園特殊交友圈增8確診 文化局同仁也染疫</t>
  </si>
  <si>
    <t>莫德納來了！盧秀燕：29日起為68歲以上長者打第2劑</t>
  </si>
  <si>
    <t>新冠肺炎或長期流行 有如流感</t>
  </si>
  <si>
    <t>美國防授權法 呼籲醫療船來台</t>
  </si>
  <si>
    <t>美中角力下的台灣 《外交政策》：戰場延燒至疫苗外交</t>
  </si>
  <si>
    <t>屏東鳳梨出運 外銷日本超市第一櫃</t>
  </si>
  <si>
    <t>鍾南山：6月可以期待結束疫情</t>
  </si>
  <si>
    <t>美五角大廈37人中鏢！正副國防部長緊急隔離</t>
  </si>
  <si>
    <t>單日新增＋校正回歸 本土確診＋472 疫情壓不住 確診破萬增21死</t>
  </si>
  <si>
    <t>屏東Delta群聚 陳時中：相信越來越樂觀</t>
  </si>
  <si>
    <t>京元電子群聚感染 台中市府清查同人力仲介移工</t>
  </si>
  <si>
    <t>手機哪裡最髒？新冠病毒在特定環境竟可活28天</t>
  </si>
  <si>
    <t>為何防疫優秀紓困卻一團亂 網一針見血：問題都在他身上</t>
  </si>
  <si>
    <t>擬開放企業自行快篩 竹科可成為首個示範地點</t>
  </si>
  <si>
    <t>華春瑩痛罵：蓬佩奧編造謊言 已是公開秘密</t>
  </si>
  <si>
    <t>先打年輕人第1劑還是長輩第2劑？陳時中：這個問題永遠無解</t>
  </si>
  <si>
    <t>航空業危機？爆有第4人確診 莊人祥回應了</t>
  </si>
  <si>
    <t>美國旅遊疫情建議升級？陳時中：已到臨界點 分州實施</t>
  </si>
  <si>
    <t>無薪假家數、人數再創新高 逾千家住宿及餐飲業大減班</t>
  </si>
  <si>
    <t>【全台大停電】指揮中心漆黑一片 疫情直播突中斷 網驚：世界末日？</t>
  </si>
  <si>
    <t>北市5例中有3例是無症狀 柯文哲嘆醫院抓黑數進度緩慢</t>
  </si>
  <si>
    <t>日本和歌山縣再增3例新冠肺炎</t>
  </si>
  <si>
    <t>疫情指揮中心提升一級開設 國民黨肯定</t>
  </si>
  <si>
    <t>蘭科植物園自辦蘭展 名花爭豔</t>
  </si>
  <si>
    <t>住宿舍搭校車 生活單純規律！新增16例新冠確診 台師大生感染源不明</t>
  </si>
  <si>
    <t>因應傳染病威脅 國軍預醫所將規劃興建新的「P4實驗室」</t>
  </si>
  <si>
    <t>三級警戒不斷延後何時能解？網點出1關鍵：中秋節後</t>
  </si>
  <si>
    <t>第三劑莫德納4類人優先打！何時輪到你 4大QA一次看</t>
  </si>
  <si>
    <t>嚴防Delta病毒 鄭文燦提7大防線檢視</t>
  </si>
  <si>
    <t>涉掏空蘋果西打母公司 孫幼英怕染疫求免派出所報到 法官不准</t>
  </si>
  <si>
    <t>《產業》空中巴士在法國與西班牙部份復工</t>
  </si>
  <si>
    <t>揉眼、搓鼻染新冠病毒機率大增 醫師提醒家長注意過敏兒</t>
  </si>
  <si>
    <t>直播》新北「微＋2」逐步微解封 侯友宜：不具傳播力地點開始</t>
  </si>
  <si>
    <t>問題大了 美航母近3000人要下艦隔離</t>
  </si>
  <si>
    <t>中市增11例本土個案 確診者曾到健保署中區辦健保卡</t>
  </si>
  <si>
    <t>蕭乾祥專欄－從國際油價看後疫情時代投資方向</t>
  </si>
  <si>
    <t>國人重拾看國片信心！整體票房較去年成長30％</t>
  </si>
  <si>
    <t>亞洲新媒體高峰會</t>
  </si>
  <si>
    <t>法人喊買 鎧勝、可成行情升</t>
  </si>
  <si>
    <t>強生很嚴重！川普為英相祈禱 親派最棒專家赴英</t>
  </si>
  <si>
    <t>北市「不只1童」去新北染疫幼兒園 中正、中山區3公幼即起停課</t>
  </si>
  <si>
    <t>防堵疫情擴散 彰化今起連三天全縣大消毒</t>
  </si>
  <si>
    <t>藥局、衛生所喘息 4月19日起周日不賣口罩</t>
  </si>
  <si>
    <t>排華加劇 華人圈微信群組自保</t>
  </si>
  <si>
    <t>流感症狀與新冠肺炎雷同 專家提醒施打公費流感疫苗開打</t>
  </si>
  <si>
    <t>中職不縮水 開幕戰恐延到清明後</t>
  </si>
  <si>
    <t>影射政府徵用口罩大賺一筆 台中女上班族遭送辦</t>
  </si>
  <si>
    <t>新冠肺炎蔓延 呂秀蓮：總統應全權授權陳建仁帶領抗疫情</t>
  </si>
  <si>
    <t>義大利旅遊疫情建議 即日起升為第三級警告</t>
  </si>
  <si>
    <t>陸配納健保爭議…馬英九駁陳柏惟 籲警方究責</t>
  </si>
  <si>
    <t>南彰大家族傳播＋2 媳孫確診</t>
  </si>
  <si>
    <t>疫情推動遠距工作潮 英國四大電信網路崩潰微軟Teams故障</t>
  </si>
  <si>
    <t>趙少康「運氣說」遭綠圍剿有理？羅智強突破盲點</t>
  </si>
  <si>
    <t>力挺譚德塞惹議 LadyGaga恐成下個出征目標？</t>
  </si>
  <si>
    <t>2確診者感染源不明 陳時中不否認社區存在未爆彈</t>
  </si>
  <si>
    <t>陳時中下令要政風查葉彥伯 前疾管局副局長4字重轟：這不是逆時中</t>
  </si>
  <si>
    <t>財報、籌碼雙喜 16檔演主旋律</t>
  </si>
  <si>
    <t>北市中正區5旬男確診 14人居隔、3人PCR待出爐</t>
  </si>
  <si>
    <t>禁三倍券買賣 鄭運鵬提3點：我反對</t>
  </si>
  <si>
    <t>是否隔離說法引爭議 謝長廷：防疫中心決定</t>
  </si>
  <si>
    <t>比南海還危險 專家指中美愈緊張 陸愈急於奪台 部署潛艇基地</t>
  </si>
  <si>
    <t>另類商機！布口罩套夯 三重碧華布街湧人潮購布料</t>
  </si>
  <si>
    <t>諾獎得主：按現在速度 一個月內半數美國人染疫</t>
  </si>
  <si>
    <t>《半導體》頎邦上季、去年獲利齊登歷史第3高 多頭給漲聲</t>
  </si>
  <si>
    <t>彰化萬人檢測 台大公衛教授證實：有4個族群驗出陽性反應</t>
  </si>
  <si>
    <t>Garmin員工染疫 鄭文燦：7日入廠採檢 晚上才獲通知確診</t>
  </si>
  <si>
    <t>武漢跨年人潮湧動美歐羨慕 陸媒：如今全球封城武漢狂歡</t>
  </si>
  <si>
    <t>NBA若閉門打 詹皇改口願出賽</t>
  </si>
  <si>
    <t>大陸監獄爆新冠肺炎 劉樂妍：不捨醫護人員營救</t>
  </si>
  <si>
    <t>揭新冠肺炎未來 專家提三聯體防疫策略「與病毒共存」</t>
  </si>
  <si>
    <t>歐美疫苗臨床試驗也排除多個病種？莫德納官網打臉陳時中</t>
  </si>
  <si>
    <t>鍾南山：新冠肺炎對患者中樞神經傷害不明顯</t>
  </si>
  <si>
    <t>63歲影帝中標新冠肺炎 湯姆漢克被爆「最大隱憂」</t>
  </si>
  <si>
    <t>趙少康拍桌怒轟「什麼政府」 女醫生臉書14字回嗆</t>
  </si>
  <si>
    <t>光田擴大遠距視訊門診服務 腹膜透析居家洗腎更安心</t>
  </si>
  <si>
    <t>新北首辦線上國際閱讀節　全市國小生享40萬冊電子書</t>
  </si>
  <si>
    <t>回歸14世紀！ 紐約大教堂改造成野戰醫院</t>
  </si>
  <si>
    <t>AZ、莫德納恐引發嚴重副作用 台大醫：5種人要注意</t>
  </si>
  <si>
    <t>蕭敬騰憂心台灣家人「每天叮嚀」 隔海遙控備乾糧口罩送家門口</t>
  </si>
  <si>
    <t>新冠重創美駐印外交圈 上百職員染疫2死 商會曝真正風險才要來</t>
  </si>
  <si>
    <t>三零隔天秒破功 今增1本土 新北60多歲男發燒確診</t>
  </si>
  <si>
    <t>大陸新增21例本土確診 張家界旅遊傳播鏈現形</t>
  </si>
  <si>
    <t>藍委要求蔡英文向美積極搶購疫苗 升高防疫層級由賴清德當指揮官</t>
  </si>
  <si>
    <t>《國際政治》聯邦支出法案＋新冠紓困措施 美國會拚同時達陣</t>
  </si>
  <si>
    <t>綠色療癒力 蔡宜宸教你做心田「園丁」</t>
  </si>
  <si>
    <t>台灣版新冠肺炎地圖上線 即刻掌握第一手疫情</t>
  </si>
  <si>
    <t>美團去年轉盈 46億人民幣入袋</t>
  </si>
  <si>
    <t>台灣走向開放 張上淳：不可能100％不漏接任何個案</t>
  </si>
  <si>
    <t>《國際社會》日本日增病例逾980名 連2天創新高</t>
  </si>
  <si>
    <t>NBA罕見協議 停賽期間不做藥檢</t>
  </si>
  <si>
    <t>防疫優先 黃暐瀚母親台中告別式家祭不公祭</t>
  </si>
  <si>
    <t>《半導體》聯發科挺住 Q1營收超車財測</t>
  </si>
  <si>
    <t>不捨萬華染臭名 在地人老闆娘曝心聲：這裡包容了所有人</t>
  </si>
  <si>
    <t>4個月前看見台灣一景況預言防疫早鬆懈 孫協志：自負爽完後果</t>
  </si>
  <si>
    <t>新冠肺炎》憂台有111名潛在感染者未找出 台大教授籲：加嚴篩檢條件</t>
  </si>
  <si>
    <t>情人節排除感染新冠肺炎 基隆醫院送巧克力</t>
  </si>
  <si>
    <t>5本土個案仍找不到感染源 陳時中最擔心這2例</t>
  </si>
  <si>
    <t>疫苗預約量大過醫療量能 北市再轟中央：不體諒地方就自己打</t>
  </si>
  <si>
    <t>加強紓困！台中市場攤商租金8折 攤商滿意度高</t>
  </si>
  <si>
    <t>南下墾丁心得 防疫五月天：民眾生活如常 比國外幸運很多</t>
  </si>
  <si>
    <t>曝超市買得到「防疫神物」 女星慶幸住大陸：感謝祖上</t>
  </si>
  <si>
    <t>天華兩大滋補品 守護呼吸系統</t>
  </si>
  <si>
    <t>端午連假想回家錯了嗎？網友公審返鄉「病毒伴手禮」吵翻天</t>
  </si>
  <si>
    <t>最美魚販挺柯P退職醫護徵召 曝受訓首日狀況</t>
  </si>
  <si>
    <t>高明見》流感疫苗之亂來了</t>
  </si>
  <si>
    <t>巴西總統人氣疫外高</t>
  </si>
  <si>
    <t>《國際社會》模範生疫情拉警報 德國新冠病毒傳染率激增</t>
  </si>
  <si>
    <t>開第一槍！林右昌籲：全國三級警戒再延2周</t>
  </si>
  <si>
    <t>高規格防疫 高巿議會取消歲末聯誼及新春團拜</t>
  </si>
  <si>
    <t>添3亡魂 母發燒2天亡 女兒隔離見不到最後一面</t>
  </si>
  <si>
    <t>新冠肺炎》俄羅斯總理證實確診 其職務由第一副總理暫代</t>
  </si>
  <si>
    <t>工人上月從桃園返鄉20多天才確診 花蓮縣府：個案沒收到匡列通知</t>
  </si>
  <si>
    <t>急著探望在美孫 違反檢疫嬤2天繳清10萬</t>
  </si>
  <si>
    <t>迎戰Delta疫情 王任賢：讓新北比照屏東緊急接種疫苗</t>
  </si>
  <si>
    <t>7／12餐飲拚內用生變？陳時中坦言：現在時機不對</t>
  </si>
  <si>
    <t>重返高雄 皇普搶進科工館房市熱區</t>
  </si>
  <si>
    <t>德國郵輪1200乘客於挪威港口檢疫</t>
  </si>
  <si>
    <t>台灣將稱霸半導體設備市場</t>
  </si>
  <si>
    <t>新冠疫苗成外交角力籌碼 宅神嘆：台灣還是要靠自己</t>
  </si>
  <si>
    <t>加強版防疫旅館患者等嘸人 柯P下令60歲以上患者配戴血氧監視器</t>
  </si>
  <si>
    <t>獨／政商黑白道的最愛 縱橫33年「頂上魚翅」驚傳熄燈</t>
  </si>
  <si>
    <t>靠精油防新冠肺炎 還要加上這一物</t>
  </si>
  <si>
    <t>中央拚千萬劑國產疫苗7月底開打 侯友宜怒批：我們還能再等2個月嗎？</t>
  </si>
  <si>
    <t>中元普渡不開放=8月無法降級？陳宗彥這麼說</t>
  </si>
  <si>
    <t>新北增65例 侯友宜曝：這區新增6確診有點特殊</t>
  </si>
  <si>
    <t>日韓疫情燒 我不排除邊境管制</t>
  </si>
  <si>
    <t>動力3月營收 月增近三倍</t>
  </si>
  <si>
    <t>人妻突收疫苗通知簡訊嗨喊「比婆婆早打」 真相曝光秒崩潰</t>
  </si>
  <si>
    <t>疑飼育員傳染 回傳人類機會不大</t>
  </si>
  <si>
    <t>台灣醫師召開線上跨國會議 對俄國分享防治新冠肺炎經驗</t>
  </si>
  <si>
    <t>NBA》退役球員確診 北美四大職業賽會同性戀第一人</t>
  </si>
  <si>
    <t>陸官方稱研究顯示氣溶膠、糞口傳播機率低</t>
  </si>
  <si>
    <t>藥師怒火被聽到了！ 陳時中：將撥經費聘工讀生</t>
  </si>
  <si>
    <t>批防疫不力被陳時中告 網轟：心眼到底多小？</t>
  </si>
  <si>
    <t>滯留武漢153人返台 接受集中檢疫14天</t>
  </si>
  <si>
    <t>謀疫難政治財得不償失</t>
  </si>
  <si>
    <t>蔡英文臉書遇逆風 媒體人：栽在賈永婕手上</t>
  </si>
  <si>
    <t>肺炎防疫第一線受矚 世新公廣訪基層醫護吐心聲</t>
  </si>
  <si>
    <t>台耀開發瑞德西韋 桃市府當後盾</t>
  </si>
  <si>
    <t>酒店女公關疫調出爐　男客身分全掌握</t>
  </si>
  <si>
    <t>歐陽靖被爆取消關注日籍老公傳失和 驚曝「決定不來台灣探望我們了」</t>
  </si>
  <si>
    <t>疫情還在高峰期 專家預估6月中旬才可能下降</t>
  </si>
  <si>
    <t>1分鐘看世界》美籲國民速返回 川普終於建議戴口罩</t>
  </si>
  <si>
    <t>疫情衝擊就業 高市府釋1073個防疫職缺</t>
  </si>
  <si>
    <t>林明溱視察疫苗接種站 曝南投縣人口涵蓋率破5成</t>
  </si>
  <si>
    <t>1922混打系統修改中 莊人祥：第12輪爽約自動停一輪</t>
  </si>
  <si>
    <t>az</t>
  </si>
  <si>
    <t>《興櫃股》瘦身盼度寒冬 維格餅家苦笑</t>
  </si>
  <si>
    <t>春節入境新制將上路！旅館忙改入住時間 陳時中致歉</t>
  </si>
  <si>
    <t>抗新冠肺炎 胸腔內科醫師籲民眾戒菸</t>
  </si>
  <si>
    <t>湖南、北京新增外省關聯確診病例 軌跡同指張家界旅遊鏈</t>
  </si>
  <si>
    <t>《塑膠股》低油價時代來臨 外資喊買台塑、上看97元</t>
  </si>
  <si>
    <t>大連疫情擴散 5地9城市受牽連</t>
  </si>
  <si>
    <t>指揮中心發布 境外確診個案返國2條件</t>
  </si>
  <si>
    <t>新冠肺炎致訂貨量減 拾荒長者日收入減半</t>
  </si>
  <si>
    <t>MLB》球員偷開慶生趴 恐爆發群聚感染</t>
  </si>
  <si>
    <t>直播》 磐石艦染疫 韓國瑜說明高雄最新疫情</t>
  </si>
  <si>
    <t>居家檢疫落跑 2外國人太魯閣被攔強制安置</t>
  </si>
  <si>
    <t>施打AZ疫苗後 梅克爾第二劑疫苗接種莫德納</t>
  </si>
  <si>
    <t>遭控囤積醫療物資 華春瑩：已向120國提供大量援助</t>
  </si>
  <si>
    <t>中和分局偵查隊2員染疫 研議全隊居家自我管理</t>
  </si>
  <si>
    <t>新北增8例確診 劉和然：全是居隔案例</t>
  </si>
  <si>
    <t>指揮中心揭國內確診重症率5％ 背後藏這共同點</t>
  </si>
  <si>
    <t>前海軍艦長：陳道輝是我學生 究責算我一份！</t>
  </si>
  <si>
    <t>前白宮對華事務主管：美陸已由競爭轉為敵對關係</t>
  </si>
  <si>
    <t>美早期新冠肺炎首例死亡紀錄提前 與中國首例竟湊巧為同一天</t>
  </si>
  <si>
    <t>桃園開學將採高標準 1人確診全校停課14天</t>
  </si>
  <si>
    <t>瑞基雙喜臨門 營運動能強</t>
  </si>
  <si>
    <t>一家4確診1死 他不知病逝父案號：只能每天看CDC記者會猜</t>
  </si>
  <si>
    <t>不封城不停工 韓有效控制疫情引多國仿效</t>
  </si>
  <si>
    <t>海軍確診行程這地點曝光 網驚案情不單純</t>
  </si>
  <si>
    <t>《經濟》持續紓困產業 蘇貞昌：2周內籌編追加預算</t>
  </si>
  <si>
    <t>大立光跌太深 野村力挺喊買</t>
  </si>
  <si>
    <t>野村</t>
  </si>
  <si>
    <t>獨／5566首攻雄蛋完售破功 新冠肺炎疫情引爆退票潮</t>
  </si>
  <si>
    <t>板橋人怨新北耶誕城變「撒旦城」侯友宜：鼓勵搭乘大眾運輸</t>
  </si>
  <si>
    <t>高端與美國NIH合作開發新冠肺炎疫苗 拚下半年進入人體臨床實驗</t>
  </si>
  <si>
    <t>世衛： 新冠病毒為頭號公敵 比恐攻更具威脅</t>
  </si>
  <si>
    <t>不畏新冠肺炎疫情 七年級生開火鍋店拚轉機</t>
  </si>
  <si>
    <t>國光生：持續開發新冠疫苗決心不變</t>
  </si>
  <si>
    <t>枋山快篩站剩半天 潘孟安廣播喊話「拜託去篩」防印度變異株</t>
  </si>
  <si>
    <t>企業快篩指引何時出？指揮中心：待經濟部提計畫後審查擬定</t>
  </si>
  <si>
    <t>NBA》沒疫苗不看球 7成6球迷喊關門</t>
  </si>
  <si>
    <t>《業績-觀光》雲品Q1營收近1年半低點 Q2審慎應戰</t>
  </si>
  <si>
    <t>台灣9人突破性感染 醫急喊「快打2劑疫苗」 網全崩潰</t>
  </si>
  <si>
    <t>行庫淘金 鎖定新科技、高股息</t>
  </si>
  <si>
    <t>口罩實名制 侯友宜：1周2片不夠</t>
  </si>
  <si>
    <t>世銀大灑幣 斥資120億美元助發展中國家獲得新冠疫苗</t>
  </si>
  <si>
    <t>美FDA批准施打第3劑 3類人受惠 拜登被打臉</t>
  </si>
  <si>
    <t>網路出清額溫槍「甜甜價」 社區總幹事開箱嚇傻</t>
  </si>
  <si>
    <t>職場》打完AZ痛到眼睛快掉出來　老闆這句讓她不敢請假</t>
  </si>
  <si>
    <t>疫情加劇！《阿凡達》系列、《駭客任務4》無限期停拍</t>
  </si>
  <si>
    <t>上海今新增3例確診 均為浦東機場境外貨機作業人員</t>
  </si>
  <si>
    <t>江啟臣協調 金門送防疫酒精支援苗栗</t>
  </si>
  <si>
    <t>西洋名人確診再添3例 《K歌情人》配樂也中標</t>
  </si>
  <si>
    <t>《風雲雄霸天下》千葉真一不敵新冠肺炎逝世 享壽82歲</t>
  </si>
  <si>
    <t>《塑膠股》台塑Q2轉盈有望 恐依舊旺季不旺</t>
  </si>
  <si>
    <t>蘆洲買菜婦口罩拿手上遭警取締 最重開罰1萬5</t>
  </si>
  <si>
    <t>陳其邁採購物資 遭網友野生捕獲</t>
  </si>
  <si>
    <t>蔡琴護團隊防新冠肺炎 取消上半年演唱會</t>
  </si>
  <si>
    <t>警專生「插隊」打疫苗 台南、高雄通通認了：遵照警政署指示</t>
  </si>
  <si>
    <t>《金融》國銀對中小企新增放款 前5月達成率逼近8成</t>
  </si>
  <si>
    <t>學校清潔消毒 彭富源：希望在開學前3天完成</t>
  </si>
  <si>
    <t>專家稱727降級不解封像在賭一把 陳時中回6字</t>
  </si>
  <si>
    <t>防堵疫情 新北增設機動篩檢站</t>
  </si>
  <si>
    <t>買對保單 住負壓病房有醫靠</t>
  </si>
  <si>
    <t>醫大生打莫德納釀心肌炎 吞8顆止痛藥無效 2大警覺救一命</t>
  </si>
  <si>
    <t>疫情吃緊 感染呼吸道融合病毒會變氣喘？ 醫：恐呼吸衰竭</t>
  </si>
  <si>
    <t>波蘭贈台40萬劑AZ疫苗 蘇貞昌：善的循環</t>
  </si>
  <si>
    <t>專家示警 東京恐淪下個紐約</t>
  </si>
  <si>
    <t>蔡英文民調創新高 學者：未來還將面臨嚴峻兩岸挑戰</t>
  </si>
  <si>
    <t>疫情延燒 台灣西部唯一縣市為何能守住？他揭驚人巧合</t>
  </si>
  <si>
    <t>2020武漢風暴》加拿大權威醫師領隊 世衛專家團隊抵達大陸</t>
  </si>
  <si>
    <t>日厚勞相等3眾議員收到裝刀片的威脅信</t>
  </si>
  <si>
    <t>日職首位確診！藤浪新冠肺炎檢測陽性</t>
  </si>
  <si>
    <t>穩得實業 EMI認證業務火熱</t>
  </si>
  <si>
    <t>東奧》東奧期間確診數暴衝3倍 國際奧會這些發言讓日本人超火</t>
  </si>
  <si>
    <t>台中終結「嘉玲」今日新增1確診</t>
  </si>
  <si>
    <t>雲林第8例確診者第一次PCR陰性 第9例迄今無症狀</t>
  </si>
  <si>
    <t>宛如臉上戴了保險套！專家曝美男拒戴口罩內心最大恐懼</t>
  </si>
  <si>
    <t>大甲媽遶境 奉天宮嚴陣以待</t>
  </si>
  <si>
    <t>新冠肺炎衝擊陸企 安永：台商應建立供應鏈彈性</t>
  </si>
  <si>
    <t>新北、桃園交界蓋集中檢疫所？侯友宜：中央統一分配</t>
  </si>
  <si>
    <t>NBA》賈霸呼籲打疫苗 聯盟仍有反對意見</t>
  </si>
  <si>
    <t>Omicron傳染力恐是Delta五倍 靠第三劑？醫籲快收回一措施</t>
  </si>
  <si>
    <t>百萬YouTuber劉沛等不到疫苗 帶孕妻回美國接受酸民批評</t>
  </si>
  <si>
    <t>新北發病與確診日趨近於0 侯友宜點出一關鍵就能控制疫情</t>
  </si>
  <si>
    <t>台灣確診者在澳門遭驗出感染印度Delta變異病毒 該員曾在越南工作</t>
  </si>
  <si>
    <t>陳偉殷的下一步 考慮中職、日職、中華隊？</t>
  </si>
  <si>
    <t>入境謊報歐洲旅史 最高可罰15萬元</t>
  </si>
  <si>
    <t>防疫無礙 屏東易讀版手冊上線</t>
  </si>
  <si>
    <t>興櫃生技股突圍 攜手強漲</t>
  </si>
  <si>
    <t>國際場站出境19日開放飲食 業者：早就準備好了</t>
  </si>
  <si>
    <t>鹿港地藏王廟超渡法會 赫見白牌車染疫司機</t>
  </si>
  <si>
    <t>武漢夫妻患新冠肺炎12天痊癒 哭：感謝上海</t>
  </si>
  <si>
    <t>花博提早開打醫師哀怨 陳時中緩頰：長輩習慣早起</t>
  </si>
  <si>
    <t>台男堅持飛日 竟嗆：回不來政府會包機</t>
  </si>
  <si>
    <t>打莫德納送現金！這縣市6施打站接種 每人發500元</t>
  </si>
  <si>
    <t>斯洛伐克捐贈疫苗抵台 蔡英文：優先提供第二劑接種</t>
  </si>
  <si>
    <t>新冠肺炎疫情影響 東吳超馬決定停辦</t>
  </si>
  <si>
    <t>家 俱 防疫 白工 爆 怨 2 公社 搬家</t>
  </si>
  <si>
    <t>大疫當前 金門成立失業及無薪假勞工諮詢櫃台</t>
  </si>
  <si>
    <t>挨批視野狹隘！白宮圍剿佛奇 過失清單一長串</t>
  </si>
  <si>
    <t>京元電30移工快篩陽性 今PCR出爐！全部確診</t>
  </si>
  <si>
    <t>陳道輝遭調職是否公平？逾9成網友選邊站</t>
  </si>
  <si>
    <t>柯文哲曝感染新樣態 7成是家戶感染</t>
  </si>
  <si>
    <t>《金融股》元大期招募 培育多元人才</t>
  </si>
  <si>
    <t>金融 股 元大期 招募 培育 多元 人才</t>
  </si>
  <si>
    <t>店員比客人多 黃金山城「吹冷風」</t>
  </si>
  <si>
    <t>高端疫苗通過EUA 新北市副市長劉和然這樣說</t>
  </si>
  <si>
    <t>辦桌、流水席怎麼坐 陳時中：只要注意一限制</t>
  </si>
  <si>
    <t>超兇正妹穿三點式爬山 14萬人噴鼻血</t>
  </si>
  <si>
    <t>獨／許書豪今迎接33歲！生日禮「耗時3天」改造</t>
  </si>
  <si>
    <t>解封後首家健身房停業 即起「配合防疫」暫停營業2天</t>
  </si>
  <si>
    <t>民調滿意度高達9成 陳時中竟這樣回應</t>
  </si>
  <si>
    <t>還有500萬人沒打疫苗 民眾黨團籲政府增加誘因</t>
  </si>
  <si>
    <t>13名長者打AZ後猝死 是疫苗危險？ 台大權威醫說話了</t>
  </si>
  <si>
    <t>已確診45人！京元電快篩1915人 再傳51陽性</t>
  </si>
  <si>
    <t>匯率期貨趨勢專欄－美元兌日圓 走勢偏弱</t>
  </si>
  <si>
    <t>美國迎接死亡新年</t>
  </si>
  <si>
    <t>《業績-電子通路》拉貨力道回溫 茂綸5月營收雙增</t>
  </si>
  <si>
    <t>520總統就職大典 擬放寬參加人數</t>
  </si>
  <si>
    <t>防疫旅館貼紅標 陳時中：沒有必要</t>
  </si>
  <si>
    <t>社區已連續34天零確診 醫預言疫情發展：不必搶打第二劑</t>
  </si>
  <si>
    <t>又是喝咖啡 北市旅行社主管中鏢</t>
  </si>
  <si>
    <t>連兩天本土＋0 增4境外 1人連假逛百貨公司</t>
  </si>
  <si>
    <t>24名海軍「轉彎」願疫調 關鍵原因曝光！</t>
  </si>
  <si>
    <t>蘋果染疫 全球股市嚇跌</t>
  </si>
  <si>
    <t>《業績-電子通路》利機H1獲利登頂 今年拚逐季成長</t>
  </si>
  <si>
    <t>美喆新廠明年量產 有助全球接單</t>
  </si>
  <si>
    <t>無視防疫禁令 韓牧師口出狂言：染病參加集會就會好</t>
  </si>
  <si>
    <t>華南銀行挺紓困 成立紓困振興貸款處理小組</t>
  </si>
  <si>
    <t>《生醫股》長聖訂單滿 6月營收寫新高</t>
  </si>
  <si>
    <t>裝備升級！北市成立專責計程車隊 後送快篩陽性、輕症確診者</t>
  </si>
  <si>
    <t>女主播一家染疫痊癒 婆婆卻靠葉克膜搶命 自責：不孝輕忽</t>
  </si>
  <si>
    <t>經濟部擬發放酷碰券 立法院法制局提出3點建議</t>
  </si>
  <si>
    <t>中華奧會多元交流有成 獲頒雅典娜獎</t>
  </si>
  <si>
    <t>疫苗不足「恐打嘸第二劑」811萬人想打AZ、莫德納</t>
  </si>
  <si>
    <t>非洲確診與死亡人數增加40％ WHO控富裕國政策讓防疫失敗</t>
  </si>
  <si>
    <t>默沙東藥廠 終止研發新冠疫苗</t>
  </si>
  <si>
    <t>不再強硬？這一關鍵 讓美重啟武漢總領館反遭酸</t>
  </si>
  <si>
    <t>兩日激增386人染疫 最新確診地圖曝光 3縣市一夜變色</t>
  </si>
  <si>
    <t>美12月非農就業 意外減14萬人</t>
  </si>
  <si>
    <t>大蟒蛇纏身 台灣面臨窒息危機</t>
  </si>
  <si>
    <t>超前部署 南韓政府搶購疫苗也搶購口服新冠藥</t>
  </si>
  <si>
    <t>揪團購募物資 台新關懷社福</t>
  </si>
  <si>
    <t>美爆追打疫苗之亂 至少近千人已打第3劑 超輕鬆闖關內幕曝光</t>
  </si>
  <si>
    <t>台師大跨國研究：蝙蝠恐引發人畜共通傳染病</t>
  </si>
  <si>
    <t>我10確診個案好轉 出院時間未定</t>
  </si>
  <si>
    <t>嘉縣65歲以上民眾明開放打疫苗 擴大29場疫苗接種站應戰</t>
  </si>
  <si>
    <t>壽險包租公出招 新壽啟動以物易物救租戶</t>
  </si>
  <si>
    <t>中西醫合併治療新冠 現曙光</t>
  </si>
  <si>
    <t>材料 福建 肺炎 合作 研究院</t>
  </si>
  <si>
    <t>《專訪》是方攀「雲」計畫 10年拚闖國際盃(4-3)</t>
  </si>
  <si>
    <t>是 方 facebook amazon microsoft google</t>
  </si>
  <si>
    <t>陸遊客擠爆黃山 當地管委會未採預約制引民怨</t>
  </si>
  <si>
    <t>宜蘭綠舞強化體質 推有感專案</t>
  </si>
  <si>
    <t>台微體新冠肺炎新方案TLC19臨床試驗 納入首位受試者</t>
  </si>
  <si>
    <t>侯友宜成「藍營新希望」 知情人士警告：綠營不會手軟</t>
  </si>
  <si>
    <t>WeWork陷苦戰 客戶解約、拒付租金</t>
  </si>
  <si>
    <t>付 租金 租金 消息人士 肺炎 大型</t>
  </si>
  <si>
    <t>《科技》車聯網「飆」出新商機 台積電、聯發科等大將不缺席</t>
  </si>
  <si>
    <t>莊人祥否認棄打潮 AZ預約接種率「天天破9成」</t>
  </si>
  <si>
    <t>懷疑美軍將接管洛杉磯 男子開火車撞醫療船</t>
  </si>
  <si>
    <t>三面項支撐 美股後市不看淡</t>
  </si>
  <si>
    <t>萬華爆確診感染源不明 茶室超嗨影片曝光</t>
  </si>
  <si>
    <t>《興櫃股》昱厚3主力產品 加速推進臨床進程、商用</t>
  </si>
  <si>
    <t>重災區黑龍江 首度雙零</t>
  </si>
  <si>
    <t>桃觀光工廠營收少3成 只有這家逆勢翻倍成長</t>
  </si>
  <si>
    <t>韓專家怒批WHO不可信！預估南韓3月確診數恐破萬</t>
  </si>
  <si>
    <t>嘉義市再添1本土病例 男學生同寢室已3人無症狀確診</t>
  </si>
  <si>
    <t>「新冠肺炎紓困振興特別條例」通過 傅崐萁提案優先300億元疫苗採購</t>
  </si>
  <si>
    <t>憂疫情噩夢重來 巴塞隆納籲市民宅在家</t>
  </si>
  <si>
    <t>今起入境適用7＋7 黃珊珊深夜憂心發文：天佑台灣</t>
  </si>
  <si>
    <t>新冠病毒 中國恐更早傳開</t>
  </si>
  <si>
    <t>宜蘭挺醫護 企業家捐10萬元打氣</t>
  </si>
  <si>
    <t>道歉後就留任 政治戲碼給誰看？</t>
  </si>
  <si>
    <t>讓大家活下去! 藍營金門為鄉親發聲</t>
  </si>
  <si>
    <t>美股誰在裸泳？這檔妖股4天狂殺24％</t>
  </si>
  <si>
    <t>南部國立大學生確診！校方公開足跡時間軸喊：來一波守一波 網暴動了</t>
  </si>
  <si>
    <t>馬國手套工廠爆疫情</t>
  </si>
  <si>
    <t>新冠檢測出貨放大 普生首月營收年增逾3倍 創歷年同期新高</t>
  </si>
  <si>
    <t>憂鬱星期四！ 全球股市摔入熊市</t>
  </si>
  <si>
    <t>分攤風險 高雄教育局分區宣導防疫</t>
  </si>
  <si>
    <t>洛杉基呼籲蔡政府做這件事 否則是小孬孬</t>
  </si>
  <si>
    <t>專家：最快本月底7成民眾打完2劑 籲緩步開放邊境</t>
  </si>
  <si>
    <t>北市1家9口全確診 柯文哲點1關鍵：社區感染不多</t>
  </si>
  <si>
    <t>日本沖繩美軍基地爆群聚感染 超過60人確診新冠肺炎</t>
  </si>
  <si>
    <t>韓市府打造智慧健康職場 高雄加工區1萬勞工受惠</t>
  </si>
  <si>
    <t>對抗歧視 學者發起連署</t>
  </si>
  <si>
    <t>不受新冠肺炎疫情影響 2020古都國際半程馬拉松如期舉行</t>
  </si>
  <si>
    <t>吳子嘉砲轟政府不務正業 劉寶傑驚：又要查假新聞？</t>
  </si>
  <si>
    <t>公文跑比病毒慢 柯文哲酸陳時中：是我們的錯嗎？</t>
  </si>
  <si>
    <t>匯率期貨趨勢專欄－疫情再起 美元走軟</t>
  </si>
  <si>
    <t>仿冒台灣製口罩販賣 橋檢聲押嫌犯獲准</t>
  </si>
  <si>
    <t>城市染疫！歐洲有錢人逃難鄉下 荒唐行徑被罵翻</t>
  </si>
  <si>
    <t>東奧延期決斷 為何要拖這麼久？</t>
  </si>
  <si>
    <t>王麗莎》經濟陳時中該上場了</t>
  </si>
  <si>
    <t>基隆增14例 確診攤商連續13天至成功路橋下擺攤</t>
  </si>
  <si>
    <t>防疫隔離補償 每人每日約800元</t>
  </si>
  <si>
    <t>中美必有一戰？北京態度是關鍵</t>
  </si>
  <si>
    <t>最慘新冠疫情預估：2億美國人感染 170萬人病死</t>
  </si>
  <si>
    <t>電影市場停擺近半年 線上放映漸成常態</t>
  </si>
  <si>
    <t>全球健康峰會 習籲勿政治操弄</t>
  </si>
  <si>
    <t>莫德納只排第3！最多國家施打疫苗排行曝光</t>
  </si>
  <si>
    <t>中央撤銷全面快篩 縣府：如果中央不能保護澎湖 請不要阻礙澎湖自我保護</t>
  </si>
  <si>
    <t>美國上調香港旅遊警示 與陸同列第3級</t>
  </si>
  <si>
    <t>管理學界奧斯卡 崇越論文大賞 賴清德出席盛讚</t>
  </si>
  <si>
    <t>何時能出國玩？醫透露最快時間點：不用提心吊膽</t>
  </si>
  <si>
    <t>台灣輸出暴增19人 創單次新高</t>
  </si>
  <si>
    <t>打臉13點聲明 林靜儀Q版回擊WHO</t>
  </si>
  <si>
    <t>苗栗縣外勤員警 31日上午開始施打AZ疫苗</t>
  </si>
  <si>
    <t>智邦營收 連7季突破百億</t>
  </si>
  <si>
    <t>全校停課家長請假有補償？ 要有「這張」才行</t>
  </si>
  <si>
    <t>用這理由懲處支隊長 宅神：是要笑死解放軍嗎？</t>
  </si>
  <si>
    <t>《經濟》經部砸5000萬投入重症呼氣氣器 沈榮津：先做百台原型機</t>
  </si>
  <si>
    <t>獨／暌違736天！林俊傑11月實體演唱會為慈善獻聲</t>
  </si>
  <si>
    <t>目標日篩10萬例 英居家檢測遭質疑</t>
  </si>
  <si>
    <t>影》麥當勞排2小時 網曝英人可悲下場</t>
  </si>
  <si>
    <t>客結帳嗆「不要碰我」 店員傻眼貓咪</t>
  </si>
  <si>
    <t>美股連續兩日暴跌 道瓊狂瀉超過1900點</t>
  </si>
  <si>
    <t>英國第9起 倫敦出現首例確診</t>
  </si>
  <si>
    <t>日本疫情嚴重？陳時中圖表證明：與台灣差不多</t>
  </si>
  <si>
    <t>國軍擬抗比照SARS全面停休？國防部：無此規劃</t>
  </si>
  <si>
    <t>陸66家醫用N95口罩生產商遭美FDA禁售</t>
  </si>
  <si>
    <t>磐石艦有人偷溜？海軍再改口</t>
  </si>
  <si>
    <t>疫苗第7類對象突暴增81萬？一張圖秒懂最新施打順序</t>
  </si>
  <si>
    <t>《觀光股》雄獅首日填息75％ 世代交替拚突圍</t>
  </si>
  <si>
    <t>《興櫃股》八貫8月營收創今年新高 H2成長可期</t>
  </si>
  <si>
    <t>83％台企：新冠肺炎帶來全球經濟衰退</t>
  </si>
  <si>
    <t>《半導體》聯發科4月營收雙衰 惟力守200億大關</t>
  </si>
  <si>
    <t>疫情肆虐醫護最強後盾 彰化縣長表揚衛生保健績優志工</t>
  </si>
  <si>
    <t>轉播爵士突喊卡 台灣主播也傻眼</t>
  </si>
  <si>
    <t>基隆長庚醫院引進新機台　PCR檢測量能增5倍</t>
  </si>
  <si>
    <t>近百位網紅熱血遊台東　換上泳裝抵抗景氣寒冬</t>
  </si>
  <si>
    <t>歐洲這國辣模超豪放 只戴口罩公園內拍裸照</t>
  </si>
  <si>
    <t>新冠肺炎延燒 公平會：聯合哄抬予抬懲處</t>
  </si>
  <si>
    <t>大陸研究人員利用幹細胞對抗新冠肺炎</t>
  </si>
  <si>
    <t>陸昨新增本土確診病例54例 黑龍江占一半</t>
  </si>
  <si>
    <t>編輯室報告－陸抗疫 穩就業重於保增長</t>
  </si>
  <si>
    <t>2天14例境外感染！隋棠罕動怒：自私荒唐</t>
  </si>
  <si>
    <t>獲配2500劑莫德納疫苗 桃機第一線人員首施打</t>
  </si>
  <si>
    <t>自營業者3萬補助 勞動部：逾9成符合資格</t>
  </si>
  <si>
    <t>《電子零件》外資大砍價 台郡翻黑臉</t>
  </si>
  <si>
    <t>獨／唐從聖雞排店下月調漲 原料價格飆NONO自行吸收成本</t>
  </si>
  <si>
    <t>高雄旅行業進冰河期 業者自救推國旅</t>
  </si>
  <si>
    <t>蔡政府買口罩援助他國 村長一句反酸網喊中肯</t>
  </si>
  <si>
    <t>父親劉炳偉往生 劉美芳仍堅強關心第一線防疫人員福利</t>
  </si>
  <si>
    <t>陳凱倫兒陳銳拋磚引玉 天后級旅外明星助台抗疫</t>
  </si>
  <si>
    <t>北京新增6例肺炎確診病例 均為密切接觸者</t>
  </si>
  <si>
    <t>美國疫情嚴重 至少8％人口被感染</t>
  </si>
  <si>
    <t>第二劑高端、第一劑BNT 27日開放接種 蘇揆：請民眾禮拜三中午前登記</t>
  </si>
  <si>
    <t>新冠肺炎／感謝防疫有功　鑽石公主號船員將獲2個月有薪假</t>
  </si>
  <si>
    <t>嚴防Delta入侵校園 北市議員籲：入校施打的BNT殘劑應留給校內人士接種</t>
  </si>
  <si>
    <t>我確診了嗎？如何分辨過敏還是感冒 醫：這症狀新冠比例特別高</t>
  </si>
  <si>
    <t>澎湖文旅年 強打軍事古蹟之旅</t>
  </si>
  <si>
    <t>福建莆田市出現本土疫情 全市中小學、幼兒園明起暫停面授課程</t>
  </si>
  <si>
    <t>高市長照機構染疫危機 幸工作人員PCR全為陰性</t>
  </si>
  <si>
    <t>德專家：不是武漢 義大利才是全球新冠瘟疫的開始</t>
  </si>
  <si>
    <t>海軍染疫 總統府3點提醒：徹底檢討、坦承以對</t>
  </si>
  <si>
    <t>高市議會將開臨時會 對如何維持社交距離傷腦筋</t>
  </si>
  <si>
    <t>實名制口罩見「一行字」驚喜 女大生感動直呼：我們的驕傲</t>
  </si>
  <si>
    <t>大陸科學院院士：新冠肺炎一般不會造成後遺症</t>
  </si>
  <si>
    <t>《通信網路》是方1月營收登頂 今年營利續成長</t>
  </si>
  <si>
    <t>基隆0確診 林右昌緊盯疫情</t>
  </si>
  <si>
    <t>年輕新冠患者少重症 英國研究找到關鍵原因了</t>
  </si>
  <si>
    <t>應停止60歲以上長者打AZ疫苗？歐盟官員澄清了</t>
  </si>
  <si>
    <t>本土感染源不明累計10例 3人未結案</t>
  </si>
  <si>
    <t>8成5社福團體哀新冠肺炎比金融海嘯、SARS更難熬</t>
  </si>
  <si>
    <t>居家檢疫亂跑 台南創肉搜首例</t>
  </si>
  <si>
    <t>新冠疫情引發甲狀腺機能亢進 男子肌無力</t>
  </si>
  <si>
    <t>CNN：太平洋島國爆新冠危機 中澳闢疫苗政治角力新戰場</t>
  </si>
  <si>
    <t>陸增101例確診 4月中以來首度破百 新疆增89例</t>
  </si>
  <si>
    <t>楊忠衡》疫情棋局背後的計謀是什麼？</t>
  </si>
  <si>
    <t>經濟受重創 美失業率恐翻倍</t>
  </si>
  <si>
    <t>金門機場明起強制實聯制 替中央防疫做半套「補破網」</t>
  </si>
  <si>
    <t>防疫國家隊招募生力軍！竹市全國首場公部門安心即時上工就業博覽會</t>
  </si>
  <si>
    <t>全聯開打疫苗衝擊診所？醫翻白眼揭「先發優勢」</t>
  </si>
  <si>
    <t>揚州確診54例 江蘇省長指存在漏洞展開第六輪普篩</t>
  </si>
  <si>
    <t>疫情衝擊經濟 劉美芳建議每人發2萬元防疫振興金</t>
  </si>
  <si>
    <t>新增1境外移入 波蘭留學生欲再度出境確診</t>
  </si>
  <si>
    <t>北市計畫「嗶一下」買口罩 黃珊珊：先做軟體</t>
  </si>
  <si>
    <t>川普被稱敗選後首公開發言 暗示政府可能交替</t>
  </si>
  <si>
    <t>住台灣很安全！20外國人拍片讚爆台防疫：全世界應學習</t>
  </si>
  <si>
    <t>網球沙皇堅持新冠陰謀論：人類很快會被植入晶片</t>
  </si>
  <si>
    <t>印度疫情大爆炸 前外交官曝大陸伸援手目的：防疫成分居多</t>
  </si>
  <si>
    <t>女大生打完BNT熬夜K書身亡 南韓爆多起年輕人猝死案例</t>
  </si>
  <si>
    <t>鑽石公主號為何一再出海又返港？原因曝光網驚長知識</t>
  </si>
  <si>
    <t>只打一劑疫苗保護力夠嗎？醫揭3大廠牌保護力</t>
  </si>
  <si>
    <t>金山、烏來生意慘澹 侯友宜：已公告紓困</t>
  </si>
  <si>
    <t>操盤心法－資金行情推升台股 仍需留意國際變數</t>
  </si>
  <si>
    <t>美研究：莫德納對Delta保護力優於BNT 羅一鈞這樣說</t>
  </si>
  <si>
    <t>超前部署 交部700億工程提早發包</t>
  </si>
  <si>
    <t>延長停課家長全崩潰 湧教育部粉專跪求：先放暑假再提早開學</t>
  </si>
  <si>
    <t>全球頂尖科學家：沒必要接種第3劑疫苗 點名2副作用風險</t>
  </si>
  <si>
    <t>WSBL》本季初登場？國泰女將準到嚇人</t>
  </si>
  <si>
    <t>華視「公務車司機確診」員工看報才知氣炸 總經理莊豐嘉內部信曝光</t>
  </si>
  <si>
    <t>分析師：新冠肺炎將全球推向衰退邊緣</t>
  </si>
  <si>
    <t>志村健維基死因被竄改 鄭弘儀開罵「是誰這麼無恥」</t>
  </si>
  <si>
    <t>台美防疫態度大不同！她揭超市慘況 驚呼「末日來了」</t>
  </si>
  <si>
    <t>疫情紓困 新竹市中小企業便利貸</t>
  </si>
  <si>
    <t>大陸新冠肺炎核酸篩檢 6小時縮至45分鐘</t>
  </si>
  <si>
    <t>遭傳人員確診 北市府駁：採驗2次都陰性</t>
  </si>
  <si>
    <t>為何有資格打疫苗？侯昌明夫妻撇說謊曝來龍去脈</t>
  </si>
  <si>
    <t>新冠肺炎衝擊 勞動部：人力需求創11年來新低</t>
  </si>
  <si>
    <t>想混打不用預約 25日起開放到醫療院所接種</t>
  </si>
  <si>
    <t>不畏疫情2020鳳梨好筍季開鑼</t>
  </si>
  <si>
    <t>清明連假後疫情危機解除？指揮中心給答案</t>
  </si>
  <si>
    <t>這個兩光又冷血政府</t>
  </si>
  <si>
    <t>政府</t>
  </si>
  <si>
    <t>口罩實名制亂象多 藥師嘆吃不消</t>
  </si>
  <si>
    <t>免疫力越強越好？台大醫憶SARS 青壯年死更多關鍵曝光</t>
  </si>
  <si>
    <t>台灣防疫有成 台灣精品防疫物資國際吸睛</t>
  </si>
  <si>
    <t>鎖定一所小學、一家工廠 福建莆田疫情再戰Delta</t>
  </si>
  <si>
    <t>疫情期間 企業大砍廣告支出</t>
  </si>
  <si>
    <t>疫情中心記者會直播超夯 港媒：台網友每天當追劇看</t>
  </si>
  <si>
    <t>國師唐綺陽警告疫情變數 下波時間點曝光</t>
  </si>
  <si>
    <t>蔡英文官邸志工確診 總統、隨扈採檢陰性 啟動醫療應變</t>
  </si>
  <si>
    <t>台灣何時解除三級警戒 醫：關鍵不是疫苗是它</t>
  </si>
  <si>
    <t>伺服器、筆電需求旺 系微BIOS出貨 開始放量</t>
  </si>
  <si>
    <t>部分新冠患者症狀更嚴重、持久 耶魯研究找到關鍵原因了</t>
  </si>
  <si>
    <t>台中港又中鏢 1離岸風電船員染疫</t>
  </si>
  <si>
    <t>板橋幼兒園群聚再增2例 同住爺爺、職場同事染疫</t>
  </si>
  <si>
    <t>1分鐘看世界》傳台美討論新WHO 美2周內近10萬童染新冠</t>
  </si>
  <si>
    <t>機組員打2劑也要關？指揮中心澄清：照原規劃進行</t>
  </si>
  <si>
    <t>連隔離通知都沒有 台大工務室確診者家人怒批「放我們等死嗎」</t>
  </si>
  <si>
    <t>宋慧喬尺度大開！撩裙深V到肚臍「半球若隱若現」網讚爆</t>
  </si>
  <si>
    <t>美疫情降溫？川普：重點疫區危機「趨緩」</t>
  </si>
  <si>
    <t>蔡政府臉腫 口罩實名制逾8成認為不成功</t>
  </si>
  <si>
    <t>台股上樓還下樓？金管會盯二指標</t>
  </si>
  <si>
    <t>疫情指揮中心 提升至一級開設</t>
  </si>
  <si>
    <t>新冠肺炎 疑社區感染1死！新增2例確診為兄弟 無旅遊史</t>
  </si>
  <si>
    <t>廈門長途客運暫時停運 市屬學校採線上教學</t>
  </si>
  <si>
    <t>萬華大舅家族群聚累計14例 衛生局證實其中1位是花防部官兵</t>
  </si>
  <si>
    <t>共融公園要安全積極 邱素貞要求公園人性化</t>
  </si>
  <si>
    <t>《興櫃股》普生新冠肺炎試劑向台TFDA申請上市</t>
  </si>
  <si>
    <t>就是這2天 枋寮果農夫妻兩度和Delta確診者足跡重疊</t>
  </si>
  <si>
    <t>眾多品牌跟進關店潮 車商歐洲生產線停工</t>
  </si>
  <si>
    <t>高鐵開放自由座？交通部鬆口：最快下周報指揮中心</t>
  </si>
  <si>
    <t>首起艦隊淪陷！3實習生染疫 3艘艦艇700人集中檢疫</t>
  </si>
  <si>
    <t>基隆75歲以上第二劑15日開打 未預約者集中接種</t>
  </si>
  <si>
    <t>中央地方槓紓困 朱立倫：排富速發放現金是原則</t>
  </si>
  <si>
    <t>綠突襲疫苗調閱小組審查 藍不滿靠人數優勢怒轟「鴨霸」</t>
  </si>
  <si>
    <t>剛接下東奧主持上田晉也確診新冠 2周前才接觸選手</t>
  </si>
  <si>
    <t>新北明首辦防疫實兵演習 黃珊珊：北市已做過兵棋演練</t>
  </si>
  <si>
    <t>新北確診數飆破3千人 侯友宜點名這一區要注意</t>
  </si>
  <si>
    <t>陸昨新增本土確診93例 其中河北54例</t>
  </si>
  <si>
    <t>防疫在家選這味 OVO聯合愛奇藝KKTV四季線上推追劇優惠</t>
  </si>
  <si>
    <t>再添3例歐洲移入 第二波疫情壓力已開始</t>
  </si>
  <si>
    <t>《業績-半導體》訊芯Q2獲利強彈 攜H1齊登近4年同期高</t>
  </si>
  <si>
    <t>日本染疫產婦生產 嬰兒生了後還要隔離</t>
  </si>
  <si>
    <t>少了海外刷卡 高回饋成信用卡戰役關鍵</t>
  </si>
  <si>
    <t>貴州無新增新冠肺炎病例 累計出院140例</t>
  </si>
  <si>
    <t>新北開第一槍 三重大型KTV歇業一周抗疫</t>
  </si>
  <si>
    <t>國內累計441人確診 407人解除隔離</t>
  </si>
  <si>
    <t>土城男不戴罩爆打21歲店員 頭頂縫12針恐怖照曝光</t>
  </si>
  <si>
    <t>《產業》foodpanda捐萬份餐點慰勞醫護 使用率達6成</t>
  </si>
  <si>
    <t>幼兒園群聚疑染Delta 羅一鈞曝確診幼童3症狀</t>
  </si>
  <si>
    <t>影》英紀錄片大讚台防疫 學者：台灣已為疫戰準備20年</t>
  </si>
  <si>
    <t>李來希稱婦買口罩遭輾斃獲不起訴 網友送6字</t>
  </si>
  <si>
    <t>新北今＋3足跡曝光 曾搭捷運遊遍西門町、士林科教館</t>
  </si>
  <si>
    <t>美大選後首場決策 Fed決議利率按兵不動！新冠疫情對經濟前景仍有風險</t>
  </si>
  <si>
    <t>伊朗單日死亡人數破紀錄 確診人數破8000大關</t>
  </si>
  <si>
    <t>新北增20例確診「這兩區」最多 又見環南市場感染</t>
  </si>
  <si>
    <t>莫德納疫苗開始配送 有利加速全美接種行動</t>
  </si>
  <si>
    <t>疫苗加開接種站超冷清 醫怒：存心想整我們嗎？</t>
  </si>
  <si>
    <t>法網》小祖維瑞夫生病硬打 賽前還未向醫生報到</t>
  </si>
  <si>
    <t>小金門鄉親就醫 救國團專案優惠住宿</t>
  </si>
  <si>
    <t>北極星擬依DSMB建議 提早結束肺間皮癌三期試驗直接申請藥證</t>
  </si>
  <si>
    <t>助企業走出病毒危機 以色列投10億美元</t>
  </si>
  <si>
    <t>禿子燕子都面臨罷免連署 侯友宜說話了</t>
  </si>
  <si>
    <t>若新冠肺炎疫情持續失控　陸恐裁員450萬人</t>
  </si>
  <si>
    <t>環南市場群聚案 新北篩檢316人找到1快篩陽性</t>
  </si>
  <si>
    <t>BNT疫苗又來了 192萬劑今下午抵台 效期至明年3月底</t>
  </si>
  <si>
    <t>從「家」開始防疫！新潤機構落實防疫 帶進社區好安心</t>
  </si>
  <si>
    <t>恐懼症候群 逛醫院的人少了</t>
  </si>
  <si>
    <t>鄭弘儀自爆已打AZ疫苗 姚惠珍被問「選哪種疫苗」答案很誠實</t>
  </si>
  <si>
    <t>接種疫苗猝死破百 累計119人亡 16人死因出爐</t>
  </si>
  <si>
    <t>使用呼吸器死亡率 紐約9成 台僅2成5</t>
  </si>
  <si>
    <t>11月目標單日打35萬劑 指揮中心：將派協助接種任務</t>
  </si>
  <si>
    <t>新冠病毒印度變異株 廣州出現本土確診病例</t>
  </si>
  <si>
    <t>菲男車禍過世被封成「木乃伊」 醫辯：怕他染疫散播病毒</t>
  </si>
  <si>
    <t>萬華茶室27名失聯外籍人士 警全數尋獲前往快篩</t>
  </si>
  <si>
    <t>新北爆4例Delta病毒皆境外移入 侯友宜：勿忘諾富特破口事件</t>
  </si>
  <si>
    <t>國民黨15縣市批中央防疫僵化 錢、防疫旅館、口罩成焦點</t>
  </si>
  <si>
    <t>川普新冠肺炎檢驗呈陰性 將開跑3場大型造勢活動</t>
  </si>
  <si>
    <t>疫情重創航班停飛 歐洲多家航空申請破產</t>
  </si>
  <si>
    <t>黃金蝙蝠生態館澄清 蝙蝠非新冠肺炎原罪</t>
  </si>
  <si>
    <t>出門隨手抓2黑口罩 拆開一看她羞爆</t>
  </si>
  <si>
    <t>開學才2周 美大學上千人染新冠</t>
  </si>
  <si>
    <t>防疫關鍵時刻 這動作遭罰6000元</t>
  </si>
  <si>
    <t>台商回不來！家屬崩潰喊「防疫不是我們的事」：那是政府要做的</t>
  </si>
  <si>
    <t>開放用餐就中鏢！新北確診男返台南足跡曝 吃麻辣燙待2小時</t>
  </si>
  <si>
    <t>《電腦設備》伍豐擬派利約1元 庫藏股力撐股價</t>
  </si>
  <si>
    <t>NBA》挑賭城重新開打 湖人前鋒力挺</t>
  </si>
  <si>
    <t>她打電話到動物醫院約打BNT 店員尷尬提醒反被嗆</t>
  </si>
  <si>
    <t>美新冠變種新警訊 CDC憂抗疫進展恐歸零</t>
  </si>
  <si>
    <t>美副總統候選人辯論 為何「粉眼新冠」成為熱搜詞？</t>
  </si>
  <si>
    <t>無法復工愧提離職 男星一句話暖哭湖北員工</t>
  </si>
  <si>
    <t>雙北病床荒中央狀況外 醫怒開砲：當自己在玩模擬城市？</t>
  </si>
  <si>
    <t>防疫優先 南投縣各風景區暫停營業</t>
  </si>
  <si>
    <t>「黑夜總會過去」 《聲林之王》歌手暖心獻唱</t>
  </si>
  <si>
    <t>鄉民女神讚爸媽是老人團防疫小尖兵 網抓一證據：妳過氣了</t>
  </si>
  <si>
    <t>陳時中：捷運或高鐵密閉空間 能夠就戴口罩</t>
  </si>
  <si>
    <t>特別預算拍板 蘇揆要求錢花刀口 相關部會成立新冠肺炎小組</t>
  </si>
  <si>
    <t>若疫情這天之前沒解決 他斷言蔡政府最後下場</t>
  </si>
  <si>
    <t>鈺太Q1營收 創歷年同期新高</t>
  </si>
  <si>
    <t>新冠肺炎疫情 苗栗女居家隔離超商買咖啡罰1萬</t>
  </si>
  <si>
    <t>板橋隔離者3度趴趴走 警方強制保護管束</t>
  </si>
  <si>
    <t>《國際產業》Counterpoint：2月全球智慧手機銷量暴跌14％</t>
  </si>
  <si>
    <t>武漢醫院研究 病毒不會經眼結膜傳染</t>
  </si>
  <si>
    <t>國外都不接受AZ疫苗？醫驚曝真相：比BNT、莫德納高</t>
  </si>
  <si>
    <t>高端今起預約 副作用、保護效果8大QA一次看 1種人不能接種</t>
  </si>
  <si>
    <t>蔡英文的第一仗</t>
  </si>
  <si>
    <t>蔡英文 的 第一 仗</t>
  </si>
  <si>
    <t>蔡英文</t>
  </si>
  <si>
    <t>30多名醫師接力抗議中火 籲「阿中部長」不要缺席</t>
  </si>
  <si>
    <t>輸出新冠暴增 國民黨籲出境前篩檢</t>
  </si>
  <si>
    <t>梅克爾語出驚人：德人口60％－70％會染上新冠病毒</t>
  </si>
  <si>
    <t>華航貨運站新北員工確診 妻任職另家航空公司也染疫</t>
  </si>
  <si>
    <t>與陸再陷緊張之際 印度確診420萬躍升全球第2</t>
  </si>
  <si>
    <t>《國際產業》新冠疫情攪局 BMW看衰獲利前景</t>
  </si>
  <si>
    <t>邊境疫情緊繃 黑龍江立即暫停跨省團隊旅遊和旅遊專列業務</t>
  </si>
  <si>
    <t>公主郵輪確診增至355人導致夜市冷清 林右昌：振興消費需等等</t>
  </si>
  <si>
    <t>接種AZ的人第二劑打不到莫德納了 指揮中心定調：不混打</t>
  </si>
  <si>
    <t>陸港觀盤－疫情引爆全球股災 黑夜降臨靜待曙光</t>
  </si>
  <si>
    <t>不怕死？白宮：川普可能再次服用奎寧「感覺棒極了」</t>
  </si>
  <si>
    <t>球王公開批川普：他把防疫政治化</t>
  </si>
  <si>
    <t>手語老師疫情記者會不戴口罩成破口？北市府回應</t>
  </si>
  <si>
    <t>新冠肺炎確診數超越美加總和 全球最嚴重疫區換人</t>
  </si>
  <si>
    <t>行政院BNT記者會 朱學恒看完一句話狠酸政府</t>
  </si>
  <si>
    <t>喜劇天王打過疫苗仍突破性感染 沉重PO文呼籲一句話</t>
  </si>
  <si>
    <t>士林染疫機構嗆市府遲不做快篩 黃珊珊回應了</t>
  </si>
  <si>
    <t>羅智強批蔡政府稱武漢肺炎引歧視 國民黨：易讓外界誤解防疫參雜「抗中」</t>
  </si>
  <si>
    <t>蔡英文、賴清德明天上午施打第二劑高端疫苗</t>
  </si>
  <si>
    <t>《產業分析》結構性挑戰仍在 餐飲業淘汰賽未落幕</t>
  </si>
  <si>
    <t>資深媒體人：黃清龍》新加坡防疫為何失靈</t>
  </si>
  <si>
    <t>台大獸醫系師生團隊 張曄、張郡 做的遠比課程內容多</t>
  </si>
  <si>
    <t>NBA》T-Mac預言：下季會有很多輪休</t>
  </si>
  <si>
    <t>NBA杜蘭特染新冠肺炎 籃網4人中鏢</t>
  </si>
  <si>
    <t>愛紗被問「不回日本打疫苗嗎」 本人親解原因</t>
  </si>
  <si>
    <t>後新冠時代10大變化 台灣剉咧等</t>
  </si>
  <si>
    <t>Novavax：台透過COVAX訂其抗變種效力逾90％新冠疫苗</t>
  </si>
  <si>
    <t>1分鐘看世界》正名為新冠肺炎 各國限令台灣受波及</t>
  </si>
  <si>
    <t>類風濕性關節炎藉「一分鐘微笑量表」 助醫病溝通</t>
  </si>
  <si>
    <t>離島機場設置快篩站 連江縣長：爭取全面快篩</t>
  </si>
  <si>
    <t>連鎖咖啡路易莎開第一槍 明起開放內用 星巴克討論中</t>
  </si>
  <si>
    <t>「請妳女兒不要發表傷日本和氣言論」歐陽靖母讚爆回應</t>
  </si>
  <si>
    <t>校園防疫 不舒服別上學</t>
  </si>
  <si>
    <t>新冠肺炎疫情威脅 徐國勇：清明掃墓簡短就好</t>
  </si>
  <si>
    <t>漫威英雄疫樣難逃 伊卓斯艾巴染新冠肺炎</t>
  </si>
  <si>
    <t>災難財發不得！未許可賣口罩、藥用酒精已觸法</t>
  </si>
  <si>
    <t>想都不用想 陳時中重申：莫德納以廣打第一劑為主</t>
  </si>
  <si>
    <t>基隆養護機構確診、致死率高 衛生局坦言：逸嘉群聚案不好處理</t>
  </si>
  <si>
    <t>林森北路錢櫃大火 指揮中心呼籲防疫期間少去</t>
  </si>
  <si>
    <t>印度神童揭明年4月疫情達高峰 命理家翻盤：緩和時間曝光</t>
  </si>
  <si>
    <t>英國三分之一癌症患者　因新冠肺炎中斷療程而惡化</t>
  </si>
  <si>
    <t>肺炎疫情升溫 檢察首長上任延期成「受災戶」</t>
  </si>
  <si>
    <t>學生確診單日增10人 全台352生染疫 大專院校最多</t>
  </si>
  <si>
    <t>疫情催生「藍營真共主」？國民黨中常委脫口：2024可能是他</t>
  </si>
  <si>
    <t>陸口罩過濾力不足50％！歐盟急發布警示</t>
  </si>
  <si>
    <t>川普真的確診了！韓粉第一反應超「直接」</t>
  </si>
  <si>
    <t>習川隔空較勁 譚德塞成箭靶</t>
  </si>
  <si>
    <t>女兒發燒被放生自生自滅 影后粗口咒罵英國政府</t>
  </si>
  <si>
    <t>楊冪六度捐贈物資助肺炎疫區 5百護目鏡送西班牙</t>
  </si>
  <si>
    <t>用餐免用隔板　超商、校園不敢大意</t>
  </si>
  <si>
    <t>79歲男高音多明哥染疫</t>
  </si>
  <si>
    <t>杭州本地確診病例「清零」</t>
  </si>
  <si>
    <t>新冠肺炎零確診破功！遭日客傳染 印尼2人確診</t>
  </si>
  <si>
    <t>直播》新北「逆時中」餐廳、電影院不開放 侯友宜：隱形傳播鏈未斷須謹慎</t>
  </si>
  <si>
    <t>丈夫偷帶小三打疫苗！正宮抓包互毆 怒砸椅子上演大亂鬥</t>
  </si>
  <si>
    <t>看到墾丁大街人潮超怒！醫嗆：才一個月紐約就出現滿滿的屍袋</t>
  </si>
  <si>
    <t>防院內感染 侯友宜：要求醫院分流、管控進出人數</t>
  </si>
  <si>
    <t>退役艦長曝海軍生活內幕 這些「可以做、不能說」</t>
  </si>
  <si>
    <t>台灣人嚇壞了！一圖曝高鐵有多空 一列車載不到100人</t>
  </si>
  <si>
    <t>室友發病後23天才確診 張上淳揭召回採檢原因</t>
  </si>
  <si>
    <t>腸道喜歡的養分它們都有 6種提高免疫力好食材</t>
  </si>
  <si>
    <t>恐怖！大媽故意拉下口罩 朝店員吐口水「播毒」</t>
  </si>
  <si>
    <t>單日新增＋校正回歸 本土確診＋355 單日確診數連3降 死亡數飆破百</t>
  </si>
  <si>
    <t>別再說雲林最難玩 農業大縣轉型觀光大縣 推新春遊5大主題</t>
  </si>
  <si>
    <t>破百確診數民眾狂囤貨 台劇女神提經驗：在台灣不會餓死</t>
  </si>
  <si>
    <t>確診3個月後仍有機會染疫 柯文哲：全都註記、日後補打疫苗</t>
  </si>
  <si>
    <t>染新冠肺炎喪失味覺、嗅覺 指揮中心：台灣有5例了</t>
  </si>
  <si>
    <t>桃園自強國中91歲老翁接種疫苗休克 送醫恢復意識</t>
  </si>
  <si>
    <t>《業績-觀光》王品Q1營收近7年半低點 兩岸同步衝刺外送</t>
  </si>
  <si>
    <t>防疫神話瀕臨破滅？港媒從這舉動看出端倪</t>
  </si>
  <si>
    <t>為防疫佛心老闆把店鋪打掉重練 增排水設隔離板減細菌飛沫</t>
  </si>
  <si>
    <t>有這款基因 新冠致死機率高1倍 英研究：兩族群最容易有</t>
  </si>
  <si>
    <t>出現死亡首例 台股走勢震盪</t>
  </si>
  <si>
    <t>新增3例境外移入均來自印尼 一人檢疫期滿才確診</t>
  </si>
  <si>
    <t>施打疫苗比較慢 新竹縣解釋原因</t>
  </si>
  <si>
    <t>買嘸機票買股票？ 華航今成交量飆破百萬張</t>
  </si>
  <si>
    <t>警示國家及地區增至36處 比利時、荷蘭、英國返台需自主健康管理</t>
  </si>
  <si>
    <t>陳建仁：一月初武漢醫護染新冠肺炎是重要警訊</t>
  </si>
  <si>
    <t>全台56萬人打完2劑 新到貨AZ疫苗 38歲以下有希望</t>
  </si>
  <si>
    <t>桃園風景區來客少4成 鄭文燦嘆慈湖業者才剛得標</t>
  </si>
  <si>
    <t>一分鐘看懂 今日指揮中心疫情重點</t>
  </si>
  <si>
    <t>《半導體》WiFi、TWS明年大好 瑞昱點火</t>
  </si>
  <si>
    <t>NBA》戈貝爾談新冠後遺症 嗅覺1年才恢復</t>
  </si>
  <si>
    <t>爽出國回台添一堆確診！張雅琴洩陳時中真實心聲：別讓全台做白工</t>
  </si>
  <si>
    <t>銀行抽銀根快撐不下　餐飲服業籲政府振興紓困動作要快</t>
  </si>
  <si>
    <t>《半導體》力成漲多回檔 外資按讚續挺</t>
  </si>
  <si>
    <t>新北各大醫院共收治528病人 重症率高達15％</t>
  </si>
  <si>
    <t>高一兒挑戰273元做晚餐 8週後變化驚人</t>
  </si>
  <si>
    <t>市民詢問何時輪到我打？盧秀燕：疫苗太少 已向中央積極爭取</t>
  </si>
  <si>
    <t>柯文哲：雙北疫情趨緩 但全台都有隱藏感染源</t>
  </si>
  <si>
    <t>新冠疫苗將在巴拉圭做人體試驗 外交部：提供協助</t>
  </si>
  <si>
    <t>《科技》全球PCB版圖重新洗牌 陸一條龍策略續強</t>
  </si>
  <si>
    <t>《生醫股》藥華藥獲美FDA函 明年初可望拿PV藥證</t>
  </si>
  <si>
    <t>醫護人員疲於奔命 賴清德呼籲：不要貿然前往急診室</t>
  </si>
  <si>
    <t>跨國防疫經驗證實：做好這件事 效果不輸打疫苗</t>
  </si>
  <si>
    <t>今年流感恐反撲 醫疾呼3疫苗打起來</t>
  </si>
  <si>
    <t>威士特丹號零感染？柬埔寨誤診？馬國新增一確診病例來自船上乘客</t>
  </si>
  <si>
    <t>民進黨為何流失300萬「死忠支持者」游盈隆8字總結：結果重傷</t>
  </si>
  <si>
    <t>阿姨證實被傳染新冠肺炎 吳鳳：請為我家人繼續加油</t>
  </si>
  <si>
    <t>磐石艦確診再＋1 連11天無本土</t>
  </si>
  <si>
    <t>《觀光股》多頭揮鞭 紅馬17分填息達陣</t>
  </si>
  <si>
    <t>紓困特別預算4200億未定用途 藍委批空白授權</t>
  </si>
  <si>
    <t>霸氣撤回陸配子女入境 台大醫讚：陳時中以一擋百太帥 ！</t>
  </si>
  <si>
    <t>印度上季經濟成長 優於預期</t>
  </si>
  <si>
    <t>狂咳1個月才看診！醫追問下…他坦承做了這事</t>
  </si>
  <si>
    <t>白宮給疫苗 外交部：展現對我溫暖關懷</t>
  </si>
  <si>
    <t>新增6境外移入 自荷蘭、印尼及烏茲別克入境</t>
  </si>
  <si>
    <t>院內感染最新調查 45例與42例曾同單位做檢查</t>
  </si>
  <si>
    <t>減少市場群聚 議員許淑華大推門牌、樓層分流採買法</t>
  </si>
  <si>
    <t>台灣缺疫苗 網瘋傳美西「接種團」行程 6月出發</t>
  </si>
  <si>
    <t>北京驚傳疫聲 12日新增6起本土病例 豐台區啟動戰時機制</t>
  </si>
  <si>
    <t>新冠肺炎疫情持續延燒 搶訂水神生成機大缺貨</t>
  </si>
  <si>
    <t>IMF：大陸經濟可望Ｖ型復甦</t>
  </si>
  <si>
    <t>浙江監獄疫情大爆發 竟因獄警隱瞞旅遊史</t>
  </si>
  <si>
    <t>要蓋方艙醫院了？陳時中終於鬆口</t>
  </si>
  <si>
    <t>磐石艦官兵染疫全海軍遭罵翻 老海軍大反彈</t>
  </si>
  <si>
    <t>中市國高中生BNT施打意願書全數回收 有意接種疫苗學生達9成4</t>
  </si>
  <si>
    <t>效法川普？ 巴西總統說羥氯喹有效治癒他的病</t>
  </si>
  <si>
    <t>本土再「嘉玲」 境外增5例、死亡添1人</t>
  </si>
  <si>
    <t>本土 再 嘉玲 境外 增 5 例 死亡 添 1 人</t>
  </si>
  <si>
    <t>中秋連假人擠人成疫情破口？陳宗彥曝觀察期</t>
  </si>
  <si>
    <t>王祖賢素顏做公益 53歲真實面貌曝光</t>
  </si>
  <si>
    <t>日本副首相批「義大利曾說只有黃種人才會染新冠肺炎」</t>
  </si>
  <si>
    <t>柯文哲：AZ、莫德納效果差不多 呼籲這幾類人別打AZ</t>
  </si>
  <si>
    <t>嘉義市33歲男打完AZ不適送醫 搶救3周無效今不治身亡</t>
  </si>
  <si>
    <t>NBA》新冠肺炎疫情肆虐舊金山 勇士拒絕取消比賽</t>
  </si>
  <si>
    <t>民營酒廠加入 酒精國家隊在台南</t>
  </si>
  <si>
    <t>內蒙古額濟納旗爆疫情 近萬名遊客滯留 物資供應壓力大增</t>
  </si>
  <si>
    <t>憤怒揭細節 陸向美通報時間軸吻合</t>
  </si>
  <si>
    <t>情人節逛燈會！盧秀燕臉書分享幸福時光</t>
  </si>
  <si>
    <t>以色列男性施打輝瑞疫苗出現心肌炎 高風險年齡曝光</t>
  </si>
  <si>
    <t>綠島傳遊客染新冠肺炎 鄉長臉書闢謠</t>
  </si>
  <si>
    <t>彰化男夜闖警分局 暖送1萬2千片口罩挺警</t>
  </si>
  <si>
    <t>速食店實聯制驚見超潦草字體 網怒：是在寫處方籤？</t>
  </si>
  <si>
    <t>蔡英文：口罩藥物技術三方面協助國際社會</t>
  </si>
  <si>
    <t>新北幼兒園群聚再增2確診 累計32人染疫</t>
  </si>
  <si>
    <t>打到未稀釋BNT 議員林金結大嫂現況曝 緊張到交代後事</t>
  </si>
  <si>
    <t>新冠患者易猝死家中？醫揭恐怖原因：輕症、無症狀也會死</t>
  </si>
  <si>
    <t>新北友善家庭企業最高獎5萬 勞工局放寬員工數及登記地限制</t>
  </si>
  <si>
    <t>原訂下周回家陪兒子過生日 福原愛推延返台真正原因曝光</t>
  </si>
  <si>
    <t>史上最大鎖國行動</t>
  </si>
  <si>
    <t>110年度保險競賽 富邦人壽抱三大獎</t>
  </si>
  <si>
    <t>挺高殖利率 外資逆風升評台股</t>
  </si>
  <si>
    <t>疫情升溫 新北戶所取消夜間服務與假日預約登記結婚</t>
  </si>
  <si>
    <t>疫情炸裂 出門買菜怕病毒帶回家 醫教4關鍵保證安全</t>
  </si>
  <si>
    <t>獨／來客數雪崩式下跌 高雄漢來飯店兩餐廳明起停業</t>
  </si>
  <si>
    <t>有夠白賊！新冠患者扯謊害全省封城 無罰則當局氣炸</t>
  </si>
  <si>
    <t>北市旅行社主管中鏢 公司暫停營業</t>
  </si>
  <si>
    <t>自費驗抗體違法？禾馨稱6月已報備 衛生局：非中央指定機構</t>
  </si>
  <si>
    <t>比爾蓋茲的「陰謀」與「陽謀」？</t>
  </si>
  <si>
    <t>金門65歲以上接種第2劑AZ 8／28啟動大型接種站開打</t>
  </si>
  <si>
    <t>宏利七年階梯到期新興債基金 開募</t>
  </si>
  <si>
    <t>日專家： 新冠肺炎疫情4至5月恐是顛峰期</t>
  </si>
  <si>
    <t>北巿內湖幼兒園老師確診 染疫師住新北 急匡列近百人</t>
  </si>
  <si>
    <t>不甩居家檢疫 北市重罰百萬</t>
  </si>
  <si>
    <t>陳時中兒設計罷韓T恤 網友：都什麼時候了？</t>
  </si>
  <si>
    <t>500萬劑高端可能打不完 陳時中認了曝後續做法</t>
  </si>
  <si>
    <t>小明爸爸的苦衷 網紅一看戶籍秒懂</t>
  </si>
  <si>
    <t>救低迷經濟 亞洲國家齊降息</t>
  </si>
  <si>
    <t>降息 央行 肺炎 rba 澳洲 央行</t>
  </si>
  <si>
    <t>15萬劑莫德納疫苗 新北獲9800劑！全給專責病房工作者</t>
  </si>
  <si>
    <t>訪建教合作廠 侯加碼400萬補助學生</t>
  </si>
  <si>
    <t>《國際社會》美國動起來！眾院火速通過83億美元防疫支出法案</t>
  </si>
  <si>
    <t>南韓新天地教會大有來頭？　外媒曝：曾慫恿洗腦信徒逃家、捐獻財產</t>
  </si>
  <si>
    <t>中和又1警員確診 全市累計15警員染疫</t>
  </si>
  <si>
    <t>揭密新冠病毒疫情發展！醫療金字塔底層仍有8成未爆彈？</t>
  </si>
  <si>
    <t>莫德納將到貨？陳時中鬆口：很快會有好消息</t>
  </si>
  <si>
    <t>世錦賽延到明年底 BWF有信心成功</t>
  </si>
  <si>
    <t>打完高端再接種其他疫苗 柯文哲：不被國際社會承認這叫重打</t>
  </si>
  <si>
    <t>林志玲帥尪同團成員 爆確診新冠肺炎</t>
  </si>
  <si>
    <t>韋禮安33歲生日許願疫情緩和！睽違4年即將推新專輯</t>
  </si>
  <si>
    <t>新冠確診激增＋紓困案停擺！美股道瓊重挫650點</t>
  </si>
  <si>
    <t>法國因新冠疫情再度封城 法網恐再度延賽</t>
  </si>
  <si>
    <t>紓困陳時中啟動關懷產業之旅 首站婚紗業</t>
  </si>
  <si>
    <t>竹市小學生吃飯裝隔板 有效防止學童口沫飛濺</t>
  </si>
  <si>
    <t>宏碁[email protected]新品全球發表會 6/23線上舉行</t>
  </si>
  <si>
    <t>協助隔離逃跑者 侯友宜：連帶責任一定追究</t>
  </si>
  <si>
    <t>女星「湖北人」收傳票怕爆！返台出庭恐面對「雙重隔離」</t>
  </si>
  <si>
    <t>《國際社會》白宮衛生顧問：冬季確診激增 美史上最艱難時刻</t>
  </si>
  <si>
    <t>社區傳播風險增 個人防護更重要</t>
  </si>
  <si>
    <t>體恤醫護人員辛勞　醫院贈住宿、溫泉券</t>
  </si>
  <si>
    <t>駐台大使證實 帛琉總統惠恕仁將訪台</t>
  </si>
  <si>
    <t>防疫保單 理賠有四原則</t>
  </si>
  <si>
    <t>批評菲國移工將被遣返？外交部：未經協商不得遣送</t>
  </si>
  <si>
    <t>胖子列第九類公費接種對象？缺這資料恐沒機會</t>
  </si>
  <si>
    <t>新冠肺炎疫情衝擊內需產業 謝金河曝慘況</t>
  </si>
  <si>
    <t>口罩量已滿載 定額徵收比例正研議</t>
  </si>
  <si>
    <t>MLB》害怕就別打！球員可拒絕復工</t>
  </si>
  <si>
    <t>北京境外輸入確診病例飆升 占比逾6成</t>
  </si>
  <si>
    <t>WHO：全球70種新冠疫苗賽跑 陸康西諾衝最快</t>
  </si>
  <si>
    <t>勇於改變 美語業者送課衝出業績</t>
  </si>
  <si>
    <t>新冠肺炎防疫不做好 華盛頓州病例8周恐增破6萬</t>
  </si>
  <si>
    <t>憂失聯移工成防疫破口 移民署呼籲投案將享禮遇</t>
  </si>
  <si>
    <t>陸新增逾百例新冠肺炎本土確診 東北、京冀重災區</t>
  </si>
  <si>
    <t>中市推社區防疫指引 協助社區防疫整備</t>
  </si>
  <si>
    <t>新冠非典型症狀加強採檢</t>
  </si>
  <si>
    <t>新片《一家之主》疫情攪局延檔 寇世勳、導演回應了</t>
  </si>
  <si>
    <t>果農夫妻感染源不明 17人曾到枋寮醫院未篩檢 縣府急找人</t>
  </si>
  <si>
    <t>有夠爽！少男擠進電梯對老伯吐口水 慘遭爆打地上拖行</t>
  </si>
  <si>
    <t>基隆男確診肺部浸潤 救命神器奏效開心比讚</t>
  </si>
  <si>
    <t>北市校園場地 20日全面解封</t>
  </si>
  <si>
    <t>兩引擎助攻 創源近二月營收衝</t>
  </si>
  <si>
    <t>好險！端午連假第二天 南科移工快篩1人陽性PCR轉陰</t>
  </si>
  <si>
    <t>金價漲漲漲 3大因素讓黃金可望直衝2000美元</t>
  </si>
  <si>
    <t>三級警戒持續 基本工資工作小組改書面徵詢委員意見</t>
  </si>
  <si>
    <t>主帥親征釋訊號 撫民心鼓勵復工</t>
  </si>
  <si>
    <t>蘇內閣階段性任務完成？蘇揆行政院會突發自省說</t>
  </si>
  <si>
    <t>北部醫院群聚傳染關鍵曝 李秉穎：戴口罩仍有風險</t>
  </si>
  <si>
    <t>三商美邦人壽攜三友藥妝 送暖醫護</t>
  </si>
  <si>
    <t>新冠疫苗訂價 藥廠立場分歧</t>
  </si>
  <si>
    <t>救救機械業 柯拔希提7建言</t>
  </si>
  <si>
    <t>疫情好轉 台南街頭16日舉辦今年首場露天微電影</t>
  </si>
  <si>
    <t>新北昨28校施打BNT 5369人出現不適</t>
  </si>
  <si>
    <t>川普倉促出院罵聲不斷 競選造勢陷重殘</t>
  </si>
  <si>
    <t>快評》既然撕破臉 台嗆聲拉高音量展現國際聲望</t>
  </si>
  <si>
    <t>《國際社會》日本經濟部長：政府今尋求延長緊急事態至月底</t>
  </si>
  <si>
    <t>韓國又一教會群聚感染 至少28人確診</t>
  </si>
  <si>
    <t>及時雨！立陶宛捐2萬劑AZ疫苗 今抵桃園機場</t>
  </si>
  <si>
    <t>《熱門族群》IC設計Q3大好、Q4續旺 瑞昱、義隆、聯詠帶勁</t>
  </si>
  <si>
    <t>防止新冠肺炎擴散 伊朗釋放7萬名囚犯</t>
  </si>
  <si>
    <t>陸昨本土確診增87例、遍及14省份 2地出現小學生感染</t>
  </si>
  <si>
    <t>鍾南山：以發燒為判斷標準 易漏診疑診</t>
  </si>
  <si>
    <t>武漢包機確診台商 解除隔離</t>
  </si>
  <si>
    <t>BBC：全球捐贈緊急物資 印度病患卻拿不到</t>
  </si>
  <si>
    <t>義新增病例稍降 官員：疫情拐點快到</t>
  </si>
  <si>
    <t>為陸封城解禁作準備 葉金川疾呼：疫情高峰難測 篩檢量絕對不夠</t>
  </si>
  <si>
    <t>口罩網購無外語版 71萬移工難買</t>
  </si>
  <si>
    <t>不是越貴越好！布口罩標榜抗菌單售299元 檢驗竟無抗菌性遭下架</t>
  </si>
  <si>
    <t>苦口婆心再勸停辦跨年晚會 曹西平：萬一出事情誰要負責</t>
  </si>
  <si>
    <t>肺炎疫情升溫 醫師親至學校宣導衛教</t>
  </si>
  <si>
    <t>迎戰社區傳播 基層診所憂撐不住</t>
  </si>
  <si>
    <t>東奧》IOC副主席透露 不論有無新冠疫情都辦定了</t>
  </si>
  <si>
    <t>美國新冠確診2周內暴增百萬例 總數今將衝破4百萬</t>
  </si>
  <si>
    <t>逐洞賽》爾投顧分析師鐘崑禎</t>
  </si>
  <si>
    <t>台中増2死 66歲洗腎男打完疫苗4天後猝逝</t>
  </si>
  <si>
    <t>接種首劑疫苗後 巴基斯坦總統確診新冠肺炎</t>
  </si>
  <si>
    <t>26歲研究生打高端後中風昏迷 莊人祥：已列不良事件</t>
  </si>
  <si>
    <t>川普左批CNN右罵華郵 製造假新聞</t>
  </si>
  <si>
    <t>11／2防疫大鬆綁！雙鐵可飲食 KTV唱歌不用戴口罩</t>
  </si>
  <si>
    <t>陳其邁：新冠肺炎若傳9次 即26萬人確診</t>
  </si>
  <si>
    <t>張上淳兒遭學長爆料痛譙「我們OK、你出國？」</t>
  </si>
  <si>
    <t>境外＋6 台男返國逾2個月才確診 陳時中：疑慮深</t>
  </si>
  <si>
    <t>Delta病毒攻陷大陸17個省 美聯社點出封鎖戰略最大挑戰</t>
  </si>
  <si>
    <t>新冠病毒抗體雞尾酒 進入臨床</t>
  </si>
  <si>
    <t>境外移入＋16例 確診無新增死亡</t>
  </si>
  <si>
    <t>前非洲邦交國布吉納法索 四部長同一天中鏢</t>
  </si>
  <si>
    <t>無視專業？美數州抗議要解禁足 川普暗中搧風點火</t>
  </si>
  <si>
    <t>反病毒起源陰謀論！陸官媒「十問」逼問華府</t>
  </si>
  <si>
    <t>助霧峰學子防疫在家學習不中斷 益生獅子會贈30台平板</t>
  </si>
  <si>
    <t>義大利疫情失控 歐銀7月降息機率升高</t>
  </si>
  <si>
    <t>16檔績優股 抗疫先鋒</t>
  </si>
  <si>
    <t>台南首度出動無人機防疫！黃偉哲夜市宣導社交距離</t>
  </si>
  <si>
    <t>港放寬社交措施 專家憂疫情進入社區</t>
  </si>
  <si>
    <t>東洋代理新冠疫苗破局 網友怒批：陳時中害慘台灣人</t>
  </si>
  <si>
    <t>混打 az mrna 疫苗 林氏 璧</t>
  </si>
  <si>
    <t>好心肝千人打疫苗堅稱合法 水電工、保全都算志工</t>
  </si>
  <si>
    <t>陸增81例新冠確診 鄭州暴雨災後疫情未見底</t>
  </si>
  <si>
    <t>蓬佩奧：大量證據顯示新冠肺炎始於武漢實驗室</t>
  </si>
  <si>
    <t>陸連5日有自俄輸入病例 黑龍江採緊急行動</t>
  </si>
  <si>
    <t>陸俄陸路邊境口岸人員通道在8日晚間已都已臨時關閉。當中包含俄羅斯濱海邊疆區與陸方間波格拉尼奇內—綏芬河、克拉斯基諾—琿春、波爾塔夫卡—東寧三對陸俄公路客運口岸關閉。通過陸俄陸路邊境輸入大陸的新冠肺炎確診病</t>
  </si>
  <si>
    <t>北韓堅稱零確診 遭爆染病被槍斃</t>
  </si>
  <si>
    <t>紐時評台防疫正常到詭異：鎖國非長久之計</t>
  </si>
  <si>
    <t>新北居家檢疫惡意失聯 侯友宜：絕對罰最重</t>
  </si>
  <si>
    <t>NBA》新冠肺炎疫情影響 七六人球團減薪20％</t>
  </si>
  <si>
    <t>nba</t>
  </si>
  <si>
    <t>全球股市慘綠！美股單周重挫近4000點</t>
  </si>
  <si>
    <t>跨界交流！桌球一姊遇上跨欄一哥</t>
  </si>
  <si>
    <t>參採二次包機磋商後續包機 藍委籲讓台人以輕鬆、方便、無負擔返台</t>
  </si>
  <si>
    <t>奇美醫學中心即日起一般病房禁止探病</t>
  </si>
  <si>
    <t>我見我思：謝錦芳》病毒突變與企業創新</t>
  </si>
  <si>
    <t>恆春無罩開趴抓到了 屏東縣府要罰彰化客</t>
  </si>
  <si>
    <t>台南首設新冠肺炎貨櫃採檢站今啟用　黃偉哲：安全有效率</t>
  </si>
  <si>
    <t>回家過年陷兩難 境外生煎熬</t>
  </si>
  <si>
    <t>地小人稠 星國鼓勵全民種菜</t>
  </si>
  <si>
    <t>新北本週運輸量大增 侯友宜：用網路代替馬路</t>
  </si>
  <si>
    <t>南投新增1確診 只在公墓工作也染疫</t>
  </si>
  <si>
    <t>春節台商檢疫縮短 後4天可返家檢疫</t>
  </si>
  <si>
    <t>亞高收債 未掃到颱風尾</t>
  </si>
  <si>
    <t>觀光局主祕派下屬接機》未確實申報健康聲明書 連喝咖啡都不罰！放縱雙重標準 防疫遲早破功</t>
  </si>
  <si>
    <t>日本新冠肺炎單日確診破千人 唯一零確診的岩手縣也淪陷</t>
  </si>
  <si>
    <t>爵士樂大師艾利斯馬沙利斯罹新冠肺炎病逝 享壽85歲</t>
  </si>
  <si>
    <t>新冠肺炎準新藥瑞德西韋 國衛院超前進度今完成公克級合成</t>
  </si>
  <si>
    <t>國內新增1境外移入 赴墨西哥出差男子染疫</t>
  </si>
  <si>
    <t>和平醫院翻版？聯醫某院區爆危機 感染者恐流動到各院區</t>
  </si>
  <si>
    <t>「台日友好」但日本不認台灣疫苗接種證明 網戰翻</t>
  </si>
  <si>
    <t>連續3天無新增 全國學生確診人數維持754例</t>
  </si>
  <si>
    <t>疫情受控 鍾南山：別指望全消失</t>
  </si>
  <si>
    <t>香港確診數激增！學者示警：若每日都破百 公立醫院一周內爆滿</t>
  </si>
  <si>
    <t>台灣防疫被讚爆 前署長曝22年前一場仗是關鍵</t>
  </si>
  <si>
    <t>譚德塞胡說八道 黃明志髒話怒飆！讚台灣防疫強大</t>
  </si>
  <si>
    <t>英國讓新冠痊癒者再度接觸病毒 研究是否免疫</t>
  </si>
  <si>
    <t>1分鐘看世界》北京現新疫情 世衛調查源頭；美陸放寬客機互飛</t>
  </si>
  <si>
    <t>疫急！美建野戰醫院 南韓蓋方艙</t>
  </si>
  <si>
    <t>酷碰券改發現金、消費券？沈榮津：會傾聽意見整體評估</t>
  </si>
  <si>
    <t>禍不單行 為防疫喝到假酒 伊朗釀20死</t>
  </si>
  <si>
    <t>每日確診數破十萬 Delta病毒讓美觸底疫情6週內重返去年節點</t>
  </si>
  <si>
    <t>萬華運動中心推「打第三劑疫苗免費游泳1個月」 柯文哲：不實廣告已下架</t>
  </si>
  <si>
    <t>一起抗「疫」 網協製作防疫影片</t>
  </si>
  <si>
    <t>因應新冠肺炎全國監所隔離170人犯　幸未發現感染個案</t>
  </si>
  <si>
    <t>《盤後解析》多頭啟「航」 周線連9紅</t>
  </si>
  <si>
    <t>東京迪士尼休園至3月15日 大阪環球影城也暫休</t>
  </si>
  <si>
    <t>新增2境外移入 指揮中心下午2點說明</t>
  </si>
  <si>
    <t>想玩趁現在！高雄溫泉飯店萬元房下殺5折</t>
  </si>
  <si>
    <t>Taiwan Need Help 促成美國疫苗助台關鍵推手 柯建銘爆是「她」</t>
  </si>
  <si>
    <t>監守自盜A口罩6000片 中校被移送</t>
  </si>
  <si>
    <t>居家檢疫男夜店爽玩 侯友宜：罰100萬一定不手軟</t>
  </si>
  <si>
    <t>一分鐘快速看懂 今日疫情記者會重點</t>
  </si>
  <si>
    <t>銀行代班警衛也確診 北富銀：分行全員篩檢呈陰性</t>
  </si>
  <si>
    <t>三級警戒延長！指揮中心：各縣市暫停公祭</t>
  </si>
  <si>
    <t>衛福部出招莫德納混打高端！盧秀燕回應了</t>
  </si>
  <si>
    <t>劉結一講話 港媒：傳遞五點訊息</t>
  </si>
  <si>
    <t>巾幗不讓鬚眉 科技女傑闖出一片天－和鑫董事長 馬維欣 精準跨業投資 創造收益</t>
  </si>
  <si>
    <t>嘉市新北觀光雙城記 玩滿玩好</t>
  </si>
  <si>
    <t>NBA》科爾：持續備戰東奧 疫情擴散難防</t>
  </si>
  <si>
    <t>5／28解除三級？ 侯友宜坦承：不樂觀！要長期抗戰</t>
  </si>
  <si>
    <t>北部醫師傳染疫民眾怕爆 醫院官網被點到當機</t>
  </si>
  <si>
    <t>新冠肺炎確診病例 各國累計已超過大陸</t>
  </si>
  <si>
    <t>《油電燃氣》煉油、石化品現曙光 外資喊買台塑化、上看113元</t>
  </si>
  <si>
    <t>1450不見了 蔡英文被八卦版噓到爆</t>
  </si>
  <si>
    <t>法國確診破千例 英國319例</t>
  </si>
  <si>
    <t>抗疫也拚招商 新北祭減租優惠</t>
  </si>
  <si>
    <t>新冠大流行讓人好焦躁 研究：每天吃可紓壓10％的食物</t>
  </si>
  <si>
    <t>智利每增1％科興疫苗接種者 恐增加3％新冠感染者</t>
  </si>
  <si>
    <t>今增21例死亡！最年輕30多歲 張上淳：僅1人無潛伏疾病</t>
  </si>
  <si>
    <t>計程車生意掉一半 韓國瑜允協助</t>
  </si>
  <si>
    <t>日本捐124萬劑疫苗 黃偉哲：量能足夠 台南日僑優先施打</t>
  </si>
  <si>
    <t>換外幣 好時機</t>
  </si>
  <si>
    <t>長庚大學研究發現 伊維菌素可抑制新冠病毒</t>
  </si>
  <si>
    <t>男星認「台灣有罵譚德賽」轟：不能揭穿惡的謊言嗎</t>
  </si>
  <si>
    <t>媽祖遶境停不停辦？民眾表示「不該人為自主硬性決定」</t>
  </si>
  <si>
    <t>新冠及流感疫苗可同日接種 港專家：兩隻手分開打</t>
  </si>
  <si>
    <t>國內新增2確診案例 80歲父及50多歲子均無出國史</t>
  </si>
  <si>
    <t>影〉李蘭娟：群體免疫說法對人民極不負責任</t>
  </si>
  <si>
    <t>確診者愛犬罹癌心急如焚 新北市動保處溫馨接送助就醫</t>
  </si>
  <si>
    <t>花火節延期澎湖觀光慘兮兮 縣長親自拉客</t>
  </si>
  <si>
    <t>健康新視界：潘懷宗》感冒讓您免得新冠肺炎嗎？</t>
  </si>
  <si>
    <t>軍艦士兵哈啾一下染新冠 舌相竟透露病毒蹤跡</t>
  </si>
  <si>
    <t>確診女研究員住家單獨出入 無鄰居遭匡列</t>
  </si>
  <si>
    <t>NBA》好慘！詹皇少打1場損失千萬</t>
  </si>
  <si>
    <t>接種疫苗後死亡增9例！7例AZ、莫德納高端各1</t>
  </si>
  <si>
    <t>疫苗大作戰 沈富雄一句話拆穿陳時中</t>
  </si>
  <si>
    <t>戴口罩別做這些運動！醫曝加重負擔 水氣更讓病毒入侵</t>
  </si>
  <si>
    <t>擴大紓困之亂衛福部挨批　陳時中道歉：請大家給一點時間改正</t>
  </si>
  <si>
    <t>疾管署買高端疫苗後 包正豪推測最後結局</t>
  </si>
  <si>
    <t>本土千人確診這年齡佔3成 醫示警：衝擊要來了</t>
  </si>
  <si>
    <t>《國際社會》6個月來首見 美國單日染疫死亡破2000人</t>
  </si>
  <si>
    <t>美疫情惡化恐超乎想像… 蘋果重新關閉32家門市</t>
  </si>
  <si>
    <t>新北市擬取消餐廳內用 柯文哲：不要看到Delta病毒就地球毀滅</t>
  </si>
  <si>
    <t>生物考6題新冠肺炎 補教：沒注意此新聞的考生不易作答</t>
  </si>
  <si>
    <t>口罩到處都有何必再衝藥局？網曝「關鍵」原因：當然買</t>
  </si>
  <si>
    <t>法國天體海灘爆發新冠肺炎</t>
  </si>
  <si>
    <t>最年輕死亡個案 24歲男打AZ後在家身亡</t>
  </si>
  <si>
    <t>停泊長崎港維修的郵輪有33船員確診</t>
  </si>
  <si>
    <t>網路流傳停課假名單 侯友宜：不實訊息將送交警方偵辦</t>
  </si>
  <si>
    <t>《通信網路》仲琦連3年營收破百億</t>
  </si>
  <si>
    <t>《冰雪奇緣2》女星也「中招」 好萊塢確診再添一例</t>
  </si>
  <si>
    <t>連江縣失守 今增1例確診 馬祖屏東兩地足跡曝光</t>
  </si>
  <si>
    <t>高雄鳳山某大樓驚傳陽性個案 急召回150多名住戶</t>
  </si>
  <si>
    <t>配置新興短期高收債 強化防禦力</t>
  </si>
  <si>
    <t>Delta太強 攻破保護力防線 12人打完兩劑仍染疫</t>
  </si>
  <si>
    <t>高層來者不拒讓消防「包山包海」 基層怨：我們確診誰來打火？</t>
  </si>
  <si>
    <t>確診夫婦西非返台 空服員：曾說喉嚨痛 狂吃喉糖</t>
  </si>
  <si>
    <t>川普：美可助伊朗對抗新冠病毒 「只等他們開口」</t>
  </si>
  <si>
    <t>猴打疫苗 產生新冠病毒抗體</t>
  </si>
  <si>
    <t>感謝日本捐贈124萬劑AZ疫苗 朱立倫：政府應積極讓各種管道疫苗來台</t>
  </si>
  <si>
    <t>新北校園BNT施打 今有14名學生胸悶送醫</t>
  </si>
  <si>
    <t>載秘魯祖孫返屏東 司機：祖孫在關廟休息站上廁所</t>
  </si>
  <si>
    <t>中市曝3官兵確診足跡 網一看這例嚇壞</t>
  </si>
  <si>
    <t>可以回家了！三採陰拔管 他豎大拇指向醫護表達謝意</t>
  </si>
  <si>
    <t>新增2境外移入 9天累計22例確診 指揮中心14：30說明</t>
  </si>
  <si>
    <t>增3例無症狀 青島恐現群聚感染</t>
  </si>
  <si>
    <t>疫苗施打「資格預先查詢」發揮功能 逾150萬人次查詢</t>
  </si>
  <si>
    <t>黃偉哲建議中央 盡快將大學師生納入禁出國行列</t>
  </si>
  <si>
    <t>俄羅斯返台國人採檢出爐 全團皆陰性</t>
  </si>
  <si>
    <t>美股大反彈 道瓊飆漲11％ 創1933年來最高單日漲幅</t>
  </si>
  <si>
    <t>血栓疑慮下 中風者可以打新冠疫苗嗎？ 醫師這麼建議</t>
  </si>
  <si>
    <t>要求拆除復必泰布條？總統府抗議：不實臆測</t>
  </si>
  <si>
    <t>疫苗採購0進度 陳時中推託廠商生產線出問題</t>
  </si>
  <si>
    <t>苗栗禁移工外出 指揮中心要求回歸3級警戒標準執行</t>
  </si>
  <si>
    <t>《半導體》Q4不淡、旺到明年 盛群帶量躍70</t>
  </si>
  <si>
    <t>口水戰升級！　白宮顧問批陸用「武器化病毒」攻擊美國</t>
  </si>
  <si>
    <t>中東又1國中鏢！巴林現第1起新冠肺炎確診病例</t>
  </si>
  <si>
    <t>陳道輝維護長官有難言之隱？網要他說出來</t>
  </si>
  <si>
    <t>《日股》憂疫情、財報 日經指數跌至1周新低</t>
  </si>
  <si>
    <t>春節檢疫專案實施至明年1月底 陳宗彥視察南市警電子圍籬系統</t>
  </si>
  <si>
    <t>封城也沒用 澳洲新南威爾斯州單日確診創新高</t>
  </si>
  <si>
    <t>智邦估因新冠肺炎染疫衝擊 6月產量將因而減少一成</t>
  </si>
  <si>
    <t>開放潛水卻不開放游泳池 陳時中說明1個差別</t>
  </si>
  <si>
    <t>美正式啟動配送輝瑞疫苗 拚2021年3月底前1億人接種</t>
  </si>
  <si>
    <t>口罩鬆綁還會戴嗎？網超怕：除非疫情結束</t>
  </si>
  <si>
    <t>《興櫃股》安盛生Q4推新冠智能抗原快篩、數位健康通行證</t>
  </si>
  <si>
    <t>送疾管署花籃 朱學恒不起訴</t>
  </si>
  <si>
    <t>明年只會更慘？各國預言家同調：2021仍是黑暗年 還有更大災難</t>
  </si>
  <si>
    <t>反制國際挺台參與WHO！陸連署施壓譚德塞密信曝光了</t>
  </si>
  <si>
    <t>外媒關心武漢台商 陳時中：再去救援會形成矛盾</t>
  </si>
  <si>
    <t>杜特蒂捐「1個月薪水」抗疫！菲國內閣自願連續3個月減薪</t>
  </si>
  <si>
    <t>陸稱蘇揆指控是謊言 陸委會回應：不接受政治口水</t>
  </si>
  <si>
    <t>吳斯懷指蔡英文「像慈禧」 蘇貞昌批：讓全民憤怒</t>
  </si>
  <si>
    <t>大蘋果準備好了！紐約市6月可望第一階段重啟</t>
  </si>
  <si>
    <t>男子確診家人竟能逃過感染 醫師透露：靠這三招</t>
  </si>
  <si>
    <t>致敬南丁格爾！社企送護手霜力挺醫護</t>
  </si>
  <si>
    <t>人在家中坐 愛奇藝大賺宅商機</t>
  </si>
  <si>
    <t>家中</t>
  </si>
  <si>
    <t>商品期貨趨勢專欄－原油期波動大 操作謹慎</t>
  </si>
  <si>
    <t>施志昌要求廟方遶境建名冊 民政局：配合中央規定</t>
  </si>
  <si>
    <t>中央提600億防疫紓困 盧秀燕籲各局處積極爭取</t>
  </si>
  <si>
    <t>《半導體》聯發科Q3報喜、好到2021年 6家外資正面看</t>
  </si>
  <si>
    <t>疫苗接種死亡 新北再添6例</t>
  </si>
  <si>
    <t>黃偉哲再槓蘇貞昌？網驚問一句</t>
  </si>
  <si>
    <t>新疆再增13例確診 已隔離2705名相關人士</t>
  </si>
  <si>
    <t>文大4名學生確診 大倫館345名住宿生今快篩</t>
  </si>
  <si>
    <t>公主號上5名台籍旅客已下船赴飯店休息</t>
  </si>
  <si>
    <t>尹恩惠確診新冠疑遭同居人傳染 一張全黑畫面報現況</t>
  </si>
  <si>
    <t>基市明德國中 送酒精口罩</t>
  </si>
  <si>
    <t>國內累計339人確診 50人解除隔離</t>
  </si>
  <si>
    <t>疫後復甦經濟！韓市府挺青年釋500職缺</t>
  </si>
  <si>
    <t>陳明璋指陸經濟進入保4爭5年代</t>
  </si>
  <si>
    <t>印度疫情慘烈 企業致力保護員工</t>
  </si>
  <si>
    <t>新北市居檢男猝死！倒臥防疫旅館馬桶旁</t>
  </si>
  <si>
    <t>內湖電視台攝影生前確診 主播張雅琴快篩結果出爐！</t>
  </si>
  <si>
    <t>利差擴大 新興企業債長線可期</t>
  </si>
  <si>
    <t>疫情大爆發！北市現搶打疫苗潮 新冠肺炎門診預約全額滿</t>
  </si>
  <si>
    <t>雙北單日本土破百！最新確診地圖曝光 1縣市由橙轉紅</t>
  </si>
  <si>
    <t>北京新增新冠肺炎境外輸入21例 涉及6國、8航班</t>
  </si>
  <si>
    <t>病毒專家石正麗：新冠僅冰山一角</t>
  </si>
  <si>
    <t>英驚世預估 疫情至明年春 8成民眾染病</t>
  </si>
  <si>
    <t>民間醫院不聽指揮收治確診病患 柯P不排除採強制手段</t>
  </si>
  <si>
    <t>止咳藥常見成分會加速新冠病毒複製　醫曝：恐出現重症病患</t>
  </si>
  <si>
    <t>7天自主管理還能趴趴走 宅神：天網也抓不乾淨啦</t>
  </si>
  <si>
    <t>磐石艦雲林縣感染官兵接觸者8人 二採結果出爐</t>
  </si>
  <si>
    <t>金門疫情謠言滿天飛 縣府專稿澄清＋警告</t>
  </si>
  <si>
    <t>新北24小時三班制 一天處理110具遺體</t>
  </si>
  <si>
    <t>《通信網路》啟碁5G營收占比明年拚翻倍 續擴增台越產能</t>
  </si>
  <si>
    <t>市場施打疫苗堵疫情15日後見真章 柯文哲要大家拭目以待</t>
  </si>
  <si>
    <t>侯友宜坦言：新北近期確診數只會更多 但寧可多也不要漏掉</t>
  </si>
  <si>
    <t>新北 市 确诊 人数 持续 攀增 今日 累计 465 个 确诊 案例 新北 市长 侯友宜 今 主持 防疫 会议 表示 新北 市 扩大 匡列 的 量 很 庞大 采 检 的 量 也 很 庞大 这 段 期间 新北 市 的 确诊 数 一定 是 愈来愈多 但 大家 不要 怕 多 只怕 没有 抓 出来 因为 宁可 这 段 时间 把 确诊 者 找 出来 也 不 要 让 确诊 者 的 病毒 在 社区 内 持续 蔓延 侯友宜 说 新北 市 人口数量 庞大 跟 万 华区 又 仅 一 桥 之 隔 很多 个案 感染 源 来自 万 华区 但 住 在 新北 市 境内 所以 我 跟 警察局 说 有 接触 史就 要 扩大 匡列 就 要 扩大 采 检 要用 刑警 侦查 方式 来 办案 有失 联 要 快速 找到 一个 都 不要 给 我 漏掉 侯友宜 说 所以 新北 市 扩大 采 检 的 量 很多 这 段 期间 确诊 数量 也 一定 很多 不可能 马上 把 确诊 数字 压下来 但 大家 不要 怕 多 只怕 确诊 个案 没有 抓 出来 宁可 这 段 时间 把 确诊 者 找 出来 阻绝 传染 风险 也 不 要 让 确诊 者 在 社区 里面 继续 蔓延</t>
  </si>
  <si>
    <t>確診者自曝「萬華人與人連結」 他人生的痛：害母親染疫病歿</t>
  </si>
  <si>
    <t>超商店員怒曝這東西…客人都要「摸一下」 網驚：超噁心</t>
  </si>
  <si>
    <t>高端4死「2人主動脈剝離」 醫分析關聯性：這些人可先緩打</t>
  </si>
  <si>
    <t>提升篩檢量能 三軍總醫院明支援板橋機動篩檢站</t>
  </si>
  <si>
    <t>半導體設備 SEMI憂市場變數增</t>
  </si>
  <si>
    <t>沒有症狀的快樂缺氧 當被告知要插管時 該怎麼辦？</t>
  </si>
  <si>
    <t>專家走開！美CDC重啟國門方針 遭川普政府丟一邊</t>
  </si>
  <si>
    <t>《不可能7》爆離職潮 工作人員曝阿湯哥態度嘆：只想回家</t>
  </si>
  <si>
    <t>台南護專維持實體授課學生氣炸 校長：可請防疫假</t>
  </si>
  <si>
    <t>基隆65至67歲長者 集中施打第二劑莫德納</t>
  </si>
  <si>
    <t>劉倩妏護目鏡不離身！不為防新冠肺炎其實有隱情</t>
  </si>
  <si>
    <t>28日後生活能回復正常？專家：恐要等到疫苗打完</t>
  </si>
  <si>
    <t>慰勉新冠肺炎努力貢獻 蔡其昌親赴國衛院</t>
  </si>
  <si>
    <t>病毒延燒美國務院？蓬佩奧妻子確診了</t>
  </si>
  <si>
    <t>防疫送暖 大學生烤披薩贈醫護</t>
  </si>
  <si>
    <t>聯亞EUA沒過 醫曝抗體只是把戲 避免死亡關鍵是它</t>
  </si>
  <si>
    <t>新港農會推廣優質黑豆 結合雲朗觀光推住宿免費品嘗國產黑豆茶</t>
  </si>
  <si>
    <t>新埔國小停課3天 劉美芳與家長會表支持</t>
  </si>
  <si>
    <t>紓困補助 侯友宜：個體發放是解燃眉之急 拚經濟路還很長</t>
  </si>
  <si>
    <t>再向蘇貞昌喊話 傅崐萁：速開放民間企業與地方政府採購疫苗</t>
  </si>
  <si>
    <t>新北今13所學校停課 劉和然：明日可全部復課</t>
  </si>
  <si>
    <t>草莓姐姐突PO文：沒錯 我們住萬華 看完網友留言鼻酸了</t>
  </si>
  <si>
    <t>怕接到陳時中電話 蔡英文吐真心話</t>
  </si>
  <si>
    <t>北市新冠肺炎確診病患 砍殺護理師羈押確定</t>
  </si>
  <si>
    <t>有效抗疫 習近平促進一步發展中醫藥</t>
  </si>
  <si>
    <t>新壽防疫關懷保單借款 最低利率1％</t>
  </si>
  <si>
    <t>劉品言網購內衣頻卡關 PO文吐「大胸女孩困擾」</t>
  </si>
  <si>
    <t>譚德塞：新冠肺炎與季節性流感有4大差異</t>
  </si>
  <si>
    <t>短評／開學應再延後</t>
  </si>
  <si>
    <t>有效降低9成死亡風險 抗憂鬱症老藥為治療新冠帶來新希望</t>
  </si>
  <si>
    <t>遊覽車出車不到1成 計程車等嘸人</t>
  </si>
  <si>
    <t>東京奧運》奧組委要求500名護理師協助 引爆怒火</t>
  </si>
  <si>
    <t>南韓大邱市群聚感染 世衛與首爾密切聯繫</t>
  </si>
  <si>
    <t>被問疫苗採購 陳時中：要我講價格的都居心叵測</t>
  </si>
  <si>
    <t>擔心群聚感染 南市強化關懷據點防疫</t>
  </si>
  <si>
    <t>伊朗衛生部副部長驚爆感染新冠肺炎 已接受隔離</t>
  </si>
  <si>
    <t>全台1299間郵局 進入採簡訊實聯制</t>
  </si>
  <si>
    <t>北市賣菜確診婦稱獨居 疫調揪尪關鍵身影 招了：去過環南</t>
  </si>
  <si>
    <t>廣東本土病例清零 60萬支重組亞單位新冠疫苗抵粵</t>
  </si>
  <si>
    <t>豪門老公全力支援防疫 殷琦感覺很溫暖</t>
  </si>
  <si>
    <t>都會區人口密集 醫坦言：Delta防疫難度比屏東高</t>
  </si>
  <si>
    <t>MLB》就算不打年資照給 選秀可能縮至5輪</t>
  </si>
  <si>
    <t>最值得表揚的確診者 超狂足跡曝光 醫大讚防疫典範</t>
  </si>
  <si>
    <t>大陸想接滯摩洛哥台人 外交部：駐法代表處要更努力協助返台</t>
  </si>
  <si>
    <t>弔念新冠疫情烈士 陸領導人默哀3分鐘</t>
  </si>
  <si>
    <t>百貨線上搶客 流量數倍成長</t>
  </si>
  <si>
    <t>華盛頓州疑出現社區傳播與院內感染</t>
  </si>
  <si>
    <t>專家解讀本輪大陸疫情走勢：有三個主要暴發點 都可追溯到境外輸入</t>
  </si>
  <si>
    <t>遠距當道 筆電伺服器接單旺</t>
  </si>
  <si>
    <t>北市3千名學生尚未接種 聯醫16日加開BNT門診</t>
  </si>
  <si>
    <t>美單日確診新高美歐股陰霾罩頂</t>
  </si>
  <si>
    <t>北京嚴控疫情：在京人員近期非必要不出京 按75％限流開放景區等</t>
  </si>
  <si>
    <t>910萬人打疫苗遭指大內宣 蘇貞昌：全民踴躍打疫苗才穩住疫情</t>
  </si>
  <si>
    <t>腦麻兒口罩斷貨 婦聯會送500個應急</t>
  </si>
  <si>
    <t>疫情扯後腿 費半指數陷修正</t>
  </si>
  <si>
    <t>美確診破百萬 川普樂觀說了一句話</t>
  </si>
  <si>
    <t>全球首例！港確診患者愛犬染新冠病毒</t>
  </si>
  <si>
    <t>美國又有數州想復工 公衛專家苦諫無效</t>
  </si>
  <si>
    <t>林飛帆殺雞取「暖」 PTT鄉民酸爆：9萬防疫新生活</t>
  </si>
  <si>
    <t>陸新冠肺炎疫苗 最快將於4月下旬申報臨床試驗</t>
  </si>
  <si>
    <t>馬祖加強防疫 屢勸不聽縣府將開罰</t>
  </si>
  <si>
    <t>屏東確診增1例 足跡家樂福閉館消毒</t>
  </si>
  <si>
    <t>疫情攪局！高市議會臨時會開不開還有變數</t>
  </si>
  <si>
    <t>去年基期低＋車廠大力促銷 陸1月汽車銷量 年增逾3成</t>
  </si>
  <si>
    <t>日本境內894例新冠肺炎 51重症7死</t>
  </si>
  <si>
    <t>國發基金通過新創救援要點 協新興事業度過寒冬</t>
  </si>
  <si>
    <t>疫發難收的文明對抗</t>
  </si>
  <si>
    <t>被爆確診後「不配合藥物治療」久佔病房 女星吐：最合適的方法</t>
  </si>
  <si>
    <t>為提高疫苗施打率 屏東縣府於百貨公司設疫苗注射站</t>
  </si>
  <si>
    <t>最新確診地圖曝光 雙北累計3193人染疫 中部這縣巿逼近百人</t>
  </si>
  <si>
    <t>全國農業金庫推新冠肺炎疫情紓困貸款措施</t>
  </si>
  <si>
    <t>大陸地震局推出疫期中小學生地震安全知識</t>
  </si>
  <si>
    <t>國軍口罩政策爆陰謀論 媒體人揭最嚴重問題在這！</t>
  </si>
  <si>
    <t>男子假冒新冠防疫員 登堂入室綑綁屋主洗劫財物</t>
  </si>
  <si>
    <t>印度神童恐怖預言 這4國再爆一波 全球解封時間曝光</t>
  </si>
  <si>
    <t>外籍人士盼延簽 指揮中心：相信外交部會視情況准許</t>
  </si>
  <si>
    <t>擴大消費場所查察？侯友宜：有些場所也會評估</t>
  </si>
  <si>
    <t>疫情讓你焦慮不安？ 3招打造情緒復原力 抗疫更強大</t>
  </si>
  <si>
    <t>獨／乘客上車未戴口罩 暖司機無私送萬人讚爆</t>
  </si>
  <si>
    <t>大陸多10宗輸入確診 廣州通報4宗最多</t>
  </si>
  <si>
    <t>最強帶原者　媽媽傳染新冠肺炎給17個小孩</t>
  </si>
  <si>
    <t>道瓊暴跌逾千點 台股早盤大跌逾百點後反彈</t>
  </si>
  <si>
    <t>疫情趨緩 巨城五一連假業績成長五成</t>
  </si>
  <si>
    <t>口罩外交奏效、我列疫苗首批名單 AIT：美國不會忘記台灣慷慨</t>
  </si>
  <si>
    <t>市議員籲台中近10萬移工應整合快篩 市府：神岡、豐洲已設置快篩站</t>
  </si>
  <si>
    <t>CBA》林書豪：復賽意義遠大於打球</t>
  </si>
  <si>
    <t>立委爆7600萬口罩憑空消失 陳時中這麼說</t>
  </si>
  <si>
    <t>驚！四川出現新冠肺炎治癒10日後二次感染患者</t>
  </si>
  <si>
    <t>聯亞EUA卡關 3800名受試者怎麼辦？陳時中曝2種選擇</t>
  </si>
  <si>
    <t>疫情衝擊旅行社飯店業航空業！華語導遊 淪做洗碗工謀生</t>
  </si>
  <si>
    <t>指揮中心急發8萬多則警示簡訊 提醒曾赴環南民眾速採檢</t>
  </si>
  <si>
    <t>《半導體》Sony PS5傳追單 鈺太Q3吃補丸</t>
  </si>
  <si>
    <t>成大醫院防疫再升級 一般病房每天只開放1小時探病</t>
  </si>
  <si>
    <t>近85％民眾估今年經濟保一 明年則憂疫情再起</t>
  </si>
  <si>
    <t>被小孩逼瘋？川普語出驚人：學校不復課 爸媽都要死了</t>
  </si>
  <si>
    <t>《科技》2020新冠黑天鵝突襲 高通陳若文：明年半導體仍健康</t>
  </si>
  <si>
    <t>《熱門族群》疫苗滅宅經濟 富邦媒重傷、東森苦情</t>
  </si>
  <si>
    <t>《股利-電腦設備》融程電決配息3元 今年拚穩中求進</t>
  </si>
  <si>
    <t>新冠肺炎影響畜產價格？農委會：土雞價格已上漲</t>
  </si>
  <si>
    <t>投資型保單占率 9月破五成</t>
  </si>
  <si>
    <t>確認浙江台商是新冠肺炎死亡案例傳染源？ 陳時中：需透過血清檢驗</t>
  </si>
  <si>
    <t>哥倫比亞株與南非、英國變種同門 專家分析：1傳5不容小覷</t>
  </si>
  <si>
    <t>首例出院女台商 肺部纖維化</t>
  </si>
  <si>
    <t>兒童該接種疫苗嗎？醫師提醒5個「該打」理由</t>
  </si>
  <si>
    <t>疫情從此改變旅遊習慣 切斯基回歸初心 重振Airbnb業績</t>
  </si>
  <si>
    <t>如何有效減少重症死亡率？公衛專家：應及早部署重症照護量能</t>
  </si>
  <si>
    <t>「伊林」達陣 國內連10天沒有新增病例</t>
  </si>
  <si>
    <t>文化部所屬表演型場館主辦活動 即日起暫停</t>
  </si>
  <si>
    <t>公司無預警歇業 中市府歇業事實認定維護勞工權益</t>
  </si>
  <si>
    <t>警PO文批衛生局「甩鍋」 劍青檢改籲統合行政與司法相驗</t>
  </si>
  <si>
    <t>新冠病毒是「人造」嗎？美醫學權威研究 結果驚人！</t>
  </si>
  <si>
    <t>派丁森染疫《蝙蝠俠》再停擺</t>
  </si>
  <si>
    <t>再增1例境外移入 指揮中心14：00說明</t>
  </si>
  <si>
    <t>嘉義泡茶群聚再＋1 早餐店老闆二採陰轉陽確診</t>
  </si>
  <si>
    <t>多啪啪能防疫？性學專家：高潮能殺病毒</t>
  </si>
  <si>
    <t>新冠疫苗 我近1500萬劑到手</t>
  </si>
  <si>
    <t>疫苗</t>
  </si>
  <si>
    <t>內政部三張圖宣導居家隔離檢疫 網笑：他就死掉了…</t>
  </si>
  <si>
    <t>【民進黨大亂鬥3】新系領頭羊動作多　賴神密會這些立委吃飯</t>
  </si>
  <si>
    <t>下船了！結束人球漂流 威士特丹號乘客受柬總理歡迎</t>
  </si>
  <si>
    <t>鄭文燦：要有三級延長心理準備 學習享受一人獨處的幸福</t>
  </si>
  <si>
    <t>香港新冠確診48例創單日新高 多數自歐美返回</t>
  </si>
  <si>
    <t>新北3例確診CT值高 侯友宜籲中央：建立快速抗體檢驗流程</t>
  </si>
  <si>
    <t>新冠病毒=老婆？　印尼部長口出狂言：無法控制就與它／她並存</t>
  </si>
  <si>
    <t>外資賣台積 為哪樁？</t>
  </si>
  <si>
    <t>【全台清潔龍頭1】每天摸病毒卻買嘸口罩 開第一槍才得救</t>
  </si>
  <si>
    <t>長期主題 新興市場好超值 重返正當時</t>
  </si>
  <si>
    <t>三立電視台2員工確診 接觸者PCR結果出爐</t>
  </si>
  <si>
    <t>本土病例狂飆 加拿大台人曝：這招效果絕不輸封城</t>
  </si>
  <si>
    <t>美股紅翻黑 新興市場也失血</t>
  </si>
  <si>
    <t>新冠肺炎死亡數逾50萬 拜登下令聯邦機構「降半旗5天」領導哀悼儀式</t>
  </si>
  <si>
    <t>新增8境外移入 5例都來自這個國家</t>
  </si>
  <si>
    <t>高雄防堵疫情 明啟動三大科學園區快篩</t>
  </si>
  <si>
    <t>「開車也要戴口罩」全台傻眼 莊人祥：我一個人不會戴</t>
  </si>
  <si>
    <t>後新冠房市兩樣情</t>
  </si>
  <si>
    <t>房市</t>
  </si>
  <si>
    <t>桃園新增1確診者 為特殊交友圈外溢親友</t>
  </si>
  <si>
    <t>15國可解封 台排名全球第8</t>
  </si>
  <si>
    <t>《半導體》聯發科法說落幕 外資比讚5G實力、憂4G有「疫」外</t>
  </si>
  <si>
    <t>南科推精準健康照護 鎖定後疫情時代</t>
  </si>
  <si>
    <t>取消全國性酒測 防酒駕團體批 徐國勇強調地方不打折</t>
  </si>
  <si>
    <t>紓困打工族1萬何不普發？社畜嘆正職該死：沒補助疫苗卻繳稅</t>
  </si>
  <si>
    <t>防疫新手段 屏縣府推平安手環</t>
  </si>
  <si>
    <t>北市松山區2校預防性停課 教育局建議鄰近18間補習班停課1天</t>
  </si>
  <si>
    <t>實聯制驚傳詐騙QR Code 傳送前確認1數字</t>
  </si>
  <si>
    <t>日月潭團客大減 散客多自駕遊</t>
  </si>
  <si>
    <t>大疫當前 《金門迎城隍宗教文化觀光季》停辦</t>
  </si>
  <si>
    <t>中和一家9口5確診2人待送醫 年紀最小僅6歲</t>
  </si>
  <si>
    <t>新北聯醫三重板橋院區 即日起探病、陪病限1人</t>
  </si>
  <si>
    <t>台灣防疫吊車尾 藍議員舉韓國現況轟：政府到底在幹什麼</t>
  </si>
  <si>
    <t>日航包機撤離俄羅斯 保留50位置給國人</t>
  </si>
  <si>
    <t>北市警轟衛生局1句話甩鍋「死後確診」 警政署回應：會查</t>
  </si>
  <si>
    <t>男造謠嘉基醫院新冠肺炎疫情 面臨300萬元罰責</t>
  </si>
  <si>
    <t>華航印度撤僑專機 5月4日載南亞台人回台</t>
  </si>
  <si>
    <t>中研院實驗室門把、桌面有病毒 專家直呼怪！曝2大疑點</t>
  </si>
  <si>
    <t>2020武漢風暴》陸17省市省際公路與城市客運逐步恢復營運</t>
  </si>
  <si>
    <t>《半導體》外資續看好長期成長 日月光投控量增價揚</t>
  </si>
  <si>
    <t>病例更早就有 世衛籲各國調查</t>
  </si>
  <si>
    <t>義大利新增數字稍降 高層盼高峰期已過</t>
  </si>
  <si>
    <t>東方神起允浩爆上非法酒店有妹坐陪 公司急出面：遇警沒逃</t>
  </si>
  <si>
    <t>15檔體質勇 強勢抗疫</t>
  </si>
  <si>
    <t>無畏肺炎疫情 俄羅斯電影空降票房冠軍</t>
  </si>
  <si>
    <t>快篩容易偽陽性 指揮中心：採檢兩次更精準</t>
  </si>
  <si>
    <t>中市境外＋1 印尼確診台商搭醫療專機返台治療</t>
  </si>
  <si>
    <t>新冠病毒恐在台「自我進化」 醫憂：傳染力超過50％</t>
  </si>
  <si>
    <t>譚德塞：尚未發現讓疫苗失效的變種病毒 但情況可能改變</t>
  </si>
  <si>
    <t>批高端「三無疫苗」趙少康轟蔡政府用奧運轉移焦點</t>
  </si>
  <si>
    <t>《半導體》NB熱翻天 義隆搭上順風車、旺到年底</t>
  </si>
  <si>
    <t>生華科 抗疫新藥 獲美國青睞</t>
  </si>
  <si>
    <t>EXO Xiumin確診新冠肺炎 SM娛樂聲明：全團居家隔離</t>
  </si>
  <si>
    <t>新北今日首度0確診 侯友宜：更要小心翼翼</t>
  </si>
  <si>
    <t>接觸Delta病毒確診者 新北2人採檢1人PCR陰性</t>
  </si>
  <si>
    <t>嚴防北農出現破口 新竹果菜批發市場首批快篩均為陰性</t>
  </si>
  <si>
    <t>週末還會有人跑出去嗎？網一面倒：別高估台灣人</t>
  </si>
  <si>
    <t>被疫情逼出來 名醫獻出直播處女秀</t>
  </si>
  <si>
    <t>挺大甲媽繞境顏清標喊話「媽祖保護」 館長怒轟：染疫吃XX</t>
  </si>
  <si>
    <t>WHA13友邦提案邀請台灣與會 巴拉圭重申堅定支持台灣</t>
  </si>
  <si>
    <t>新增2境外移入 搭機前採檢＋居檢都無效 菲女出關11天才確診</t>
  </si>
  <si>
    <t>義大利醫生：新冠病毒正在減弱 最終將自行消失</t>
  </si>
  <si>
    <t>江仲豪 讓人生更棒</t>
  </si>
  <si>
    <t>江仲豪</t>
  </si>
  <si>
    <t>新北確診重回二位數 侯友宜：1人感染源不明</t>
  </si>
  <si>
    <t>侯友宜 新北 市 11 人 永和 感染 源 不明</t>
  </si>
  <si>
    <t>首波BNT疫苗 嘉義縣93％學生有意願接種</t>
  </si>
  <si>
    <t>《興櫃股》安特羅新冠肺炎抗原快篩試劑取得歐盟認證</t>
  </si>
  <si>
    <t>逮捕染疫通緝犯 萬華西門派出所員警1確診1快篩陽性</t>
  </si>
  <si>
    <t>《產業》餐飲業結盟搶抗疫商機 後備生力軍蓄勢待發</t>
  </si>
  <si>
    <t>竹縣特殊交友圈傳播＋1 竹北男與友人北市聚餐染疫</t>
  </si>
  <si>
    <t>《金融》金價創近9年新高 回落低接避險</t>
  </si>
  <si>
    <t>他談疫苗「鮮奶說、老車論」爆紅 網瘋傳逾5800次完勝名嘴</t>
  </si>
  <si>
    <t>第11輪BNT預約時間延長！這群人可打到第1劑</t>
  </si>
  <si>
    <t>疫情嚴峻 宜縣即日起禁止宮廟繞境、廟會等活動</t>
  </si>
  <si>
    <t>《興櫃股》心悅新冠新藥在台申請臨床試驗</t>
  </si>
  <si>
    <t>美開始試驗新冠疫苗 西雅圖第一批病患接受注射</t>
  </si>
  <si>
    <t>Delta變異株入侵台灣後 朱學恒吐一句心聲</t>
  </si>
  <si>
    <t>連兩天0確診 網驚：海軍女友天生神力？</t>
  </si>
  <si>
    <t>第一線媒體人 爭取優先打疫苗</t>
  </si>
  <si>
    <t>《產業分析》高通看好開放網路破壞性創新 台廠展拳腳</t>
  </si>
  <si>
    <t>新增1境外移入 指揮中心下午2點記者會</t>
  </si>
  <si>
    <t>明起入境全面普篩 陳時中：驗出陽性一律做基因定序</t>
  </si>
  <si>
    <t>高端混打安全性沒問題？陳時中跳針回應這句話</t>
  </si>
  <si>
    <t>婦產科醫學會：孕產婦打mRNA疫苗為主 那其他女性呢？</t>
  </si>
  <si>
    <t>旅遊等五大產業要求紓困 中市府：九箭全力推動</t>
  </si>
  <si>
    <t>婦打莫德納第二劑陷惡夢 起疹、胸痛 20天後主動脈剝離</t>
  </si>
  <si>
    <t>斷翅膀、縫眼睛活體烹煮 越南驚見野味市場</t>
  </si>
  <si>
    <t>陳一新下武漢 約法三章震懾官場</t>
  </si>
  <si>
    <t>雲南瑞麗連續爆疫情 1歲多幼兒已做74次核酸檢測</t>
  </si>
  <si>
    <t>新冠病毒超難纏 國內再增3復陽案例</t>
  </si>
  <si>
    <t>在家工作潮讓Zoom翻紅 偷傳資料給Facebook再惹爭議</t>
  </si>
  <si>
    <t>《業績-電腦設備》佳世達3月營收雙增 創同期新高</t>
  </si>
  <si>
    <t>北港香盛期暴人潮 公所加強防制新冠、登革熱消毒</t>
  </si>
  <si>
    <t>媽祖進香 徐耀昌：媽祖是慈悲的 萬一有漏洞得不償失</t>
  </si>
  <si>
    <t>32歲男星急性敗血症病逝 友慟：因新冠肺炎延誤黃金治療期</t>
  </si>
  <si>
    <t>出院嚴格自主管理 戴口罩勿共食</t>
  </si>
  <si>
    <t>義大利新冠確診單日暴增千人 執政黨魁自曝感染</t>
  </si>
  <si>
    <t>新竹縣增1例 孕婦即日起可於5醫院預約接種</t>
  </si>
  <si>
    <t>歐洲遭新冠攻陷 至1月底 金融業曝險近5兆</t>
  </si>
  <si>
    <t>美網防疫大刀砍 女雙頭號種子被迫棄賽</t>
  </si>
  <si>
    <t>二級警戒持續至8／23 最新規定出爐！超商可賣茶葉蛋了</t>
  </si>
  <si>
    <t>胡扯新冠肺炎定名「SARI」？ 刑事局逮假訊息張貼者</t>
  </si>
  <si>
    <t>台中首例打高端後死亡個案　莊人祥：出現肺浸潤、竇性心搏過速等症狀</t>
  </si>
  <si>
    <t>崩壞與節制的一年</t>
  </si>
  <si>
    <t>大陸本土又＋0 高風險地區剩1</t>
  </si>
  <si>
    <t>找嘸買家 美油商被迫關油井</t>
  </si>
  <si>
    <t>克雷多生醫 PCR檢測CP值高</t>
  </si>
  <si>
    <t>多 生 保存 肺炎 pcr 高章</t>
  </si>
  <si>
    <t>BNT疫苗何時到貨？ 陳時中回應了</t>
  </si>
  <si>
    <t>疫苗險取消年齡下限 嬰幼兒學生都可投保</t>
  </si>
  <si>
    <t>陸港觀盤－Q2持續盤整 資金青睞內需</t>
  </si>
  <si>
    <t>新冠肺炎重症關鍵 英研究： 76％患者有這情形</t>
  </si>
  <si>
    <t>打過2劑AZ也成功登記 工程師揪漏洞遭酸：國家真的病了</t>
  </si>
  <si>
    <t>回顧諾富特事件 陳時中坦言跌了一跤</t>
  </si>
  <si>
    <t>居家隔離趴趴走 陳以信：應戴電子手環</t>
  </si>
  <si>
    <t>北部高中停課 該校學生悲痛控綠媒：不只肺炎會殺人</t>
  </si>
  <si>
    <t>確診者抱怨作業有空窗期 侯友宜籲中央：校正回歸速度加快</t>
  </si>
  <si>
    <t>MOSFET廠喜迎轉單潮</t>
  </si>
  <si>
    <t>疫情紓困 屏縣主動調降娛樂稅30％</t>
  </si>
  <si>
    <t>台灣偷偷隱瞞疫情？他直言「絕不可能」：真相太中肯</t>
  </si>
  <si>
    <t>香港推12歲以上學童明起預約接種輝瑞疫苗 最快端午節打</t>
  </si>
  <si>
    <t>吳淡如淚曝醫護心酸手術過程 為確診孕婦剖腹只怕寶寶感染</t>
  </si>
  <si>
    <t>花蓮青年新創基地揭牌 全台唯一24小時開放</t>
  </si>
  <si>
    <t>金門縣府量體溫 首日出現「小塞車」狀況</t>
  </si>
  <si>
    <t>北京新冠病毒株變了？48歲女病患驚見這症狀</t>
  </si>
  <si>
    <t>台灣新冠肺炎趨緩 防疫員憂：恐換這病大爆發</t>
  </si>
  <si>
    <t>基隆某醫院行政人員確診！已匡列50人、48人陰性</t>
  </si>
  <si>
    <t>嗆爆陸仍遭看衰！共和黨黨工：川普恐連丟總統與國會大選</t>
  </si>
  <si>
    <t>保加利亞副總統確診新冠肺炎 症狀輕微</t>
  </si>
  <si>
    <t>留學生返台偷跑買蚵仔煎 害慘店家「停業1個月」</t>
  </si>
  <si>
    <t>短視！川普斷WHO金援 衛生專家震驚</t>
  </si>
  <si>
    <t>川普狂打陸 美前國安顧問：想隱瞞自己一大弱點</t>
  </si>
  <si>
    <t>入境留假名「胡析延」 柯承諾一定依法找出並裁罰</t>
  </si>
  <si>
    <t>1分鐘看世界》英相高燒不退住院 日可望發布「緊急事態宣言」</t>
  </si>
  <si>
    <t>封國前兆？美國務院發推文：美國人快回來！</t>
  </si>
  <si>
    <t>網讚1790劑疫苗「神手接種1955人」竹北市衛生所：客家醫護我驕傲</t>
  </si>
  <si>
    <t>威士特丹號乘客不得來台 2台人返國須檢疫</t>
  </si>
  <si>
    <t>苗栗禁移工外出 民團批：以恐懼包裝歧視</t>
  </si>
  <si>
    <t>高雄福華飯店搶推遠端辦公室 安心住房專案</t>
  </si>
  <si>
    <t>無視防疫出席高檔晚宴 愛爾蘭部長丟烏紗帽</t>
  </si>
  <si>
    <t>國內新增1死為埃及團成員 華航毒班機又添1確診</t>
  </si>
  <si>
    <t>高端開打首日 桃園驚傳2人不適 美籍女接種後倒地</t>
  </si>
  <si>
    <t>歐盟峰會火爆達成25兆刺激協議 馬克宏川普附身 領袖互嗆大暴走</t>
  </si>
  <si>
    <t>疫情變助力 網：2024總統會是他</t>
  </si>
  <si>
    <t>防疫視同作戰 中市宣佈高中職以下學校場地不對外開放</t>
  </si>
  <si>
    <t>歐洲確診數恐會高於亞洲 陳時中：嚴防第二波疫情</t>
  </si>
  <si>
    <t>照完肺部CT才驚覺女嬰染疫　44名醫護人員被隔離</t>
  </si>
  <si>
    <t>台東盼到「嘉玲」饒慶鈴：持續抗疫</t>
  </si>
  <si>
    <t>回國住防疫旅館 櫃檯驚曝：與匡列確診者混住共用電梯</t>
  </si>
  <si>
    <t>外出何時不用戴口罩？專家給答案 做到這件事就快了</t>
  </si>
  <si>
    <t>破功！今增1境外移入確診 為俄羅斯返台國人</t>
  </si>
  <si>
    <t>陰轉陽病例再現！她一採陰性後中鏢</t>
  </si>
  <si>
    <t>台女赴菲染疫痊癒2個多月 返台解隔離又確診</t>
  </si>
  <si>
    <t>護理師控確診者「索取女人」求幫洗內褲 河莉秀氣炸：用稅金治療瘋子</t>
  </si>
  <si>
    <t>BioNTech、輝瑞新冠疫苗 早期臨床試驗報佳音</t>
  </si>
  <si>
    <t>《國際經濟》新紓困振興案、Fed會議、超級財報周 本周美股風起雲湧</t>
  </si>
  <si>
    <t>台男赴澳門檢出Delta病毒！指揮中心曝感染源：非近期感染</t>
  </si>
  <si>
    <t>疫情管制鬆綁下周說明 陳時中定調：不會分區</t>
  </si>
  <si>
    <t>訂單旺 京元電營收連月締新猷</t>
  </si>
  <si>
    <t>美零售業重災 無薪假人數飆</t>
  </si>
  <si>
    <t>最強措施！伊朗令軍方清空街道 人民全接受檢測</t>
  </si>
  <si>
    <t>港人瘋搶衛生紙！　新加坡部長笑「低能」：國人母湯學</t>
  </si>
  <si>
    <t>2月營收提前報！4檔創新高</t>
  </si>
  <si>
    <t>竇逸》別走到封城那一天</t>
  </si>
  <si>
    <t>三級疫情警戒延長 將加強稽查裁罰</t>
  </si>
  <si>
    <t>東奧延1年 韓選手難逃兵役？</t>
  </si>
  <si>
    <t>防疫大於一切！多數網友認為應禁止非本國籍人入境台灣</t>
  </si>
  <si>
    <t>全台「順時中」大解封 台南還維持部分「逆時中」</t>
  </si>
  <si>
    <t>戴口罩亞裔成箭靶 我外館示警</t>
  </si>
  <si>
    <t>好來工作 291人安心上工</t>
  </si>
  <si>
    <t>新北有線電視 「防疫動健康」上線</t>
  </si>
  <si>
    <t>全民防疫！太魯閣停車格減半 東大門4／14起人流管制</t>
  </si>
  <si>
    <t>機師突破性感染！民航局長對業者說重話 無法落實防疫就檢討航線</t>
  </si>
  <si>
    <t>高端第二劑接種計畫出爐 指揮中心：9／27起施打</t>
  </si>
  <si>
    <t>陳時中拋「太多單位自購會引發困擾」 賴士葆：與蔡互唱黑白臉？</t>
  </si>
  <si>
    <t>520登記 台法情侶韓國訂姻緣</t>
  </si>
  <si>
    <t>不信新冠數字 英比較名單將陸除名</t>
  </si>
  <si>
    <t>立法院再添國會聯絡人確診 邱臣遠呼籲交通委員會委員、助理自主健康管理</t>
  </si>
  <si>
    <t>泰嘉去年銷售金額創高 今年續推3案總銷78億元</t>
  </si>
  <si>
    <t>10州擬解新冠封 川普嗆他說了才算</t>
  </si>
  <si>
    <t>歐洲線飆漲 長榮超前部署營運衝</t>
  </si>
  <si>
    <t>集美國小祭海關測溫儀 入校量體溫不卡卡</t>
  </si>
  <si>
    <t>新冠患者住院治療為何都趴著？ ICU醫揭秘</t>
  </si>
  <si>
    <t>降二級警戒仍與病毒共處 醫師：隱形傳播讓人擔憂</t>
  </si>
  <si>
    <t>蘇貞昌：台灣好棒 陳時中不會換</t>
  </si>
  <si>
    <t>中壢40年自助餐老店7月底關門 網：沒有50塊便當了！</t>
  </si>
  <si>
    <t>疫情嚴峻 鄒族南三村祈福守護族人</t>
  </si>
  <si>
    <t>禍不單行 沒水沒電有病毒！網友崩潰：住在第三世界？</t>
  </si>
  <si>
    <t>超豐曝群聚感染內幕 移工誇張手法逃過第一線檢測</t>
  </si>
  <si>
    <t>加拿大勞動市場急凍</t>
  </si>
  <si>
    <t>接種AZ餵母乳害女嬰猝死？醫曝致命關鍵恐是它</t>
  </si>
  <si>
    <t>華南銀行主辦裕融企業公司新臺幣60億元聯貸案 協助企業拓展事業</t>
  </si>
  <si>
    <t>北市加強版防疫專責旅館 驚傳5旬確診者猝死</t>
  </si>
  <si>
    <t>彰化女保險員被通知隔離還出門賣保單 最重可罰15萬元</t>
  </si>
  <si>
    <t>嚴德發自請處分 蔡英文：待完整調查後進行相關人員懲處</t>
  </si>
  <si>
    <t>台灣疫情快失控？台大名醫曝關鍵：其實還差非常遠</t>
  </si>
  <si>
    <t>網謠傳基隆廟口攤商「中標」主委怒貼懸賞揪兇</t>
  </si>
  <si>
    <t>本土增8例 5例在新北幼兒園 學童回家傳給1歲妹</t>
  </si>
  <si>
    <t>慘！一家8口染疫 早上中午各4具棺材抬出</t>
  </si>
  <si>
    <t>大陸本土＋6 揚州第11次大檢測</t>
  </si>
  <si>
    <t>柯文哲嗆中央 對付新冠沒有對付我用心</t>
  </si>
  <si>
    <t>降低病毒傳播速度 新冠專家：全世界接種疫苗後還是應戴好口罩</t>
  </si>
  <si>
    <t>17萬學生接種BNT意願書 新北明完成彙整造冊</t>
  </si>
  <si>
    <t>石斑魚滯銷 民代盼國營單位協助解決</t>
  </si>
  <si>
    <t>宜蘭金樽喜宴傳播鏈再增1例 30多歲男陰轉陽今確診</t>
  </si>
  <si>
    <t>心血管疾病不敢打新冠疫苗？醫分析：染疫後心肌梗塞機率反增</t>
  </si>
  <si>
    <t>潘迎紫喉痛胸緊虛驚</t>
  </si>
  <si>
    <t>仲介在旅館藏32名移工竟6確診 竹市府重罰100萬元</t>
  </si>
  <si>
    <t>湖口移工宿舍傳快篩陽性 業者：入住39人來自苗栗</t>
  </si>
  <si>
    <t>網瘋傳「日本贈送過期疫苗」綠委：假訊息 速查速辦速罰</t>
  </si>
  <si>
    <t>Delta來了！恐有好幾條感染源 柯文哲：12區成立疫調小組</t>
  </si>
  <si>
    <t>新冠肺炎 產業驗傷－首季營收估減三成 TPK：4月恢復正常</t>
  </si>
  <si>
    <t>美F-35等戰機出問題 這關鍵指標爆全面衰退</t>
  </si>
  <si>
    <t>拯救台灣疫情從這開始 降低新冠肺炎感染風險12％的習慣</t>
  </si>
  <si>
    <t>華新口罩擴廠缺人 縣府幫徵才</t>
  </si>
  <si>
    <t>今新增7例確診 6境外移入 1本土</t>
  </si>
  <si>
    <t>日本第五度贈AZ疫苗 50萬劑今日下午抵台</t>
  </si>
  <si>
    <t>網傳肺炎確診者在新竹某醫院隔離 2名被告緩起訴</t>
  </si>
  <si>
    <t>林宥嘉籌備新專輯 二寶預產期保密到家</t>
  </si>
  <si>
    <t>滯湖北鄰長夫妻回台 逃過肺炎死劫吃麻油麵淚掉</t>
  </si>
  <si>
    <t>民眾免驚恐 刑警嚴打假訊息</t>
  </si>
  <si>
    <t>《半導體》Q2續看升 精測穩揚</t>
  </si>
  <si>
    <t>前伊朗駐教廷大使 染新冠肺炎病逝</t>
  </si>
  <si>
    <t>日奧運大臣：東京奧運可在2020年內延期舉行</t>
  </si>
  <si>
    <t>獨》IKEA員工返馬國確診 匡列225人PCR採檢結果出爐</t>
  </si>
  <si>
    <t>1分鐘看世界》WHO改口讚台防疫 川普以台為證控WHO失職</t>
  </si>
  <si>
    <t>蝙蝠洞遊客怕怕 動保處提三不</t>
  </si>
  <si>
    <t>排隊買口罩多老人 李來希一句話讓年輕人氣炸</t>
  </si>
  <si>
    <t>新增13起接種疫苗後死亡 莊人祥回應</t>
  </si>
  <si>
    <t>載到確診者 6公車司機抗疫 復工</t>
  </si>
  <si>
    <t>1分鐘看世界》日本、新加坡疫情告急 大陸改變檢測方法</t>
  </si>
  <si>
    <t>國泰產險攜手WeMo Scooter 推外送員傷害保險</t>
  </si>
  <si>
    <t>中科篩檢站7日完成演練 廠商展開線上預約篩檢</t>
  </si>
  <si>
    <t>直擊屏東枋山2村解封首日 巿場這一幕令人意外</t>
  </si>
  <si>
    <t>台中市新增7例 首傳藥師一家三口確診</t>
  </si>
  <si>
    <t>特權打疫苗？ 蔡英文喊話：輪到你再去打</t>
  </si>
  <si>
    <t>傳財經大老外籍媳大鬧隔離病房？陳時中回應</t>
  </si>
  <si>
    <t>花蓮四維高中打頭陣接種BNT 未傳出有人不適</t>
  </si>
  <si>
    <t>疫情燒大馬 手套、保險套產業告急</t>
  </si>
  <si>
    <t>新加坡對東盟、日本、瑞士、英國 發布入境管制</t>
  </si>
  <si>
    <t>驚！上次的20倍 新一輪蝗災強襲非洲 農糧組織：前所未有的威脅</t>
  </si>
  <si>
    <t>全域清零 大陸遼寧省降至低風險區</t>
  </si>
  <si>
    <t>國民黨順時中 臉書粉專黨徽戴粉紅色口罩</t>
  </si>
  <si>
    <t>拓也哥疑染新冠肺炎？高燒40度送加護病房</t>
  </si>
  <si>
    <t>川普稱至尊公主號的鍋我們不背 網友嗆史上最爛的總統棄老百姓不顧</t>
  </si>
  <si>
    <t>屏東88名長者錯打AZ疫苗 東港安泰醫院：每人發5千元慰問金</t>
  </si>
  <si>
    <t>大病初癒生子後 英相強森今首度主持疫情簡報</t>
  </si>
  <si>
    <t>與確診者出遊 北市南港某國小92人請防疫假</t>
  </si>
  <si>
    <t>好慘！他怨川普3年建最強國 陸60天就毀了</t>
  </si>
  <si>
    <t>第10輪BNT加開一對象 今上午10點起「限8小時」搶訂</t>
  </si>
  <si>
    <t>接種三針新冠重組蛋白疫苗 北京落地開打</t>
  </si>
  <si>
    <t>本土病例 症狀前就具高傳染力</t>
  </si>
  <si>
    <t>夏天病毒會消失 醫師悲觀</t>
  </si>
  <si>
    <t>第12輪3疫苗開打逾50萬劑 盧秀燕：艱困挑戰不能出錯</t>
  </si>
  <si>
    <t>台積電捐疫苗不尋常？陸行之4點分析這樣看</t>
  </si>
  <si>
    <t>月底50％！富士康復工時程曝光</t>
  </si>
  <si>
    <t>102歲人瑞入院3天死亡 莊人祥：目前最年長確診者</t>
  </si>
  <si>
    <t>引柏南奇談話 龔明鑫：發現金比消費券還糟</t>
  </si>
  <si>
    <t>校園解禁 桃竹苗陸續開放運動</t>
  </si>
  <si>
    <t>嘉縣246人放無薪假 實際恐更多</t>
  </si>
  <si>
    <t>「解密科技寶藏」近萬人按讚 AI科技免費任你玩</t>
  </si>
  <si>
    <t>《櫃買市場》申請上櫃公司數回升 續推戰略新板</t>
  </si>
  <si>
    <t>陳時中戴眼鏡化身「風衣型男」登時尚雜誌 網：拍馬屁？</t>
  </si>
  <si>
    <t>美200萬屋主 申請房貸寬限</t>
  </si>
  <si>
    <t>712解封有望 陳時中：表現好的話 這些地方先開放</t>
  </si>
  <si>
    <t>紐西蘭破功！奧克蘭新增4例社區感染　感染源頭至今不明</t>
  </si>
  <si>
    <t>BNT疫苗今抵台 蔡其昌：18歲以上可打到</t>
  </si>
  <si>
    <t>紐約比武漢危險 柯P：標準應一致</t>
  </si>
  <si>
    <t>陸昨新增新冠確診98例 其中本土55例 江蘇占40例</t>
  </si>
  <si>
    <t>雷根號航母又淪陷！　印度將成全球疫情第二大國</t>
  </si>
  <si>
    <t>資深女星沒趕上疫苗意願登記 網友給答案找「這個人」</t>
  </si>
  <si>
    <t>蘇貞昌昔稱沒有打疫苗的急迫性 賴士葆：讓人無言</t>
  </si>
  <si>
    <t>強化防禦力 新興短期高收債可納入資產配置組合</t>
  </si>
  <si>
    <t>現有疫苗難擋Omicron？最新BNT保護力曝光</t>
  </si>
  <si>
    <t>安養機構風險高 指揮中心：醫護有呼吸道症狀就採檢</t>
  </si>
  <si>
    <t>中西醫合治 緩解新冠症狀</t>
  </si>
  <si>
    <t>蔡依林抗疫歌惹議 館長狂酸：敢講中華民國加油？</t>
  </si>
  <si>
    <t>《經濟》紓困現金補助 蘇貞昌：90萬人本周入帳</t>
  </si>
  <si>
    <t>大陸全國疫情高風險地區清零 中風險地區下降到3個</t>
  </si>
  <si>
    <t>6人群聚打牌恐罰36萬 輸家還沒請烤雞「好市多1900隻」先飛了</t>
  </si>
  <si>
    <t>NBA》復原超快！美媒爆杜蘭特可上場</t>
  </si>
  <si>
    <t>遭羅友志轟「政大之恥」張雅琴播報時再開酸</t>
  </si>
  <si>
    <t>自費施打疫苗政策轉彎 賴士葆痛批：難道台灣人命不如友邦？</t>
  </si>
  <si>
    <t>疫情衝擊經濟 香港廠商會：火燒連環船</t>
  </si>
  <si>
    <t>大甲媽祖遶境辦不辦？ 廟方說話了</t>
  </si>
  <si>
    <t>利多護體 原相泰碩抗跌</t>
  </si>
  <si>
    <t>南山弱體保單免等待期</t>
  </si>
  <si>
    <t>防疫超前 花蓮縣議會率先無限期休會</t>
  </si>
  <si>
    <t>疫情導致歧視蔓延？學者：政府有意無意灌輸</t>
  </si>
  <si>
    <t>國內汙水測到新冠病毒 來源地曝光！全是高風險區</t>
  </si>
  <si>
    <t>移工來源國列第三級警告 台中籲雇主落實防疫措施</t>
  </si>
  <si>
    <t>校園BNT殘劑繳回醫院遭批浪費 北市大轉彎：授權教職員接種</t>
  </si>
  <si>
    <t>宜蘭碧候村確診 村民暴動丟酒瓶太過份？知情者怒揭真相</t>
  </si>
  <si>
    <t>挫勒等！北市酒店女公關確診 中央要追「框出場」、「性交易」男客名單</t>
  </si>
  <si>
    <t>才3月中 國際板贖回快5千億 去年同期增124倍</t>
  </si>
  <si>
    <t>郵政壽險共同抗疫挺保戶 提供多項關懷應變服務措施</t>
  </si>
  <si>
    <t>日15000球迷戴口罩看足球 陸網：日本人真不怕！</t>
  </si>
  <si>
    <t>麻豆新樓醫院防疫升級 今起一般病房全面禁止探病</t>
  </si>
  <si>
    <t>連假後疫情樂觀？陳時中：本土案例仍需觀察</t>
  </si>
  <si>
    <t>台大100人以上課程 4／6起遠距教學</t>
  </si>
  <si>
    <t>疫後報復式反彈？外媒：陸V型復甦機率很低</t>
  </si>
  <si>
    <t>【防疫政要緊】憂台灣失守 蘇偉碩喊：蔡總統該下令鎖國了</t>
  </si>
  <si>
    <t>鍾南山：陸疫情中下旬達高峰</t>
  </si>
  <si>
    <t>日政府阻擋不住購物網天價轉賣口罩</t>
  </si>
  <si>
    <t>台灣到底有沒有社區感染？</t>
  </si>
  <si>
    <t>路透：東奧已悄悄規劃延期方案</t>
  </si>
  <si>
    <t>疫情指揮中心將推電子圍籬監控 HTC DeepQ／LINE助攻</t>
  </si>
  <si>
    <t>不預期被大量施打 AZ申請美藥證時間點曝光</t>
  </si>
  <si>
    <t>基隆維持0確診 童話藝術節等多項大型活動延期</t>
  </si>
  <si>
    <t>中興米挺抗疫 製造商供糧不間斷</t>
  </si>
  <si>
    <t>基隆市醫院專責快篩 衛生局：採檢93人、1人陽性</t>
  </si>
  <si>
    <t>王任賢》當病毒已翻牆進來</t>
  </si>
  <si>
    <t>IBM超級電腦已分析出77種新冠病毒藥品有效成分</t>
  </si>
  <si>
    <t>日財務大臣稱出錢也沒有口罩 網曝2關鍵</t>
  </si>
  <si>
    <t>偶像新星「口罩詐騙百萬」被捕 親姊道歉曝悲慘家世埋伏筆</t>
  </si>
  <si>
    <t>用振興券創業 大台中環保市場要幫失『薪』族做頭家</t>
  </si>
  <si>
    <t>宅在家防疫太苦悶 線上花店與室內設計app正夯</t>
  </si>
  <si>
    <t>《其他股》八貫1月營收雙增 訂單滿到Q2</t>
  </si>
  <si>
    <t>新冠病毒侵美時間翻盤 入冬恐再爆疫情</t>
  </si>
  <si>
    <t>Fed無限QE 新興短高收來勁</t>
  </si>
  <si>
    <t>打高端後不治要求加驗遭拒？桃檢：已轉達死者家屬希望</t>
  </si>
  <si>
    <t>蘇揆新年賀卡亮相 轉輪寫六大政績</t>
  </si>
  <si>
    <t>搶攻國旅客！高市觀光局力推城市探險月</t>
  </si>
  <si>
    <t>台灣會封城？楊志良：「這種情況」下就會被衝破</t>
  </si>
  <si>
    <t>倒店潮席捲台灣 專家：這類店家非常剉</t>
  </si>
  <si>
    <t>奇美醫PCR分艙分流 依受檢者屬性預約分流3處篩檢</t>
  </si>
  <si>
    <t>救觀光交通部砸百億 20億補助民眾玩國旅</t>
  </si>
  <si>
    <t>沒得選！打過兩劑疫苗返台 一樣要住防疫旅館</t>
  </si>
  <si>
    <t>影》總統府：盼其他宗教團體配合中央疫情中心指示</t>
  </si>
  <si>
    <t>防年輕族群成漏洞 學者建議學童定期快篩</t>
  </si>
  <si>
    <t>防失聯移工成破口 徐國勇看過來</t>
  </si>
  <si>
    <t>坦言三級警戒看不到盡頭 美女主播曬S腰辣照：找樂子</t>
  </si>
  <si>
    <t>解封前留後路！專家籲訂「再警戒」標準：把規則講清楚</t>
  </si>
  <si>
    <t>有打有保庇 雲林肺鏈疫苗大缺貨</t>
  </si>
  <si>
    <t>因應疫情 勞動部：無薪假勞工可領回原投保薪3個月</t>
  </si>
  <si>
    <t>美吹噓抗疫捐助 華春瑩反嗆：WHO會費繳了沒？</t>
  </si>
  <si>
    <t>新北全市將周周大消毒 直到解除三級警戒</t>
  </si>
  <si>
    <t>1分鐘看世界》國際疫情集中4大國 美股強勢反彈</t>
  </si>
  <si>
    <t>彰化7899位鄰長真拍謝了 奔走服務造冊打疫苗竟被誤會是官員</t>
  </si>
  <si>
    <t>新北幼兒園確診師足跡曝光 常搭捷運往返板南線這2站</t>
  </si>
  <si>
    <t>新寶產後護理之家試營運 58折大促銷</t>
  </si>
  <si>
    <t>50餘人參加葬禮全程戴口罩、維持社交距離　仍有30人得新冠肺炎　</t>
  </si>
  <si>
    <t>第三劑明年開打！台大醫曝副作用 這兩款疫苗局部反應最多</t>
  </si>
  <si>
    <t>獨》基隆婦打莫德納後腦栓塞 治療4個月仍半邊無力</t>
  </si>
  <si>
    <t>《產業分析》全球及台灣筆電受「疫」 今年出貨估創5年高</t>
  </si>
  <si>
    <t>疫情惡化不見底！加州再禁全數室內活動</t>
  </si>
  <si>
    <t>抓出黑數 藍委籲開放民眾自購快篩劑普篩</t>
  </si>
  <si>
    <t>疫情衝擊 台東縣政府建請原鄉停辦豐年祭等歲時祭儀</t>
  </si>
  <si>
    <t>南投縣暫不關閉夜市 持續加強防疫宣導</t>
  </si>
  <si>
    <t>疫情激勵休閒商機、中美兩大市場同步進入消費旺季 運動概念股響叮噹</t>
  </si>
  <si>
    <t>學者憂病毒早就竄台</t>
  </si>
  <si>
    <t>台灣權王－元太、全新反彈 後市看旺</t>
  </si>
  <si>
    <t>苗栗7日新增45例 其中京元電為44例、超豐電1例</t>
  </si>
  <si>
    <t>屏東縣府免費接送長輩打疫苗 4鄉鎮啟動速打站</t>
  </si>
  <si>
    <t>媽祖正在看人間胡扯</t>
  </si>
  <si>
    <t>中市65歲以上第二劑AZ疫苗 明起46處快打站開打</t>
  </si>
  <si>
    <t>新北耶誕城停止戶外集會活動 網讚：侯神得分</t>
  </si>
  <si>
    <t>竹市疫苗再加開！明後天免預約打莫德納送200元禮券</t>
  </si>
  <si>
    <t>女歌手住飯店隔離14天 自彈自唱解悶慘被隔壁房投訴</t>
  </si>
  <si>
    <t>《全球聚焦》美西南數州染疫飆升 前景堪憂</t>
  </si>
  <si>
    <t>陸國旗五角星遭塗改為病毒 網怒斥印媒：公然辱華、以怨報德</t>
  </si>
  <si>
    <t>醫學期刊稱 變種病毒傳台後斷根</t>
  </si>
  <si>
    <t>伊朗驚傳23名國會議員染新冠肺炎</t>
  </si>
  <si>
    <t>與鑽石公主號同船4天 5移民官解禁呼幸運</t>
  </si>
  <si>
    <t>不敢大疫 猴硐遠距賞貓上線</t>
  </si>
  <si>
    <t>慢半拍？ 英格蘭今起規定 搭大眾運輸戴口罩</t>
  </si>
  <si>
    <t>砲轟口罩問題！李來希酸：偉大的民進黨政府啊</t>
  </si>
  <si>
    <t>入住雲朗觀光各館 免費品嘗新港黑豆茶</t>
  </si>
  <si>
    <t>MLB》大聯盟38人中鏢 二戰後首次停辦明星賽</t>
  </si>
  <si>
    <t>NBA》魔術強生：愛滋與新冠害慘我們</t>
  </si>
  <si>
    <t>振興「酷碰券」 每人每月上限1000元</t>
  </si>
  <si>
    <t>第12期疫苗開打 新北AZ疫苗施打率達到97％</t>
  </si>
  <si>
    <t>疫苗 新北 az 施打 施打 率</t>
  </si>
  <si>
    <t>陳時中拭淚暴紅！最「不討好民意」防疫總舵手 如何讓醫界到網友都服他</t>
  </si>
  <si>
    <t>WHO更名新冠病毒 黃安讚有智慧：武漢太虧了</t>
  </si>
  <si>
    <t>居家隔離、檢疫者「奔喪」再放寬！滿5天無症狀可申請每天1次</t>
  </si>
  <si>
    <t>美術老師確診北市光仁國小緊急通知停課 校長回應了</t>
  </si>
  <si>
    <t>防疫最高警戒 謝淑薇口罩戴N-95</t>
  </si>
  <si>
    <t>野村投信2020第二季投資展望：美陸台股＋投資債 逢低布</t>
  </si>
  <si>
    <t>原訂4月搬回台 女星媽獨居美國德州「1月早先備妥物資」</t>
  </si>
  <si>
    <t>死亡人數突破80萬　新冠肺炎全球確診超過2300萬</t>
  </si>
  <si>
    <t>三重某診所醫師傳隱形缺氧亡 檢屍確診新冠肺炎</t>
  </si>
  <si>
    <t>雲林西螺埔心父子檔染疫 全縣6確診者的傳染者都是家人</t>
  </si>
  <si>
    <t>日本新冠肺炎確診達773人</t>
  </si>
  <si>
    <t>林佳龍烙狠話 再犯擬限縮航班</t>
  </si>
  <si>
    <t>新光三越南西店週年慶開打 連假首日挑戰5億元</t>
  </si>
  <si>
    <t>女兒發高燒、熱痙攣昏迷 診所醫急脫防護衣送急診</t>
  </si>
  <si>
    <t>AZ疫苗疑又出血栓問題 丹麥再傳死亡案例</t>
  </si>
  <si>
    <t>鍾錦明：兩岸很多事不能一刀切</t>
  </si>
  <si>
    <t>徐若瑄嘆：好好活著是最重要 何如芸喊台灣加油網狂讚</t>
  </si>
  <si>
    <t>病例數下降 衛長：沒有樂觀本錢</t>
  </si>
  <si>
    <t>新聞早班車》抗疫曙光 中研院找到10倍強效抑制劑</t>
  </si>
  <si>
    <t>ATP男單世界第2 確診新冠肺炎</t>
  </si>
  <si>
    <t>小小孩在外吃飯也要梅花座？陳時中這樣說</t>
  </si>
  <si>
    <t>盧森堡總理染疫住院 血氧不足呼吸急促 情況嚴重但穩定</t>
  </si>
  <si>
    <t>6成民調不滿政府防疫 綠委：去年疫情不嚴重 以致國際疫苗先給重災區</t>
  </si>
  <si>
    <t>寶貝你最繪 繪畫比賽感恩第一線防疫的無名英雄</t>
  </si>
  <si>
    <t>需求熱 美裝運用紙箱價格飆至每噸785美元</t>
  </si>
  <si>
    <t>名主持艾倫狄珍妮爆「雙面人惡劣行徑」 員工群起踢爆：溫暖都裝的</t>
  </si>
  <si>
    <t>櫃姊染疫感染源不明 高雄漢神巨蛋深夜公告緊急停業</t>
  </si>
  <si>
    <t>三度進駐前線任環南指揮官 王必勝曝一現象讓抗疫陷窘境</t>
  </si>
  <si>
    <t>陸宅經濟爆發 網遊影音用戶激增</t>
  </si>
  <si>
    <t>大陸指台灣疫情有漏洞 陳時中「乾笑兩聲」：大家心知肚明</t>
  </si>
  <si>
    <t>陳時中口誤「社工」支援口罩包裝？　王婉諭盼指揮中心澄清</t>
  </si>
  <si>
    <t>高端人士國際寸步難行 陳時中：下周開會研擬混打政策</t>
  </si>
  <si>
    <t>雙北有望解禁！專家點評開放內用缺失：別再葬送自由呼吸的權利</t>
  </si>
  <si>
    <t>在美打2劑BNT返台仍確診 年輕人足跡超廣橫跨6縣市</t>
  </si>
  <si>
    <t>疫苗空窗期要不要打高端 專家一比喻神解答</t>
  </si>
  <si>
    <t>日缺核酸檢測劑 陸急捐大批試劑：感同身受</t>
  </si>
  <si>
    <t>聯亞疫苗首批28萬劑完成量產 EUA通過後即可交貨</t>
  </si>
  <si>
    <t>啟人疑竇 陸7部門嚴查病毒實驗 銷毀違規樣本</t>
  </si>
  <si>
    <t>搶完整接種！AZ第二劑今登記截止 6QA必看</t>
  </si>
  <si>
    <t>搶打莫德納殘劑 醫搖頭點1關鍵：真的要先想清楚</t>
  </si>
  <si>
    <t>大陸官方坦承 武漢重症8000多人、危重症1600多人</t>
  </si>
  <si>
    <t>人事大轉彎 台肥總座黃耀興接董座</t>
  </si>
  <si>
    <t>國光新冠疫苗 拚明年冬天量產</t>
  </si>
  <si>
    <t>校園雞隻生病 師生擔憂求助動保處</t>
  </si>
  <si>
    <t>新冠肺炎衝擊全球金融業 勤業眾信：台灣待觀察</t>
  </si>
  <si>
    <t>江蘇昨新增本土確診38例 南京1例、揚州37例</t>
  </si>
  <si>
    <t>發病前5天傳染力達最高峰？張上淳曝「隱形患者」案例</t>
  </si>
  <si>
    <t>莫德納一瓶只能打13人 莊人祥：醫護別自責</t>
  </si>
  <si>
    <t>新冠肺炎延燒 眼科醫師提醒勿用手碰觸、搓揉眼睛</t>
  </si>
  <si>
    <t>彰化縣確診16例 新增2留學生接觸親友多達17人</t>
  </si>
  <si>
    <t>連3天零確診 網見一數字亢奮：五月目標是它！</t>
  </si>
  <si>
    <t>美股兩天狂崩1900點 台股嚇跌逾百點</t>
  </si>
  <si>
    <t>疫症冰山 1例死亡 恐已百人感染</t>
  </si>
  <si>
    <t>疫 症 冰山 1 例 死亡 恐 已 百 人 感染</t>
  </si>
  <si>
    <t>嘉縣防疫升級 要求公家機關提供手部消毒液</t>
  </si>
  <si>
    <t>陸疾控中心建議：60歲以上人群也可加強免疫接種</t>
  </si>
  <si>
    <t>《最後生還者2》延後推出 劇情外洩頑皮狗崩潰</t>
  </si>
  <si>
    <t>《熱門族群》外資點將半導體 台積電、聯發科、信驊入列</t>
  </si>
  <si>
    <t>全聯補貨慘況 他一張圖曝光：比中元節還誇張</t>
  </si>
  <si>
    <t>渦扇18傳年內量產 運20將換心</t>
  </si>
  <si>
    <t>神腦：下半年手機買氣回溫</t>
  </si>
  <si>
    <t>美研究：2019年12月美國可能就有新冠病例</t>
  </si>
  <si>
    <t>網紅「含羞草」草爺爆10多人群聚喝嗨終於道歉 鳳梨直播尷尬中離</t>
  </si>
  <si>
    <t>若用美國方法防疫 中疾控：陸單日確診將超過63萬例</t>
  </si>
  <si>
    <t>劉真喪禮以佛教儀式進行 為防疫追思靈堂採分批分流方式弔唁</t>
  </si>
  <si>
    <t>NBA》疫情影響無限期停賽 國際球員無法離美</t>
  </si>
  <si>
    <t>女公關確診男客挫咧等！ 醫掲親密行為易中鏢原因</t>
  </si>
  <si>
    <t>社交距離恐不夠！英研究：病毒最遠可傳播8公尺</t>
  </si>
  <si>
    <t>弘兼憲史作品《島耕作》主角罹新冠 長壽漫畫搭議題</t>
  </si>
  <si>
    <t>《通信網路》統振11月營收雙增 站回3億大關</t>
  </si>
  <si>
    <t>林智堅視察長照機構 再配給口罩予95處據點</t>
  </si>
  <si>
    <t>宜縣關懷據點 恢復相關活動</t>
  </si>
  <si>
    <t>台增23例連創新高 確診達百人</t>
  </si>
  <si>
    <t>大甲媽遶境規模縮水 顏清標嘆：還沒辦被罵得要死</t>
  </si>
  <si>
    <t>新北加強稽查傳統市場 10處自主休市16處觀察中</t>
  </si>
  <si>
    <t>1分鐘看世界》美解新冠封 死亡數將倍增；美中摩擦升級恐爆武裝衝突</t>
  </si>
  <si>
    <t>新竹科園區將設篩檢站 以廠商為單位申請</t>
  </si>
  <si>
    <t>染新冠後4成5男性精蟲數大減 指揮中心曝原因</t>
  </si>
  <si>
    <t>新冠肺炎蔓延 加泰隆尼亞自治區政府主席確診</t>
  </si>
  <si>
    <t>武漢解禁搭機 指揮中心：已有12名台商返台</t>
  </si>
  <si>
    <t>桃長青學苑暫緩 身障證明人團改選可延期</t>
  </si>
  <si>
    <t>無症狀確診者解隔後再居家隔離 勞動部：可請防疫隔離假</t>
  </si>
  <si>
    <t>子瑜居家檢疫最愛做2件事 媽媽曝其捐款中韓真相</t>
  </si>
  <si>
    <t>智飛疫苗完成三期 打3劑保護力逾8成</t>
  </si>
  <si>
    <t>加工處挺就業 戶外徵才242個職缺</t>
  </si>
  <si>
    <t>本周星座雙魚有貴人扶持 肺炎疫情將有好消息！</t>
  </si>
  <si>
    <t>提升篩檢量 各縣市增設採檢院所</t>
  </si>
  <si>
    <t>跟進新北！北市新冠肺炎身亡者家屬將有每人10萬慰問金</t>
  </si>
  <si>
    <t>罷韓立委3Q哥陳柏惟邀港人來台當兵 網友轟誰選出來的？</t>
  </si>
  <si>
    <t>10元口罩月賣21萬片 藥師送辦</t>
  </si>
  <si>
    <t>NBA》遭歧視？籃網前鋒控訴被擋門外</t>
  </si>
  <si>
    <t>2劑莫德納只排第二 醫曝疫苗保護力最強組合是它</t>
  </si>
  <si>
    <t>高端疫苗二度加開預約今收單 剩5萬多名額沒人打</t>
  </si>
  <si>
    <t>搶攻國旅市場！高雄旅行社送客到花蓮、澎湖</t>
  </si>
  <si>
    <t>和碩1員工採檢陽性 公司緊急大消毒、分流上班</t>
  </si>
  <si>
    <t>疫情趨緩後 夏春湧預言蔡政府將面對這項難題</t>
  </si>
  <si>
    <t>大陸國家衛健委：本輪疫情已波及11省 擴散風險加大</t>
  </si>
  <si>
    <t>貴婦拒繳居檢10萬罰金逃中國 天母1800萬豪宅遭查封</t>
  </si>
  <si>
    <t>產經解析－後防疫時代的中美投資新契機</t>
  </si>
  <si>
    <t>口罩戴好別亂丟！今起8大類場所沒戴恐噴15000元</t>
  </si>
  <si>
    <t>新冠病毒已突變？巴西首例病例有新發現</t>
  </si>
  <si>
    <t>金門設立計程車消毒站 　第一線防疫再升級</t>
  </si>
  <si>
    <t>疫情打亂計畫 傳蘋果供應鏈趕工生產iPhone SE 2</t>
  </si>
  <si>
    <t>境外移入登革熱 台南今年累計4例</t>
  </si>
  <si>
    <t>新冠肺炎出院卻多重器官衰竭？重症醫：微血管豐富部位成重災區</t>
  </si>
  <si>
    <t>金門校園防疫升級 5大措施全面戒備</t>
  </si>
  <si>
    <t>基隆增1例死亡個案 累計15名養護機構住民病逝</t>
  </si>
  <si>
    <t>疫情燒不止 英相強生入院 仍能視事</t>
  </si>
  <si>
    <t>新冠肺炎疫情影響 彰化百K單車活動延遲10月起跑</t>
  </si>
  <si>
    <t>《蝙蝠俠》躲肺炎停工 巨石強森新片也喊卡</t>
  </si>
  <si>
    <t>蛇精男臉毀容又確診新冠肺炎 PO文哭訴：不知道做錯什麼？</t>
  </si>
  <si>
    <t>蔡英文曝光陳時中辦公室 網友看完哭了</t>
  </si>
  <si>
    <t>歐盟增列AZ疫苗「極罕見副作用」 指揮中心：國內已有10例</t>
  </si>
  <si>
    <t>工商社論》全球疫情肆虐下的新台幣匯率展望</t>
  </si>
  <si>
    <t>何時可打到莫德納？陳時中吐五字真心話</t>
  </si>
  <si>
    <t>MLB》洋基首日非正式春訓 教練直言超怪</t>
  </si>
  <si>
    <t>蘇揆講武漢肺炎為操作反中情緒？綠委：個別說法不需過度解讀</t>
  </si>
  <si>
    <t>日感染者出院後嗅覺未能完全恢復</t>
  </si>
  <si>
    <t>彰化再拔頭籌 全國最大規模1萬人新冠肺炎血清抗體篩檢</t>
  </si>
  <si>
    <t>台確診32人喪失嗅、味覺！ 醫：永久性傷害</t>
  </si>
  <si>
    <t>川普防疫祕方 拚命洗手別碰扶手</t>
  </si>
  <si>
    <t>女星赴日滑雪用中文溝通 曝日本人直覺反應「超傷人」</t>
  </si>
  <si>
    <t>開學抗疫情 平鎮警民合作助防疫</t>
  </si>
  <si>
    <t>雲縣工藝師鼠年創作 邀民眾「賞藝抗疫」</t>
  </si>
  <si>
    <t>磐石艦5發燒官兵驗出3人有抗體 疑上船前就感染</t>
  </si>
  <si>
    <t>中職帶旺運彩 英國也開盤</t>
  </si>
  <si>
    <t>15檔強恆強 跨過新冠肺炎缺口</t>
  </si>
  <si>
    <t>加州加速解封重啟經濟 美媒：用生命搏自由</t>
  </si>
  <si>
    <t>今增2確診 皆為境外移入 累計395人染疫</t>
  </si>
  <si>
    <t>最精彩的隔離日記 白靈貼窗曬太陽大洩春光</t>
  </si>
  <si>
    <t>高端疫苗已有24萬人完成預約 確定下放至36歲施打</t>
  </si>
  <si>
    <t>《通信網路》捲入友訊經營權風暴！佳世達溢價收購 明泰漲停</t>
  </si>
  <si>
    <t>配合防疫 新北市休閒農場暫停營業</t>
  </si>
  <si>
    <t>台灣單周3度零確診更擔憂？楊志良：未來很不樂觀</t>
  </si>
  <si>
    <t>暌違18天 新冠肺炎昨零確診</t>
  </si>
  <si>
    <t>李富城怒 還要死多少人 政府才會給疫苗？</t>
  </si>
  <si>
    <t>新聞早班車》境外移入確診產子 醫護如臨大敵</t>
  </si>
  <si>
    <t>社論／別糟蹋了陳時中</t>
  </si>
  <si>
    <t>台灣新冠疫苗一劑300元 至少買460萬劑</t>
  </si>
  <si>
    <t>第2波新冠疫情擋不住 美英示警：冬天更凶險</t>
  </si>
  <si>
    <t>10月5日至10月18日維持疫情警戒標準為第二級</t>
  </si>
  <si>
    <t>中美關係降到冰點 外患 新冷戰儼然成形</t>
  </si>
  <si>
    <t>全台首座 金門機場增置智慧清消門自動量溫、殺菌</t>
  </si>
  <si>
    <t>南投縣查獲8家夾娃娃機違規營業 最高可罰30萬</t>
  </si>
  <si>
    <t>老人不想打就別擋路！醫罕見說重話：有這種心態談什麼解封</t>
  </si>
  <si>
    <t>電通集團CEO 唐心慧新書發表</t>
  </si>
  <si>
    <t>東奧》智利跆拳道女將確診 成首例因染疫退賽選手</t>
  </si>
  <si>
    <t>醫護遭砍成重傷 賴清德拜託：給醫護多點溫暖 不要讓彼此成為敵人</t>
  </si>
  <si>
    <t>新北增6例3例在永和 衛生局：與先前永和社區感染無關</t>
  </si>
  <si>
    <t>蔡英文見工商團體會允解決缺電、疫苗問題</t>
  </si>
  <si>
    <t>蔡英文今日在官邸接見包括工總理事長王文淵、三三會理事長許勝雄、工商協進會理事長林伯豐、台灣商業聯合總會理事長張平沼、商總主席賴正鎰、工業區廠商聯合總會榮譽理事長秦嘉鴻等工商團體負責人就疫苗、紓困以及缺</t>
  </si>
  <si>
    <t>生策會：三大因應策略減緩醫護壓力、減少國人恐慌</t>
  </si>
  <si>
    <t>三名共和黨參議員確診 參院停擺 美新紓困案短期難通過</t>
  </si>
  <si>
    <t>賭場藏身新店三合院 逮30名賭客查獲44萬賭資</t>
  </si>
  <si>
    <t>談 防疫融資 華銀主動出擊 紓困廠商</t>
  </si>
  <si>
    <t>新冠病患美航班上猝死 他曝沾滿尿搶救內幕</t>
  </si>
  <si>
    <t>防疫不分你我他 警友站熱心捐贈防疫面罩</t>
  </si>
  <si>
    <t>嘉義長庚中醫從「台灣茶葉」發現新冠肺炎潛力藥物</t>
  </si>
  <si>
    <t>林濁水：前後70萬劑疫苗 自己買到只有11萬 採購能力太驚嚇</t>
  </si>
  <si>
    <t>拚北市醫護人員第3劑覆蓋率 蔡炳坤：明年1月底將達95％</t>
  </si>
  <si>
    <t>為何全歐洲都大讚台灣？法國人曝主因驚呼「欣慰住在台灣」</t>
  </si>
  <si>
    <t>社區感染疫演 新北推區域聯防</t>
  </si>
  <si>
    <t>疫情告急 韓砸16兆韓元補助紓困</t>
  </si>
  <si>
    <t>防疫零缺口 澎湖縣率先全國成立「居家檢疫報到站」</t>
  </si>
  <si>
    <t>又是印尼輸入 今新増2印尼移工檢疫期滿後確診</t>
  </si>
  <si>
    <t>讓陸撿槍！CNN：川普應對示威 毀了挺港力道</t>
  </si>
  <si>
    <t>壽險OIU疫落千丈 保費近腰斬</t>
  </si>
  <si>
    <t>陸專家：疫情下降轉折已現 小心反升拐點</t>
  </si>
  <si>
    <t>打噴嚏咳嗽NG動作！名醫曝很多人都這樣</t>
  </si>
  <si>
    <t>水神終於來了 鹿港公所後9號倉庫平日每天三時段供領取</t>
  </si>
  <si>
    <t>迎春節返鄉潮 嘉市防疫旅館供不應求</t>
  </si>
  <si>
    <t>「你染上新冠肺炎了！」 詐騙集團話術月撈千萬</t>
  </si>
  <si>
    <t>印度變異株傳染力強 莊人祥：國內驗出3例</t>
  </si>
  <si>
    <t>雲林17日無新增確診個案 外縣市確診足跡1案</t>
  </si>
  <si>
    <t>高端臨床試驗排除5類人 陳時中解釋原因</t>
  </si>
  <si>
    <t>桃機旅運量 創10年來新低</t>
  </si>
  <si>
    <t>武漢市新冠肺炎患者病亡率正逐漸下降</t>
  </si>
  <si>
    <t>日本名古屋高速公路員工染新冠肺炎 52名收費員在家隔離</t>
  </si>
  <si>
    <t>Delta病毒株入侵台灣 賴士葆：購買疫苗十萬火急 蔡英文聽到沒</t>
  </si>
  <si>
    <t>世界肺炎日 醫界五大團體籲：接種肺炎疫苗遠離致死威脅</t>
  </si>
  <si>
    <t>高端疫苗接種對象出爐 36歲以上都打得到</t>
  </si>
  <si>
    <t>家人曾去過萬華 竹市1歲男童一採陰 二採陽性確診</t>
  </si>
  <si>
    <t>柯：社區感染遲早發生 但要維持零星個案</t>
  </si>
  <si>
    <t>沒接觸確診者卻染疫 24歲男星「0症狀帶原」身邊人怕爆</t>
  </si>
  <si>
    <t>讓步對染疫者致歉 蘇貞昌：只希望政府不要空轉</t>
  </si>
  <si>
    <t>陸新增確診31例 其中30例境外輸入</t>
  </si>
  <si>
    <t>少碰電梯 交談保持3公尺</t>
  </si>
  <si>
    <t>台積 躍全球最受尊崇企業第六</t>
  </si>
  <si>
    <t>《通信網路》智邦5月營收雙增 12員工確診、生產出貨正常</t>
  </si>
  <si>
    <t>福建省立法全面禁食野味 即日起實施</t>
  </si>
  <si>
    <t>買不到？蘇貞昌：政府查辦囤積口罩</t>
  </si>
  <si>
    <t>九把刀岳母死因同小鬼？他親自回應</t>
  </si>
  <si>
    <t>陳建仁透露 夫妻皆參與國產疫苗二期人體實驗 未出現不適</t>
  </si>
  <si>
    <t>不甩封鎖令 紐衛生部長騎越野車被活逮道歉</t>
  </si>
  <si>
    <t>批陸新冠試劑準確度僅40％挨轟 菲國認錯了</t>
  </si>
  <si>
    <t>新北增13例確診 曾赴三重百貨廣場、三峽全聯</t>
  </si>
  <si>
    <t>紐西蘭要求所有入境旅客即日起自主隔離14天</t>
  </si>
  <si>
    <t>按摩師家人染疫 鳳山賭場群聚案已累計15人確診</t>
  </si>
  <si>
    <t>BNT疫苗下周開打 陳時中：接種意願蠻高的</t>
  </si>
  <si>
    <t>穩192萬人就業機會 政院拍板！百萬自營業者可月領萬元3個月</t>
  </si>
  <si>
    <t>陳時中稱高端在做市場監測 柯P酸：他說法像藥廠業務代表</t>
  </si>
  <si>
    <t>永康探索公園傳長者群聚未戴口罩 警方前往勸導</t>
  </si>
  <si>
    <t>妹妹的比較好！喬治小王子吃醋了</t>
  </si>
  <si>
    <t>恆生指數曾創七周新高 現漲幅收窄</t>
  </si>
  <si>
    <t>自主管理期至立院開會 洪孟楷：皆遵守相關防疫規範</t>
  </si>
  <si>
    <t>北市餐廳又有確診足跡 曾赴天母義麵屋、早餐店</t>
  </si>
  <si>
    <t>新增1確診 為案34同病房不同病室已出院病患</t>
  </si>
  <si>
    <t>山姆史密斯自爆染疫隔離</t>
  </si>
  <si>
    <t>雙北防疫有心結？侯友宜：新北一定要走在最前面</t>
  </si>
  <si>
    <t>AZ混打mRNA？陳時中鬆口：11月可能性高</t>
  </si>
  <si>
    <t>飯店沒因新冠肺炎疫情降價？背後原因曝光</t>
  </si>
  <si>
    <t>新冠疫情防疫優先 海峽論壇延到年底舉行</t>
  </si>
  <si>
    <t>超前部署國旅 把危機變轉機</t>
  </si>
  <si>
    <t>感謝過去投入的防疫工作 蔡英文拜託護理師與政府一起守住疫情</t>
  </si>
  <si>
    <t>疫情期間 美信用卡詐騙案暴增</t>
  </si>
  <si>
    <t>被譽為世界藥房 印度為何落到疫苗不夠窘境？</t>
  </si>
  <si>
    <t>北市疫苗施打紀錄誤植逾3千筆 上百人預約第2劑受阻</t>
  </si>
  <si>
    <t>新冠肺炎高峰論壇 7／24登場</t>
  </si>
  <si>
    <t>最悲慘耶誕節 聖誕老公公驚喜現身後 18老人喪命</t>
  </si>
  <si>
    <t>港佛堂經書跪墊有病毒 確認二代傳播</t>
  </si>
  <si>
    <t>南韓新增235人確診　重症病患2周暴增11倍</t>
  </si>
  <si>
    <t>趙寅成爆住院！公司急證實病因</t>
  </si>
  <si>
    <t>《通信網路》智邦去年獲利登頂 今年訂單能見度優</t>
  </si>
  <si>
    <t>避免群聚感染 東吳規定中午暫停餐廳內用餐</t>
  </si>
  <si>
    <t>新冠肺炎疫情趨緩 視訊診療門診使用人次下降</t>
  </si>
  <si>
    <t>當然可以「反時中」 媒體人提醒彰化縣：要有2前提</t>
  </si>
  <si>
    <t>第7類人員沒全部打完 台鐵、郵局第一線自嘲「只打到安慰獎」</t>
  </si>
  <si>
    <t>有心血管疾病、吃抗凝血劑的長者 可以打AZ疫苗嗎？</t>
  </si>
  <si>
    <t>《國際經濟》重啟防疫封鎖 印度7月製造業加速衰退</t>
  </si>
  <si>
    <t>國土法爭議 林淑芬：開啟讓民間業者彈性變更的巧門</t>
  </si>
  <si>
    <t>《半導體》鈺太今年營收拚增3成 EPS上看7元</t>
  </si>
  <si>
    <t>奈及利亞台商染疫 包機返台救命</t>
  </si>
  <si>
    <t>市場、商品趨勢　新興國搶反彈 V型復甦有撐</t>
  </si>
  <si>
    <t>疫情不斷擴大 新北開放申請暫時提供免洗餐具</t>
  </si>
  <si>
    <t>德將迎接最慘新冠反撲 官員曝德國人只剩3種命運</t>
  </si>
  <si>
    <t>美華裔病毒學者遇害 警方：桃色糾紛 與病毒無關</t>
  </si>
  <si>
    <t>戴手套防疫更安全？英國醫拍影片：整天累積更多病菌</t>
  </si>
  <si>
    <t>NBA》塔圖染新冠肺炎 塞爾提克連折4將</t>
  </si>
  <si>
    <t>看完道歉聲明 音樂人為張上淳心痛</t>
  </si>
  <si>
    <t>解封靠3關鍵 陳時中鬆口：放寬餐廳內用</t>
  </si>
  <si>
    <t>恐慌性掃貨爆搶購潮 吳鳳：人類自私的一面</t>
  </si>
  <si>
    <t>超大方！三重先嗇宮贈2千公斤洗手乳、6千公升次氯酸水</t>
  </si>
  <si>
    <t>最危險的不是出門！專家曝：不是少去公共場合就沒事</t>
  </si>
  <si>
    <t>美反口罩示威捍衛自由：戴口罩害進入大腦的氧氣量降低</t>
  </si>
  <si>
    <t>牛津唱衰：陸經濟成長跌破5</t>
  </si>
  <si>
    <t>金管會：庫藏股實施上看611億</t>
  </si>
  <si>
    <t>玉山銀行董事長 黃男州領軍 決戰數位金融</t>
  </si>
  <si>
    <t>觀光局染疫員工不識高官子 陳時中：說兩人是叔侄是收到錯誤訊息</t>
  </si>
  <si>
    <t>台灣第一篇新冠肺炎論文 中部大型醫院發表在國際頂尖期刊</t>
  </si>
  <si>
    <t>新冠疫情全球蔓延 搭飛機時如何保護自己？</t>
  </si>
  <si>
    <t>武漢70個「無疫小區」 因無症狀感染者等原因被「摘牌」</t>
  </si>
  <si>
    <t>歐美機場無罩作業 機師盼指揮中心採奧運模式稽核外站防疫</t>
  </si>
  <si>
    <t>長榮機師確診 北巿匡列24人採檢陰性 2人等結果</t>
  </si>
  <si>
    <t>南京本土疫情不止 將第二輪普篩</t>
  </si>
  <si>
    <t>「爸到確診者家裝冷氣」慘遭隔離 女大生痛批：隱匿自私</t>
  </si>
  <si>
    <t>台灣歷史博物館10周年館慶超夯 兩天湧進逾5萬人潮</t>
  </si>
  <si>
    <t>基隆成功市場再增1攤商確診 感染源不明延至6月3日復市</t>
  </si>
  <si>
    <t>OECD：Omicron變種病毒或加劇供應短缺和通膨</t>
  </si>
  <si>
    <t>菅義偉： 習近平將如預定訪日</t>
  </si>
  <si>
    <t>川普危機四伏！巴西駐美大使中鏢 曾與他共進晚宴</t>
  </si>
  <si>
    <t>17世紀義大利防疫設備　因新冠肺炎再度開啟「酒窗」</t>
  </si>
  <si>
    <t>疫病戰 美中下一波交鋒</t>
  </si>
  <si>
    <t>若有需要擬擴大採檢 陳時中：外國人自費</t>
  </si>
  <si>
    <t>「戰狼」變身「暖男」 趙立堅：陸為韓日疫情送暖</t>
  </si>
  <si>
    <t>何時解除三級警戒？柯文哲：依科學標準決定</t>
  </si>
  <si>
    <t>和看不見的敵人戰鬥 日方未承諾付東奧追加費用</t>
  </si>
  <si>
    <t>疫情確診今攀升 賴清德喊話：全力保護 積極照顧</t>
  </si>
  <si>
    <t>旺旺全球捐水神 邀蕭敬騰同做公益</t>
  </si>
  <si>
    <t>板橋某大樓再增3人染疫 非住戶裝修工人也確診</t>
  </si>
  <si>
    <t>34例的院內感染誰傳誰？陳時中：仍在釐清</t>
  </si>
  <si>
    <t>接種3劑BNT仍突破性感染！20多歲女自美返台確診</t>
  </si>
  <si>
    <t>《觀光股》雅茗Q2近損平 拚Q3轉盈躍進</t>
  </si>
  <si>
    <t>沒戴口罩站自家陽台遭「無罩女」嗆報警 網：歹年冬搞蕭郎</t>
  </si>
  <si>
    <t>網兜售莫德納一劑6000 媒體人爆診所鑽漏洞牟利</t>
  </si>
  <si>
    <t>防疫不出門 電子支付激增</t>
  </si>
  <si>
    <t>疫情看見曙光？前衛生署長：5月底前可達到毎日本土病例個位數</t>
  </si>
  <si>
    <t>美失業率飆新高 超越大蕭條！防疫亟需銀彈 歐盟取消預算赤字上限</t>
  </si>
  <si>
    <t>新增1境外移入 20多歲女在法發病 回台確診新冠</t>
  </si>
  <si>
    <t>新冠肺炎論壇 反思健康大未來</t>
  </si>
  <si>
    <t>只剩摔角了？北美體育寸草不生</t>
  </si>
  <si>
    <t>美懷俄明州出現確診首例 新冠肺炎已攻陷44州</t>
  </si>
  <si>
    <t>超眾 下半年展望樂觀</t>
  </si>
  <si>
    <t>《半導體》同欣電Q2營收遇逆風 拚獲利續揚</t>
  </si>
  <si>
    <t>農會嗆政府深掘最軟心頭肉 朱立倫籲優先紓困農漁民</t>
  </si>
  <si>
    <t>美德元首關係冷淡</t>
  </si>
  <si>
    <t>川普夫婦確診 《環時》總編胡錫進說話了：忽視疫情付出代價</t>
  </si>
  <si>
    <t>「從沒喜歡過連假」…醫無奈吐一句：沉不住氣全盤皆輸</t>
  </si>
  <si>
    <t>疫苗資訊不能透明 民進黨：大家都在搶 隨時會被打劫、搶走</t>
  </si>
  <si>
    <t>嘉義小七女店員感染源不明 千人篩檢首日結果出爐</t>
  </si>
  <si>
    <t>遭陳時中判定為感染源 帛琉政府：感到不解</t>
  </si>
  <si>
    <t>疫情意外效應 NASA最新大陸「二氧化碳衛星對比圖」超清澈</t>
  </si>
  <si>
    <t>美再提台灣社區傳播 817氣噗噗</t>
  </si>
  <si>
    <t>菲律賓、台灣個案誰傳誰？ 指揮中心：兩人都在菲國暴露同感染源</t>
  </si>
  <si>
    <t>新增3例本土全在新北 5境外移入 無人死亡</t>
  </si>
  <si>
    <t>新冠肺炎演變成世界疫戰 陳明璋：大陸進入「保四爭五」年代</t>
  </si>
  <si>
    <t>《通信網路》神腦Q4吃蘋果補血 明年靠5G跑贏今年</t>
  </si>
  <si>
    <t>《金融》5月刷卡金額回升 前5月仍衰退1成</t>
  </si>
  <si>
    <t>鮑爾染新冠併發症亡 醫曝免疫低下者 一定要打第3劑</t>
  </si>
  <si>
    <t>印度神童示警 12月再爆大規模疫情危機 點名4國最危險</t>
  </si>
  <si>
    <t>武田製藥等藥商測試新冠肺炎血漿療法</t>
  </si>
  <si>
    <t>同心防疫 靈鷲山捐新北市府1000份愛心防疫包</t>
  </si>
  <si>
    <t>疫情警戒期間 新興分局聯手金融機構2個月反詐16件</t>
  </si>
  <si>
    <t>棉棒插鼻孔15秒轉5圈 2款破千元居家檢測試劑藥師推更準確</t>
  </si>
  <si>
    <t>BVI經濟實質要求 暫採彈性</t>
  </si>
  <si>
    <t>「3＋11」成疫情破口卻註記萬華人 鍾小平怒告陳時中違憲、瀆職</t>
  </si>
  <si>
    <t>不以人廢言 防疫經驗價值連城</t>
  </si>
  <si>
    <t>關廠防疫 汽車產業恐損失逾千億美元營收</t>
  </si>
  <si>
    <t>蘇貞昌夜探指揮中心 葉元之痛批：還有空去作秀</t>
  </si>
  <si>
    <t>不滿譚德賽控遭台灣攻擊 網紅嗆：我們就是歧視你</t>
  </si>
  <si>
    <t>對比星韓 超前部署淪口號！檢測慢半拍 恐有防疫黑數</t>
  </si>
  <si>
    <t>本土劇女神打AZ曬絕美床照 曝副作用太苦：躺到渙散</t>
  </si>
  <si>
    <t>蔡英文簽署紓困條例 籲600億預算也能盡速通過</t>
  </si>
  <si>
    <t>直擊新冠疫苗試驗！1人抽6管血 受測女：我很怕確診</t>
  </si>
  <si>
    <t>牛津大學研發新冠肺炎疫苗 具強烈免疫反應</t>
  </si>
  <si>
    <t>疫情狂爆川普支持者卻拒戴口罩 原因讓宅神看傻：智商瞬間少100</t>
  </si>
  <si>
    <t>高雄驚傳確診 2人感染源未明 1人曾與北部友人聚會</t>
  </si>
  <si>
    <t>萬華家樂福桂林店7員工確診明復業 北市衛生局：有做好適當措施就可以</t>
  </si>
  <si>
    <t>拿浙江台商抗體救人！ 張上淳給答案</t>
  </si>
  <si>
    <t>慢性病確診者接續離世 侯友宜哽咽：中央不要再刁難民間買疫苗</t>
  </si>
  <si>
    <t>台灣2020年度代表字出爐！前10名從黑暗中看見希望</t>
  </si>
  <si>
    <t>歐陽娜娜展示房間證實已返台 曝未來動向竟被罵翻！</t>
  </si>
  <si>
    <t>美疾管局不建議搭郵輪到亞洲 仍將台灣列為社區傳播地區</t>
  </si>
  <si>
    <t>台中開豪宅趴釀3人確診 家教男曾到萬華疑為感染源</t>
  </si>
  <si>
    <t>揮刀砍3護理師 雙和醫院繼續治 惡男竟還故意吐痰辱罵</t>
  </si>
  <si>
    <t>新冠肺炎影響 新北家扶僅募得7000元</t>
  </si>
  <si>
    <t>林夢萍</t>
  </si>
  <si>
    <t>祕魯祖孫帶病毒返台？家屬爆機場送別曾擁抱 健康狀況曝光</t>
  </si>
  <si>
    <t>墾丁成「疫情重災區」 大街人潮稀落攤商叫苦</t>
  </si>
  <si>
    <t>疫情不只城市受影響　嘉明湖、向陽山屋住宿也減半</t>
  </si>
  <si>
    <t>疫苗只經EUA就上市 引發不良反應誰負責？柯文哲：政府要賠償</t>
  </si>
  <si>
    <t>蓋茲談疫情復工的5要件 缺一不可</t>
  </si>
  <si>
    <t>接受過多資訊 民眾焦慮上身</t>
  </si>
  <si>
    <t>出席黨中央研討會？侯友宜：目前須先專心防疫工作</t>
  </si>
  <si>
    <t>金馬奇幻影展4月登場 曾敬驊登開幕片</t>
  </si>
  <si>
    <t>全球新冠病例突破4000萬！日本研究：冠狀病毒可在皮膚存活9小時</t>
  </si>
  <si>
    <t>協商失敗 以色列逾百萬劑輝瑞疫苗恐被迫銷毀</t>
  </si>
  <si>
    <t>疫情受控 瑞德西韋在陸臨床試驗喊停</t>
  </si>
  <si>
    <t>第二波疫情與鮭魚有關？張上淳打臉：機會很小</t>
  </si>
  <si>
    <t>境外基金規模 6年新低</t>
  </si>
  <si>
    <t>川普夫婦確診新冠肺炎 網驚：果然有「十月驚奇」！</t>
  </si>
  <si>
    <t>百萬劑莫德納明天抵台 陳時中曝最快開打時間</t>
  </si>
  <si>
    <t>對緊急事態宣言麻痺？ 日本街頭依舊人潮洶湧</t>
  </si>
  <si>
    <t>徐國勇拼了 老骨頭下海拍防疫動茲動</t>
  </si>
  <si>
    <t>「與病毒共存」概念不切實際 專家憂港遭新冠及流感夾擊</t>
  </si>
  <si>
    <t>真的那麼安心？連假人潮傾巢而出 林氏璧驚：14天內就知道了</t>
  </si>
  <si>
    <t>不認蓋牌 陳時中：本土疫情與獎勵採檢無關</t>
  </si>
  <si>
    <t>IKEA開賣自組棺材網瘋傳 官方證實惡搞</t>
  </si>
  <si>
    <t>金門「金正好購」商品專區上架 縣長直播客串「叫賣哥」</t>
  </si>
  <si>
    <t>花蓮今零確診 累計68例確診案例7成因家庭群聚染疫</t>
  </si>
  <si>
    <t>錢多利率低 新基金募集熱</t>
  </si>
  <si>
    <t>《國際經濟》疫情趨緩 義大利5月4日起逐步解封</t>
  </si>
  <si>
    <t>爆陳時中沒搞清楚狀況 藍委：台灣代工疫苗慢半拍</t>
  </si>
  <si>
    <t>51歲自信全裸身 珍妮佛羅培茲新單曲封面太驚人</t>
  </si>
  <si>
    <t>暗諷？澳鬧衛生紙荒 小報「貼心」印8頁空白供急用</t>
  </si>
  <si>
    <t>抱遊戲機大單 台積7奈米備戰</t>
  </si>
  <si>
    <t>風濕也是肺炎高風險群 醫籲病友這樣抗「疫」</t>
  </si>
  <si>
    <t>京元電爆群聚案 勞動部：其移工不得任意外出</t>
  </si>
  <si>
    <t>使用者付費？柬國將向外國客徵收「新冠肺炎押金」9萬　含葬儀費</t>
  </si>
  <si>
    <t>黃珊珊》本土Delta個案 北市最速處理</t>
  </si>
  <si>
    <t>基隆男高中生媽媽確診 為美香齋餅店員工</t>
  </si>
  <si>
    <t>李克強：取消妨礙復工、復產的不合理規定</t>
  </si>
  <si>
    <t>美承諾贈台75萬劑疫苗真的要來了？ 高官證實「非常短時間內」送出</t>
  </si>
  <si>
    <t>廟壇群聚不戴口罩爆染疫 員警取締也被隔離</t>
  </si>
  <si>
    <t>鴻海、台積電買BNT疫苗 陳時中曝最新進度</t>
  </si>
  <si>
    <t>全台供電吃緊 產發局：會確保快篩站穩定供電</t>
  </si>
  <si>
    <t>蔡英文年輕支持度為何下滑 民進黨元老曝2關鍵因素</t>
  </si>
  <si>
    <t>蔡裕明》新冠肺炎催生防疫共同體？</t>
  </si>
  <si>
    <t>蔡裕明</t>
  </si>
  <si>
    <t>中職》火腿確診數暴增比賽取消 王柏融、吳念庭危險</t>
  </si>
  <si>
    <t>杯麵沒喝完的湯怎辦？日清曝超省吃法</t>
  </si>
  <si>
    <t>新冠病毒篩檢大進步 檢體發光就知染疫</t>
  </si>
  <si>
    <t>巴西川普趴趴走 練肖話人終須一死</t>
  </si>
  <si>
    <t>恐夏天才重返唐寧街 英相強生進ICU最新病況曝光</t>
  </si>
  <si>
    <t>高醫大防疫超前部署 百人以上改為線上授課</t>
  </si>
  <si>
    <t>金門婦人掉落大排　摸黑搶救順利脫困</t>
  </si>
  <si>
    <t>《金融股》臺企銀紓困小攤商 首日核准逾千萬元</t>
  </si>
  <si>
    <t>居家辦公卻奔陽明山遊玩恐觸法 律師：最重判7年</t>
  </si>
  <si>
    <t>獨》五股獅子會現任會長傳訊「要去當兵了」疑確診</t>
  </si>
  <si>
    <t>美脫口秀主持人挺過性醜聞又染疫 親密接觸對象全收通知</t>
  </si>
  <si>
    <t>6月寒！停課收入歸零 補教業呼籲政府從優、從速、從寬紓困</t>
  </si>
  <si>
    <t>大規模接種預苗即將展開 中市議員建議將診所納入</t>
  </si>
  <si>
    <t>美新冠群體免疫難！有疫苗也沒用 專家佛奇說太多老美拒接種</t>
  </si>
  <si>
    <t>菲有望解禁？杜特蒂將親審對台旅行禁令</t>
  </si>
  <si>
    <t>本土＋3 2死亡 7月至今境外移入 突破性感染12例</t>
  </si>
  <si>
    <t>804醫院再添3確診累積18人 護理師打完2劑AZ仍染疫</t>
  </si>
  <si>
    <t>新冠首見！確診台商病重插管 搭醫療專機自迦納返台</t>
  </si>
  <si>
    <t>夫妻同染疫 張上淳揭40歲男死亡關鍵</t>
  </si>
  <si>
    <t>零症狀到不能走路僅幾小時 她曝發病恐怖經過</t>
  </si>
  <si>
    <t>新北明改回市政總質詢 新冠肺炎專案報告延期</t>
  </si>
  <si>
    <t>美11月起需打2劑疫苗才准入境 陳時中：將啟動緊急第2劑接種</t>
  </si>
  <si>
    <t>李翊君愛女王敏淳自美返台引網友開戰 公司回應：尊重網友發言</t>
  </si>
  <si>
    <t>彰化國中生打BNT右腿失去知覺 急診住院</t>
  </si>
  <si>
    <t>默克抗疫口服藥簽約中 莊人祥：未來輕症可在家隔離吃藥</t>
  </si>
  <si>
    <t>新冠肺炎影響 國產豬拚5月外銷新加坡計畫恐延後</t>
  </si>
  <si>
    <t>北市聯醫陽明院區爆群聚 8工作人員PCR陽性</t>
  </si>
  <si>
    <t>實名制口罩自動販賣系統 北市試辦開賣</t>
  </si>
  <si>
    <t>居酒屋關起門9人無罩K歌 中市警上門還辯稱親友聚會</t>
  </si>
  <si>
    <t>染疫官兵曾去過！一中商圈變空城 商家打算向軍方求償</t>
  </si>
  <si>
    <t>對抗新冠肺炎病毒 懷特生技新藥研發計畫啟動　</t>
  </si>
  <si>
    <t>跟進中央 柯文哲拍板北市明起室外運動、室內外拍照免戴口罩</t>
  </si>
  <si>
    <t>世衛專家論壇： 病毒新名稱反汙名化 18月內推出疫苗</t>
  </si>
  <si>
    <t>新冠肺炎後果嚇人 1／5患者恐傷腦 罹失智等精神疾病</t>
  </si>
  <si>
    <t>林秉樞遭爆7月用特權打莫德納 網想起高嘉瑜一句話：很好笑</t>
  </si>
  <si>
    <t>WHO新冠樣本車遇襲 駕駛死官員重傷</t>
  </si>
  <si>
    <t>好消息！瑞德西韋治療神效 道瓊期狂噴了</t>
  </si>
  <si>
    <t>台中國家歌劇院微解封 餐廳提供限時外帶外送</t>
  </si>
  <si>
    <t>北北基桃首都生活圈破裂 林右昌要求重視基隆人民</t>
  </si>
  <si>
    <t>陸98歲新冠肺炎危重症患者 痊癒出院</t>
  </si>
  <si>
    <t>為何不廣設普篩？陳其邁重申2關鍵</t>
  </si>
  <si>
    <t>電鍋蒸口罩也可幫助歐美？網答案一面倒</t>
  </si>
  <si>
    <t>權威胸腔醫師曝防疫守則 高文音特殊髮型成最佳示範</t>
  </si>
  <si>
    <t>約基奇中了 NBA復賽蒙陰影</t>
  </si>
  <si>
    <t>順時中 百貨龍頭購物節四一開跑已超「錢」部署</t>
  </si>
  <si>
    <t>防新冠封關 印尼將禁外國人入境、轉機</t>
  </si>
  <si>
    <t>宅經濟發酵 友銓 連六月傳佳音</t>
  </si>
  <si>
    <t>疫情中的惡毒言語</t>
  </si>
  <si>
    <t>《盤中解析》大立光引殺機 多空激戰12100</t>
  </si>
  <si>
    <t>郭台銘疫苗送件完成 鄭文燦：非常佩服</t>
  </si>
  <si>
    <t>疫苗分配高雄竟比新北多 陳時中解釋：看一數字</t>
  </si>
  <si>
    <t>疫情讓菜銷不出去 新北推保證銷售、價格助農友</t>
  </si>
  <si>
    <t>新冠肺炎疫苗 川普掛保證年內就有</t>
  </si>
  <si>
    <t>《業績-電子零件》毅嘉Q1稅前淨利創6年同期新高 Q2拚回溫</t>
  </si>
  <si>
    <t>創新技術、基本面利多 特斯拉、輝達 耶誕行情響叮噹</t>
  </si>
  <si>
    <t>《產業》疫後來台旅遊振興 觀光局超前部署</t>
  </si>
  <si>
    <t>美國銀行預警 5G iPhone受疫情影響將延後發表</t>
  </si>
  <si>
    <t>為何大陸量腕溫？ 台灣網友：原來如此</t>
  </si>
  <si>
    <t>三級警戒延長為何停課不停班？陳時中曝背後2考量</t>
  </si>
  <si>
    <t>快打疫苗！北巿擬推健康通行證 打2劑就可一起吃飯</t>
  </si>
  <si>
    <t>台積電抗疫 非產線員工可在家上班</t>
  </si>
  <si>
    <t>都發局長居家自主管理 中市府回應了</t>
  </si>
  <si>
    <t>陸警3千里押解嫌犯 竟是無症狀感染者！逾90人隔離</t>
  </si>
  <si>
    <t>疫情嚴峻 屏縣長照安養業者盼縣府下令禁訪</t>
  </si>
  <si>
    <t>外送員沒將餐點送上樓 竟接到警方通知：你被告了</t>
  </si>
  <si>
    <t>世衛認證 陸病例兩周降80％</t>
  </si>
  <si>
    <t>官邸志工染疫 府：無文獻顯示貓犬會傳病毒給人</t>
  </si>
  <si>
    <t>小英520演說 兩岸維持8字箴言</t>
  </si>
  <si>
    <t>防疫今解封！賴清德籲輕鬆生活 參與戶外活動</t>
  </si>
  <si>
    <t>《好好聽》紐約被迫按下暫停鍵 美國現況如何？</t>
  </si>
  <si>
    <t>東京進緊急狀態資深女優直接不玩 他曝成人界陷恐慌慘況</t>
  </si>
  <si>
    <t>知性抗疫 陸紛出版預防手冊</t>
  </si>
  <si>
    <t>Delta變種病毒再升級Delta＋ 已蔓延10國 恐抵擋抗體</t>
  </si>
  <si>
    <t>二級警戒再延長 跨年大型活動規範出爐：指定區外禁飲食</t>
  </si>
  <si>
    <t>中信金聲明 累計7位員工確診新冠肺炎</t>
  </si>
  <si>
    <t>查詢流感疫苗 疾管署竟是2019年資料</t>
  </si>
  <si>
    <t>全球為何都輸給Delta？重症醫1圖揭真相：人類敗在說謊</t>
  </si>
  <si>
    <t>湯姆漢克夫妻捐血做新冠病毒研究 妻子爆藥物嚴重副作用</t>
  </si>
  <si>
    <t>美攔截20萬個口罩 德官員批：現代海盜</t>
  </si>
  <si>
    <t>嘆很多朋友跑出門運動 男星揭關鍵作為：疫情降溫絕對快很多</t>
  </si>
  <si>
    <t>食藥署核准逾87萬劑高端 超過1萬劑疾管署不收</t>
  </si>
  <si>
    <t>武漢實驗室外洩新冠病毒？川普嗆陸要承擔後果</t>
  </si>
  <si>
    <t>4月DRAM合約價續揚</t>
  </si>
  <si>
    <t>《國際社會》新冠肺炎全球確診破300萬 逾21萬人病故</t>
  </si>
  <si>
    <t>驚呆！西班牙封城防疫 街頭驚見4肢著地「人裝狗」</t>
  </si>
  <si>
    <t>確診人數暴增 防疫保單詢問度熱 隔離最高賠5萬</t>
  </si>
  <si>
    <t>中央發出110萬封細胞簡訊 新北社區篩檢站今再湧入2552人篩檢</t>
  </si>
  <si>
    <t>新北外籍看護工確診後失聯 躲龜山民宅落網急送檢疫所</t>
  </si>
  <si>
    <t>口罩解禁太著急？正反兩派想法兩極掀論戰</t>
  </si>
  <si>
    <t>防堵新冠肺炎疫情 港都盃田徑賽封閉式舉行</t>
  </si>
  <si>
    <t>《熱門族群》MacBook Pro剪刀腳鍵盤威 概念股吃補</t>
  </si>
  <si>
    <t>Omicron變異毒株在香港成功培養 將用於生產新疫苗</t>
  </si>
  <si>
    <t>實驗室外洩病毒究責 柯文哲：擺出究責態度 大家就忙著湮滅證據</t>
  </si>
  <si>
    <t>北部「那所」高中生確診 家長、上班族：「答案」呼之欲出</t>
  </si>
  <si>
    <t>指南宮祈福法會 眾宮廟齊心參拜</t>
  </si>
  <si>
    <t>天天接小姐電話問「能不能休息」 飯店員工怒：1天不連結會死？</t>
  </si>
  <si>
    <t>Panasonic冰箱 三大保鮮科技</t>
  </si>
  <si>
    <t>全台首位？男高端混打BNT闖關成功 嗨喊：打到第三劑啦</t>
  </si>
  <si>
    <t>TWICE檢測結果出爐 她得隔離其他成員正常活動</t>
  </si>
  <si>
    <t>《國際經濟》日本3月製造業活動 近11年來最慘</t>
  </si>
  <si>
    <t>澳政府下令：疫情沒停不准去東奧</t>
  </si>
  <si>
    <t>染疫機師密切接觸2空姐 7縣市收110萬簡訊挫咧等</t>
  </si>
  <si>
    <t>口罩奇缺 美麻州球隊專機赴深圳載回120萬片</t>
  </si>
  <si>
    <t>說年輕人防疫鬆懈 台大妹爆氣49字槓陳時中 3千網狂讚</t>
  </si>
  <si>
    <t>劉樂妍心願達成飛回上海 花300住防疫旅館一開門驚呆了</t>
  </si>
  <si>
    <t>娛樂圈大姐大見疫情期亂象怒了 公開照片「整根樹枝纏滿」開罵</t>
  </si>
  <si>
    <t>打高端3人不適 陳時中證實都是同一原因 2種人先別打</t>
  </si>
  <si>
    <t>美主播批「請大陸為肺炎道歉」 賭王兒轟：吃屎吧</t>
  </si>
  <si>
    <t>拒絕WHO第二階段新冠病毒起源調查 北京這樣回應</t>
  </si>
  <si>
    <t>中壢超級傳播者已插管難疫調 衛生局長：可能還有漏掉的</t>
  </si>
  <si>
    <t>日本相撲力士出現確診首例</t>
  </si>
  <si>
    <t>北市14天無本土不明感染源 柯文哲：接近降到一級標準</t>
  </si>
  <si>
    <t>新冠緊咬陸 川普怪沒遏阻全球流行</t>
  </si>
  <si>
    <t>年輕人接種新冠疫苗後爆心肌炎 美展開調查</t>
  </si>
  <si>
    <t>年假車潮估增3成 考驗交通維運</t>
  </si>
  <si>
    <t>各國下修GDP 最快夏季恢復常軌</t>
  </si>
  <si>
    <t>龐德女郎蕾雅瑟杜打完2劑疫苗仍確診 坎城影展行程恐喊卡</t>
  </si>
  <si>
    <t>大陸國家衛健委：新冠疫苗接種破9億劑次</t>
  </si>
  <si>
    <t>新北花蓮旅遊團6確診「5人在北市工作」北巿急匡列210人</t>
  </si>
  <si>
    <t>你知道我在等你嗎？台哥大拖累新壽去年表現</t>
  </si>
  <si>
    <t>WHA閉幕 今年國際支持台灣呼聲更明確強烈</t>
  </si>
  <si>
    <t>南非Omicron疫情爆超不尋常趨勢 專家：前所未見</t>
  </si>
  <si>
    <t>告別檢疫所 這些台商還要自主健康管理14日</t>
  </si>
  <si>
    <t>鄭文燦視察護理之家 鼓勵施打流感疫苗</t>
  </si>
  <si>
    <t>遊客不敢坐船 小琉球住房率低</t>
  </si>
  <si>
    <t>防列管民眾趴趴走 強化指揮體系3月上路</t>
  </si>
  <si>
    <t>準確預測新冠疫情 神童警告：12月有更嚴重的災難</t>
  </si>
  <si>
    <t>疫情未滅大水來亂 密西根2水壩潰堤萬人疏散</t>
  </si>
  <si>
    <t>烈日下排隊打疫苗 南市議員搬風扇、礦泉水讓民眾消暑</t>
  </si>
  <si>
    <t>今增287人確診 校正回歸170例 6人死亡</t>
  </si>
  <si>
    <t>鍾南山團隊預測疫情：嚴格防控至4月底</t>
  </si>
  <si>
    <t>原住民歲時祭儀停辦？夷將：原鄉沒有確診</t>
  </si>
  <si>
    <t>東京奧運因疫情停辦會如何？旅台日人：鼠定了</t>
  </si>
  <si>
    <t>台灣新冠肺炎戰疫 兩岸包機秘辛</t>
  </si>
  <si>
    <t>新北學生22日接種BNT 接種後學校採線上授課</t>
  </si>
  <si>
    <t>《類股》前景發光 水泥指數狂飆4％</t>
  </si>
  <si>
    <t>瑞智營運報喜 今日舉辦法說會</t>
  </si>
  <si>
    <t>高雄市阿蓮區長佑醫院不敵新冠肺炎疫情 將於下月歇業</t>
  </si>
  <si>
    <t>迎接東奧 運彩推新投注、新活動─每奪金牌一面即加碼百萬現金</t>
  </si>
  <si>
    <t>為一袋衛生紙 3女在超市開戰 上演綜合格鬥</t>
  </si>
  <si>
    <t>北市知名診所爆未依分類打AZ 指揮中心：違者重罰200萬</t>
  </si>
  <si>
    <t>國王3人染疫 溜馬主控也中鏢</t>
  </si>
  <si>
    <t>別輸在最後一哩路！ 他曝單日爆增8例關鍵</t>
  </si>
  <si>
    <t>滯留湖北台人個別返台？陸委會：仍須包機檢疫</t>
  </si>
  <si>
    <t>韓國瑜：啟動遠距教學測試、研擬異地上班</t>
  </si>
  <si>
    <t>他喊端午連假「開車返鄉行了吧」網戳防疫盲點嗆：你確定身上沒病毒？</t>
  </si>
  <si>
    <t>國家隊連爆假口罩卻被感謝？原因曝光網笑：加利尷尬了</t>
  </si>
  <si>
    <t>速食店打工11年從未生病 他曝驚人原因</t>
  </si>
  <si>
    <t>《盤後解析》台積擺尾 周線2連紅</t>
  </si>
  <si>
    <t>陳時中24小時未闔眼？被問有無休息大笑回4字</t>
  </si>
  <si>
    <t>台東11鄉鎮設快篩站 每日15名額 今起開放電話預約</t>
  </si>
  <si>
    <t>安排立委考察醫院惹議 邱泰源辦公室：有徵得醫療院所同意</t>
  </si>
  <si>
    <t>進口冷凍食品檢出病毒 陸媒再掀新冠疫情起源宣傳戰</t>
  </si>
  <si>
    <t>新竹縣開學日 量體溫秩序良好</t>
  </si>
  <si>
    <t>死亡新增17例 最年輕40多歲 張上淳：到醫院時間慢了點</t>
  </si>
  <si>
    <t>《國際經濟》中韓星公司債增加最快 疫情影響償債能力</t>
  </si>
  <si>
    <t>匯率期貨趨勢專欄－疫情再起 避險貨幣抬頭</t>
  </si>
  <si>
    <t>什麼時候能打開國門？疫苗每年都要打？陸感染科權威來解答</t>
  </si>
  <si>
    <t>鄭文燦：因公染疫視同職業災害</t>
  </si>
  <si>
    <t>撐不住了！香港10天飆升數千例…「港版方艙醫院」緊急啟用</t>
  </si>
  <si>
    <t>驚！當年SARS爆發 他爆跟新冠肺炎竟有一個共同點</t>
  </si>
  <si>
    <t>新冠肺炎變異病毒染疫年輕化</t>
  </si>
  <si>
    <t>女研究人員染疫 醫曝「感染主因」喊：1例Delta都擋不住別想開國門</t>
  </si>
  <si>
    <t>1分鐘讀財經》踹下航海王 4檔半導體搶進當沖10強</t>
  </si>
  <si>
    <t>無旅遊史完蛋了！SARS指揮官：恐一發不可收拾</t>
  </si>
  <si>
    <t>MLB》疫情影響賽季延宕 球員也慌了</t>
  </si>
  <si>
    <t>劉樂妍崩潰怕確診 親睹河北樓下鄰居驚悚一幕</t>
  </si>
  <si>
    <t>戰戰兢兢 紐約州一周內依各地條件陸續開放</t>
  </si>
  <si>
    <t>復旦新冠研究登上《科學》說明年齡易感性停課效果</t>
  </si>
  <si>
    <t>疫情持續升溫 侯友宜：新北進入準四級準備</t>
  </si>
  <si>
    <t>疫情照妖鏡！住院醫師請長假 台大醫院院長批：無情且傲慢</t>
  </si>
  <si>
    <t>醫學權威期刊《刺胳針》：各國政要可學陸防疫經驗</t>
  </si>
  <si>
    <t>上海新增來自台灣陸籍確診案例 集中隔離觀察出現症狀</t>
  </si>
  <si>
    <t>嘉義東石超商店員染疫 逾1500人次顧客收通知緊張了</t>
  </si>
  <si>
    <t>旺旺志工演唱會 新北開唱千位志工樂嗨嗨</t>
  </si>
  <si>
    <t>全球晶圓設備支出 找回繁榮</t>
  </si>
  <si>
    <t>這個罪犯確診 美國人全都怒了</t>
  </si>
  <si>
    <t>彰化賣水果家族康復出院 盼別再有確診者遭「汙名化」</t>
  </si>
  <si>
    <t>疫苗接種半年後應否補打第3針 專家：應視免疫記憶是否增強</t>
  </si>
  <si>
    <t>江蘇確診者僅剩一人未出院 全省清零差一步</t>
  </si>
  <si>
    <t>《電子零件》毅嘉10月營收年增1成 寫今年次高</t>
  </si>
  <si>
    <t>美國250萬劑莫德納怎麼來的 陳時中曝過程</t>
  </si>
  <si>
    <t>斯洛伐克贈台16萬劑AZ 效期曝光</t>
  </si>
  <si>
    <t>連三天＋0 桃醫19日恢復營運</t>
  </si>
  <si>
    <t>買郵輪綜合險 不怕突發狀況</t>
  </si>
  <si>
    <t>同島一命 你我都不是局外人 捐贈防疫物資為一線工作人員加油</t>
  </si>
  <si>
    <t>東奧》疫情連環爆 奧運未開幕已累積5選手確診退賽</t>
  </si>
  <si>
    <t>三級何時解封 柯文哲：疫苗覆蓋率需達7成以上</t>
  </si>
  <si>
    <t>房市剛性需求強 安新建經建議買房跟著交通、建設、大型企業走</t>
  </si>
  <si>
    <t>一關鍵錯誤 讓美實際確診率偏低？CDC認了</t>
  </si>
  <si>
    <t>《半導體》京元電「疫」外擴大 聯發科估營收6月有壓、全年成長依舊</t>
  </si>
  <si>
    <t>義黑手黨沒閒著 趁抗疫送暖</t>
  </si>
  <si>
    <t>檢疫「7＋7」匆忙上線、變種病毒肆虐 機師嘆：混合派飛風險極高</t>
  </si>
  <si>
    <t>口罩新制上路 高雄藥局人龍綿延10家店</t>
  </si>
  <si>
    <t>「疫情結束求國家分配男友」 網激喊：女護士來台灣吧</t>
  </si>
  <si>
    <t>國內爆9例突破性感染 莊人祥：都是打AZ</t>
  </si>
  <si>
    <t>基亞 新藥開發雙喜臨門</t>
  </si>
  <si>
    <t>這裡好毒！NBA與NHL半數確診來過</t>
  </si>
  <si>
    <t>久違零確診 說好的連假大爆發呢？網揭關鍵真相</t>
  </si>
  <si>
    <t>「疫苗調閱小組」竟只開過一次會 藥師一聽忍不住喊6字</t>
  </si>
  <si>
    <t>雲林超前部署 縣務會議改視訊並籌備臨時辦公中心</t>
  </si>
  <si>
    <t>連28天沒本土病例　陳時中：520總統就職會建議放寬人數</t>
  </si>
  <si>
    <t>公文跑比病毒慢？藍委怒轟陳時中：徹底的X話</t>
  </si>
  <si>
    <t>緊急命令：湖北孝感禁居民外出 生活物資官方配送</t>
  </si>
  <si>
    <t>楊志良批春節10＋4是對台商有恨 陳時中妙回：是有愛吧</t>
  </si>
  <si>
    <t>新冠肺炎肆虐翁立友短收百萬 患疾流鼻血「惜罩如金」</t>
  </si>
  <si>
    <t>陳時中表達有意願接機 BNT無保留劑量但書 全部無償捐贈</t>
  </si>
  <si>
    <t>人民日報點名痛批張雅琴、安幼琪！電視台回應了</t>
  </si>
  <si>
    <t>武漢門診新增病例 爆危險信號</t>
  </si>
  <si>
    <t>禁高中以下師生出國 王浩宇、苗博雅互槓</t>
  </si>
  <si>
    <t>高科技與半導體產業 板塊挪移</t>
  </si>
  <si>
    <t>寒假變長 嘉義縣市紛推線上學習</t>
  </si>
  <si>
    <t>川普對WHO通牒信出包？醫學期刊《刺胳針》揭真相</t>
  </si>
  <si>
    <t>已有一死！義大利突成重災區 一天增17病例</t>
  </si>
  <si>
    <t>新竹縣竹東2長照機構新增10個案 確診產婦新生兒為陰性</t>
  </si>
  <si>
    <t>若出現GBS 醫籲驗新冠並隔離</t>
  </si>
  <si>
    <t>《半導體》聯發科天璣820現身 劍指中高端5G智慧機</t>
  </si>
  <si>
    <t>歐洲第2國淪陷 這裡確認出現Omicron病例</t>
  </si>
  <si>
    <t>冰島普篩成功抗疫</t>
  </si>
  <si>
    <t>磐石艦僅爆31確診 張上淳指海軍這件事做對了</t>
  </si>
  <si>
    <t>疫情對老人不利？105歲人瑞打敗新冠肺炎 養生秘方也許幫大忙</t>
  </si>
  <si>
    <t>急症纏身？ Grace喊話阿翔：慾望沒得到平衡</t>
  </si>
  <si>
    <t>獲取越南超級國家祕方 台東男張貼假訊息被移送</t>
  </si>
  <si>
    <t>新增4例境外移入 3台灣人自英美德返台確診</t>
  </si>
  <si>
    <t>YouTube舉辦全球電影節 聯手20大影展線上免費看片</t>
  </si>
  <si>
    <t>嘉義警打AZ後爆多發性血栓 兩度開刀仍命危</t>
  </si>
  <si>
    <t>入境大陸護照慘被當垃圾銷毀 韓國人崩潰</t>
  </si>
  <si>
    <t>雲縣超前部署 盼台灣平安</t>
  </si>
  <si>
    <t>新竹今增1確診為京元電員工 足跡曝光連續4日到苗栗用餐</t>
  </si>
  <si>
    <t>「罩」顧健康動手做 巧藝志工布口罩DIY教學</t>
  </si>
  <si>
    <t>大爆發！韓最新增115確診！累計1261人染新冠肺炎</t>
  </si>
  <si>
    <t>北捷龍山寺站1人確診、3人快篩陽性 保全及清潔員染疫 均為接觸旅客人員</t>
  </si>
  <si>
    <t>新冠肺炎確診傷亡補償 陳以信：政府應負全部責任</t>
  </si>
  <si>
    <t>SBL》因應防疫升級 總冠軍賽採閉門比賽</t>
  </si>
  <si>
    <t>喬柯維奇參加美網：我不怕新冠疫情</t>
  </si>
  <si>
    <t>異地辦公 國民黨準備好了</t>
  </si>
  <si>
    <t>境外移入再＋1！50多歲男從南非返台探親確診</t>
  </si>
  <si>
    <t>哈薩克爆發不明肺炎 死亡率遠高於新冠病毒</t>
  </si>
  <si>
    <t>單寧酸可抑制新冠病毒活性 中醫大研究登國際期刊</t>
  </si>
  <si>
    <t>瘋狂搶機票赴美打疫苗 市議員憂心：返國恐成防疫破口</t>
  </si>
  <si>
    <t>傾向打滿2劑就不管制 柯文哲：驚弓之鳥過生活撐不了幾年</t>
  </si>
  <si>
    <t>40萬劑AZ疫苗今抵台 賴清德呼籲儘快施打</t>
  </si>
  <si>
    <t>高雄春天藝術節創新《舞筵自然》不受疫情影響</t>
  </si>
  <si>
    <t>亞東院內感染擴大 再爆3人染疫 陪病家屬確診</t>
  </si>
  <si>
    <t>染疫住院77天 金芭黎台商傳出「好消息」</t>
  </si>
  <si>
    <t>蓋茲基金會CEO：新冠疫苗為史上最速研發</t>
  </si>
  <si>
    <t>滯湖北台商散客式返台 恐生防疫漏洞</t>
  </si>
  <si>
    <t>堅稱新冠肺炎確診掛零 北韓解除3600多人隔離令</t>
  </si>
  <si>
    <t>倫敦爆發數千人「反防疫」示威　警拘捕10人</t>
  </si>
  <si>
    <t>台東林家小館確診再＋5 另有1彰化確診足跡</t>
  </si>
  <si>
    <t>美FDA專家 認可默沙東新冠口服藥</t>
  </si>
  <si>
    <t>1分鐘看世界》白宮官員戴上MIT口罩 佛奇警告早解封下場慘</t>
  </si>
  <si>
    <t>世衛譚德塞：陸首次無新增病例 是驚人成就啊！</t>
  </si>
  <si>
    <t>農產成功拓銷 蔡英文：雞蛋不放同一籃方向正確</t>
  </si>
  <si>
    <t>影后爆粗女兒發燒被英國放生 黃安虧：糗了吧</t>
  </si>
  <si>
    <t>美壯漢染新冠肺炎爆瘦22公斤！對照圖判若兩人</t>
  </si>
  <si>
    <t>金門接種新冠疫苗滿5個月 可赴醫院追加接種第3劑</t>
  </si>
  <si>
    <t>零症狀到癱軟無力僅數小時！染病女醫師歷經生死恍如隔世</t>
  </si>
  <si>
    <t>汐止月子中心員工確診肺結核 院方發布6點聲明</t>
  </si>
  <si>
    <t>苗栗肺炎居家檢疫男外出戰酒店 開罰30萬元</t>
  </si>
  <si>
    <t>新冠肺炎重挫陸經濟 KPMG：比SARS影響更大</t>
  </si>
  <si>
    <t>聯電 締造史上最旺2月</t>
  </si>
  <si>
    <t>疫情升溫 台股早盤賣壓沈重</t>
  </si>
  <si>
    <t>竟然不是鮭魚？北京疫情意外揭穿進口魚背後真相</t>
  </si>
  <si>
    <t>收陸韓包裹恐染病？這2動作別省</t>
  </si>
  <si>
    <t>早接比晚接好</t>
  </si>
  <si>
    <t>早 接 比 晚 接好</t>
  </si>
  <si>
    <t>接好</t>
  </si>
  <si>
    <t>看到高雄這一幕 陳致中心急如焚連PO7張照片</t>
  </si>
  <si>
    <t>台南端午返鄉車票退票獎勵金修訂 搭高鐵到嘉義站也納入</t>
  </si>
  <si>
    <t>每10小時新增一起調查案 陸已成美情報界三大威脅之一</t>
  </si>
  <si>
    <t>南市善化分局做公益 募240袋補血庫</t>
  </si>
  <si>
    <t>川普拜登不握手免寒暄 首場辯論將單刀直入打罩門</t>
  </si>
  <si>
    <t>鍾南山：陸疫情防控策略正確</t>
  </si>
  <si>
    <t>連續5日「嘉玲」揚州今日65萬人重啟核酸檢測</t>
  </si>
  <si>
    <t>日本與加拿大接連挺臺參與WHO 外交部表達感謝</t>
  </si>
  <si>
    <t>優雅好騎YAMAHA Limi上市 ØZI帥氣助陣</t>
  </si>
  <si>
    <t>阻擋飛沫 食藥署：布製口罩也OK</t>
  </si>
  <si>
    <t>疫情重挫愛迪達業務 飛雅特克萊斯勒陸廠將全面復產</t>
  </si>
  <si>
    <t>工商社論》正視新冠、網路、民主三種疫情交相感染的毒害</t>
  </si>
  <si>
    <t>別走到封城那一天</t>
  </si>
  <si>
    <t>封城</t>
  </si>
  <si>
    <t>兩岸比一比 防疫工作誰最透明？</t>
  </si>
  <si>
    <t>被酸民留言詛咒「希望你確診」名嘴嗆：不怕我找你索命嗎？</t>
  </si>
  <si>
    <t>不普篩 疑雲重重</t>
  </si>
  <si>
    <t>加強防疫！ 台中高中職以下學校室內場地暫不外借</t>
  </si>
  <si>
    <t>50多歲女未出國曾住院 感染源不明</t>
  </si>
  <si>
    <t>印度撤僑包機9人有症狀 採檢後回去集中檢疫</t>
  </si>
  <si>
    <t>水洗義大利麵外包裝 麵條竟「隔袋發黑」真相讓婆媽震驚</t>
  </si>
  <si>
    <t>輸出口罩不合格遭收回 陸駐荷大使盼勿政治化解讀</t>
  </si>
  <si>
    <t>全球疫情爆發、名人相繼逝世 唐綺陽預測：今年還有2波重大變故</t>
  </si>
  <si>
    <t>新台幣續升 買歐元人民幣撿便宜</t>
  </si>
  <si>
    <t>不要大「疫」！南投縣府走訪黃昏市場逐攤提醒</t>
  </si>
  <si>
    <t>「吸血鬼男」染新冠肺炎　羅伯派丁森主演《蝙蝠俠》再停拍</t>
  </si>
  <si>
    <t>防群聚感染 多個宗教團體暫停活動</t>
  </si>
  <si>
    <t>嗆川普不是真男人！國會女王曝美遲不強制戴口罩內幕</t>
  </si>
  <si>
    <t>網友打新冠肺炎疫苗 驚見王菲謝霆鋒一起來了</t>
  </si>
  <si>
    <t>血友病童母發言惹議 張雅琴播報「爆粗口」</t>
  </si>
  <si>
    <t>LINE提供政府機關申請公共服務帳號 防疫期傳遞正確資訊</t>
  </si>
  <si>
    <t>台灣何時會封城？陳時中：會預先公告</t>
  </si>
  <si>
    <t>大馬最正辣媽 Amanda 呼籲防疫「胸前大痣」卡事業線</t>
  </si>
  <si>
    <t>台灣4月疫情會如何？命理師解籤後宅神驚問一句</t>
  </si>
  <si>
    <t>中研院確診女「2度被鼠咬」 黃珊珊揭關鍵日：沒做快篩</t>
  </si>
  <si>
    <t>《業績-電腦設備》友通6月、Q2、H1營收 齊登同期新高</t>
  </si>
  <si>
    <t>新藥點火 生醫基金看漲</t>
  </si>
  <si>
    <t>AZ第二劑擴大至52歲以上 9／29開打</t>
  </si>
  <si>
    <t>科學家譽為「最好的新冠疫苗」： 透視Novavax疫苗厲害強項</t>
  </si>
  <si>
    <t>WHO將測試2種新冠肺炎藥物　專家呼籲：不要草率上市</t>
  </si>
  <si>
    <t>UFC復賽失敗！復活兩天就被勸退</t>
  </si>
  <si>
    <t>竹縣1失聯移工打疫苗卻被捕 朋友斥：跟指揮中心講的不一樣</t>
  </si>
  <si>
    <t>居家快篩最快本周鋪貨 侯友宜：搭配社區快篩找隱形傳播</t>
  </si>
  <si>
    <t>開放更多兩岸貨運航班？指揮中心：尚未收到業者申請</t>
  </si>
  <si>
    <t>全台移工體檢 勞動部：針對百人移工宿舍聯合訪視</t>
  </si>
  <si>
    <t>《產業》疫情重擊 台南大億麗緻6月底熄燈</t>
  </si>
  <si>
    <t>逆時中有壓力？柯文哲、侯友宜互推麥克風…</t>
  </si>
  <si>
    <t>陳時中說疫苗接種順序中央說得算 柯文哲回應了</t>
  </si>
  <si>
    <t>疫情6月底前結束？ 陳時中開示了</t>
  </si>
  <si>
    <t>拜登就職蕭美琴參加嗎？ 外交部：還沒要到票</t>
  </si>
  <si>
    <t>力抗疫情衝擊 高雄將推第二波紓困計劃</t>
  </si>
  <si>
    <t>PLG》個人決定出走？領航猿宣告沃倫離隊</t>
  </si>
  <si>
    <t>羽球》雙重打擊 伊瑟儂母親去世父親確診 退出2大賽</t>
  </si>
  <si>
    <t>48卷訂成48箱 澳洲女收到嚇傻卻被人羨慕</t>
  </si>
  <si>
    <t>本土暴增633例 11人死亡創新高</t>
  </si>
  <si>
    <t>無懼新冠肺炎 吳思瑤竟稱現在應鼓勵看展</t>
  </si>
  <si>
    <t>獨／大馬男星光榮回鄉卻被羨「住台灣」！提前返台幸運躲過封城</t>
  </si>
  <si>
    <t>談疫色變 救護車當免費小黃變少</t>
  </si>
  <si>
    <t>第一金投信：機器人投資價值再升級</t>
  </si>
  <si>
    <t>中央開放企業快篩 柯P轟亂撒錢、亂弄</t>
  </si>
  <si>
    <t>《基金》台新投信新興短期高收益債券基金18日開募</t>
  </si>
  <si>
    <t>防堵歐洲疫情擴散 俄緊急關閉波蘭、挪威邊界</t>
  </si>
  <si>
    <t>新增1境外移入 20多歲女赴菲律賓工作返台確診</t>
  </si>
  <si>
    <t>陳時中揚言對地方減配疫苗 網友笑稱：減減看啊！</t>
  </si>
  <si>
    <t>《半導體》精材Q3營收戰新高 Q4審慎樂觀</t>
  </si>
  <si>
    <t>護照無法辨識大陸旅遊史 政院：外交部19日已提應急做法</t>
  </si>
  <si>
    <t>鑽石公主號全員採檢 陰性且健康良好19日後下船</t>
  </si>
  <si>
    <t>現金買20斤大麵怎提營收證明？朱立倫：簡化紓困申請流程</t>
  </si>
  <si>
    <t>陳培哲辭疫苗審查委員 賴士葆嘆：政治黑手伸入科研</t>
  </si>
  <si>
    <t>定期快篩會更安全？ 柯文哲：PCR才能做最後確認</t>
  </si>
  <si>
    <t>新竹台大分院 獲贈3台超紫光滅菌機器人</t>
  </si>
  <si>
    <t>中和工業區某公司被爆員工確診 老闆要求所有人照常上班</t>
  </si>
  <si>
    <t>「吹哨者」李文亮 美參議員也要提案紀念</t>
  </si>
  <si>
    <t>吳京捐負壓救護車 韓寒以讀者名送防疫物資</t>
  </si>
  <si>
    <t>林口三井Outlet無預停業3天 業者：內部大清消</t>
  </si>
  <si>
    <t>除了京元電、超豐 智邦科技也有1員工染疫</t>
  </si>
  <si>
    <t>英國疫情太嚇人！大批波蘭人逃回祖國</t>
  </si>
  <si>
    <t>搶救高雄觀光！韓國瑜開直播促銷旅館秒殺搶光</t>
  </si>
  <si>
    <t>「台灣是個國家」 他曝法最大電視台這樣評價台灣</t>
  </si>
  <si>
    <t>指揮中心搭公車須戴口罩 中市配合實施</t>
  </si>
  <si>
    <t>台東2官兵傳打AZ後不適 士官長一度危急裝葉克膜搶救</t>
  </si>
  <si>
    <t>台南畢旅不停辦 禁到高風險區域</t>
  </si>
  <si>
    <t>英新冠肺炎疫苗8日開打 前線醫護與長者優先接種</t>
  </si>
  <si>
    <t>美債ETF抗波動 危機入市首選</t>
  </si>
  <si>
    <t>採檢民眾要自主隔離多久？陳時中：新增健康存摺系統盡快通知</t>
  </si>
  <si>
    <t>台微體旗下金雞 盈擘 發表微脂體抗新冠報告</t>
  </si>
  <si>
    <t>賣魚郎助陣 石斑魚訂單飆破百萬</t>
  </si>
  <si>
    <t>懷疑染新冠肺炎！婦怕連累家人搞失蹤 10天後竟成浮屍</t>
  </si>
  <si>
    <t>海上郵輪超好玩？行家答案一面倒</t>
  </si>
  <si>
    <t>波蘭環境部長確診新冠肺炎 已自我隔離</t>
  </si>
  <si>
    <t>南京零新增 揚州連7天破30例</t>
  </si>
  <si>
    <t>南美首例 巴西病例確診 六大洲無一倖免</t>
  </si>
  <si>
    <t>誰說陸不給進！譚德賽：世衛專家今將訪武漢</t>
  </si>
  <si>
    <t>3件接種疫苗後死亡 檢察官決定2具不剖了</t>
  </si>
  <si>
    <t>鍾南山：陸錯失新冠藥物大規模臨床研究機會</t>
  </si>
  <si>
    <t>捐血領口罩引爆熱血沸騰　排隊畫面全場傻眼：血荒還口罩荒啊</t>
  </si>
  <si>
    <t>雲縣發口罩學生每人2盒</t>
  </si>
  <si>
    <t>捐血驗出新冠病毒陽性　專家：恐是「無症狀感染者」</t>
  </si>
  <si>
    <t>Garmin林口廠員工染疫 桃市衛生局急採500人</t>
  </si>
  <si>
    <t>萬華板橋民眾禁入馬偕？衛長：防院內感染</t>
  </si>
  <si>
    <t>抗疫100天 張上淳感謝民眾、媒體比SARS當年水準高很多</t>
  </si>
  <si>
    <t>南韓陷社區傳播 旅遊疫情建議升級至第一級注意</t>
  </si>
  <si>
    <t>支持現金紓困民調曝光 洪孟楷：蔡政府還要慢幾拍？</t>
  </si>
  <si>
    <t>陳宜民：盼與柯P討論北市三期臨床「圈選接種」</t>
  </si>
  <si>
    <t>台灣輸出60例確診到世界 莊人祥：對國內疫情無影響</t>
  </si>
  <si>
    <t>BBC整理譚德塞公開發言 網罵翻：白目！</t>
  </si>
  <si>
    <t>台灣新增6境外移入 醫開砲一句網憤怒了</t>
  </si>
  <si>
    <t>新冠肺炎帶來新問題 臨時工如何過日子</t>
  </si>
  <si>
    <t>公費流感疫苗開打 不分順序趕快接種</t>
  </si>
  <si>
    <t>陸員工傳染2同事 德新冠肺炎增為16例</t>
  </si>
  <si>
    <t>Omicron衝擊跨年活動？陳時中：大家要有心理準備</t>
  </si>
  <si>
    <t>出現新冠疫情國家增至56國 WHO：有全球流行病潛力</t>
  </si>
  <si>
    <t>李培禎確診新冠肺炎後首報平安 曝隔離狀況「不要跟我說加油」</t>
  </si>
  <si>
    <t>北美半導體設備出貨 3個月新高</t>
  </si>
  <si>
    <t>研究：新冠患者若曾高燒或氧氣治療 大腦灰質減少致情緒障礙</t>
  </si>
  <si>
    <t>近6成人民等不到第一劑預約通知 鄭麗文狠嗆蔡政府一句</t>
  </si>
  <si>
    <t>MWC取消 華為2／24舉辦線上發表會新摺疊機有望亮相</t>
  </si>
  <si>
    <t>桃園增4例皆為確診者接觸者 足跡包含汽車旅館、菜市場、3量販店</t>
  </si>
  <si>
    <t>CNN：新冠拆散來不及說再見 靈異事件頻傳</t>
  </si>
  <si>
    <t>廣州發現廣東首例境外輸入Omicron陽性病例</t>
  </si>
  <si>
    <t>僑外資企業入手新北工業地產掀熱潮</t>
  </si>
  <si>
    <t>好消息！新冠疫苗採購700元一劑 台灣明年中開打</t>
  </si>
  <si>
    <t>看好第四季 中菲行：11月航空貨運運價漲定了</t>
  </si>
  <si>
    <t>讚大陸陳薇研發新冠疫苗 蔡正元酸：不像某些人造神</t>
  </si>
  <si>
    <t>該不該開罰周玉蔻 網投票一面倒：指揮中心裝死機率高</t>
  </si>
  <si>
    <t>【躲疫買億萬屋2】擁老豪宅36年 一代妖姬遭控風波不斷</t>
  </si>
  <si>
    <t>高雄特殊交友圈開趴再＋1 密切接觸5天後發病 最新足跡曝光</t>
  </si>
  <si>
    <t>沒把新冠放在眼裡 墨總統坦承染疫</t>
  </si>
  <si>
    <t>退休高官確診嫌醫院爛 開3條件：要住單人房</t>
  </si>
  <si>
    <t>飛機又成破口？桃園女染Delta 負責機上清潔</t>
  </si>
  <si>
    <t>日本第三波疫情爆發 單日確診人數創新高</t>
  </si>
  <si>
    <t>被楊志良嗆不適合當總統 馬英九笑回9字全場傻眼</t>
  </si>
  <si>
    <t>陸新冠疫苗效果如何？感染科專家張文宏：再等3個月才知道</t>
  </si>
  <si>
    <t>蓬佩奧、楊潔篪通話 強調抗疫透明重要性</t>
  </si>
  <si>
    <t>「校正回歸」網罵翻 鄉民吃早餐神比喻</t>
  </si>
  <si>
    <t>類風溼性關節炎藥 救活新冠患者</t>
  </si>
  <si>
    <t>一 名 肺炎 病毒 呼吸衰竭 休克</t>
  </si>
  <si>
    <t>奇美醫學中心防疫升級 住院病人需PCR陰性</t>
  </si>
  <si>
    <t>新冠肺炎重創全球企業！美股道瓊重挫410點！首季表現史上最慘</t>
  </si>
  <si>
    <t>不滿陽明山停車場擠爆人潮 最純主播脫口一句話洩真性情</t>
  </si>
  <si>
    <t>王子、李康生追逐槍戰臨喊卡 拍電影無奈遭疫情攪局</t>
  </si>
  <si>
    <t>《花木蘭》日韓因疫情延檔 影迷寫信求《007》延後上映</t>
  </si>
  <si>
    <t>商品期貨趨勢專欄－油價上漲有限 中性偏多</t>
  </si>
  <si>
    <t>非本國籍明零時起限制入境 柯文哲：這政策是對的</t>
  </si>
  <si>
    <t>台防疫僅贏在起跑點民族性使然？ 網曝無奈真相</t>
  </si>
  <si>
    <t>《經濟》防疫鬆綁在即 蘇貞昌：預先規畫振興準備</t>
  </si>
  <si>
    <t>害怕疫情 這些大廠都退出 全球行動通訊大會遭取消</t>
  </si>
  <si>
    <t>抗Delta大戰變調 CDC警告 美民眾打不打疫苗都散播得一樣快</t>
  </si>
  <si>
    <t>不怕疫情 北韓今年光復節和建黨日將表演這個</t>
  </si>
  <si>
    <t>對政府無聲抗議 江啟臣響應「熄燈一分鐘」悼確診亡者</t>
  </si>
  <si>
    <t>特殊！新加坡航空展最搶手紀念品是這個</t>
  </si>
  <si>
    <t>大陸拚年底前8成接種 群體免疫達標</t>
  </si>
  <si>
    <t>急診醫揭混打唯一副作用 痛整晚比首劑AZ更嚴重</t>
  </si>
  <si>
    <t>美版陳時中直打臉川普：缺一關鍵 過早解封下場慘</t>
  </si>
  <si>
    <t>嘉義市買菜分流 攤販叫客人：今天多買些明天不要來</t>
  </si>
  <si>
    <t>產地直送！德國BNT執行長證實：提供台灣疫苗「來自歐洲工廠」</t>
  </si>
  <si>
    <t>NBA》魔術老闆花200萬美元照顧停擺員工</t>
  </si>
  <si>
    <t>全球首款「吸入式」新冠疫苗亮相 網友笑稱：像喝奶茶</t>
  </si>
  <si>
    <t>新冠肺炎疫情仍嚴峻 這些險種你保了沒？</t>
  </si>
  <si>
    <t>疫情重傷美就業市場 1個半月3千萬人丟工作</t>
  </si>
  <si>
    <t>高雄男打BNT「全身血疹、血便」血小板急降 衛生局回應了</t>
  </si>
  <si>
    <t>西甲瓦倫西亞足球隊 35％驗出新冠</t>
  </si>
  <si>
    <t>新聞透視》操弄防疫抗陸 深化兩岸敵意</t>
  </si>
  <si>
    <t>抗新冠 接種兩劑AZ疫苗效力可達90％</t>
  </si>
  <si>
    <t>國產疫苗提前量產 楊志良提5大理由：讓高端下架</t>
  </si>
  <si>
    <t>雙和醫院護理師嘆踏進醫院備感壓力 感性發文拜託待在家裡</t>
  </si>
  <si>
    <t>同機者染新冠肺炎飛機遭遣返 旅行不便險賠不賠？</t>
  </si>
  <si>
    <t>防疫在家上班很輕鬆？OL曝悲慘現況</t>
  </si>
  <si>
    <t>醫用口罩納邊境查驗 7／7起口罩進口要抽查</t>
  </si>
  <si>
    <t>文化大學猛暴性群聚 快篩206人、13人陽性</t>
  </si>
  <si>
    <t>牛津新冠疫苗保護力才70％ BBC：失望</t>
  </si>
  <si>
    <t>《商情》國際油價跌 估下周國內汽油不調整</t>
  </si>
  <si>
    <t>口罩產能催落去！蔡英文宣示 日產2000萬片</t>
  </si>
  <si>
    <t>聯合國警告 疫情可能引爆50年來最嚴重的糧食危機</t>
  </si>
  <si>
    <t>又見台灣輸出新冠病例 4人赴日本、法國確診</t>
  </si>
  <si>
    <t>駐外館首例！我駐法代表處淪陷 一職員確診新冠肺炎</t>
  </si>
  <si>
    <t>近2千人確診僅「個位數死亡」 德國防疫做了什麼？</t>
  </si>
  <si>
    <t>《哈利波特》作者羅琳自稱 染新冠病毒已痊癒</t>
  </si>
  <si>
    <t>烏克蘭美女在台打免費疫苗 接種後卻痛哭：我後悔了</t>
  </si>
  <si>
    <t>變種新冠難測？連3驗都陰性 大馬7旬長者突暴斃：肺驚人變化</t>
  </si>
  <si>
    <t>駭客趁疫打劫 全球網路攻擊暴增</t>
  </si>
  <si>
    <t>大陸首款新冠肺炎疫苗專利誕生　</t>
  </si>
  <si>
    <t>蘇貞昌狂喊武漢肺炎 趙少康痛批：比歧視更惡劣的羞辱</t>
  </si>
  <si>
    <t>【信民播客】龍觀點｜兩隻黑天鵝相遇 全球大蕭條近在眼前！</t>
  </si>
  <si>
    <t>英國確診男病毒量超高 將比對是否染變種病毒</t>
  </si>
  <si>
    <t>阿緯順利打完2劑AZ疫苗 網友坦言不敢打他貼心回應</t>
  </si>
  <si>
    <t>台大麻醉護師染疫！員工看新聞才知 憂傳給家中親友</t>
  </si>
  <si>
    <t>陳時中否認「3＋11」破口 網友怒批民進黨顛倒是非</t>
  </si>
  <si>
    <t>旅美高球好手潘政琮好暖 不搭機返台保護寶島</t>
  </si>
  <si>
    <t>新聞透視》新冠肺炎來勢洶洶！執著無社區傳播 鴕鳥心態作祟</t>
  </si>
  <si>
    <t>高市高中以下學校若停課 將啟動遠距教學</t>
  </si>
  <si>
    <t>武漢今「解封」76天封城告終！276班列車四散全境</t>
  </si>
  <si>
    <t>秋冬疫情再來台灣沒疫苗 陳時中：備妥135億元可跟國外買</t>
  </si>
  <si>
    <t>新聞早班車》英首相強森 今日復工</t>
  </si>
  <si>
    <t>萬金石開第一槍！新北鐵道馬拉松也確定延期</t>
  </si>
  <si>
    <t>五一連假盧祭鐵腕：人流如管制困難 必要時關景點</t>
  </si>
  <si>
    <t>讓長輩開心出遊 市議員爭取敬老卡搭台鐵區間車</t>
  </si>
  <si>
    <t>長水泡成新冠肺炎新症狀？張上淳證實國內有類似情況</t>
  </si>
  <si>
    <t>影》新北二級漸解封 侯友宜籲：隨時戴口罩病毒不會到</t>
  </si>
  <si>
    <t>陸外交部：境外輸入留學生佔4成 盼留學生和家長權衡利弊</t>
  </si>
  <si>
    <t>曝高端最重大副作用 台大醫揭猝死機率</t>
  </si>
  <si>
    <t>新冠肺炎狗貓會傳染引恐慌？高市農業局：病源汙染非感染</t>
  </si>
  <si>
    <t>確診女「吸不到空氣」隔離在家求助無門 護理師見訊息崩潰</t>
  </si>
  <si>
    <t>桃園男子猝死前發高燒 檢警採檢體送驗</t>
  </si>
  <si>
    <t>新北＋1 北巿松山確診國中生外婆也染疫</t>
  </si>
  <si>
    <t>防堵Delta 新北幼兒園9日起停辦跨班課後留園</t>
  </si>
  <si>
    <t>基隆小姑娘群聚感染再添7例 老闆娘家族幾乎確診</t>
  </si>
  <si>
    <t>逾3百人打疫苗死亡 藍委脫口一句怒嗆蔡政府</t>
  </si>
  <si>
    <t>新冠肺炎擴散 7旬老婦「惜緣」不和老伴離婚</t>
  </si>
  <si>
    <t>新冠疫情擴散再增1國 以色列出現首例確診</t>
  </si>
  <si>
    <t>桃園特殊交友圈釀5家人染疫 足跡包括奇異果旅店、華泰名品城</t>
  </si>
  <si>
    <t>北市診所可打疫苗 新北市衛生局：已和203家診所簽約</t>
  </si>
  <si>
    <t>網友解析指揮中心組合 陳時中讚爆</t>
  </si>
  <si>
    <t>Gogolook攜「美玉姨」擴大防詐領域</t>
  </si>
  <si>
    <t>美仇恨亞裔暴力事件頻傳 李彥秀自爆：開車上路被比中指</t>
  </si>
  <si>
    <t>估值偏低＋政策作多 A股後市不看淡</t>
  </si>
  <si>
    <t>新北又見＋0 戶外有望脫罩？ 侯友宜這樣說</t>
  </si>
  <si>
    <t>採訪音樂家遭隔離 藝文記者嘆人情冷暖</t>
  </si>
  <si>
    <t>葛民輝閃電搬離月租47萬豪宅 主因曝光網讚：良心有錢人</t>
  </si>
  <si>
    <t>《業績-生醫》疫情侵蝕消費力 達爾膚Q1營收年減29％</t>
  </si>
  <si>
    <t>55歲男愛吃生魚片 數月後嚇傻：器官變這樣</t>
  </si>
  <si>
    <t>衛生所加入賣口罩 南市兒童口罩銷量差</t>
  </si>
  <si>
    <t>口罩數量大增為何排隊隊伍變更長？網揭原因超現實</t>
  </si>
  <si>
    <t>李明依訴長者打疫苗多人猝死 嘆「難道只剩數字」網砲轟</t>
  </si>
  <si>
    <t>2娃奶聲喊話 陳時中一號表情變了</t>
  </si>
  <si>
    <t>台人紛紛出國打疫苗 醫曝恐怖致命點：感染風險更高</t>
  </si>
  <si>
    <t>佛系防疫拖累 瑞典上半年死亡數創150年新高</t>
  </si>
  <si>
    <t>疫情趨緩 北市：10／1起開放長照機構探視</t>
  </si>
  <si>
    <t>柯P談開放疫苗嗆「搞我就慢兩天打」 陳時中回應了</t>
  </si>
  <si>
    <t>實聯制將執行到明年中 陳時中：降級初期要先挺住</t>
  </si>
  <si>
    <t>歐美疫情不退 13檔防疫概念股交投熱</t>
  </si>
  <si>
    <t>《盤後解析》權王穩盤勢 拿月線還得加把勁</t>
  </si>
  <si>
    <t>南韓明起限制口罩、乾洗手出口　大邱現搶購人龍</t>
  </si>
  <si>
    <t>中醫大抗冠研究成果 刊登國際學術期刊受關注</t>
  </si>
  <si>
    <t>非必要不要前往！旅遊警示升至3級 27日起自韓返台須居家檢疫</t>
  </si>
  <si>
    <t>高雄染疫＋1 麻將群聚案已13確診</t>
  </si>
  <si>
    <t>瞄準富商、藝人！日業者推疫苗團 觀光或留學隨選</t>
  </si>
  <si>
    <t>新光醫院倡健檢 別因疫情耽誤病情</t>
  </si>
  <si>
    <t>新冠肺炎臨床照護經驗 員榮醫院透過5G智慧跨海傳遞</t>
  </si>
  <si>
    <t>向侯友宜下指導棋 陳時中：新北應增設篩檢站</t>
  </si>
  <si>
    <t>降級首日重症醫直擊民眾1行為 嘆風雲恐再起</t>
  </si>
  <si>
    <t>從日本等地區進京 需隔離14天</t>
  </si>
  <si>
    <t>驚悚！紐約市死亡過多 無人島改建千人塚畫面曝光</t>
  </si>
  <si>
    <t>東馬取消只留職業跑者 參賽資格明年仍可用但要再付報名費</t>
  </si>
  <si>
    <t>86歲脫線罹肺炎康復出院 感人PO文謝老伴</t>
  </si>
  <si>
    <t>北京下調防控等級 五一假期機票秒殺</t>
  </si>
  <si>
    <t>富市台中、新好生活 盧秀燕：展現持續建設台中決心</t>
  </si>
  <si>
    <t>1分鐘看世界》全球死亡破十萬 WHO駁台警告未提人傳人</t>
  </si>
  <si>
    <t>川普：將成立經濟工作組來重啟美國經濟</t>
  </si>
  <si>
    <t>黃秋生見台灣疫情大爆炸 列4大點信心喊話「一月內必可控」</t>
  </si>
  <si>
    <t>《興櫃股》八貫3大動能加持 明年業績續攀</t>
  </si>
  <si>
    <t>股價指數期貨贏家專欄－歐疫情升溫 生技醫療錢景俏</t>
  </si>
  <si>
    <t>她開箱美國政府救濟金 支票驚見這金額</t>
  </si>
  <si>
    <t>二級警戒延長至10月 2大行業哭了 完整指引曝光</t>
  </si>
  <si>
    <t>疫情衝擊觀光業 中市府力挺勞資困境</t>
  </si>
  <si>
    <t>世衛組織：大陸以外新冠肺炎確診逾2萬人 全球已破10萬</t>
  </si>
  <si>
    <t>《紐時》記者來台專訪 長文介紹中職開打</t>
  </si>
  <si>
    <t>百事北京大興磁魏路廠 8名員工確診 已停工停產</t>
  </si>
  <si>
    <t>爆料稱iPhone 12 Pro支援120Hz更新率與3倍光學變焦</t>
  </si>
  <si>
    <t>為何要政風處撤查？陳時中曝病患一句話是關鍵主因</t>
  </si>
  <si>
    <t>歐洲前所未見的擴散速度 丹麥病例2天暴增10倍</t>
  </si>
  <si>
    <t>揭日本防疫漏洞反害友人遭公審 歐陽靖：相當抱歉</t>
  </si>
  <si>
    <t>用疫情和台灣人開玩笑？ 夏春湧辣嗆陳時中：真有種</t>
  </si>
  <si>
    <t>疫情再起重挫台股 內需、零售、單車抗跌</t>
  </si>
  <si>
    <t>新冠肺炎紓困、防疫最新措施－大學指考延至7／3～5</t>
  </si>
  <si>
    <t>女星想訂大飯店外送餐 被富尪一句話點醒秒取消：真心敬佩你</t>
  </si>
  <si>
    <t>降級不解封！農委會：批發市場仍依防疫指引處理</t>
  </si>
  <si>
    <t>國內累計9人出院 未來採檢3陰才能解除隔離</t>
  </si>
  <si>
    <t>好噁啊！新冠肺炎環境大消毒卻放著排水溝浮廢油飄垃圾</t>
  </si>
  <si>
    <t>國軍桃園總醫院確診增為13人 2護理師家人也染疫</t>
  </si>
  <si>
    <t>首廟天壇法會 黃偉哲帶頭祈福</t>
  </si>
  <si>
    <t>舊金山疑現社區傳播新冠肺炎首例 病源不明</t>
  </si>
  <si>
    <t>陸港觀盤－政策趨向利多A股、中資股</t>
  </si>
  <si>
    <t>今增2境外移入 指揮中心14：00說明</t>
  </si>
  <si>
    <t>國產疫苗沒三期試驗就下單 柯文哲：沒辦法支持中央很多說法</t>
  </si>
  <si>
    <t>疫情衝擊 洋桔梗價格重挫每把剩20多元</t>
  </si>
  <si>
    <t>新冠肺炎攪局 全錄放棄350億美元收購惠普案</t>
  </si>
  <si>
    <t>尪解隔離後二度確診 她爆防疫漏洞崩潰：為何不檢查就放出來</t>
  </si>
  <si>
    <t>「關8」橫山裕確診 才上《紅白》大咖明星陷染疫危機</t>
  </si>
  <si>
    <t>基因定序出爐 確定Delta！新北餐飲將取消內用</t>
  </si>
  <si>
    <t>打疫苗有多痛？哈孝遠空姐妻驚呼「像剖腹產傷口」</t>
  </si>
  <si>
    <t>本世紀最大經濟挑戰來了</t>
  </si>
  <si>
    <t>衛福部公開招募疫苗受試者 藍委批：帶頭遊走法律邊緣</t>
  </si>
  <si>
    <t>台大碩士曝唐鳳不為人知的一面：3件事令人震撼</t>
  </si>
  <si>
    <t>防疫再升級！東海校園本學期謝絕訪客</t>
  </si>
  <si>
    <t>新冠肺炎？ 斯洛伐克總理呼吸道感染加高燒 緊急住院</t>
  </si>
  <si>
    <t>雙北確診數破百還不封城？指揮中心回應</t>
  </si>
  <si>
    <t>新冠肺炎肆虐 華仔大陸巡演全喊卡</t>
  </si>
  <si>
    <t>因颱風延期 宜蘭民眾施打疫苗撲空抱怨連連</t>
  </si>
  <si>
    <t>專家：沒證據顯示戶外要強制戴口罩</t>
  </si>
  <si>
    <t>陳時中曝代工AZ破局原因 林濁水分析：台灣防疫被切成三塊</t>
  </si>
  <si>
    <t>疫情又回溫 粵港澳「健康碼」政策恐再延宕</t>
  </si>
  <si>
    <t>無死亡病例！廣州本波新冠感染者清零 全數治癒出院</t>
  </si>
  <si>
    <t>風光不再？MWC出「疫」外</t>
  </si>
  <si>
    <t>新冠肺炎1／13境外移入＋4 來自印度、印尼</t>
  </si>
  <si>
    <t>為了意識形態陳時中買疫苗可能被加錢？ 藥師酸：老闆還不電爆你</t>
  </si>
  <si>
    <t>開第一槍 長照機構禁止探視</t>
  </si>
  <si>
    <t>尖點台灣產能全開 支援大陸</t>
  </si>
  <si>
    <t>武漢在院患者歸零 綏芬河嚴峻</t>
  </si>
  <si>
    <t>美國疫情復燃 疫苗接種率低的地區病例激增</t>
  </si>
  <si>
    <t>乘客少8成 新北藍色公路 業者苦撐</t>
  </si>
  <si>
    <t>7月棄打莫德納 張亞中今現身接種BNT 親曝原因</t>
  </si>
  <si>
    <t>「封城」又延長！新加坡總理夫人何晶臉書轉PO一句話 網友看哭了</t>
  </si>
  <si>
    <t>日本單日確診首度破2萬 醫師協會呼籲快這麼做</t>
  </si>
  <si>
    <t>酒店女確診如何找接觸史？老司機曝：「食物鏈」知端倪　</t>
  </si>
  <si>
    <t>1分鐘死1人 美新冠病歿數破25萬人 囚犯充當屍體搬運工</t>
  </si>
  <si>
    <t>新聞早班車》回國14天內發燒 就要採驗</t>
  </si>
  <si>
    <t>新聞早班車</t>
  </si>
  <si>
    <t>防疫最該吃什麼？專家：黏膜是第一道防線</t>
  </si>
  <si>
    <t>本土又破百例！新增104確診 24人死亡</t>
  </si>
  <si>
    <t>都是作戲？憂傷害美陸關係 傳川普不願制裁林鄭等高官</t>
  </si>
  <si>
    <t>3生肖人4款疫苗全打不到 灌爆衛福部臉書：我們是孤兒嗎？</t>
  </si>
  <si>
    <t>普生卡位新冠檢測商機 營運旺</t>
  </si>
  <si>
    <t>女星飛韓批貨！返台想按摩遭嗆「沒隔離別來害人」夫氣炸：是在哈囉？</t>
  </si>
  <si>
    <t>東奧會徽與病毒結合 組委會抗議侵權</t>
  </si>
  <si>
    <t>不要吵了 最先提到新冠病毒人傳人的可能是他</t>
  </si>
  <si>
    <t>美疫情升溫 陳時中：會分州處理旅遊警示</t>
  </si>
  <si>
    <t>蒙古通報新冠肺炎首例 患者為法國籍人士</t>
  </si>
  <si>
    <t>為員警健康把關 生技公司贈南市警4680瓶乾洗手液</t>
  </si>
  <si>
    <t>獨家》隔1天才說載到確診客 染疫台女搭高鐵車次曝光</t>
  </si>
  <si>
    <t>第33例疑大阪染疫 網友怨氣大爆發</t>
  </si>
  <si>
    <t>北市疫苗護照擬納科興、國藥 陳時中：要考量國內EUA</t>
  </si>
  <si>
    <t>嗆蘇「最聰明醫師」深夜再放話 反遭親兒嗆：死不認錯</t>
  </si>
  <si>
    <t>彰化縣40多歲肝癌女發病67天死亡 全縣最年輕案例</t>
  </si>
  <si>
    <t>《電腦設備》微星奪三項2020德國iF設計大獎</t>
  </si>
  <si>
    <t>打完AZ金槍不倒？醫搞笑曝BNT「鄉野傳說」女網友激動了</t>
  </si>
  <si>
    <t>美新冠肺炎確診數飆破萬人大關 ！旅遊警示升到最高：不要出國！</t>
  </si>
  <si>
    <t>第13輪打BNT、AZ 預約日出爐 再開50歲以上打AZ第一劑</t>
  </si>
  <si>
    <t>《國際社會》群聚感染＋境外移入 南韓新冠肺炎新增確診數升高</t>
  </si>
  <si>
    <t>高端疫苗解盲驚見2問題 專家：魔鬼都在細節中</t>
  </si>
  <si>
    <t>全台電影院第一槍 朝代戲院將暫停營業</t>
  </si>
  <si>
    <t>確診學生單日增28人 各級學校累計達405人</t>
  </si>
  <si>
    <t>印度新冠肺炎疫情惡化 多地宵禁盼擴大接種疫苗</t>
  </si>
  <si>
    <t>疫情 印度 疫苗 病例 哈拉</t>
  </si>
  <si>
    <t>北京百事分廠傳疫情 關廠停工</t>
  </si>
  <si>
    <t>《半導體》聯發科蔡力行喊話 H1營收看增1成、H2繼續努力</t>
  </si>
  <si>
    <t>在家也要社交距離、戴口罩 四級可能性曝：不一定完全封城</t>
  </si>
  <si>
    <t>新冠肺炎疫情延燒　蔡壁如強力推動《公衛師法》立法</t>
  </si>
  <si>
    <t>新冠肺炎疫情衝擊 台在陸求職者63％回流或南進東協</t>
  </si>
  <si>
    <t>校園解禁！ 苗栗縣5月30日開放民眾運動</t>
  </si>
  <si>
    <t>謝忻金援小甜甜「翻白眼回應」：有需要我會幫妳</t>
  </si>
  <si>
    <t>新冠疫情尚未走到終點 如何保養肺有撇步</t>
  </si>
  <si>
    <t>接回鑽石公主20台人 華航機長15秒廣播讓乘客淚崩了</t>
  </si>
  <si>
    <t>好市多爆發搶購潮 網驚呼這4樣食物「末日必備」！</t>
  </si>
  <si>
    <t>阿妹工作按暫停鍵 陳鎮川「找事做」代言名車</t>
  </si>
  <si>
    <t>台商戴口罩仍傳染司機？網曝關鍵</t>
  </si>
  <si>
    <t>萬金石馬拉松吸引7500名跑者 金山警發揮巧思替選手加油</t>
  </si>
  <si>
    <t>誰是下個鬆綁台旅客入境的國家？這兩國被點名</t>
  </si>
  <si>
    <t>新冠肺炎怎暴增100例 綠委：台灣人弄破的</t>
  </si>
  <si>
    <t>新北60多歲男感染源不明 指揮中心揭Ct值</t>
  </si>
  <si>
    <t>WHO：義大利西班牙疫情有趨穩跡象</t>
  </si>
  <si>
    <t>野村：砍單才剛開始 蘋概股業績有壓</t>
  </si>
  <si>
    <t>川普選後復仇 承諾全美都會有新冠疫苗 紐約州要等等</t>
  </si>
  <si>
    <t>熱門股－懷特 放量漲停挑戰前高</t>
  </si>
  <si>
    <t>金在中稱得新冠肺炎 1小時內反轉喊「愚人節玩笑」網罵爆</t>
  </si>
  <si>
    <t>確診外籍看護曾到龍山寺、北車 今全面大消毒</t>
  </si>
  <si>
    <t>恐怖！美估24萬人死 道瓊又重挫近千點</t>
  </si>
  <si>
    <t>伊朗新冠肺炎死亡達237例 當局釋放7萬囚犯</t>
  </si>
  <si>
    <t>南投縣疫苗配撥2萬3800劑 7月3日起開放74歲至85歲接種</t>
  </si>
  <si>
    <t>長者打疫苗利大於弊 重症醫喊行前注意「三個不」</t>
  </si>
  <si>
    <t>5倍券網路民調曝光 許淑華：可見蘇貞昌的結論荒謬</t>
  </si>
  <si>
    <t>勝選演說猛咳嚇死人 拜登認了染病</t>
  </si>
  <si>
    <t>莫德納要來了 108萬劑明天抵台</t>
  </si>
  <si>
    <t>新冠肺炎不辦實體法會 改辦「宅法會」線上祈福</t>
  </si>
  <si>
    <t>金門新款鹿茸酒上市 抗疫期間「補」一下</t>
  </si>
  <si>
    <t>防疫禁廳內用餐 美麥當勞遭女客槍擊2員工受傷</t>
  </si>
  <si>
    <t>好日子快來了？印度神童預言這天起回歸正常生活</t>
  </si>
  <si>
    <t>中央下令酒店舞廳全關 高雄「金芭黎」說話了</t>
  </si>
  <si>
    <t>星展透過視訊送暖心食袋 照顧獨居老人</t>
  </si>
  <si>
    <t>本土疫情升溫 林務局：新北、桃竹苗森林育樂場暫停開放</t>
  </si>
  <si>
    <t>防疫滴水不漏 吳鳳科大宿舍安裝智慧聲控電梯</t>
  </si>
  <si>
    <t>台中市83名打AZ不良反應3住院3死 長者現「緩打潮」</t>
  </si>
  <si>
    <t>新冠快篩有譜 僅需15分鐘</t>
  </si>
  <si>
    <t>義大利成歐洲防疫破口？網曝失控關鍵</t>
  </si>
  <si>
    <t>本土疫情35人到院前死亡 指揮中心驚爆主要原因</t>
  </si>
  <si>
    <t>台南市政府疫情因應小組減緩經濟衝擊</t>
  </si>
  <si>
    <t>WHO若不是傲慢回「收到了」 黃創夏感嘆喊10字</t>
  </si>
  <si>
    <t>阿嬤買霰彈槍、媽媽推嬰兒車逛槍店 美國到底怎麼了</t>
  </si>
  <si>
    <t>北市跨年限8萬人 疫情未爆彈？許淑華：市府態度令人擔憂</t>
  </si>
  <si>
    <t>獨》肺炎疫情威脅 男性申請育嬰留職停薪情況大增</t>
  </si>
  <si>
    <t>最新疫調！高雄確診海軍曾到新營麥當勞用餐</t>
  </si>
  <si>
    <t>王浩宇罕見讚許韓國瑜 只為修理柯文哲到高雄趴趴走</t>
  </si>
  <si>
    <t>中年男大鬧急診室 醫喊「他超疫苗」護理師會意秒懂</t>
  </si>
  <si>
    <t>無篩檢證明禁國人入境 沈富雄酸陳時中：嚇破了膽</t>
  </si>
  <si>
    <t>雙和醫院護理師遭確診男砍「傷勢嚴重」 學姊不捨：20幾歲韌帶都斷了</t>
  </si>
  <si>
    <t>大寮家庭群聚案再添一例 陳其邁拜託端午節減少移動</t>
  </si>
  <si>
    <t>血庫告急 鄭文燦號召捐血</t>
  </si>
  <si>
    <t>船上醫官隱匿？醫曝前線真相：不可能</t>
  </si>
  <si>
    <t>勞動基金前7月逆轉勝 小賺282億元</t>
  </si>
  <si>
    <t>陳時中現場乾蒸口罩8分鐘 戴了大讚：熱熱的不錯</t>
  </si>
  <si>
    <t>國內累計432人確診 6人死亡、324人解除隔離</t>
  </si>
  <si>
    <t>霸王條款惹議 藍委籲發布緊急命令</t>
  </si>
  <si>
    <t>關曉彤全副武裝現身醫院發燒門診！真相揭曉</t>
  </si>
  <si>
    <t>《半導體》信驊H1樂觀 董座林鴻明喊：封測最缺</t>
  </si>
  <si>
    <t>竹市3個親子館14日起實名制重新開館</t>
  </si>
  <si>
    <t>幼兒園群聚感染關鍵在「通風」 專家建議：監測二氧化碳濃度</t>
  </si>
  <si>
    <t>JHVL》麥寮黑馬突圍 直落三奪隊史首冠</t>
  </si>
  <si>
    <t>拜登為何禁用「中國病毒」黃暐瀚揭背後原因：當初還遭網軍攻擊</t>
  </si>
  <si>
    <t>泰國羽球公開賽》賽娜確診新冠 退出賽事</t>
  </si>
  <si>
    <t>長庚試驗第3劑混打 醫護人員踴躍報名</t>
  </si>
  <si>
    <t>普拿疼一天可吃幾顆？她打完AZ爆痛 醫揭這時吃最有效</t>
  </si>
  <si>
    <t>陸委會正名新冠肺炎 羅智強嗆館長：你說呢？</t>
  </si>
  <si>
    <t>台灣權王－永豐金證券 蘋概股利多 用權證推升獲利</t>
  </si>
  <si>
    <t>北市長照中心再爆4確診 這次竟是社會局管轄的機構</t>
  </si>
  <si>
    <t>竹縣老街 6月1日解除分流管制</t>
  </si>
  <si>
    <t>翹班接兒 高官行程曝光 網驚：立院慘了</t>
  </si>
  <si>
    <t>美股迎12年最糟財報季 那指反向創歷史新高</t>
  </si>
  <si>
    <t>內蒙古疫情延燒 多地防控升級</t>
  </si>
  <si>
    <t>《半導體》WiFi 6前景佳、良率升 立積11月營收拚站新高</t>
  </si>
  <si>
    <t>馬英九探視呂若瑟神父 自爆幼年受天主教照顧</t>
  </si>
  <si>
    <t>危機入市 壽險主權基金 看好台開洄瀾灣</t>
  </si>
  <si>
    <t>旅美30年確診才返台？網7點還原當年</t>
  </si>
  <si>
    <t>車上防疫不馬虎！專家：3動作改善車內空氣</t>
  </si>
  <si>
    <t>蔡英文823打高端疫苗 趙少康呼籲一件事</t>
  </si>
  <si>
    <t>旺報社評》合力阻絕比新冠更毒的病毒</t>
  </si>
  <si>
    <t>大陸：新冠肺炎疫苗料最快年底上市</t>
  </si>
  <si>
    <t>阿嬤進超商喊「不識字」拒絕實聯制 店員幫忙遭嗆：你們都得肺炎</t>
  </si>
  <si>
    <t>疫情擴散擔心街友　資深藝人劉尚謙艋舺公園發便當</t>
  </si>
  <si>
    <t>無法返校開學 花蓮16陸港澳生遠距教學</t>
  </si>
  <si>
    <t>《半導體》智慧機＋電視需求轉弱 外資降聯詠評等、目標價</t>
  </si>
  <si>
    <t>沒負壓救護車 宜縣鎖定負壓艙</t>
  </si>
  <si>
    <t>新冠肺炎疫情延燒　歐CDC示警部分國家恐步入義大利後塵</t>
  </si>
  <si>
    <t>各縣市微解封標準不一惹民怨？陳時中回應了</t>
  </si>
  <si>
    <t>微軟臉書等美科技業合作 打擊新冠肺炎不實資訊</t>
  </si>
  <si>
    <t>慘淪疫區！全球4國限制日本人入境</t>
  </si>
  <si>
    <t>高雄群聚案13人染疫 扯出20年前往事 眾人一聽都淚了</t>
  </si>
  <si>
    <t>工商團體鬆一口氣 4月電價 連四凍機會大</t>
  </si>
  <si>
    <t>考量防疫 森林遊樂區、自然步道微解封範圍縮減</t>
  </si>
  <si>
    <t>韓再增70確診！累計833人染疫 13軍人中鏢 死亡8例</t>
  </si>
  <si>
    <t>冷區金山突增6人家族群聚 侯友宜：明派快篩隊進駐</t>
  </si>
  <si>
    <t>防疫守門員 中市交大啟用「自動測溫除菌門」</t>
  </si>
  <si>
    <t>清冠中藥治癒21人 7月進軍歐美</t>
  </si>
  <si>
    <t>微解封後部分健身房扣繳月費 消基會籲「應完整開放才能收費」</t>
  </si>
  <si>
    <t>一日農夫開直播 行銷金鑽鳳梨</t>
  </si>
  <si>
    <t>政治人物應該最後打疫苗 王世堅喊：台灣2300萬人打完我再打</t>
  </si>
  <si>
    <t>桃園今查700宿舍工廠分艙分流 141家工廠入廠篩檢</t>
  </si>
  <si>
    <t>又一高官中鏢 西班牙副總理確診新冠肺炎</t>
  </si>
  <si>
    <t>高雄小港今增1確診 CT值僅17感染源不明 曾到7-11、50嵐</t>
  </si>
  <si>
    <t>NBA緊急停賽 球員還有薪水嗎？</t>
  </si>
  <si>
    <t>新一批AZ疫苗明後天抵台？指揮中心澄清並非事實</t>
  </si>
  <si>
    <t>西班牙21歲足球教練去世！體壇首位因新冠肺炎病逝</t>
  </si>
  <si>
    <t>北市一級開設標準？黃珊珊：中央開我就開</t>
  </si>
  <si>
    <t>日大臣得意秀鑽石公主船內防疫照 網一看氣炸：難怪會失控</t>
  </si>
  <si>
    <t>美疫情到底多嚴重？CDC透露：實際確診數最高恐24倍</t>
  </si>
  <si>
    <t>無懼疫情 長榮文苑開幕</t>
  </si>
  <si>
    <t>誤會大了 以為確診者去過 全聯台中2門市今停業</t>
  </si>
  <si>
    <t>非洲將會大流行？ 納米比亞與盧安達出現病例</t>
  </si>
  <si>
    <t>美食-KY最壞已過 瑞信喊買</t>
  </si>
  <si>
    <t>林佳龍：戴口罩才能搭大眾運輸 網友嘩然</t>
  </si>
  <si>
    <t>和逆時中派對壘 莊人祥：防疫界「823砲戰」盼點到為止</t>
  </si>
  <si>
    <t>2億人的新冠後遺症</t>
  </si>
  <si>
    <t>新店渡口清淤 浮筒自行車道重啟</t>
  </si>
  <si>
    <t>新冠肺炎走向「流感化」 打兩劑AZ等於沒打？專家這樣說</t>
  </si>
  <si>
    <t>流感更甚於新冠肺炎 一張圖證明民眾心情</t>
  </si>
  <si>
    <t>網路謠傳屏東做大通鋪臨時醫院 潘孟安斥「消息假得離譜」</t>
  </si>
  <si>
    <t>自費檢驗費用大不同 台灣價格竟高出13倍</t>
  </si>
  <si>
    <t>伊朗疫情失控！革命衛隊指揮官染疫病逝 高官死亡率為全球之首</t>
  </si>
  <si>
    <t>換義大利恐慌了 戴口罩排隊搶購民生用品</t>
  </si>
  <si>
    <t>北市死亡個案「校正回歸」遭陳時中說重話 衛生局：初判為系統問題</t>
  </si>
  <si>
    <t>美6月非農就業暴增480萬人</t>
  </si>
  <si>
    <t>2020美大選》川普警訊！40年鐵粉反感 4成認美走錯了</t>
  </si>
  <si>
    <t>冬季專案8大類場所強制戴口罩 主要原因曝光</t>
  </si>
  <si>
    <t>疫情後川普首度辦造勢 竟選在種族大屠殺地點</t>
  </si>
  <si>
    <t>入境集中管制 南非六國列高風險</t>
  </si>
  <si>
    <t>紐西蘭奇異果竟在陸檢出新冠病毒陽性</t>
  </si>
  <si>
    <t>橡塑膠產業訂單加持 台穩營運報喜</t>
  </si>
  <si>
    <t>北京新增新冠肺炎確診病例1例 累計400例</t>
  </si>
  <si>
    <t>默沙東抗疫口服藥可降低50％住院或死亡風險</t>
  </si>
  <si>
    <t>WHO回應川普「中國病毒」說　不應把病毒同種族相聯繫</t>
  </si>
  <si>
    <t>三寶媽確診四肢截肢才保命 悲痛心聲曝光</t>
  </si>
  <si>
    <t>餐飲禁止內用提早解禁？ 侯友宜這樣回應</t>
  </si>
  <si>
    <t>鮭魚為何不是新冠感染源？醫解密：少了特殊「天菜」</t>
  </si>
  <si>
    <t>直播》藍委控造謠？吳釗燮立院報告「口罩援外」</t>
  </si>
  <si>
    <t>勞動部砸5億　無薪假員工最多可領1萬9</t>
  </si>
  <si>
    <t>山富3月上櫃 長期營運動能強</t>
  </si>
  <si>
    <t>李毓芬防疫沒穿衣！「一條毛毯」裹裸體網噴鼻血</t>
  </si>
  <si>
    <t>「快篩陽性應視同PCR確診」 柯文哲下令加速匡列</t>
  </si>
  <si>
    <t>崴立多管齊下 降低疫情衝擊</t>
  </si>
  <si>
    <t>抗新冠藥瑞德西韋試驗結果正面 歐美股大漲</t>
  </si>
  <si>
    <t>鮑爾：復甦有挑戰 首重控制疫情</t>
  </si>
  <si>
    <t>宅在家防疫 雪隧、蘇花改車流稀疏 有望創單日車流量最低</t>
  </si>
  <si>
    <t>Novavax疫苗英國試驗 防護力約89％</t>
  </si>
  <si>
    <t>新冠肺炎衝擊業績反增4成 愛買抹茶霜淇淋67折快閃</t>
  </si>
  <si>
    <t>新北就業服務處志工染疫 勞工局：第一時間大清消</t>
  </si>
  <si>
    <t>國產疫苗中和抗體效價為何和AZ相比？ 陳時中：因國內現在只有打AZ</t>
  </si>
  <si>
    <t>同樣染Delta 幼兒園老師社區卻沒清空 張上淳曝原因</t>
  </si>
  <si>
    <t>印尼移工單日爆增20例 前藍委：鄭文燦可能要升官了</t>
  </si>
  <si>
    <t>女廚工陳屍高雄85大樓日租套房 檢測結果出爐</t>
  </si>
  <si>
    <t>出國玩有望！日本擬開放團客入境 台灣可望列首波名單</t>
  </si>
  <si>
    <t>防疫少出門 新北推宗教線上祈福</t>
  </si>
  <si>
    <t>《女鬼橋》不畏疫情！全台賣破2300萬奪冠</t>
  </si>
  <si>
    <t>3天0確診 八大行業急盼重啟！停業令牽連25萬人 拖愈久治安愈差</t>
  </si>
  <si>
    <t>普生新冠試劑再傳捷報 獲中研院授權合約</t>
  </si>
  <si>
    <t>疫情後全球經濟－斷鏈後科技產業的新挑戰</t>
  </si>
  <si>
    <t>新冠肺炎第32案路徑曝光 藍38公車及駕駛嚴格自管</t>
  </si>
  <si>
    <t>中部又傳外籍工程師染新冠肺炎 莊人祥回應</t>
  </si>
  <si>
    <t>建立自主防疫供應鏈是首務</t>
  </si>
  <si>
    <t>《傳產》紡拓會董事長 王文淵3度接任</t>
  </si>
  <si>
    <t>陳其邁：台灣模式防疫 歐美都想取經</t>
  </si>
  <si>
    <t>《盤中解析》台股大停「電」 回測5日線支撐</t>
  </si>
  <si>
    <t>英國情侶可領防疫補助金？ 陳時中給答案</t>
  </si>
  <si>
    <t>沈榮津：新冠肺炎快篩試劑還要半年才能上路</t>
  </si>
  <si>
    <t>新冠肺炎失控 義大利經濟恐陷衰退</t>
  </si>
  <si>
    <t>藥商擬發聯合聲明 不倉促推新冠肺炎疫苗</t>
  </si>
  <si>
    <t>疫情爆發後 習近平首次視察武漢</t>
  </si>
  <si>
    <t>戰況緊急 不能再拖一個禮拜！柯文哲籲中央盡速發疫苗給地方</t>
  </si>
  <si>
    <t>CNN主播庫柏為台發聲：防疫耀眼 WHO刻意忽視</t>
  </si>
  <si>
    <t>獨家》中和某國小學童PCR陽性 一關鍵判斷與幼兒園群聚關連低</t>
  </si>
  <si>
    <t>疫苗終於供過於求了 盧秀燕曝：2萬劑高端尚無人預約</t>
  </si>
  <si>
    <t>機組員憂成防疫破口 指揮中心：排班間隔5天以上</t>
  </si>
  <si>
    <t>開學日護童勤務 竹市警強化各國小學童人身安全</t>
  </si>
  <si>
    <t>北市增1本土個案 CT值低曾前往桃園華泰名品城</t>
  </si>
  <si>
    <t>疫苗未打前 柯籲台一定程度鎖國</t>
  </si>
  <si>
    <t>國產疫苗若通過二期 衛長掛保證安全</t>
  </si>
  <si>
    <t>田寮健康友善社區揭牌 大家相約活到120歲</t>
  </si>
  <si>
    <t>幼兒園廚工確診 中市府一早完成西屯泰安國小消毒</t>
  </si>
  <si>
    <t>新北確診婦南送嘉義治療拒絕插管 靠親情喚醒求生意念</t>
  </si>
  <si>
    <t>北京降低疫情防控等級 陸境內低風險區進京 4／30起免隔離</t>
  </si>
  <si>
    <t>大安區某防疫旅館1男死亡 北市府回應了</t>
  </si>
  <si>
    <t>中醫新冠解藥「清冠一號」熱銷全球 蔡英文讚：讓世界看到台灣</t>
  </si>
  <si>
    <t>MLB》韋藍德偕辣妻發聲 薪水全捐抗疫情</t>
  </si>
  <si>
    <t>澳洲與阿斯特捷利康簽訂新冠肺炎疫苗協議</t>
  </si>
  <si>
    <t>採最嚴格管控措施 揚州主城區取消居民外出許可 統一足不出戶</t>
  </si>
  <si>
    <t>來取暖吧！31天內世界變樣 推特掀搞笑對照圖風潮</t>
  </si>
  <si>
    <t>餐飲業禁內用到底有多慘？網點名1類型：一定先倒</t>
  </si>
  <si>
    <t>宜蘭新增2確診 1人與羅東遊藝場有關、1人赴台中進香團</t>
  </si>
  <si>
    <t>疫情升溫 台灣人壽推三大關懷服務措施</t>
  </si>
  <si>
    <t>竹縣兒科醫建議加強孩童保謢力兒科醫</t>
  </si>
  <si>
    <t>日新威秀9月吹響熄燈號 全台第1個數位IMAX影廳</t>
  </si>
  <si>
    <t>日新威秀影城</t>
  </si>
  <si>
    <t>日新 威 秀 影城</t>
  </si>
  <si>
    <t>今日零確診！一分鐘看懂疫情重點</t>
  </si>
  <si>
    <t>郭董捐500萬劑BNT疫苗見曙光？陳時中曝最新進度</t>
  </si>
  <si>
    <t>美國11月入境採新規 賴士葆諷：官員都不打高端不受影響</t>
  </si>
  <si>
    <t>雙北14人赴花蓮法會1人確診 另13人完成採檢</t>
  </si>
  <si>
    <t>防中鏢快學瘦子！這些習慣很管用</t>
  </si>
  <si>
    <t>高雄92名海軍拒絕疫調？陳時中：因先前下命令別接不明電話</t>
  </si>
  <si>
    <t>這才是航母殺手！法戴高樂號近半確診戰力全失</t>
  </si>
  <si>
    <t>印尼首現新冠肺炎患者死亡病例</t>
  </si>
  <si>
    <t>雙北破千例！最新確診地圖曝光 台南巿一夜變色</t>
  </si>
  <si>
    <t>金管會核准國泰產險移工防疫保險商品</t>
  </si>
  <si>
    <t>歐洲議會辯論新冠肺炎疫情 6議員發聲極力挺台</t>
  </si>
  <si>
    <t>本土增2例新北夫妻確診 匡列50人居家隔離</t>
  </si>
  <si>
    <t>國防部臉書被灌爆 網觀察：罷韓有變數</t>
  </si>
  <si>
    <t>台灣確診死亡率為何高 學者曝蔡政府3大問題</t>
  </si>
  <si>
    <t>莫德納回來了！帛琉泡泡10月每航班提供30劑</t>
  </si>
  <si>
    <t>【鳳梨風暴】大陸後面還有招？港媒怒揭蔡政府騙術：看你們還能頂多久</t>
  </si>
  <si>
    <t>譚德塞：新冠疫情破壞全球經濟 死亡率10倍於流感</t>
  </si>
  <si>
    <t>韓再增293確診！累計5621人染疫 近7成為集體感染</t>
  </si>
  <si>
    <t>上海返台搭高鐵回高雄 台女遭衛生局堵人開罰</t>
  </si>
  <si>
    <t>飛特立航空16人打特權疫苗 民航局將開罰</t>
  </si>
  <si>
    <t>星國疫情延燒！波及蕭敬騰、韋禮安演唱會</t>
  </si>
  <si>
    <t>疫情衝擊坪林社區 桶柑加工果乾打品牌</t>
  </si>
  <si>
    <t>Delta變種病毒肆虐 雪梨擴大封城2週</t>
  </si>
  <si>
    <t>疫情掀醫藥革命 生醫基金俏</t>
  </si>
  <si>
    <t>台中首例重症死亡個案 盧秀燕：全力協助家屬度過難關</t>
  </si>
  <si>
    <t>中國20日新增26例新冠肺炎 北京占22例</t>
  </si>
  <si>
    <t>可赴陸調查武漢實驗室？WHO回覆超意外</t>
  </si>
  <si>
    <t>國台辦也要捐疫苗 蘇貞昌：法律規定不能進來</t>
  </si>
  <si>
    <t>北京今新增1例新冠確診 立即封控相關社區涉及1萬多人</t>
  </si>
  <si>
    <t>包括新冠 川普指陸卯勁要他敗選</t>
  </si>
  <si>
    <t>中市新增5例確診 東海大一生和萬華朋友吃飯染疫</t>
  </si>
  <si>
    <t>不減薪就滾 足球隊為疫砍9人</t>
  </si>
  <si>
    <t>陸被迫加入WHA疫情決議提案？趙立堅：無稽之談</t>
  </si>
  <si>
    <t>美研究：接種第3劑BNT 對長者效益更好</t>
  </si>
  <si>
    <t>700萬口罩捐歐洲 駐德代表：眼淚不爭氣地流</t>
  </si>
  <si>
    <t>刑事局1偵查員確診 又1新進警官不適就醫快篩陽性</t>
  </si>
  <si>
    <t>Novavax新冠疫苗進入第3期試驗 英國買下6千萬劑</t>
  </si>
  <si>
    <t>NBA》德拉蒙打賞1000美元 餐廳女侍感動流淚</t>
  </si>
  <si>
    <t>NBA》新冠肺炎疫情全面停賽 預估損失10億美元</t>
  </si>
  <si>
    <t>禿子漢子燕子合體入黨中央？侯這樣說</t>
  </si>
  <si>
    <t>鐘南山：陸已進入低風險階段 社交仍需保持距離</t>
  </si>
  <si>
    <t>蔡英文簽署新冠肺炎特別條例 贈筆陳時中</t>
  </si>
  <si>
    <t>Delta確診者摸過手扶梯 他105分鐘後再碰到竟染疫</t>
  </si>
  <si>
    <t>歐洲足球盛事延賽</t>
  </si>
  <si>
    <t>高雄19日新增7確診 相關足跡曝光</t>
  </si>
  <si>
    <t>CBA》林書豪秀新投籃姿勢 嗆聲換周董</t>
  </si>
  <si>
    <t>行政院拍板：全國三級警戒延長至6月28日</t>
  </si>
  <si>
    <t>就算染新冠也要抗爭 美示威者曝上街心聲</t>
  </si>
  <si>
    <t>穆迪示警 新冠疫情恐拖累亞太經濟</t>
  </si>
  <si>
    <t>從韓返台打疫苗遭拒…媽控訴「淪醫療人球」 醫怒轟：急個屁！</t>
  </si>
  <si>
    <t>又傳竹市府停班假訊息！市府澄清將查辦</t>
  </si>
  <si>
    <t>嘉義工廠群聚染疫 老闆娘到嘉義市拜廟、男員工去過耐斯百貨及家樂福</t>
  </si>
  <si>
    <t>基隆增本土14例 小姑娘、快樂城小吃店群聚案擴大 各傳3人確診</t>
  </si>
  <si>
    <t>登富比士傑出防疫領導人 蔡英文：關鍵在國人團結一心</t>
  </si>
  <si>
    <t>新冠肺炎大流行壓抑需求 原油供給過剩創史上新高</t>
  </si>
  <si>
    <t>嬰兒沒口罩 衛生局籲 大人戴好戴滿</t>
  </si>
  <si>
    <t>6搶1若延 中職改328開打</t>
  </si>
  <si>
    <t>治癒新冠旅美名中醫：「清冠一號」效果有限 若誤用反加重病情</t>
  </si>
  <si>
    <t>嘉玲沒了 新北今增2例本土全在這區</t>
  </si>
  <si>
    <t>西方不敢跟進台灣防疫 宅神曝祕辛</t>
  </si>
  <si>
    <t>新北推加倍券 最高加碼曝光「5千可換1萬」</t>
  </si>
  <si>
    <t>新北確診數為何降不下來？陳時中揭關鍵原因</t>
  </si>
  <si>
    <t>長榮機師Delta群聚案 密切接觸空姐三採陰解隔</t>
  </si>
  <si>
    <t>為何美國疫情突然噴發？網分析爆3大致命關鍵！</t>
  </si>
  <si>
    <t>北市高中五專9／22疫苗開打 國中9／30開始接種</t>
  </si>
  <si>
    <t>大陸25日新冠肺炎確診67例 大增4成</t>
  </si>
  <si>
    <t>不戴口罩就「躺棺材」！ 印尼推防疫新規</t>
  </si>
  <si>
    <t>疫情意外收穫！莿桐鄉農會蒜頭精爆紅</t>
  </si>
  <si>
    <t>防疫優等生何必跟放牛班起鬨</t>
  </si>
  <si>
    <t>黃安返台搶口罩 高大成「把台灣當堡壘」酸爆</t>
  </si>
  <si>
    <t>洪秀柱、吳斯懷談防疫與戰爭「超前部署」 籲要法律依據</t>
  </si>
  <si>
    <t>惡化！全球首次100小時內增百萬確診 單日確診美包辦1／3</t>
  </si>
  <si>
    <t>紘康松翰3月營收攀峰 Q2續衝</t>
  </si>
  <si>
    <t>義境外輸入 浙江新增7確診</t>
  </si>
  <si>
    <t>航班 浙江 青田 肺炎 乘坐</t>
  </si>
  <si>
    <t>萬景藝苑董事長敦請喇嘛 舉行除疫息災法會</t>
  </si>
  <si>
    <t>南韓確診檢驗又快又多？神人解密</t>
  </si>
  <si>
    <t>為何不能因防疫禁止媽祖遶境活動？學者直喊4字</t>
  </si>
  <si>
    <t>花蓮縣府女員工與家族共5人確診 社福館緊急關閉</t>
  </si>
  <si>
    <t>川普盛讚俄贈大量援助物資 俄媒酸：還沒宣佈呢！</t>
  </si>
  <si>
    <t>內政部政務次陳宗彥 任疫情中心副指揮官</t>
  </si>
  <si>
    <t>疫情衝擊租屋市場 專家：6大房型要小心</t>
  </si>
  <si>
    <t>外出運動戴口罩就安全嗎？ 這些狀況有風險 嚴重恐猝死</t>
  </si>
  <si>
    <t>業者：口罩政策應避免矯枉過正</t>
  </si>
  <si>
    <t>第三劑今開打！只供莫德納 這些人可接種</t>
  </si>
  <si>
    <t>美捐贈疫苗抵台 AIT：展現美國對台灣的承諾</t>
  </si>
  <si>
    <t>英國爆新變種病毒 專家看好現有疫苗效力</t>
  </si>
  <si>
    <t>防疫部署 外交部：規劃異地遠距分組辦公</t>
  </si>
  <si>
    <t>曾搭公車捷運火車 去過3車站 確診看護 足跡遍雙北</t>
  </si>
  <si>
    <t>彰化婦到萬華賣葡萄 指揮中心：發病日比基隆賣茶女更早</t>
  </si>
  <si>
    <t>G7視訊峰會 聯手救經濟</t>
  </si>
  <si>
    <t>德國口罩賣天價！網揭露背後關鍵</t>
  </si>
  <si>
    <t>國中女為引關注 抖音傳台灣感染肺炎百死假訊息</t>
  </si>
  <si>
    <t>終於！川普戴口罩 畫面曝光了</t>
  </si>
  <si>
    <t>7旬嬤施打AZ後洗腎時猝死 台中晚間新增2死皆為洗腎病患</t>
  </si>
  <si>
    <t>高風險打不到第二劑 前疾管局副局長批「亂七八糟」</t>
  </si>
  <si>
    <t>新冠肺炎到底何時結束？他看完古書預言嚇一跳</t>
  </si>
  <si>
    <t>《金融股》高雄銀去年獲利登次高 強身增量戰逆風</t>
  </si>
  <si>
    <t>民調太高遭綠營圍剿 港媒忍不住問侯友宜一句話</t>
  </si>
  <si>
    <t>李四川514字道破台灣人要疫苗心聲 網淚喊：説到心坎裡了</t>
  </si>
  <si>
    <t>工商社論》後疫情時代企業的當為與不當為</t>
  </si>
  <si>
    <t>疫苗不是金鐘罩！Delta降臨 醫揭現階段防疫重點</t>
  </si>
  <si>
    <t>防疫升級！日擬拒陸韓人士入境</t>
  </si>
  <si>
    <t>多國港口陸續解封 台灣遠洋漁民也想優先打疫苗</t>
  </si>
  <si>
    <t>委內瑞拉反對派領袖瓜伊多 確診新冠肺炎</t>
  </si>
  <si>
    <t>空前翻盤！美海軍要航母艦長復職</t>
  </si>
  <si>
    <t>越南名媛秀半球赴Gucci、YSL時裝秀確診！所幸台灣無人到場</t>
  </si>
  <si>
    <t>黃士修：每天200萬片的口罩黑洞怎麼產生的？</t>
  </si>
  <si>
    <t>Delta太狂！打完2劑疫苗確診 病毒量「和未接種一樣高」</t>
  </si>
  <si>
    <t>癌症病友連線 治療中病人爭優先施打疫苗</t>
  </si>
  <si>
    <t>美國首都出現首例新冠肺炎死亡案例</t>
  </si>
  <si>
    <t>台新：美股逢回皆買點</t>
  </si>
  <si>
    <t>三峽家庭群聚案其中5例是學生 新北教育局回應了</t>
  </si>
  <si>
    <t>新增2境外移入 台男9月在緬甸染疫 上周返台又確診</t>
  </si>
  <si>
    <t>全家確診！這位WNBA球星好悲情</t>
  </si>
  <si>
    <t>抗疫打到下半場 數位科技成關鍵</t>
  </si>
  <si>
    <t>雲林第7例確診者為工程公司老闆 妻子19日確診他成漏網之魚</t>
  </si>
  <si>
    <t>FDA考慮緊急授權新冠疫苗</t>
  </si>
  <si>
    <t>中西醫抗疫 《傷寒論》舊方新治</t>
  </si>
  <si>
    <t>復工有影 15檔概念股動起來</t>
  </si>
  <si>
    <t>陸、西兩國外長通電 陸承諾提供疫情援助</t>
  </si>
  <si>
    <t>華爾街示警 美國恐陷肺炎衰退</t>
  </si>
  <si>
    <t>超前部署防新冠肺炎 新北大規模防災演習</t>
  </si>
  <si>
    <t>《國際產業》莫德納新冠疫苖 已申請美國使用許可</t>
  </si>
  <si>
    <t>崩潰！媽媽搶到18包衛生紙 下秒被幼童丟進…變「紙漿」</t>
  </si>
  <si>
    <t>新任武漢市委書記：要續建方艙醫院增床位</t>
  </si>
  <si>
    <t>博通Q4財報 可望優於預期</t>
  </si>
  <si>
    <t>再撐2天 林右昌：連續14天＋0就評估開放籃球場</t>
  </si>
  <si>
    <t>高市添1例漢他出血熱 密切監控至6／29</t>
  </si>
  <si>
    <t>不用去藥局買了！陳時中：考慮在學校配送口罩 企業採預約</t>
  </si>
  <si>
    <t>萬元之亂 龔明鑫：新北中央有共識要合作</t>
  </si>
  <si>
    <t>台灣權王－營收逆增 譜瑞立積買盤青睞</t>
  </si>
  <si>
    <t>抗疫天王慘了 紐約州長被曝施壓竄改疫情報告</t>
  </si>
  <si>
    <t>新力旺奈米銅離子口罩 防護力強</t>
  </si>
  <si>
    <t>九份驚人畫面曝光 員警揭人都跑到這裡了</t>
  </si>
  <si>
    <t>吸血鬼也無法倖免 暮光男星羅伯派汀森驚傳染新冠 蝙蝠俠停拍</t>
  </si>
  <si>
    <t>陸公益組織呼籲：建立防疫期大陸全國性寵物隔離制度</t>
  </si>
  <si>
    <t>NBA》突發 詹姆斯驚傳確診新冠肺炎 恐缺席達10天</t>
  </si>
  <si>
    <t>陸學者：美軍未因疫情而放鬆攪動南海</t>
  </si>
  <si>
    <t>福建新增22例本土病例 1例無症狀感染者由台灣輸入</t>
  </si>
  <si>
    <t>泰山高中研發「無人自駕消毒車」減輕教師消毒負擔</t>
  </si>
  <si>
    <t>防疫全境封鎖　外籍旅客無法入境錯愕</t>
  </si>
  <si>
    <t>IKEA高雄店前主管返回馬來西亞確診 離台前住鼓山區</t>
  </si>
  <si>
    <t>因應新冠肺炎疫情 化學兵持續在北市捷運站消毒</t>
  </si>
  <si>
    <t>報導台灣隔離是監獄 外交部澄清英情侶指控 BBC刪貼文了</t>
  </si>
  <si>
    <t>侯向受難者致意 籲用愛包容</t>
  </si>
  <si>
    <t>科技防疫 以色列用電腦算出可能帶原者</t>
  </si>
  <si>
    <t>黃百璐嫁德國8年曝與丈夫分居 發文嘆「想回台灣取暖」</t>
  </si>
  <si>
    <t>中部成新冠肺炎重災區 人心惶惶防疫物資搶手</t>
  </si>
  <si>
    <t>大陸專注抗疫 兩會延後舉行</t>
  </si>
  <si>
    <t>美國70名大學生「無視禁足令」包機度假！44人返國確診</t>
  </si>
  <si>
    <t>武漢地鐵重啟 首日載客超12萬乘次</t>
  </si>
  <si>
    <t>川普讚美防疫棒 火大不知感激州長</t>
  </si>
  <si>
    <t>甲魚料理台灣少見 老饕揭致命關鍵</t>
  </si>
  <si>
    <t>返台女確診足跡跨5縣市 北市急發493封細胞簡訊</t>
  </si>
  <si>
    <t>桃園1確診者80歲老母猝死家中 衛生局解釋未被匡列原因</t>
  </si>
  <si>
    <t>焦糖打第2劑高端 煩惱打滿3劑要去哪國玩 PTT洗版笑瘋</t>
  </si>
  <si>
    <t>奎寧可治新冠肺炎？陳時中回應了</t>
  </si>
  <si>
    <t>25人遭打未稀釋BNT 醫：濃度破表 第2劑得改打這款疫苗</t>
  </si>
  <si>
    <t>瑞典佛系防疫 估首都1／3人口將被感染</t>
  </si>
  <si>
    <t>《電子零件》5G基站及蘋果新機助攻 勤凱業績旺到明年</t>
  </si>
  <si>
    <t>逆行者？應召女不懼新冠肺炎 開著露營車趴趴走接客</t>
  </si>
  <si>
    <t>國內確診首度破百 今暴增23例</t>
  </si>
  <si>
    <t>全聯板橋長江店今閉店清消 明恢復營業</t>
  </si>
  <si>
    <t>台大首度線上畢典 管中閔道別畢業生：「要小心喔」</t>
  </si>
  <si>
    <t>《股利-觀光》漢來美食決配息7元 開源節流抗逆風</t>
  </si>
  <si>
    <t>全國防疫3級警戒 景區活動關閉資訊一次看</t>
  </si>
  <si>
    <t>放棄治療？剛稱國人恐面臨生死分離 英要讓民眾染病獲免疫</t>
  </si>
  <si>
    <t>21天前曾施打BNT 桃園15歲特教生體育課突昏迷不治</t>
  </si>
  <si>
    <t>SEMI：矽晶圓出貨 強到2024</t>
  </si>
  <si>
    <t>台鐵「1人中鏢全台淪陷」 1500名司機員自發性不出國</t>
  </si>
  <si>
    <t>北市高中生確診班級停課 家長狂問要上課嗎？校方回應了</t>
  </si>
  <si>
    <t>342萬人想打BNT再等等！指揮中心曝第八輪不是BNT</t>
  </si>
  <si>
    <t>為何第2劑疫苗副作用更嚴重？專家揭原因</t>
  </si>
  <si>
    <t>5天零確診 無本土病例滿月</t>
  </si>
  <si>
    <t>乘聯會：新能源車銷量拚增6成</t>
  </si>
  <si>
    <t>肺炎影響留學返台 男友狂嗆「流鶯」 曝真相嫩妹喊分手</t>
  </si>
  <si>
    <t>PGA首位高球員確診 接觸者全陰性</t>
  </si>
  <si>
    <t>難逃新冠肺炎魔掌！華盛頓大學病理學教授逝世</t>
  </si>
  <si>
    <t>從戴口罩看出「台灣人自律」 關鍵原因曝 網：真的笑死</t>
  </si>
  <si>
    <t>韓市府5／3兵推 陳時中出席與否關鍵是「這個」</t>
  </si>
  <si>
    <t>義甲不怕死 被停賽又偷踢6場</t>
  </si>
  <si>
    <t>新冠肺炎回馬槍 年輕人、兒童確診數暴增</t>
  </si>
  <si>
    <t>外館防疫大作戰</t>
  </si>
  <si>
    <t>新冠肺炎肆虐 才知道什麼是幸福</t>
  </si>
  <si>
    <t>肺炎 珍惜 才 知道 幸福 出院</t>
  </si>
  <si>
    <t>石油戰爭誰受創？</t>
  </si>
  <si>
    <t>2020年就醫王是他 1年就診839次！掛號人數爆多是這3科</t>
  </si>
  <si>
    <t>《業績-生醫》防疫加宅配 杏一首季營收年增逾17％</t>
  </si>
  <si>
    <t>影》為封城做準備？柯文哲：下禮拜將桌上演習</t>
  </si>
  <si>
    <t>《業績-化工》轉單效應 永捷首季營收年增4成</t>
  </si>
  <si>
    <t>寶格麗生產抗菌洗手凝膠！未來兩個月內達到20萬瓶</t>
  </si>
  <si>
    <t>同為防疫前線 不捨醫護確診還遭酸諷 海巡臉書力挺 網友灌爆送暖</t>
  </si>
  <si>
    <t>黃珊珊》防疫房數沒辦法跟上新增病例</t>
  </si>
  <si>
    <t>MLB》劉致榮紅襪春訓營報到 先隔離獨居一周</t>
  </si>
  <si>
    <t>「疫苗空窗期」爆民怨 蔡英文一舉動被他質疑：掩護高端？</t>
  </si>
  <si>
    <t>大甲鎮瀾宮媽祖遶境復辦？ 陳時中：我不贊成</t>
  </si>
  <si>
    <t>香港機師染疫 專家憂恐爆發第五波疫情</t>
  </si>
  <si>
    <t>南投新增3確診皆為東方紅傳播鏈 衛生局長籲：端午節別來南投</t>
  </si>
  <si>
    <t>雙北不同調？柯稱「力不可用盡」 侯友宜：屆時想救都沒機會</t>
  </si>
  <si>
    <t>1分鐘看世界》疫情重擊美經濟 土耳其貨船遭襲擊</t>
  </si>
  <si>
    <t>三星追單 神盾出貨放量到3月</t>
  </si>
  <si>
    <t>三星</t>
  </si>
  <si>
    <t>24歲女打AZ「眼前一片黑」嚇壞 醫曝暫時性失明原因</t>
  </si>
  <si>
    <t>彰化連續嘉玲後今添1確診 男子社交圈跨3縣市 10人遭匡列</t>
  </si>
  <si>
    <t>「別再說疫調不實！」璩大成曝北市疫調秘辛：1天僅能做3份</t>
  </si>
  <si>
    <t>台新投信：新興短期高收益債成最佳資金避風港</t>
  </si>
  <si>
    <t>巨城斥資百萬添購熱像儀 體溫走過就現形</t>
  </si>
  <si>
    <t>他住華南海鮮市場 全家靠做3件事躲過感染</t>
  </si>
  <si>
    <t>新冠肺炎「最新試劑」研發成功！一次測6種病毒　只需90分鐘</t>
  </si>
  <si>
    <t>準備施打疫苗 新北共有23處大、中型接種站</t>
  </si>
  <si>
    <t>習近平為抗疫 與法、埃、英領袖通電話</t>
  </si>
  <si>
    <t>《翻爆午間精選》堵住疫情漏洞 防疫車隊上路</t>
  </si>
  <si>
    <t>武漢封城局部解禁！滯留在武漢外地人可分批出城</t>
  </si>
  <si>
    <t>美Delta疫情飆升 佛奇警告走錯方向</t>
  </si>
  <si>
    <t>被搶光！這國「買斷」瑞德西韋未來3個月產量</t>
  </si>
  <si>
    <t>3月營收 52檔創新高</t>
  </si>
  <si>
    <t>新高</t>
  </si>
  <si>
    <t>三星Galaxy Note 20共2款 高階款支援120Hz更新率</t>
  </si>
  <si>
    <t>三星 galaxy note 20 ltpo 120 hz</t>
  </si>
  <si>
    <t>酒店女公關疫調為何大轉彎？莊人祥曝原因</t>
  </si>
  <si>
    <t>《斯卡羅》導演喊話衛福部拍片 陳時中推羅一鈞來演</t>
  </si>
  <si>
    <t>恩主公醫院成標靶 護理部主任給同仁的信：忍住憤怒堅守崗位</t>
  </si>
  <si>
    <t>茶藝館1染疫女是「伊拉客」 趴趴走揪男消費 接觸人數難估計</t>
  </si>
  <si>
    <t>擔心出國遭汙名化 警員蜜月旅行變環島</t>
  </si>
  <si>
    <t>湖北解封台商返台潮 醫憂：境外移入下一波挑戰</t>
  </si>
  <si>
    <t>日本出現第一個新冠肺炎死亡病例</t>
  </si>
  <si>
    <t>賈永婕首動員全家送便當 兒子口罩裡表情被抓包</t>
  </si>
  <si>
    <t>伊朗首傳兩人確診新冠肺炎 當日即宣告不治</t>
  </si>
  <si>
    <t>越南禁所有國際航班入境　徵召醫科學生與退休醫護共同抗疫</t>
  </si>
  <si>
    <t>航空雙雄獲台灣企業永續獎</t>
  </si>
  <si>
    <t>防疫推外帶特價優惠 廣告字體卻讓人發毛</t>
  </si>
  <si>
    <t>影》「明天會更好」睽違35年大合唱！22位人氣Youtuber傳遞溫暖</t>
  </si>
  <si>
    <t>NFL》偷帶女人進飯店 海鷹隊球員遭開除</t>
  </si>
  <si>
    <t>新北疫情再「＋0」 侯友宜：國外疫情嚴峻必須要阻絕於境外</t>
  </si>
  <si>
    <t>46歲唐玲消失2年竟爆罹胃癌 醫院量能超載不敢回診</t>
  </si>
  <si>
    <t>確診校友曾到校 屏大消毒全面暫停社團</t>
  </si>
  <si>
    <t>桃機旅服中心員工確診　無出國紀錄疑似在機場遭到傳染</t>
  </si>
  <si>
    <t>打第3劑間隔時間縮短為8至12周？莊人祥鬆口：會討論</t>
  </si>
  <si>
    <t>《半導體》Q2可期、H2動能佳 鈺太前景不淡</t>
  </si>
  <si>
    <t>新冠肺炎疫情衝擊 社福捐款急凍</t>
  </si>
  <si>
    <t>立委批「疫苗支票」跳票 2成醫護還沒拿到去年津貼</t>
  </si>
  <si>
    <t>5G摺疊新機升級版發表</t>
  </si>
  <si>
    <t>湖北將解禁 PCB族群開趴</t>
  </si>
  <si>
    <t>京元電獲PA急單 Q2營收看旺</t>
  </si>
  <si>
    <t>三級警戒再延長 創世基金會哀嚎植物人成「重災戶」</t>
  </si>
  <si>
    <t>1分鐘看世界》金正恩還活著 英相今日復工</t>
  </si>
  <si>
    <t>家裡比外面還危險！專家曝：這行為染疫風險最高</t>
  </si>
  <si>
    <t>賈永婕停送愛心便當卻又捐了這個 眾人感動哭：全身都奉獻</t>
  </si>
  <si>
    <t>夫妻旅美30年染疫返台 苦苓揭「檢討關鍵」：別譙回台治療的人</t>
  </si>
  <si>
    <t>美1月通膨低於Fed目標 所得創11個月最大增幅</t>
  </si>
  <si>
    <t>裝修工夫妻基因序列出爐 羅一鈞：和幼兒園群聚相同</t>
  </si>
  <si>
    <t>救業績 頂級餐廳賣便當 名廚菁華濃縮盒飯中</t>
  </si>
  <si>
    <t>陸昨新增44例新冠肺炎 境外輸入31例居高不下</t>
  </si>
  <si>
    <t>NBA》復賽具體賽程出爐 先打3場熱身賽</t>
  </si>
  <si>
    <t>宏碁攜國防醫學院 導入AI助疫苗研發</t>
  </si>
  <si>
    <t>保險奧斯卡保險卓越獎起跑 首納綠色金融</t>
  </si>
  <si>
    <t>萬華失聯移工成高風險 移民署宜蘭服務站供免費篩檢</t>
  </si>
  <si>
    <t>罷韓投票別疫氣用事</t>
  </si>
  <si>
    <t>新加坡移工淪未爆彈 肺炎確診暴增22倍</t>
  </si>
  <si>
    <t>本土疫情爆不停 歐洲卻快解封？網嘆：台灣像笨蛋考生</t>
  </si>
  <si>
    <t>肺炎鏈球菌疫苗 僅可減新冠重症率</t>
  </si>
  <si>
    <t>口罩挑顏色沒用！業者揭密：重點在鼻樑壓條</t>
  </si>
  <si>
    <t>新北24小時清消 悍馬車登場</t>
  </si>
  <si>
    <t>防疫新生活先摘口罩</t>
  </si>
  <si>
    <t>防疫 新 生活 先 摘 口罩</t>
  </si>
  <si>
    <t>若爆社區感染 警恐成高風險群</t>
  </si>
  <si>
    <t>「可利亞」台灣火鍋吃到飽始祖 和平店5月底熄燈</t>
  </si>
  <si>
    <t>新冠肺炎肆虐 新北地院首創「臨時為民服務中心」</t>
  </si>
  <si>
    <t>確診死者遭衛生局甩鍋傳染3家人 基層警怒：疫情看不到盡頭</t>
  </si>
  <si>
    <t>日本餐廳防疫新作法：迴轉壽司不迴轉</t>
  </si>
  <si>
    <t>驚！港學者：新冠肺炎潮濕天氣恐傳播更快</t>
  </si>
  <si>
    <t>《國際金融》利率不變 紐西蘭央行加倍QE</t>
  </si>
  <si>
    <t>NBA》爵士染病雙雄鬧翻 戈貝爾米契爾握手言和</t>
  </si>
  <si>
    <t>大陸台商防疫之二》 Delta疫情擾亂陸經濟　台商調策略因應變局</t>
  </si>
  <si>
    <t>巴西新冠肺炎疫情 近幾周來開始穩定</t>
  </si>
  <si>
    <t>轟艦長笨蛋 美海軍部長被逼辭職終致歉</t>
  </si>
  <si>
    <t>蘇揆：台美聯合聲明將合作防疫</t>
  </si>
  <si>
    <t>松翰 H1營收拚勝去年同期</t>
  </si>
  <si>
    <t>隔離衣恐撐不過1個月 安泰醫院啟用獨立採檢室</t>
  </si>
  <si>
    <t>蔡英文想打高端疫苗 陳時中：麻煩總統快去預約</t>
  </si>
  <si>
    <t>台灣本土清零絕對可能 醫貼一張圖：可看香港經驗</t>
  </si>
  <si>
    <t>《觀光股》豆府H1擬新展3店 拓展腳步趨保守</t>
  </si>
  <si>
    <t>BNT未稀釋 25人打了150人份疫苗 恩主公醫院曝原因</t>
  </si>
  <si>
    <t>哈佛研究：新冠病毒恐早在去年8月就已在武漢傳播</t>
  </si>
  <si>
    <t>口罩打水漂歐盟沒開放台灣 他嘆：快變TW need help了</t>
  </si>
  <si>
    <t>台商爆在陸被強打自產新冠疫苗 黃安怒嗆：誰能逼我打</t>
  </si>
  <si>
    <t>全中運確定延期 屏縣長潘孟安將出面說明</t>
  </si>
  <si>
    <t>醫師局長葉彥伯 戳破神話遭殃</t>
  </si>
  <si>
    <t>冷鍊國家隊只能存44萬劑疫苗？他嘆難怪指揮中心打槍南投</t>
  </si>
  <si>
    <t>北部醫院爆院內感染 522人採檢結果出爐</t>
  </si>
  <si>
    <t>《通信網路》宏達電又裁員 公司認了</t>
  </si>
  <si>
    <t>新增1例案48 遊英返國確診</t>
  </si>
  <si>
    <t>連6天＋0！台南後壁阿嬤包2000顆粽子送指揮中心</t>
  </si>
  <si>
    <t>彰化縣添1死 六旬翁北上萬華群聚確診 61天後宣告不治</t>
  </si>
  <si>
    <t>號稱超前部署 消毒對策何必猶豫</t>
  </si>
  <si>
    <t>新冠肺炎難捉摸 永久嗅覺喪失 失能險有賠</t>
  </si>
  <si>
    <t>工作 障 害 肺炎 失 能 永久</t>
  </si>
  <si>
    <t>磐石艦疫情何時結束？ 陳時中：看這天</t>
  </si>
  <si>
    <t>倒店潮席捲英國 逾一成商店閒置</t>
  </si>
  <si>
    <t>台灣蝙蝠 沒有人畜傳染疑慮</t>
  </si>
  <si>
    <t>遠東新發行首檔生產事業社會責任債</t>
  </si>
  <si>
    <t>新冠肺炎》義大利再添5死、1694例確診！捷克首度通報3起確診病例</t>
  </si>
  <si>
    <t>與陸省市確診數相比 韓列第7名</t>
  </si>
  <si>
    <t>《產業》加速導遊領隊紓困 觀光局放寬認定條件</t>
  </si>
  <si>
    <t>潤娥公開「私服防疫穿搭」網驚：臉在哪</t>
  </si>
  <si>
    <t>天佑台灣？春節專案第一天 返台68％都選「7＋7」</t>
  </si>
  <si>
    <t>十四五鳴槍 人才爭奪戰開打</t>
  </si>
  <si>
    <t>疫情衝擊觀光 侯友宜：有空就到戶外走一走</t>
  </si>
  <si>
    <t>費爸復出就贏球 但忘了新規則</t>
  </si>
  <si>
    <t>連假後疫情升溫？陳時中：不敢說絕對但判斷不會</t>
  </si>
  <si>
    <t>新冠肺炎不乏猝死者 重症醫：「快樂缺氧」是死神慣用手法</t>
  </si>
  <si>
    <t>新北鬆綁 戶外免戴口罩</t>
  </si>
  <si>
    <t>飲食療養黃金比例 舒緩疫苗打完發燒倦怠等不適感</t>
  </si>
  <si>
    <t>來台37年罕見 麥當勞雙北門市 今10：30起禁內用</t>
  </si>
  <si>
    <t>防疫車直闖一中校園 盧秀燕向軍方表達抗議、譴責</t>
  </si>
  <si>
    <t>新增170例 紐約州首設封鎖區 防全境擴散</t>
  </si>
  <si>
    <t>萬華男搭公車不戴口罩 還加碼辱警「白癡」判拘50日</t>
  </si>
  <si>
    <t>高端疫苗通過EUA 羅友志一句話酸爆</t>
  </si>
  <si>
    <t>新聞透視》有爆料才承認 磐石艦一天一種說法！軍方擠牙膏 到底是誰在說謊</t>
  </si>
  <si>
    <t>首波疫苗混打今登場！副作用較強怎辦 6大QA一次看</t>
  </si>
  <si>
    <t>「入境檢疫電子系統」將上路 四步驟做健康聲明</t>
  </si>
  <si>
    <t>柯文哲深夜曝真心話 疫情洪峰可能還沒到 我們會撐過去的</t>
  </si>
  <si>
    <t>MLB》洋基禍不單行 主力打者勒瑪修染新冠</t>
  </si>
  <si>
    <t>拜登禁用「中國病毒」 藍委：蔡政府打拜登臉</t>
  </si>
  <si>
    <t>零確診能正常生活？急診醫：回不去了</t>
  </si>
  <si>
    <t>危機就是轉機 定期定額新興股市正逢時</t>
  </si>
  <si>
    <t>新冠肺炎延燒 西班牙通報首起死亡病例</t>
  </si>
  <si>
    <t>義大利肺炎增至17死 教宗方濟各「身體不適」</t>
  </si>
  <si>
    <t>朝陽夜唱團傳播鏈擴及第3校 KTV實聯13人「黑白寫」遭重罰</t>
  </si>
  <si>
    <t>台灣出現新冠肺炎死亡案例 台股早盤開低</t>
  </si>
  <si>
    <t>疫情升溫 國教盟：嚴重地區各級學校應暫停上課或採遠距教學</t>
  </si>
  <si>
    <t>基隆女國中生被安排48天打BNT、子宮頸疫苗、流感疫苗 連挨4針</t>
  </si>
  <si>
    <t>太毒 拜登下令深度清理白宮 除去川普痕跡</t>
  </si>
  <si>
    <t>疫情害慘！陸大批貓狗恐餓死、遭屠殺</t>
  </si>
  <si>
    <t>華南海鮮市場零號病人 早於12月11日現症狀</t>
  </si>
  <si>
    <t>為開放邊境做準備 陳時中籲：內化防護觀念</t>
  </si>
  <si>
    <t>桃園200名防疫消毒隊員完成疫苗接種</t>
  </si>
  <si>
    <t>美大學通知打3認可疫苗才能返校 台留學生驚：不包括AZ</t>
  </si>
  <si>
    <t>台南景點警示最多黃偉哲不爽 指揮中心：應該感到高興</t>
  </si>
  <si>
    <t>新冠病毒恐與流感「混合感染」 陸專家稱不利疫情防治</t>
  </si>
  <si>
    <t>普篩聲浪再起 鄭照新嘆：當初譏諷韓國瑜的綠議員到那去了？</t>
  </si>
  <si>
    <t>好萊塢準備解封拍片</t>
  </si>
  <si>
    <t>第二批武漢包機 蔡英文籲中國大陸配合讓台人早日返台</t>
  </si>
  <si>
    <t>新增1境外移入 台女11月底壓線返台 今確診</t>
  </si>
  <si>
    <t>陸國家衛健委主任：新冠肺炎重症救治形成大陸經驗可與世界分享</t>
  </si>
  <si>
    <t>防疫急趕路 貨車滿載乾洗手液起火</t>
  </si>
  <si>
    <t>接種3大國際疫苗後 心肌、心包膜炎累計27人</t>
  </si>
  <si>
    <t>陸配子女來台鬧內訌？陳時中證實：和陸委會看法不同</t>
  </si>
  <si>
    <t>美第2季GDP萎縮33％史上最慘 經濟走入衰退</t>
  </si>
  <si>
    <t>網友整理病例地圖 北市確診最多</t>
  </si>
  <si>
    <t>防疫上緊發條！中市府執行家中與學校體溫量測雙軌並行</t>
  </si>
  <si>
    <t>韓國再現omicron社區感染！單日新增15例</t>
  </si>
  <si>
    <t>無視疫情民宅聚賭 豐原警破門逮10人</t>
  </si>
  <si>
    <t>疫情大爆發 高雄284活動受影響</t>
  </si>
  <si>
    <t>1分鐘看世界》全球恐爆50年最慘糧食危機 美新冠確診破200萬</t>
  </si>
  <si>
    <t>星宇沒航班飛張國煒在做啥？照片曝光網友跪了</t>
  </si>
  <si>
    <t>韓國新天地教會會長下跪 網暴動狂洗留言</t>
  </si>
  <si>
    <t>伊朗疫情死亡案例增加 旅遊警示升到第二級</t>
  </si>
  <si>
    <t>蔡英文呼籲國人端午不返鄉 施正鋒酸：何不食肉糜？</t>
  </si>
  <si>
    <t>國發基金擬認特別股 救援新創</t>
  </si>
  <si>
    <t>黃偉哲：台南市警察局取締酒駕勤務照常執行</t>
  </si>
  <si>
    <t>公園遊樂設施何時開放？陳時中回應了</t>
  </si>
  <si>
    <t>《經濟》經部所屬國營事業租金紓困 9000戶受惠</t>
  </si>
  <si>
    <t>8月底將有一批疫苗運抵台 黃暐瀚爆：數字非常大</t>
  </si>
  <si>
    <t>東京都連續兩天破單日確診最高紀錄 神奈川縣也拉警報</t>
  </si>
  <si>
    <t>鑽石公主號乘客今約500人可下船</t>
  </si>
  <si>
    <t>1萬元孩童家庭防疫補貼6／15發放 ATM就可領</t>
  </si>
  <si>
    <t>新冠肺炎疫情未納國高中畢業生取消出國退費問題</t>
  </si>
  <si>
    <t>國民黨籲放寬勞工紓困現金門檻 勞動部回應了</t>
  </si>
  <si>
    <t>泰國現屍傳人首例 張上淳：接觸後碰口鼻恐傳播</t>
  </si>
  <si>
    <t>境外移入增7例 本土病例＋0</t>
  </si>
  <si>
    <t>鑽石公主號台魔術師曝 數十位無症狀患者</t>
  </si>
  <si>
    <t>怪男持電鋸搶劫要飯 離開留下10片口罩</t>
  </si>
  <si>
    <t>北京消費季將重啟 擬調整消費券擴大覆蓋面</t>
  </si>
  <si>
    <t>新冠肺炎衝擊藝文產業 文化部爭取納抵用券適用範圍</t>
  </si>
  <si>
    <t>安了！川普新冠肺炎檢測呈陰性</t>
  </si>
  <si>
    <t>發防疫財 網路社團買口罩花1000元來一盒廢紙</t>
  </si>
  <si>
    <t>桃園增19確診楊梅佔5例 足跡遍及全聯、好市多、IKEA</t>
  </si>
  <si>
    <t>治新冠輕中症患者 藥華藥提供新藥解方</t>
  </si>
  <si>
    <t>實聯制5大亂象扯爆！超商店員崩潰：氣到快吐血</t>
  </si>
  <si>
    <t>上海新增本土確診病例 暫時查不出感染源</t>
  </si>
  <si>
    <t>大陸專家：脫口罩 恐要到明年下半年</t>
  </si>
  <si>
    <t>白俄羅斯為防疫封鎖邊界 反對派怒嗆：追殺異己</t>
  </si>
  <si>
    <t>疫情衝擊 國發會4策救經濟</t>
  </si>
  <si>
    <t>莫德納向美國FDA申請 全面批准使用其疫苗</t>
  </si>
  <si>
    <t>內衣女神拿「棒狀物」罩臉　網笑：最新型口罩　</t>
  </si>
  <si>
    <t>營運暫無影響 大立光穩住腳步 玉晶光跌停形成兩樣情</t>
  </si>
  <si>
    <t>駐俄代表處再傳新冠肺炎確診 領務服務採預約制</t>
  </si>
  <si>
    <t>獨》日捐台AZ疫苗未列WHO緊急使用名單 莊人祥：非必要條件</t>
  </si>
  <si>
    <t>憂垃圾染疫 環保署：防疫廢棄物已分流 家戶資源垃圾正常分類回收</t>
  </si>
  <si>
    <t>遭控「小明的故事」源頭 林奕華一句話打臉高嘉瑜</t>
  </si>
  <si>
    <t>青島5天篩檢1089萬人 陳揮文嚇壞：展現強大實力</t>
  </si>
  <si>
    <t>抗疫歌曲《Fight as One》遭譙 蔡依林說話了</t>
  </si>
  <si>
    <t>何時有望鬆綁邊境？指揮中心回應了</t>
  </si>
  <si>
    <t>《半導體》Q2不淡、Q3可期 瑞昱衝鋒「4」字頭</t>
  </si>
  <si>
    <t>不意外台灣三級警戒延長 急診醫曝1隱憂</t>
  </si>
  <si>
    <t>新鮮人快筆記 疫情下Zoom分享5招面試指南讓你過關斬將</t>
  </si>
  <si>
    <t>英情侶怨檢疫所「有如監獄」 女作家嗆：台灣沒欠你們</t>
  </si>
  <si>
    <t>又增1境外移入 印尼移工無症狀確診</t>
  </si>
  <si>
    <t>提前自主解封 7月起太平山莊假日一房難求</t>
  </si>
  <si>
    <t>苗栗縣增1電子廠員工確診 足跡曝光 包含新竹城隍廟、麥當勞</t>
  </si>
  <si>
    <t>國泰人壽七彩盤 保障缺口一把抓</t>
  </si>
  <si>
    <t>張上淳兒子出國根本沒錯？致命關鍵曝光：一堆人搞錯</t>
  </si>
  <si>
    <t>柯直言 遲早社區感染 重點在別失控</t>
  </si>
  <si>
    <t>北屯老夫婦染疫相繼離世 奶奶遺願要與尪同安厝：不要再被隔離了</t>
  </si>
  <si>
    <t>權證星光大道－永豐金證券 體質轉佳 欣興抗震</t>
  </si>
  <si>
    <t>晶悅飯店吹熄燈號 原址將都更</t>
  </si>
  <si>
    <t>任務完成 武漢方艙醫院全部休艙</t>
  </si>
  <si>
    <t>疫情衝擊掃墓人潮減少 民政局長曹桓榮視察管制現況</t>
  </si>
  <si>
    <t>《盤中解析》上有壓下有撐 10900攻防</t>
  </si>
  <si>
    <t>日本高校體育大會 57年首度停辦</t>
  </si>
  <si>
    <t>全球大屠殺！川普火力全開 再批陸無能、瘋子</t>
  </si>
  <si>
    <t>6旬男確診新冠 恐怖後遺症「竟不認得老婆」</t>
  </si>
  <si>
    <t>連2天＋0！國內52天無本土案例</t>
  </si>
  <si>
    <t>有錢人跑去美國打疫苗回台確診 柯文哲：7月至今已8例</t>
  </si>
  <si>
    <t>《新港IN病毒OUT》抗疫唱起來</t>
  </si>
  <si>
    <t>中共軍報指藉疫情抹黑攻擊大陸：趁火打劫者必引火自焚</t>
  </si>
  <si>
    <t>降低連假後社區傳播風險！避免出入擁擠場所</t>
  </si>
  <si>
    <t>確保金門防疫成功 中央攜手地方大作戰</t>
  </si>
  <si>
    <t>超前部署 侯友宜：把退休醫護找回來</t>
  </si>
  <si>
    <t>台灣何時解封？台大公衛院長：做到這件事就能恢復常態</t>
  </si>
  <si>
    <t>南投縣3月9日起10家醫院禁止探病、陪病限1人</t>
  </si>
  <si>
    <t>第七輪增23至28歲打AZ 9／3起開放預約</t>
  </si>
  <si>
    <t>首波高齡長者接種疫苗 黃偉哲：長輩接到通知再到指定地點接種</t>
  </si>
  <si>
    <t>總統下午電台連線跟鄉親報告防疫</t>
  </si>
  <si>
    <t>新聞早班車》病毒檢測 川普陰性 彭斯跟著測</t>
  </si>
  <si>
    <t>6旬男打完疫苗2小時胸痛送醫 原因出爐「不是心肌炎」</t>
  </si>
  <si>
    <t>境外移入爆炸！女留學生英國確診急返台 印尼移工再增20人染疫</t>
  </si>
  <si>
    <t>台中市議員提案自購疫苗獲議會三讀通過 衛生局：現階段窒礙難行</t>
  </si>
  <si>
    <t>台灣何時能重回疫情爆發前的生活？陳時中給答案</t>
  </si>
  <si>
    <t>等不到解封那天 西門星聚點開業10年驚傳歇業退租</t>
  </si>
  <si>
    <t>權證星光大道－永豐金證券 宜特 Q3旺季營運俏</t>
  </si>
  <si>
    <t>香港首確診女星康復風格大變 換性感高衩泳衣露逆天美腿</t>
  </si>
  <si>
    <t>蘇貞昌續任 鄭文燦：蘇內閣有行動力、執行力</t>
  </si>
  <si>
    <t>多國限制施打AZ年齡 王鴻薇批中央卻讓年輕族群消化疫苗</t>
  </si>
  <si>
    <t>新竹縣＋3確診 均為居隔採檢長照機構住民</t>
  </si>
  <si>
    <t>陸媒點名威脅：美實體與個人對疫情濫訴 必予嚴懲</t>
  </si>
  <si>
    <t>楊志良開除說 柯文哲：罵完應給鼓勵</t>
  </si>
  <si>
    <t>日不動產聞疫色變</t>
  </si>
  <si>
    <t>COMPUTEX 延至9月底舉行</t>
  </si>
  <si>
    <t>巴菲特：新冠肺炎不應該影響投資者決策</t>
  </si>
  <si>
    <t>桃園龜山清潔隊成員家人也染疫 金沙酒店確診再＋1</t>
  </si>
  <si>
    <t>傳和碩確診員工曾到華碩餐廳 2公司全面消毒、遠距上班</t>
  </si>
  <si>
    <t>「講的就是你」！招名威調侃陸生 網友痛譙：歧視就是歧視</t>
  </si>
  <si>
    <t>為何不回美國打疫苗？美籍男星曝留台最大優點</t>
  </si>
  <si>
    <t>舊瓶裝漂白水暗藏危機！醫：礦泉水瓶最容易出事</t>
  </si>
  <si>
    <t>防疫 新北貢寮海洋音樂祭今年停辦</t>
  </si>
  <si>
    <t>瑞德西韋資料猶瞎子摸象！ 陳時中：不懂WHO為何公開</t>
  </si>
  <si>
    <t>坦承疫情「狀況不太好」 陳時中憂心：社區還有感染者沒找出來</t>
  </si>
  <si>
    <t>助推台企復工復產 浙江省召開創業創新推進會</t>
  </si>
  <si>
    <t>宥勝一句話惹怒萬華人 臉書92字深深致歉：已修文</t>
  </si>
  <si>
    <t>大陸歡迎 盼伊推動WTO必要改革</t>
  </si>
  <si>
    <t>澎湖今增1確診 曾與首例個案聚餐染疫</t>
  </si>
  <si>
    <t>研究：德國感染新冠者 恐超過帳面數字10倍</t>
  </si>
  <si>
    <t>疫情升溫 三款兒童保單超前部署</t>
  </si>
  <si>
    <t>防疫變商機！到旅館異地辦公 你選哪一家？</t>
  </si>
  <si>
    <t>新冠肺炎確診人數增至41人 疑陪病接觸所致</t>
  </si>
  <si>
    <t>疫情攪局 新光金延發特別股</t>
  </si>
  <si>
    <t>京鼎精密9日啟動快篩 將在1天內完成610人</t>
  </si>
  <si>
    <t>別怕第2波疫情來襲 墨比爾斯：已進入新牛市</t>
  </si>
  <si>
    <t>雲林芭樂攤絕地求生 滿500逆天長腿比基尼辣模親送到府</t>
  </si>
  <si>
    <t>違反隔離規定會情婦 英傳染病學家辭職</t>
  </si>
  <si>
    <t>居家檢疫趴趴走 花女回家續監控</t>
  </si>
  <si>
    <t>每5人就有1人突破性感染 指揮中心曝7至9月境外移入實況</t>
  </si>
  <si>
    <t>開箱居家檢疫關懷包 竟有超夯聯名口味跟防疫神物</t>
  </si>
  <si>
    <t>洪榮宏巡演喊卡 用專輯陪粉絲度過疫情</t>
  </si>
  <si>
    <t>第4死！鑽石公主號429復航</t>
  </si>
  <si>
    <t>新冠肺炎震盪 全球富豪共損失1390億美元</t>
  </si>
  <si>
    <t>巴西總統 確診新冠肺炎</t>
  </si>
  <si>
    <t>宏捷科2月營收 創四年新高</t>
  </si>
  <si>
    <t>戶外運動免戴罩憂成破口 柯文哲：邊境管制好國內可更鬆綁</t>
  </si>
  <si>
    <t>政院：不是每種振興抵用券都要異地使用</t>
  </si>
  <si>
    <t>海軍染新冠肺炎 45天爆發時程一張圖看懂</t>
  </si>
  <si>
    <t>「串門子」群聚延燒 高市餐飲業今起禁內用</t>
  </si>
  <si>
    <t>FED主席：美經濟恐陷衰退 但我們還有很多法寶</t>
  </si>
  <si>
    <t>網傳蔡總統確診？民進黨：假消息、不排除中國網軍所為</t>
  </si>
  <si>
    <t>現在從日韓回來到底要不要檢疫？ 一張圖秒懂</t>
  </si>
  <si>
    <t>越南16起新冠肺炎確診病例 全數治癒出院</t>
  </si>
  <si>
    <t>全台剩不到百萬人可打莫德納 醫籲別再等了 先打這個</t>
  </si>
  <si>
    <t>元樟生技新冠肺炎新藥 研發傳佳音</t>
  </si>
  <si>
    <t>大陸權威解讀 北京突爆疫情溯源為何重要</t>
  </si>
  <si>
    <t>首例！女機師莫德納突破性感染 2子女就讀學校緊急停課一天</t>
  </si>
  <si>
    <t>台灣進入社區感染？專家這樣看</t>
  </si>
  <si>
    <t>東京確診有3成都是年輕人 張上淳：和疫苗覆蓋率低有關</t>
  </si>
  <si>
    <t>小黃每月補助2000元 直接存油卡</t>
  </si>
  <si>
    <t>防疫小撇步　幼兒園讓小朋友吃點心更安全</t>
  </si>
  <si>
    <t>陳美鳳全裸出鏡！光溜溜洩防疫妙招</t>
  </si>
  <si>
    <t>蔡政府要面子卻不顧百姓 洛杉基氣炸：國人的口罩呢？</t>
  </si>
  <si>
    <t>中市12輪第1階段莫德納2劑施打 免預約又喊卡</t>
  </si>
  <si>
    <t>重大突破！澳發現新冠剋星 48小時內殺死病毒RNA</t>
  </si>
  <si>
    <t>新北確診2人都是居隔轉陽 侯友宜：今天可算0確診</t>
  </si>
  <si>
    <t>染Omicron大多40歲以下 重症醫曝3大指標症狀</t>
  </si>
  <si>
    <t>台中4人打完疫苗過世 累計達34人</t>
  </si>
  <si>
    <t>一採出爐！海軍敦睦艦隊15澎湖官兵皆陰性</t>
  </si>
  <si>
    <t>NBA》現身說法？保羅籌拍新冠衝擊紀錄片</t>
  </si>
  <si>
    <t>外籍移工入境即失聯 屏縣府依法開罰百萬</t>
  </si>
  <si>
    <t>《電腦設備》安勤拚Q3營運回溫 醫療產品動能看旺</t>
  </si>
  <si>
    <t>全民僅3％接種 印度因疫苗而暴露的各種不平等</t>
  </si>
  <si>
    <t>年輕人搭車回南部老家 醫護驚：拜託2種人停止移動</t>
  </si>
  <si>
    <t>境外移入案例增加 盧秀燕籲入境全面普篩</t>
  </si>
  <si>
    <t>混打該選BNT或莫德納？醫給答案：追求保護力就選「它」</t>
  </si>
  <si>
    <t>《國際經濟》內外需染疫 德國Q1經濟陷衰退</t>
  </si>
  <si>
    <t>NBA》恩比德：討厭復賽 仍會全力以赴</t>
  </si>
  <si>
    <t>珠澳通關防疫升級 須持12小時核檢陰性證明</t>
  </si>
  <si>
    <t>半導體產業2021年瞄準5G、AI、車電商機 漢唐兩岸通吃 訂單水漲船高</t>
  </si>
  <si>
    <t>握手會不取消！日女團祭出「機械假手」 網傻眼：是在握心酸？</t>
  </si>
  <si>
    <t>第二階段徵用1043專責病房 新北坦言：醫療量能確實緊繃</t>
  </si>
  <si>
    <t>球類陪練員染疫 狀況穩定</t>
  </si>
  <si>
    <t>為何紐約確診暴增？網曝：完全大染缸</t>
  </si>
  <si>
    <t>美國反封城抗議發起人自己確診後竟又上街！　遭網民炮轟</t>
  </si>
  <si>
    <t>雲林新增1境外移入確診個案 縣府全面加強校園防疫準備</t>
  </si>
  <si>
    <t>買不到口罩！正妹怒飆2句問候…</t>
  </si>
  <si>
    <t>學生打疫苗不適如超過3天 勞動部：防疫照顧假必要時可延長</t>
  </si>
  <si>
    <t>雙層觀光巴士 祭優惠搶客</t>
  </si>
  <si>
    <t>何謂校正回歸？蕭彤雯給比喻卻被罵生氣刪文</t>
  </si>
  <si>
    <t>醫療人員便當漲10元還吃不飽 菜色慘輸台商隔離所</t>
  </si>
  <si>
    <t>NBA》詹皇：渴望本季回歸 更盼有觀眾</t>
  </si>
  <si>
    <t>西門町全聯女店員確診 連上3天10小時晚班 曾接觸消費者</t>
  </si>
  <si>
    <t>東吳大學遠距教學至期末 畢業典禮改線上舉行</t>
  </si>
  <si>
    <t>藥局買口罩薄到透光 他實際剪開一看竟長這樣</t>
  </si>
  <si>
    <t>打疫苗頻傳猝死 侯友宜：長者施打率從6成掉到47％</t>
  </si>
  <si>
    <t>《通信網路》遠傳「一指點」 點餐、結帳防疫高一點</t>
  </si>
  <si>
    <t>台南麻豆區89歲老翁 疑接種AZ疫苗後身亡</t>
  </si>
  <si>
    <t>北市再改防疫旅館SOP 有疑似症狀「送醫做PCR採檢」</t>
  </si>
  <si>
    <t>各國防疫慢吞吞 學學中國經驗</t>
  </si>
  <si>
    <t>NBA》戈貝爾捐50萬美元 挽回球迷支持</t>
  </si>
  <si>
    <t>日本新冠疫情為何突然降溫？研究曝Delta竟自爆</t>
  </si>
  <si>
    <t>NBA》瑞弗斯訝異：好多人不戴口罩</t>
  </si>
  <si>
    <t>瑪丹娜認了感染新冠肺炎 7周前就有症狀「同台表演者全生病」</t>
  </si>
  <si>
    <t>楊志良自爆聯亞抗體只有40 陳時中虧：不懂要問醫師</t>
  </si>
  <si>
    <t>居家快篩搶頭香 萊鎂醫、達亞雙雙漲停 萊鎂醫漲到熔斷</t>
  </si>
  <si>
    <t>國光疫苗臨床試驗第1波受試者已施打 最快年底量產</t>
  </si>
  <si>
    <t>亞馬遜業務前景亮眼 股價再創新高</t>
  </si>
  <si>
    <t>想買防疫商品 客超狂問法笑翻全網</t>
  </si>
  <si>
    <t>對抗新冠肺炎 眼科醫師籲勤洗手</t>
  </si>
  <si>
    <t>NBA》有夠倒楣！英雄哥才告復出又被隔離</t>
  </si>
  <si>
    <t>實至名歸！中天王牌氣象主播戴立綱獲「2019最佳氣象主播獎」</t>
  </si>
  <si>
    <t>免疫長期未激發恐成免疫負債 醫師籲接種流感疫苗</t>
  </si>
  <si>
    <t>華銀主辦裕融聯貸案 簽約</t>
  </si>
  <si>
    <t>骨牌效應 新北市潑水節等大型活動全喊卡</t>
  </si>
  <si>
    <t>施打疫苗仍染疫 台南牙醫「全副武裝」植牙1小時確診超錯愕</t>
  </si>
  <si>
    <t>防疫千元補償金 23日開放申請</t>
  </si>
  <si>
    <t>雙北確診炸鍋！陳時中不蓋方艙醫院 王任賢痛罵：搞不清楚狀況</t>
  </si>
  <si>
    <t>防堵北農 桃園5大市場快篩1139人全陰性</t>
  </si>
  <si>
    <t>衛福部採購高端疫苗 背後是綠營人士炒股？綠委回應了</t>
  </si>
  <si>
    <t>桃園美容美髮停業 新北不跟進會嚴加稽查管制</t>
  </si>
  <si>
    <t>0-3歲幼童確診慎防家戶感染 專家疾呼：成人有症狀就篩檢</t>
  </si>
  <si>
    <t>國人關注疫苗何時取得施打 蘇貞昌：會陸續抵達</t>
  </si>
  <si>
    <t>新港股狂飆近八成 恒生科技指數基金搶商機</t>
  </si>
  <si>
    <t>BNT著手研究現有疫苗防護力 有必要將調整 陳時中回應了</t>
  </si>
  <si>
    <t>今日無新增病例 累計419人解隔離</t>
  </si>
  <si>
    <t>海地零確診 打算也跟著封鎖全國</t>
  </si>
  <si>
    <t>《熱門族群》2020宅經濟發酵 智冠、橘子營收皆成長</t>
  </si>
  <si>
    <t>超讚！國內連5天零確診 防疫五月天齊秀5零杯蓋</t>
  </si>
  <si>
    <t>台商返台植牙暴斃！死前猛咳嗽爆染疫疑慮</t>
  </si>
  <si>
    <t>Delta來了第二劑沒來 李艷秋「5點現實」提醒民進黨：台灣人民非常寬厚</t>
  </si>
  <si>
    <t>港小開求來台避難 她1句話霸氣回嗆</t>
  </si>
  <si>
    <t>「行動茶車」百款套套任客挑 外送茶隨機連結高雄警嘆：要錢不要命</t>
  </si>
  <si>
    <t>新冠肺炎肆虐萬芳呼籲別太恐懼！將開唱運動增抵抗力</t>
  </si>
  <si>
    <t>抗疫新觀點 富邦人壽 法定傳染病加倍給付</t>
  </si>
  <si>
    <t>美媒：測試新冠等病毒 解放軍插手培養人肺鼠</t>
  </si>
  <si>
    <t>鄭秀文「做到老學到老」停工當防疫義工</t>
  </si>
  <si>
    <t>NBA》爵士穆迪埃罹患新冠 可能是誤傳</t>
  </si>
  <si>
    <t>NBA》籃網巨星杜蘭特確診新冠肺炎 至今7人染疫</t>
  </si>
  <si>
    <t>混打一定要拿AZ當第1劑 莫德納不行嗎？10大疑慮名醫解析</t>
  </si>
  <si>
    <t>《國際經濟》法國財長：今年GDP估萎縮11％ 前景更艱難</t>
  </si>
  <si>
    <t>美媒爆料：2021棒球經典賽取消</t>
  </si>
  <si>
    <t>睽違3個月 桃機首見轉機客</t>
  </si>
  <si>
    <t>MLB》夫妻都是投手 洋基王牌寇爾喜獲麟兒</t>
  </si>
  <si>
    <t>9條口罩生產線本周上線 3月中後生產線全開</t>
  </si>
  <si>
    <t>背光模組廠 2月業績不妙</t>
  </si>
  <si>
    <t>「服務處幫你爭取到」 台南傳接種個資外洩 再爆疫苗被染上政治色彩</t>
  </si>
  <si>
    <t>他憂Delta遲早侵台「應及早部署」 網搖頭嘆：只能心理準備</t>
  </si>
  <si>
    <t>基隆成功市場再添6攤商確診 仁愛市場受波及今晚休市</t>
  </si>
  <si>
    <t>新增2例境外移入 指揮中心14：00說明</t>
  </si>
  <si>
    <t>變種病毒威力強 英國可能延後解封</t>
  </si>
  <si>
    <t>趁目前調整買入龍頭科技股</t>
  </si>
  <si>
    <t>抗疫期間 宅經濟產業發威</t>
  </si>
  <si>
    <t>16縣巿禁中秋戶外烤肉 各地停辦活動一次看</t>
  </si>
  <si>
    <t>5日疫苗補給到 陳其邁保證下週一定打得到</t>
  </si>
  <si>
    <t>中秋連假後學生接種BNT 侯友宜：體育課改為靜態</t>
  </si>
  <si>
    <t>台灣權王－營運績優 聯茂華通權證衝鋒</t>
  </si>
  <si>
    <t>北農10例確診竟「零」匡列接觸 議員爆沒1例是同心圓篩出</t>
  </si>
  <si>
    <t>1分鐘讀財經》公股穩行情 連2日護盤買超抗通膨、抗跌雙題材股</t>
  </si>
  <si>
    <t>新冠肺炎衝擊 創世基金會發票量銳減</t>
  </si>
  <si>
    <t>60多歲退休婦染新冠肺炎 無出國史</t>
  </si>
  <si>
    <t>台中八大行業實名制首夜 太平警方強勢臨檢</t>
  </si>
  <si>
    <t>關懷據點防疫「再升級」 中市暫停健康促進活動</t>
  </si>
  <si>
    <t>孕婦第二劑疫苗被登錄「混打高端」 北市衛生局揭原因</t>
  </si>
  <si>
    <t>不甩川普推薦了！美CDC偷刪奎寧使用指南</t>
  </si>
  <si>
    <t>板橋大遠百下午全面快篩 預計篩檢1500人</t>
  </si>
  <si>
    <t>首例醫生感染 鄭文燦為何急露臉？名醫點出關鍵</t>
  </si>
  <si>
    <t>聯茂、牧德募資 有驚無險</t>
  </si>
  <si>
    <t>全英居家隔離工地卻照開工？工會政客罵翻</t>
  </si>
  <si>
    <t>進出武漢百萬人潮恐爆2度疫情 嚴控市民外出</t>
  </si>
  <si>
    <t>藍委主張修訂紓困條例 每人發6000元現金振興經濟</t>
  </si>
  <si>
    <t>600億紓困救急 降稅才是強心劑</t>
  </si>
  <si>
    <t>立委收海量陳情訊息：國軍爆睡覺用保鮮膜當隔板 百人共餐、千人合唱</t>
  </si>
  <si>
    <t>川普確診4天出院 醫師痛罵：「疫」Q零蛋</t>
  </si>
  <si>
    <t>如何抓出社區無症狀感染者？檢驗方法曝光</t>
  </si>
  <si>
    <t>逐洞賽｜摩爾投顧分析師鐘崑禎</t>
  </si>
  <si>
    <t>為企業輸血 武漢推200億人幣定向紓困資金</t>
  </si>
  <si>
    <t>新冠肺炎影響 全球近8億高中以下學子無法上學</t>
  </si>
  <si>
    <t>BNT即將開打 洪孟楷3點提醒</t>
  </si>
  <si>
    <t>比照SARS時期阿扁親自調動軍醫體系 時力：蔡總統請站上第一線</t>
  </si>
  <si>
    <t>高林跨足生醫市場 新冠肺炎呼吸輔助器新設計將在台製造與銷售</t>
  </si>
  <si>
    <t>美股跌不休 分析師：新冠肺炎是個藉口</t>
  </si>
  <si>
    <t>133名確診已住進集中檢疫所 指揮中心：暫不考慮建方艙</t>
  </si>
  <si>
    <t>桃園醫院血液淨化療法 救回病危新冠肺炎患者</t>
  </si>
  <si>
    <t>林青霞自曝已打大陸科興疫苗 9字形容後續效果</t>
  </si>
  <si>
    <t>金門防疫再升級 機場電眼攔截病毒</t>
  </si>
  <si>
    <t>高雄金芭黎舞廳突遭臨檢 疫情升溫八大場所被緊盯</t>
  </si>
  <si>
    <t>北市疫苗接種一團亂 西園醫院一日三變 長輩傻眼</t>
  </si>
  <si>
    <t>「等等會送疫苗過去」藥師等10小時氣炸 衝衛生局一看：超心酸</t>
  </si>
  <si>
    <t>湯姆漢克夫妻染新冠肺炎 兒報平安「都很好」</t>
  </si>
  <si>
    <t>汽車旅館不通報人與人連結 最重勒令關門</t>
  </si>
  <si>
    <t>北市3線1星督察與外勤警搶打疫苗 市警局說話了</t>
  </si>
  <si>
    <t>案269上周桃機接待官員兒子！2人都染疫</t>
  </si>
  <si>
    <t>第二波疫情襲來？北京0確診破功 連3日新增確診病例</t>
  </si>
  <si>
    <t>長榮超狂班表曝光 空服員哭：哪裡缺打工小妹</t>
  </si>
  <si>
    <t>確診印尼看護直播 新北衛生局：違法之虞已要求下架</t>
  </si>
  <si>
    <t>亞太恐爆 大規模社區傳染</t>
  </si>
  <si>
    <t>高市今日3確診 小港家庭群聚感染疑母親節聚餐惹禍</t>
  </si>
  <si>
    <t>金沙酒店再＋2 非「人與人的連結」也中獎</t>
  </si>
  <si>
    <t>護航台積電 6大外資信心喊話</t>
  </si>
  <si>
    <t>末日博士警告今年陸經濟不妙 GDP面臨恐怖數字</t>
  </si>
  <si>
    <t>北市地下街爆群聚感染 醫：要更注意這地方</t>
  </si>
  <si>
    <t>MWC停辦 OPPO Find X2發表會延至三月具體時間待確</t>
  </si>
  <si>
    <t>台塑六輕廠傳約聘人員確診 數百位員工預防性快篩</t>
  </si>
  <si>
    <t>沈榮津：新冠肺炎快篩試劑預計半年後上市</t>
  </si>
  <si>
    <t>新北今接種率58％ 非在籍者18日施打疫苗</t>
  </si>
  <si>
    <t>股債波動大 首選多重資產</t>
  </si>
  <si>
    <t>不怪兒帶病毒回家 重症婦插管前叮囑：若媽媽沒醒別自責</t>
  </si>
  <si>
    <t>《半導體》晶心科RISC-V收割期近了 看準陸商機、明年投資不手軟</t>
  </si>
  <si>
    <t>擔心無症狀感染又排不到快篩？醫曝關鍵解法</t>
  </si>
  <si>
    <t>洗完手再噴酒精？醫：恐讓防疫破功</t>
  </si>
  <si>
    <t>高雄港3貨輪爆船員確診 295名接觸者PCR結果出爐</t>
  </si>
  <si>
    <t>第十輪BNT開打遭放生 藍議員揭25歲年輕人慘況</t>
  </si>
  <si>
    <t>機組員未接種檢疫變7＋7 機師喊吃不消：疫苗不夠怎麼打？</t>
  </si>
  <si>
    <t>歐洲疫情肆虐 瑞士將全國進入緊急狀態</t>
  </si>
  <si>
    <t>東奧南非足球隊3人染疫 又增橄欖球隊教練確診</t>
  </si>
  <si>
    <t>北市聯醫松德院區傳員工、看護確診 院方：該案住萬華區</t>
  </si>
  <si>
    <t>新田真劍佑約會趴趴走口罩沒戴好 2天後確診新冠肺炎</t>
  </si>
  <si>
    <t>補習班容留人數未鬆綁 業者大喊難生存</t>
  </si>
  <si>
    <t>新聞早班車》WHO顧問稱 全球2／3人口會被傳染</t>
  </si>
  <si>
    <t>花博設「莫德納隨到隨打」接種送百元禮券 北市府：一定打得到</t>
  </si>
  <si>
    <t>川普稱新冠肺炎「中國病毒」 學霸女星看不下去爆粗口</t>
  </si>
  <si>
    <t>萬象舞廳再申請全台首張舞廳職業工會牌照 為八大員工發聲</t>
  </si>
  <si>
    <t>市場爆恐怖多殺多！2隻黑天鵝驚洩結局</t>
  </si>
  <si>
    <t>竹縣增4例本土確診 1名60多歲男住機構感染源不明</t>
  </si>
  <si>
    <t>取代譚德塞！美前官員：川普應推台專家任WHO秘書長</t>
  </si>
  <si>
    <t>南韓淪陷確診破千 孔劉、秀智、宋康昊眾大咖捐億元抗疫</t>
  </si>
  <si>
    <t>遭隔離近1個月解禁！ 魔術師迫不及待想做這事</t>
  </si>
  <si>
    <t>防疫決不能雙重標準</t>
  </si>
  <si>
    <t>新冠肺炎激發 AR／VR應用商機</t>
  </si>
  <si>
    <t>川普讓川粉瘋狂的代價曝光 林濁水傻眼：真慘</t>
  </si>
  <si>
    <t>小人國、Xpark停業至5／28 天幕球場晚上關燈禁用</t>
  </si>
  <si>
    <t>打完疫苗再上 美國女籃隊教練歸隊</t>
  </si>
  <si>
    <t>歐盟歷史一刻！7500億歐元振興方案達成協議</t>
  </si>
  <si>
    <t>打1999 竹市府組防疫計程車隊</t>
  </si>
  <si>
    <t>驚！都怪新冠 他們平均少活13年</t>
  </si>
  <si>
    <t>李㼈戒菸甩臭味 贏得兒女抱抱</t>
  </si>
  <si>
    <t>敦睦艦隊不能如期解隔離 陳時中為這道歉了</t>
  </si>
  <si>
    <t>《產業》防疫醞釀新商機 美食外送服務需求增</t>
  </si>
  <si>
    <t>枋山芒果遭退訂 農委會：全球無因蔬果包裝染疫</t>
  </si>
  <si>
    <t>苗栗縣10日 新增一名確診死亡案例</t>
  </si>
  <si>
    <t>抗疫模範生 越南成外資轉移新寵</t>
  </si>
  <si>
    <t>秋冬抗疫 安南醫院提供中藥提升免疫力方法</t>
  </si>
  <si>
    <t>NBA》過去6戰跟戈貝爾接觸 伊巴卡最久</t>
  </si>
  <si>
    <t>逼近千人確診！860萬紐約客48小時內恐遭禁足</t>
  </si>
  <si>
    <t>油價連摔 台塑化Q1虧大</t>
  </si>
  <si>
    <t>竟敢「逆時中」 村長：佛系防疫 台灣真的安全嗎？</t>
  </si>
  <si>
    <t>新北社區篩檢2度出現「零陽性」 侯友宜：已有效控制疫情</t>
  </si>
  <si>
    <t>民有市場無口罩 議員憂成防疫破口</t>
  </si>
  <si>
    <t>染Delta與感冒相似 專家教辨別法：有「兩痛一水」要注意</t>
  </si>
  <si>
    <t>不戴口罩大鬧北捷 健保署員工道歉了</t>
  </si>
  <si>
    <t>單周暴增3萬印度變種病例 英官員悲觀曝疫苗擋下病毒時間點</t>
  </si>
  <si>
    <t>你點餐我買單 黃子佼暖請30藝人「疫起遠距離吃飯」</t>
  </si>
  <si>
    <t>日朝日電視台男主播染疫網罵主播失格</t>
  </si>
  <si>
    <t>67億疫苗採購經費花去哪成機密？藍委：不容許黑箱作業</t>
  </si>
  <si>
    <t>與確診者接觸6分鐘 苦主呆：原來社交距離App會叫</t>
  </si>
  <si>
    <t>新台幣太強 壽險業前8月匯兌成本近2千億</t>
  </si>
  <si>
    <t>美國傳奇主持人賴瑞金辭世 享壽87歲</t>
  </si>
  <si>
    <t>武漢97、75歲高齡母女 抗疫成功出院</t>
  </si>
  <si>
    <t>疫情升溫 新北明再增永和、新店熱區防疫中心</t>
  </si>
  <si>
    <t>微解封料將出現旅遊潮 南市超前加強稽查非法日租套房</t>
  </si>
  <si>
    <t>沒看到確診者也能感染 南韓大學生因椅子感染Delta病毒</t>
  </si>
  <si>
    <t>有女陪侍八大11／16解禁 顧客須先符合這個「低消」</t>
  </si>
  <si>
    <t>第2批COVAX疫苗來台？全球疫苗聯盟：6月底前AZ疫苗到貨</t>
  </si>
  <si>
    <t>新北勇媽疫中產女 解隔離與女娃團圓迎新生</t>
  </si>
  <si>
    <t>集集小鎮紓困開第一槍 攤商清潔費減半</t>
  </si>
  <si>
    <t>葛林斯潘：美抗疫失敗將礙經濟復甦 霸權之爭恐處劣勢</t>
  </si>
  <si>
    <t>潔哥嗆阿圓！網紅韓返台衝篩檢遭轟「勿浪費資源」</t>
  </si>
  <si>
    <t>陳時中籲民代別跑攤 密閉空間戴口罩</t>
  </si>
  <si>
    <t>自主封城再拖三個月 柯文哲：餓死比病死多</t>
  </si>
  <si>
    <t>穗密集現跨省市病例 全是無症狀</t>
  </si>
  <si>
    <t>揚名西班牙！台灣醫護姐妹花確診 推出病房這一幕令人感動</t>
  </si>
  <si>
    <t>竹縣焚化爐公聽會 場地不借用臨時喊卡</t>
  </si>
  <si>
    <t>因應疫情 遠傳、台灣大於萬華、蘆洲部分門市暫停營業</t>
  </si>
  <si>
    <t>富裕國擺脫疫情強復甦 外媒卻爆新興國家陷川普後遺症</t>
  </si>
  <si>
    <t>台灣有需要囤糧嗎？網狂喊先囤個X天</t>
  </si>
  <si>
    <t>新竹市防疫消毒大隊成立！2周內消毒完全市公園、車站共137處</t>
  </si>
  <si>
    <t>香港首見「零團來港」的勞動節假期</t>
  </si>
  <si>
    <t>多年前影片遭網友改編 隋棠：被我前夫氣死</t>
  </si>
  <si>
    <t>誰破壞和諧？醫護、記者忙翻天 羅友志驚天一語：處心積慮的是…</t>
  </si>
  <si>
    <t>元山11月營收雙增 明年樂觀</t>
  </si>
  <si>
    <t>《百貨股》特力H2審慎樂觀 2022年東南亞採購比例達20％~30％</t>
  </si>
  <si>
    <t>高雄台鋁MLD影城疫情停業 傳改秀泰影城進駐經營</t>
  </si>
  <si>
    <t>酒店舞廳解禁？ 黃偉哲：希望中央制定標準 由地方執行</t>
  </si>
  <si>
    <t>口罩日產1000萬片何時達成？ 經濟部拚「這天」全面上線</t>
  </si>
  <si>
    <t>春節返台4萬人 陳時中坦言「低估了」重啟移工來台恐受阻</t>
  </si>
  <si>
    <t>屏東潮州鎮確診者多 將出動化學兵全鎮消毒</t>
  </si>
  <si>
    <t>餓到2025 北韓糧荒將延續 平壤官員奇葩要求惹怒民眾</t>
  </si>
  <si>
    <t>幼兒園負責人解隔後確診 新北：匡列範圍增否已反應中央</t>
  </si>
  <si>
    <t>北市本周新增16例確診 家戶感染仍為主要原因</t>
  </si>
  <si>
    <t>10萬劑莫德納今到貨 怎麼分配？陳時中回應了</t>
  </si>
  <si>
    <t>禾馨稱施打名單都與北市府對過 黃珊珊照罰</t>
  </si>
  <si>
    <t>矽格執行外籍員工643名抗原快篩 全數呈現陰性</t>
  </si>
  <si>
    <t>百姓宅家中 州官趴趴走 這些人違規惹議</t>
  </si>
  <si>
    <t>僅國三、高三停課 藍委：難以理解</t>
  </si>
  <si>
    <t>航運噩夢再起 鹽田港卡船 貿易影響超越長賜輪事件</t>
  </si>
  <si>
    <t>大相撲最終日 7年首見相星決戰</t>
  </si>
  <si>
    <t>做心酸的！客運工會：1車30座只賣6張票 付駕駛薪水都不夠</t>
  </si>
  <si>
    <t>《通信網路》訊舟小金雞 康全電訊上櫃蜜月行情旺</t>
  </si>
  <si>
    <t>首例全校停課！北市高中生同班同學中鏢</t>
  </si>
  <si>
    <t>內用免隔板首日 北港排隊名店開心移除隔板：可以坐更多人</t>
  </si>
  <si>
    <t>韓國瑜挨酸「封城秀急」！自嘲：我是他弟啦</t>
  </si>
  <si>
    <t>高市長照據點暫停老人共餐 改外帶便當回家吃</t>
  </si>
  <si>
    <t>誇張！日疫情吃緊 安倍爽吃河豚網氣炸</t>
  </si>
  <si>
    <t>陸印邊境衝突升級 美日印澳四國外長將會商因應之道</t>
  </si>
  <si>
    <t>台灣新增2新冠肺炎確診病例 夫妻赴孟加拉工作染病</t>
  </si>
  <si>
    <t>視訊上課也要冒生命危險 疫情下全球偏鄉教育的悲歌</t>
  </si>
  <si>
    <t>《半導體》NB拉貨動能強、Q4營運續旺 鈺太抗跌</t>
  </si>
  <si>
    <t>《產業分析》亞太區飯店業估U型復甦 2023年前難見榮景</t>
  </si>
  <si>
    <t>NBA》逐一揭曉？湖人庫克檢測呈陰性</t>
  </si>
  <si>
    <t>避免疫情擴大 台電啟動異地辦公</t>
  </si>
  <si>
    <t>疫苗研發落後 專家籲與國際合作</t>
  </si>
  <si>
    <t>骨肉分離22天 前立委幫殯葬業爭疫苗</t>
  </si>
  <si>
    <t>美新冠死亡數破20萬 川普：很棒了 原本可能死300萬人</t>
  </si>
  <si>
    <t>振興國旅市場 「環島之星」加強防疫並加碼推房型免費升等</t>
  </si>
  <si>
    <t>雲林新增1境外 打2劑疫苗返台 居隔PCR陽性確診</t>
  </si>
  <si>
    <t>避險性操作？ 壽險業8、9月賣股逾千億元</t>
  </si>
  <si>
    <t>MLB》紐約大都會2人染新冠 地鐵大戰G1喊停</t>
  </si>
  <si>
    <t>桃園確診增7例 疫調足跡經洗車場、郵局</t>
  </si>
  <si>
    <t>睽違14天高雄今0確診 陳其邁：感謝市民配合 醫護努力</t>
  </si>
  <si>
    <t>中華民國紅十字會捐物資 助新北對抗新冠肺炎</t>
  </si>
  <si>
    <t>緊急加開2萬多劑莫德納引民怨 陳時中說明原因</t>
  </si>
  <si>
    <t>強新工業 續擴大海外產能</t>
  </si>
  <si>
    <t>日再爆莫德納疫苗摻黑色雜質 沖繩緊急停打</t>
  </si>
  <si>
    <t>北科附工PCR二採223人陰性 桃園暫緩對全校進行第2次快篩</t>
  </si>
  <si>
    <t>帛琉旅遊泡泡來了？陳時中下午2點最新說明</t>
  </si>
  <si>
    <t>又新增2境外移入病例 指揮中心14：00說明</t>
  </si>
  <si>
    <t>《業績-電腦設備》事欣科Q1營收近11季低點 Q2拚逆風前行</t>
  </si>
  <si>
    <t>國民黨力推500億專款防疫 幫執政黨遭陳揮文批：看了會吐血</t>
  </si>
  <si>
    <t>竹女滯武漢學生搭包機回來了！趕上2階段大學面試</t>
  </si>
  <si>
    <t>《國際社會》百年首見 澳洲人口最多的兩省關閉邊界</t>
  </si>
  <si>
    <t>趙少康批混打高端是狗急跳牆 陳時中回應了</t>
  </si>
  <si>
    <t>英首相自曝確診新冠病毒 歐洲股市擴大跌幅</t>
  </si>
  <si>
    <t>肺炎疫情打擊農業 雲林農田耕鋤、噴藥放棄採收</t>
  </si>
  <si>
    <t>中市社福機構加強防疫 兵棋推演群聚感染</t>
  </si>
  <si>
    <t>接公主號台人下船 謝長廷濕了眼眶：都過去了…</t>
  </si>
  <si>
    <t>辣模秀「口罩比基尼」 網轟：浪費</t>
  </si>
  <si>
    <t>調查南科防疫人員遭質疑討好企業主管 南市府要追究造謠責任</t>
  </si>
  <si>
    <t>因應三級警戒 航港局便民措施即日啟動</t>
  </si>
  <si>
    <t>怪哉！ 一天4次新冠檢測竟然陰陽不定</t>
  </si>
  <si>
    <t>史上最嚴重 未來數十年受影響！世衛6度宣告新冠肺炎為國際公衛緊急事件</t>
  </si>
  <si>
    <t>富邦金董座夫妻確診 公司曝蔡明興最新健康狀況</t>
  </si>
  <si>
    <t>草屯療養院教導四撇步 幫助家長與學生擺脫開學防疫恐慌症</t>
  </si>
  <si>
    <t>染疫破600例 2台女自日本、美國入境 嗅覺異常確診</t>
  </si>
  <si>
    <t>公主號兩名台灣確診旅客出院 1人歸心似箭 1人去探望老父</t>
  </si>
  <si>
    <t>「疾管家」真有其人！ 陳其邁曝本尊酷似這男星</t>
  </si>
  <si>
    <t>湖北黃石官員電話辭職 被責令辭職</t>
  </si>
  <si>
    <t>趁疫情誘酒店妹下海 淫媒集團爽賺60萬</t>
  </si>
  <si>
    <t>川普落選的啟示</t>
  </si>
  <si>
    <t>六輕1員工確診 同宿舍142人從高雄返回雲林快篩</t>
  </si>
  <si>
    <t>援鄂專家：健康人士體內存有病毒</t>
  </si>
  <si>
    <t>下波疫情不只新冠肺炎</t>
  </si>
  <si>
    <t>東奧》輝瑞將提供疫苗給東奧代表團 開幕前完成2次接種</t>
  </si>
  <si>
    <t>中高風險區進返北京 需核酸檢測＋14天觀察＋7天監測</t>
  </si>
  <si>
    <t>大巴駛入弘光科大 宣導內輪差</t>
  </si>
  <si>
    <t>《科技》MIC看好半導體4大動能 產能缺到2022年</t>
  </si>
  <si>
    <t>堵Delta防破口 國籍航空機組員將接種第3劑疫苗</t>
  </si>
  <si>
    <t>新冠肺炎延燒　家扶海外服務還教怎麼洗手</t>
  </si>
  <si>
    <t>孟加拉確診夫妻再爆爭議 同行台商驚恐：沒說曾確診</t>
  </si>
  <si>
    <t>桃園增14本土確診 足跡包含NOVA、市場、全聯、愛買</t>
  </si>
  <si>
    <t>鐵腕執法！新加坡規定與人保持1公尺 違者罰21萬關半年</t>
  </si>
  <si>
    <t>香港28日新增84宗新冠肺炎確診個案</t>
  </si>
  <si>
    <t>苗栗確診數持續拉高 6日新增75例</t>
  </si>
  <si>
    <t>六都微解封僅台南順時中 民眾洗版黃偉哲臉書：拜託禁內用</t>
  </si>
  <si>
    <t>北市刑大小隊長確診 緊急送往隔離</t>
  </si>
  <si>
    <t>確診死亡逾5百例無病理解剖？張上淳曝2大原因</t>
  </si>
  <si>
    <t>居家檢疫者明起返家有限制 違反者開罰</t>
  </si>
  <si>
    <t>血友病少年及母親返台</t>
  </si>
  <si>
    <t>中和光明點燈節 為世界祈福</t>
  </si>
  <si>
    <t>AZ混打高端試驗結果出爐！中和抗體效價是AZ組2倍</t>
  </si>
  <si>
    <t>證交所股東常會延至8／20舉行</t>
  </si>
  <si>
    <t>《國際社會》新冠病毒檢測量 川普：美國很快能達每日500萬個</t>
  </si>
  <si>
    <t>莫德納混打高端可行？他提3點怒批：做完三期試驗再說</t>
  </si>
  <si>
    <t>我需要快篩嗎？醫揭染疫關鍵症狀：4種人才需快篩</t>
  </si>
  <si>
    <t>解禁後何時敢出國？網揭唯一關鍵</t>
  </si>
  <si>
    <t>新竹市新增1確診 日前1家4口探視剛出院阿嬤家庭群聚</t>
  </si>
  <si>
    <t>今本土確診數明顯增加 總統：疫情確實難纏</t>
  </si>
  <si>
    <t>致命秘密！傳陸7年前就發現類新冠肺炎病毒株但未公開</t>
  </si>
  <si>
    <t>華視女主播一家三口全確診 抱兒燒聲揭醫院殘酷現況</t>
  </si>
  <si>
    <t>俄羅斯爆紅「透明比基尼」護士 換身分跨行氣象主播</t>
  </si>
  <si>
    <t>美新冠肺炎振興案獲妥協 可望進入國會表決</t>
  </si>
  <si>
    <t>彰化葡萄盤商傳播鏈新增6例 最新足跡曝光新匡列300人</t>
  </si>
  <si>
    <t>隔壁男房客返國第二天發燒卻沒篩檢？黃珊珊：前一天剛採檢</t>
  </si>
  <si>
    <t>超微市占飆升 概念股沾光</t>
  </si>
  <si>
    <t>只有關懷沒有距離 北榮推專責病房行動視訊會診</t>
  </si>
  <si>
    <t>疫情升溫各地亂象 藍委：酒精飆漲、消防人員載病患打不到疫苗</t>
  </si>
  <si>
    <t>712解封穩了？北捷車廂照曝光 這一幕讓眾人嚇傻</t>
  </si>
  <si>
    <t>好景不常 美前周初次申請失業補助再破百萬</t>
  </si>
  <si>
    <t>大增23例！全台新冠肺炎衝上100例</t>
  </si>
  <si>
    <t>陸生無法報到 歐美大學荷包扁扁</t>
  </si>
  <si>
    <t>何時能出國旅遊？陳時中給答案了</t>
  </si>
  <si>
    <t>自菲律賓返台婦人今確診 網怒：都發燒還敢搭飛機！</t>
  </si>
  <si>
    <t>今天零確診 本土連28天無病例 台灣社區安全了</t>
  </si>
  <si>
    <t>國際蘭展延期損失4000萬 黃偉哲要遍地開花</t>
  </si>
  <si>
    <t>劉寶傑：我實在受不了！突轉向怒轟「你柯文哲變笑話」</t>
  </si>
  <si>
    <t>分析師：三星電子若停工 恐威脅經濟</t>
  </si>
  <si>
    <t>MLB》皇家捕手感染新冠 練球結束才發現</t>
  </si>
  <si>
    <t>鋒裕匯理：新興市場債 具三大利多</t>
  </si>
  <si>
    <t>鑽石公主號乘客返家注意事項疏漏 日厚勞省致歉</t>
  </si>
  <si>
    <t>獨》蘇益仁建議防疫提到國安層級 要為大陸解禁那天做準備</t>
  </si>
  <si>
    <t>指揮中心證實：台駐法人員確診新冠肺炎</t>
  </si>
  <si>
    <t>本土疫情邁向尾聲 醫曝解封後生活：不明感染源成為常態</t>
  </si>
  <si>
    <t>台大雲林分院成功治癒重症新冠肺炎患者 順利拔管出院</t>
  </si>
  <si>
    <t>《產業》王文淵：當前經濟衝擊更勝2008海嘯 盼政府適度開放</t>
  </si>
  <si>
    <t>田士廣回家鄉大馬迎粉絲 提前返台躲過封城</t>
  </si>
  <si>
    <t>防疫升級！台中教育局停辦第2學期優遊台中學</t>
  </si>
  <si>
    <t>台東縣23間院所接受高端疫苗預約接種</t>
  </si>
  <si>
    <t>美列台出現社區傳播 柯：名稱不重要</t>
  </si>
  <si>
    <t>入境台灣遭疑有特權 黃秋生親發聲：搞了幾個月</t>
  </si>
  <si>
    <t>國泰台大團隊：美未現系統性倒閉風險</t>
  </si>
  <si>
    <t>祈禱疫災早遠離 張麗善與一級主管茹素3天</t>
  </si>
  <si>
    <t>莊競程服務處 3000瓶乾洗手贈弱勢</t>
  </si>
  <si>
    <t>【防疫槓中央】蘇揆稱聞花香可測肺炎 葉元之用蔡總統的話打臉：無知</t>
  </si>
  <si>
    <t>《通信網路》「Face8台灣臉霸」助威 研勤樂漲</t>
  </si>
  <si>
    <t>政院澄清：蘇揆尚未聽取紓困特別條例簡報</t>
  </si>
  <si>
    <t>Covaxin成印度首款獲批准臨床實驗的新冠肺炎疫苗</t>
  </si>
  <si>
    <t>疫情噴發 機師酸：歡迎自主管理 嗆台中還沒三級嗎</t>
  </si>
  <si>
    <t>日防疫公務員嚴重過勞 最高加班時數超標近5倍</t>
  </si>
  <si>
    <t>備戰新冠肺炎 台南市明起宣導室內場所戴口罩</t>
  </si>
  <si>
    <t>荷蘭101歲新冠肺炎患者康復　院方喻為「希望的火花」</t>
  </si>
  <si>
    <t>胸腔醫驚曝：戴N95口罩恐增加心肺負擔</t>
  </si>
  <si>
    <t>基隆新增3例確診 林右昌：病毒不分北市、基隆</t>
  </si>
  <si>
    <t>禾馨證實了！林秉樞以「護理師男友身分」打莫德納疫苗</t>
  </si>
  <si>
    <t>陸海關10措施 助企業復工</t>
  </si>
  <si>
    <t>國籍機師爆突破性感染 陳時中：機組員檢疫擬加嚴</t>
  </si>
  <si>
    <t>日埼玉縣2名肺炎輕症患者在家等床位驟死</t>
  </si>
  <si>
    <t>腳趾出現「鮮紅色」病變 醫：恐為新冠肺炎特殊症狀</t>
  </si>
  <si>
    <t>跳舞群組爆疫情謝玲玲確診新冠肺炎</t>
  </si>
  <si>
    <t>《觀光股》美食3月營收回升 Q1仍創5年半低點</t>
  </si>
  <si>
    <t>義大利人解封狂歡 總理官員火冒三丈</t>
  </si>
  <si>
    <t>「悲痛的里程碑」川普發文悼念10萬新冠病死同胞</t>
  </si>
  <si>
    <t>Omicron恐已入侵美 佛奇曝關鍵：做好準備吧</t>
  </si>
  <si>
    <t>日本修法 將跟進美國用瑞德西韋</t>
  </si>
  <si>
    <t>CBA》北京再爆疫情 林書豪提前赴賽區</t>
  </si>
  <si>
    <t>夜市名店改門口擺攤 生意慘跌9成 老闆嘆：怎麼養一家15人</t>
  </si>
  <si>
    <t>疫情中心一級開設 跨部會作戰重減災</t>
  </si>
  <si>
    <t>陸逾1億兒童已接種新冠疫苗 港討論將科興接種年齡降至3歲</t>
  </si>
  <si>
    <t>奔波200公里到偏僻山區收防疫垃圾 一張字條讓他哭了</t>
  </si>
  <si>
    <t>本土15天累積23死 張上淳：未來幾天還會變多</t>
  </si>
  <si>
    <t>開學防疫 林智堅查核校園6大防疫工作</t>
  </si>
  <si>
    <t>日本對陸伸援手竟遭嘲笑 羅智強很感慨</t>
  </si>
  <si>
    <t>咳嗽腹瀉仍跑回台灣！旅美夫婦都接觸過確診個案</t>
  </si>
  <si>
    <t>澳促新冠調查 陸揮80％關稅重拳</t>
  </si>
  <si>
    <t>治癒肺炎回家 美教師收帳單嚇哭</t>
  </si>
  <si>
    <t>單日新增6例 陳時中：若歐洲守下來台灣就鬆一口氣</t>
  </si>
  <si>
    <t>印度神童又發聲 他呼籲「做5件事」助度過疫情</t>
  </si>
  <si>
    <t>阿南德 5 件 事 瑜 珈 印度 神童</t>
  </si>
  <si>
    <t>新北莫德納開打2天 衛生局長揭不良反應人數</t>
  </si>
  <si>
    <t>全時勞工1萬元生活補貼明起申請 9大Q＆A一次看</t>
  </si>
  <si>
    <t>有疫苗也不能鬆懈 ICU醫曝1關鍵：需等待一段時間</t>
  </si>
  <si>
    <t>今年第一季 42人新興毒品致死</t>
  </si>
  <si>
    <t>全台首位！他打2劑高端＋1劑BNT 怒轟政府：被當笨蛋</t>
  </si>
  <si>
    <t>他秀內用照「誰說會染疫」恐罰300萬 網叩1922諷：引戰技術好差</t>
  </si>
  <si>
    <t>香港疫苗接種百日 昨單日逾5萬人施打創新高</t>
  </si>
  <si>
    <t>英指控 俄派駭客偷疫苗機密</t>
  </si>
  <si>
    <t>全台306例確診地圖 六都皆增確診、新北最多</t>
  </si>
  <si>
    <t>重創旅遊業 美CDC疾呼：感恩節別外出旅遊</t>
  </si>
  <si>
    <t>婦人拉下口罩對嬰兒狂咳 疑「種族歧視」下場慘了</t>
  </si>
  <si>
    <t>新冠肺炎疫情假消息不斷　警署長：嚴辦不姑息</t>
  </si>
  <si>
    <t>接種AZ疫苗必知禁忌、副作用 懶人包一次看</t>
  </si>
  <si>
    <t>桃園女打完莫德納腋下腫脹 就醫竟確診乳癌：2病徵要注意</t>
  </si>
  <si>
    <t>密切往來5天啥意思？PTT鄉民揭「台女與外籍機師」的秘密</t>
  </si>
  <si>
    <t>日媒盛讚「天才IT大臣」唐鳳曝幕後英雄：最感佩他們</t>
  </si>
  <si>
    <t>北市知名老飯店傳廚師確診 業者低調回應</t>
  </si>
  <si>
    <t>今該預約高端嗎？網曝關鍵盲點：寧可不打</t>
  </si>
  <si>
    <t>圖輯》睽違兩個多月再現歡笑聲 北市兒童新樂園有條件開放</t>
  </si>
  <si>
    <t>居家檢疫者住布棚 中市府安排檢疫所隔離</t>
  </si>
  <si>
    <t>不甩管制令 14男5女大白天公寓開趴狂歡</t>
  </si>
  <si>
    <t>2020美大選》火爆川普罩門全都露 微笑拜登弱弱撿便宜</t>
  </si>
  <si>
    <t>傳產大股東掏腰包 買回自家股</t>
  </si>
  <si>
    <t>心悅生醫完成4億元現增案</t>
  </si>
  <si>
    <t>馬克宏上周確診新冠肺炎 病情正持續好轉</t>
  </si>
  <si>
    <t>用康復者的血清治肺炎？ 張上淳這樣說</t>
  </si>
  <si>
    <t>政院擬發振興抵用券 網友：只有817能超越765</t>
  </si>
  <si>
    <t>陳宗彥證實：下午4時24萬劑疫苗抵台 效期至今年12月15日</t>
  </si>
  <si>
    <t>台灣化學產業協會菁英獎 出爐</t>
  </si>
  <si>
    <t>瑞基 開發兩款新冠肺炎試劑</t>
  </si>
  <si>
    <t>傳統市場跟進身分證尾數分流？ 侯友宜：能落實就是好方法</t>
  </si>
  <si>
    <t>酒店女與客人0距離接觸 多家店同時輪番跑讓人驚</t>
  </si>
  <si>
    <t>境外生何時能入台？潘文忠：最快本周跨部會討論決定</t>
  </si>
  <si>
    <t>巴西總統驚傳高燒38度 肺部最新狀況曝光 要民眾遠離他</t>
  </si>
  <si>
    <t>Google優化新冠肺炎搜尋結果 加強連結在地資訊</t>
  </si>
  <si>
    <t>美國兩口服「特效藥」成疫情終結者？陸央媒：防大於治</t>
  </si>
  <si>
    <t>新冠肺炎入侵美女之國! 烏克蘭出現首例</t>
  </si>
  <si>
    <t>鍾南山推2食物 抗新冠肺炎提升免疫力</t>
  </si>
  <si>
    <t>產業趨勢不因疫情而扭轉 短期觀察復工進度</t>
  </si>
  <si>
    <t>王軍志：大陸研發疫苗的進度屬世界先進</t>
  </si>
  <si>
    <t>陸專家解析 關於疫苗Q＆A</t>
  </si>
  <si>
    <t>《期貨》多空消息紛雜 台指期、電子期開漲</t>
  </si>
  <si>
    <t>五倍券要來了！發放時間、怎麼領？5大重點一次看</t>
  </si>
  <si>
    <t>居家隔離者趴趴走 徐國勇：視同通緝犯與重刑犯搜尋</t>
  </si>
  <si>
    <t>武漢防疫指揮部要求醫護人員工作10天必休2天</t>
  </si>
  <si>
    <t>北高雄家扶中心包粽 令弱勢民眾備感溫馨</t>
  </si>
  <si>
    <t>《經濟》紓困振興預算追加1500億元 4部會增逾百億</t>
  </si>
  <si>
    <t>使用33天 台灣最後一例呼吸器脫離</t>
  </si>
  <si>
    <t>中央 流行 疫情 指挥 中心 专家 谘 询 小组 召集人 张上淳 22 日 分析 目前 台湾 确诊 个案 指出 19 日 时 唯一一 例 使用 呼吸器 的 个案 后续 有 出现 并发症 而 重新 戴上呼 器 今日 则 正式 宣告 顺利 脱离 呼吸器 此外 最后 二 例 使用 叶克 膜 案例 中 其中 一 例 死亡 另 一 例 也 已 顺利 脱离 张上淳 表示 最后 2 例 使用 叶克 膜 前 一 例 不幸 过世 另外 一 例 则 顺利 解除 叶克 膜 9 成 以上 的 个案 都 出院 还 在 住院 的 人 越来越低 张上淳 指出 最后 2 例 当中 的 1 例 与 确诊 个案 接触 病史 隔离 期间 出现 症状 去 医院 就诊 确诊 住院 以后 出现 衰竭 很快 就 装上 呼吸器 后来 又 装上 叶 克 膜 使用 33 天 现在 离开 加 护 病房 了 5 11 脱离 呼吸器 目前 逐渐 康复中 对于 解除 隔离 的 时间 张上淳 表示 住院 到 解除 隔离 中 位数 要 25 天 因为 我们 采取 比较 高 的 标准 因此 会 让 天数 看起来 比较 长 专家 小组 目前 正在 考虑 是否 需要 调整 政策</t>
  </si>
  <si>
    <t>章子怡產後不到半年復工 一天行程嚴苛「不吃飯只吃XX」</t>
  </si>
  <si>
    <t>女研究人員遭鼠咬染Delta？專家揭2疑點：很離奇</t>
  </si>
  <si>
    <t>男搶3台血氧機夾「小綿羊」測出88崩潰 ICU醫3招辨真偽</t>
  </si>
  <si>
    <t>防疫津貼參與人員都有份？分配比例明天出爐</t>
  </si>
  <si>
    <t>台科大1名學生確診 校園今日展開大消毒</t>
  </si>
  <si>
    <t>方艙醫院便當有「甲魚」 網驚：恐怖！</t>
  </si>
  <si>
    <t>因應新冠疫情 國壽取消10張住院險30天等待期</t>
  </si>
  <si>
    <t>專家「3階段」分析死亡案例 曝最嚴重狀況要做這件事</t>
  </si>
  <si>
    <t>嘉義新增3本土案例 最新足跡曝光男大生母親也染疫</t>
  </si>
  <si>
    <t>疫情害美國4千萬人申請補助 每4人中1人丟頭路</t>
  </si>
  <si>
    <t>各校備戰開學 台南實際操兵演練</t>
  </si>
  <si>
    <t>NBA》米契爾：確診前晚只睡25分鐘</t>
  </si>
  <si>
    <t>剩下七萬劑莫德納沒打完 陳時中：會天天問地方</t>
  </si>
  <si>
    <t>鍾南山憂有國家控制不了疫情 「給全世界帶來災難」</t>
  </si>
  <si>
    <t>新冠肺炎停辦表演藝術類競賽 家長請命爭取恢復舉辦</t>
  </si>
  <si>
    <t>遭謀殺800點…美媒爆川普驚嚇內幕</t>
  </si>
  <si>
    <t>公主號返台1人發燒 隔離採檢</t>
  </si>
  <si>
    <t>PO網賣防疫口罩收錢不交貨 被逮稱腹瀉疑染病</t>
  </si>
  <si>
    <t>26類人元旦起須打滿兩劑疫苗「太倉促」 莊人祥曝原因</t>
  </si>
  <si>
    <t>壽山動物園戶外又消毒 防疫期間出遊最佳首選</t>
  </si>
  <si>
    <t>保千億產業鏈 陸緊急撤回龜鱉禁食令</t>
  </si>
  <si>
    <t>不急著擴大疫苗接種 美東岸竟成防疫模範生</t>
  </si>
  <si>
    <t>陸7省市基建救市 規模25兆人幣</t>
  </si>
  <si>
    <t>北市牙醫師染疫 侯友宜強調要這麼做才能有效控制疫情</t>
  </si>
  <si>
    <t>陳時中對醫療產業不熟？ 郭正亮曝隱憂：很多人恐沒告訴他訊息</t>
  </si>
  <si>
    <t>美多州復工疫情現反彈 紐約州長：不能要錢不要命</t>
  </si>
  <si>
    <t>居家防疫 全美三分之一禁足</t>
  </si>
  <si>
    <t>居家 防疫 全美 三 分之一 禁 足</t>
  </si>
  <si>
    <t>南京市三輪全市大規模新冠病毒核酸檢測 共發現確診204例</t>
  </si>
  <si>
    <t>防疫便利貼7》居家這樣消毒才有效</t>
  </si>
  <si>
    <t>【政新鮮】陳時中怨疫苗遭攔截 鄭麗文譙他「扯三道四」</t>
  </si>
  <si>
    <t>好消息！第2名新冠肺炎痊癒者將出院 親筆信謝醫護</t>
  </si>
  <si>
    <t>網瘋傳新天地藝人信徒名單 《鬼怪》男神也被扯入</t>
  </si>
  <si>
    <t>小米11新品上市 米粉節推買1送1</t>
  </si>
  <si>
    <t>閱讀防疫 市圖電子書借閱增4成</t>
  </si>
  <si>
    <t>血友病母子隔離期滿 手寫信致謝</t>
  </si>
  <si>
    <t>《國際金融》疫苖再傳好消息 美股期指勁揚</t>
  </si>
  <si>
    <t>北漂男回屏東奔喪被罵「想害死誰」眾人怒了：有多病態？</t>
  </si>
  <si>
    <t>居家檢疫男林東京遭起底 竟是「大地主之子」身家破億</t>
  </si>
  <si>
    <t>攔截！義大利扣押希臘近2000呼吸器</t>
  </si>
  <si>
    <t>BNT下一波輪到誰打？陳時中這樣說</t>
  </si>
  <si>
    <t>Delta群聚有關？北農、環南群聚病毒基因定序出爐</t>
  </si>
  <si>
    <t>50多歲女打AZ後嘴唇麻痺 全台第3起嚴重過敏個案</t>
  </si>
  <si>
    <t>北市再爆本土個案 8旬老婦就醫確診 Ct值曝光</t>
  </si>
  <si>
    <t>屏東新冠肺炎確診數破蛋 縣府籲接觸史單純勿驚慌</t>
  </si>
  <si>
    <t>BTS防彈少年團驚喜開放「線上演唱會」 全球粉絲嗨爆</t>
  </si>
  <si>
    <t>疫情蔓延 陸客大減 日旅遊業3月內損失1400億</t>
  </si>
  <si>
    <t>國際民航組織 #新冠肺炎 #全球 #日本 #疫情</t>
  </si>
  <si>
    <t>《生醫股》齊防疫 葡萄王捐贈機能飲料</t>
  </si>
  <si>
    <t>苗栗縣今校正回歸增2名確診 1有萬華活動史</t>
  </si>
  <si>
    <t>打完疫苗可以做哪些事？ 醫師條列告訴你</t>
  </si>
  <si>
    <t>金管會：打疫苗出事將有保單承保</t>
  </si>
  <si>
    <t>AZ疫苗分配「高雄比雙北多」惹議 陳時中再說明</t>
  </si>
  <si>
    <t>董事長樂團、官靈芝、王斯禹、戴祖雄聲援國際抗疫！籲民眾待家中 </t>
  </si>
  <si>
    <t>習近平：防範國內疫情反彈與國際疫情輸入風險</t>
  </si>
  <si>
    <t>《國際金融》抗疫救經濟 巴西央行降息3碼</t>
  </si>
  <si>
    <t>北市產發局傳1名員工確診 衛生局急匡列</t>
  </si>
  <si>
    <t>紐約醫療告急 調貨櫃車停屍</t>
  </si>
  <si>
    <t>港都盃田徑賽照辦 高市府：若中央有建議 地方會配合</t>
  </si>
  <si>
    <t>境外移入暴增 名醫怒嗆：出國一時爽 全國火葬場</t>
  </si>
  <si>
    <t>財長盤前喊話 國安基金隨時備戰</t>
  </si>
  <si>
    <t>疫情升溫上週末陽明山仍湧車潮 吳鳳怒批自私</t>
  </si>
  <si>
    <t>美零售業黑暗時刻 逾60萬人停薪休假</t>
  </si>
  <si>
    <t>網盛傳武漢病毒所隱匿零號病人 所內人員否認</t>
  </si>
  <si>
    <t>美股昨開盤 道瓊一度大跌近千點</t>
  </si>
  <si>
    <t>減少健康不平等 學者：先讓疫情高的國家打第1劑</t>
  </si>
  <si>
    <t>日本是否提升旅遊疫情建議？ 陳時中：在提升邊緣中</t>
  </si>
  <si>
    <t>隔8個月又1大陸輸入病例 40歲台男江蘇工作染疫</t>
  </si>
  <si>
    <t>陸31省份新增確診27例 本土20例在廣東</t>
  </si>
  <si>
    <t>防疫旅館地點不公開 柯文哲再提「順時中」</t>
  </si>
  <si>
    <t>長輩艷陽下排隊打疫苗畫面曝 網：考驗老人家生存意志</t>
  </si>
  <si>
    <t>竹市紓困再助攻OT廠商租金減半</t>
  </si>
  <si>
    <t>自我保護 嘉市鼓勵學子戴口罩</t>
  </si>
  <si>
    <t>新北市醫院、護理之家20日起禁止探病 陪病限1人</t>
  </si>
  <si>
    <t>1小時3人急診！醫曝連假後篩檢潮驚人</t>
  </si>
  <si>
    <t>確診學生數本土境外各加1 總人數增至746人</t>
  </si>
  <si>
    <t>疫情時代改為線上教學 桃園50位中輟生回歸學習</t>
  </si>
  <si>
    <t>男星疫情0收入老婆將臨盆 棄夢想改當上班族</t>
  </si>
  <si>
    <t>新北疫情持續穩定 侯友宜：考慮假日停開線上疫情說明會</t>
  </si>
  <si>
    <t>居家檢疫14天者 嘉義市22家醫院所視訊看診</t>
  </si>
  <si>
    <t>兩日客染新冠肺炎 達美航空追蹤</t>
  </si>
  <si>
    <t>防敦睦艦隊感染重演 海軍艦艇及外島配置肺炎檢測儀</t>
  </si>
  <si>
    <t>學生驚傳染新冠 美校開學第1天就隔離</t>
  </si>
  <si>
    <t>工商社論》台灣與新經濟的距離</t>
  </si>
  <si>
    <t>小黃司機DIY「防疫神簾」網笑讚超有才</t>
  </si>
  <si>
    <t>《專訪》是方攀「雲」計畫 手握FAMG四大巨頭籌碼肥單(4-1)</t>
  </si>
  <si>
    <t>船員確診！台中急疫調 已入住社區半個月</t>
  </si>
  <si>
    <t>荷蘭疫情再度升溫 政府考慮重啟防疫限制</t>
  </si>
  <si>
    <t>印度神童預言 12月注意6件事 明年恐面臨好幾個災難</t>
  </si>
  <si>
    <t>隆達UVC LED滅菌佳 迎合新冠肺炎新需求</t>
  </si>
  <si>
    <t>研究指寧波祭佛活動致67人確診 並進一步引發社區疫情爆發</t>
  </si>
  <si>
    <t>今日截止！17萬人已預約混打 這廠牌最多人選</t>
  </si>
  <si>
    <t>金在中被虧「確診中」 警曝這原因「可能不會受罰」</t>
  </si>
  <si>
    <t>不用戳鼻孔！只需「呼氣30秒」陸科學家研發快篩技術</t>
  </si>
  <si>
    <t>三級警戒降級5指標 專家：只有這方法可以達成</t>
  </si>
  <si>
    <t>北部女發病29天才確診！醫師怕：早就感染了</t>
  </si>
  <si>
    <t>武漢爆發疫情前2個月 巴西已出現新冠肺炎病毒</t>
  </si>
  <si>
    <t>醫籲：使用吸入劑氣喘用藥 可望緩解COVID-19症狀</t>
  </si>
  <si>
    <t>慈濟大學1學生確診肺結核 好家在非新冠</t>
  </si>
  <si>
    <t>染Delta埃及爸同機旅客未匡列 醫：這樣疫調不會死嗎</t>
  </si>
  <si>
    <t>基隆701位第一線醫護 明日中午前全數施打疫苗</t>
  </si>
  <si>
    <t>南韓新冠肺炎爆不停 台網友卻狂讚</t>
  </si>
  <si>
    <t>《通信網路》威潤抗菌新品為防疫助陣 新品下季推出</t>
  </si>
  <si>
    <t>民間防疫站／社區傳播風險飆高！釣出輕症者 醫籲開放新冠自費篩檢</t>
  </si>
  <si>
    <t>Fed大動作寬鬆 反使美股熔斷亞股全趴</t>
  </si>
  <si>
    <t>中研院P3實驗室調查報告出爐 陳宜民提出五大質疑</t>
  </si>
  <si>
    <t>北市學生接種BNT後 可請3天疫苗假</t>
  </si>
  <si>
    <t>被新冠肺炎嚇到 庶民信心創94個月最大跌幅</t>
  </si>
  <si>
    <t>黑珍珠Naomi Campbell防疫「包到剩眼睛」　再加護目鏡隔絕病毒</t>
  </si>
  <si>
    <t>路上還是有人不戴口罩 鄉民女神潔哥怒提一政策網讚爆</t>
  </si>
  <si>
    <t>新北今再暴增310例 「這一區」確診數飆高</t>
  </si>
  <si>
    <t>重演1918西班牙大流感？逾5000萬人亡 比一戰慘烈</t>
  </si>
  <si>
    <t>報價有望漲 DRAM需求升溫 國巨南亞科 擁題材</t>
  </si>
  <si>
    <t>新增7人打疫苗後死亡 累計1055例</t>
  </si>
  <si>
    <t>港傳人畜傳播 確診者寵物犬呈弱陽性</t>
  </si>
  <si>
    <t>景碩、華邦電 外資高分貝喊進</t>
  </si>
  <si>
    <t>最毒麻將桌感染源抓到了 仁惠醫院員工隱匿重罰30萬</t>
  </si>
  <si>
    <t>國外指數期貨贏家專欄－美股氣盛 道瓊期人氣足</t>
  </si>
  <si>
    <t>陳時中500台救命神器挨轟慢半拍 HFNC廠員工揭內幕</t>
  </si>
  <si>
    <t>中醫師校園教防疫 養身茶、香包內服外用提升免疫力</t>
  </si>
  <si>
    <t>疫情席捲侯友宜民調第一 陳時中吊車尾　政治人物最新排名曝光</t>
  </si>
  <si>
    <t>台灣輸出再增一例到上海 莊人祥回應了</t>
  </si>
  <si>
    <t>王雪紅回鍋 再兼宏達電執行長</t>
  </si>
  <si>
    <t>MLB》憤怒鳥回歸2連勝 紅人隊中鏢停賽</t>
  </si>
  <si>
    <t>中市清潔隊 人潮熱點消毒防疫</t>
  </si>
  <si>
    <t>新竹縣新增1確診 曾陪家人到花蓮待三天</t>
  </si>
  <si>
    <t>Omicron來勢洶洶 高端：評估第3劑追加及疫苗混打</t>
  </si>
  <si>
    <t>澎湖縣全縣學校防疫總體檢 補助400人以上學校購置紅外線體溫儀</t>
  </si>
  <si>
    <t>台灣沒有大意的本錢 醫曝「現在面臨3危機」</t>
  </si>
  <si>
    <t>新冠疫情衝擊 陸機票1折吐血價 上海─重慶200元</t>
  </si>
  <si>
    <t>張鈞甯捐物資幫醫護人員加油打氣 呼籲端午節勿返鄉移動</t>
  </si>
  <si>
    <t>《半導體》Q2營收登峰 聯詠再刷天價</t>
  </si>
  <si>
    <t>江啟臣批朝野互信因罷韓越顯薄弱 籲高雄市民再給韓機會</t>
  </si>
  <si>
    <t>北市校園疫情拉警報！今日增774人請防疫假 總數飆至5113人</t>
  </si>
  <si>
    <t>全美首例莫德納引發罕見血栓 65歲男接種10天後住院身亡</t>
  </si>
  <si>
    <t>美新冠死者破4千 聯國：二戰來最大危機</t>
  </si>
  <si>
    <t>宅神朱學恒掩面！只為這件事</t>
  </si>
  <si>
    <t>防疫商機發酵 普生新冠檢測領先出貨</t>
  </si>
  <si>
    <t>桃園大型護理之家1住民確診 全院採檢結果出爐</t>
  </si>
  <si>
    <t>李英宏情人節揪女友放閃 新冠肺炎肆虐少賺近百萬</t>
  </si>
  <si>
    <t>雍智Q1營運登五高 Q2續旺</t>
  </si>
  <si>
    <t>歐美返國嗅味覺喪失 張上淳：不排除病毒已變異</t>
  </si>
  <si>
    <t>台南藍營要求市府 全面調查公部門清明連假旅遊史</t>
  </si>
  <si>
    <t>疫情獲控制 今年或仍是個好年</t>
  </si>
  <si>
    <t>50歲以上今開打疫苗 5大常見問題一次看懂</t>
  </si>
  <si>
    <t>陸Q1經濟拉警報 降準降息已不遠</t>
  </si>
  <si>
    <t>楊培安嗆蔡政府全靠陳時中 郭昱晴酸：扯台灣後腿</t>
  </si>
  <si>
    <t>疫情回不了國健保被取消 內政部：4年內回來馬上恢復</t>
  </si>
  <si>
    <t>基隆成功巿場攤商到萬華歌廳後確診 身體不適仍做生意</t>
  </si>
  <si>
    <t>雲林首例感染源不明病患 衛生局緊急進駐台西鄉快篩</t>
  </si>
  <si>
    <t>長者打AZ死亡通報率高 立委轟還要讓長輩打AZ嗎？</t>
  </si>
  <si>
    <t>國銀３月大衰退 拖累首季變最弱</t>
  </si>
  <si>
    <t>5天16例！今又增5境外移入確診 指揮中心14：00說明</t>
  </si>
  <si>
    <t>400例確診校正回歸 藍營質疑蓋牌酸陳時中：數字管理大師</t>
  </si>
  <si>
    <t>無症狀確診者全送防疫旅館 柯P：怕傳染及死在家沒人知</t>
  </si>
  <si>
    <t>娛樂8點半》志村健封日本喜劇王 留14億遺產私生子成謎</t>
  </si>
  <si>
    <t>周玉蔻獨家曝疫苗到貨時間 網諷：還要陳時中幹嘛？</t>
  </si>
  <si>
    <t>狂賞閉門羹！學者：陸向澳釋3大訊息</t>
  </si>
  <si>
    <t>疫情升溫網友私訊提醒「要囤貨」 蘿莉塔無奈嘆：人果然自私</t>
  </si>
  <si>
    <t>博智金像電後市樂觀</t>
  </si>
  <si>
    <t>馮迪索讚最愛導演李安 透露「很想來台灣走走」</t>
  </si>
  <si>
    <t>網球》喬柯維奇批ATP疫苗制度：不該用額外福利收買人</t>
  </si>
  <si>
    <t>想擺脫新冠疫情 美媒指按疫苗接種速度得等7年</t>
  </si>
  <si>
    <t>Lady Gaga公開挺譚德塞 遭挖媽曾任世衛親善大使</t>
  </si>
  <si>
    <t>夫打完莫德納隔天中風癱瘓 妻崩潰：他過去很健康</t>
  </si>
  <si>
    <t>桌球好手江宏傑任防疫大使 陳時中：比我們更吸睛</t>
  </si>
  <si>
    <t>台灣丹麥合製血清檢測碟片 力拚5月取得認證上市</t>
  </si>
  <si>
    <t>嘉藥保營系 克服疫情助學生實習</t>
  </si>
  <si>
    <t>AZ疫苗增15疑似嚴重不良事件創新高 3人疑似血栓</t>
  </si>
  <si>
    <t>雙和醫院3護理師遭砍 學姊心疼「韌帶、神經都被砍斷」</t>
  </si>
  <si>
    <t>陳時中訪桃園 坦言疫情各縣市都會有</t>
  </si>
  <si>
    <t>陳柏惟爆大甲媽退讓這一步 網哀嚎：不是這個阿！</t>
  </si>
  <si>
    <t>中市補習班防疫工作不鬆懈 開學前1家配1盒備用口罩</t>
  </si>
  <si>
    <t>直播》先別管新冠了 陸考古工作者直擊秦陵兵馬俑</t>
  </si>
  <si>
    <t>瘋囤保險套 陸銷量一天暴增437％</t>
  </si>
  <si>
    <t>台灣防疫超鬆懈！他曝崩潰實況 網譏：全靠良心</t>
  </si>
  <si>
    <t>嗆爆確診高中生爽玩希臘 網驚：風向變了</t>
  </si>
  <si>
    <t>修法嚇阻居家隔離趴趴走</t>
  </si>
  <si>
    <t>Makiyo住家管理員確診新冠肺炎 驚曝社區未消毒、沒通知住戶</t>
  </si>
  <si>
    <t>竹縣長照機構確診再＋1 老翁發燒6度採檢轉陽</t>
  </si>
  <si>
    <t>美中發言人爭辯病毒起源 台灣發言人這樣說</t>
  </si>
  <si>
    <t>超謹慎任務！武漢包機現場照片曝光 深夜到白天才完成</t>
  </si>
  <si>
    <t>疫情燒全台 藍營曝「３負面聲量」拖垮民進黨：蔡政府民意崩盤</t>
  </si>
  <si>
    <t>「疫」再攪局！漫威《黑寡婦》、美國告示牌音樂獎無限期延期</t>
  </si>
  <si>
    <t>星聚點資遣費爭議 勞動局呼籲資方妥善處理</t>
  </si>
  <si>
    <t>英國首相強森1招孫子兵法 0成本對付新冠與刁民</t>
  </si>
  <si>
    <t>湯紹成》當美中台同在「疫」起</t>
  </si>
  <si>
    <t>新冠肺炎</t>
  </si>
  <si>
    <t>超佛防疫保單 新光將重啟銷售</t>
  </si>
  <si>
    <t>50多歲菲籍男性來台工作 檢疫期滿自費採檢竟確診</t>
  </si>
  <si>
    <t>伊朗恐有社區感染 已累計8死</t>
  </si>
  <si>
    <t>樂觀防疫？ 醫揭日人超狂認知</t>
  </si>
  <si>
    <t>總統蔡英文打高端 無法赴美？指揮中心回應了</t>
  </si>
  <si>
    <t>林岱樺不戴口罩原因曝光？曾高喊一句驚呆眾人</t>
  </si>
  <si>
    <t>瀾湄合作 李克強提強化對接</t>
  </si>
  <si>
    <t>英超》兩人病毒呈陽性 目前8人確診</t>
  </si>
  <si>
    <t>新竹縣新增3例 又見京元電子員工染疫 足跡曝光</t>
  </si>
  <si>
    <t>員工染疫 三星暫關手機工廠</t>
  </si>
  <si>
    <t>日本新增病例再創新高 菅義偉拒發布緊急狀態</t>
  </si>
  <si>
    <t>議員紛紛隔離 美國會研擬替代表決方案</t>
  </si>
  <si>
    <t>新竹縣7護理之家禁止探病</t>
  </si>
  <si>
    <t>社論／紓困方案不能淪為打秋風</t>
  </si>
  <si>
    <t>陸委會打臉網友：血友病少年是中華民國籍</t>
  </si>
  <si>
    <t>高雄觀光業者吐苦水 綠委籲滾動檢討</t>
  </si>
  <si>
    <t>台美借疫制中 陸急援外反制</t>
  </si>
  <si>
    <t>AIT油漆工確診 打過2劑BNT仍染疫 兒在手搖店工作先發病</t>
  </si>
  <si>
    <t>嘉縣確診＋4 堂兄弟泡茶群聚1傳3</t>
  </si>
  <si>
    <t>香港波神自拍辣照炸出渾圓北半球 網：噴鼻血了</t>
  </si>
  <si>
    <t>日本防疫還有救嗎？網答案一面倒</t>
  </si>
  <si>
    <t>倫敦關40地鐵站 首相府稱不會封城</t>
  </si>
  <si>
    <t>70天就控制住新冠疫情 蘇貞昌大讚：台灣是外媒口中的「第2次奇蹟」</t>
  </si>
  <si>
    <t>東洋涉內線交易案 王鴻薇想起陳時中一句話酸：被檢調打臉</t>
  </si>
  <si>
    <t>宜蘭縣不禁師生出國 採柔性勸導</t>
  </si>
  <si>
    <t>疫情竟成為詐團新手法 女險遭「猛男」騙15萬</t>
  </si>
  <si>
    <t>《電腦設備》技嘉5月營收再創新高 外資持股逾3成</t>
  </si>
  <si>
    <t>無視疫情嚴峻 台南連鎖健身房7人群聚遭警告發</t>
  </si>
  <si>
    <t>《國際社會》印度全國封鎖令 延至5月3日</t>
  </si>
  <si>
    <t>日贈AZ疫苗6／15開打 75歲以上等5類人優先接種</t>
  </si>
  <si>
    <t>裸照曝光！牛郎帝王「一句話」網爆動：能活著真好</t>
  </si>
  <si>
    <t>500多位無症狀、輕症、快篩陽性者 已入住加強版集中檢疫所</t>
  </si>
  <si>
    <t>隱瞞！伊朗新冠肺炎萬人塚 連太空都看得見</t>
  </si>
  <si>
    <t>全球最安全國家竟是它！旁邊都是新冠重災區</t>
  </si>
  <si>
    <t>環孢素老藥新用 搭瑞德西韋治療新冠</t>
  </si>
  <si>
    <t>傻眼！疫情爆發前特價也沒人買 好市多這產品今被秒殺</t>
  </si>
  <si>
    <t>香港新增44確診病例 29宗為境外輸入</t>
  </si>
  <si>
    <t>防疫消毒 高市各早療中心為孩子健康防護把關</t>
  </si>
  <si>
    <t>輝瑞／BNT疫苗到手 我獲COVAX分配50萬劑</t>
  </si>
  <si>
    <t>施打流感疫苗 降低誤認機率</t>
  </si>
  <si>
    <t>孟加拉確診夫妻返台遭爆沒穿防護衣 指揮中心證實</t>
  </si>
  <si>
    <t>國台辦「願意盡速安排提供大陸疫苗」 陸委會回應</t>
  </si>
  <si>
    <t>混打、高端美國都不承認？醫：4種打法才算數</t>
  </si>
  <si>
    <t>搶預約疫苗健保快易通App卻卡1小時 3招順利搞定</t>
  </si>
  <si>
    <t>指揮中心成「謊言中心」？她勸小英：把陳時中這絆腳石搬開</t>
  </si>
  <si>
    <t>全國疫情降2級警戒盧秀燕：1前提2態度</t>
  </si>
  <si>
    <t>口罩魔人真的多 關車門吃便當被敲窗糾正 駕駛傻眼：怎麼吃？</t>
  </si>
  <si>
    <t>新冠重創 多數經濟體恐陷半年深凍期</t>
  </si>
  <si>
    <t>新增152例確診新冠肺炎 韓國累計8565例</t>
  </si>
  <si>
    <t>為防疫 新安東京產也將健康險升級</t>
  </si>
  <si>
    <t>全台首例 社區感染瀕臨界點！兩名學生確診 北部一高中全校停課</t>
  </si>
  <si>
    <t>《科技》印度疫情失控 全球今年智慧機成長率亮警訊</t>
  </si>
  <si>
    <t>IMF上修今年全球經濟成長率</t>
  </si>
  <si>
    <t>《金融》「疫」外助攻 股東會電子投票再創巔峰</t>
  </si>
  <si>
    <t>曹西平出道40年沒遇過 心酸工作全停擺：病毒還沒走會先餓死</t>
  </si>
  <si>
    <t>慘兮兮！疫情衝擊 全球旅遊業回落至30年前水準</t>
  </si>
  <si>
    <t>口罩地圖有這缺點！藥師被謾罵淚訴：不發號碼牌了</t>
  </si>
  <si>
    <t>板橋某社區今日將解隔離 侯友宜：大樓清消已完成</t>
  </si>
  <si>
    <t>新光產 假日增額保險 出門好FUN心</t>
  </si>
  <si>
    <t>新冠病毒又來！ 北京半封城 逾千航班取消</t>
  </si>
  <si>
    <t>新冠疫情衝擊 新北家暴第一季成長3成</t>
  </si>
  <si>
    <t>徐國勇提取消全國性酒測 網友投票一面倒</t>
  </si>
  <si>
    <t>大陸陳薇團隊研發新冠疫苗 進入臨床試驗</t>
  </si>
  <si>
    <t>「抗體檢測」成防疫新戰場 專家：但也存在無效抗體</t>
  </si>
  <si>
    <t>確診外籍看護友人 二採陰性解除隔離</t>
  </si>
  <si>
    <t>屏東為防疫人員加保防疫險 並擴大疫苗施打對象</t>
  </si>
  <si>
    <t>馬文君向醫護人員致敬 號召科技公司送物資</t>
  </si>
  <si>
    <t>新冠肺炎假訊息流竄 屏警接獲6起報案</t>
  </si>
  <si>
    <t>日贈124萬劑AZ疫苗加速配送 莊人祥：最快明天開打</t>
  </si>
  <si>
    <t>疫情嚴峻民眾往郊外跑 原鄉族人呼籲：別再上山</t>
  </si>
  <si>
    <t>BBC女主播打AZ腦出血亡 重症醫：出現7症狀要注意</t>
  </si>
  <si>
    <t>女星確診新冠肺炎首露面 治癒康復雙頰凹陷顯憔悴</t>
  </si>
  <si>
    <t>春節集中檢疫所17日開放預約 莊人祥：無法選擇位置</t>
  </si>
  <si>
    <t>磐石艦一夜增21確診 累計24人染新冠肺炎</t>
  </si>
  <si>
    <t>Delta株有多強？10秒擦肩就染疫！專家：疫苗外更要高規格防堵</t>
  </si>
  <si>
    <t>憂孩子打BNT釀心肌炎 醫提1建議家長全讚爆</t>
  </si>
  <si>
    <t>光良隔12年二度攻蛋 強碰疫情靠食補強身　　</t>
  </si>
  <si>
    <t>有樣學樣！川普稱消毒水殺病毒 真有越多人嘗試</t>
  </si>
  <si>
    <t>女星戴口罩「激凸緊身衣」逛街 豪乳上圍傲人</t>
  </si>
  <si>
    <t>大規模打疫苗沒做到這件事 醫：恐爆發下一場戰役</t>
  </si>
  <si>
    <t>疫情指揮中心：即日起地方政府提供採檢民眾關懷電話</t>
  </si>
  <si>
    <t>室內要戴口罩！新冠會空氣傳播 全球數百專家聯手打臉WHO</t>
  </si>
  <si>
    <t>新冠死亡率和「這因素」有關 沈富雄直言：十分驚人！</t>
  </si>
  <si>
    <t>結婚44周年 國際導演吳宇森用愛抗疫</t>
  </si>
  <si>
    <t>中醫大新竹分院落實社交距離 保護醫護人員</t>
  </si>
  <si>
    <t>義大利疫情失控 緊急命令擴大封城 米蘭和威尼斯都在列</t>
  </si>
  <si>
    <t>全球新冠死亡破百萬 美國醫學會驚爆：可能少算一大截</t>
  </si>
  <si>
    <t>抗疫國家隊 長聖生技強攻細胞治療</t>
  </si>
  <si>
    <t>新興亞債跟漲抗跌 後疫首選</t>
  </si>
  <si>
    <t>北海道38歲知事太帥！先見之明因曾是福祉保健局主任</t>
  </si>
  <si>
    <t>安倍下令：9日起陸韓入境旅客強制隔離14天</t>
  </si>
  <si>
    <t>基層醫護開放混打疫苗 陳時中鬆口：快了</t>
  </si>
  <si>
    <t>教育部建議中秋前採遠距教學 台大、清大、台師大延後實體上課</t>
  </si>
  <si>
    <t>屏縣新增4例確診 屏縣長疾呼：別再群聚了</t>
  </si>
  <si>
    <t>肺炎疫情憂慮不散且油價崩跌 亞股一片慘綠</t>
  </si>
  <si>
    <t>達邦蛋白漳州廠 迎新單</t>
  </si>
  <si>
    <t>英國新冠肺炎病例破百 醫護認為NHS沒準備好</t>
  </si>
  <si>
    <t>北市75歲以上15日開打第2劑 柯文哲批中央疫苗規畫亂七八糟</t>
  </si>
  <si>
    <t>陸加入「新冠肺炎疫苗實施計劃」 優先供應發展中國家</t>
  </si>
  <si>
    <t>廣州再添9本土病例 均來自封閉管理區域及隔離觀察人員</t>
  </si>
  <si>
    <t>驚悚！ 肺炎確診一口氣增5例</t>
  </si>
  <si>
    <t>《半導體》精測5月營收續登同期高 Q3營運審慎樂觀</t>
  </si>
  <si>
    <t>國高中生要不要打BNT？醫一句話網秒懂了</t>
  </si>
  <si>
    <t>金門不甩中央？楊鎮浯縣長批中央已讀不回</t>
  </si>
  <si>
    <t>2萬件隔離衣遇火燒車被燒毀 國家隊聚陽霸氣回應：貨足再送新的</t>
  </si>
  <si>
    <t>再傳7例新冠確診 北京餐飲防控升、陸股備戰</t>
  </si>
  <si>
    <t>非在籍長者憂打不到第2劑AZ 北市：會開放電話登記向中央爭取</t>
  </si>
  <si>
    <t>《水泥股》兩廣去庫存仍有壓 台泥今年獲利保守</t>
  </si>
  <si>
    <t>全球哪是最後淨土？網答案超意外</t>
  </si>
  <si>
    <t>川普抗疫採取緊急行動！美對歐封關30天 祭紓困措施</t>
  </si>
  <si>
    <t>微軟受疫 業績上雲端</t>
  </si>
  <si>
    <t>打工族紓困1萬元今開放請領 申請資格、條件一次看</t>
  </si>
  <si>
    <t>新北確診數壓不下來 侯友宜再次呼籲「低度再低度」活動</t>
  </si>
  <si>
    <t>11月入境美國得完整接種疫苗 帶孩子出國怎辦？</t>
  </si>
  <si>
    <t>港府將引入新冠口服藥 專家：對Delta變種病毒有效</t>
  </si>
  <si>
    <t>羅比威廉斯驚傳確診新冠肺炎 隔離天價費用曝光</t>
  </si>
  <si>
    <t>防範新冠肺炎 龜山警異地辦公</t>
  </si>
  <si>
    <t>北市新增1本土 中秋赴花蓮探親</t>
  </si>
  <si>
    <t>新冠肺炎疫苗 拚夏末問世</t>
  </si>
  <si>
    <t>陸26日新增22例確診新冠肺炎 本土占12例</t>
  </si>
  <si>
    <t>疫情嚴重 韓國航班遭以色列拒絕入境原路返回</t>
  </si>
  <si>
    <t>印尼新增染疫死亡人數創單日新高</t>
  </si>
  <si>
    <t>輝瑞執行長博爾拉 向對手喊話 合力研發新冠肺炎疫苗</t>
  </si>
  <si>
    <t>川普兒子：大選結束 病毒會很神奇地消失</t>
  </si>
  <si>
    <t>中市議會19日召開臨時會 防疫工作及振興經濟成重點</t>
  </si>
  <si>
    <t>光寶科執行長陳廣中 華新科、閎暉結親 志在車用</t>
  </si>
  <si>
    <t>《通信網路》亞太電瞄準618檔期 推限時「88勁量吃到飽單門號」</t>
  </si>
  <si>
    <t>《業績-電機》新梯完工認列 崇友3月營收年增15％</t>
  </si>
  <si>
    <t>陸放寬新能源車准入門檻</t>
  </si>
  <si>
    <t>抱怨排隊買口罩苦日子 新店人慘遭圍剿砲轟</t>
  </si>
  <si>
    <t>高市強制居格入住防疫旅館 議員批雙重懲罰</t>
  </si>
  <si>
    <t>3男亂PO假訊息 檢緩起訴要求親自上網澄清</t>
  </si>
  <si>
    <t>回擊WHO 美女立委：譚德塞不要再WHO爛！</t>
  </si>
  <si>
    <t>輔大今起禁外人進入 師生需憑證入校</t>
  </si>
  <si>
    <t>《科技》疫情資安不打折 思科免費提供4款產品</t>
  </si>
  <si>
    <t>北市校園BNT疫苗接種 8天1828人施打後不適、1人胸痛住院</t>
  </si>
  <si>
    <t>民主黨全代會視訊登場 主辦城空盪盪發不了財</t>
  </si>
  <si>
    <t>上限50萬 首張移工防疫保單問世</t>
  </si>
  <si>
    <t>醫曝打疫苗後最詭異副作用 網刷爆留言認證：真的超餓</t>
  </si>
  <si>
    <t>柯文哲預估疫情明年春節前結束「北市疫苗護照」將上線</t>
  </si>
  <si>
    <t>爽約劑施打更實在 榮總醫：讓中年人可提早打疫苗</t>
  </si>
  <si>
    <t>大陸新冠肺炎疫情 最新數字曝光</t>
  </si>
  <si>
    <t>獨／阿妹受疫情影響工作停擺！陳鎮川「找事做」代言名車</t>
  </si>
  <si>
    <t>台鐵5月1日起 全面量體溫</t>
  </si>
  <si>
    <t>除了護眼 還能對抗新冠肺炎？研究發現蝦紅素的3個益處</t>
  </si>
  <si>
    <t>新增1境外移入 印尼生來台唸書確診 曾接觸染疫者</t>
  </si>
  <si>
    <t>群聚民眾勸不聽 嘉義公園多座涼亭變鐵籠</t>
  </si>
  <si>
    <t>供應鏈染疫 微軟財測拉警報</t>
  </si>
  <si>
    <t>《國際產業》全球精品市場 本季恐崩跌6成</t>
  </si>
  <si>
    <t>美女廚神受困武漢「拒絕搭專機返港」 背後貼心原因曝光！</t>
  </si>
  <si>
    <t>全球經濟看他臉色？這大國手握關鍵命脈</t>
  </si>
  <si>
    <t>《科技》逆風中成長 創夢市集遴選9加速育成團隊</t>
  </si>
  <si>
    <t>陳時中拜年捎來好消息 「嘉玲」歡度情人節</t>
  </si>
  <si>
    <t>郭董缺原廠授權書是刁難？律師反認是「鬆綁」關鍵在4字</t>
  </si>
  <si>
    <t>台女拒付3萬隔離費 成首位遭南韓驅逐出境外國人</t>
  </si>
  <si>
    <t>北農爆疫情柯文哲成箭靶 何志偉送暖：不該苛責 把事情做好最重要</t>
  </si>
  <si>
    <t>血液淨化治新冠肺炎？張上淳：需要更多科學證據</t>
  </si>
  <si>
    <t>美股多空廝殺非底部！謝金河曝止穩關鍵</t>
  </si>
  <si>
    <t>新冠肺炎蔓延 白宮坦承檢驗工具不夠用</t>
  </si>
  <si>
    <t>疫情恐慌豪擲3億買壽險 保戶：還想加碼</t>
  </si>
  <si>
    <t>參與IDU國際防疫會議 江啟臣：WHO不該排除我國</t>
  </si>
  <si>
    <t>馬偕5／4起入口處免插卡 7點就開放進入醫院</t>
  </si>
  <si>
    <t>日本東京新增3例新冠肺炎 總計32例</t>
  </si>
  <si>
    <t>共454人確診！鑽石公主號再99人染新冠肺炎</t>
  </si>
  <si>
    <t>微星科技 跨足商務筆電</t>
  </si>
  <si>
    <t>僅台灣記取SARS教訓？網曝關鍵</t>
  </si>
  <si>
    <t>金門再獲配8600劑AZ疫苗 預計9／15開打</t>
  </si>
  <si>
    <t>女打莫德納狂掉髮慘變禿頭 莊人祥回應了</t>
  </si>
  <si>
    <t>父母確診缺席 小祖維瑞夫掛心</t>
  </si>
  <si>
    <t>美議員提議設李文亮廣場 付雪潔說話了</t>
  </si>
  <si>
    <t>PO文被羅一鈞拿去通報WHO 貼文本人現身回18字</t>
  </si>
  <si>
    <t>八點檔女星傳訊求降房租 見房東冷回一訊息嘆：想念南部的人情味</t>
  </si>
  <si>
    <t>案34爆院內群聚感染！無症狀可人傳人？醫師憂心吐一句</t>
  </si>
  <si>
    <t>新化林場踏青 遠離疫情煩憂</t>
  </si>
  <si>
    <t>影》主人染新冠 15狗＋1貓慘被撲殺引眾怒 集體逃難衝擊畫面曝光</t>
  </si>
  <si>
    <t>疫苗接種提早達標 盧秀燕：26日第1劑施打率將達70％以上</t>
  </si>
  <si>
    <t>4類慢性病患 若染疫最致命</t>
  </si>
  <si>
    <t>確診海軍高雄再增1人 第6波足跡曝光 曾去蓮池潭</t>
  </si>
  <si>
    <t>高鐵員工搶打莫德納 高市衛生局調查報告出爐</t>
  </si>
  <si>
    <t>破萬台灣人急返國 學者推估增500確診</t>
  </si>
  <si>
    <t>拚提升疫苗覆蓋率 南投縣民打第2劑疫苗送肉鬆</t>
  </si>
  <si>
    <t>修補中歐雙邊信任危機</t>
  </si>
  <si>
    <t>蔡英文力保國產疫苗 柯文哲：若是我會採韓國代工策略</t>
  </si>
  <si>
    <t>俄國聲樂女王巡演染疫 涅翠柯：不後悔演出</t>
  </si>
  <si>
    <t>為何「拒絕」30多位候補台人上機？陳時中這樣說</t>
  </si>
  <si>
    <t>佛光山：嬌生已與我政府對接上 多了一絲希望</t>
  </si>
  <si>
    <t>太自信成台灣防疫破口</t>
  </si>
  <si>
    <t>口罩趕緊戴起來！醫喊：日女染疫 端午這波來不及擋了</t>
  </si>
  <si>
    <t>大盤賺走虱目魚價差 綠委促漁業署調查</t>
  </si>
  <si>
    <t>「3＋11」補充報告蘇貞昌道歉 國民黨團不接受佔領議場</t>
  </si>
  <si>
    <t>基隆為開學防疫拉警報 林右昌：各班將配置防疫物資</t>
  </si>
  <si>
    <t>庶民買股意願 連三月攀升</t>
  </si>
  <si>
    <t>股利率亮眼 台股列亞洲前段</t>
  </si>
  <si>
    <t>傳裁員3成？新冠肺炎衝擊百貨業　微風開出裁員第一槍</t>
  </si>
  <si>
    <t>北部私大驚傳男學生出國旅遊！校方危機處理妥當</t>
  </si>
  <si>
    <t>暗批自己人？陸駐美大使：「病毒來自美軍」說太瘋狂</t>
  </si>
  <si>
    <t>今增4境外移入 印度返台專機累計5人確診</t>
  </si>
  <si>
    <t>直播》跟進自購疫苗？柯：若再等不到 北市會「自謀生路」</t>
  </si>
  <si>
    <t>《Pokémon GO》3月凱西社群日延期 補償辦法出爐</t>
  </si>
  <si>
    <t>天冷禽流感猖獗 雲林撲殺3萬多隻雞</t>
  </si>
  <si>
    <t>桃醫血漿淨化術 救回6重症患者</t>
  </si>
  <si>
    <t>川普新冠病情比已知更嚴重 出現重大急症 一度考慮裝呼吸器</t>
  </si>
  <si>
    <t>卡神開庭前一晚先在臉書討拍 這句話讓網友暴怒</t>
  </si>
  <si>
    <t>【三級警戒】家樂福板橋店被民眾塞爆！ 賣場直接半降鐵門不給進</t>
  </si>
  <si>
    <t>復賽在即 NBA靠智慧戒指防疫</t>
  </si>
  <si>
    <t>【百日演說】拜登向陸表明：美將在印太維持強大軍事存在</t>
  </si>
  <si>
    <t>明起八大行業鬆綁 限「無陪侍」服務</t>
  </si>
  <si>
    <t>NBA》席爾佛發表公開信：停賽是為大家</t>
  </si>
  <si>
    <t>國防部連爆3大離譜疏失 傳府院高層極不滿！</t>
  </si>
  <si>
    <t>DNR與死亡率 醫界認應回歸醫學倫理</t>
  </si>
  <si>
    <t>來日再言謝！赴湖北WHO專家：世界欠武漢人民一次了</t>
  </si>
  <si>
    <t>每人可免費去醫院領10張口罩？政院駁：假消息</t>
  </si>
  <si>
    <t>《熱門族群》5G小基站商機報到 點將受益股</t>
  </si>
  <si>
    <t>蔡英文揭莫德納催貨過程 前藍委譏：吹牛也要打草稿</t>
  </si>
  <si>
    <t>消息人士：陸暫訂4月底5月初召開全國人大政協會議</t>
  </si>
  <si>
    <t>紓困小微企業 華南銀行 推24小時線上申貸</t>
  </si>
  <si>
    <t>曝兒是護理師怕害家人不敢回家 洪都拉斯回這句話逼哭陳仙梅</t>
  </si>
  <si>
    <t>養貂員工感染新冠肺炎！　荷蘭疑爆發首宗動物傳人案例</t>
  </si>
  <si>
    <t>小英要丟包港人了嗎</t>
  </si>
  <si>
    <t>蓬佩奧證實：美首位外交官染新冠肺炎不治</t>
  </si>
  <si>
    <t>看疫情 在地化生產變顯學</t>
  </si>
  <si>
    <t>基隆今增1例 成功、仁愛市場有望23、24日復市</t>
  </si>
  <si>
    <t>酒店管制鬆綁？盧秀燕：會再考慮檢討</t>
  </si>
  <si>
    <t>不只校園師生！ 侯友宜向民眾喊話：非必要不要出國</t>
  </si>
  <si>
    <t>老牌中餐廳紛紛熄燈 前情報員解析原因</t>
  </si>
  <si>
    <t>G20領袖視訊會議 決議投入5兆美元救經濟</t>
  </si>
  <si>
    <t>台灣10家最酷科技新創 聯齊科技獲3億注資</t>
  </si>
  <si>
    <t>防Delta病毒擴散 雪梨與周邊地區延長封鎖一周</t>
  </si>
  <si>
    <t>振興券1千換3千爛在哪？網：有人根本沒1000！</t>
  </si>
  <si>
    <t>NBA》湖人退還460萬美元政府貸款</t>
  </si>
  <si>
    <t>金融業疫情持續燒 合庫城東分行實習生染疫</t>
  </si>
  <si>
    <t>若有社區傳播疑慮 將對有疑慮者做血液抗體檢查</t>
  </si>
  <si>
    <t>做好長期抗疫準備</t>
  </si>
  <si>
    <t>買到傳說「米奇口罩」萬人羨慕 人妻曝地點</t>
  </si>
  <si>
    <t>疫情警戒不升級 莊人祥揭關鍵原因</t>
  </si>
  <si>
    <t>生活因疫情改變 人類恐需免疫通行證</t>
  </si>
  <si>
    <t>美WHO專家可赴陸但沒去湖北 原因曝光了</t>
  </si>
  <si>
    <t>陸官方釋180多部作品版權　廣播電視台免費播</t>
  </si>
  <si>
    <t>《業績-半導體》群聯6月營收持平去年 日最大柏青哥訂單今年開始出貨</t>
  </si>
  <si>
    <t>網傳多地確診 武漢當局急駁斥</t>
  </si>
  <si>
    <t>侯友宜：酒駕不輸新冠肺炎 新北不停止取締</t>
  </si>
  <si>
    <t>遶境搬進展場 奉天宮創疫祈福</t>
  </si>
  <si>
    <t>新增5境外移入 印尼、菲律賓移工期滿採檢確診</t>
  </si>
  <si>
    <t>六都防疫新北評價第一 侯：只是把應盡責任做好</t>
  </si>
  <si>
    <t>婦確診解隔離2天後過世 死亡證明驚見「新冠肺炎」引恐慌</t>
  </si>
  <si>
    <t>MLB》大聯盟不考慮停賽 建議施打流感疫苗</t>
  </si>
  <si>
    <t>常見的高血壓藥物美托洛爾 可能有助於治療重症新冠肺炎</t>
  </si>
  <si>
    <t>疫情升高川普照打小白球 任內第283次</t>
  </si>
  <si>
    <t>林右昌跟進北北桃 基隆7月14日前禁師生出國</t>
  </si>
  <si>
    <t>高雄疫調團隊 守住港都0本土</t>
  </si>
  <si>
    <t>睽違6個月 印度議會復會</t>
  </si>
  <si>
    <t>陸Q1新劇備案減 仙俠題材近乎零</t>
  </si>
  <si>
    <t>治癒全台新冠肺炎首例是他 抗煞醫：不能讓台灣漏氣</t>
  </si>
  <si>
    <t>張雅琴播報遶境新聞大咳嗽「對不起我是嗆到」</t>
  </si>
  <si>
    <t>打疫苗要注意哪些事 7重點一次看</t>
  </si>
  <si>
    <t>美國首次釋出2000萬劑疫苗 蕭美琴：進洽爭取中</t>
  </si>
  <si>
    <t>研究機構群聚感染擴大 再增1人共5人確診</t>
  </si>
  <si>
    <t>肺炎疫情亂傳 調查局再查4則假訊息</t>
  </si>
  <si>
    <t>顧慮新冠肺炎疫情 Facebook取消F8開發者大會</t>
  </si>
  <si>
    <t>日職》開幕4／24不變 藤浪勇於檢查獲稱讚</t>
  </si>
  <si>
    <t>防止冬季新冠＋流感同時夾攻 中研院研發A流感廣效疫苗 以1打多</t>
  </si>
  <si>
    <t>新冠肺炎再添16例！ 2本土個案感染源不明</t>
  </si>
  <si>
    <t>三級警戒延長至6／14 蘇揆：高中以下學校畢業典禮停辦或採線上轉播</t>
  </si>
  <si>
    <t>台灣好湯活動開跑 五倍券消費滿200元抽iPhone 13</t>
  </si>
  <si>
    <t>台灣的政治防疫 該下架了</t>
  </si>
  <si>
    <t>口罩不夠？唐鳳出手了「順時鐘8分鐘」</t>
  </si>
  <si>
    <t>傑尼斯再傳病例 「關8」大倉忠義確診新冠肺炎高燒兩天</t>
  </si>
  <si>
    <t>《國際社會》美國新冠死亡病例 即將破20萬大關</t>
  </si>
  <si>
    <t>外籍生擔心 開學出現群聚感染</t>
  </si>
  <si>
    <t>兆豐銀緬甸仰光分行 7日正式開業</t>
  </si>
  <si>
    <t>美停發全球常態性簽證！美股重挫913點 單周跌17％ 創金融危機來最慘</t>
  </si>
  <si>
    <t>敦睦艦隊染疫真相？ 王定宇預告明日調查</t>
  </si>
  <si>
    <t>朱學恒批紓困慢條斯理 民眾快掛點</t>
  </si>
  <si>
    <t>沒幫男友爸留口罩！藥局妹淚曝：被嗆不能當媳婦</t>
  </si>
  <si>
    <t>南部國立大學女碩士喜宴接觸第47案 同班40師生停課</t>
  </si>
  <si>
    <t>歐美防堵慢半拍 疫發不可收拾！專家稱1～2個月內恐難改善</t>
  </si>
  <si>
    <t>防疫呼吸好空氣綠色隧道加持</t>
  </si>
  <si>
    <t>史上僅2傳染病完全消失 醫：SARS害人對新冠有錯誤幻想</t>
  </si>
  <si>
    <t>俄羅斯衛生部：已大量生產全球首支新冠肺炎疫苗　年底月產可達500萬劑</t>
  </si>
  <si>
    <t>桃園確診者曾到內灣、湖口、新豐 新竹縣府大消毒</t>
  </si>
  <si>
    <t>國產疫苗年底1千萬劑破功？陳時中：防疫百分百照計畫走做不到</t>
  </si>
  <si>
    <t>新北幼兒園Delta群聚沒有重症 張上淳揭治療關鍵</t>
  </si>
  <si>
    <t>旺報社評》國際新秩序的希望在大陸</t>
  </si>
  <si>
    <t>確診印度船員來台兩個月 恐成破口！緊急釐清中</t>
  </si>
  <si>
    <t>走路不穩懷疑中風 嘉義水上6旬婦人確診新冠肺炎 感染源不明</t>
  </si>
  <si>
    <t>別再排斥AZ 花蓮縣衛生局長驚吐：莫德納如魔鬼圈套</t>
  </si>
  <si>
    <t>抓到了！江啟臣：衛福部早通過BNT緊急授權</t>
  </si>
  <si>
    <t>鍾南山：美國病死率高 很多病人可能沒被發現</t>
  </si>
  <si>
    <t>《水泥股》轉投資預警虧損沒在怕 亞泥小漲</t>
  </si>
  <si>
    <t>美國未將台灣移除社區傳播名單 親綠媒體疑似搞烏龍</t>
  </si>
  <si>
    <t>台以經濟聯席會議 聚焦高科技產業</t>
  </si>
  <si>
    <t>15人土耳其團9中鏢 匡列148位接觸者追蹤</t>
  </si>
  <si>
    <t>NBA》詹皇柯瑞齊嘆：2020年好爛</t>
  </si>
  <si>
    <t>疫情襲擊－海外投資人趁機湧入美房市</t>
  </si>
  <si>
    <t>打完疫苗「血尿肛門痛」？醫曝急診狀況 感到無奈</t>
  </si>
  <si>
    <t>冒寒風排隊搶口罩 韓民眾：聽說台灣用健保卡</t>
  </si>
  <si>
    <t>陸駐大阪總領事館招日人赴新疆旅遊 日網友憂是「單程旅行」</t>
  </si>
  <si>
    <t>化學兵臉上驕傲印記 4萬網友感謝：注意自身安全</t>
  </si>
  <si>
    <t>敦睦艦隊原延期？為何又出發！</t>
  </si>
  <si>
    <t>擴大資本支出 台積大聯盟受惠</t>
  </si>
  <si>
    <t>獨／5566「壞習慣」又跑出來！疫情影響嚴控外景主持</t>
  </si>
  <si>
    <t>克羅埃西亞鋼琴家來台急喊卡 北中南3場演出延期</t>
  </si>
  <si>
    <t>陳時中連咳5聲說不出話 這一幕指揮中心5人怕爆</t>
  </si>
  <si>
    <t>中和單日暴增33人 議員支持增設「快篩站」避免民眾恐慌</t>
  </si>
  <si>
    <t>買疫苗新進度曝光 陳時中：將與Novavax談判洽購</t>
  </si>
  <si>
    <t>陸委會將裁罰東方衛視記者 侯友宜：疫情不管政治</t>
  </si>
  <si>
    <t>朝陽科大1學生染疫 全校教職員明起兩天遠距上班</t>
  </si>
  <si>
    <t>紀俊臣》病毒還是最怕全球治理</t>
  </si>
  <si>
    <t>台鐵區間車站滿人 他曝一圖驚喊：回到疫情爆發前景象</t>
  </si>
  <si>
    <t>全台今降二級 吃喝玩樂5大QA一次看</t>
  </si>
  <si>
    <t>台灣真穩？持續零本土 醫師打臉：虛幻的幻想</t>
  </si>
  <si>
    <t>肺炎當前 營養師教你怎麼吃出免疫力</t>
  </si>
  <si>
    <t>桃園啟動乘車實名制 宮廟禁入</t>
  </si>
  <si>
    <t>居家檢疫者安心在家 高雄百家親善旅館招手家人住</t>
  </si>
  <si>
    <t>席琳狄翁澄清感冒非新冠肺炎 5月坎城影展不排除取消</t>
  </si>
  <si>
    <t>感染初期病毒量多 專家籲採唾液</t>
  </si>
  <si>
    <t>病人 肺炎 病毒 唾液 大量</t>
  </si>
  <si>
    <t>黃偉哲視察舞廳 未鬆口解禁</t>
  </si>
  <si>
    <t>桃園某醫學中心護理師確診 桃園衛生局長：院外感染</t>
  </si>
  <si>
    <t>鴻海用唾液驗出員工染疫 暫不列確診原因曝光</t>
  </si>
  <si>
    <t>群聚隱憂 洛杉磯監獄驚現新冠肺炎首例</t>
  </si>
  <si>
    <t>大突破！陸第一、二例遺體解剖 取得2病理已送檢</t>
  </si>
  <si>
    <t>《通信網路》台灣大行動力挺前線醫療 購機現折2千</t>
  </si>
  <si>
    <t>NBA》最佳復賽版本？7月開打8月決賽</t>
  </si>
  <si>
    <t>燦坤處分燦星旅 亞果集團接手</t>
  </si>
  <si>
    <t>中醫大新竹附醫研發「新冠PCR智取箱」榮獲「國家新創獎臨床新創獎」</t>
  </si>
  <si>
    <t>《通信網路》威潤拚防疫商機 台日市場齊攻</t>
  </si>
  <si>
    <t>天天吃奎寧＋鋅片！川普驚爆抗疫新爭議</t>
  </si>
  <si>
    <t>獨》華航工會劉惠宗：只要不裁員 什麼都可以談</t>
  </si>
  <si>
    <t>新北幼兒園群聚＋1 負責人就醫確診 指揮中心回應了</t>
  </si>
  <si>
    <t>MLB》道奇簡森全家染新冠 痊癒趕回訓練營</t>
  </si>
  <si>
    <t>李秉穎爆「3＋11未經專家討論」 陳時中回應了</t>
  </si>
  <si>
    <t>中和警分局5人染疫 市府急調度100劑疫苗優先給外勤同仁施打</t>
  </si>
  <si>
    <t>戶外仍全程戴口罩「沒資格叫降級」 網22字酸爆政府</t>
  </si>
  <si>
    <t>1分鐘看世界》黑色星期四 全球重量級股市收黑逾10％</t>
  </si>
  <si>
    <t>鉛錠價格平穩 泰銘甩開疫情營收增</t>
  </si>
  <si>
    <t>屏東餐飲業打團體戰 盼盡快走出疫情陰霾</t>
  </si>
  <si>
    <t>新化年貨大街照辦 將設電子圍籬逮檢疫違規者</t>
  </si>
  <si>
    <t>菲律賓模式取消 入境無症狀回歸14天居家檢疫</t>
  </si>
  <si>
    <t>新北增16例與北農和環南市場相關 侯友宜：鼓勵雙北市民一起來採檢</t>
  </si>
  <si>
    <t>學者批評政府遭函辦 羅智強：疫情期間是清算異己絕佳時機</t>
  </si>
  <si>
    <t>4月21日起開放AZ疫苗自費接種 31家接種院所一次看</t>
  </si>
  <si>
    <t>日再添3例確診感染 曾赴夏威夷度假的日人也中鏢</t>
  </si>
  <si>
    <t>軍機繞台 郝龍斌：陸釋出善意重視防疫合作</t>
  </si>
  <si>
    <t>湖北疫情轉折 新病例不到2千</t>
  </si>
  <si>
    <t>穿越回味中華商場 公視喊卡</t>
  </si>
  <si>
    <t>日新冠惡化爆77人在家身亡 外媒曝當務之急</t>
  </si>
  <si>
    <t>李翊君19歲女兒在美「高燒不退」掛急診 醫告誡有生命危險</t>
  </si>
  <si>
    <t>整天戴口罩反效果 楊志良：只有這3種人需要戴</t>
  </si>
  <si>
    <t>守住醫院防線 張麗善慰勞醫護</t>
  </si>
  <si>
    <t>新增2例境外移入 赴菲律賓工作返台確診</t>
  </si>
  <si>
    <t>容祖兒力抗疫情飛倫敦開唱「不想讓歌迷失望」</t>
  </si>
  <si>
    <t>打過玻尿酸的族群注意！注射新冠疫苗恐引發特殊症狀</t>
  </si>
  <si>
    <t>疫苗研發跨步 廠商提人體試驗</t>
  </si>
  <si>
    <t>女居檢5天輕生 採檢排除新冠</t>
  </si>
  <si>
    <t>因應新冠肺炎　苗栗8床負壓隔離病床還有醫療區域網</t>
  </si>
  <si>
    <t>市場分流首日爆亂象 高市府認了允檢討</t>
  </si>
  <si>
    <t>民眾如何自保？王任賢：口罩戴好戴滿 摸口鼻前先洗手</t>
  </si>
  <si>
    <t>西方國家組對陸政策聯盟 陸掀起「新八國聯軍」論戰</t>
  </si>
  <si>
    <t>宜蘭縣今零確診 將配合延長三級警戒</t>
  </si>
  <si>
    <t>日本新增新冠肺炎確診7803例 連4天創新高</t>
  </si>
  <si>
    <t>上市櫃赴陸＆海外投資雙創新低</t>
  </si>
  <si>
    <t>高市3月推愛情月 總統套房喋血價1990元</t>
  </si>
  <si>
    <t>徐正文籲政府：開放所有新婚陸配、「小明」與陸生回台</t>
  </si>
  <si>
    <t>全台接種疫苗後猝死案例頻傳　高大成列遺體表徵：關鍵看這</t>
  </si>
  <si>
    <t>NBA》畢斯利染新冠 籃網緊急簽下老將湯瑪斯</t>
  </si>
  <si>
    <t>全台Rt值降至1以下！北部疫情趨緩 苗栗Rt值仍高</t>
  </si>
  <si>
    <t>女主播曬居家工作照 火辣穿搭美暈</t>
  </si>
  <si>
    <t>美國防疫須重視大陸經驗</t>
  </si>
  <si>
    <t>補習班停課 教育部：應按比例退費</t>
  </si>
  <si>
    <t>新冠全球破300萬確診 美國佔近三分之一</t>
  </si>
  <si>
    <t>振興抵用券多元延伸 政院擬擴及演唱會等藝文消費</t>
  </si>
  <si>
    <t>部桃群聚12例確診 孫大千5點質疑：誰把台灣的救命疫苗搞掉</t>
  </si>
  <si>
    <t>開學自主量體溫成防疫破口？黃珊珊：到教室還要抽驗</t>
  </si>
  <si>
    <t>內湖好市多又現確診足跡 下午1點後只出不進</t>
  </si>
  <si>
    <t>蚊蟲傳新冠肺炎？檢方認網友誤解常識不起訴</t>
  </si>
  <si>
    <t>鳳山大樓5人確診 住不同樓層疑搭乘電梯染疫</t>
  </si>
  <si>
    <t>新冠肺炎6成德商受衝擊 客戶減少逾6成</t>
  </si>
  <si>
    <t>黃敏惠籲市府同仁：非緊急或絕對必要應暫緩出國</t>
  </si>
  <si>
    <t>學生確診人數達118位 淡江4師生染疫</t>
  </si>
  <si>
    <t>美企報佳音 美投資級債 磁吸資金</t>
  </si>
  <si>
    <t>機師案新竹縣居隔25人 二採全陰性</t>
  </si>
  <si>
    <t>輔大醫院調降新冠肺炎檢驗價格 急件8小時內可取件</t>
  </si>
  <si>
    <t>又增1例境外移入 赴尼泊爾返台確診</t>
  </si>
  <si>
    <t>美加澳搶購衛生紙食品 狂訂Costco末日套餐</t>
  </si>
  <si>
    <t>工商社論》抓住COVID-19帶來的企業轉型契機</t>
  </si>
  <si>
    <t>馬祖今入境全完成快篩 縣長劉增應感謝旅客配合</t>
  </si>
  <si>
    <t>梅克爾示警：德國新冠疫情瀕臨失控 未來幾個月情勢嚴峻</t>
  </si>
  <si>
    <t>新婚伴侶拍甜蜜婚戒照 愛犬亂入伸萌掌融化30萬人</t>
  </si>
  <si>
    <t>狗 新婚 婚 戒 推 特</t>
  </si>
  <si>
    <t>新婚</t>
  </si>
  <si>
    <t>美專家：數年前或已出現新冠病毒「人傳人」現象</t>
  </si>
  <si>
    <t>安特羅新冠肺炎抗原快篩試劑獲歐盟（CE-IVD）認證</t>
  </si>
  <si>
    <t>才剛微解封就出事？台北京站深夜緊急公告 20日自主停業一日進行清消</t>
  </si>
  <si>
    <t>京元電趕復工手段粗暴？移工爆料日媒：遭「不人道」對待</t>
  </si>
  <si>
    <t>江蕙推手陳維祥才確診 爆失聯多日呼吸困難已插管</t>
  </si>
  <si>
    <t>沒登記意願卻收到簡訊 宅神：是不是太高端了？</t>
  </si>
  <si>
    <t>美疫情加速惡化 CNN：戳破川普一大幻想</t>
  </si>
  <si>
    <t>本土連8天破百！醫忙翻5天沒回家 女兒淚喊：家裡只剩我</t>
  </si>
  <si>
    <t>企業結合慈善團體 捐新北警乾洗手</t>
  </si>
  <si>
    <t>大陸新冠疫苗接種覆蓋逾6億人 居全球首位</t>
  </si>
  <si>
    <t>國際能源署：全球石油需求降至10年最低</t>
  </si>
  <si>
    <t>《盤後解析》權值股跳電 10400得而復失</t>
  </si>
  <si>
    <t>桃園染疫機師多次訪新竹 竹縣居隔25人採檢結果出爐</t>
  </si>
  <si>
    <t>南非拚2月獲得首批新冠肺炎疫苗</t>
  </si>
  <si>
    <t>新冠肺炎煞不住！南韓大邱美軍眷屬中鏢</t>
  </si>
  <si>
    <t>兩大產線助攻 2月營收傳捷報 是方鈊象 後市看俏</t>
  </si>
  <si>
    <t>持續三級警戒或不開學的恐怖下場？醫揭6大隱形炸彈</t>
  </si>
  <si>
    <t>新冠肺炎延燒月餘 醫呼籲：更要小心「這病」</t>
  </si>
  <si>
    <t>新冠肺炎感染人數 研究曝驚人數字</t>
  </si>
  <si>
    <t>帛琉傳有確診個案 侯友宜：帛琉入境管理應該更嚴格</t>
  </si>
  <si>
    <t>計程車陷困境 賴清德：正研究對策協助</t>
  </si>
  <si>
    <t>陳時中：若疫苗研發順利 明年第三季將有6成民眾施打</t>
  </si>
  <si>
    <t>16萬人打完2劑疫苗又收預約簡訊 指揮中心回應了</t>
  </si>
  <si>
    <t>與確診者接觸過 清華大學26名師生居家隔離</t>
  </si>
  <si>
    <t>高度危機意識 青海12天無新病例</t>
  </si>
  <si>
    <t>《翻爆晚間精選》突破百例大關！國內今再添23例確診</t>
  </si>
  <si>
    <t>助打工族 彰縣府爭取500職缺</t>
  </si>
  <si>
    <t>輕症居家口服 默克新冠藥快簽了</t>
  </si>
  <si>
    <t>新冠肺炎另類影響　英國人改變消費習慣</t>
  </si>
  <si>
    <t>老司機爽完PO文分享 警順藤摸瓜破色情按摩店</t>
  </si>
  <si>
    <t>新冠肺炎影響 IMF恐下修全球經濟成長</t>
  </si>
  <si>
    <t>遭指資收做白工 宜加強宣導</t>
  </si>
  <si>
    <t>板橋1警染疫 同組9人採檢均陰性</t>
  </si>
  <si>
    <t>基隆施打率約6成 第二波開放80歲以上長者</t>
  </si>
  <si>
    <t>林書豪失業？CBA考慮無外援復賽</t>
  </si>
  <si>
    <t>防疫不能只靠媽祖婆</t>
  </si>
  <si>
    <t>境外移入＋8例 無新增死亡</t>
  </si>
  <si>
    <t>會考防疫 竹市府加碼4大防疫措施</t>
  </si>
  <si>
    <t>北捷最新禁令！全面暫停使用飲水台 小巨蛋入場採實名制</t>
  </si>
  <si>
    <t>新冠肺炎疫苗CoronaVac可望本周在巴西進行實驗</t>
  </si>
  <si>
    <t>刻意推動 美元利變保單9月買氣回升</t>
  </si>
  <si>
    <t>侯友宜避談恩主公醫院與高雄之爭 連問3題都閃答</t>
  </si>
  <si>
    <t>沖繩休業中 拜託長假別來</t>
  </si>
  <si>
    <t>新聞早班車》50例未爆彈 旅遊史非決戰點</t>
  </si>
  <si>
    <t>新聞透視》第二批武漢包機兩岸航班共同執飛！面子裡子兼顧 兩岸融冰現契機</t>
  </si>
  <si>
    <t>降低疫情風險 中市長青學苑、親子館停課閉館</t>
  </si>
  <si>
    <t>日厚勞省建議民眾疑似感染的就醫時期</t>
  </si>
  <si>
    <t>《國際經濟》債務持續增加 新興市場復甦恐進一步落後已開發國家</t>
  </si>
  <si>
    <t>中鏢威士特丹號曾停高雄 指揮中心：恐發防疫簡訊</t>
  </si>
  <si>
    <t>Omicron症狀比Delta輕？南非最新重症率曝光</t>
  </si>
  <si>
    <t>武漢標誌性步行街 楚河漢街恢復營業</t>
  </si>
  <si>
    <t>NBA》杜蘭特隔離7天 將缺陣籃網4場比賽</t>
  </si>
  <si>
    <t>3境外＋連3天0本土 建議春酒縮小規模</t>
  </si>
  <si>
    <t>防群聚感染 新北宗教界簽6大聲明</t>
  </si>
  <si>
    <t>盤點這大咖3次預警沒人聽 媒體人嘆：結果Delta又進來了</t>
  </si>
  <si>
    <t>韓國境內新冠肺炎死亡第2例 54歲女性不治</t>
  </si>
  <si>
    <t>AZ與莫德納趕不上 全球最夯新冠肺炎疫苗是它</t>
  </si>
  <si>
    <t>疫情持續升溫 新北居家隔離人數將破2千</t>
  </si>
  <si>
    <t>大學100人以上課程 教部公告立即調整授課方式</t>
  </si>
  <si>
    <t>恆智重機高速懸吊電動拖板車 熱銷</t>
  </si>
  <si>
    <t>澳網》明年2月8日開打 官方願負擔包機、食宿費</t>
  </si>
  <si>
    <t>基層警聲音聽到了 台南千名外勤警員27日連3天施打疫苗</t>
  </si>
  <si>
    <t>陸疫情爆發後 首次出現零確診</t>
  </si>
  <si>
    <t>桃機商家哭了 出入境旅客不到7千人</t>
  </si>
  <si>
    <t>美國生技、科技 後市展望佳</t>
  </si>
  <si>
    <t>哈爾濱4天累計34例本土確診 專家預測疫情最晚10月底結束</t>
  </si>
  <si>
    <t>曝光北京隔離實況「失去三餐意識」 男星崩潰：老子受夠了</t>
  </si>
  <si>
    <t>苗栗今＋3確診 均為匡列移工無公共活動史</t>
  </si>
  <si>
    <t>《生醫股》抗疫 懷特新藥研發計畫啟動</t>
  </si>
  <si>
    <t>吳崢被隔離 便當出現一食物 網嚇壞：決定好好在家防疫</t>
  </si>
  <si>
    <t>瑞德西韋已用3病患！ 張上淳：奎寧初步顯示有效列臨床指引</t>
  </si>
  <si>
    <t>磐石艦確診再增1例 累計28人染疫</t>
  </si>
  <si>
    <t>新冠肺炎紓困 第三家壽險跟進房貸降息</t>
  </si>
  <si>
    <t>綾瀨遙染疫康復後首露面 「私下真實模樣」全被拍</t>
  </si>
  <si>
    <t>疫情客源腰斬 大鵬灣減免店家6個月租金</t>
  </si>
  <si>
    <t>香港再現不明來源病例 專家：防疫措施不宜放寬</t>
  </si>
  <si>
    <t>香港、新加坡境外移入釀本土流行 台灣挺住了</t>
  </si>
  <si>
    <t>《經濟》Q1發明專利申請 台積電衝新高</t>
  </si>
  <si>
    <t>Fed降息無效？ 美股收盤下跌近3％</t>
  </si>
  <si>
    <t>全球損失9兆啊！陸捐世衛20億 美國務卿酸溜溜回4字</t>
  </si>
  <si>
    <t>新增6境外移入案例創新高 醫急吐10字</t>
  </si>
  <si>
    <t>禁「出國」為由特休？勞動部：特休應由勞工排定</t>
  </si>
  <si>
    <t>本土確診再創新低 6月28日降級？陳時中曝一條件</t>
  </si>
  <si>
    <t>陽明校長：超前部署 赴歐美學習治療經驗</t>
  </si>
  <si>
    <t>租金負擔恐壓垮業者 綠委：要求公部門主動減租20％ 盼民間響應</t>
  </si>
  <si>
    <t>文化大學爆發多人確診 驚見學生翻垃圾吃 嚇壞住宿生</t>
  </si>
  <si>
    <t>蔡英文今打高端第2劑 會驗抗體濃度？陳時中建議驗它</t>
  </si>
  <si>
    <t>半百女星大雪天拍中空艷照 叫19歲兒掌鏡被罵變態</t>
  </si>
  <si>
    <t>侯友宜視察永和、新店防疫中心 呼籲保持低度活動</t>
  </si>
  <si>
    <t>生態災難！陸猛噴消毒水致野生動物大量死亡</t>
  </si>
  <si>
    <t>巴西增近2000例新冠肺炎染疫死亡 創單日新高</t>
  </si>
  <si>
    <t>不是長輩！台灣新冠肺炎發生率曝 這年齡最易得病</t>
  </si>
  <si>
    <t>新冠肺炎故宮人潮大減50萬人 損失近九千萬元</t>
  </si>
  <si>
    <t>消防防疫演練 侯籲勿鬆懈</t>
  </si>
  <si>
    <t>石牌某醫院傳疑似病例 莊人祥：採檢陰性已排除</t>
  </si>
  <si>
    <t>動物園、新樂園迎雙十 明起免預約</t>
  </si>
  <si>
    <t>台東拚檢疫量能 盼與馬偕合作</t>
  </si>
  <si>
    <t>牛津大學研究：COVID-19引發血栓的機率 遠高於AZ疫苗</t>
  </si>
  <si>
    <t>不只給台灣2萬劑AZ 立陶宛還打算讓觀光客打疫苗</t>
  </si>
  <si>
    <t>台灣跨境電商博覽會 人潮踴躍</t>
  </si>
  <si>
    <t>《通信網路》一路旺到年底 瑞昱躍上400元大關</t>
  </si>
  <si>
    <t>暨大附中統測倒數破十祈福 陳綢阿嬤見證</t>
  </si>
  <si>
    <t>民有市場無口罩 市議員鄭功進：恐成防疫破口</t>
  </si>
  <si>
    <t>披薩店員工撒謊 迫170萬澳洲人接受新冠封城 氣死州長</t>
  </si>
  <si>
    <t>台大10員工確診 急開視訊記者會說明</t>
  </si>
  <si>
    <t>南市「防疫安心上工計畫」起跑 永康區公所尚有缺額</t>
  </si>
  <si>
    <t>74歲川普死亡風險較年輕人高90倍 美大選再添變數</t>
  </si>
  <si>
    <t>西班牙抗腫瘤藥 有望阻斷新冠病毒細胞繁殖</t>
  </si>
  <si>
    <t>上市櫃掛牌 金管會祭特赦令</t>
  </si>
  <si>
    <t>台南某大樓確診者就是案943 自主管理外出開會恐已觸法</t>
  </si>
  <si>
    <t>中共六中全會將舉行 北京防疫升級</t>
  </si>
  <si>
    <t>校園疫情連環爆 教育部：學校可進行預防性停課</t>
  </si>
  <si>
    <t>壽險大增員 今年募3萬新血</t>
  </si>
  <si>
    <t>國民健康的公共財 林右昌：疫苗之前人人平等</t>
  </si>
  <si>
    <t>湖北新冠肺炎新增病例創2月來新低 連2天下降</t>
  </si>
  <si>
    <t>豐原夜間垃圾收運站夜湧150人 出動全台最大霧砲車消毒</t>
  </si>
  <si>
    <t>台東確診個案匡列7人 採檢出爐均為陰性</t>
  </si>
  <si>
    <t>社交距離怎遵守？黃偉哲：愛惜生命就不要拿健康開玩笑</t>
  </si>
  <si>
    <t>恆春暖醫研發防疫「台灣BOX」 下周量產</t>
  </si>
  <si>
    <t>日本入境政策放寬 8日起最短只須隔離3天</t>
  </si>
  <si>
    <t>桃園睽違3周確診案例回到個位數 足跡包括杏一藥局、烘焙坊</t>
  </si>
  <si>
    <t>科學家實驗發現可阻斷新冠病毒感染的抗體</t>
  </si>
  <si>
    <t>慢性病患接種疫苗 敏盛院長呼籲「勿停藥」</t>
  </si>
  <si>
    <t>新北消防局幫同仁紓壓 闔家學習非洲鼓</t>
  </si>
  <si>
    <t>港病患寵物檢測弱陽 無感染證據</t>
  </si>
  <si>
    <t>檔不住新冠肺炎 觀光協會爆：12家飯店將熄燈</t>
  </si>
  <si>
    <t>女星隔離在家！願獻身「大戰一夜」求新冠肺炎解藥　</t>
  </si>
  <si>
    <t>環境更慘紓困卻變少 旅行業超不爽</t>
  </si>
  <si>
    <t>李蒨蓉鬆口婉拒3次打疫苗機會 認了聽到「特權」很敏感</t>
  </si>
  <si>
    <t>花蓮新增1確診 家族群聚已15人染疫</t>
  </si>
  <si>
    <t>捐物資、雞排挺醫護 盼疫情有好轉機</t>
  </si>
  <si>
    <t>陳時中籲國人 儘量不要出國</t>
  </si>
  <si>
    <t>意外！英劍橋研究：新冠病毒有3類 在武漢已突變</t>
  </si>
  <si>
    <t>彰化市成為宣佈氣候緊急的全國第一例 要求政府推動綠色新政</t>
  </si>
  <si>
    <t>「有人叫我去美國好市多買疫苗」 陳時中冷回：不是大拍賣掃貨</t>
  </si>
  <si>
    <t>解禁前夕提早落跑 台南查獲2例居家檢疫趴趴走</t>
  </si>
  <si>
    <t>超商店員染疫 嘉縣啓動社區千人篩檢</t>
  </si>
  <si>
    <t>若校園出現確診？侯友宜：該停課一定停</t>
  </si>
  <si>
    <t>未來可能祭禁足令？陳時中鬆口回應</t>
  </si>
  <si>
    <t>屏東果農妻染delta亡 羅一鈞分析病因</t>
  </si>
  <si>
    <t>屏東Delta群聚案增1人無症狀二採陽確診 累計17人染疫2重症</t>
  </si>
  <si>
    <t>境外網軍進逼 新冠肺炎假訊息連假大爆發</t>
  </si>
  <si>
    <t>政壇「2大天王」為防疫嗆爆蔡政府 港媒警告：綠營要出手了</t>
  </si>
  <si>
    <t>高雄計程車嘆歹命業績減半 籲政府補助油料</t>
  </si>
  <si>
    <t>連8天「嘉玲」紀錄中斷 宜蘭今＋2 皆多次篩檢陰性後轉陽</t>
  </si>
  <si>
    <t>華爾街知名經濟學家海曼：美國恐見「肺炎衰退」</t>
  </si>
  <si>
    <t>中裕報捷漲停 生醫族群紅通通</t>
  </si>
  <si>
    <t>關鍵字</t>
    <phoneticPr fontId="1" type="noConversion"/>
  </si>
  <si>
    <t>序號</t>
    <phoneticPr fontId="1" type="noConversion"/>
  </si>
  <si>
    <t>發佈時間</t>
    <phoneticPr fontId="1" type="noConversion"/>
  </si>
  <si>
    <t>電子 通路 大 聯大 q 1 穩住 q 2 看好 後 疫情 時代 商機</t>
    <phoneticPr fontId="1" type="noConversion"/>
  </si>
  <si>
    <t>陸 表彰 抗 疫 英雄 鍾 南山 獲 最高 榮譽</t>
    <phoneticPr fontId="1" type="noConversion"/>
  </si>
  <si>
    <t>授予 肺炎 張定宇 疫情 鍾 南山</t>
    <phoneticPr fontId="1" type="noConversion"/>
  </si>
  <si>
    <t>韓 股 看好 紓困 利多 韓 股 連 3 跌 止步</t>
    <phoneticPr fontId="1" type="noConversion"/>
  </si>
  <si>
    <t>鄭怡 活 在 臺灣 很 安全 叮嚀 雙胞胎 兒 洗手 防疫</t>
    <phoneticPr fontId="1" type="noConversion"/>
  </si>
  <si>
    <t>朝陽 k 歌 團 連環 爆 台中 市 議會 藍 綠 互 杠 談 防疫 快 篩</t>
    <phoneticPr fontId="1" type="noConversion"/>
  </si>
  <si>
    <t>全面 斷航 防疫 網 揭 2 大 母 湯 關鍵</t>
    <phoneticPr fontId="1" type="noConversion"/>
  </si>
  <si>
    <t>編 輯 室 報 告 肺炎 下 的 股市 臺灣 需要 甚麼 樣 的 理財 商品</t>
    <phoneticPr fontId="1" type="noConversion"/>
  </si>
  <si>
    <t>防疫 概念 股 肺炎 資金 回台 表現 投資</t>
    <phoneticPr fontId="1" type="noConversion"/>
  </si>
  <si>
    <t>微 解封 根本 不智之舉 專家 出 包 恐 陷 5 輸 局面</t>
    <phoneticPr fontId="1" type="noConversion"/>
  </si>
  <si>
    <t>醫療 體系 快 崩 盤 洛杉磯 下令 救護車 不 送 生存 機會 渺茫 者</t>
    <phoneticPr fontId="1" type="noConversion"/>
  </si>
  <si>
    <t>洛杉磯 救護車 醫療 體系 崩 盤 生存 機會 渺茫</t>
    <phoneticPr fontId="1" type="noConversion"/>
  </si>
  <si>
    <t>雙北 防疫 升 3 級 職 安署 籲 外 送 點 餐 以 線 上 刷 卡 取代 現金</t>
    <phoneticPr fontId="1" type="noConversion"/>
  </si>
  <si>
    <t>nba 火箭 老闆 我 知 大陸 今年 會 倒 楣</t>
    <phoneticPr fontId="1" type="noConversion"/>
  </si>
  <si>
    <t>火箭 隊 老闆 費爾蒂塔 tilman fertitta 於 美國 時間 週一 造訪 白宮 與 多 家 餐飲業者 及 總統 川普 donald trump 商討 復工 費爾蒂塔 會議 中 忽然 重提 去年 的 香港 風波 表示 他 早 有 預感 今年 是 大陸 很 差 的 一 年 川普 大笑 費爾蒂塔</t>
    <phoneticPr fontId="1" type="noConversion"/>
  </si>
  <si>
    <t>火箭 隊 老闆 費爾蒂塔 tilman fertitta 於 美國 時間 週一 造訪 白宮 與 多 家 餐飲業者 及 總統 川普 donald trump 商討 復工 費爾蒂塔 會議 中 忽然 重提 去年 的 香港 風波 表示 他 早 有 預感 今年 是 大陸 很 差 的 一 年 川普 大笑 費爾蒂塔 是 休士頓 餐旅 集團 landry&amp;apos s inc 的 老闆 他 說 我們 的 損失慘重 談 到 中國 當 我 的 總管 莫瑞 daryl morey 推 文 支持 香港 自由 的 時候 我 早 該 明白 這 會 是 中國 很 糟糕 的 一 年 我 現在 都還 在 設法 搞 定 那件事 川普 笑 著 對 在場 的 餐飲 老闆 解釋 他 費爾蒂塔 也 是 火箭 隊 的 老闆 川普 又 問 你 還 留 著 莫瑞 那 他 肯定 是 很 有 本事 了 費爾蒂塔 回答 這 聽 起來 像是 陷阱 題 大家 又 笑 費爾蒂塔 在 疫情 初期 表示 這種 病 不 會 死人 跟 流行 感冒 差不多 兩 個 月 後 美國 的 死亡 人數 突破 9萬 人 這 波 疫情 費爾蒂塔 裁 掉 了 4萬 名 餐旅 員工 刪減 剩 餘 的 員工福利 聲稱 疫情 結束 後 再 雇 他們 回來 加上 他 之前 對 香港 事件 的 態度 被 評為 最 爛 的 老闆 提起 nba 川普 順便 問 說 那些 年薪 2500萬 美元 的 球員 要 怎麼 辦 費爾蒂塔 說 我 有 兩 個 年薪 4000萬 的 球員 哈登 james harden 與 韋斯布魯克 russell westbrook 球員 本 季 減 薪 25 剩 餘 的 比賽 與 球 團 五五 分帳 當然 他們 必須 要 上場比賽 才能 收 錢 川普 關心 本 季 會 不 會 打完 能 不能 直接 跳 到 季後 賽 費爾蒂塔 還 沒 辦法 給出 答案 比起 職棒 大 聯盟 例行 賽還未 開 打 nba 受到 的 衝擊 比較 小 球季 已經 進行 大 半 季 老闆 不至於 虧 太 多 球員 對於 減 薪 的 幅度 也 還 能 接受</t>
    <phoneticPr fontId="1" type="noConversion"/>
  </si>
  <si>
    <t>火箭 老闆 美國 川普 香港</t>
    <phoneticPr fontId="1" type="noConversion"/>
  </si>
  <si>
    <t>效法 黛妃 梅根 傳 將 拋 4千萬 震撼 彈</t>
    <phoneticPr fontId="1" type="noConversion"/>
  </si>
  <si>
    <t>梅根 黛妃 哈利 脫口秀 英國</t>
    <phoneticPr fontId="1" type="noConversion"/>
  </si>
  <si>
    <t>案 1563 馬 祖 旅遊 超過 30 家 民 宿 業者 全額 退費</t>
    <phoneticPr fontId="1" type="noConversion"/>
  </si>
  <si>
    <t>籲 儘快 接種 建立 群體 免疫 鍾 南山 嚴重 變異 會 影響 疫苗 效力</t>
    <phoneticPr fontId="1" type="noConversion"/>
  </si>
  <si>
    <t>送 件 不是 逆 時 中 侯友宜 拯救 全國 基層 公務員</t>
    <phoneticPr fontId="1" type="noConversion"/>
  </si>
  <si>
    <t>新北 市府 上周 送出 9301 件 紓困 金 申請 案 到 衛福部 審查 一度 遭到 拒收 事 後 卻 被 指 甩 鍋 中央 連 柯文哲 都 說 新北 市長 侯友宜 是 逆 時 中 新北 市長 侯友宜 昨日 發出 一 封 給 第一 線 人員 公開信 強調 送 件 非 意氣 之 爭 除 是 奉 中央 指</t>
    <phoneticPr fontId="1" type="noConversion"/>
  </si>
  <si>
    <t>紓困 之 亂 衛福部 新北 市 侯友宜 臺灣</t>
    <phoneticPr fontId="1" type="noConversion"/>
  </si>
  <si>
    <t>編 輯 室 報 告 當 股市 漲 在 疫情 蔓延 時</t>
    <phoneticPr fontId="1" type="noConversion"/>
  </si>
  <si>
    <t>口罩 投資人 缺 工 缺口 肺炎</t>
    <phoneticPr fontId="1" type="noConversion"/>
  </si>
  <si>
    <t>視察 快 打 站 盧秀燕 65 歲 長輩 55 歲 以上 原 住 民 2 劑 接種 完畢</t>
    <phoneticPr fontId="1" type="noConversion"/>
  </si>
  <si>
    <t>第 12 輪 疫苗 開 打 台中 市 有 55萬 人 預約 市長 盧秀燕 27 日 視察 南區 快 打 站 盧 表示 65 歲 長輩 55 歲 以上 原 住 民 宣告 2 劑 注射 者 全 打完 26 日 為止 完成 第 1 劑 施打 市民 達 7 成 27 日 30 市民 完成 2 劑量 接種 比 中央 預定 的 30 日 提早</t>
    <phoneticPr fontId="1" type="noConversion"/>
  </si>
  <si>
    <t>第 12 輪 疫苗 開 打 台中 市 有 55萬 人 預約 市長 盧秀燕 27 日 視察 南區 快 打 站 盧 表示 65 歲 長輩 55 歲 以上 原 住 民 宣告 2 劑 注射 者 全 打完 26 日 為止 完成 第 1 劑 施打 市民 達 7 成 27 日 30 市民 完成 2 劑量 接種 比 中央 預定 的 30 日 提早 完成 提早 達標 仍 不 鬆懈 繼續 爭取 疫苗 量 快 打 站 也 將 為 市民 保留 疫苗 來 就 開 設施 打 現場 有 媒體 詢問 彰 化 地區 疫苗 目前 打氣 低落 台中 市 狀況 是否 仍 踴躍 盧秀燕 回答 台中 市 目前 還是 有 注射 需求 每個 市民 第 2 階段 仍 踴躍 民眾 都有 打 疫苗 相對 城市 就 會 安全 籲 市民 即使 注射 完成 2 劑量 也 不 要 鬆懈 仍 做好 防疫 措施 盧秀燕 說 中央 有 規定 預約 民眾 若 取消 必須 要 空 一 輪 才能 預約 注射 所以 目前 台中 市民 取消 狀況 不 多 至於 混打 還是 不 建議 台中 市民 還是 理性 注射 居多 另外 有 媒體 追問 目前 台中 市 第二 選區 罷免案 已經 完成 國民黨 將 推 什麼樣 的 人選 出線 看法 如 何? 盧秀燕 低調 僅 回答 謝謝</t>
    <phoneticPr fontId="1" type="noConversion"/>
  </si>
  <si>
    <t>愛心 送入 校園 金門 臻 霖 實業 捐 抗 菌 液 30 桶</t>
    <phoneticPr fontId="1" type="noConversion"/>
  </si>
  <si>
    <t>苦 苓 怒 杠 黃暐瀚 你 咬 我 啊 慘遭 一 張 截 圖 痛打 臉</t>
    <phoneticPr fontId="1" type="noConversion"/>
  </si>
  <si>
    <t>印度 返台 女 確診 高 市府 曝 11 天 足跡 疑 舊 感染 個案</t>
    <phoneticPr fontId="1" type="noConversion"/>
  </si>
  <si>
    <t>魚池 鄉長 贈 13萬 茶 包 慰勞 防疫 6 歲 童 9 旬 翁 親筆 寫 感謝</t>
    <phoneticPr fontId="1" type="noConversion"/>
  </si>
  <si>
    <t>成 防疫 破 口 勞部 聘 非法 移 工 最高 罰 75萬 元</t>
    <phoneticPr fontId="1" type="noConversion"/>
  </si>
  <si>
    <t>打 az 還是 莫德納 婆媽 熱 議 財經 網 美 曝 選擇</t>
    <phoneticPr fontId="1" type="noConversion"/>
  </si>
  <si>
    <t>陳時中 最 擔心 的 案 100 感染 源 指向 他</t>
    <phoneticPr fontId="1" type="noConversion"/>
  </si>
  <si>
    <t>半 導體 q 3 拉 貨 潮 報到 義 隆 沖逾 19 年 新高</t>
    <phoneticPr fontId="1" type="noConversion"/>
  </si>
  <si>
    <t>臺灣 虎 航 月 營 收 開航 新 潟 航線</t>
    <phoneticPr fontId="1" type="noConversion"/>
  </si>
  <si>
    <t>東京 奧運 泡泡 模式 破 功 機場 混亂 飯店 防疫 出現 漏洞</t>
    <phoneticPr fontId="1" type="noConversion"/>
  </si>
  <si>
    <t>東奧 防疫 泡泡 模式 機場 飯店</t>
    <phoneticPr fontId="1" type="noConversion"/>
  </si>
  <si>
    <t>盼 疫情 退 散 豪門 媳 郁方 發 願 108 天 做 這事 網 贊 爆</t>
    <phoneticPr fontId="1" type="noConversion"/>
  </si>
  <si>
    <t>史上 第一 次 梵蒂岡 復活節 活動 也 改線 上 舉辦</t>
    <phoneticPr fontId="1" type="noConversion"/>
  </si>
  <si>
    <t>美 應 對 疫情 張惶失措 陸 乘機 推 進 國際 宣傳</t>
    <phoneticPr fontId="1" type="noConversion"/>
  </si>
  <si>
    <t>疫情 比 貿易戰 還 狂 美 這群人 竟 成 經濟衰退 關鍵</t>
    <phoneticPr fontId="1" type="noConversion"/>
  </si>
  <si>
    <t>美國 肺炎 傳播 發生 準備</t>
    <phoneticPr fontId="1" type="noConversion"/>
  </si>
  <si>
    <t>強化 台中 觀光 產業 防疫 能力 觀 旅 局 舉辦 防疫 衛教 講習</t>
    <phoneticPr fontId="1" type="noConversion"/>
  </si>
  <si>
    <t>盤中 解析 鬧 缺 電 傳 產 挺 住 驚險 守 17700</t>
    <phoneticPr fontId="1" type="noConversion"/>
  </si>
  <si>
    <t>隨 著 疫苗 施打 後 的 陸續 解封 美國 經濟 資料 樂觀 市場 靜 待 2 日 發佈 的 非農 就業 報告 美 股 四大 指數 漲 多 跌 少 僅 費城 半 導體 指數 收 黑 s&amp;p 50 指數 連續 第 6 天創 高 日 韓 股 同步 走 高 電子 股 量 能 依舊 低迷 盤面 由 塑膠 鋼鐵 油</t>
    <phoneticPr fontId="1" type="noConversion"/>
  </si>
  <si>
    <t>新北 泰山 順 益 汽車 員工 pcr 結果 出爐 明日 複業 持 陰性 證明 進出</t>
    <phoneticPr fontId="1" type="noConversion"/>
  </si>
  <si>
    <t>若 社區 傳播 企業 可 異地 辦公 婉拒 有 症狀 訪 客 進入 公司</t>
    <phoneticPr fontId="1" type="noConversion"/>
  </si>
  <si>
    <t>nba 公開 拒打 巫師 畢爾 嘲笑 疫苗 無用</t>
    <phoneticPr fontId="1" type="noConversion"/>
  </si>
  <si>
    <t>國內 累計 385 例 確診 6 死亡 99 人 解除 隔離</t>
    <phoneticPr fontId="1" type="noConversion"/>
  </si>
  <si>
    <t>校園 自製 防疫 品 輕巧 有效率</t>
    <phoneticPr fontId="1" type="noConversion"/>
  </si>
  <si>
    <t>口罩 校園 肺炎 簡易 製作</t>
    <phoneticPr fontId="1" type="noConversion"/>
  </si>
  <si>
    <t>塑膠 股 台塑 q 3 業績 拼 反彈 林 健 男 用 ai 挺 口罩 國家隊</t>
    <phoneticPr fontId="1" type="noConversion"/>
  </si>
  <si>
    <t>台塑 1301 今 10 日 舉辦 股東會 由 董事長 林健 男 主持 看好 隨 著 疫情 趨 緩 加上 現金 股利 入 帳 第 3 季將 迎 穀底 反彈 另外 台塑 也 將 持續 深化 ai 應用 透過 ai 數位 平臺 導入 有效 管理 原 物料 也 使得 台塑 可以 全力 相挺 口罩 國</t>
    <phoneticPr fontId="1" type="noConversion"/>
  </si>
  <si>
    <t>美 企 掀 在家 辦公 潮 筆 電大 缺貨</t>
    <phoneticPr fontId="1" type="noConversion"/>
  </si>
  <si>
    <t>美國 疫情 零 組件 肺炎 短缺</t>
    <phoneticPr fontId="1" type="noConversion"/>
  </si>
  <si>
    <t>頻 傳 疑 似 確診 者 死 家中 柯文哲 籲 叫 你 躲 家裡 沒 叫 你 不 跟 家人 聯絡</t>
    <phoneticPr fontId="1" type="noConversion"/>
  </si>
  <si>
    <t>疫情 蔓延 死 在 家中 案例 頻 傳 先後 發生 北 投 一家 三 口 陳屍 屋內 被裡 長 通知 破門 才 發現 男子 陳屍萬 華清 茶館 多時 被 房東 聞到 屍 臭 才 發現 臺北市 長 柯文哲 5 日 嚴正 說 叫 大家 躲 在 家裡 不是 說 躲 在 山洞 裡 彼此 一個 電話 問</t>
    <phoneticPr fontId="1" type="noConversion"/>
  </si>
  <si>
    <t>台女 沒 錢 繳費 遭 韓 遣返 外交部 未 聯繫 代表處</t>
    <phoneticPr fontId="1" type="noConversion"/>
  </si>
  <si>
    <t>韓國 外交部 代表處 規定 隔離</t>
    <phoneticPr fontId="1" type="noConversion"/>
  </si>
  <si>
    <t>打 趴 川普 國會 女王 變 身 時尚 女王</t>
    <phoneticPr fontId="1" type="noConversion"/>
  </si>
  <si>
    <t>動物 森 友 會 夯 任天堂 業績 飆</t>
    <phoneticPr fontId="1" type="noConversion"/>
  </si>
  <si>
    <t>業績 會計 森 友 任天堂 switch</t>
    <phoneticPr fontId="1" type="noConversion"/>
  </si>
  <si>
    <t>科技 明年 ict 產業 審慎 樂觀 mic 點出 半 導體 通訊 產業 關鍵字</t>
    <phoneticPr fontId="1" type="noConversion"/>
  </si>
  <si>
    <t>資 策 會 產業 情報研究所 mic 針對 2021 年 ict 產業 提出 最新 預估 認為 2021 年 全球 ict 產業 展望 審慎 樂觀 也 分別 點出 半 導體 it 產業 以及 通訊 產業 的 關鍵 惟 疫情 美中關係 仍 扮演 不 確定 因素 資 策 會 mic 認為 2021 年 多數 資 通訊</t>
    <phoneticPr fontId="1" type="noConversion"/>
  </si>
  <si>
    <t>防疫 前哨戰 新光 支援 最 前線</t>
    <phoneticPr fontId="1" type="noConversion"/>
  </si>
  <si>
    <t>醫護人員 企業 肺炎 臺灣隊 基金會</t>
    <phoneticPr fontId="1" type="noConversion"/>
  </si>
  <si>
    <t>白嘉莉 展 50 畫作 贊 臺灣 最 安全</t>
    <phoneticPr fontId="1" type="noConversion"/>
  </si>
  <si>
    <t>肺炎 白嘉莉 澳洲 臺灣 最 臺灣</t>
    <phoneticPr fontId="1" type="noConversion"/>
  </si>
  <si>
    <t>號召 爺 奶 上門 打 麻將 還 多角度 直播 警方 蒐證 送 裁 罰</t>
    <phoneticPr fontId="1" type="noConversion"/>
  </si>
  <si>
    <t>太 誇張 都 什麼 時候 了 竟 還 廣 揪 爺 奶 上門 打 麻將 甚至 還 全 方面 多 視角 全程 直播 用意 啟人疑竇 彰 化 花壇 一 名 直播 主 遭 民眾 檢舉 在家 邀 人 上門 打 麻將 有 群 聚 疑慮 警方 上門 勸導 蒐證 將 陳報 衛生局 開 罰 彰 化 縣 今年 累計 確</t>
    <phoneticPr fontId="1" type="noConversion"/>
  </si>
  <si>
    <t>新竹 確診 者 去 過 頭份 市 及 竹南鎮 公所 緊急 清 消 黃昏 市場 五穀 宮</t>
    <phoneticPr fontId="1" type="noConversion"/>
  </si>
  <si>
    <t>伊拉克 患者 伊朗 肺炎 武漢</t>
    <phoneticPr fontId="1" type="noConversion"/>
  </si>
  <si>
    <t>死亡 21 又創新高 專家 直言 還 會 上升</t>
    <phoneticPr fontId="1" type="noConversion"/>
  </si>
  <si>
    <t>本土 個案 臺北 回歸 死亡 校正</t>
    <phoneticPr fontId="1" type="noConversion"/>
  </si>
  <si>
    <t>全國 三級 警戒 規定 民眾 外出 須戴 口罩 但 也 因此 讓 許多 戶外工作 的 勞工 吃飯 被 檢舉 一 名 網友 表示 為了 養家糊口 大熱天 戴 口罩 上工 因為 做工 不能 改為 居家 線 上 辦公 現實生活 中 他們 只能 在 塵土飛揚 的 環境 脫 口罩 扒 飯</t>
    <phoneticPr fontId="1" type="noConversion"/>
  </si>
  <si>
    <t>appworks 瞄準 ai 區塊 鏈</t>
    <phoneticPr fontId="1" type="noConversion"/>
  </si>
  <si>
    <t>創業 加速器 appworks accelerator 之 初 加速器 15 日 舉辦 appworks demo day 2020 appworks 啟動 加速器 至 今 十 年 整體 生態系 成長 速度 超越 過去 目前 總 募 資金額 總 估 值 整體 年 營業額 都 繳 出 三 位數 成長 一 倍 以上 的 成績</t>
    <phoneticPr fontId="1" type="noConversion"/>
  </si>
  <si>
    <t>總 估 值 林之晨 demo day appworks 創業</t>
    <phoneticPr fontId="1" type="noConversion"/>
  </si>
  <si>
    <t>經濟 疫 外 燒 到 q 2 製造業 產值 連 6 季負 成長</t>
    <phoneticPr fontId="1" type="noConversion"/>
  </si>
  <si>
    <t>張雁名赴日推廣北九洲觀光 飛機乘客「個位數」</t>
    <phoneticPr fontId="1" type="noConversion"/>
  </si>
  <si>
    <t>張雁名 赴 日 推廣 北九洲 觀光 飛機 乘客 個 位數</t>
    <phoneticPr fontId="1" type="noConversion"/>
  </si>
  <si>
    <t>補貼 抵 用 券 振興 服務業 紓困</t>
    <phoneticPr fontId="1" type="noConversion"/>
  </si>
  <si>
    <t>瑞芳 員警 防疫 工作 同仁</t>
    <phoneticPr fontId="1" type="noConversion"/>
  </si>
  <si>
    <t>香港宣佈放寬入境檢疫期至7天 需符合3條件</t>
    <phoneticPr fontId="1" type="noConversion"/>
  </si>
  <si>
    <t>香港 宣佈 放寬 入境 檢疫 期 至 7 天 需 符合 3 條件</t>
    <phoneticPr fontId="1" type="noConversion"/>
  </si>
  <si>
    <t>大甲 媽 繞 境 盧秀燕 出席 起 駕 市府 與 鎮 瀾 宮研議 中</t>
    <phoneticPr fontId="1" type="noConversion"/>
  </si>
  <si>
    <t>大甲鎮 瀾 宮 宣佈 大甲 媽祖 11 日 即將 繞 境 起 駕 台中 市長 盧秀燕 9 日 表示 因為 是 防疫 解 封 以後 全國 第一 場 大型 宗教 繞 境 活動 為 維護 參與 繞 境 民眾 的 安全 以及 瞭解 鎮 瀾 宮 防疫 整備 的 情形 已 請 副 市長 陳子敬 籌組 專案小組 明</t>
    <phoneticPr fontId="1" type="noConversion"/>
  </si>
  <si>
    <t>志 村 健 清明連 假 二等親 觀光局 類 包機</t>
    <phoneticPr fontId="1" type="noConversion"/>
  </si>
  <si>
    <t>香港 公務員 在家 工作 一 周 強制 室內 公共場所 戴 口罩</t>
    <phoneticPr fontId="1" type="noConversion"/>
  </si>
  <si>
    <t>減少 醫護 傳染 風險 新北 市 13 家 院所 推 通訊 診療</t>
    <phoneticPr fontId="1" type="noConversion"/>
  </si>
  <si>
    <t>研 擬 居家 多元 服務 鄭文燦 居家 檢疫 不是 病人 也 不是 犯人</t>
    <phoneticPr fontId="1" type="noConversion"/>
  </si>
  <si>
    <t>桃園 市 至 21 日 居家 檢疫 人數 累計 3353 人 桃園 市長 鄭文燦 提出 居家 多元 服務 專案 研 擬 料理 包 外 送 心理 諮 商 教導 健康操 短期 電視頻道 擴 增 等 服務 強調 居家 檢疫 不 只 是 管制 還 包括 關懷 與 服務 並 強調 他們 不是 病人 也 不</t>
    <phoneticPr fontId="1" type="noConversion"/>
  </si>
  <si>
    <t>桃園 市 至 21 日 居家 檢疫 人數 累計 3353 人 桃園 市長 鄭文燦 提出 居家 多元 服務 專案 研 擬 料理 包 外 送 心理 諮 商 教導 健康操 短期 電視頻道 擴 增 等 服務 強調 居家 檢疫 不 只 是 管制 還 包括 關懷 與 服務 並 強調 他們 不是 病人 也 不是 犯人 桃園 市 防疫 會議 中 針對 居家 檢疫 民眾 鄭文燦 向 相關 單位 提出 料理 包 外 送 線 上 借 電 子書 居家 健康操 教學 及 爭取 短期 電視頻道 的 擴 增 要 讓 居家 檢疫 不 只 是 管制 更是 關懷 與 服務 有感于 居家 檢疫 的 人數 不斷 攀升 桃園 已 達 3353 人 鄭文燦 表示 這 14 天 不要 把 他們 當 犯人 還是 讓 他們 過 比較 充實 的 生活 如 可以 教 怎麼 做 健康操 不要 感覺 度日如年 市長 在 會議 上 也 指示 相關 局 處 如 衛生局 體育 局 等 研 擬 相關 設施 衛生局 原先 設立 的 安心 減壓 專線 03 3340953 轉 3069 由 專業 心理 師 社 工 師 陪伴 民眾 與 第一 線 防疫 人員 亦 將 納入 多元 服務 專案 對 居家 檢疫 的 民眾 提供 相關 的 資訊 與 服務</t>
    <phoneticPr fontId="1" type="noConversion"/>
  </si>
  <si>
    <t>最美 空姐 撐 爆 鈕扣 上帝 視角 泄 超 巨 溝</t>
    <phoneticPr fontId="1" type="noConversion"/>
  </si>
  <si>
    <t>林佩瑤 最美 空姐 溫泉 台中 外套</t>
    <phoneticPr fontId="1" type="noConversion"/>
  </si>
  <si>
    <t>挺 紓困 銀行 祭 出超 低利 小 額 信貸</t>
    <phoneticPr fontId="1" type="noConversion"/>
  </si>
  <si>
    <t>通信網 路 全新 q 2 營 收有 升 氣 外資 重申 買進</t>
    <phoneticPr fontId="1" type="noConversion"/>
  </si>
  <si>
    <t>全新 5 g 基礎 建設 去 美化 光通訊 外資</t>
    <phoneticPr fontId="1" type="noConversion"/>
  </si>
  <si>
    <t>十 大 新聞人物 韓國 瑜 三 度 蟬聯冠軍 蘇貞昌 因 這 理由 擠 進前 十</t>
    <phoneticPr fontId="1" type="noConversion"/>
  </si>
  <si>
    <t>yahoo 奇摩 今天 公佈 2020 年度 臺灣 十 大 新聞人物 前 高雄 市長 韓國瑜 市長 回歸 庶民 話題 性 十足 三 度 蟬聯冠軍 寶座 施政 滿意度 高漲 的 新北 市長 侯友宜 搶下 第 3 名 總統 蔡英文 排名 第 6 強力 背書 萊 豬 的 農委會 主席 陳吉仲 以及 民 調</t>
    <phoneticPr fontId="1" type="noConversion"/>
  </si>
  <si>
    <t>新聞 十 大 人物 臺灣 市長</t>
    <phoneticPr fontId="1" type="noConversion"/>
  </si>
  <si>
    <t>口罩 亂 戴 拒 實 聯 制 被 麵包店 趕 她 惱羞 摔 吐 司 吐 口水 下場 慘 了</t>
    <phoneticPr fontId="1" type="noConversion"/>
  </si>
  <si>
    <t>國內 疫情 持續 升溫 連 2 日 本土 確診 案例 連環 爆 加上 校正 回歸 病例 合計 570 筆 叫 民眾 心慌 慌 但 高雄市 一 名 婦人 日前 到 麵包店 買 麵包 時 依舊 不 戴好 口罩 也 不 願 配合 實 聯 制 政策 讓 無奈 的 店家 只好 請 婦人 離開 豈料 婦人</t>
    <phoneticPr fontId="1" type="noConversion"/>
  </si>
  <si>
    <t>口水 口罩 麵包店 吐 司 實 聯 制</t>
    <phoneticPr fontId="1" type="noConversion"/>
  </si>
  <si>
    <t>防疫 是 條 漫長 的 路 夏春湧 向 政府 喊話</t>
    <phoneticPr fontId="1" type="noConversion"/>
  </si>
  <si>
    <t>在 經過 大 批 量 的 防疫 宣傳 後 大家 都 知道 經常 觸摸 自己 的 臉 對 預防 染 不是 好事 但是 大多數 人 甚至 不 知道 自己 有 這個 壞 習慣 為了 防止 病毒 侵襲 美國 幾 位 醫學 專家 傳授 幾 個 小 技巧 讓 你 可以 大幅 降低 因 觸 碰 臉部 而 感染 病毒 的 風</t>
    <phoneticPr fontId="1" type="noConversion"/>
  </si>
  <si>
    <t>熱門 族群 居家 自 煮 超 商 雙雄 推 生鮮 採買 組合</t>
    <phoneticPr fontId="1" type="noConversion"/>
  </si>
  <si>
    <t>超 商 雙雄 統 一超 2912 7 -eleven 及 全家 5903 搶攻 宅 經濟 商機 其中 7 -eleven 提供 逾 10 款 有機 蔬果 箱 禦 料 小 館 全新 配 菜 居家 自 煮 一 站 購 足 全家 便利商店 則 與 玉 美 生 技 合作 推出 每日 限量 500 箱 蔬菜 箱 只要 在 全</t>
    <phoneticPr fontId="1" type="noConversion"/>
  </si>
  <si>
    <t>全家 全新 統 一超 安心 全家</t>
    <phoneticPr fontId="1" type="noConversion"/>
  </si>
  <si>
    <t>自費 az 疫苗 21 日 開 打 北市 醫學 中心 預約 爆滿</t>
    <phoneticPr fontId="1" type="noConversion"/>
  </si>
  <si>
    <t>師生 恒 春 衛生局 畢旅 采 驗 結果</t>
    <phoneticPr fontId="1" type="noConversion"/>
  </si>
  <si>
    <t>防疫 遇 旅 宿 糾紛 中 市府 推 懶 人 包</t>
    <phoneticPr fontId="1" type="noConversion"/>
  </si>
  <si>
    <t>旅遊 肺炎 運輸 類 糾紛 疫情</t>
    <phoneticPr fontId="1" type="noConversion"/>
  </si>
  <si>
    <t>婉拒 中 港澳 選手 高樹 馬拉松 如期 舉辦</t>
    <phoneticPr fontId="1" type="noConversion"/>
  </si>
  <si>
    <t>享譽 全台 的 高樹 蜜棗 國際 馬拉松 不受 疫情 影響 如期 於 16 日 展開 賽事 超過 1萬 名 跑 者 報名 主辦單位 高樹鄉 公所 不敢 大意 出動 2 台 紅外線 體溫 感 測儀 更 宣佈 婉拒 來自 中 港澳 及 其他 外籍人士 參加 企圖 將 防疫 工作 做到 滴水不漏</t>
    <phoneticPr fontId="1" type="noConversion"/>
  </si>
  <si>
    <t>跑 者 蜜棗 單位 主辦 主辦單位</t>
    <phoneticPr fontId="1" type="noConversion"/>
  </si>
  <si>
    <t>打完 高端 開始 懷疑 自己 醫 揭 關鍵 2 字 最 可怕 疫情 還 沒來</t>
    <phoneticPr fontId="1" type="noConversion"/>
  </si>
  <si>
    <t>確診 又 爆 量 本土 增 549 例 12 人 死亡</t>
    <phoneticPr fontId="1" type="noConversion"/>
  </si>
  <si>
    <t>社評 妖魔 化 大陸 錯 把 疫苗 當 武器</t>
    <phoneticPr fontId="1" type="noConversion"/>
  </si>
  <si>
    <t>大陸 疫苗 肺炎 戰爭 武力</t>
    <phoneticPr fontId="1" type="noConversion"/>
  </si>
  <si>
    <t>連跌24個月 港1月貨櫃輸送量 重挫兩成</t>
    <phoneticPr fontId="1" type="noConversion"/>
  </si>
  <si>
    <t>連 跌 24 個 月 港 1 月 貨櫃 輸送量 重 挫 兩 成</t>
    <phoneticPr fontId="1" type="noConversion"/>
  </si>
  <si>
    <t>受 春節假期 影響 香港 海運 港口 局 18 日 公佈 1 月 香港 港口 貨櫃 輸送量 較 上年 同期 大跌 逾 兩 成 已 連 跌 24 個 月 且 在 疫情 持續 影響 下 或 突破 過去 連 跌 25 個 月 的 歷史 最 長 紀錄 香港 海運 港口 局 資料 顯示 1 月 香港 港口 貨櫃 輸送量 為 13</t>
    <phoneticPr fontId="1" type="noConversion"/>
  </si>
  <si>
    <t>香港 港口 廠商 肺炎 輸送量</t>
    <phoneticPr fontId="1" type="noConversion"/>
  </si>
  <si>
    <t>肺炎 感染 人數 新加坡 武漢</t>
    <phoneticPr fontId="1" type="noConversion"/>
  </si>
  <si>
    <t>國際 產業 疫情 打亂 產 需 lg 顯示器 連 5 季 虧損</t>
    <phoneticPr fontId="1" type="noConversion"/>
  </si>
  <si>
    <t>lg 顯示器 營 收 虧損 淨損 預期</t>
    <phoneticPr fontId="1" type="noConversion"/>
  </si>
  <si>
    <t>生 在 臺灣 真 幸福 醫 歎 百萬 醫療費 壓垮 陸 孕婦 拔 葉克 膜 不 救 了</t>
    <phoneticPr fontId="1" type="noConversion"/>
  </si>
  <si>
    <t>日本 發現 垂直 感染 母子 感染</t>
    <phoneticPr fontId="1" type="noConversion"/>
  </si>
  <si>
    <t>疫情 過後 想 怎麼 過 生活 給 你 健康 過 生活 3 建議</t>
    <phoneticPr fontId="1" type="noConversion"/>
  </si>
  <si>
    <t>嘉義 市 孕 媽媽 看 過來 即日起 開放 預約 打 az 莫德納 疫苗 自由 選</t>
    <phoneticPr fontId="1" type="noConversion"/>
  </si>
  <si>
    <t>陸 學者 世界 總體 穩定 對 陸美 都 有利</t>
    <phoneticPr fontId="1" type="noConversion"/>
  </si>
  <si>
    <t>g 20 特別 峰會 習近平 籲 合作 抗 疫</t>
    <phoneticPr fontId="1" type="noConversion"/>
  </si>
  <si>
    <t>峰會 肺炎 二十國集團 防控 g 20</t>
    <phoneticPr fontId="1" type="noConversion"/>
  </si>
  <si>
    <t>陸 新增 14 例 境外 輸入 個案 廣東 連 11 天 無 本土 病例</t>
    <phoneticPr fontId="1" type="noConversion"/>
  </si>
  <si>
    <t>據 大陸 國家 衛健 委 網站 消息 7 月 3 日 0 至 24 時 31 個 省 自治區 直轄市 和 新疆生產建設兵團 報告 新增 確診 病例 14 例 均 為 境外 輸入 病例 雲南 4 例 廣東 3 例 福建 2 例 天津 1 例 遼寧 1 例 上海 1 例 廣西 1 例 四川 1 例 新增 疑</t>
    <phoneticPr fontId="1" type="noConversion"/>
  </si>
  <si>
    <t>慶尚 北 道 死亡 大 邱 肺炎 京 畿 道</t>
    <phoneticPr fontId="1" type="noConversion"/>
  </si>
  <si>
    <t>泰國 羽球 公開賽 大 逆轉 賽娜 昨 確診 今 又 可出 賽</t>
    <phoneticPr fontId="1" type="noConversion"/>
  </si>
  <si>
    <t>羽球 賽娜 檢測 選手 退 賽</t>
    <phoneticPr fontId="1" type="noConversion"/>
  </si>
  <si>
    <t>後 疫情 時代 韓 市府 超前 部署 觀光 射 3 箭 搶 國旅 市場</t>
    <phoneticPr fontId="1" type="noConversion"/>
  </si>
  <si>
    <t>後 疫情 時代 來臨 高 市府 搶救 觀光 大 作戰 超前 部署 不等 中央 安心 旅遊 補助 到位 先 擬定 射 觀光 3 箭 瞄準 公務員 團 客 散客 三大 族群 搶攻 國民 旅遊 市場 除 攜手 飯店 旅行社 加碼 優惠 補助 盼 帶動 公務員 預購 預 刷 國民 旅</t>
    <phoneticPr fontId="1" type="noConversion"/>
  </si>
  <si>
    <t>後 疫情 時代 來臨 高 市府 搶救 觀光 大 作戰 超前 部署 不等 中央 安心 旅遊 補助 到位 先 擬定 射 觀光 3 箭 瞄準 公務員 團 客 散客 三大 族群 搶攻 國民 旅遊 市場 除 攜手 飯店 旅行社 加碼 優惠 補助 盼 帶動 公務員 預購 預 刷 國民 旅遊 卡 也 與 中北部 旅行社 合作 辦 踩 線團 而 6 月 則 推 城市 探險 強調 戶外 防疫 安心 旅遊 觀光 局長 邱俊龍 透露 現在 已經 進入 後 疫情 時期 高 市府 針對 觀光 政策 進行 超前 部署 環繞 振興 國旅 這 四 個 字 成為 相當 重要 的 指標 高 市府 先 把 資源 放進去 未來 等 中央 方案 再 加 進來 相信 會 對 高雄 觀光業 注入 活水 邱俊龍 指出 首先 鎖定 公務人員 因 每年 有 8000 元 國民 旅遊 卡 額度 可 消費 用於 訂 飯店 旅遊 這次 高 市府 編 列 預算 加碼 外 也 號召 飯店 旅行社 祭出 優惠 刺激 公務員 預購 預 刷 讓 旅 宿業 有 現金 流 這項 方案 預計 下 周 對外 公告 細節 最 快 6 月 1 日 上路 針對 團體 旅遊 部分 邱俊龍 透露 5 月 7 日 起 已 與 中北部 旅行社 合作 推動 踩 線團 將 中北部 遊客 往 南帶 到 高雄 觀光 並 搭配 今年 高雄 區域 觀光 元年 元素 推動 多 條 旅遊 軸 帶 至於 散客 方面 邱俊龍 表示 今年 高市 觀光 推動 月月 有 精彩 但 5 月 因 疫情 而 停 擺 接下來 6 月 會 推 城市 探險 活動 推廣 高雄山 海 等 生態 體驗 推出 系列 游程 開放 遊客 報名 也 符合 防疫 安心 旅遊 概念</t>
    <phoneticPr fontId="1" type="noConversion"/>
  </si>
  <si>
    <t>疫情 攪局 屏 東 創世 園 遊會 募款 超 冷清</t>
    <phoneticPr fontId="1" type="noConversion"/>
  </si>
  <si>
    <t>湖北 確診 病例 一 夜 暴 增 1 4萬 人 背後 原因 曝光</t>
    <phoneticPr fontId="1" type="noConversion"/>
  </si>
  <si>
    <t>仁寶 昆山 廠 延至 2 17 復工</t>
    <phoneticPr fontId="1" type="noConversion"/>
  </si>
  <si>
    <t>電腦設備 光寶 科 陳廣中 q 3 保守 全年 樂觀</t>
    <phoneticPr fontId="1" type="noConversion"/>
  </si>
  <si>
    <t>陽性 中鋒 nba 戈貝爾 伍德</t>
    <phoneticPr fontId="1" type="noConversion"/>
  </si>
  <si>
    <t>匯率 期貨 趨勢 專欄 美國 經濟 靚 美元 指數 翻 揚</t>
    <phoneticPr fontId="1" type="noConversion"/>
  </si>
  <si>
    <t>聯 准會 中國 匯率 期貨 肺炎 採取</t>
    <phoneticPr fontId="1" type="noConversion"/>
  </si>
  <si>
    <t>蔣 萬安 聲 量 驚 現 危機 藍營 北市 高層 這樣 看</t>
    <phoneticPr fontId="1" type="noConversion"/>
  </si>
  <si>
    <t>有意 角逐 2022 臺北市 長 選舉 的 藍委蔣 萬安 在 日前 國民黨 35 位 政治 人物 聲 量 排名 掉 入 第 30 名 引發 外界 的 關注 對此 國民黨 臺北市 黨 部 主委 黃呂錦 茹 表示 這 應 是 疫情 當下 的 特殊 狀況 明年 接近 選舉 藍綠白 在 北市 會 回歸 基本</t>
    <phoneticPr fontId="1" type="noConversion"/>
  </si>
  <si>
    <t>長 庚 抗體 行政院 勞動部 起 薪</t>
    <phoneticPr fontId="1" type="noConversion"/>
  </si>
  <si>
    <t>林傑樑FB教防疫 台灣人的最愛成感染高風險</t>
    <phoneticPr fontId="1" type="noConversion"/>
  </si>
  <si>
    <t>林傑 梁 fb 教 防疫 臺灣人 的 最愛 成 感染 高風險</t>
    <phoneticPr fontId="1" type="noConversion"/>
  </si>
  <si>
    <t>疫情 嚴峻 貿 協 願 借 南港 展覽館 搭建 方 艙</t>
    <phoneticPr fontId="1" type="noConversion"/>
  </si>
  <si>
    <t>臺灣 累積 確診 數 已 破 萬 人 疫情 尚 看不到 終點 凸顯 國內 方 艙 收容 不足 問題 對此 外貿協會 董事長 黃志芳 今天 正面 回應 國家 疫情 嚴峻 如要 徵用 貿 協 展場 義不容辭 全力 配合 據 瞭解 貿 協 內部 對 此 有 做 過 評估 如 國家 真</t>
    <phoneticPr fontId="1" type="noConversion"/>
  </si>
  <si>
    <t>張亞中 捐 一千萬 劑 疫苗 今 正式 申請</t>
    <phoneticPr fontId="1" type="noConversion"/>
  </si>
  <si>
    <t>孫文 學校 校長 張亞中 今天上午 前往 衛福部 疾 管署 親自 遞交 疫苗 進口 申請書 張亞中 表示 完全 配合 衛福部 的 要求 願意 提供 擬 捐贈 疫苗 的 單位 與 原 生產 藥廠 代理 公司 的 聯絡 視窗 由 衛福部 直接 接洽 相關 疫苗 進口 所 需 的 各項 驗</t>
    <phoneticPr fontId="1" type="noConversion"/>
  </si>
  <si>
    <t>孫文 學校 校長 張亞中 今天上午 前往 衛福部 疾 管署 親自 遞交 疫苗 進口 申請書 張亞中 表示 完全 配合 衛福部 的 要求 願意 提供 擬 捐贈 疫苗 的 單位 與 原 生產 藥廠 代理 公司 的 聯絡 視窗 由 衛福部 直接 接洽 相關 疫苗 進口 所 需 的 各項 驗證 與 簽約 程式 張亞中 接受 北京 兩岸 東方文化 中心 代表人 曾 念委讬 捐贈 臺灣 五百萬 劑 bnt 疫苗 以及 五百萬 劑 大陸 國藥集團 北京 生物 公司 生產 疫苗 張亞中 說 疫苗 進口 後 衛福部 必須 統籌 分配 張亞中 也 尊重 政府部門 統籌 調度 的 許可權 唯 尊重 原 捐贈 單位 的 意願 希望 該 疫苗 能夠 優先 提供 給 學校 師生 與 弱勢 民眾 施打 孫文 學校 說明 曾念 特別 委 讬 張亞中 代為 處理 該項 捐贈 在 臺灣 必須 處理 之 各項 程式 以使 該 疫苗 得以 順利 進入 臺灣 提供 臺灣 民眾 抗 疫 之 所 需 藉 此 表達 大陸 民間 對 臺灣 血濃於水 的 感情</t>
    <phoneticPr fontId="1" type="noConversion"/>
  </si>
  <si>
    <t>防疫 情 擴散 美 cdc 籲 民眾 感恩節 勿 旅行</t>
    <phoneticPr fontId="1" type="noConversion"/>
  </si>
  <si>
    <t>nba 戈貝爾 染病 爵士 過去 兩 周 6 戰 對手 皮皮 挫</t>
    <phoneticPr fontId="1" type="noConversion"/>
  </si>
  <si>
    <t>產業 foodpanda 祭 3 大 方案 助 度 抗 疫 難關</t>
    <phoneticPr fontId="1" type="noConversion"/>
  </si>
  <si>
    <t>三 采 陰 張上淳 隔離 出院 身心 折磨</t>
    <phoneticPr fontId="1" type="noConversion"/>
  </si>
  <si>
    <t>真正 烏魯木齊 新疆 本土 確診 擴散 首府 爆發 恐慌</t>
    <phoneticPr fontId="1" type="noConversion"/>
  </si>
  <si>
    <t>疫情 延 燒 金泰希 新劇 疑 例 人員 采 檢 陰性 神話 eric 新劇 延至 月底</t>
    <phoneticPr fontId="1" type="noConversion"/>
  </si>
  <si>
    <t>臨床 疫苗 臨床 試驗 大陸 研究所</t>
    <phoneticPr fontId="1" type="noConversion"/>
  </si>
  <si>
    <t>陸港 觀盤 疫情 引燃 線 上 新 經濟 發展 機遇</t>
    <phoneticPr fontId="1" type="noConversion"/>
  </si>
  <si>
    <t>業態 新 經濟 線 上 教育 企業 肺炎</t>
    <phoneticPr fontId="1" type="noConversion"/>
  </si>
  <si>
    <t>30 歐奇 台中 店家 老闆</t>
    <phoneticPr fontId="1" type="noConversion"/>
  </si>
  <si>
    <t>旅外 女 二 采 複 陽 確診 張上淳 不 確定 發病 時間</t>
    <phoneticPr fontId="1" type="noConversion"/>
  </si>
  <si>
    <t>為什麼 不 直接 禁止 去 觀光 景點 網 揭 台人 習性</t>
    <phoneticPr fontId="1" type="noConversion"/>
  </si>
  <si>
    <t>觀光 景點 直接 禁止 擠爆 清明連 假 台人 天性</t>
    <phoneticPr fontId="1" type="noConversion"/>
  </si>
  <si>
    <t>台 澳 口罩 原料 換 酒精 外交部 互惠 受益 增進 情誼</t>
    <phoneticPr fontId="1" type="noConversion"/>
  </si>
  <si>
    <t>繼 台 美 以 口罩 換 防護衣 原料 後 台 澳 也 達成 相互 採購 口罩 和 酒精 原料 的 共識 外交部 今晚 表示 有 關台澳 防疫 合 作案 我國 與 澳洲 相互 採購 防疫 物資 原料 確保 兩 國 民眾 防疫 需求 外交部 居中 協助 聯繫 協調 本案 樂 見 台 澳 互惠 受</t>
    <phoneticPr fontId="1" type="noConversion"/>
  </si>
  <si>
    <t>瘋 搶 bnt 登記 藍委 促 政府 加碼 採購 1500萬 劑</t>
    <phoneticPr fontId="1" type="noConversion"/>
  </si>
  <si>
    <t>bnt 疫苗 28 日 開放 18 歲 以上 民眾 意願 登記 民眾 瘋 搶 對此 藍委洪 孟楷 認為 這 代表 大家 對於 國際 合格 認證 的 疫苗 較 有 信心 因此 他 主張 bnt 疫苗 應該 全部 年齡層 都 能夠 選擇 並 要求 政府 加碼 採購 1500萬 劑 bnt 疫苗 以 足夠 人民</t>
    <phoneticPr fontId="1" type="noConversion"/>
  </si>
  <si>
    <t>半 導體 欣銓 去年 營 收 寫 3 高 q 1 淡季 逆 強</t>
    <phoneticPr fontId="1" type="noConversion"/>
  </si>
  <si>
    <t>測試 廠欣 銓 3264 受惠 5 g 相關 應用 及 車用 晶 片 測試 需求 同步 暢旺 2020 年 12 月 及第 四季 合併 營 收 同步 雙 升 與 全年 營 收 同步 改寫 新高 締造 三高 佳績 展望 今年 在 測試 需求 續 旺 新廠 投產 挹注 帶動 下 法人 看好 首季 淡</t>
    <phoneticPr fontId="1" type="noConversion"/>
  </si>
  <si>
    <t>欣銓 營 收 新高 成長 需求</t>
    <phoneticPr fontId="1" type="noConversion"/>
  </si>
  <si>
    <t>衛福 部長 陳時中 今 12 日 宣佈 若 陸 配 子女 目前 沒有 我國 國籍 仍 滯留 在 大陸 港澳地區 者 確定 不 准許 入境 陳時中 強調 可 理解 相關 人士 會 有 壓力 但 陸 配子 女 出生 時 的 國籍 是 可以 選擇 的 既然 當初 已 選擇 了 國</t>
    <phoneticPr fontId="1" type="noConversion"/>
  </si>
  <si>
    <t>陸配 陳時中 開放 返台 子女</t>
    <phoneticPr fontId="1" type="noConversion"/>
  </si>
  <si>
    <t>疑 糞 管 傳播 港 社區 感染 百 人 急 撤</t>
    <phoneticPr fontId="1" type="noConversion"/>
  </si>
  <si>
    <t>撤離 香港 肺炎 病毒 傳播</t>
    <phoneticPr fontId="1" type="noConversion"/>
  </si>
  <si>
    <t>公主 3 連 落難 紅寶石 公主 號 4 人 確診</t>
    <phoneticPr fontId="1" type="noConversion"/>
  </si>
  <si>
    <t>守 鱟 金門 建功 嶼 放流 鱟 苗 4萬 尾</t>
    <phoneticPr fontId="1" type="noConversion"/>
  </si>
  <si>
    <t>在 4億 年 前 就 出現 有 灘地 上 的 活化石 之 稱 的 鱟 是 金門 特有 的 海洋生物 但 在 人為 干擾 和 棲 地 破壞 下 族群 數量 已 逐年 減少 縣 水 試 所 致力 生態 複 育 今 30 日 上午 由 副 縣長 黃怡凱 帶隊 在 建功 嶼 潮間帶 放流 自行 育 成 1 至</t>
    <phoneticPr fontId="1" type="noConversion"/>
  </si>
  <si>
    <t>台新金 2 月 自 結 稅 後 盈 餘 11 7億 元</t>
    <phoneticPr fontId="1" type="noConversion"/>
  </si>
  <si>
    <t>台新金 稅 後 盈 餘 台新 銀行 穩健 累計 前</t>
    <phoneticPr fontId="1" type="noConversion"/>
  </si>
  <si>
    <t>確診 破百 未來 14 天 是 臺灣 防疫 關鍵期 莊 人 祥 揭 2 種 情況</t>
    <phoneticPr fontId="1" type="noConversion"/>
  </si>
  <si>
    <t>防疫 關鍵期 莊人祥 14 天 疫情 高峰 陽性</t>
    <phoneticPr fontId="1" type="noConversion"/>
  </si>
  <si>
    <t>科技 電信 二 哥 爭 不停 遠 傳 用戶 超車 臺灣 大 不服氣</t>
    <phoneticPr fontId="1" type="noConversion"/>
  </si>
  <si>
    <t>臺灣 大 遠 傳 中華 電 ncc 國家 通訊 委員會</t>
    <phoneticPr fontId="1" type="noConversion"/>
  </si>
  <si>
    <t>22億 劑 次 大陸 新 疫苗 接種 中國</t>
    <phoneticPr fontId="1" type="noConversion"/>
  </si>
  <si>
    <t>汛期 將 至 多功能 草 湖 防災 公園 將 完工</t>
    <phoneticPr fontId="1" type="noConversion"/>
  </si>
  <si>
    <t>汛期 即將來臨 台中 市長 盧秀燕 17 日前 往 即 將 於 4 月底 完工 的 大裡 草 湖 防災 公園 瞭解 工程進度 希望 汛期 間 它 能 發揮 功效 減少 淹 水 草 湖 防災 公園 采 多功能 設計 除 可 滯 洪 排水 更 設計 籃球場 溜滑梯 等 遊 憩 設備 打造 多</t>
    <phoneticPr fontId="1" type="noConversion"/>
  </si>
  <si>
    <t>公園 防災 草 湖 汛期 功能</t>
    <phoneticPr fontId="1" type="noConversion"/>
  </si>
  <si>
    <t>nba 席爾佛 探索 一切 重新 開 打 方法</t>
    <phoneticPr fontId="1" type="noConversion"/>
  </si>
  <si>
    <t>nba 席爾佛 聯盟 複賽 球員</t>
    <phoneticPr fontId="1" type="noConversion"/>
  </si>
  <si>
    <t>新竹 縣 寶山鄉 1 名 8 旬 婦人 日前 因 車禍 而 送醫 采 檢 因 4 次 pcr 采 檢 陰陽 反 覆 新竹 縣 衛生局 不敢 大意 將 檢 體 送往 昆陽 實驗室 判定 今天 8 月 31 日 中午 確定 為 陰性 而 寶山鄉 30 日 晚間 連夜 開設 快 篩 站 共 196 人 快 篩 均 為 陰性 新</t>
    <phoneticPr fontId="1" type="noConversion"/>
  </si>
  <si>
    <t>半 導體 傳 華為 砍 單 供應 鏈 聯 詠 q 2 添 變數</t>
    <phoneticPr fontId="1" type="noConversion"/>
  </si>
  <si>
    <t>電子 小 尖兵 衝鋒 外資 喊 燒</t>
    <phoneticPr fontId="1" type="noConversion"/>
  </si>
  <si>
    <t>電子 大型 權值 股 熄火 外資 鎖定 小 尖兵 衝鋒 摩根士丹利 證券 看好 微控制器 mcu 大陸 在 地 化 商機 初評 新 唐 4919 喊 買 瑞信 證券 科技產業 分析 師 看好 元太 8069 電子 貨架 標籤 esl 業務 調高 股價 預期 到 100 元 野村</t>
    <phoneticPr fontId="1" type="noConversion"/>
  </si>
  <si>
    <t>地 化 元太 esl 外資 mcu</t>
    <phoneticPr fontId="1" type="noConversion"/>
  </si>
  <si>
    <t>馬 祖居 家 隔離 新增 1 人 全縣 59 人 采 驗 皆 陰性</t>
    <phoneticPr fontId="1" type="noConversion"/>
  </si>
  <si>
    <t>新聞 早班車 羅志祥 今 出關 下 一 步 怎 走 考驗 智慧</t>
    <phoneticPr fontId="1" type="noConversion"/>
  </si>
  <si>
    <t>小 編 精選 中國時報 5 件 不可 不知 大事 帶 讀者 掌握 今天 29 日 新聞 重點 1 羅志祥 今 出關 下 一 步 怎 走 考驗 智慧 周揚青 宣告 與 羅志祥 小 豬 分手 並 踢 爆 小 豬 與 愷 樂 蝴蝶 有 不 正當 男女關係 讓 小 豬 形象 一落千丈</t>
    <phoneticPr fontId="1" type="noConversion"/>
  </si>
  <si>
    <t>羅志祥 周揚 青 1968 黃偉哲 基隆 廟口</t>
    <phoneticPr fontId="1" type="noConversion"/>
  </si>
  <si>
    <t>埃及 爸 2 哥哥 抗體 顯示 近期 感染 不 排除 改判 本土 病例</t>
    <phoneticPr fontId="1" type="noConversion"/>
  </si>
  <si>
    <t>澳門 高校 擬 4 月 1 日 恢復 部分 教學</t>
    <phoneticPr fontId="1" type="noConversion"/>
  </si>
  <si>
    <t>澳門特區政府 官 網 14 日 引用 澳門 高等 教育局 消息 指出 日前 該局 與 澳門 10 所 高等院校 高層 及 代表 召開 會議 就 複課 日期 及 安排 進行 磋商 根據 澎湃 新聞網 報導 初步 建議 院校 在 滿足 特定條件 並 根據 自身 實際 情況 可 考慮 於 4 月 1</t>
    <phoneticPr fontId="1" type="noConversion"/>
  </si>
  <si>
    <t>澳門特區政府 官 網 14 日 引用 澳門 高等 教育局 消息 指出 日前 該局 與 澳門 10 所 高等院校 高層 及 代表 召開 會議 就 複課 日期 及 安排 進行 磋商 根據 澎湃 新聞網 報導 初步 建議 院校 在 滿足 特定條件 並 根據 自身 實際 情況 可 考慮 於 4 月 1 日 起 恢復 部分 教學活動</t>
    <phoneticPr fontId="1" type="noConversion"/>
  </si>
  <si>
    <t>運將 6萬 之 亂 綠 媒 老 董批 政府 自大 驕傲起來 了</t>
    <phoneticPr fontId="1" type="noConversion"/>
  </si>
  <si>
    <t>擴大 紓困 上路 以來 民眾 相當 不滿 小黃 司機 可 領 6萬 元 更是 引起 軒然大波 雖然 政府 趕快 澄清 是 相關 補助 加 起來 6萬 但 還是 對 政府 威信 造成 傷害 對此 綠 媒 老 董吳 子 嘉 直言 連錢 給 人家 這樣 的 事 都 沒 做 好 代表 政府 有 可能</t>
    <phoneticPr fontId="1" type="noConversion"/>
  </si>
  <si>
    <t>吳子嘉 林佳龍 綠 媒 老 董 交通部 臺灣</t>
    <phoneticPr fontId="1" type="noConversion"/>
  </si>
  <si>
    <t>庫克 樂觀 陸已 管控 疫情</t>
    <phoneticPr fontId="1" type="noConversion"/>
  </si>
  <si>
    <t>蘋果 大陸 肺炎 樂觀 下降</t>
    <phoneticPr fontId="1" type="noConversion"/>
  </si>
  <si>
    <t>林昶 佐 喊 展現 防衛 能量 被 宅 神 酸 沒當 過 兵</t>
    <phoneticPr fontId="1" type="noConversion"/>
  </si>
  <si>
    <t>台 11 人 參與 試驗 療效顯著</t>
    <phoneticPr fontId="1" type="noConversion"/>
  </si>
  <si>
    <t>病人 瑞德 肺炎 吉立亞 試驗</t>
    <phoneticPr fontId="1" type="noConversion"/>
  </si>
  <si>
    <t>新聞 透視 綠 委 阿q 帶 風向 買 嘸 就 喊 不必 急</t>
    <phoneticPr fontId="1" type="noConversion"/>
  </si>
  <si>
    <t>口罩 帶 風向 疫苗 研發 肺炎</t>
    <phoneticPr fontId="1" type="noConversion"/>
  </si>
  <si>
    <t>與 確診 音樂家 同機 長 榮 空服 居家 隔離 放 防疫 假</t>
    <phoneticPr fontId="1" type="noConversion"/>
  </si>
  <si>
    <t>隔離 防疫 長 榮 班機 居家</t>
    <phoneticPr fontId="1" type="noConversion"/>
  </si>
  <si>
    <t>8 月 開放 外籍人士 來 台 就醫 他 憂 成 防疫 破 口 恐 致 臺灣 淪陷</t>
    <phoneticPr fontId="1" type="noConversion"/>
  </si>
  <si>
    <t>imf 大 砍 臺灣 gdp 央行 稱 太 悲觀</t>
    <phoneticPr fontId="1" type="noConversion"/>
  </si>
  <si>
    <t>準確性 央行 肺炎 臺灣 gdp 罕見</t>
    <phoneticPr fontId="1" type="noConversion"/>
  </si>
  <si>
    <t>疫情 大陸 監獄 病例 湖北</t>
    <phoneticPr fontId="1" type="noConversion"/>
  </si>
  <si>
    <t>紐 籍 機師 治療費 全民 買 單 感染 科 醫 不服氣</t>
    <phoneticPr fontId="1" type="noConversion"/>
  </si>
  <si>
    <t>又 見 大陸 輸入 病例 醫 提 資料 警告 不會 只 有 一個</t>
    <phoneticPr fontId="1" type="noConversion"/>
  </si>
  <si>
    <t>明 開始 週末 假期 蔡英文 非必要 別 出門</t>
    <phoneticPr fontId="1" type="noConversion"/>
  </si>
  <si>
    <t>受 疫情 影響 ces 2021 線下 展覽 取消 改線 上 形式</t>
    <phoneticPr fontId="1" type="noConversion"/>
  </si>
  <si>
    <t>ces 消費性 電子 展 線 上 展覽 取消 實體 展覽</t>
    <phoneticPr fontId="1" type="noConversion"/>
  </si>
  <si>
    <t>民眾 曝 pcr 確診 無處 去 新北 議員 促 市府 盡 速 建立 防疫 sop</t>
    <phoneticPr fontId="1" type="noConversion"/>
  </si>
  <si>
    <t>口罩 都 鬆綁 了 何時 降 一級 陳時中 回 一 句 話</t>
    <phoneticPr fontId="1" type="noConversion"/>
  </si>
  <si>
    <t>台南 58 歲 男子 接種 az 疫苗 月 餘 過世</t>
    <phoneticPr fontId="1" type="noConversion"/>
  </si>
  <si>
    <t>台 南市 1 名 有 中風 洗 腎病 史 的 58 歲 男子 6 月 14 日 接種 az 疫苗 後 隔 天 即 出現 身體 不適 6 月 28 日 送醫 治療 7 月 24 日 宣告 過世 家屬 向 衛生局 通報 後 台南 市 衛生局 也 已經 向 中央 通報 為 疫苗 不良反應 個案 台南 市 衛生局 指出 今</t>
    <phoneticPr fontId="1" type="noConversion"/>
  </si>
  <si>
    <t>台 南市 1 名 有 中風 洗 腎病 史 的 58 歲 男子 6 月 14 日 接種 az 疫苗 後 隔 天 即 出現 身體 不適 6 月 28 日 送醫 治療 7 月 24 日 宣告 過世 家屬 向 衛生局 通報 後 台南 市 衛生局 也 已經 向 中央 通報 為 疫苗 不良反應 個案 台南 市 衛生局 指出 今天 新增 一起 接種 疫苗 後 不良反應 的 案例 該 名 男子 本身 有 慢性 疾 病史 包括 中風 洗 腎 等 上個月 14 日 接種 az 疫苗 後 隔 天 就 出現 身體 不 舒服 並 向 衛生局 通報 男子 接種 疫苗 2 周後 送醫 治療 住院 快 1 個 月 本月 24 日 過世 男子 從 接種 疫苗 到 身亡 間隔 1 個 月 衛生局 已向 中央 通報 為 疫苗 不良反應 後續 將 厘 清 男子 死因 是否 與 疫苗 相關</t>
    <phoneticPr fontId="1" type="noConversion"/>
  </si>
  <si>
    <t>本土 確診 爆 增 29 例 歐陽靖 舉 日本 現狀 曝 臺灣 防疫 有成</t>
    <phoneticPr fontId="1" type="noConversion"/>
  </si>
  <si>
    <t>臺灣 疫情 升溫 近日 升至 為 第二 級 警戒 後 昨 14 日 更 一口氣 爆 增 29 位 本土 病例 讓 全 臺灣 民眾 人心惶惶 不過 作家 歐陽靖 表示 現在 全世界 能 因為 日 增 十幾 位 本土 案例 就 恐慌 成 這樣 的 大概 也 只 有 臺灣 澳洲 這些 防疫 有</t>
    <phoneticPr fontId="1" type="noConversion"/>
  </si>
  <si>
    <t>亂丟垃圾 阻 不了 店家 詛咒祝 你 得 肺炎 奏效</t>
    <phoneticPr fontId="1" type="noConversion"/>
  </si>
  <si>
    <t>桃園 金沙酒店 連 5 日 有 確診 者 足跡 酒客 擔心 有 接觸 嗎</t>
    <phoneticPr fontId="1" type="noConversion"/>
  </si>
  <si>
    <t>桃園 市政府 19 日 公佈 確診 者 足跡 新增 1 人 足跡 在 金沙酒店 為 5 月 10 日 至 14 日 下午 4 時至 淩晨 2 時 另 根據 苗栗 縣政府 資料 案 2011 曾 在 11 日 傍晚 前往 該 酒店 當時 衛生局 已經 匡列 相關 酒客 小姐 工作人員 如今 又 傳 出 1 人 確診</t>
    <phoneticPr fontId="1" type="noConversion"/>
  </si>
  <si>
    <t>桃園 市政府 19 日 公佈 確診 者 足跡 新增 1 人 足跡 在 金沙酒店 為 5 月 10 日 至 14 日 下午 4 時至 淩晨 2 時 另 根據 苗栗 縣政府 資料 案 2011 曾 在 11 日 傍晚 前往 該 酒店 當時 衛生局 已經 匡列 相關 酒客 小姐 工作人員 如今 又 傳 出 1 人 確診 不少 酒客 擔心 是否 有 接觸 史 因 金沙酒店 屬於 八大 行業 是 警方 列管 場所 定期 要 前往 臨檢 據 瞭解 上次 警方 臨檢 已經 是 1 個 多 月 前 警方 比對 臨檢 日期 與 確診 者 足跡 後 放下 心中 大石 消息 傳出 不少 酒客 也 連忙 向 酒店 打聽 詢問 有 沒有 與 該 工作人員 有所 接觸 多數 得知 沒有 也 松下 一口氣 王姓 酒客 說 得知 案 2011 曾 造訪 金沙 後 連忙 加強 自主 健康 管理 趕緊 去 買 耳 溫槍 除了 戴 口罩 也 加 買 耳 溫槍 防疫</t>
    <phoneticPr fontId="1" type="noConversion"/>
  </si>
  <si>
    <t>北京 清明 祭掃 首 高峰 週末 現場 掃 客 降 九 成</t>
    <phoneticPr fontId="1" type="noConversion"/>
  </si>
  <si>
    <t>nba 戈貝爾 確診 後 收到 死亡威脅</t>
    <phoneticPr fontId="1" type="noConversion"/>
  </si>
  <si>
    <t>戈貝爾 nba 確診 死亡威脅 無限期 停賽</t>
    <phoneticPr fontId="1" type="noConversion"/>
  </si>
  <si>
    <t>1 天 暴 增 16 例 確診 嚇死人 這些 人 急 了 快 跟 上海 複 星 買 疫苗</t>
    <phoneticPr fontId="1" type="noConversion"/>
  </si>
  <si>
    <t>中秋 連 假 前 桃勤 清潔員 染 delta 醫 點 2 隱憂 事情 大 條 了</t>
    <phoneticPr fontId="1" type="noConversion"/>
  </si>
  <si>
    <t>機場 清潔 人員 delta 接觸 者 個案</t>
    <phoneticPr fontId="1" type="noConversion"/>
  </si>
  <si>
    <t>靈鷲 山水 陸空 法會 為 疫情 意外 受難者 祈福</t>
    <phoneticPr fontId="1" type="noConversion"/>
  </si>
  <si>
    <t>影 超人 神 級 伏地挺身 新 境界</t>
    <phoneticPr fontId="1" type="noConversion"/>
  </si>
  <si>
    <t>對 一般 人 來說 單是 要 做 幾 個 伏地挺身 可能 就 得 費 上 九牛二虎之力 累 得 喘噓噓 可是 對 這 位 健身 高人 而言 實在 是 簡單 到 爆 據 每日 郵報 daily mail 25 日 報導 在 法國巴黎 郊區 埃 爾布萊 herblay 的 健身房 裡 這</t>
    <phoneticPr fontId="1" type="noConversion"/>
  </si>
  <si>
    <t>疫情 下 臺灣 半 導體 供應 鏈 吃香</t>
    <phoneticPr fontId="1" type="noConversion"/>
  </si>
  <si>
    <t>營運 中國 重點 中國 大陸 肺炎</t>
    <phoneticPr fontId="1" type="noConversion"/>
  </si>
  <si>
    <t>距離 社交 疫情 學院 台 大公 衛</t>
    <phoneticPr fontId="1" type="noConversion"/>
  </si>
  <si>
    <t>會考 應試 1 天 傳 確診 彰 化 縣 匡列 121 名 師生 隔離 采 檢</t>
    <phoneticPr fontId="1" type="noConversion"/>
  </si>
  <si>
    <t>臺灣 是否 封城 最 新民 調 結果 嚇死人</t>
    <phoneticPr fontId="1" type="noConversion"/>
  </si>
  <si>
    <t>今 增 13 死 2 人 遭 院內 感染 1 人 溺水 死 後 采 檢 陽性</t>
    <phoneticPr fontId="1" type="noConversion"/>
  </si>
  <si>
    <t>祥麟 能力 企業 肺炎 氣候變遷</t>
    <phoneticPr fontId="1" type="noConversion"/>
  </si>
  <si>
    <t>防疫 大 作戰 高風險 區 考生 須戴 罩</t>
    <phoneticPr fontId="1" type="noConversion"/>
  </si>
  <si>
    <t>大陸 高考 考生 進入 考場 是否 要 戴 口罩 大陸 教育部 規定 低 風險 地區 的 考生 進考場 前 要 戴 進考場 就座 後 可以 自行決定 要 不 要 戴 不過 備用 隔離 考場 和 中 高風險 地區 的 考生 要 全程 戴 口罩 不過 山東省 建議 考生 進考場 就座 繼</t>
    <phoneticPr fontId="1" type="noConversion"/>
  </si>
  <si>
    <t>口罩 考場 肺炎 考試 戴 口罩</t>
    <phoneticPr fontId="1" type="noConversion"/>
  </si>
  <si>
    <t>澳 籍 音樂家 確診 nso 音樂 總監 道歉</t>
    <phoneticPr fontId="1" type="noConversion"/>
  </si>
  <si>
    <t>滙豐 凱基 聯手 降 評 鴻海</t>
    <phoneticPr fontId="1" type="noConversion"/>
  </si>
  <si>
    <t>凱基 投 顧 滙豐 證券 連袂 出手 於鴻海 財 報 公佈 後 啟動 降 評 點出 未來 需求 不 確定性 升高 利 空 鴻 海 營業 利益 率 同步 面臨 壓力 2020 年 獲利 恐 有 衰退 之 虞 雙雙 降 評 至 中立 大型 研究 機構 對 鴻 海 的 疑慮 氛圍 愈來愈濃 繼 本土</t>
    <phoneticPr fontId="1" type="noConversion"/>
  </si>
  <si>
    <t>蘋果 鴻 海 凱基 肺炎 疫情</t>
    <phoneticPr fontId="1" type="noConversion"/>
  </si>
  <si>
    <t>記者 採訪 東奧 看到 餐 點 傻眼 奧運 新 醜聞</t>
    <phoneticPr fontId="1" type="noConversion"/>
  </si>
  <si>
    <t>港 專家 稱 香港 風險 評估 機制 落後 提倡 機組人員 檢疫 7 天</t>
    <phoneticPr fontId="1" type="noConversion"/>
  </si>
  <si>
    <t>檢疫 風險 評估 機制 機組人員 香港</t>
    <phoneticPr fontId="1" type="noConversion"/>
  </si>
  <si>
    <t>9 旬 翁 確診 病逝 自責 害 家人 隔離 兒 視 訊 送 最後 一 程 醫護 淚 崩</t>
    <phoneticPr fontId="1" type="noConversion"/>
  </si>
  <si>
    <t>受新冠肺炎影響 高雄老字號渝香園宣佈歇業</t>
    <phoneticPr fontId="1" type="noConversion"/>
  </si>
  <si>
    <t>香 園 餐廳 歇業 影響 jenny</t>
    <phoneticPr fontId="1" type="noConversion"/>
  </si>
  <si>
    <t>跨國 平衡 基金 進可攻 退可守</t>
    <phoneticPr fontId="1" type="noConversion"/>
  </si>
  <si>
    <t>肺炎 確定性 金融 佈局 股 債</t>
    <phoneticPr fontId="1" type="noConversion"/>
  </si>
  <si>
    <t>打完 疫苗 出現 巨大 饑餓感 醫 揭 2 關鍵 是 抗體 再生 成</t>
    <phoneticPr fontId="1" type="noConversion"/>
  </si>
  <si>
    <t>高端 王姿允 饑餓感 營養素 疫苗</t>
    <phoneticPr fontId="1" type="noConversion"/>
  </si>
  <si>
    <t>揪 團 挺 台 美國會 致信 50 國 籲 支持 台 參加 who</t>
    <phoneticPr fontId="1" type="noConversion"/>
  </si>
  <si>
    <t>打 疫苗 累計 912 死 首 波 接種 受害 救濟 結果 出爐</t>
    <phoneticPr fontId="1" type="noConversion"/>
  </si>
  <si>
    <t>隨 著 我國 疫苗 覆蓋率 突破 六 成 臺灣 目前 累計 912 人 接種 疫苗 後 死亡 而 申請 受害 救濟 的 案件數 也 不斷 增加 根據 衛福部 統計 截至 10 月 15 日 為止 已 收 案 1347 件 申請 目前 已 有 5 件 死亡 個案 完成 審定 初步 判定 與 疫苗 無關 將 不予</t>
    <phoneticPr fontId="1" type="noConversion"/>
  </si>
  <si>
    <t>受害 救濟 疫苗 死亡 初步 結果 陳時中</t>
    <phoneticPr fontId="1" type="noConversion"/>
  </si>
  <si>
    <t>校正 回歸 400 例 事 小 醫 曝 1 隱憂 恐 引爆 更 大 傳播 鏈</t>
    <phoneticPr fontId="1" type="noConversion"/>
  </si>
  <si>
    <t>繞 境 藏 3 大 致病 風險 他 籲 全台 媽祖 囡仔 今年 請假 吧</t>
    <phoneticPr fontId="1" type="noConversion"/>
  </si>
  <si>
    <t>張 修修 媽祖 繞 境 媽祖 風險 參加</t>
    <phoneticPr fontId="1" type="noConversion"/>
  </si>
  <si>
    <t>臺灣人 看 大陸 疫情 肆虐 更 需 傳遞 溫暖</t>
    <phoneticPr fontId="1" type="noConversion"/>
  </si>
  <si>
    <t>觀光 股 營運 動能 看 升 六 角 填息 逾 4 成</t>
    <phoneticPr fontId="1" type="noConversion"/>
  </si>
  <si>
    <t>居家 檢疫 新 規定 嘉義 市 7 女 5 男 主動 通報</t>
    <phoneticPr fontId="1" type="noConversion"/>
  </si>
  <si>
    <t>楊金龍 提 三風 險 三 因應</t>
    <phoneticPr fontId="1" type="noConversion"/>
  </si>
  <si>
    <t>中央銀行 總裁 楊金龍 12 日 將 赴 立 法院 財政 委員會 業務 報告 他 在 10 日 出爐 的 書面報告 指出 全球 經濟 面臨 三大 風險 包括 肺炎 疫情 蔓延 主要 經濟體 貿易談判 結果 未定 地緣 政治 衝突 及 極端 氣候 威脅 至於 央行 如何 應變 楊金龍</t>
    <phoneticPr fontId="1" type="noConversion"/>
  </si>
  <si>
    <t>大陸 極端 氣候 肺炎 楊金龍 金融</t>
    <phoneticPr fontId="1" type="noConversion"/>
  </si>
  <si>
    <t>美 疫情 複 燃 蘋果 再 關 30 門市</t>
    <phoneticPr fontId="1" type="noConversion"/>
  </si>
  <si>
    <t>關閉 蘋果 重 啟 計 畫 企業 美國</t>
    <phoneticPr fontId="1" type="noConversion"/>
  </si>
  <si>
    <t>疫情 中 怎麼 上 健身房 韓國超 荒謬 禁令 被 笑 翻</t>
    <phoneticPr fontId="1" type="noConversion"/>
  </si>
  <si>
    <t>普生 檢測 pcr 檢測 試劑 快 篩</t>
    <phoneticPr fontId="1" type="noConversion"/>
  </si>
  <si>
    <t>5千 人 已 隔離 3千 人 30 人 叩 不到 請 警 消 追</t>
    <phoneticPr fontId="1" type="noConversion"/>
  </si>
  <si>
    <t>經濟部 次長 林 全能 下午 在 行政院 紓困 振興 記者會 中 表示 工研院 已 完成 潛伏期 快 篩 偵 測儀 利用 核酸 分子 試劑 快 篩 可 在 1 時內 完成 測試 最 快 7 月 就 可 量 產 林全 能 說 為 更 早 掌握 感染者 快 篩 是 很 重要 的 佈局 方向 目前 希望 用</t>
    <phoneticPr fontId="1" type="noConversion"/>
  </si>
  <si>
    <t>經濟部 次長 林 全能 下午 在 行政院 紓困 振興 記者會 中 表示 工研院 已 完成 潛伏期 快 篩 偵 測儀 利用 核酸 分子 試劑 快 篩 可 在 1 時內 完成 測試 最 快 7 月 就 可 量 產 林 全能 說 為 更 早 掌握 感染者 快 篩 是 很 重要 的 佈局 方向 目前 希望 用 核酸 的 分子 快 篩 在 病 患 還 沒有 症狀 時 可以 高准度 的 測 得 患者 目前 的 快 篩 需要 4 小時 但 現在 鎖定 的 核酸 分子 快 篩 希望 在 1 小時 內 且 有 90 準確率 他 說 這樣 的 開發 是 結合 工研院 及 業者 來 佈局 工研院 負責 技術 及 芻 型 品 開發 另外 就是 試 量 產 林 全能 也 拿 起 手邊 的 核酸 偵 測儀 說 配合 試劑 開放 可 在 1 小時 測 得 高 達 90 準確率 這 是 全世界 最小 的 偵 測儀 現在 已 開發 出 芻 型 4 月底 可 完成 臨床 測試 希望 6 月 完成 試 量 產 7 月 開始 進行 量 產 林 全能 並 表示 假如 肺炎 演變成 流感 秋冬 就 必需 有 快 篩 儀器 提早 防範</t>
    <phoneticPr fontId="1" type="noConversion"/>
  </si>
  <si>
    <t>蝙蝠 肉 在 東南亞 某國 還是 熱 賣</t>
    <phoneticPr fontId="1" type="noConversion"/>
  </si>
  <si>
    <t>imf 最新 經濟 展望 大 蕭條 以來 最 嚴重 主要 經濟體 僅 陸正 成長</t>
    <phoneticPr fontId="1" type="noConversion"/>
  </si>
  <si>
    <t>imf gdp 2020 年 下調 預期</t>
    <phoneticPr fontId="1" type="noConversion"/>
  </si>
  <si>
    <t>桃園 固 安計 畫 入場 快 篩 啟動 台達電 本 外勞 6千 人 全 篩</t>
    <phoneticPr fontId="1" type="noConversion"/>
  </si>
  <si>
    <t>為 守 住 桃園 移 工 的 馬其諾 防線 市長 鄭文燦 祭出 固 安計 畫 9 日 啟動 企業 到場 快 篩 他 視察 提到 台達電 為了 安全 營運 本 勞 加 移 工 共 6000 人 全快 篩 有的 同一 廠 區 有的 混 線 生產 要 一起 完成 強調 桃園 移 工 陽性率 仍</t>
    <phoneticPr fontId="1" type="noConversion"/>
  </si>
  <si>
    <t>3 例 歐美 返台 確診 第 2 波 疫情 前 兆</t>
    <phoneticPr fontId="1" type="noConversion"/>
  </si>
  <si>
    <t>肺炎 同 班機 返台 疫情 臺灣</t>
    <phoneticPr fontId="1" type="noConversion"/>
  </si>
  <si>
    <t>病毒 還 是 最怕 全球 治理</t>
    <phoneticPr fontId="1" type="noConversion"/>
  </si>
  <si>
    <t>地方 政府 中央 指揮 指揮 肺炎 防治</t>
    <phoneticPr fontId="1" type="noConversion"/>
  </si>
  <si>
    <t>政策 力挺 陸 股 資金 湧</t>
    <phoneticPr fontId="1" type="noConversion"/>
  </si>
  <si>
    <t>陸 股 表現 出乎 投資人 預期 法人 表示 投資人 相信 大陸 官方 必 出手 另外 資金 充沛 陸 股 價格合理 等 都 是 資金 力挺 陸 股 原因 為 降低 疫情 對 經濟 及 股市 的 衝擊 台 新中 證 消費 服務 領先 指數 基 金經理 人 葉宇真 表示 大陸 人行 持續 大</t>
    <phoneticPr fontId="1" type="noConversion"/>
  </si>
  <si>
    <t>基本 面 回升 關注 肺炎 葉宇真</t>
    <phoneticPr fontId="1" type="noConversion"/>
  </si>
  <si>
    <t>即 起 禁止 入境 旅客 親友 機場 接 機 違者 最高 罰 15萬</t>
    <phoneticPr fontId="1" type="noConversion"/>
  </si>
  <si>
    <t>27 日 起 入境者 一律 入住 檢疫 旅館 或 集中 檢疫所 桃園 機場 公司 今天 說 即時 起 實施 入境 旅客 一律 搭乘 防疫 車隊 前往 檢疫 地點 籲 入境 旅客 親友 不要 再 前往 機場 接 機 減低 病毒傳播 風險 因應 最 早 在 印度 發現 的 delta 變異 株 疫情</t>
    <phoneticPr fontId="1" type="noConversion"/>
  </si>
  <si>
    <t>失聯確診者在臺北市有146名？ 北市府回應了</t>
    <phoneticPr fontId="1" type="noConversion"/>
  </si>
  <si>
    <t>失 聯 確診 者 在 臺北市 有 146 名 北 市府 回 應 了</t>
    <phoneticPr fontId="1" type="noConversion"/>
  </si>
  <si>
    <t>臺北羽球賽停辦 想看麟洋還要等</t>
    <phoneticPr fontId="1" type="noConversion"/>
  </si>
  <si>
    <t>臺北 羽球賽 停辦 想 看 麟 洋 還要 等</t>
    <phoneticPr fontId="1" type="noConversion"/>
  </si>
  <si>
    <t>臺北 羽球 公開賽 羽協 羽球 肺炎 選手</t>
    <phoneticPr fontId="1" type="noConversion"/>
  </si>
  <si>
    <t>1 天 37 件 未戴 口罩 新北 警 鐵腕 取締 最 重罰 1 5萬 元</t>
    <phoneticPr fontId="1" type="noConversion"/>
  </si>
  <si>
    <t>10 檔 高 殖 利率 定存 股 他 暴 賺 逾 40 靠 3 大 秘 技</t>
    <phoneticPr fontId="1" type="noConversion"/>
  </si>
  <si>
    <t>加碼 捐 新南 向 國家 100萬 片 暗 杠 質疑 四起 藍營 呼籲 口罩 改 配給制</t>
    <phoneticPr fontId="1" type="noConversion"/>
  </si>
  <si>
    <t>政府 啟動 口罩 援外 繼 上周 宣佈 捐贈 千萬 片 口罩 予 歐美 外交部 昨 加碼 捐贈 逾 100萬 片 予 新南 向 國家 國民黨 昨 指出 若 口罩 產量 滿足 國內 需求 行 有 餘 力 當然 樂見 援外 但 政府 應先 將 口罩 配給 透明化 革 實 院 副 院長 游淑慧</t>
    <phoneticPr fontId="1" type="noConversion"/>
  </si>
  <si>
    <t>視察 國小 用餐 小 二 生 提醒 鄭文燦 不能 講話</t>
    <phoneticPr fontId="1" type="noConversion"/>
  </si>
  <si>
    <t>興 櫃 股 圓點 奈 米 4 月 營 收 年 增 128 前 4 月 增 7 倍</t>
    <phoneticPr fontId="1" type="noConversion"/>
  </si>
  <si>
    <t>圓點</t>
    <phoneticPr fontId="1" type="noConversion"/>
  </si>
  <si>
    <t>圓點 奈 米 大量 全新 全球 核酸 檢測</t>
    <phoneticPr fontId="1" type="noConversion"/>
  </si>
  <si>
    <t>鴻 海 遠東 新 華航 聚陽 長 榮 航</t>
    <phoneticPr fontId="1" type="noConversion"/>
  </si>
  <si>
    <t>過去 羡慕 國外 醫生 施景中 歎 現在 臺灣 當 醫生 是 福報</t>
    <phoneticPr fontId="1" type="noConversion"/>
  </si>
  <si>
    <t>施景中 當 醫生 臺灣 國外 醫生</t>
    <phoneticPr fontId="1" type="noConversion"/>
  </si>
  <si>
    <t>Global Mall宣佈循縣市政府規範 明至15日暫停開放餐飲內用</t>
    <phoneticPr fontId="1" type="noConversion"/>
  </si>
  <si>
    <t>global mall 宣佈 循 縣市政府 規範 明至 15 日 暫停 開放 餐飲 內 用</t>
    <phoneticPr fontId="1" type="noConversion"/>
  </si>
  <si>
    <t>因 著 新北 市 的 疫情 升溫 幼稚園 群 聚 案例 更 確定 為 delta 病毒 為了 防疫 優先 global mall 也 宣佈 將 依循 縣市政府 規範 於明 9 日 起至 15 日 期間 暫停 開放 餐飲 內 用 同時 自 疫情 升溫 以來 不僅 落實 餐飲 安心 防疫 措施 積極 推</t>
    <phoneticPr fontId="1" type="noConversion"/>
  </si>
  <si>
    <t>因 著 新北 市 的 疫情 升溫 幼稚園 群 聚 案例 更 確定 為 delta 病毒 為了 防疫 優先 global mall 也 宣佈 將 依循 縣市政府 規範 於明 9 日 起至 15 日 期間 暫停 開放 餐飲 內 用 同時 自 疫情 升溫 以來 不僅 落實 餐飲 安心 防疫 措施 積極 推動 外帶 外 送 服務 及 優惠 設置 無 接觸 快 取 區 搭配 行動 支付 同時 也 設立 外 送 平臺 單一 取 貨 區 提供 消費者 快速 且 安心 購物 疫情 發生 以來 global mall 持續 落實 並 提升 安心 商場 防疫 措施 每週 全館 消毒 每 兩 小時 公共 區域 消毒 實施 實 聯 制 量 測體溫 提供 酒精 消毒 液 出入口 進行 分流 人流 管制 每 三 小時 員工 測量體溫 同時 也 增設 防疫 消毒 門 人臉 辨識 溫 測 裝置 積極 落實 防疫</t>
    <phoneticPr fontId="1" type="noConversion"/>
  </si>
  <si>
    <t>範雲「提這事」讓網友全炸鍋 藍青年嗆：讓台灣門戶洞開的是妳</t>
    <phoneticPr fontId="1" type="noConversion"/>
  </si>
  <si>
    <t>範雲 提 這事 讓 網友 全 炸 鍋 藍 青年 嗆 讓 臺灣 門戶 洞開 的 是 你</t>
    <phoneticPr fontId="1" type="noConversion"/>
  </si>
  <si>
    <t>mlb 還有 未 爆 彈 海盜 等 隊 又 有 7 人 確診</t>
    <phoneticPr fontId="1" type="noConversion"/>
  </si>
  <si>
    <t>美 參議員 提 法案 制裁 大陸 陸 外交部 堅決 反對</t>
    <phoneticPr fontId="1" type="noConversion"/>
  </si>
  <si>
    <t>又有41萬劑莫德納要來 陳時中證實：週三到貨</t>
    <phoneticPr fontId="1" type="noConversion"/>
  </si>
  <si>
    <t>衛福 部長 陳時中 今天 證實 下 一 批 自 購 的 41萬 劑 莫德納 疫苗 確實 會 在 週三 30 日 進來 只不過 航班 班次 與 媒體 報導 有 誤差 另外 我國 也 曾 與 美國 novavax 德國 curevac 兩 家 公司 談過 疫苗 採購 針對 週三 將來 台 的 莫德納 疫苗 陳</t>
    <phoneticPr fontId="1" type="noConversion"/>
  </si>
  <si>
    <t>塗維穗 陳宜民 採購 疫苗 落後 不能 再分 顏色</t>
    <phoneticPr fontId="1" type="noConversion"/>
  </si>
  <si>
    <t>台中 今晚 強力 稽查 金錢豹 海派 店 關燈 歇業</t>
    <phoneticPr fontId="1" type="noConversion"/>
  </si>
  <si>
    <t>中央 9 日 宣佈 酒店 舞廳 暫停營業 台中 市府 加碼 宣佈 八大 特種行業 實施 實 名 制 連續 四 天 突擊檢查 店家 12 日 晚上 由 副 市長 陳子敬 帶隊 前往 稽查 強調 有 男女 陪 侍之 視聽 歌唱 業 等 營業 場所 都 應該 停業 金錢豹 海派 兩</t>
    <phoneticPr fontId="1" type="noConversion"/>
  </si>
  <si>
    <t>警 防疫 神 隊友 滅菌 門 入門 自動 消毒</t>
    <phoneticPr fontId="1" type="noConversion"/>
  </si>
  <si>
    <t>臺灣 疫情 嚴峻 第一線 員 警 協助 防疫 工作 因 工作 需要 經常 面對 不 特定 民眾 危險性 相對 提高 警 友 楊文志 特別 請 廠商 設計 紫外線 消毒 滅菌 門 捐贈 給 文正 派出所 使用 讓 洽 公民 眾 及 員警 進出 派出所 前 先 經過 滅菌 門 一</t>
    <phoneticPr fontId="1" type="noConversion"/>
  </si>
  <si>
    <t>滅菌 民眾 員警 進出 消毒</t>
    <phoneticPr fontId="1" type="noConversion"/>
  </si>
  <si>
    <t>貼身 侍僕 確診 女王 隔離 兩 年 來 首 與 夫 同 住</t>
    <phoneticPr fontId="1" type="noConversion"/>
  </si>
  <si>
    <t>東京都 知事 重申 明年 東奧 如期舉行</t>
    <phoneticPr fontId="1" type="noConversion"/>
  </si>
  <si>
    <t>瑞 磁 h 1 營 收 翻倍 成長</t>
    <phoneticPr fontId="1" type="noConversion"/>
  </si>
  <si>
    <t>銷售 暢旺 實驗室 肺炎 檢測 試劑 腸胃 道</t>
    <phoneticPr fontId="1" type="noConversion"/>
  </si>
  <si>
    <t>酒店舞廳停業 盧秀燕宣佈：台中8大特種行業採實名制</t>
    <phoneticPr fontId="1" type="noConversion"/>
  </si>
  <si>
    <t>酒店 舞廳 停業 盧秀燕 宣佈 台中 8 大 特種行業 采 實 名 制</t>
    <phoneticPr fontId="1" type="noConversion"/>
  </si>
  <si>
    <t>盧秀燕 酒店 舞廳 實 名 制 強力 稽查</t>
    <phoneticPr fontId="1" type="noConversion"/>
  </si>
  <si>
    <t>新鮮 人 方奕凱 在 永慶 房屋 成就 自我 價值 單月 收入 最 高 20萬</t>
    <phoneticPr fontId="1" type="noConversion"/>
  </si>
  <si>
    <t>小姐 您好 我 是 小方 對 政大 這邊 熟悉 嗎 高挑 帥氣 的 外表 遇到 客人 親切 招呼 細心 介紹 總是 把 客戶 當 朋友 的 永慶 房屋 文山區 經紀人 方奕凱 出 社會 才 1 年 24 歲 的 他 上半年 業績 已 突破 450萬 元 曾 獲得 百萬 戰將 超級 戰</t>
    <phoneticPr fontId="1" type="noConversion"/>
  </si>
  <si>
    <t>截至 9 月 12 日 24 時 大陸 福建 莆田 此次 疫情 累計 報告 本土 確診 病例 35 例 無 症狀 感染者 33 例 疫情 延 燒 當地 官方 正 加緊 推進 12 歲 以上 人員 疫苗 接種 據 微信 公眾 號 健康 幸福 仙 遊 披露 經 專家 研 判 鋪 頭 小學 1 名 學生家長 林某</t>
    <phoneticPr fontId="1" type="noConversion"/>
  </si>
  <si>
    <t>住院 醫師 揭 2 真相 台 防疫 爛 到 不可思議</t>
    <phoneticPr fontId="1" type="noConversion"/>
  </si>
  <si>
    <t>怕 錢 上有 病毒 鈔票 微波爐 消毒 1 分鐘 飄 焦味 大媽 急 哭 不能 用 了</t>
    <phoneticPr fontId="1" type="noConversion"/>
  </si>
  <si>
    <t>接種BNT、AZ免平臺預約 新竹市5家醫院、15家診所可施打</t>
    <phoneticPr fontId="1" type="noConversion"/>
  </si>
  <si>
    <t>接種 bnt az 免 平臺 預約 新竹 市 5 家 醫院 15 家 診所 可 施 打</t>
    <phoneticPr fontId="1" type="noConversion"/>
  </si>
  <si>
    <t>日 股 指數 收 跌 單日 新 東京</t>
    <phoneticPr fontId="1" type="noConversion"/>
  </si>
  <si>
    <t>女 沒 戴好 口罩 街頭 痛哭 警 勸導 解 家庭 紛爭</t>
    <phoneticPr fontId="1" type="noConversion"/>
  </si>
  <si>
    <t>蘆竹 30 歲 羅姓 婦人 23 日 淩晨 和 丈夫 發生 激烈 口角 憤 而 離家出走 因 邊 哭 沒 戴好 口罩 被 巡邏 的 龜 山大 坑 派出所 員警 發現 警方 勸導 見 她 泛 淚 關心 獲悉 緣由 曉以大義 並 護送 返家 婦人 婆婆 和 2 小孩 在 家門口 焦急 盼望 5 歲 女兒 更當</t>
    <phoneticPr fontId="1" type="noConversion"/>
  </si>
  <si>
    <t>蘆竹 30 歲 羅姓 婦人 23 日 淩晨 和 丈夫 發生 激烈 口角 憤 而 離家出走 因 邊 哭 沒 戴好 口罩 被 巡邏 的 龜 山大 坑 派出所 員警 發現 警方 勸導 見 她 泛 淚 關心 獲悉 緣由 曉以大義 並 護送 返家 婦人 婆婆 和 2 小孩 在 家門口 焦急 盼望 5 歲 女兒 更 當場 飛 撲 熊抱 媽媽 說 永遠 不 離開 讓 員警直 呼 有 洋蔥 也 樂見 幫忙 緩解 家庭 紛爭 大 坑 派出所 員警 陳俊傑 林思宏 4 時許 巡邏 經龜 山區 南 上路 路段 發現 未戴 好 口罩 羅 姓 婦人 在 清晨 街頭 行走 上前 勸導 請 她 配合 戴好 眼尖 員 警 發現 婦人 神情 哀戚 眼眶 不斷 流淚 關懷 詢問 下 她 不時 啜泣 拭 去 淚水 娓娓 道 出 深夜 與 丈夫 發生 激烈 口角 衝突 感到 無比 委屈 負氣 離家 因為 淩晨 不敢 打擾 親友 才會 漫無目的 在 街頭 遊 走 警員 陳俊傑 獲悉 不斷 安撫 曉以大義 以 小孩 為重 再 跟 丈夫 好好 談 婦人 才 願意 坐上 巡邏車 讓 員警 送回 住處 抵達 蘆竹區 住家 時 看見婆婆 一手 抱 著 未 滿 1 歲 男嬰 另 一手 牽 著 5 歲 孫女 佇立 在 社區 門口 焦急 等待 媳婦 的 消息 丈夫 則 出去 四處 找 老婆 女童 一 見 媽媽 平安 歸來 奔跑 上前 挽 住 媽媽 的 手臂 一直 說 不 要 跟 媽媽 分開 現場 的 人 聽 到 非常 窩心 婆婆 也 萬分 感謝 員警 護送 媳婦 歸來 家人 終於 能夠 團聚 放下 心中 坎坷 不安 巨石 員警 也 適時 提醒 雖然 每個 家家有本難念的經 仍然 需要 互相 溝通 達成 最 大 的 公約數 全家和 樂融融 一家人 頻頻 向 員警 道謝</t>
    <phoneticPr fontId="1" type="noConversion"/>
  </si>
  <si>
    <t>三軍 總 醫院 松山 院區 傳 增 1 確診 衛生局長 回 應 了</t>
    <phoneticPr fontId="1" type="noConversion"/>
  </si>
  <si>
    <t>東奧 去 不 去 奧 會 選手 可說 no</t>
    <phoneticPr fontId="1" type="noConversion"/>
  </si>
  <si>
    <t>東京 奧運 東奧 中華 奧 會 孫立群 國際 奧 會</t>
    <phoneticPr fontId="1" type="noConversion"/>
  </si>
  <si>
    <t>史上 最 大 2 兆 美元 紓困 案 川普 政府 與 參院 達 共識</t>
    <phoneticPr fontId="1" type="noConversion"/>
  </si>
  <si>
    <t>客戶 16 私人 銀行 兆元 增加</t>
    <phoneticPr fontId="1" type="noConversion"/>
  </si>
  <si>
    <t>南 投 縣 國 中小學 9 月底 前 暫緩 畢旅 避免 跨縣 市 交流</t>
    <phoneticPr fontId="1" type="noConversion"/>
  </si>
  <si>
    <t>南 投 縣 國 中小學 畢業 旅行 暑假 疫情</t>
    <phoneticPr fontId="1" type="noConversion"/>
  </si>
  <si>
    <t>清明連 假 後 恐 爆 第 3 波 疫情 急診 醫 這類 人 最 要 注意</t>
    <phoneticPr fontId="1" type="noConversion"/>
  </si>
  <si>
    <t>羅智強 紓困 貸款 真正 需要 店家 借 不到</t>
    <phoneticPr fontId="1" type="noConversion"/>
  </si>
  <si>
    <t>國民黨 革 實 院 院長 羅智強 今晚 主持 未來 沙龍 邀請 國民黨 立 委 洪孟楷 與 淡水 商圈 理事長 盧育佑 談論 政府 紓困 成效 當 盧育佑 被 問到 有 多少 淡水 商圈 的 店家 成功 貸款 時 他 僅 能 無奈 的 回答 沒有 概念 針對 淡水 商圈 的 業</t>
    <phoneticPr fontId="1" type="noConversion"/>
  </si>
  <si>
    <t>國民黨 革 實 院 院長 羅智強 今晚 主持 未來 沙龍 邀請 國民黨 立 委 洪孟楷 與 淡水 商圈 理事長 盧育佑 談論 政府 紓困 成效 當 盧育佑 被 問到 有 多少 淡水 商圈 的 店家 成功 貸款 時 他 僅 能 無奈 的 回答 沒有 概念 針對 淡水 商圈 的 業績 盧育佑 說 二月 時 掉 到 六 成 三月 則 跳樓 式 的 下滑 到 不足 二 成 目前 約 有 二 成 的 店家 選擇 歇業 寧願 賠 違約金 也 不 願 繼續 營業 這 是 一個 惡性循環 生意 不好 店家 變 少 店家 變 少 生意 就 更 不好 盧育佑 說 他 很 努力 的 幫 大家 找 紓困 的 方式 但是 手續 實在太 繁雜 雖然 政府 劃 出 了 八千億 的 貸款 大餅 但是 主導 權 還是 在 銀行 身上 銀行 也 不敢 確定 借 錢 給 店家 店家 之後 生意 就 會 變 好 還 得 出來 因此 就 有 很多 的 條件 沒有 辦法 滿足 甚至 還有 店家 在 申 貸 的 時候 因為 戶頭 裡 有錢 而 被 拒絕 但 那是 人家 的 貨款 啊 盧育佑 說 淡水 商圈 的 店家 申請 貸款的 約 有 四 成 而 申 貸 成功 的 盧育佑 只能 兩手 一 攤 無奈 的 回答 我 真的 沒有 概念 洪 孟 楷 說 淡水 商圈 是 臺灣 的 指標 景點 臺灣 雖然 旅遊 漸 有起色 人潮 變 多 了 但是 錢 還 放在 口袋 店家 的 收入 並 沒有 改善 洪孟 說 有 八大 行庫 的 高層 用 簡訊 要求 第一線 人員 貸款 出去 的 業績 但 真正 的 小型 業者 卻 難以 申 貸 成功 羅智強 說 雨天 收 傘 是 銀行業 的 慣性 可惜 政府 推動 政策 的 時候 沒有 想到 這 一點 羅智強 一 位 企業界 友人 說 他 現在 的 困擾 是 銀行 拜 讬 他 來 借 錢 因為 他 的 公司 屬性 是 疫情 期間 業績 反而 微幅 增加 的 因此 羅智強 感歎 看起來 八千億 的 貸款額度 很 高 但 反 而是 越 不 需要 借 錢 的 人 越 容易 借 得到 最後 羅智強 與 洪孟楷 聯合 推薦 淡水 商圈 的 假日 酷 碰 券 疫情 會 持續 生活 還 要 過 趁 著 現在 店家 聯合 促銷 大家 戴著 口罩 配合 防 度 來到 淡水 出遊 絕對 是 俗 夠 大 碗</t>
    <phoneticPr fontId="1" type="noConversion"/>
  </si>
  <si>
    <t>陸港觀盤－疫情估4月和緩 逢低佈局A股</t>
    <phoneticPr fontId="1" type="noConversion"/>
  </si>
  <si>
    <t>陸港 觀盤 疫情 估 4 月 和緩 逢 低 佈局 a 股</t>
    <phoneticPr fontId="1" type="noConversion"/>
  </si>
  <si>
    <t>投資人 經濟 成長率 中國 肺炎 觀察</t>
    <phoneticPr fontId="1" type="noConversion"/>
  </si>
  <si>
    <t>2021 可望 再創新高 北美 半 導體 設備 締造 最旺 12 月</t>
    <phoneticPr fontId="1" type="noConversion"/>
  </si>
  <si>
    <t>成長 北美 半 導體 設備 肺炎 歷史 新高 資本 支出</t>
    <phoneticPr fontId="1" type="noConversion"/>
  </si>
  <si>
    <t>大陸 台商 防疫 之一 台企 高標準 防疫 大家 都 很 有 經驗</t>
    <phoneticPr fontId="1" type="noConversion"/>
  </si>
  <si>
    <t>近期 大陸 疫情 再起 各 地 實施 嚴格 防疫 措施 大陸 台企 台商 也 都 相當 配合 防控 要求 採取 高 標準 放 疫 舉措 減少 跨 省 活動 記 得 勤洗手 帶 口罩 出入 看 健康 碼 和 行程 卡 中 高風險 區 的 配合 核酸 檢測 不 出門 台 企聯 總 會長 李</t>
    <phoneticPr fontId="1" type="noConversion"/>
  </si>
  <si>
    <t>近期 大陸 疫情 再起 各 地 實施 嚴格 防疫 措施 大陸 台企 台商 也 都 相當 配合 防控 要求 採取 高 標準 放 疫 舉措 減少 跨 省 活動 記 得 勤洗手 帶 口罩 出入 看 健康 碼 和 行程 卡 中 高風險 區 的 配合 核酸 檢測 不 出門 台 企聯 總 會長 李政宏 也 再次 提出 呼籲 他 並不 擔心 因為 大家 都 很 有 經驗 了 廈門台商協會 長 吳家 瑩 表示 廈門 台協 積極 配合 各類 大陸 官方 防疫 措施 外 也 組成 志 工 隊 協助 各 社區 的 防疫 宣 導 也 有 台商 提供 醫療 單位 物資 同時 台企 也 會 對 內部 要求 禁止 餐廳 大規模 聚會 減少 非必要 的 長距離 移動 等 至於 這 波 疫情 較 嚴重 的 南京 揚州 台商 防疫 措施 更加 嚴格 南京 台協 副 監事 長 劉 鴻 寬 此前 表示 高風險 區 防疫 要求 高 所有人 包括 台企 人員 對 防疫 工作 都 採取 了 最為 嚴謹 的 態度 南京 台企 主管 指出 他們 在 工廠 與 員工 宿舍 兩 點 一線 之間 啟用 了 閉環 交通 通道 減少 員工 與 外界 的 接觸 為 避免 員工 集體 外出 做 核酸 檢測 對 生產 造成 影響 政府部門 主動 上門服務 在 企業 公司 內 開通 了 檢測點 進行 錯 峰 檢測 企業 除 落實 員工 核酸 檢測 防控 措施 和 人員 排查 工作 外 對 生產 廠房 辦公區 單位 食堂 等 工作 場所 與 公共 區域 也 都 有 明確 負責人 揚州市 台 協 會長 虹揚 科技 董事長 方丁玉 表示 配合 揚州市 政府 防疫 要求 揚州 地區 生產 企業 從 8 月 1 日 起 就 暫時 不 安排 員工 到 崗 上班 位於 揚州 的 永豐 餘 造紙 揚州 公司 永道 射 頻 技術 公司 也 公告 停止 生產 作業 全廠 嚴格 施行 防疫 措施 進出 人員 均 須 有 健康 綠 碼 行程 碼 最近 一 次 核酸 檢測 證明 及 量 測體溫 並 每天 執行 全廠 消毒 作業 企業 生產 進出 貨 雖 受 到 一定 程度 影響 不過 大多 仍 能 維持 正常 營運 南京 台企 主管 指出 物流 因 南京 祿口 機場 關閉 還好 長三角 仍 有 許多 替代 方案 包括 到 無錫 上海 甚至 合肥 機場 中 轉 外地 貨車 無法 直接 進城 需 先 找 到 一 處 接 駁 點 車上 貨物 經過 消毒 後 再 由 其他 貨車 接 駁 到 工廠 在 南京 揚州 的 低 風險 地區 企業 的 生產 經營 基本 正常 方丁玉 則 指出 之前 揚州 的 企業 要 發貨 還 可以 透過 申請 緊急 通道 但 8 月初 這些 緊急 通道 都 中斷 了 揚州 部分 地區 停工 停產 且 停 運 位於 揚州 的 台企 也 很 配合 雖然 有 些 無奈 但 他 認為 嚴格 防疫 不是 壞事 隨 著 疫情 漸漸 穩定 企業 也 就 逐步 復工 複產</t>
    <phoneticPr fontId="1" type="noConversion"/>
  </si>
  <si>
    <t>疫情 之後 50 企業 才懂資 安 重要性</t>
    <phoneticPr fontId="1" type="noConversion"/>
  </si>
  <si>
    <t>盧秀燕宣佈推出「疫苗無限暢打」揪團30人派行動防疫車到場接種</t>
    <phoneticPr fontId="1" type="noConversion"/>
  </si>
  <si>
    <t>盧秀燕 宣佈 推出 疫苗 無限 暢打 揪 團 30 人 派 行動 防疫 車 到場 接種</t>
    <phoneticPr fontId="1" type="noConversion"/>
  </si>
  <si>
    <t>冷氣團 一 波 波 來 襲 加上 人流 增加 台中 市長 盧秀燕 23 日 在 市政 會議 中 宣佈 疫苗 充足 市府 推出 疫苗 無限 暢打 服務 民眾 只要 符合 施 打的 資格 即可 聯絡 熟悉 的 醫院 診所 另外 你 揪 團 我 來 打 只要 揪 團 30 人 即可 派出 行動 防</t>
    <phoneticPr fontId="1" type="noConversion"/>
  </si>
  <si>
    <t>疫苗 盧秀燕 揪 團 防疫 車 行動</t>
    <phoneticPr fontId="1" type="noConversion"/>
  </si>
  <si>
    <t>業績 生 醫 疫情 衝擊 羅麗芬 首季 每股 虧 0 03 元</t>
    <phoneticPr fontId="1" type="noConversion"/>
  </si>
  <si>
    <t>陳泰銘 對 景氣 看法 翻 多 國巨 農曆 年前 訂單 無 虞</t>
    <phoneticPr fontId="1" type="noConversion"/>
  </si>
  <si>
    <t>無 虞 農曆 年前 聯盟 新國 國巨</t>
    <phoneticPr fontId="1" type="noConversion"/>
  </si>
  <si>
    <t>獨 瑞芳 蝙蝠洞 受 疫情 影響 動 保處 以 三不 原則 降低 風險</t>
    <phoneticPr fontId="1" type="noConversion"/>
  </si>
  <si>
    <t>蝙蝠 蝙蝠洞 疫情 病毒 風險</t>
    <phoneticPr fontId="1" type="noConversion"/>
  </si>
  <si>
    <t>效益 大 於 風險 港 府 批准 科興 疫苗 接種 年齡 降 至 3 歲</t>
    <phoneticPr fontId="1" type="noConversion"/>
  </si>
  <si>
    <t>今 新增 2 本土 北市 國 中生 確診 新北 就醫 民眾 陽性</t>
    <phoneticPr fontId="1" type="noConversion"/>
  </si>
  <si>
    <t>本土 轉移 國 中生 感染 源 不明 臺灣</t>
    <phoneticPr fontId="1" type="noConversion"/>
  </si>
  <si>
    <t>譚 德塞 事件 沈富雄 臺灣 不要 像 小孩 到處 嚷嚷</t>
    <phoneticPr fontId="1" type="noConversion"/>
  </si>
  <si>
    <t>104 家 藥局 暫停 配送 口罩 新北 也 有 一 間</t>
    <phoneticPr fontId="1" type="noConversion"/>
  </si>
  <si>
    <t>報復 性 出遊 墾 丁 大街 照曝光 網 看 這 亮點 驚 完了</t>
    <phoneticPr fontId="1" type="noConversion"/>
  </si>
  <si>
    <t>口罩 墾 丁 大街 人潮 完蛋 報復 性 出遊</t>
    <phoneticPr fontId="1" type="noConversion"/>
  </si>
  <si>
    <t>國民黨 立 委 林奕華 今天 在 立 法院 質詢 行政院長 蘇貞昌 過去 sars 的 特別 預算 執行率 僅 46 林奕華 問 蘇貞昌 有 沒有 信心 這次 要 通過 的 紓困 特別 預算 執行率 可以 到 90 蘇貞昌 則 誇下海口 要以 執行率 百分之百 為 目標 林奕華 指出</t>
    <phoneticPr fontId="1" type="noConversion"/>
  </si>
  <si>
    <t>國民黨 立 委 林奕華 今天 在 立 法院 質詢 行政院長 蘇貞昌 過去 sars 的 特別 預算 執行率 僅 46 林奕華 問 蘇貞昌 有 沒有 信心 這次 要 通過 的 紓困 特別 預算 執行率 可以 到 90 蘇貞昌 則 誇下海口 要以 執行率 百分之百 為 目標 林 奕華 指出 sars 當時 也 有 通過 特別 預算 但是 執行率 才 46 而 當時 的 行政院長 就 是 現在 的 立法 院長 游錫堃 林奕華 質詢 蘇貞昌 有 沒有 信心 做 得 比 當時 的 行政院長 還 要好 由於 遊錫堃 也 在 現場 主持 院會 場面 有點 尷尬 蘇貞昌 也 立刻 幫忙 打圓場 蘇貞昌 說 不能 怪 當時 的 院長 預算 通過 的 時候 是 5 月 但是 6 月 就 已經 沒有 sars 了 蘇貞昌 也 說 自己 會 以 執行率 百分之百 為 目標</t>
    <phoneticPr fontId="1" type="noConversion"/>
  </si>
  <si>
    <t>開工 問題 多 度 難關 有 策略</t>
    <phoneticPr fontId="1" type="noConversion"/>
  </si>
  <si>
    <t>擬定 業績 台商 員工 肺炎</t>
    <phoneticPr fontId="1" type="noConversion"/>
  </si>
  <si>
    <t>7 12 解封 倒數 急診 醫 揭 這 3 件 事 攸 關 重 大</t>
    <phoneticPr fontId="1" type="noConversion"/>
  </si>
  <si>
    <t>全國 三級 警戒 至 7 月 12 日 屆時 能 不能 解封 備受 關注 雖然 近期 每日 新增 確診 數趨 緩 不過 中山醫學 大學 附設 醫院 兒童 急診科 主任 謝 宗學 表示 有 3 件 事 攸 關 重大 若 能 先 達到 這 3 條件 且 維持 一段時間 才能 暫時 脫離 封城 的 日</t>
    <phoneticPr fontId="1" type="noConversion"/>
  </si>
  <si>
    <t>解封 三級 警戒 疫苗 防疫 排名 急診 醫</t>
    <phoneticPr fontId="1" type="noConversion"/>
  </si>
  <si>
    <t>紓困 薪資 補貼 國際 產業</t>
    <phoneticPr fontId="1" type="noConversion"/>
  </si>
  <si>
    <t>眼尖 警 見 電錶 流動 逮 麻將 館 偷營 業 7 人 遭 函送 裁處</t>
    <phoneticPr fontId="1" type="noConversion"/>
  </si>
  <si>
    <t>全國 3 級 警戒 特殊 場所 需 歇業 桃園 市 龜 山區 一 間 麻將 館 卻 涉 私下 營業 員警 獲 報 發現 大門 深 鎖 但 電錶 快速 流動 決定 入 內 盤查 雖 內部 僅 有 業者 但 麻將 桌上 有 飲料 隨即 在 後方 防火 下 找到 7 名 客人 立即 函送 裁處 桃園 市 龜</t>
    <phoneticPr fontId="1" type="noConversion"/>
  </si>
  <si>
    <t>打完 az 菊花 痛 他 崩潰 睡 不 著 網 看 傻 從沒 聽 過</t>
    <phoneticPr fontId="1" type="noConversion"/>
  </si>
  <si>
    <t>許多 人 打完 疫苗 都 會 出現 副作用 但 多 是 接種 部位 痛 肌肉 酸痛 和 發燒 等 症狀 但 昨天 一 名 網友 發文 透露 他 打完 az 疫苗 隔 天 除了 發燒 之外 還 出現 超 特殊 的 症狀 菊花 痛 不 舒服 到 他 睡 不 著 引起 網友 討論 不少 人 看 了 忍 不</t>
    <phoneticPr fontId="1" type="noConversion"/>
  </si>
  <si>
    <t>kpmg 零售業 可先 並 數位 企業</t>
    <phoneticPr fontId="1" type="noConversion"/>
  </si>
  <si>
    <t>肺炎 零售業 成長率 零售 產業 黃柏</t>
    <phoneticPr fontId="1" type="noConversion"/>
  </si>
  <si>
    <t>國際 社會 分頭 重 啟 經濟 美國 東 西岸 聯盟 成軍</t>
    <phoneticPr fontId="1" type="noConversion"/>
  </si>
  <si>
    <t>疫情 升溫 韓 單日 新增 確診 創 新高</t>
    <phoneticPr fontId="1" type="noConversion"/>
  </si>
  <si>
    <t>單日 韓國 新增 病例 第 六 日 疫情 升溫</t>
    <phoneticPr fontId="1" type="noConversion"/>
  </si>
  <si>
    <t>影 美 f 22 佛州 墜毀 飛行員 驚險 逃生</t>
    <phoneticPr fontId="1" type="noConversion"/>
  </si>
  <si>
    <t>一 架 美國 f- 22 隱形 戰機 週五 早晨 約 9 15 時 在 佛州 進行 例行 訓練 中 墜毀 飛行員 安全 彈射 逃生 並 被 送 往 當地 艾格林 空軍基地 eglin air force base 的 醫院 接受 觀察 與 評估 目前 情況 穩定 綜合 外電報導 這 起 墜機 事件 發生</t>
    <phoneticPr fontId="1" type="noConversion"/>
  </si>
  <si>
    <t>1 分鐘 看 世界 國際 新聞 全球 新聞 中 時 電子 報 世界衛生組織</t>
    <phoneticPr fontId="1" type="noConversion"/>
  </si>
  <si>
    <t>確診 者 康復 羅一鈞 刁難 解隔單</t>
    <phoneticPr fontId="1" type="noConversion"/>
  </si>
  <si>
    <t>北 藝 中心 爆 群 聚 16 人 住 新北 侯友宜 新北 9 工程 有 11 人 確診</t>
    <phoneticPr fontId="1" type="noConversion"/>
  </si>
  <si>
    <t>北 藝 中心 爆出 有 40 人群 聚 感染 新北 市長 侯友宜 表示 這 暗中 有 16 人 住 在 新北 都 在 掌握 中 他 也 說 薪 北 9 項 工程 中 也 共計 有 11 人 確診 都 經過 停工 隔離 清 消 確認 9 項 工程 都 已經 復工 侯友宜 說 前 一段時間 建築工程 都</t>
    <phoneticPr fontId="1" type="noConversion"/>
  </si>
  <si>
    <t>北 藝 中心 爆出 有 40 人群 聚 感染 新北 市長 侯友宜 表示 這 暗中 有 16 人 住 在 新北 都 在 掌握 中 他 也 說 薪 北 9 項 工程 中 也 共計 有 11 人 確診 都 經過 停工 隔離 清 消 確認 9 項 工程 都 已經 復工 侯友宜 說 前 一段時間 建築工程 都 有 做 很多 防疫 作為 雙北 建築工程 常常 互相 交流 除了 到 臺北 工地 也 會 到 新北 做 市府 都 加強 掌 控 侯友宜 說 新北 工程 防疫 作為 包括 進入 工地 實 名 制 量 測體溫 酒精 消毒 全程 配戴 口罩 落實 勤洗手 用餐 開會 采 梅花座 保持 安全 距離 等</t>
    <phoneticPr fontId="1" type="noConversion"/>
  </si>
  <si>
    <t>府 方 參議 諷 新北 第一 網友 怒 轟 還 在 鬥</t>
    <phoneticPr fontId="1" type="noConversion"/>
  </si>
  <si>
    <t>鐘南山 研 判 omicron 現在 還 不 會 採取 較 大 行動</t>
    <phoneticPr fontId="1" type="noConversion"/>
  </si>
  <si>
    <t>omicron 鐘南山 變種 病毒 基因 檢測 疫苗 研發</t>
    <phoneticPr fontId="1" type="noConversion"/>
  </si>
  <si>
    <t>1分鐘看世界》波頓新書曝川普求習幫連任；中美外長會陸要華府別幹預台港事務</t>
    <phoneticPr fontId="1" type="noConversion"/>
  </si>
  <si>
    <t>1 分鐘 看 世界 波頓 新書 曝 川普 求 習 幫 連任 中 美 外長 會 陸 要 華府 別 干預 台 港 事務</t>
    <phoneticPr fontId="1" type="noConversion"/>
  </si>
  <si>
    <t>展開 新 的 一 天 中 時 新聞網 帶 您 看看 世界 發生 了 哪 5 件 大事 1 美國 前 國安 顧問 波頓 出書 大 曝 總統 川普 為了 連任 曾 要 中國 大陸 國家 主席 習近平 幫忙 還 說 在 這 位 白宮 主人 眼裡 臺灣 很 渺小 2 在 中美關係 緊張 之際</t>
    <phoneticPr fontId="1" type="noConversion"/>
  </si>
  <si>
    <t>川普 波頓 習近平 臺灣 美國</t>
    <phoneticPr fontId="1" type="noConversion"/>
  </si>
  <si>
    <t>獨家 北 中南 隔離 包 一 次 看 宛如 普渡</t>
    <phoneticPr fontId="1" type="noConversion"/>
  </si>
  <si>
    <t>瘋 搶 物資 高 麗 菜 飆漲 3 倍 新北 果菜 公司 預估 18 日後 價格 稍 回 穩</t>
    <phoneticPr fontId="1" type="noConversion"/>
  </si>
  <si>
    <t>本土 疫情 大增 雙 北周 六 升 三級 警戒 引發 民眾 恐慌性 採購 新北 果菜 公司 週末 所有 蔬菜 大 漲 近 40 菜 母 高 麗 菜 價格 更 是 漲飆 破 3 倍 新北 果菜 公司 總經理 江惠貞 表示 產地 蔬菜 供貨 充足 如今 碰上 雙北 18 日 起 高中職 以下</t>
    <phoneticPr fontId="1" type="noConversion"/>
  </si>
  <si>
    <t>az 或 bnt 第 13 期 疫苗 接種 滿 50 歲 可 擇 一 施打</t>
    <phoneticPr fontId="1" type="noConversion"/>
  </si>
  <si>
    <t>混打 陳時中 開放 az 疫苗</t>
    <phoneticPr fontId="1" type="noConversion"/>
  </si>
  <si>
    <t>業績 其他 電子 鴻 海 q 1 獲利 探 底 每股 僅 賺 0 15 元</t>
    <phoneticPr fontId="1" type="noConversion"/>
  </si>
  <si>
    <t>鴻 海 營 收 毛利率 營益 率 獲利</t>
    <phoneticPr fontId="1" type="noConversion"/>
  </si>
  <si>
    <t>有人 確診 今 還 讓 學生 到校 惹 議 桃園 北 科 附 工 校長 出面 喊冤</t>
    <phoneticPr fontId="1" type="noConversion"/>
  </si>
  <si>
    <t>桃園 市 桃園 區 北 科 附 工 1 名 學生 確診 學校 3 日 緊急 停課 不少 家長 指責 已經 知道 有人 確診 為何 今天 還 讓 其他 學生 到校 上課 校長 陳勝利 喊冤 2 日 晚間 8 點 得知 學生 自行 快 篩 陽性 先向 上 通報 11 點 半 pcr 陽性 確診 但 礙於</t>
    <phoneticPr fontId="1" type="noConversion"/>
  </si>
  <si>
    <t>聯合 不動產業 勤業 眾 信 不動產 清鎮</t>
    <phoneticPr fontId="1" type="noConversion"/>
  </si>
  <si>
    <t>日本宣佈：再贈台113萬劑AZ疫苗 8日運送</t>
    <phoneticPr fontId="1" type="noConversion"/>
  </si>
  <si>
    <t>日本 宣佈 再 贈 台 113萬 劑 az 疫苗 8 日 運送</t>
    <phoneticPr fontId="1" type="noConversion"/>
  </si>
  <si>
    <t>日本 外務大臣 茂 木 敏充 今 6 日 宣佈 將 在 8 日 追加 提供 臺灣 113萬 劑 az 疫苗 路透社 報導 日本 外務大臣 茂 木 敏充 今日 在 例行 記者會 上 表示 日本 將 會 再 捐贈 臺灣 113萬 劑 az 疫苗 這 批 疫苗 將 於 8 日 配送 日本 先前 已經 無償 捐贈</t>
    <phoneticPr fontId="1" type="noConversion"/>
  </si>
  <si>
    <t>北市公佈1境外移入者足跡 遍及大賣場、咖啡廳</t>
    <phoneticPr fontId="1" type="noConversion"/>
  </si>
  <si>
    <t>視 訊 看 診 完 家長 秒 下線 封鎖 醫 怒 做 白工 同業 聲援 白嫖 只能 一 次</t>
    <phoneticPr fontId="1" type="noConversion"/>
  </si>
  <si>
    <t>本土 疫情 不見 升溫 為了 降低 感染 風險 不少 辛苦 的 醫護人員 改 先 看 診 後 收費 的 視 訊 看 診 方式 不過 卻 有 民眾 罔 顧醫護人員 的 信任 看 完 診 一 秒 下線 並 封鎖 醫師 帳 號 鑽 小門 的 舉動 令 人 傻眼 日前 小兒科 醫師 陳木榮 就</t>
    <phoneticPr fontId="1" type="noConversion"/>
  </si>
  <si>
    <t>醫師 看 診 陳木榮 視 訊 看 診</t>
    <phoneticPr fontId="1" type="noConversion"/>
  </si>
  <si>
    <t>興 櫃 股 亞洲 藏 壽司 h 1 小 虧 積極 展店 步調 不 變</t>
    <phoneticPr fontId="1" type="noConversion"/>
  </si>
  <si>
    <t>亞洲 藏 壽司 營 收 毛利率 營益 率 虧損</t>
    <phoneticPr fontId="1" type="noConversion"/>
  </si>
  <si>
    <t>陳時中 清明連 假 關鍵期 首 階段 過關</t>
    <phoneticPr fontId="1" type="noConversion"/>
  </si>
  <si>
    <t>陳時中 清明連 假 過關 鬆懈 徵兆</t>
    <phoneticPr fontId="1" type="noConversion"/>
  </si>
  <si>
    <t>居家 辦公 爽 不爽 過來人 怒 揭 缺點</t>
    <phoneticPr fontId="1" type="noConversion"/>
  </si>
  <si>
    <t>居家 辦公 11 景點 防疫 國家級 警報 臺灣</t>
    <phoneticPr fontId="1" type="noConversion"/>
  </si>
  <si>
    <t>紓困 金 慘 釀 萬 元之 亂 網友 超 崩潰 十 大 黑人 問號</t>
    <phoneticPr fontId="1" type="noConversion"/>
  </si>
  <si>
    <t>奉 天宮 配合 防疫 徐國勇 參拜 感謝</t>
    <phoneticPr fontId="1" type="noConversion"/>
  </si>
  <si>
    <t>配合 新 港 肺炎 延期 繞 境</t>
    <phoneticPr fontId="1" type="noConversion"/>
  </si>
  <si>
    <t>警民防疫一起來 裡長暖心贈消毒水</t>
    <phoneticPr fontId="1" type="noConversion"/>
  </si>
  <si>
    <t>警民 防疫 一起 來 裡長 暖 心 贈 消毒水</t>
    <phoneticPr fontId="1" type="noConversion"/>
  </si>
  <si>
    <t>員警 防疫 派出所 民眾 肺炎</t>
    <phoneticPr fontId="1" type="noConversion"/>
  </si>
  <si>
    <t>國際 產業 運量 增 漲 運費 聯邦快遞 上 季 獲利 飆 高</t>
    <phoneticPr fontId="1" type="noConversion"/>
  </si>
  <si>
    <t>美稱 有 證據 證實 病毒 源自 武漢 國際 組織 打 臉</t>
    <phoneticPr fontId="1" type="noConversion"/>
  </si>
  <si>
    <t>病毒 澳洲 美國 臺灣 全球</t>
    <phoneticPr fontId="1" type="noConversion"/>
  </si>
  <si>
    <t>羅一鈞跳級上臺大 赴非洲行醫背後超暖原因曝光</t>
    <phoneticPr fontId="1" type="noConversion"/>
  </si>
  <si>
    <t>羅一鈞 跳級 上臺 大 赴 非洲 行醫 背後 超 暖 原因 曝光</t>
    <phoneticPr fontId="1" type="noConversion"/>
  </si>
  <si>
    <t>羅一鈞 台大 跳級 沈政男 非洲 行醫</t>
    <phoneticPr fontId="1" type="noConversion"/>
  </si>
  <si>
    <t>日本 游泳 名將 呼籲 民眾 不要 囤 貨 日常生活 即可</t>
    <phoneticPr fontId="1" type="noConversion"/>
  </si>
  <si>
    <t>賣 場 搶 貨 陳菊 不要 過度 消費 以免 荷包 哭 哭</t>
    <phoneticPr fontId="1" type="noConversion"/>
  </si>
  <si>
    <t>中研院 研究 助理 違 sop 釀 環境 污染 黃珊珊 2 名 檢測 人員 隔離 中</t>
    <phoneticPr fontId="1" type="noConversion"/>
  </si>
  <si>
    <t>非法 移 工 成 防疫 缺口 行政院 已 指示 加強 管理</t>
    <phoneticPr fontId="1" type="noConversion"/>
  </si>
  <si>
    <t>證實了！首批「客製化標籤」BNT疫苗 週四抵台</t>
    <phoneticPr fontId="1" type="noConversion"/>
  </si>
  <si>
    <t>證實 了 首批 客 制 化 標籤 bnt 疫苗 週四 抵 台</t>
    <phoneticPr fontId="1" type="noConversion"/>
  </si>
  <si>
    <t>由 慈濟 台積電 永齡 基金會 購買 捐贈 的 bnt 疫苗 首批 客 制 化 標籤 將 於本 週四 到貨 今晨 一度 傳出 該 批 疫苗 已 由 華航運 送 抵 台 後 證實 誤傳 最新消息 指出 這 批 疫苗 數量 共 140萬 劑 其中 55萬 劑 將 於本 週四 抵 台 民間 企業</t>
    <phoneticPr fontId="1" type="noConversion"/>
  </si>
  <si>
    <t>工業區 土地 租金 減收 延長 至 6 30</t>
    <phoneticPr fontId="1" type="noConversion"/>
  </si>
  <si>
    <t>經濟部 日前 5 日 表示 為了 減輕 產業 衝擊 由 工業 局 轄 管 的 62 處 工業區 配合 嚴重 特殊性 傳染性 肺炎 防治 及 紓困 振興 特別 條例 實施 期間 推動 延長 土地 租金 紓困 措施 各 事業 有 承租 工業區 內 土地 以及 國有 房舍 者 如 營業</t>
    <phoneticPr fontId="1" type="noConversion"/>
  </si>
  <si>
    <t>工業 局 企業 租金 肺炎 土地 租 金</t>
    <phoneticPr fontId="1" type="noConversion"/>
  </si>
  <si>
    <t>臺灣 陷入 疫苗 荒 民眾 搶 打 殘 劑 外界 對 永齡 基金會 和 台積電 等 機構 引進 bnt 疫苗 殷殷 期待 各式 傳聞 報導 不 斷 對此 國民黨 立 委 李德維 觀察 一些 媒體 報導 他 認為 進口 bnt 疫苗 應該 有 譜 了 之所以 如此 肯定 是因為 府 院 黨</t>
    <phoneticPr fontId="1" type="noConversion"/>
  </si>
  <si>
    <t>威士特丹 號 215 名 接觸 者 健康 監控 後天 解除</t>
    <phoneticPr fontId="1" type="noConversion"/>
  </si>
  <si>
    <t>高明 見 防疫 新 生活 先 摘 口罩</t>
    <phoneticPr fontId="1" type="noConversion"/>
  </si>
  <si>
    <t>口罩 戴 上 口罩 防疫 新 生活 國內 前線</t>
    <phoneticPr fontId="1" type="noConversion"/>
  </si>
  <si>
    <t>薩爾瓦多 轉贈 陸 疫苗 給 我 友邦 我 外交部 蓄意 打擊 我國 形象</t>
    <phoneticPr fontId="1" type="noConversion"/>
  </si>
  <si>
    <t>北市 小兒科 診所 遭 爆 料 私賣 10 元 口罩 衛生局 將 前往 厘 清</t>
    <phoneticPr fontId="1" type="noConversion"/>
  </si>
  <si>
    <t>編 輯 室 報 告 陸 振興 經濟 的 風向 球 網上 廣交會</t>
    <phoneticPr fontId="1" type="noConversion"/>
  </si>
  <si>
    <t>在 大陸 2020 年 首季 經濟 成長 資料 公佈 之後 主要 負責 大陸 宏觀經濟 政策 方向 的 大陸 國家發改委 提出 了 新 規劃 要 再進一步 推動 車市 及 家電 等 消費 力度 以及 提出 所謂 的 新 基建 概念 藉 由 投資 重振 經濟 伴隨 著 中國人民銀行 財金 部</t>
    <phoneticPr fontId="1" type="noConversion"/>
  </si>
  <si>
    <t>大陸 肺炎 重要 內需 擴大</t>
    <phoneticPr fontId="1" type="noConversion"/>
  </si>
  <si>
    <t>清明連 假 後 恐 爆 疫情 高峰 魏 如 萱 當 邊緣 人 不 會 死</t>
    <phoneticPr fontId="1" type="noConversion"/>
  </si>
  <si>
    <t>防疫 直播 part 2 型 男 歐巴 交通 局長 唱 法文 歌 教 洗手 超 萌</t>
    <phoneticPr fontId="1" type="noConversion"/>
  </si>
  <si>
    <t>道 瓊 3 年 來 首次 失守 2萬 關卡 美 指 期 跌 逾 500 點</t>
    <phoneticPr fontId="1" type="noConversion"/>
  </si>
  <si>
    <t>疫苗 打到 90 就 可以 直接 放生 網 搖頭 曝 台人 習性</t>
    <phoneticPr fontId="1" type="noConversion"/>
  </si>
  <si>
    <t>各國 狂 打 疫苗 盼 能 擋住 delta 但 突破性 感染 案例 頻 傳 一 名 網友 發 文說 感覺 打完 2 劑 疫苗 也 無法 保護 所有人 特別 是 高風險 族群 但 若 臺灣 疫苗 打到 90 以上 政府 敢 直接 放生 大家 不管 防疫 了 嗎 貼 文 引起 網友 討論 首先 台</t>
    <phoneticPr fontId="1" type="noConversion"/>
  </si>
  <si>
    <t>南投縣1確診1陽性 皆台中工作的埔裡鎮民</t>
    <phoneticPr fontId="1" type="noConversion"/>
  </si>
  <si>
    <t>南 投 縣 1 確診 1 陽性 皆 台中 工作 的 埔裡 鎮 民</t>
    <phoneticPr fontId="1" type="noConversion"/>
  </si>
  <si>
    <t>桃園 9 日 啟動 防疫 旅館 新 制 在 6 家 大型 防疫 旅館 設置 采 檢 站 減少 入境 隔離 期滿 民眾 到 醫院 采 檢 的 移動 風險 市長 鄭文燦 說 桃園 26 家 防疫 旅館 有 6 成是 外縣市 或 外籍 旅客 入住 率 超過 7 成 還有 增加 的 需求 他 也 以 南京 祿口機</t>
    <phoneticPr fontId="1" type="noConversion"/>
  </si>
  <si>
    <t>北京市 官方 對 受 疫情 影響 的 文娛 企業 給予 補貼</t>
    <phoneticPr fontId="1" type="noConversion"/>
  </si>
  <si>
    <t>大陸 肺炎 輸入 堵漏 疫情</t>
    <phoneticPr fontId="1" type="noConversion"/>
  </si>
  <si>
    <t>信心十足 柯文哲 就算 沒 疫苗 再 1 個 月 北市 能 清零</t>
    <phoneticPr fontId="1" type="noConversion"/>
  </si>
  <si>
    <t>ai 新創 基金 爆發力 強</t>
    <phoneticPr fontId="1" type="noConversion"/>
  </si>
  <si>
    <t>法人 肺炎 各 產業 半導體 產業 科技產業</t>
    <phoneticPr fontId="1" type="noConversion"/>
  </si>
  <si>
    <t>連兩週末封街管制 墾丁大街如空城業者哀嘆</t>
    <phoneticPr fontId="1" type="noConversion"/>
  </si>
  <si>
    <t>連兩 週末 封街 管制 墾 丁 大街 如 空 城 業者 哀歎</t>
    <phoneticPr fontId="1" type="noConversion"/>
  </si>
  <si>
    <t>基 進 黨員 吳欣岱 化身 醫 事 聯盟 發起人 要求 韓國瑜 停止 普 篩</t>
    <phoneticPr fontId="1" type="noConversion"/>
  </si>
  <si>
    <t>臺灣 醫 事 行動 聯盟 發起人 吳欣岱 今日 透過 臺灣 基 進 黨 發出 聲明 表示 高雄 市長 韓國瑜 提出 的 普 篩 根本 沒有 必要 而且 若 出現 偽 陰性 反而 會 造成 防疫 破 口 韓國瑜 應 停止 普 篩 停止 製造 對立 配合 中央 普 篩 吳欣岱 指出 高</t>
    <phoneticPr fontId="1" type="noConversion"/>
  </si>
  <si>
    <t>吳欣岱 基 進 黨 罷 韓 國家機器 臺灣 醫 事 行動 聯盟</t>
    <phoneticPr fontId="1" type="noConversion"/>
  </si>
  <si>
    <t>神 隱 5 天 被 問 爆 張上淳 複出 親 吐 心聲</t>
    <phoneticPr fontId="1" type="noConversion"/>
  </si>
  <si>
    <t>工 研 菁英 獎 六 金獎 揭曉 研發 成果</t>
    <phoneticPr fontId="1" type="noConversion"/>
  </si>
  <si>
    <t>素有 工研院 奧斯卡 美稱 象徵 科技 研發 最高 榮耀 的 工 研 菁英 獎 23 日 正式 揭曉 共有 六 項 金獎 技術 展現 工研院 在 擘 畫 2030 技術 策略 與 藍圖 下 重要 研發 成果 涵蓋 智慧 生活 健康 樂活 永 續 環境 及 智慧 化 共通 技術</t>
    <phoneticPr fontId="1" type="noConversion"/>
  </si>
  <si>
    <t>策略 工研院 導入 技術 工 研</t>
    <phoneticPr fontId="1" type="noConversion"/>
  </si>
  <si>
    <t>葉毓蘭呼籲：公佈新冠肺炎確診者足跡</t>
    <phoneticPr fontId="1" type="noConversion"/>
  </si>
  <si>
    <t>嚴防 移 工 成為 防疫 破 口 多國 語言 宣導 防疫 措施</t>
    <phoneticPr fontId="1" type="noConversion"/>
  </si>
  <si>
    <t>拘留所 傳出 疫情 美 法院 下令 釋放 移民 兒童</t>
    <phoneticPr fontId="1" type="noConversion"/>
  </si>
  <si>
    <t>桃園 新增 11 例 確診 足跡 包含 好 市 多南 崁 店 家樂福 經國 店</t>
    <phoneticPr fontId="1" type="noConversion"/>
  </si>
  <si>
    <t>桃園 市政府 4 日 表示 新增 11 例 本土 確診 案例 以 龜 山 新增 4 例 最 多 11 例 中 9 人 接觸 過 確診 者 2 人 尚在 調查 足跡 包含 好 市 多 市場 全聯 家樂福 等 年齡 介於 10 多 歲 至 50 多 歲 之間 6 月 4 日 足跡 包含 5 月 23 日 至 5 月 30 日前 往 大園</t>
    <phoneticPr fontId="1" type="noConversion"/>
  </si>
  <si>
    <t>桃園 市政府 4 日 表示 新增 11 例 本土 確診 案例 以 龜 山 新增 4 例 最 多 11 例 中 9 人 接觸 過 確診 者 2 人 尚在 調查 足跡 包含 好 市 多 市場 全聯 家樂福 等 年齡 介於 10 多 歲 至 50 多 歲 之間 6 月 4 日 足跡 包含 5 月 23 日 至 5 月 30 日前 往 大園 公有 零售 市場 costco 南 崁 店 全 聯大 園 果林 店 全 聯大 園 華興店 好 朋友 百貨 全國 桃園 國際 店 6 月 3 日 足跡 包含 5 月 23 日 至 6 月 2 日前 往 頂 好 福祿店 美聯社 蘆竹 六 福 店 興達 黃昏 市場 誠心 藥局 野上 麵包 坊 家樂福 經國 店</t>
    <phoneticPr fontId="1" type="noConversion"/>
  </si>
  <si>
    <t>nba 假新聞 戈貝爾 否認 跟 米契爾 翻臉</t>
    <phoneticPr fontId="1" type="noConversion"/>
  </si>
  <si>
    <t>眼見 最近 自己 跟 米契爾 不和 謠言 越 傳 越 誇張 爵士 中鋒 戈貝爾 終於 首次 跳出 來 回應 他 在 電 玩 太空 戰士 7 複刻版 直播間 放 話 媒體 有時候 說 的 並非 事實 不僅 是 在 籃球 方面 也 在 生活 方面 他們 有時候 獲取 的 新聞 跟 事實 並</t>
    <phoneticPr fontId="1" type="noConversion"/>
  </si>
  <si>
    <t>戈貝爾 米契爾 不和 nba 爵士</t>
    <phoneticPr fontId="1" type="noConversion"/>
  </si>
  <si>
    <t>海軍 24 確診 全台 足跡 曝光 到 過 11 縣 市 趴 趴 走</t>
    <phoneticPr fontId="1" type="noConversion"/>
  </si>
  <si>
    <t>海軍 磐石 艦 敦睦 艦隊 24 確診 全台 足跡 9 縣 市</t>
    <phoneticPr fontId="1" type="noConversion"/>
  </si>
  <si>
    <t>數字 說</t>
    <phoneticPr fontId="1" type="noConversion"/>
  </si>
  <si>
    <t>數字</t>
    <phoneticPr fontId="1" type="noConversion"/>
  </si>
  <si>
    <t>疫情 升溫 5 月 19 日 起 暫緩 未 持 居留證 外籍人士 入境</t>
    <phoneticPr fontId="1" type="noConversion"/>
  </si>
  <si>
    <t>兩岸 專家 對談 方 艙 醫院 蓋 之前 是 人 等 床 蓋 了 之後 床 等 人</t>
    <phoneticPr fontId="1" type="noConversion"/>
  </si>
  <si>
    <t>臺灣 疫情 延 燒 目前 部分 縣 市 將 一般 旅館 改 成 加強型 防疫 旅館 不過 大陸 專家 認為 用 一般 旅館 來 收治 可能 的 病 患有 很 明顯 的 缺陷 相較 之下 大陸 方 艙 醫院 能 有效 解決 醫療 資源 擠兌 問題 蓋 之前 是 人 等 床 蓋 了 之後</t>
    <phoneticPr fontId="1" type="noConversion"/>
  </si>
  <si>
    <t>御用 宮女 帶球 嫁 翻身 為 疫情 受 困 堅持 幫 富豪 尪 慶 生 照片 看 傻</t>
    <phoneticPr fontId="1" type="noConversion"/>
  </si>
  <si>
    <t>33 歲 港 星 李美慧 是 選美 佳麗 出身 2006 年 在 港 姐 比賽 中 落選 然 她 出道 當了 演員 同年 演出 宮 心計 2 深 宮計 中 太平公主 身旁 的 宮女 秦槐 一角 意外 爆 紅 廣為人知 成 了 御用 宮女 前年 更 在 感情 上有 重大進展 帶球 閃</t>
    <phoneticPr fontId="1" type="noConversion"/>
  </si>
  <si>
    <t>李美慧 曾文豪 御用 宮女 豪門 百億 富商</t>
    <phoneticPr fontId="1" type="noConversion"/>
  </si>
  <si>
    <t>大陸 昨 新增 本土 個案 均 在 福建省 其中 廈門市 32 例 莆田市 24 例 泉州市 3 例 香港大學 感染 及 傳染病 中心 總監 何柏良 今 14 日 表示 福建 疫情 應是由 一 名 從 新加坡 入境 廈門 的 患者 在 檢疫 期間 受 感染 之後 再 衍生 傳播 鏈 何柏</t>
    <phoneticPr fontId="1" type="noConversion"/>
  </si>
  <si>
    <t>大陸 昨 新增 本土 個案 均 在 福建省 其中 廈門市 32 例 莆田市 24 例 泉州市 3 例 香港大學 感染 及 傳染病 中心 總監 何柏良 今 14 日 表示 福建 疫情 應是由 一 名 從 新加坡 入境 廈門 的 患者 在 檢疫 期間 受 感染 之後 再 衍生 傳播 鏈 何 柏良 說 雖然 福建 已 追蹤 到 所 有 傳播 鏈 且 當地政府 在 短 時間 內 已 圍 封 有 傳播 風險 的 地方 進行 廣泛 排查 及 檢疫 但 預計 新增 個案 仍 會 持續 增加 是否 進一步 擴散 則 要 視 其他 省 市 有無 出現 群 組 個案 何 柏良 表示 此次 患者 進入 大陸社區 一 段 較長時間 才 被 察覺 並 通報 香港 因此 追蹤 工作 有些 耽誤 他 強調 日後 遇到 類似 情況 港 府 應 馬上 熔斷 回港 易 機制 安排 曾 出現 於 相關 地方 的 港人 接受 檢疫 單靠 返 港 後 的 檢測 恐怕 有 走漏 個案</t>
    <phoneticPr fontId="1" type="noConversion"/>
  </si>
  <si>
    <t>金融 疫情 衝擊 壽險業 淨值 3 月 蒸發 5337億 元</t>
    <phoneticPr fontId="1" type="noConversion"/>
  </si>
  <si>
    <t>金管會 保險業 壽險 產險 淨 匯 損</t>
    <phoneticPr fontId="1" type="noConversion"/>
  </si>
  <si>
    <t>羽球 亞錦賽 從 武漢 轉戰 馬尼拉</t>
    <phoneticPr fontId="1" type="noConversion"/>
  </si>
  <si>
    <t>亞洲 羽球 馬尼拉 錦標賽 4 月</t>
    <phoneticPr fontId="1" type="noConversion"/>
  </si>
  <si>
    <t>嘉義 市 公告 防疫 新 指引 若 疑 似 接觸 風險 者 幼稚園 可 停課 至少 1 日</t>
    <phoneticPr fontId="1" type="noConversion"/>
  </si>
  <si>
    <t>新北 板橋 幼稚園 群 聚 案 擴大 有 確診 幼兒 的 家長 曾開 車載 小孩 到 嘉義 縣 的 姨婆 家中 用餐 幸好 這 名 姨婆 采 檢 陰性 嘉義 市 為 嚴防 疫情 8 日 擬 出 幼稚園 防疫 新 指引 有 疑 似 接觸 風險 者 幼稚園 自行決定 班級 或 全園 停課 至少 1 日 嘉</t>
    <phoneticPr fontId="1" type="noConversion"/>
  </si>
  <si>
    <t>陳時中 中央 審核 審查 民眾</t>
    <phoneticPr fontId="1" type="noConversion"/>
  </si>
  <si>
    <t>河南省 規模 以上 工業 企業 復工 率 達 94</t>
    <phoneticPr fontId="1" type="noConversion"/>
  </si>
  <si>
    <t>企業 復工 河南省 工業 新聞</t>
    <phoneticPr fontId="1" type="noConversion"/>
  </si>
  <si>
    <t>第 2 起 omicron 病例 現 蹤 日 再 出 招防堵 海外 遊子 恐無 法 返鄉</t>
    <phoneticPr fontId="1" type="noConversion"/>
  </si>
  <si>
    <t>小 s 口罩 之 亂 社 群 神 隱 3 個 月 首發 文 素顏 歎 總算</t>
    <phoneticPr fontId="1" type="noConversion"/>
  </si>
  <si>
    <t>小 s 徐熙娣 口罩 之 亂 社 群 神 隱</t>
    <phoneticPr fontId="1" type="noConversion"/>
  </si>
  <si>
    <t>參議院 出現 案例 共和黨 藍 德 保羅 確診</t>
    <phoneticPr fontId="1" type="noConversion"/>
  </si>
  <si>
    <t>庫存 水位 低 被動 元件廠 過年 加班 備戰</t>
    <phoneticPr fontId="1" type="noConversion"/>
  </si>
  <si>
    <t>由於 庫存 水位 偏 低 訂單 能見度 延長 加上 缺 工 問題 的 不 確定 因素 2021 年 農曆年 被動 元件廠 將 加班 應戰 替 年 後 的 需求 拉高 庫存 水位 景氣 能見度 優於 前 一 季 且 已經 延伸 至 農曆年 以後 包含 mlcc 廠 鋁 電廠 晶 片 電阻 供應 鏈</t>
    <phoneticPr fontId="1" type="noConversion"/>
  </si>
  <si>
    <t>國巨 凱 美 九 豪 奇 力 新 農曆年</t>
    <phoneticPr fontId="1" type="noConversion"/>
  </si>
  <si>
    <t>未來 開放 或 緊縮 新北 幼稚園 群 聚 感染 將 納入 參考 依據</t>
    <phoneticPr fontId="1" type="noConversion"/>
  </si>
  <si>
    <t>新北 幼稚園 群 聚 感染 擴大 新北 市 副 市長 劉和然 今 主持 防疫 說明會 表示 新北 一直 以來 都 是 就 科學態度 來看 隨 著 疫情 發展 調整 檢討 這次 幼稚園 的 發展 也 會 納入 未來 開放 或 緊縮 過程 中 很 重要 的 參考 依據 劉 強調 針對 疫情 新</t>
    <phoneticPr fontId="1" type="noConversion"/>
  </si>
  <si>
    <t>新北 幼稚園 群 聚 感染 擴大 新北 市 副 市長 劉和然 今 主持 防疫 說明會 表示 新北 一直 以來 都 是 就 科學態度 來看 隨 著 疫情 發展 調整 檢討 這次 幼稚園 的 發展 也 會 納入 未來 開放 或 緊縮 過程 中 很 重要 的 參考 依據 劉 強調 針對 疫情 新北 市 一直 以來 都 是 戒慎 恐懼 包括 這 段 時間 大家 關心 的 中秋 假期 新北 也 無 開放 河濱 烤肉 經過 這樣 的 發展 可以 看得出來 當 進入 社區 感染 時 疫情 控管 就 不 像 我們 想像中 的 那麼 簡單 可以 真正 清除 民眾 間 的 自我 約束 加上 公 部門 的 規範 大家 相輔相成 才能 把 防疫 做得好</t>
    <phoneticPr fontId="1" type="noConversion"/>
  </si>
  <si>
    <t>董智森 不論 加入 世衛 與否 綠 營 都 贏</t>
    <phoneticPr fontId="1" type="noConversion"/>
  </si>
  <si>
    <t>對於 臺灣 可能 加入 世界 衛生 組織 議題 資深 媒體 人 董智森 表示 到時候 如果 跳 票 呢 但 沒關係 綠 營 不會 受傷 不論 進 不 進得 去 綠 營 都 贏 美國 fox 新聞 引述 消息人士 透露 指 華府 內部 正 傳閱 一 份 草案 推動 臺灣 重 回 世界衛生</t>
    <phoneticPr fontId="1" type="noConversion"/>
  </si>
  <si>
    <t>壽險 全年 新 保費 陷 9千億 保衛 戰</t>
    <phoneticPr fontId="1" type="noConversion"/>
  </si>
  <si>
    <t>疫情 警戒 在 5 月中 下旬 後 拉高 到 三級 但 4 月 醞釀 的 保單 5 月 陸續 成交 壽險業 5 月 新 契約 保費 還 能 保住 800億 元 以上 比 去年同期 成長 逾 25 但 人際 管制 目前 持續 到 6 月底 壽險業 者 擔心 6 月 及 7 月 業績 可能 大 受 影響 預估 全年 新</t>
    <phoneticPr fontId="1" type="noConversion"/>
  </si>
  <si>
    <t>成長 業績 衰退 肺炎 保單</t>
    <phoneticPr fontId="1" type="noConversion"/>
  </si>
  <si>
    <t>追查 零 號 病人 天津 福爾摩斯 赴 安徽 溯源</t>
    <phoneticPr fontId="1" type="noConversion"/>
  </si>
  <si>
    <t>大陸 安徽省 13 日 爆發 本土 疫情 後 蔓延到 遼寧省 遼寧 新增 確診 數 已經 超越 安徽 但 迄今 仍 無法 確認 零 號 病人 與 感染 源頭 14 日 下午 安徽省委 書記 李錦斌 趕赴 安徽省 六安市 裕安區 合肥市 肥西縣 深入基層 一線 指導 督導 防</t>
    <phoneticPr fontId="1" type="noConversion"/>
  </si>
  <si>
    <t>大陸 安徽省 13 日 爆發 本土 疫情 後 蔓延到 遼寧省 遼寧 新增 確診 數 已經 超越 安徽 但 迄今 仍 無法 確認 零 號 病人 與 感染 源頭 14 日 下午 安徽省委 書記 李錦斌 趕赴 安徽省 六安市 裕安區 合肥市 肥西縣 深入基層 一線 指導 督導 防控 工作 並 主持 召開 座談會 追溯 病原 被譽為 天津 福爾摩斯 的 天津市 疾 控 中心 副 主任 張穎 也 出席 張穎 是 大陸 疾 控 專家 于 1994 年 畢業 于 天津醫科大學 預防 醫學專業 2007 年 取得 大陸 疾 控 中心 公共 衛生 碩士學位 2003 年 至 2006 年 參加 大陸 疾 控 中心 現場 流行病 學 培訓 專案 2010 年 赴美國 密西根大學 公共 衛生 學院 進行 學術交流 2020 年 2 月 2 日 天津市 疫情 防控 工作 新聞 發佈會 上 時任 天津市 疾 控 中心 預防 控制室 主任 張穎 對 天津市 寶坻區 百貨大樓 內 的 5 例 疫情 進行 溯源 對 傳播 鏈條 進行 了 抽絲剝繭 式 的 講解 被 大陸 網友 譽為 天津 福爾摩斯 此後 張穎 獲提拔 出任 天津市 疾 控 中心 副 主任 今年 4 月 張穎 作為 大陸 國務院 聯防 聯控 機制 綜合組 專家 緊急 赴 雲南 瑞麗 指導 疫情 防控 工作 在 安徽 本土 病例 之後 14 日 下午 大陸 國家 衛健 委 發佈 消息 派出 專家組 前往 安徽 指導 展開 流 調 溯源 核酸 檢測 社區 防控 和 院 感 防控 等 工作</t>
    <phoneticPr fontId="1" type="noConversion"/>
  </si>
  <si>
    <t>鮑爾 動用 一切 工具 救 經濟</t>
    <phoneticPr fontId="1" type="noConversion"/>
  </si>
  <si>
    <t>聽證會 肺炎 工具 經濟 美國 經濟</t>
    <phoneticPr fontId="1" type="noConversion"/>
  </si>
  <si>
    <t>分 租 套房 爆 類 家戶 群 聚 北市 信義 區 單周 確診 飆 11 例</t>
    <phoneticPr fontId="1" type="noConversion"/>
  </si>
  <si>
    <t>臺北市 11 日 公佈 4 日 至 10 日 最新 各 行政區 確診 統計資料 12 行政區 當中 以 萬華 新增 30 例 最 多 其次 是 信義 區 11 例 市府 進一步 說明 信義 區 確診 數飆 高 因為 發生 分 租 套房 類似 家戶 群 聚 感染 的 事件 北 市府 今 未 對外 開 記者會 說</t>
    <phoneticPr fontId="1" type="noConversion"/>
  </si>
  <si>
    <t>體育 署 大樓 保全 同仁 體育</t>
    <phoneticPr fontId="1" type="noConversion"/>
  </si>
  <si>
    <t>陳時中 sop 中研院 確診 手套</t>
    <phoneticPr fontId="1" type="noConversion"/>
  </si>
  <si>
    <t>病源 從 哪 來 中 美 展開 新一輪 互 批</t>
    <phoneticPr fontId="1" type="noConversion"/>
  </si>
  <si>
    <t>美國 中國 把 新 肺炎 病毒</t>
    <phoneticPr fontId="1" type="noConversion"/>
  </si>
  <si>
    <t>台大 醫生 健康 的 人 不 用 戴 口罩 已不 適用 網友 敢 逆 時鐘</t>
    <phoneticPr fontId="1" type="noConversion"/>
  </si>
  <si>
    <t>台大醫院 兒童 感染 科 主任 黃立民 指出 全球 確診 案例 中 無 肺炎 症狀 感染者 比例 高達 8 成 以上 健康 的 人 不 用 戴 口罩 已不 適用 現在 的 疫情 發展 對此 網友 反 諷 表示 台 大 還 敢 逆 時鐘 啊 柚子 醫師 才 不是 這麼 說 的 呢</t>
    <phoneticPr fontId="1" type="noConversion"/>
  </si>
  <si>
    <t>疫情 傷 藝 情 街頭 藝人 爆 失業 潮</t>
    <phoneticPr fontId="1" type="noConversion"/>
  </si>
  <si>
    <t>收入 街頭 藝人 肺炎 苦 撐 申請</t>
    <phoneticPr fontId="1" type="noConversion"/>
  </si>
  <si>
    <t>再 報 肺炎 生 華科 新藥 臨床</t>
    <phoneticPr fontId="1" type="noConversion"/>
  </si>
  <si>
    <t>林志玲 罕見 網 現身 暖 喊話 大家 都 要 健康</t>
    <phoneticPr fontId="1" type="noConversion"/>
  </si>
  <si>
    <t>名模 林志玲 去年 6 月 與 日本 人氣 男團 放浪 兄弟 成員 akira 閃電結婚 升格 當 人 妻 的 她 把 生活 重心 轉 往 家庭 志 玲 姐姐 也 減少 公開 亮相 網上 發文 而 林志玲 今 31 日 則 難得 更新 po 文 並 喊話 非常 時期 要 好好 照顧 自己</t>
    <phoneticPr fontId="1" type="noConversion"/>
  </si>
  <si>
    <t>林志玲 喊話 大家 都 akira 志 玲 姐姐</t>
    <phoneticPr fontId="1" type="noConversion"/>
  </si>
  <si>
    <t>防 群 聚 打球 桃園 拆 公園 籃框 鄭文燦 解釋 了</t>
    <phoneticPr fontId="1" type="noConversion"/>
  </si>
  <si>
    <t>桃園 市長 鄭文燦 視察 公園 防疫 措施 針對 籃球 框 拆除 引起 民眾 討論 鄭文燦 說 過去 經驗 是 若 綁 住 籃框 一樣 會 被 拆開 打球 因此 決定 拆除 也 趁機 保養 其他 網球 羽球 排球網 也 都 拆除 避免 群 聚 鄭文燦 表示 為了 加強 社</t>
    <phoneticPr fontId="1" type="noConversion"/>
  </si>
  <si>
    <t>2 機師 嚴重 肺炎 房 務 主管 插管</t>
    <phoneticPr fontId="1" type="noConversion"/>
  </si>
  <si>
    <t>采 檢 房務 主管 美國 檢疫</t>
    <phoneticPr fontId="1" type="noConversion"/>
  </si>
  <si>
    <t>蔡英文 視察 桃 機 防疫 作為 慰勉 執勤 人員 辛勞</t>
    <phoneticPr fontId="1" type="noConversion"/>
  </si>
  <si>
    <t>總統 蔡英文 6 日 上午 到 桃園 機場 巡視 國境 各項 防疫 檢疫 作為 同時 慰勉 衛福部 內政 部 財政部 交通部 農委會 等 第一 線 執勤 人員 辛勞 前後 停留 約 1 個 小時 蔡英文 總統 6 日 上午 10 時 抵達 桃園 機場 第 2 航 廈 由 內政部長 徐國勇</t>
    <phoneticPr fontId="1" type="noConversion"/>
  </si>
  <si>
    <t>獨 劉耕宏 親自 上 體操課 小 泡 芙 三 兄妹 在家 網 課 設備 超 狂</t>
    <phoneticPr fontId="1" type="noConversion"/>
  </si>
  <si>
    <t>劉耕宏 和 老婆 王婉霏 去年 疫情 在 全球 爆發 後 就 向 教育部 申請 讓 10 歲 大兒子 劉宇恩 8 歲 二女兒 劉宇芙 小 泡 芙 6 歲 小 女兒 劉宇珊 3 個 小孩 自學 今年 過完 農曆年 新 的 這 1 學期 就 跟 另外 一個 家庭 共 5 位 小孩 在家 上課 不 過 上</t>
    <phoneticPr fontId="1" type="noConversion"/>
  </si>
  <si>
    <t>劉耕宏 和 老婆 王婉霏 去年 疫情 在 全球 爆發 後 就 向 教育部 申請 讓 10 歲 大兒子 劉宇恩 8 歲 二女兒 劉宇芙 小 泡 芙 6 歲 小 女兒 劉宇珊 3 個 小孩 自學 今年 過完 農曆年 新 的 這 1 學期 就 跟 另外 一個 家庭 共 5 位 小孩 在家 上課 不過 上周 警戒 升至 第二 級 後 他們 連 每週 三 在 戶外 公開 場所 上 的 團體 課程 都 先 取消 只 剩下 在家 的 個人 課程 上 週六 也 著 手 跟 所有 學科 老師 聯繫 預備 做 線 上 課程 本週一 17 日 開始 施行 預計 先 到 6 月 沒想 也 恰巧 在 昨 宣佈 雙北 高中 以下 學校 停課 本來 想 說 先 預備 以防萬一 沒 想到 居然 那麼 快 就 派上用場 了 王婉霏 今天 一早 就 起來 為 3 位 寶貝 測試 設備 除了 大型 投影 布 幕 外 還給 他們 準備 了 1 人 1 台 平板 和 耳機 她 透露 第一 天 從 早上 9 點 開始 中文 英文 課 到 下午 世界 課 結束 大概 3 點 半 放學 晚上 再 各自 練琴 整天 非常 充實 孩子 們 也 都 覺得 很 新奇 禮拜三 取消 的 戶外 課 也 改由 爸爸 親自 為 他們 上 體操課 家裡 還 有 switch 供 他們 練舞 運動 設施 圖書館 等 一家 5 口 也 會 一起 下棋 畫畫 就 算 不 出門 也 不 會 在 家裡 悶 壞 而 王婉霏 目前 經營 的 殺菌機 事業 這 幾 天 疫情 拉 警報 確診 人數 不斷創新 高 她 透露 殺菌機 的 訂單 量 在 3 天內 已 賣出 超過 500 台 昨天 早上 更 是 1 小時 內 便 湧入 超過 100 張 訂單 已 達 電 商 平臺 刷 卡 300萬 的 上限 比起 過往 成長 了 300 另外 去年 與 友人 合資 超過 百萬 在 東區 開設 小型 健身房 purpose space 的 小禎 面對 疫情 嚴峻 需 停業 2 周 她 不僅 開始 居家 運動 開心 秀 結實 腹肌 照 外 也 在 網友 們 極力 敲 碗 下 推出 居家 防疫 課程 直播 公開 自己 的 日常 訓練 功能表 也 推出 客 制 化 的 健身 課程 呼籲 在家 無聊 就 跟 著 動 起 來 並 祝福 大家 疫情 結束 還是 腹肌人 小 禎 目前 就讀 國一 的 女兒 emma 也 停課 在家 線 上 自主 學習 至於 目前 演藝 工作 的 部分 小禎 現在 不 會 去 想 損失 了 多少 目前 就 是 積極 配合 各個單位 為了 我們 各自 的 健康 暫時 先 在家 好好 防疫</t>
    <phoneticPr fontId="1" type="noConversion"/>
  </si>
  <si>
    <t>揭新冠 起源 重大 線索 cnn 武漢 將 檢測 數 萬 早期 血液 樣本</t>
    <phoneticPr fontId="1" type="noConversion"/>
  </si>
  <si>
    <t>拜登 10 道 金牌 推 抗 疫 國家 戰略</t>
    <phoneticPr fontId="1" type="noConversion"/>
  </si>
  <si>
    <t>國家 戰略 美國 拜登 肺炎 戴 口罩</t>
    <phoneticPr fontId="1" type="noConversion"/>
  </si>
  <si>
    <t>群體 免疫 有得 等 全球 疫苗 產量 年底 才達 1 10</t>
    <phoneticPr fontId="1" type="noConversion"/>
  </si>
  <si>
    <t>出國 請 三思 美國務院 發佈 全球 旅遊 警示</t>
    <phoneticPr fontId="1" type="noConversion"/>
  </si>
  <si>
    <t>一 天 18 喪命 義 大利 確診 數飆 破 2千 羅馬 也 淪陷</t>
    <phoneticPr fontId="1" type="noConversion"/>
  </si>
  <si>
    <t>川普 轟 疫情 是 民主黨 騙局</t>
    <phoneticPr fontId="1" type="noConversion"/>
  </si>
  <si>
    <t>川普 肺炎 病毒 民主黨 社區</t>
    <phoneticPr fontId="1" type="noConversion"/>
  </si>
  <si>
    <t>小 巨蛋 冰上 樂園 北 投 會館 明 關閉</t>
    <phoneticPr fontId="1" type="noConversion"/>
  </si>
  <si>
    <t>omicro 來勢洶洶 邱臣遠 籲 調配 防疫 量 能 嚴守 邊境 管制</t>
    <phoneticPr fontId="1" type="noConversion"/>
  </si>
  <si>
    <t>黃珊珊 爆 中央 刪 北市 居 隔 資料 莊 人 祥 可能 有 誤解</t>
    <phoneticPr fontId="1" type="noConversion"/>
  </si>
  <si>
    <t>黃珊珊 匡列 北市 刪除 居隔</t>
    <phoneticPr fontId="1" type="noConversion"/>
  </si>
  <si>
    <t>臺灣 防疫 排名 為何 暴跌 林濁水 曝 真相 很 震撼</t>
    <phoneticPr fontId="1" type="noConversion"/>
  </si>
  <si>
    <t>低 血 氧 猝死 不只 確診 者 才有 4 大 風險 族群 更 要 注意</t>
    <phoneticPr fontId="1" type="noConversion"/>
  </si>
  <si>
    <t>不只 清冠 一 號 防疫 3 階段 中藥 處方 各 有 使用 時機</t>
    <phoneticPr fontId="1" type="noConversion"/>
  </si>
  <si>
    <t>日本 天 團 嵐 忍痛 取消 下月 演唱會 休 團 前 活動 大 受 影響</t>
    <phoneticPr fontId="1" type="noConversion"/>
  </si>
  <si>
    <t>陳時中 稱 3 11 不算 破 口 胸腔 醫 34 字 狂 吐 槽</t>
    <phoneticPr fontId="1" type="noConversion"/>
  </si>
  <si>
    <t>陳時中 3 11 破 口 負責 範雲</t>
    <phoneticPr fontId="1" type="noConversion"/>
  </si>
  <si>
    <t>馮迪 索 血 衛 北美票房 較 預期 少 3 成</t>
    <phoneticPr fontId="1" type="noConversion"/>
  </si>
  <si>
    <t>超級 英雄 北美票房 觀影 肺炎 關閉</t>
    <phoneticPr fontId="1" type="noConversion"/>
  </si>
  <si>
    <t>日本AZ疫苗盒「meiji」現蹤 網驚「做霜淇淋那公司」事業群爆狂</t>
    <phoneticPr fontId="1" type="noConversion"/>
  </si>
  <si>
    <t>日本 az 疫苗 盒 meiji 現 蹤 網 驚 做 霜淇淋 那 公司 事業 群 爆 狂</t>
    <phoneticPr fontId="1" type="noConversion"/>
  </si>
  <si>
    <t>日本 無償 提供 臺灣 124萬 劑 az 疫苗 叫 國人 感動不已 大 呼台 日 友好 不過 有 眼尖 網友 發現 食 藥 署 檢驗 疫苗 的 畫面 裡 az 包裝盒 上 印有 meiji 的 明治 商標 有 好奇 寶寶 因此 循線 調查 意外 得知 原來 該 公司 不只 生產 巧 克</t>
    <phoneticPr fontId="1" type="noConversion"/>
  </si>
  <si>
    <t>az meiji 霜淇淋 疫苗 明治</t>
    <phoneticPr fontId="1" type="noConversion"/>
  </si>
  <si>
    <t>家長 全 否認 連 假 出遊 幼 教師 上課 問 學生 竟 一半 舉手</t>
    <phoneticPr fontId="1" type="noConversion"/>
  </si>
  <si>
    <t>家長 連 假 出遊 11 幼教 老師 調查</t>
    <phoneticPr fontId="1" type="noConversion"/>
  </si>
  <si>
    <t>雙北 確診 死亡數 與 中央 有 落差 侯友宜 回 應 了</t>
    <phoneticPr fontId="1" type="noConversion"/>
  </si>
  <si>
    <t>有 媒體 報導 累計 至 6 月 3 日 雙 北 統計 確診 火化 數 臺北市 155 例 新北 市 106 例 與 中央 統計 明顯 不符 讓 不少 人 質疑 死亡 人數 也 要 校正 回歸 對此 新北 市長 侯友宜 今 受訪 表示 確診 者 死亡 原因 必須 由 中央 判定 地方 會 透過 法 傳 系</t>
    <phoneticPr fontId="1" type="noConversion"/>
  </si>
  <si>
    <t>澳洲 封 城 經驗 參考 3 步驟 除 汙 宅 配 包裹 才能 進 家門</t>
    <phoneticPr fontId="1" type="noConversion"/>
  </si>
  <si>
    <t>宅 配 包裹 酒精 通風 英國 變種 病毒</t>
    <phoneticPr fontId="1" type="noConversion"/>
  </si>
  <si>
    <t>大山 地 門 藝術展 線 上 導覽 不 群 聚</t>
    <phoneticPr fontId="1" type="noConversion"/>
  </si>
  <si>
    <t>肺炎 藝術 線 上 導覽 大山 舉辦</t>
    <phoneticPr fontId="1" type="noConversion"/>
  </si>
  <si>
    <t>扣除額 繳稅 綠 委 財長</t>
    <phoneticPr fontId="1" type="noConversion"/>
  </si>
  <si>
    <t>185萬 職業工會 勞工 人人 可 領 補助 最高 可 領 3萬</t>
    <phoneticPr fontId="1" type="noConversion"/>
  </si>
  <si>
    <t>疫情 持續 嚴峻 勞動部 今年 再度 提出 自營 作業者 或 無 一定 雇主 之 勞工 生活 補貼 相較 去年 僅 限 投保 級距 基本工資 以下 勞工 才能 申請 今年 擴大 至 所有 級距 勞工 皆 能 申請 206萬 職業 勞工 再 扣除 被 排 富 後 有 185萬 名 職業工會 勞</t>
    <phoneticPr fontId="1" type="noConversion"/>
  </si>
  <si>
    <t>疫情 持續 嚴峻 勞動部 今年 再度 提出 自營 作業者 或 無 一定 雇主 之 勞工 生活 補貼 相較 去年 僅 限 投保 級距 基本工資 以下 勞工 才能 申請 今年 擴大 至 所有 級距 勞工 皆 能 申請 206萬 職業 勞工 再 扣除 被 排 富 後 有 185萬 名 職業工會 勞工 可望 依其 投保 級距 不同 可 領 1萬 至 3萬 元 不等 的 生活 補貼 勞動部 去年 針對 投保 在 職業工會 且 級距 在 2萬4000 元 以下 且 2018 年 綜合 所得 未 達 課稅 標準 的 勞工 可以 請領 3萬 元 生活 補貼 據 統計 去年 共有 122萬3347 件 申請 核准 112萬6046 人 發出 337億8138萬 元 但 遭 外界 詬病 許多 自營 作業者 明明 受到 疫情 衝擊 但 卻 無法 獲得 補貼 勞動部 今天 提出 的 自營 作業者 或 無 一定 雇主 之 勞工 生活 補貼 放寬 至 投保 級距 2萬4000 元 以下 的 勞工 可以 請領 3萬 元 生活 補貼 而 2萬4000 元 以上 的 勞工 則 可 請領 1萬 元 補貼 據 勞保局 3 月 統計 受益 人數 可望 達 206萬 餘 人</t>
    <phoneticPr fontId="1" type="noConversion"/>
  </si>
  <si>
    <t>疫情 引發 恐慌 憂慮 醫師 籲 減少 訊息 轉移 注意力</t>
    <phoneticPr fontId="1" type="noConversion"/>
  </si>
  <si>
    <t>金融 疫情 陰霾 未 散 國銀 5 月 獲利 雙 位數 雙 降</t>
    <phoneticPr fontId="1" type="noConversion"/>
  </si>
  <si>
    <t>金管會 國銀 銀行業 獲利 國內 總 分行</t>
    <phoneticPr fontId="1" type="noConversion"/>
  </si>
  <si>
    <t>三大 應用 面板 今年 出 貨 衰減</t>
    <phoneticPr fontId="1" type="noConversion"/>
  </si>
  <si>
    <t>車載 面板 衰退 手機 面板 肺炎 車廠</t>
    <phoneticPr fontId="1" type="noConversion"/>
  </si>
  <si>
    <t>趙少康遭隱射特權打疫苗有政治目的？遊淑慧一句話痛批周玉蔻</t>
    <phoneticPr fontId="1" type="noConversion"/>
  </si>
  <si>
    <t>趙 少康 遭 隱射 特權 打 疫苗 有 政治 目的 遊淑慧 一 句 話 痛 批 周玉蔻</t>
    <phoneticPr fontId="1" type="noConversion"/>
  </si>
  <si>
    <t>醫護 曬 防疫 照 雙手 又 皺 又 灰 惹 心疼</t>
    <phoneticPr fontId="1" type="noConversion"/>
  </si>
  <si>
    <t>宅 經濟 發燒 kono 電子 雜誌 14 天 免費 看 會員 激增 7 成</t>
    <phoneticPr fontId="1" type="noConversion"/>
  </si>
  <si>
    <t>宅 經濟 防疫 kono 電子 雜誌 線 上 雜誌 免費</t>
    <phoneticPr fontId="1" type="noConversion"/>
  </si>
  <si>
    <t>副 機師 居 檢 外出 訪友 購物 紓 壓 遭 罰 80萬 執行官 勸 諭 分期 繳 清</t>
    <phoneticPr fontId="1" type="noConversion"/>
  </si>
  <si>
    <t>國籍 航空 鐘姓 副 機師 在 疫情 期間 為 抒解 壓力 而 外出 訪友 購物 違反 居家 檢疫 規定 遭 處罰 鍰 80萬 元 經 法務部 行政 執行 臺北 分署 溫情 勸說 下 已於 11 月 26 日 繳 清 罰 鍰 鐘男 今年 1 月 及 2 月 居家 檢疫 期間 及 加強版 自主 健康 管理 期</t>
    <phoneticPr fontId="1" type="noConversion"/>
  </si>
  <si>
    <t>國籍 航空 鐘姓 副 機師 在 疫情 期間 為 抒解 壓力 而 外出 訪友 購物 違反 居家 檢疫 規定 遭 處罰 鍰 80萬 元 經 法務部 行政 執行 臺北 分署 溫情 勸說 下 已於 11 月 26 日 繳 清 罰 鍰 鐘男 今年 1 月 及 2 月 居家 檢疫 期間 及 加強版 自主 健康 管理 期間 3 次 擅 離 居檢 處所 違反 國籍 航空 公司 機組人員 入境 健康 聲明 暨 居家 檢疫 通知書 規定 交通部 5 月 裁處 鐘男 80萬 元 罰 鍰 移送 臺北 分署 執行 臺北 分署 調查 後 發現 鐘男 除 航空 公司 薪資 外 名下 並 無 財產 要求 鐘男 到場 說明 財產 狀況 今年 7 月 23 日 鐘 男 向 執行官 表示 當初 違反 居家 檢疫 規定 為 抒解 長期 處在 值勤 居家 檢疫 值勤 的 精神壓力 與 情緒 才 外出 訪友 與 購買 食物 對於 違反規定 深感 悔悟 事發 後 也 被 公司 停 飛 並轉 任 其他 職務 且 遭 減 薪 鐘男 表示 他 每月 所得 薪資 除 留下 5萬 元 當 生活費 外 其 餘 皆 交給 父母 故 名下 無財產 執行官 勸 諭 鐘男 應 繳 清 罰 鍰 避免 遭 限制 出境 影響 日後 複 飛 工作 對於 其 恢復 副 機師 身分 值勤 應 有助 益 鐘男 辦理 5 期 分期 繳納 先行 繳納 第 1 期 40萬 元 後 罰 鍰 已於 本月 26 日 全數 繳 清</t>
    <phoneticPr fontId="1" type="noConversion"/>
  </si>
  <si>
    <t>加工區 18 家 知名企業 聯合 征 才 將 釋出 573 個 職 缺</t>
    <phoneticPr fontId="1" type="noConversion"/>
  </si>
  <si>
    <t>今 國光 華新 職 缺 加工 處 技術員</t>
    <phoneticPr fontId="1" type="noConversion"/>
  </si>
  <si>
    <t>防疫 政 緊張 陳時中 稱 疫苗 早 打 也 沒用 孫 大 千 二百五 的 鬼 邏輯</t>
    <phoneticPr fontId="1" type="noConversion"/>
  </si>
  <si>
    <t>新 竹馬 偕 醫院 越 冷 肺炎 重點 病毒</t>
    <phoneticPr fontId="1" type="noConversion"/>
  </si>
  <si>
    <t>nba 閉門 比賽 詹姆斯 拒絕 上場</t>
    <phoneticPr fontId="1" type="noConversion"/>
  </si>
  <si>
    <t>以臺北名義參加WHO？外交部這理由：不能透露</t>
    <phoneticPr fontId="1" type="noConversion"/>
  </si>
  <si>
    <t>以 臺北 名義 參加 who 外交部 這 理由 不能 透露</t>
    <phoneticPr fontId="1" type="noConversion"/>
  </si>
  <si>
    <t>eua 技術 準則 為 高 端量 身 訂 做 台大醫 絕非 國際標準</t>
    <phoneticPr fontId="1" type="noConversion"/>
  </si>
  <si>
    <t>稀土 戰 重 燃 川普 拼 大選 爆 最新 動作 特斯拉 有望 降價</t>
    <phoneticPr fontId="1" type="noConversion"/>
  </si>
  <si>
    <t>陸美 貿易戰 爆發 以來 雙方 在 關鍵 資源 搶奪 之下 用以 生產 高 科技產業 發展 的 重要 原料 國防 戰略物資 的 稀土 資源 之 爭 就 浮 上 檯面 在 去年 陸美 關稅 戰 正熱 之際 澳洲 稀土 供應商 lynas 與 德州 廠商 blue line corporation 簽署 合作</t>
    <phoneticPr fontId="1" type="noConversion"/>
  </si>
  <si>
    <t>世紀 全新 稀土 美國 電池</t>
    <phoneticPr fontId="1" type="noConversion"/>
  </si>
  <si>
    <t>振興 三 倍 券 問題 多 朱學 恒 開 酸 全民 抓 bug</t>
    <phoneticPr fontId="1" type="noConversion"/>
  </si>
  <si>
    <t>第 15 輪 開 打 想 混打 免 預約 今 起 可 至 指定 院所 接種</t>
    <phoneticPr fontId="1" type="noConversion"/>
  </si>
  <si>
    <t>混打 醫療 院所 第 15 輪 az bnt</t>
    <phoneticPr fontId="1" type="noConversion"/>
  </si>
  <si>
    <t>陳建仁 追蹤 接觸 史 丶 限制 近 距離 接觸 是 防疫 最佳 方法</t>
    <phoneticPr fontId="1" type="noConversion"/>
  </si>
  <si>
    <t>北 韓 官員 想 吃 辛 拉麵 偷偷 闖 關 結果 慘 了</t>
    <phoneticPr fontId="1" type="noConversion"/>
  </si>
  <si>
    <t>北 韓 辛 拉麵 進口 官員 物資</t>
    <phoneticPr fontId="1" type="noConversion"/>
  </si>
  <si>
    <t>陳時中 這 一 步 走 錯 了 網 憂 防疫 破 口</t>
    <phoneticPr fontId="1" type="noConversion"/>
  </si>
  <si>
    <t>nba 複賽 地點 曝光 各隊 先 隔離 14 天</t>
    <phoneticPr fontId="1" type="noConversion"/>
  </si>
  <si>
    <t>根據 nba 知名 記者 查拉尼亞 報導 指出 雖然 複賽 時間 仍舊 遙遙無期 但 複賽 之後 的 地點 有 可能 會 選擇 在 拉斯維加斯 或是 奧蘭多迪士尼 這 兩 個 地方 至於 30 支 球隊 的 隊 職員 必須 先 隔離 14 天 確定 沒有 人 遭到 感染 之後 才會 開 打 nba 自</t>
    <phoneticPr fontId="1" type="noConversion"/>
  </si>
  <si>
    <t>求 好運 免 出門 新北 推 線 上 祈福</t>
    <phoneticPr fontId="1" type="noConversion"/>
  </si>
  <si>
    <t>宗教 留言 線 上 祈福 祈福 保生 大帝</t>
    <phoneticPr fontId="1" type="noConversion"/>
  </si>
  <si>
    <t>壽險業 今年 力拼 三不 多</t>
    <phoneticPr fontId="1" type="noConversion"/>
  </si>
  <si>
    <t>降息 資本 肺炎 穩住 各 壽險</t>
    <phoneticPr fontId="1" type="noConversion"/>
  </si>
  <si>
    <t>嘉 義縣 第 2 批 疫苗 3200 劑 到位 警 消 優先 施打</t>
    <phoneticPr fontId="1" type="noConversion"/>
  </si>
  <si>
    <t>嘉義 縣 獲 中央 配發 第 2 批 az 疫苗 3200 劑 已 到位 提撥 2000 劑 優先 讓 第一 線 警 消 弟兄 施打 嘉義 縣長 翁章梁 盼 提升 第一線 防疫 人員 自我 保護 力 執行 防疫 最 前線 時 能 更加 安心 預計 6 月 1 日前 全數 施打 完畢 嘉縣 衛生局長 趙紋華 指出</t>
    <phoneticPr fontId="1" type="noConversion"/>
  </si>
  <si>
    <t>嘉義 縣 獲 中央 配發 第 2 批 az 疫苗 3200 劑 已 到位 提撥 2000 劑 優先 讓 第一 線 警 消 弟兄 施打 嘉義 縣長 翁章梁 盼 提升 第一線 防疫 人員 自我 保護 力 執行 防疫 最 前線 時 能 更加 安心 預計 6 月 1 日前 全數 施打 完畢 嘉 縣 衛生局長 趙紋華 指出 繼 縣 內 嘉義 長 庚 大林 慈 濟 樸子 醫院 灣 橋 分院 4 家 責任 醫院 醫護人員 已 4403 人 完成 接種 此次 中央 撥 補 的 3200 劑 az 疫苗 4 家 責任 醫院 醫護 分配 1200 劑 持續 接種 其 餘 2000 劑 疫苗 今 31 日 起 開放 警 消 人員 施打 基層 醫護 環保 清 消 人員 等 第一 線 防疫 人員 接種 趙紋華 說 第一線 防疫 人員 可 依據 提報 名冊 前往 轄區 衛生所 或 慢 防 所 接種 預計 6 月 1 日前 全數 施打 完畢</t>
    <phoneticPr fontId="1" type="noConversion"/>
  </si>
  <si>
    <t>NBA》佈雷德利為子不願復賽 JR有望頂替</t>
    <phoneticPr fontId="1" type="noConversion"/>
  </si>
  <si>
    <t>nba 佈雷德利 為 子 不 願 複賽 jr 有望 頂替</t>
    <phoneticPr fontId="1" type="noConversion"/>
  </si>
  <si>
    <t>先前 選擇 跟 厄文 一同 站 出來 高喊 球員 不該 參加 複賽 的 湖 人 後衛 佈雷德利 如今 透過 espn 確認 自己 不 會 參加 複賽 原因 可能 是 顧及 自己 6 歲 兒子 李恩 擁有 很 難 從 呼吸道 疾病 恢復 的 病史 目前 最 有 可能 頂替 佈雷德利 在 湖 人 位置 的</t>
    <phoneticPr fontId="1" type="noConversion"/>
  </si>
  <si>
    <t>先前 選擇 跟 厄文 一同 站 出來 高喊 球員 不該 參加 複賽 的 湖 人 後衛 佈雷德利 如今 透過 espn 確認 自己 不 會 參加 複賽 原因 可能 是 顧及 自己 6 歲 兒子 李恩 擁有 很 難 從 呼吸道 疾病 恢復 的 病史 目前 最 有 可能 頂替 佈雷德利 在 湖 人 位置 的 是 j r 史密斯 根據 洛杉磯 時報 記者 甘 古利 報導 佈雷德利 的 湖 人 隊友 都對 他 選擇 不 參加 複賽 並不 意外 因為 他們 其中 不少 人 在 過去 1 周 期間 完全 無法 跟 佈雷德利 取得 聯繫 似乎 擺 明 要 跟 厄文 站 在 一起 反對 複賽 目前 他 也 告知 湖 人 高層 自己 決定 目前 傳出 j r 史密斯 即將 取代 佈雷德利 的 謠言 其實 也 不 奇怪 因為 過去 幾 周 期間 他 都 一直 待 在 洛杉磯 跟 著 不少 湖 人 球員 練球 看來 應該 是 小 皇帝 詹姆斯 的 安排 原本 j r 史密斯 今年 2 月 就 曾 前往 湖 人 試訓 可惜 湖 人 最後 選 了 威特斯 湖 人 當前 還有 另外 1 名 球員 可能 不 肯 參加 複賽 那 就 是 曾 發聲明 強調 籃球 在 平權 運動 之後 的 魔 獸 霍華 不過 甘 古利 收到 線報 湖 人 高層 相信 霍華 很 可能 參加 複賽 畢竟 身為 湖 人 內線 兩 大 主力 之一 如果 霍華 不 打 湖 人 確實 比較 傷</t>
    <phoneticPr fontId="1" type="noConversion"/>
  </si>
  <si>
    <t>nba 湖 人 複賽 佈雷德利 霍華</t>
    <phoneticPr fontId="1" type="noConversion"/>
  </si>
  <si>
    <t>malcolm brogdon 黑人 溜 馬 美國 nba</t>
    <phoneticPr fontId="1" type="noConversion"/>
  </si>
  <si>
    <t>建 商大 獵 地 q 1 成交 478億</t>
    <phoneticPr fontId="1" type="noConversion"/>
  </si>
  <si>
    <t>交易 總額 臺北市 土地交易 金額 肺炎 興富 發</t>
    <phoneticPr fontId="1" type="noConversion"/>
  </si>
  <si>
    <t>馬英九 不應 多 談 防疫 網友 竟 認為</t>
    <phoneticPr fontId="1" type="noConversion"/>
  </si>
  <si>
    <t>前 總統 馬英九 近日 針對 蔡 政府 以 防疫 為由 一直 未能 接回 滯留 在 大陸 的 臺胞 提出 批評 認為 違反 人權 但 除了 綠 營 不 買 單 連藍 營 自家人 馬英九 自家 老 部屬 前 衛生 署長 葉 金川 認為 防疫 是 專業 馬 非此 方面 專家 不應 多 談 對</t>
    <phoneticPr fontId="1" type="noConversion"/>
  </si>
  <si>
    <t>再 增 6 死 6 旬 男 缺勤 同事 發現 昏迷 不治 5 人 有 高血壓</t>
    <phoneticPr fontId="1" type="noConversion"/>
  </si>
  <si>
    <t>說法 記者會 上 肺炎 陸委會 一 詞</t>
    <phoneticPr fontId="1" type="noConversion"/>
  </si>
  <si>
    <t>歐陽娜 娜 為 何受 大陸 人 歡迎 網 揭 1 點 狂 酸 不意 外</t>
    <phoneticPr fontId="1" type="noConversion"/>
  </si>
  <si>
    <t>臺灣 女星 歐陽娜 娜 近年來 把 演藝 重心 轉 往 對岸 最近 將 出席 央 視 舉辦 的 十一 國慶 晚會 高唱 我 的 祖國 一 曲 引發 臺灣 網友 熱 議 有人 好奇 為什麼 大陸 人 那麼 喜歡 歐陽娜 娜 據悉 她 吸 金 功力 一流 曾 一個 小時 撈 66 萬金 幣</t>
    <phoneticPr fontId="1" type="noConversion"/>
  </si>
  <si>
    <t>全球 數字 派息 股息 全球 企業</t>
    <phoneticPr fontId="1" type="noConversion"/>
  </si>
  <si>
    <t>苗栗國 就 是 狂 苗栗 議員 要 砸 600萬 生產 口罩 每 5 個 賣 10 元</t>
    <phoneticPr fontId="1" type="noConversion"/>
  </si>
  <si>
    <t>苗栗國 就 是 狂 苗栗 縣議員 鄭聚然 11 日 表示 苗栗 被 稱為 苗栗國 為何 不能 獨立 生產 口罩 鄭更 表示 願意 自掏腰包 投資 600萬 買 2 台 機器 生產 每 5 個 賣 10 元 提供 鄉親 來 使用 據 綜合 媒體 報導 苗栗縣 議會 臨時 會 11 日 開議</t>
    <phoneticPr fontId="1" type="noConversion"/>
  </si>
  <si>
    <t>苗栗國 就 是 狂 苗栗 縣議員 鄭聚然 11 日 表示 苗栗 被 稱為 苗栗國 為何 不能 獨立 生產 口罩 鄭更 表示 願意 自掏腰包 投資 600萬 買 2 台 機器 生產 每 5 個 賣 10 元 提供 鄉親 來 使用 據 綜合 媒體 報導 苗栗縣 議會 臨時 會 11 日 開議 會議 上 鄭聚然 表示 看到 許多 老 鄉親 每天 為 口罩 奔波 都還 買不到 口罩 甚至 有 鄉親 跑 來 跟 他 要 口罩 他 雖有 心想 從 國外 進口 但 發現 關卡 重重 因此 他 才想 說 為什麼 不 自己 生產 口罩 而且 大家 都稱苗 栗為苗 栗國 那 為何 不能 生產 鄭聚然 認為 政府 不 要 拘泥於 法規 既然 不能 進口 那 就 開放 全民 生產 口罩 來 解決 口罩 不足 問題 像 他 也 想為 鄉親 服務 自掏腰包 600萬 元 弄 2 條 生產線 生產 口罩 每 5 個 10 元 讓 鄉親 都 有 口罩 好 用 也 不 用 排隊 他 向 衛生局 懇切 盼 讓 苗栗 獨立 生產 也 很 多 人 願意 投資 希望 政府 不 要 一成不變 對此 網友 們 紛紛表示 苗栗國就 是 狂 苗栗 國有 苗栗國 的 玩 法</t>
    <phoneticPr fontId="1" type="noConversion"/>
  </si>
  <si>
    <t>苗栗國 生產 口罩 鄉親 600萬 口罩 荒</t>
    <phoneticPr fontId="1" type="noConversion"/>
  </si>
  <si>
    <t>病毒 可 停留 紙 鈔 3 小時 香港 專家 呼籲 注意 手部 衛生</t>
    <phoneticPr fontId="1" type="noConversion"/>
  </si>
  <si>
    <t>香港 今日 19 日 最少 新增 100 宗 確診 及 初步 確診 個案 截至 昨日 18 日 累計 病例 達 1778 宗 超越 2003 年 sars 的 1755 人 確診 另外 再有 私立醫院 職員 中 招 位於 九龍 太子 道 的 聖德肋撒醫院 2 樓 的 內視 鏡 中 心 有 2 名 健康 服務 助理</t>
    <phoneticPr fontId="1" type="noConversion"/>
  </si>
  <si>
    <t>美國 富豪 多 有錢 外 媒 他 2 財產 能 救活 4200萬 人</t>
    <phoneticPr fontId="1" type="noConversion"/>
  </si>
  <si>
    <t>聯合國世界糧食計畫署 wfp 署長 26 日 表示 全球 首富 特斯拉 創辦 人 兼 執行長 馬斯克 elon musk 只要 捐 出 2 財產 便 能 挽救 4200萬 可能 因 饑荒 而 死 去 的 全球 民眾 呼籲 各國 富有 人士 站 出來 協助 解決 全球 糧食 危機 世</t>
    <phoneticPr fontId="1" type="noConversion"/>
  </si>
  <si>
    <t>世界 首富 馬斯克 貝佐斯 饑荒</t>
    <phoneticPr fontId="1" type="noConversion"/>
  </si>
  <si>
    <t>是否 已 接種 第二 劑 他 聽 完 蘇貞昌 回應 一 堆 問號</t>
    <phoneticPr fontId="1" type="noConversion"/>
  </si>
  <si>
    <t>2020 光明 點燈 節 31 日 登場 新北 中和 點燈 為 世界 祈福</t>
    <phoneticPr fontId="1" type="noConversion"/>
  </si>
  <si>
    <t>緬甸 中和 2020 民眾 新北 市</t>
    <phoneticPr fontId="1" type="noConversion"/>
  </si>
  <si>
    <t>新北 女 po 文 家 附近 死 一個 確診 者 辯 有 查證 仍 遭 訴</t>
    <phoneticPr fontId="1" type="noConversion"/>
  </si>
  <si>
    <t>抗體 肺炎 製藥 血漿 藥 商</t>
    <phoneticPr fontId="1" type="noConversion"/>
  </si>
  <si>
    <t>中 概 股 企業 肺炎 大陸 互聯網 金融 累計</t>
    <phoneticPr fontId="1" type="noConversion"/>
  </si>
  <si>
    <t>中 市 視聽 歌唱 場所 至 7 日 共 44 家 申請 42 家 核准 複業</t>
    <phoneticPr fontId="1" type="noConversion"/>
  </si>
  <si>
    <t>申請 經發局 複業 業者 視聽</t>
    <phoneticPr fontId="1" type="noConversion"/>
  </si>
  <si>
    <t>貝克漢 隔離 求 外援 指定 找 臺灣人 教 我 最好 的 方法 吧</t>
    <phoneticPr fontId="1" type="noConversion"/>
  </si>
  <si>
    <t>長 照 探視 規定 逆 時 中 侯 守護 市民 健康 是 唯一 原則</t>
    <phoneticPr fontId="1" type="noConversion"/>
  </si>
  <si>
    <t>中央 1 日 開放 長 照 機構 探視 新北 市府 不 跟進 今 自行 發佈 長 照 機構 探視 規定 被 外界 質疑 逆 時 中 對此 新北 市長 侯友宜 今 受訪 表示 新北 市 這 一路 走來 每 項 防疫 措施 都 有 順序 有步驟 有 組織 慢慢 執行 也 會 滾 動式 修正</t>
    <phoneticPr fontId="1" type="noConversion"/>
  </si>
  <si>
    <t>中央 1 日 開放 長 照 機構 探視 新北 市府 不 跟進 今 自行 發佈 長 照 機構 探視 規定 被 外界 質疑 逆 時 中 對此 新北 市長 侯友宜 今 受訪 表示 新北 市 這 一路 走來 每 項 防疫 措施 都 有 順序 有步驟 有 組織 慢慢 執行 也 會 滾 動式 修正 不管 外界 怎麼 看 守護 402萬 市民 健康 是 我 第 一個 也 是 最高 原則 侯友宜 表示 長 照 機構 屬於 最 高風險 族群 群 聚 之處 應 採取 更 嚴格 的 管控 措施 中央 1 日 宣佈 開放 探親 新北 市 和 所有 長 照 機構 討論 後 認為 這樣 一個 標準 不夠 嚴格 經 多次 權衡 以 防疫 優先 專業 評估 為 前提 下 針對 長 照 機構 做 了 限 人 限 時 限 地 甚至 包括 限 年齡 的 規範 並 呼籲 民眾 非必要 的 探視 就 不 需要 去 探視 侯友宜 指出 新北 市 會 隨時 抽查 嚴格 把關 不論 探視 民眾 長者 慢性病 者 弱勢 族群 都能 在 最 嚴格 最 安全 的 把關 下 得到 妥善 保護 侯友宜 說 至於 這樣 一個 防疫 策略 適當 與否 新北 市 有 新北 市 的 步驟 防疫 只有 過 而 無 不及 新北 市 一定 要 做 好 萬 全 的 準備 不管 外界 怎麼 看 他 一定 守 著 402萬 市民 的 健康 為 第 一個 最高 的 原則</t>
    <phoneticPr fontId="1" type="noConversion"/>
  </si>
  <si>
    <t>新北 市 長 照 機構 侯友宜 防疫 逆 時 中</t>
    <phoneticPr fontId="1" type="noConversion"/>
  </si>
  <si>
    <t>配戴 口罩 人潮 連 假 擁擠 民眾</t>
    <phoneticPr fontId="1" type="noConversion"/>
  </si>
  <si>
    <t>cba 漲 7 倍 林書豪 投 進 三分球 捐 8 8萬</t>
    <phoneticPr fontId="1" type="noConversion"/>
  </si>
  <si>
    <t>季後 賽 投 進 三分球 林書豪 cba</t>
    <phoneticPr fontId="1" type="noConversion"/>
  </si>
  <si>
    <t>mlb 保險 公司 拒 賠 疫情 損失 大 聯盟 告 上 法庭</t>
    <phoneticPr fontId="1" type="noConversion"/>
  </si>
  <si>
    <t>719 沒 勾 az 超 後悔 她 一 招 讓 全家一 天內 打到 疫苗</t>
    <phoneticPr fontId="1" type="noConversion"/>
  </si>
  <si>
    <t>az 接種 殘 劑 bnt 打完</t>
    <phoneticPr fontId="1" type="noConversion"/>
  </si>
  <si>
    <t>政大 風險管理 與 保險學 系 教授 林建 智 受災戶 it 小 白 特別 需 公平 待客</t>
    <phoneticPr fontId="1" type="noConversion"/>
  </si>
  <si>
    <t>肺炎 建 智 弱勢 財務 族群</t>
    <phoneticPr fontId="1" type="noConversion"/>
  </si>
  <si>
    <t>防疫 滿意度 侯友宜 6 都居冠</t>
    <phoneticPr fontId="1" type="noConversion"/>
  </si>
  <si>
    <t>滿意 滿意度 肺炎 六都 侯友宜</t>
    <phoneticPr fontId="1" type="noConversion"/>
  </si>
  <si>
    <t>雲林 確診 1 北 港 爆 外籍 看護 陪 病 采 陽 足跡 曝光</t>
    <phoneticPr fontId="1" type="noConversion"/>
  </si>
  <si>
    <t>苗栗 科技 廠群 聚 再 增 43 例 確診 京元電 2 篩 30 人 由 陰轉陽</t>
    <phoneticPr fontId="1" type="noConversion"/>
  </si>
  <si>
    <t>快 篩 縣府 全數 全廠 陰性</t>
    <phoneticPr fontId="1" type="noConversion"/>
  </si>
  <si>
    <t>老鼠 是 感染 兇手 衛長 先 調查 人</t>
    <phoneticPr fontId="1" type="noConversion"/>
  </si>
  <si>
    <t>強化 邊境 防疫 旅遊 警示 激增 26 處</t>
    <phoneticPr fontId="1" type="noConversion"/>
  </si>
  <si>
    <t>美國 肺炎 補償 警示 疫情</t>
    <phoneticPr fontId="1" type="noConversion"/>
  </si>
  <si>
    <t>勞動部 安心 即時 上工 計 畫 兼課 師 看 得 到 吃 不到 綠 委 政府 應 儘快 協助</t>
    <phoneticPr fontId="1" type="noConversion"/>
  </si>
  <si>
    <t>第 11 輪 疫苗 采 分流 預約 系統 增 1 功能 盼 網站 不再 卡卡</t>
    <phoneticPr fontId="1" type="noConversion"/>
  </si>
  <si>
    <t>關貿 網路 今日 表示 第 11 期 預約 接種 將 於雙十 連 假 陸續 開放 本期 預約 將 提供 bnt 疫苗 第一 劑 和 az 疫苗 第二 劑 接種 分別 10 月 11 日 12 日 啟動 預約 采 分流 方式 進行 第 11 期 除了 分 梯 啟動 還 開放 提前 查詢 預約 資格 功能 以 第 10</t>
    <phoneticPr fontId="1" type="noConversion"/>
  </si>
  <si>
    <t>美 再 捐 150萬 劑 莫德納明 抵 台 府 印證 美 支持 臺灣 堅 若 磐石</t>
    <phoneticPr fontId="1" type="noConversion"/>
  </si>
  <si>
    <t>第 三 劑 疫苗 保護 力增 4 倍 網 歎 臺灣人 連 首 劑 在 哪 都 不知</t>
    <phoneticPr fontId="1" type="noConversion"/>
  </si>
  <si>
    <t>台東 縣長 率 百 人 肩 並肩 吃飯 聊天 餐飲業 怒 隔板 用 心酸 的</t>
    <phoneticPr fontId="1" type="noConversion"/>
  </si>
  <si>
    <t>台東 南回 藝術季 饒 慶鈴 餐 敘 隔板</t>
    <phoneticPr fontId="1" type="noConversion"/>
  </si>
  <si>
    <t>2 天 大 爆發 24 例 確診 海軍 副 司令 鞠躬 道歉</t>
    <phoneticPr fontId="1" type="noConversion"/>
  </si>
  <si>
    <t>海軍 梅家樹 人員 參與 家屬</t>
    <phoneticPr fontId="1" type="noConversion"/>
  </si>
  <si>
    <t>美女 醫 搭 捷 運 看不下去 勸 不要 一直 交談 短褲 女 反 嗆 4 字 超 傻眼</t>
    <phoneticPr fontId="1" type="noConversion"/>
  </si>
  <si>
    <t>美女 眼科 醫師 黃宥嘉 是 談話 性 節目 常客 個性 仗義執言 有話直說 然而 疫情 當頭 她 日前 搭 捷 運 就 因 見到 2 位 乘客 不斷 交談 忍不住 開口 勸說 捷 運 車廂 內 不 要 一直 交談 疫情 嚴重 請 共同 協助 抗 疫 想不到 其中 一 位 短褲</t>
    <phoneticPr fontId="1" type="noConversion"/>
  </si>
  <si>
    <t>疫情 嚴峻 引發 全球 瘋 買 衛生紙 專家 曝 人類 尋求 安心 的 本能</t>
    <phoneticPr fontId="1" type="noConversion"/>
  </si>
  <si>
    <t>海軍 官兵 被 爆 未戴 口罩 拉 正 妹 狂 嗨 國防部 改口 了</t>
    <phoneticPr fontId="1" type="noConversion"/>
  </si>
  <si>
    <t>期待 疫情 結束 男 星 竟 呼籲 正 妹 投入 風俗 店 引發 輿論 抨擊</t>
    <phoneticPr fontId="1" type="noConversion"/>
  </si>
  <si>
    <t>az 疫苗 最新 試驗報告 資料 說話 專家 解讀</t>
    <phoneticPr fontId="1" type="noConversion"/>
  </si>
  <si>
    <t>新北 環狀 線板 新 站 招商 啟動</t>
    <phoneticPr fontId="1" type="noConversion"/>
  </si>
  <si>
    <t>新北 環狀 線板 新 站 坐落 板橋 區 精華 地段 與 板橋 站 只 有 一 站 之 隔 新北 市 捷運局 24 日 舉辦 新北 環狀 線板 新 站 土地 開發 案 線 上 招商 說明會 介紹 基地 面積 與 招商 條件 預計 9 月 公告 徵求 投資人 將 興建 地上 29 層 地下 6 層 面積</t>
    <phoneticPr fontId="1" type="noConversion"/>
  </si>
  <si>
    <t>投資人 新北 環 捷 運 新北 市 捷運局 興建</t>
    <phoneticPr fontId="1" type="noConversion"/>
  </si>
  <si>
    <t>百貨 業 超 慘 班 被 砍光 怎麼 活 網 歎 這 題 無 解</t>
    <phoneticPr fontId="1" type="noConversion"/>
  </si>
  <si>
    <t>臺灣 三級 警戒 延長 至 6 月 14 日 已 有 許多 行業 快撐 不 下去 了 尤其 服務業 零售業 最慘 如 百貨公司 就 受到 嚴重 衝擊 不開 門 也 不是 只好 縮短 營業時間 開了門 也 沒 客人 白白 支出 水電 費用 一 名 網友 在 ptt 發文 表示 現在 全國</t>
    <phoneticPr fontId="1" type="noConversion"/>
  </si>
  <si>
    <t>臺灣 三級 警戒 延長 至 6 月 14 日 已 有 許多 行業 快撐 不 下去 了 尤其 服務業 零售業 最慘 如 百貨公司 就 受到 嚴重 衝擊 不開 門 也 不是 只好 縮短 營業時間 開了門 也 沒 客人 白白 支出 水電 費用 一 名 網友 在 ptt 發文 表示 現在 全國 餐廳 幾乎 只 做 外帶 外 送 原本 百貨公司 裡 的 美食街 還 能 內 用 現在 都 不行 了 他 說 友人 在 購物 中心 上班 班 幾乎 被 砍光 或是 把 年假 拿 來 休 就算 真的 上班 逛 街 的 人 比 櫃 姐 還 少 一 天 下來 零 業績 這些 產業 要 怎麼 活 下去 網友 無奈 回應 真的 沒 辦法 這時候 命 比較 重要 做 一 天 算一天 沒 失業 就 偷 笑 了 各行各業 都 在 忍耐 看 能 不能 想想 其他 辦法 減少 虧損 百貨 業 只能 期待 報復 性 消費 的 那天 這 題 無 解 只能 等 疫情 儘快 結束 少數 網友 建議 還是 有 別的 出路 例如 餐廳 轉型 做 便當 拼 外 送 業績 百貨公司 可以 沖 超市 營業額 現在 賣 場 都 缺貨 發展電 商 送貨到 府 總能 維持 一些 營 收 吧</t>
    <phoneticPr fontId="1" type="noConversion"/>
  </si>
  <si>
    <t>推 細胞 療法 抗 疫 趨勢科技 攜 中國 附 醫</t>
    <phoneticPr fontId="1" type="noConversion"/>
  </si>
  <si>
    <t>中國 附 醫 肺炎 臍帶 趨勢科技 重症 患</t>
    <phoneticPr fontId="1" type="noConversion"/>
  </si>
  <si>
    <t>女 教授 視 訊 課程 中 倒地 學生 眼睜睜 看 她 吐 完 2 字 斷氣</t>
    <phoneticPr fontId="1" type="noConversion"/>
  </si>
  <si>
    <t>印尼 學生 標準 傳出 確診 案例</t>
    <phoneticPr fontId="1" type="noConversion"/>
  </si>
  <si>
    <t>美公佈上萬突破性感染病例 2類人重症風險最大</t>
    <phoneticPr fontId="1" type="noConversion"/>
  </si>
  <si>
    <t>美 公佈 上萬 突破性 感染 病例 2 類人 重症 風險 最 大</t>
    <phoneticPr fontId="1" type="noConversion"/>
  </si>
  <si>
    <t>新 報 東京 破 紀錄 紀錄 地區</t>
    <phoneticPr fontId="1" type="noConversion"/>
  </si>
  <si>
    <t>英國 變種 病毒 入侵 第 2 例 20 多 歲 台男 返國 確診</t>
    <phoneticPr fontId="1" type="noConversion"/>
  </si>
  <si>
    <t>5 g 版 iphone 12 來勢洶洶</t>
    <phoneticPr fontId="1" type="noConversion"/>
  </si>
  <si>
    <t>蘋果 pro 疫苗 iphone 金價</t>
    <phoneticPr fontId="1" type="noConversion"/>
  </si>
  <si>
    <t>疫情 擴大 床 不夠 怎 辦 陳時中 擬 讓 一 采 陰 者 居家 隔離</t>
    <phoneticPr fontId="1" type="noConversion"/>
  </si>
  <si>
    <t>養生 生活 陳時中 量 能 親臨</t>
    <phoneticPr fontId="1" type="noConversion"/>
  </si>
  <si>
    <t>防疫 護目鏡 有 必要 網 列 必 買 2 理由 這行 為 最 危險</t>
    <phoneticPr fontId="1" type="noConversion"/>
  </si>
  <si>
    <t>金管會 國銀 分行 獲利 衰退</t>
    <phoneticPr fontId="1" type="noConversion"/>
  </si>
  <si>
    <t>經濟部 1 員工 確診 5 人 遭 隔離 啟動 分區 辦公</t>
    <phoneticPr fontId="1" type="noConversion"/>
  </si>
  <si>
    <t>首 批 28萬 人 準備 混打 明天 上午 10 點 開放 預約</t>
    <phoneticPr fontId="1" type="noConversion"/>
  </si>
  <si>
    <t>混打 預約 莫德納 bnt 接種</t>
    <phoneticPr fontId="1" type="noConversion"/>
  </si>
  <si>
    <t>紐西蘭 航空 暫停 30 日 航線 6 月</t>
    <phoneticPr fontId="1" type="noConversion"/>
  </si>
  <si>
    <t>omicron 為何 恐 更易 傳染 毒性 更弱 可能 原因 曝光</t>
    <phoneticPr fontId="1" type="noConversion"/>
  </si>
  <si>
    <t>高雄 地方 直言 這次 走 定 了 網友 預言 陳政聞 下場</t>
    <phoneticPr fontId="1" type="noConversion"/>
  </si>
  <si>
    <t>行政院南部聯合服務中心 執行長 陳 政 聞 遭 爆 捲入 牡丹 灣 villa 群 聚 事件 消息 一 出 後 政壇 炒 得 沸沸揚揚 高雄 地方 更 直言 陳政聞 這次 走 定 了 烏紗帽 恐 不 保 不過 許多 網友 可不 這樣 認為 直言 3 11 這 把 火 都 沒 事 了</t>
    <phoneticPr fontId="1" type="noConversion"/>
  </si>
  <si>
    <t>陳政聞 高雄 網友 墾 丁 蘇貞昌</t>
    <phoneticPr fontId="1" type="noConversion"/>
  </si>
  <si>
    <t>首 起 英國 變種 病毒 死亡 案例 70 多 歲 英 男 接 葉克 膜 仍 不治</t>
    <phoneticPr fontId="1" type="noConversion"/>
  </si>
  <si>
    <t>防疫 與 治安 並重 太平 警方 異地 辦公 準備 好 了</t>
    <phoneticPr fontId="1" type="noConversion"/>
  </si>
  <si>
    <t>美國紐約 疫情 嚴峻 至少 211 名 員警 確診 單日 竟 有 2774 名 員警 請 病假 為 免 國內 疫情 波及 人民 保姆 進而 影響 治安工作 太平 警 分局 26 日 實施 異地 辦公 機制 演練 由 內勤 及 各 外勤 派出所 隊 人員 調度 二分 之一 警力 分別 部署 於 第</t>
    <phoneticPr fontId="1" type="noConversion"/>
  </si>
  <si>
    <t>明年 第 三 劑 怎麼 打 李 秉 穎 高端 手臂 可 混打 進口 疫苗</t>
    <phoneticPr fontId="1" type="noConversion"/>
  </si>
  <si>
    <t>第 三 劑 李秉 穎 疫苗 接種 混打</t>
    <phoneticPr fontId="1" type="noConversion"/>
  </si>
  <si>
    <t>隱瞞 泰日 旅遊 史中 鏢 他 害 公司 關閉 恐 賠 天價</t>
    <phoneticPr fontId="1" type="noConversion"/>
  </si>
  <si>
    <t>隱瞞 案 54 確診 契約 求償</t>
    <phoneticPr fontId="1" type="noConversion"/>
  </si>
  <si>
    <t>garmin 林 口 廠 員工 確診 532 人 采 陰</t>
    <phoneticPr fontId="1" type="noConversion"/>
  </si>
  <si>
    <t>林口廠 采 檢 員工 新北市衛生局 桃園</t>
    <phoneticPr fontId="1" type="noConversion"/>
  </si>
  <si>
    <t>新竹 供 5 停 2 水 公司 指 未 模擬 石門水庫 停 供 新竹</t>
    <phoneticPr fontId="1" type="noConversion"/>
  </si>
  <si>
    <t>桃竹 苗 水庫 都在比 慘 石門水庫 水情 是 狀況 不好 寶 山和 寶 二 水庫 是 告急 永 和 山水 庫 很 緊急 新竹 地區 可能 在 6 月 1 日 亮紅燈 供 5 停 2 水 公司 指出 石門水庫 每天 還 是 會 支援 22萬 噸 水 給 新竹 在 甲 區 停水 時 調配 供給 乙</t>
    <phoneticPr fontId="1" type="noConversion"/>
  </si>
  <si>
    <t>傳 台南 沒 疫苗 將 停 打 黃偉哲 斥 假消息 預約 成功 一定 打得 到</t>
    <phoneticPr fontId="1" type="noConversion"/>
  </si>
  <si>
    <t>針對 有 媒體 直指 台 南市 疫苗 不足 8 月 2 日後 將 不 提供 疫苗 接種 服務 台南 市長 黃偉哲 斥 假消息 這 是 未經 查證 的 不實 消息 只要 於 公費 疫苗 預約 平臺 預約 成功 的 市民 就 一定 打得 到 疫苗 衛生局長 許以霖 也 強調 依據 公費 疫</t>
    <phoneticPr fontId="1" type="noConversion"/>
  </si>
  <si>
    <t>針對 有 媒體 直指 台 南市 疫苗 不足 8 月 2 日後 將 不 提供 疫苗 接種 服務 台南 市長 黃偉哲 斥 假消息 這 是 未經 查證 的 不實 消息 只要 於 公費 疫苗 預約 平臺 預約 成功 的 市民 就 一定 打得 到 疫苗 衛生局長 許以霖 也 強調 依據 公費 疫苗 預約 統計 從 8 月 2 日 至 5 日 將 有 3萬9761 位 民眾 將 接種 疫苗 絕 無 停止 接種 服務 的 情況 台南 市 今天 因 宣佈 停 班 停課 疫苗 接種 服務 也 暫停 1 天 但 卻 有 媒體 指 8 月 2 日 台 南市 因 疫苗 不足 將 不再 提供 疫苗 接種 服務 許以霖 說 這不 知道 是 哪 來 的 消息 完全 是 不實 消息 黃偉哲 今天 在 防疫 記者會 上 針對 傳聞 指 台南 沒有 疫苗 這 是 假消息 他 也 說 未經 查證 就 散佈 不實 消息 必須 要 負起 責任 甚至 是 刑責 許以霖 表示 目前 所有人 打 第二 劑 都 要 上 1922 進行 意願 登記 已 打 第一 劑 的 可以 在 下 一 輪 開放 意願 登記 時 登記 第二 劑 同時 因為 國內 沒有 開放 混打 第二 劑 也 必須 選擇 與 第一 劑 相同 的 廠 牌 系統 並 會 提醒 最 早 可以 注射 第二 劑 的 時間 衛生局 表示 台 南市 1 日 暫停 疫苗 接種 服務 原訂 今天 要 接種 者 請於 8 月 8 日 依照 原 預約 時段 至 原地 點 接種 無須 重新 預約 若 8 月 8 日 無法 前往 請 與 原 預約 的 醫療 院所 聯繫 登記 接種</t>
    <phoneticPr fontId="1" type="noConversion"/>
  </si>
  <si>
    <t>假消息 疫苗 台南 接種 第二 劑</t>
    <phoneticPr fontId="1" type="noConversion"/>
  </si>
  <si>
    <t>美國 肺炎 病毒 採取 概念</t>
    <phoneticPr fontId="1" type="noConversion"/>
  </si>
  <si>
    <t>新聞 透視 制裁 兩面 刃 須 嚴防 骨牌效應</t>
    <phoneticPr fontId="1" type="noConversion"/>
  </si>
  <si>
    <t>菲律賓 針對 臺灣 加碼 的 旅遊 禁令 會 否 解除 14 日 就要 攤牌 不管 結果 如何 政府 應該 要 有 心理準備 菲律賓 可能 不 會 是 最後 一個 針對 臺灣 祭出 旅遊 限制 的 國家 往後 若 再 出現 類 次 案例 我們 該 怎麼 回 應 義 大利 以及 菲律賓 都 聲稱</t>
    <phoneticPr fontId="1" type="noConversion"/>
  </si>
  <si>
    <t>面試 6 次 都 失敗 新鮮 人 聽 面試 官 1 句 話 秒 心寒</t>
    <phoneticPr fontId="1" type="noConversion"/>
  </si>
  <si>
    <t>這 兩 年 的 應屆 畢業生 都 遭逢 疫情 導致 找 工作 不容易 近期 國內 疫情 趨 緩 全台 降為 二級 警戒 不少 公司 也 開始 征 才 一 名 剛 從 大學 畢業 的 女網友 發文 分享 她 面試 了 六 家 公司 都 沒 被 錄取 幾乎 所有 的 面試 官 都跟 她 說 不要緊 張</t>
    <phoneticPr fontId="1" type="noConversion"/>
  </si>
  <si>
    <t>這 兩 年 的 應屆 畢業生 都 遭逢 疫情 導致 找 工作 不容易 近期 國內 疫情 趨 緩 全台 降為 二級 警戒 不少 公司 也 開始 征 才 一 名 剛 從 大學 畢業 的 女網友 發文 分享 她 面試 了 六 家 公司 都 沒 被 錄取 幾乎 所有 的 面試 官 都跟 她 說 不要 緊張 而 她 每次 聽到 這 句 話 大概 就 知道 自己 有 一半 的 機 率 不 會 被 錄取 引發 網友 討論 一 名 女網友 日前 在 dcard 上 發文 分享 她 是 應屆 畢業生 至今 已 面試 了 六 家 公司 但 卻 都 沒有 接 獲 錄取 通知 原 po 認為 自己 被 刷掉 的 原因 應是 太緊張 因為 好幾 個 面試 官 都 告訴 她 不 要 緊張 放 輕鬆 而 她 每次 聽到 這 句 話 就 知道 自己 大概 有 一半 的 機 率 不會 通過 這 場 面試 女網友 無奈 地 說 她 還有 一 間 公司 要 去 面試 不 知道 該不該 抱 著 應該 不 會 上 的 心態 去 面試 因為 這樣 也許 就 不 會 太緊張 畢竟 前面 幾 個 面試 經驗 搞砸 的 主因 都 是 太緊張 而 無法 好好 發揮 不少 網友 看 了 安慰 原 po 說 前面 幾 家 公司 的 面試 就 當作 練習 抱 持 著 不 會 上 的 心態 面試 就 不 會 這麼 緊張 了 當年 我 也 是 一直 被 面試 官 說 不要 緊張 面試 了 一 年 多才 成功 找到 工作 剛 開始 也 跟 你 一樣 會 很 緊張 但 面試 了 20 多 家 公司 後 現在 面試 都 滿順利 的 也 很 平常心 只能 說 一切 都靠 練習 抱 著 反正 也 不 會 上 的 心情 結果 發揮 特別 好 真的 值得 一 試 另 也 有 網友 指出 面試 了 六 家 公司 卻 都 被 刷掉 的 原因 除了 面試 過程 太緊張 可能 讓 主管 感覺 沒 用心 準備 不夠 自信 之外 也 有 可能 是 學歷 和 人格特質 不符 投 履歷 之前 可以 更 仔細 檢 視 工作 的 要求 藉 此 提升 自己 錄取 的 機會</t>
    <phoneticPr fontId="1" type="noConversion"/>
  </si>
  <si>
    <t>北市 疫情 控制 住 柯 p 陷入 膠 著 狀態 還 在 危險 邊緣</t>
    <phoneticPr fontId="1" type="noConversion"/>
  </si>
  <si>
    <t>三級 警戒 6 29 就 解除 網 一面倒 喊 5 字</t>
    <phoneticPr fontId="1" type="noConversion"/>
  </si>
  <si>
    <t>三級 警戒 實施 逾 1 個 月 今天下午 將 宣佈 是否 解除 或 延長 引發 網友 熱 議 多數 人 認為 以 臺北市 的 疫情 狀況 解除 的 機 率 不 高 但 也 有人 期待 能 快 解除 恢復 過去 的 生活 並 喊話 要 去 餐廳 吃飯 去 中南部 旅遊 讓 許多 網友 看 了 擔</t>
    <phoneticPr fontId="1" type="noConversion"/>
  </si>
  <si>
    <t>經濟部 口罩 徵用 禁 出口 延長 到 4 月</t>
    <phoneticPr fontId="1" type="noConversion"/>
  </si>
  <si>
    <t>又 添 36 死 本土 增 343 例 苗栗 僅次於 新北 淪 重災區</t>
    <phoneticPr fontId="1" type="noConversion"/>
  </si>
  <si>
    <t>清查 20萬 人 北京 進入 戰時 狀態</t>
    <phoneticPr fontId="1" type="noConversion"/>
  </si>
  <si>
    <t>批發 人員 新發 地 北京 社區</t>
    <phoneticPr fontId="1" type="noConversion"/>
  </si>
  <si>
    <t>陳時中 哭 了 他 痛 揭 2 大 萬惡 源頭 全體 國人 更 想 哭</t>
    <phoneticPr fontId="1" type="noConversion"/>
  </si>
  <si>
    <t>疫情 打亂 金門 馬拉松 縣府 推 2021 回 饋 方案</t>
    <phoneticPr fontId="1" type="noConversion"/>
  </si>
  <si>
    <t>新北 確診 者 喉嚨 痛 曾 南下 美濃 婆家 5 日 匡 列 32 人</t>
    <phoneticPr fontId="1" type="noConversion"/>
  </si>
  <si>
    <t>天天 三 重 板橋 來回 他 pcr 采 檢 3 天 等 嘸 通知 看 app 驚 覺 確診</t>
    <phoneticPr fontId="1" type="noConversion"/>
  </si>
  <si>
    <t>中 台 韓 印 股 法人 欽 點</t>
    <phoneticPr fontId="1" type="noConversion"/>
  </si>
  <si>
    <t>部 份 大陸 表現 國家 疫情</t>
    <phoneticPr fontId="1" type="noConversion"/>
  </si>
  <si>
    <t>入院 51 天 韓國 確診 第 31 例 仍 接受 治療</t>
    <phoneticPr fontId="1" type="noConversion"/>
  </si>
  <si>
    <t>新 天地 韓國 治療 入院 大 邱</t>
    <phoneticPr fontId="1" type="noConversion"/>
  </si>
  <si>
    <t>京元電 移 工 群 聚 感染 新增 32 例 還有 2000 人 待 篩</t>
    <phoneticPr fontId="1" type="noConversion"/>
  </si>
  <si>
    <t>知名 封 測 廠京 元 電子 竹南 廠 爆發 菲 籍移工 群 聚 感染 3 日 公佈 新增 確診 者 再 增 32 名 京 元 電 員工 業者 從 6 月 2 日 下午 就 開始 采 檢 核酸 檢測 pcr 及 快 篩 截至 今 3 日 上午 止 已經 采 檢 快 篩 368 人 其中 陽性 8 人 pcr 檢測 195 人 3 日 下 午後</t>
    <phoneticPr fontId="1" type="noConversion"/>
  </si>
  <si>
    <t>pcr 京元電 采 檢 移 工 群 聚 竹南 廠</t>
    <phoneticPr fontId="1" type="noConversion"/>
  </si>
  <si>
    <t>力推 刺激 政策 股市 投資 亮綠 燈</t>
    <phoneticPr fontId="1" type="noConversion"/>
  </si>
  <si>
    <t>萎縮 肺炎 表現 印度 全球 經濟</t>
    <phoneticPr fontId="1" type="noConversion"/>
  </si>
  <si>
    <t>西安 首批 529 所 學校 將 開學</t>
    <phoneticPr fontId="1" type="noConversion"/>
  </si>
  <si>
    <t>西安市教育局 表示 按照 陝西省教育廳 2020 年 春季 學期 開學 工作 安排 3 月 30 日 西安市 高三 年級 開學 4 月 7 日 初三 和 中職 學校 畢業班 開學 以上 為 西安市 首批 開 學學 段 西安市 將 採取 多 項 措施 積極 做好 開學 準備 工作 西安市</t>
    <phoneticPr fontId="1" type="noConversion"/>
  </si>
  <si>
    <t>7 7 同 住 家 人 管控難 侯友宜 產生 破 口 是 全民 承擔</t>
    <phoneticPr fontId="1" type="noConversion"/>
  </si>
  <si>
    <t>因應 春節 大量 人潮 返台 7 7 方案 中 同 住 家 人 有 不能 搭乘 大眾 運輸 等 嚴格 規定 新北 市長 侯友宜 17 日 防疫 會議 中 指出 掌握 同 住 家人 第一線 執行 面 非常 困難 政策 一而再 再而三 但 調整 要 有 完好 配套措施 如果 執行 無法 做到</t>
    <phoneticPr fontId="1" type="noConversion"/>
  </si>
  <si>
    <t>因應 春節 大量 人潮 返台 7 7 方案 中 同 住 家 人 有 不能 搭乘 大眾 運輸 等 嚴格 規定 新北 市長 侯友宜 17 日 防疫 會議 中 指出 掌握 同 住 家人 第一線 執行 面 非常 困難 政策 一而再 再而三 但 調整 要 有 完好 配套措施 如果 執行 無法 做到 又 造成 家人 困擾 後續 衍生 的 破 口 將 會 是 全民 承擔 建議 中央 聽聽 地方 聲音 聽 進去 就 要 調整 不要 跟 執行 落差 太 大 侯友宜 說 從 14 天 10 4 到 7 7 方案 如果 都住 在 防疫 旅館 當然 都 沒有 問題 但 後面 7 天 的 加強版 自主 健康 管理 同 住 家 人 要 有 完整 疫苗 接種 還要 加強 健康 管理 如何 落實 執行 面 非常 困難 挑戰 很 高 他 要求 衛生局 在 每次 與 中央 的 專案 會議 要 不斷 向 中央 反應 春節 期間 一家 人 不 共 食 有 沒有 困難 要 好好 思考 侯友宜 說 全球 疫情 持續 嚴峻 德國 荷蘭 都 有 緩步 上升 趨勢 荷蘭 也 重新 執行 部分 區域 封鎖 新北 已經 長達 20 幾天 沒有 新 案 是 不可能 的 任務 阻絕 於 境外 仍然 是 最 重要 的 工作 若 稍有不慎 一定 會 有 破 口 可能 在 春節 期間 造成 臺灣 境內 再度 傳播 不可能 像 現在 這麼 安全 都 盼 中央 審慎 評估</t>
    <phoneticPr fontId="1" type="noConversion"/>
  </si>
  <si>
    <t>台中 今 增 1 本土 1 境外 新 社 48 歲 男子 排除 確診</t>
    <phoneticPr fontId="1" type="noConversion"/>
  </si>
  <si>
    <t>民眾 接種 國藥 與 科興 未來 返台 將 可 注 記 在 黃卡 衛生 福利 部長 陳時中 今天 接受 訪問 時 表示 這 是 針對 事實 認定 有 接種 過 這 兩 支 疫苗 但 是否 承認 要 另 案 研究 立 法院 院會 今天 邀請 蘇貞昌 行政院 主 計總 處 主 計 長 朱 澤民 財政部</t>
    <phoneticPr fontId="1" type="noConversion"/>
  </si>
  <si>
    <t>民眾 接種 國藥 與 科興 未來 返台 將 可 注 記 在 黃卡 衛生 福利 部長 陳時中 今天 接受 訪問 時 表示 這 是 針對 事實 認定 有 接種 過 這 兩 支 疫苗 但 是否 承認 要 另 案 研究 立 法院 院會 今天 邀請 蘇貞昌 行政院 主 計總 處 主 計 長 朱 澤民 財政部長 蘇建榮 列席 報告 111 年度 中央政府 總 預算案 編制 經過 並 備 質詢 陳時中 在 會前 接受 媒體 訪問 談論 疫苗 問題 媒體 詢問 目前 黃卡 可 以 注 記 國藥 跟 科興 是否 代表 認可 這 兩 支 疫苗 陳時中 回 覆 指出 這 是 針對 事實 認定 有 接種 過 這 兩 支 疫苗 但 是否 承認 要 另 案 研究 媒體 追問 未來 若 有 疫苗 護照 民眾 接種 國藥 跟 科興 是否 能 使用 陳時中 說 整體 運用 仍要 討論 臺北市 長 柯文哲 昨天 說 打 高端但 想 出 國 的 人 除 依照 每個 國家 規定 外 其他 辦法 去 問 陳時中 陳時中 今天 被 問到 此事 時說 臺灣 跟 美國 要 持續 溝通 目前 都還沒 完全 定案 至於 僑胞 如果 已 接種 兩劑 疫苗 春節 回 臺灣 時 是否 比照 機組員 5 9 的 檢疫 方式 陳時中 指出 從 國外 回 臺灣 的 民眾 要 考慮 自己 的 抵抗力 以及 施打 疫苗 情況 社區 防疫 能力 機組員 的 檢疫 是 因應 國家 經濟 需要 人數 相對 少且 範圍 可 控 兩者 思考 點 不 一樣 編輯 郭無 患 1101019</t>
    <phoneticPr fontId="1" type="noConversion"/>
  </si>
  <si>
    <t>陳時中 國藥 科興 疫苗 黃卡 注 記</t>
    <phoneticPr fontId="1" type="noConversion"/>
  </si>
  <si>
    <t>臺灣 確診 死亡率 狂 飆 教授 揭 原因 根本 不能 比</t>
    <phoneticPr fontId="1" type="noConversion"/>
  </si>
  <si>
    <t>台中 市 西屯區 因 轄區 內 有 豪 宅 林立 的 七 期 重畫 區 三月 時 很多 居民 從 國外 返台 在家 進行 十四 天 居家 檢疫 居家 檢疫 人數 居 全市 之 冠 近來 返台 人數 下降 區公所 不敢 鬆懈 區長 陳 寶雲 與 區公所 團隊 裡 辦處 宣 導 防疫 提醒 居家 檢</t>
    <phoneticPr fontId="1" type="noConversion"/>
  </si>
  <si>
    <t>美 吾 華 懷特 安克生 技 集團 報佳音</t>
    <phoneticPr fontId="1" type="noConversion"/>
  </si>
  <si>
    <t>多 家 大型 健檢 醫院 納入 fda</t>
    <phoneticPr fontId="1" type="noConversion"/>
  </si>
  <si>
    <t>apec 籲 共同 防疫 外交部 將 加強 與 各 經濟體 合作</t>
    <phoneticPr fontId="1" type="noConversion"/>
  </si>
  <si>
    <t>亞 太 經合 會 apec 會員國 聲明 亞太 社 群</t>
    <phoneticPr fontId="1" type="noConversion"/>
  </si>
  <si>
    <t>空手 道 帥 哥 運動員 也 驚 傳 確診 2 月 曾 到 巴黎 奧地利</t>
    <phoneticPr fontId="1" type="noConversion"/>
  </si>
  <si>
    <t>運動員 確診 參加 帥哥 空手 道</t>
    <phoneticPr fontId="1" type="noConversion"/>
  </si>
  <si>
    <t>南 市府 超前 部署 演練 遺體 處理</t>
    <phoneticPr fontId="1" type="noConversion"/>
  </si>
  <si>
    <t>遺體 處理 屍 袋 台南 市政府 肺炎 火化</t>
    <phoneticPr fontId="1" type="noConversion"/>
  </si>
  <si>
    <t>13億 人 只 有 3 確診 印度 驚人 數字 就 靠 這 一 招</t>
    <phoneticPr fontId="1" type="noConversion"/>
  </si>
  <si>
    <t>臺灣人 沒 病 死 也 快 餓 死 藥師 曝 背後 關鍵 網 狂 贊 一針見血</t>
    <phoneticPr fontId="1" type="noConversion"/>
  </si>
  <si>
    <t>本土 疫情 失控 死亡 人 已 超越 sars 時期 紀錄 藥師 林士峰 表示 在 此時 談 經濟 是 大 逆風 的 話題 但 他 親自 走訪 發現 連 知名 大 賣 場 人潮 也 僅剩 過去 三 分之一 想起 臺北市 市長 柯文哲 所說 再 拿 不 到 疫苗 讓 群體 免疫 沒有 病 死</t>
    <phoneticPr fontId="1" type="noConversion"/>
  </si>
  <si>
    <t>英 股 一瀉千里 今 恐 寫 下 33 年 來 最 黑暗 一 日</t>
    <phoneticPr fontId="1" type="noConversion"/>
  </si>
  <si>
    <t>紓困 效能 新竹 市 最佳 有 土 沒有 財 仍 可 紓困</t>
    <phoneticPr fontId="1" type="noConversion"/>
  </si>
  <si>
    <t>紓困 陳時中 六都 有 土地 新竹 市</t>
    <phoneticPr fontId="1" type="noConversion"/>
  </si>
  <si>
    <t>德 推 5千億 歐元 紓困 企業</t>
    <phoneticPr fontId="1" type="noConversion"/>
  </si>
  <si>
    <t>企業 肺炎 億 歐 紓困 擔保</t>
    <phoneticPr fontId="1" type="noConversion"/>
  </si>
  <si>
    <t>蘇貞昌 說 的 第二 季 2000萬 劑 疫苗 在 哪 前 立 委 民進 党 呼 攏 人民</t>
    <phoneticPr fontId="1" type="noConversion"/>
  </si>
  <si>
    <t>黃立民 前線 肺炎 澳洲 一線</t>
    <phoneticPr fontId="1" type="noConversion"/>
  </si>
  <si>
    <t>臺灣 防疫 爆 大 漏洞 趙 少康 曝 基層 醫 心聲</t>
    <phoneticPr fontId="1" type="noConversion"/>
  </si>
  <si>
    <t>因 澳洲 音樂家 延後 班機 歌仔戲 國寶 廖 瓊枝 明 抵 台</t>
    <phoneticPr fontId="1" type="noConversion"/>
  </si>
  <si>
    <t>台 防疫 恐 現 漏洞 網點 名 這裡 很 危險</t>
    <phoneticPr fontId="1" type="noConversion"/>
  </si>
  <si>
    <t>長 聖 新藥 授權 q 1 有望 敲定</t>
    <phoneticPr fontId="1" type="noConversion"/>
  </si>
  <si>
    <t>新藥 肺炎 臨床 試驗 申請 收 案</t>
    <phoneticPr fontId="1" type="noConversion"/>
  </si>
  <si>
    <t>川普 嗆 退 who 官員 他 只 是 喊 喊</t>
    <phoneticPr fontId="1" type="noConversion"/>
  </si>
  <si>
    <t>川普 美國 肺炎 德塞 退出</t>
    <phoneticPr fontId="1" type="noConversion"/>
  </si>
  <si>
    <t>wow 系 首長 1 防疫 紓困 大 作戰 黃偉哲 痛苦 假貨 太 多</t>
    <phoneticPr fontId="1" type="noConversion"/>
  </si>
  <si>
    <t>黃偉哲 紓困 金 防疫 新 生活 防疫 人員 台南 市</t>
    <phoneticPr fontId="1" type="noConversion"/>
  </si>
  <si>
    <t>疫情 蔓延 防疫 概念 股 重 燃 漲勢</t>
    <phoneticPr fontId="1" type="noConversion"/>
  </si>
  <si>
    <t>防疫 概念 股 肺炎 盤面 日 韓 高峰</t>
    <phoneticPr fontId="1" type="noConversion"/>
  </si>
  <si>
    <t>高雄 碼頭工人 打 莫德納 猝死 妻 悲痛 曾 勸 他 別 打 不 聽</t>
    <phoneticPr fontId="1" type="noConversion"/>
  </si>
  <si>
    <t>高雄市 一 名 65 歲 蔡姓 男子 昨 15 日 上午 接種 莫德納 疫苗 傍晚 在 家中 暈倒 送醫 搶救 不治 蔡男 妻子 悲痛 表示 丈夫 身體狀況 良好 兩 人 曾 聊到 有人 打 疫苗 後 死亡 她 勸 那 你 不要 打 但 丈夫 堅持 要 打 豈料 打完 疫苗 就 發生</t>
    <phoneticPr fontId="1" type="noConversion"/>
  </si>
  <si>
    <t>情況 隔離 治療 16 人 六 院 患者</t>
    <phoneticPr fontId="1" type="noConversion"/>
  </si>
  <si>
    <t>逆 襲 美國會 籲 讓 台 加入 調查 揭露 陸 隱瞞 疫情 與 who 失職</t>
    <phoneticPr fontId="1" type="noConversion"/>
  </si>
  <si>
    <t>單月 3 起 隨機 殺人 竟 與 疫情 有 關? 專家 曝 關鍵</t>
    <phoneticPr fontId="1" type="noConversion"/>
  </si>
  <si>
    <t>拒 當 國際 孤兒 羅智強 曝 隱憂 蔡英文 還 要 繼續 擋 國際 疫苗 嗎</t>
    <phoneticPr fontId="1" type="noConversion"/>
  </si>
  <si>
    <t>譚 德塞 如果 各國 不 團結 最 糟糕 時刻 會 很快 到來</t>
    <phoneticPr fontId="1" type="noConversion"/>
  </si>
  <si>
    <t>新竹 縣 今 增 4 確診 縣府 接種 疫苗 14 天內 猝死 發 10萬 慰問金</t>
    <phoneticPr fontId="1" type="noConversion"/>
  </si>
  <si>
    <t>新竹 縣 20 日 新增 4 例 確診 個案 3 人 與 長 照 構 有關 80 多 歲 老婦 和 50 多 歲 男子 是 竹東 b 長 照 機構 住 民 60 多 歲 男子 則 是 b 機構 確診 者 的 家人 湖口鄉 30 多 歲 女子 則 是 是 桃園 市 確診 個案 的 接觸 者 至 防疫 旅館 居 隔 采 檢 陽性 確診 縣長</t>
    <phoneticPr fontId="1" type="noConversion"/>
  </si>
  <si>
    <t>nba 上帝 保佑 穆迪埃 發 推 澄清 是 陰性</t>
    <phoneticPr fontId="1" type="noConversion"/>
  </si>
  <si>
    <t>電子 通路 遠 距 商機旺 到 h 2 大 聯大 q 3 延續 成長 動能</t>
    <phoneticPr fontId="1" type="noConversion"/>
  </si>
  <si>
    <t>大 聯大 3702 今 18 日 舉辦 法人 說明會 第二 季 合併 營 收 稅 後 淨利 持續 雙 位數 成長 展望 後市 大 聯大 認為 產業 面臨 結構性 的 轉變 全球 在 疫情 衝擊 下 居家 工作 遠 端 教學 等 商 機會 一直 到 下半年 data center 則 因 已經 在</t>
    <phoneticPr fontId="1" type="noConversion"/>
  </si>
  <si>
    <t>大 聯大 3702 今 18 日 舉辦 法人 說明會 第二 季 合併 營 收 稅 後 淨利 持續 雙 位數 成長 展望 後市 大 聯大 認為 產業 面臨 結構性 的 轉變 全球 在 疫情 衝擊 下 居家 工作 遠 端 教學 等 商 機會 一直 到 下半年 data center 則 因 已經 在 第二 季 已經 大規模 布建 後 第 三 季 預估 落 在 個 位數 成長 汽車 5 g 智慧 機 市場 則 相對 保守 整體 來說 預計 大 聯大 第 三 季將 延續 第二 季 的 成長 態勢 展望 第 三 季 副總經理 林春傑 表示 大 聯大 預估 維持 第二 季成長 態勢 今年 起 面臨 產業結構 改變 第一 季 面臨 斷 鏈 第二 季則 是 在 疫情 下 工作 型態 的 改變 但 也 因為 工作 型態 的 改變 衍生 出 許多 需求 預計 該 工作 型態 會 變成 常態 遠 端 商 機會 一直 到 下半年 筆 電 chromebook 等 的 需求 還 是 很 大 商 機會 延續 到 第 四季 至於 在 data center 上面 林春傑 表示 因為 全球 第二 季 強勁 布建 帶動 大幅度 成長 故 第 三 季 儘管 會 成長 但是 成長 幅度 不 會 像 往年 第 三 季 旺季 效應 一樣 有 雙 位數 成長 應該 是 落 在 個 位數 成長 車用 市場 因為 全球 均 受到 疫情 衝擊 出現 供應 鏈 斷 鏈 問題 林春傑 表示 目前 看到 大陸 美國 陸續 恢復 動能 中 只 是 現在 車廠 還是 保守 因為 市場 對 消費性 支出 還是 保守 故 預計 車用 市場 會 復蘇 會 比較慢 但 目前 大陸 復工 較 快 進度 也 差不多 回到 正常 水準 林春傑 也 談到 今年 受 疫情 影響 最 嚴重 的 應該 是 手機 估計 全年 整體 市場 會 掉 12 的 總量 原先 預估 5 g 會 為 智慧 型 手機 市場 帶來 成長 但 因為 疫情 關係 導致 遞 延 5 g 智慧 機 快速 成長 應該 會 跟 著 基地 台 的 滲透 率 目前 市場 還 是 以 4 g 手機 為主 明年 5 g 智慧 機 有 機會 出現 倍數 成長 另外 智慧 倉儲 的 佈局 一直 是 大 聯大 近年來 重點 目前 以 服務 既有 客戶 為主 主要 還 是 半 導體 ic 設計業 待 成熟 後 才會 向 外 推廣 財務 長 袁興文 表示 香港 智慧 倉儲 已經 在 去年 年底 運行 狀況良好 費用 也 都 有 下降 接下來 計畫 東莞 下 一 步 會 看 客戶 需求 包括 臺灣 東南亞 南亞 都 是 瞄準 的 區域 投產 時間 點 會 落 在 2022 2023 年 看好 商機 除了 原來 ic 通路 本業 外 傳統 直銷 也 是 一塊 長期 很 大 的 市場</t>
    <phoneticPr fontId="1" type="noConversion"/>
  </si>
  <si>
    <t>衛生紙 之 亂 還 沒完 本土 劇 女星 連 跑 3 店 被 掃 空 傻眼</t>
    <phoneticPr fontId="1" type="noConversion"/>
  </si>
  <si>
    <t>雲南 瑞麗 長期 封城 民眾 生活 難 熬 一 年 0 收入 處 崩潰 邊緣</t>
    <phoneticPr fontId="1" type="noConversion"/>
  </si>
  <si>
    <t>中國 慈善家 雜誌 報導 9 月 以來 不斷 有 瑞麗市 網友 在 人民 網 地方 領導 留言 板 上 反映 離 瑞 難 生活 壓力 大 等 問題 10 月 26 日 一 名 自稱 是 瑞麗 學生 的 網友 在 網上 發 帖 呼籲 網友 關注 瑞麗 迅速 成為 輿論 焦點 該 網友 稱 202</t>
    <phoneticPr fontId="1" type="noConversion"/>
  </si>
  <si>
    <t>中國 慈善家 雜誌 報導 9 月 以來 不斷 有 瑞麗市 網友 在 人民 網 地方 領導 留言 板 上 反映 離 瑞 難 生活 壓力 大 等 問題 10 月 26 日 一 名 自稱 是 瑞麗 學生 的 網友 在 網上 發 帖 呼籲 網友 關注 瑞麗 迅速 成為 輿論 焦點 該 網友 稱 2021 年 8 月 3 日 瑞麗 再次 封城 直到 今天 現在 的 政策 是 每天 只 有 兩 個 離 瑞 名額 自己 和 家人 有 家 不能 回 這 一 年 沒有 任何 的 收入 心理 處於 崩潰 邊緣 據 報導 自 7 月 以來 不斷 有 瑞麗 市民 在 一些 社交 平臺 上 發聲 表示 生活 難 離 瑞更難 填 了 很多 表 只 領到 1 斤 米 生活 無 著 落 群眾 撥打 熱線 被 暴 粗 對待 等 問題 一 位 市民 稱 從 2021 年 3 月底 的 第一 輪 疫情 到 7 月 的 第二 輪 疫情 再 到 8 月 3 號 的 再次 居家 隔離 一直 沒有 工作 沒有 經濟 來源 生活 困難 長 時間 多次 隔離 長 時間 不 復工 複產 老百姓 沒有 生活來源 也 有 市民 表示 隔離 期間 酒店 餐費 太 高 對於 一 年 沒有 開工 的 人員 來說 實 難 承受 瑞麗市 信訪 局 稱 為 最 大限度 對沖 疫情 對 經濟社會 發展 的 衝擊 瑞麗市 政府 印發 了 應對 疫情 做好 六 穩 六 保 工作 的 支持 政策 從 房租 減免 資金 撥付 金融 支持 稅收 優惠 民生 救助 等 方面 有效 減輕 企業 負擔 保障 民 生 瑞麗市 民政局 也 印發 了 關於 進一步 做好 疫情 期間 困難群眾 基本 生活 保障 工作 的 通知 對 連續 三 個 月 無 收入 來源 的 按 戶 給予 臨時 困難 救助 適當 放寬 低 保 認定 條件 等 保障 但 瑞麗 一家 模特 兒 學校 的 創始人 秋文 化名 表示 這 場 疫情 讓 我 從 富婆 變成 了 負 婆 從 2020 年 9 月 開始 瑞麗 的 疫情 此起彼伏 在 接連 封城 的 打擊 下 很多 人 選擇 離開 瑞麗 秋文 的 學校 生源 減少 了 一大 半 一邊 要 面對 學生 要求 退費 的 壓力 一邊 是 房租 不降 反 漲 上述 瑞麗 政策 也 沒有 給 秋文 帶來 實惠 秋 文說 通告 上 說 銀行 會 減免 或 延緩 個體戶 償還 商業貸款 但 銀行 那邊 沒有 任何 變化 打電話 給 政府部門 答 覆 說 政府 只 是 提出 這個 倡議 而已 報導 稱 瑞麗市委 宣傳部 負責人 否認 瑞麗 長期 封 城 的 說法 稱 不是 完全 封閉 的 狀態 只是 嚴管 期 老百姓 的 物資 生活 保障 都 沒有 問題 但 由於 一直 有 新 增 病例 疫情 持續時間 太長 了 大家 的 日常生活 肯定 會 受到 影響 難免會 有 一些 情緒 該 負責 人稱 瑞麗 本來 就 是 口岸 小 城市 主要 是 做 邊貿 玉石 珠寶 生意 人口 流動 比較 大 因為 疫情 原因 不 允許 聚集 口岸 也 處於 關閉 的 狀態 大家 可能 都 回老家 或 轉 投 到 廣州 等 地 繼續 做 生意 了 瑞麗市 一 位 政府 官員 表示 網上 流傳 瑞麗 已成 空 城 常住人口 從 50萬 降到 10萬 的 說法 有些 誇張 20萬 人 還是 有 的 不 過長 時間 受 疫情 影響 有些 老百姓 的 生活 確實 難過</t>
    <phoneticPr fontId="1" type="noConversion"/>
  </si>
  <si>
    <t>1 人 傳 9 人 白河 家庭 群 聚 案 再 1 8 旬 翁陰 轉 陽 確診</t>
    <phoneticPr fontId="1" type="noConversion"/>
  </si>
  <si>
    <t>台南 今天 新增 1 起 本土 確診 個案 白河 80 多 歲 的 案 12584 是 2 日 確診 的 案 9885 丈夫 案 12584 被 匡列 隔離 後 采 檢 為 陰性 10 日 腹瀉 到 醫院 采 檢 後 確診 台南 市長 黃偉哲 說 白河 家庭 群 聚 感染 鏈 始於 案 6443 於 5 月 23 日 從新 北 三 重 南 下</t>
    <phoneticPr fontId="1" type="noConversion"/>
  </si>
  <si>
    <t>疫情 爆炸 這 2 個 數字 最 可怕 台 大 醫 三級 警戒 已 控制 不 住</t>
    <phoneticPr fontId="1" type="noConversion"/>
  </si>
  <si>
    <t>三級 警戒 四級 警戒 移 工 京元電 王明钜</t>
    <phoneticPr fontId="1" type="noConversion"/>
  </si>
  <si>
    <t>台將 成 非 口 蹄 疫區 豬肉 可望 外銷</t>
    <phoneticPr fontId="1" type="noConversion"/>
  </si>
  <si>
    <t>外銷 黃金城 口 蹄 疫 肺炎 豬肉</t>
    <phoneticPr fontId="1" type="noConversion"/>
  </si>
  <si>
    <t>馬公 堅持 辦 清明 法會 遭 賴峰偉 嗆 開 罰 他 從善如流 了</t>
    <phoneticPr fontId="1" type="noConversion"/>
  </si>
  <si>
    <t>澎湖縣 賴峰偉 清明 法會 葉竹林 馬公</t>
    <phoneticPr fontId="1" type="noConversion"/>
  </si>
  <si>
    <t>轉移 焦點 吳釗燮 中國 透過 商界 與 我 邦交國 接觸</t>
    <phoneticPr fontId="1" type="noConversion"/>
  </si>
  <si>
    <t>帛 琉 零 確診 新光 醫院 大 功臣</t>
    <phoneticPr fontId="1" type="noConversion"/>
  </si>
  <si>
    <t>台 帛 邦交 歷經 21 載 帛 琉 至今 能夠 維持 零 確診 的 傲人 防疫 成績 除 早 在 疫情 剛 開始 爆發 就 下達 鎖國 令 外 臺灣 派駐 當地 的 新光 醫院 醫療 團隊 更是 居功厥偉 可說是 協助 帛 琉 防疫 的 無名英雄 新光 醫院 上周 在 2020 醫療 科技展 完</t>
    <phoneticPr fontId="1" type="noConversion"/>
  </si>
  <si>
    <t>帛 琉 肺炎 技術 物資 協助</t>
    <phoneticPr fontId="1" type="noConversion"/>
  </si>
  <si>
    <t>盤中</t>
    <phoneticPr fontId="1" type="noConversion"/>
  </si>
  <si>
    <t>首家 券商 中標 群 益 證 1 名 內勤 員工 確診</t>
    <phoneticPr fontId="1" type="noConversion"/>
  </si>
  <si>
    <t>吳佩慈 剛 喊話 打 疫苗 富商 男友 驚 爆 虧 百億 酒店 王國 黯淡 歇業</t>
    <phoneticPr fontId="1" type="noConversion"/>
  </si>
  <si>
    <t>42 歲 吳佩慈 當年 以 九 頭 身 怪 怪 美 少女 出道 在 唱片 戲劇 電影 和 作家 等 領域 都 交出 不錯 的 成績單 但 她 2014 年 未婚 懷 了 跟 富商 男友 紀曉波 的 孩子 便 離開 演藝圈 近日 她 才 接力 大 s 談 疫苗 想不到 男友 的 酒店 王國 傳出 受 疫</t>
    <phoneticPr fontId="1" type="noConversion"/>
  </si>
  <si>
    <t>新莊 績優 民防 表揚 警 局長 蒞臨 視 訊 同步 共同 阻 詐 表決 心</t>
    <phoneticPr fontId="1" type="noConversion"/>
  </si>
  <si>
    <t>新北 市 新莊 警 分局 昨 29 日 下午 辦理 新莊 民防 中隊 幹部 常年 訓練 由 警察局長 黃宗仁 親自 主持 副 局長 溫枝發 民防 大隊長 吳建亨 及 分局長 林 溫柔 出席 參與 此次 訓練 除了 表揚 9 位 110 年 民防 績優 暨 熱心 服務 幹部 之外 局長 黃</t>
    <phoneticPr fontId="1" type="noConversion"/>
  </si>
  <si>
    <t>黃宗仁 民防 新莊 視 訊 績優</t>
    <phoneticPr fontId="1" type="noConversion"/>
  </si>
  <si>
    <t>完整 接種 才能 7 7 莊 人 祥 大陸 疫苗 考慮 入列</t>
    <phoneticPr fontId="1" type="noConversion"/>
  </si>
  <si>
    <t>莊人祥 入境 7 7 疫苗 臺灣</t>
    <phoneticPr fontId="1" type="noConversion"/>
  </si>
  <si>
    <t>fed 開始 買進 公司 債 etf</t>
    <phoneticPr fontId="1" type="noConversion"/>
  </si>
  <si>
    <t>企業 信貸 購買 etf 肺炎 融資 買進</t>
    <phoneticPr fontId="1" type="noConversion"/>
  </si>
  <si>
    <t>國衛院 研發 疫苗 第 四季 瓶頸 第 4 季</t>
    <phoneticPr fontId="1" type="noConversion"/>
  </si>
  <si>
    <t>華人 戴 口罩 防疫 被 歧視 恥笑 胡 宇威 笑 他們 的 人才 是 傻瓜</t>
    <phoneticPr fontId="1" type="noConversion"/>
  </si>
  <si>
    <t>病毒 專家 食 野味 劣質 文化 不 改 sars 3 0 必 重返</t>
    <phoneticPr fontId="1" type="noConversion"/>
  </si>
  <si>
    <t>宜蘭 縣 加強 防疫 1 學生 確診 全校 停課 14 天</t>
    <phoneticPr fontId="1" type="noConversion"/>
  </si>
  <si>
    <t>聯 亞 高端誰 比較 好 李秉 穎 都 是 自己 小孩 不 需要 比</t>
    <phoneticPr fontId="1" type="noConversion"/>
  </si>
  <si>
    <t>印度 delta 病毒 入侵 臺灣 柯文哲 昨天 一 句 話網 驚 又 是 神 預言</t>
    <phoneticPr fontId="1" type="noConversion"/>
  </si>
  <si>
    <t>delta 變異 株 柯文哲 預言 印度 變種 病毒 臺灣</t>
    <phoneticPr fontId="1" type="noConversion"/>
  </si>
  <si>
    <t>政院加碼400億紓困 本周公佈</t>
    <phoneticPr fontId="1" type="noConversion"/>
  </si>
  <si>
    <t>政 院 加碼 400億 紓困 本 周 公佈</t>
    <phoneticPr fontId="1" type="noConversion"/>
  </si>
  <si>
    <t>延緩 繳稅 各部 會 肺炎 盤點 加碼</t>
    <phoneticPr fontId="1" type="noConversion"/>
  </si>
  <si>
    <t>新北 確診 個案 又 破百 例 侯友宜 應用 發病 日 看 趨勢</t>
    <phoneticPr fontId="1" type="noConversion"/>
  </si>
  <si>
    <t>新北 市 今日 確診 個案 又 破百 達 123 人 新北 市長 侯友宜 8 日 指出 用 每日 確診 個數 來 分析 疫情 發 是 落後 的 指標 他 認為 應該 要用 發病 日 會 比較 好 一點 侯說 新北 市 分析 發病 日 資料 從 5 月 8 日 曲線 開始 往上爬 5 月 15 日 最高點 後</t>
    <phoneticPr fontId="1" type="noConversion"/>
  </si>
  <si>
    <t>新北 市 今日 確診 個案 又 破百 達 123 人 新北 市長 侯友宜 8 日 指出 用 每日 確診 個數 來 分析 疫情 發 是 落後 的 指標 他 認為 應該 要用 發病 日 會 比較 好 一點 侯說 新北 市 分析 發病 日 資料 從 5 月 8 日 曲線 開始 往上爬 5 月 15 日 最高點 後 到 本月 7 日 慢慢 往下掉 不過 他 指出 目前 泰山 淡水 有 往 上成長 趨勢 要 加強 防疫 措施 壓制 下來 侯友宜 說 這 幾 周 新北 確診 個案 集中 在 板橋 三 重 中和 永和 新莊 這些 地點 都 在 臺北 萬華周 遭 萬華 有 18萬 人 有 7 條 橋樑 連結 新北 市 200萬 人口 可以 看出 在 5 月 8 日 起 都 慢慢 往 上 發展 侯友宜 說 全部 案件 在 5 月 16 日 到 5 月 22 日 來到 最高峰 5 月 29 日後 包括 板橋 與 其他 地區 都 陸續 往下掉 目前 仍 屬於 穩定 在 高峰 後 慢慢 往下掉</t>
    <phoneticPr fontId="1" type="noConversion"/>
  </si>
  <si>
    <t>大甲 媽 繞 境 停辦 否 徐國勇 請示 蘇揆 尚未 定案</t>
    <phoneticPr fontId="1" type="noConversion"/>
  </si>
  <si>
    <t>三星 galaxy note 20 傳 將 線 上 發表 無 實體 發表會</t>
    <phoneticPr fontId="1" type="noConversion"/>
  </si>
  <si>
    <t>三星 galaxy note 20 fold 2 發表會</t>
    <phoneticPr fontId="1" type="noConversion"/>
  </si>
  <si>
    <t>韓國 瑜 新 民 調 曝光 陳 揮文 大 驚 點 名 3 人</t>
    <phoneticPr fontId="1" type="noConversion"/>
  </si>
  <si>
    <t>陳揮文 民 調 韓國 瑜 高雄 台南</t>
    <phoneticPr fontId="1" type="noConversion"/>
  </si>
  <si>
    <t>大馬 歌手 來 台 發片 兼 徵婚 大家 先 來 認識 我</t>
    <phoneticPr fontId="1" type="noConversion"/>
  </si>
  <si>
    <t>北 韓 官員 隔離 期間 趴 趴 走 慘遭 槍決</t>
    <phoneticPr fontId="1" type="noConversion"/>
  </si>
  <si>
    <t>delta 病毒 入侵 仍 缺 疫苗 賴士葆 8400億 防疫 預算 花 到 哪 了</t>
    <phoneticPr fontId="1" type="noConversion"/>
  </si>
  <si>
    <t>delta 病毒 入侵 臺灣 社區 不少 民眾 擔憂 再度 大 爆發 藍委 賴士葆 今天 痛 批 立院 編 列 8400億 防疫 振興 紓困 特別 預算 但 疫苗 至今 仍然 短缺 行政 官員 卻 沒 想到 對不起 納稅人 血汗錢 更 遑 論 讓 後代 子孫 背負 沉重 的 債務 要求 指揮</t>
    <phoneticPr fontId="1" type="noConversion"/>
  </si>
  <si>
    <t>81歲雙溪裡長李添貴獲獎 台下裡長們直呼：凍齡好年輕！</t>
    <phoneticPr fontId="1" type="noConversion"/>
  </si>
  <si>
    <t>81 歲 雙溪 裡長 李 添 貴 獲獎 台下 裡長 們 直 呼 凍 齡 好 年輕</t>
    <phoneticPr fontId="1" type="noConversion"/>
  </si>
  <si>
    <t>裡長 們 辛苦 了 新北 市政府 13 日 于 新莊 舉行 109 年 特 優 裡長 及 績優 民政 人員 表揚大會 表揚 特 優 裡長 民政 人員 新北 市長 侯友宜 親自 致贈 獎牌 其中 最 高齡 裡長 為 81 歲 雙溪 區 新 基裡 李 添 貴 表示 裡 內 民風純樸 他 把 每 位 裡民</t>
    <phoneticPr fontId="1" type="noConversion"/>
  </si>
  <si>
    <t>裡長 年輕 環境 裡民 新北</t>
    <phoneticPr fontId="1" type="noConversion"/>
  </si>
  <si>
    <t>立即 查獲 居家 檢疫 者 趴 趴 走 盧秀燕 肯定 防疫 人員</t>
    <phoneticPr fontId="1" type="noConversion"/>
  </si>
  <si>
    <t>針對 昨日 台中 首度 傳出 居家 檢疫 者 趴 趴 走 事件 台中 市長 盧秀燕 今天 強調 台中 市 必須 居家 檢疫 者 約 2千 位 她 很 感謝 居家 檢疫 的 市民 配合 政府 防疫 政策 中 市府 也 允諾 針對 防疫 一定 做到 滴水不漏 針對 昨天 發生 的 首例 盧強</t>
    <phoneticPr fontId="1" type="noConversion"/>
  </si>
  <si>
    <t>《半導體》疫情催熱MOSFET需求 傑力9月營收雙攀頂</t>
    <phoneticPr fontId="1" type="noConversion"/>
  </si>
  <si>
    <t>半 導體 疫情 催 熱 mosfet 需求 傑 力 9 月 營 收 雙攀 頂</t>
    <phoneticPr fontId="1" type="noConversion"/>
  </si>
  <si>
    <t>傑 力 mosfet 金屬 氧化物 半導體 場 效 電晶體 pc nb</t>
    <phoneticPr fontId="1" type="noConversion"/>
  </si>
  <si>
    <t>防疫 總統 帶頭 盼 大型活動 喊停</t>
    <phoneticPr fontId="1" type="noConversion"/>
  </si>
  <si>
    <t>肺炎 大甲 媽祖 繞 境 彈性 因應 疫情 帶頭</t>
    <phoneticPr fontId="1" type="noConversion"/>
  </si>
  <si>
    <t>新北 幼稚園 群 聚 擴大 羅致 政 籲 全市 預防 性 停課 幾 天</t>
    <phoneticPr fontId="1" type="noConversion"/>
  </si>
  <si>
    <t>他 曝 打完 az 發燒 時間 點 崩潰 進入 人生 搖 滾 區 痛 到 炸裂</t>
    <phoneticPr fontId="1" type="noConversion"/>
  </si>
  <si>
    <t>國內 今 獲得 covax 分配 41萬 劑 az 疫苗 加上 波蘭 贈送 的 40萬 劑 又 有約 80萬 劑 az 疫苗 可 打 對於 打完 az 後 多久 會 出現 發燒 等 副作用 再度 在 ptt 引起 熱烈 討論 有 網友 驚呼 沒 想到 鄉民 說 得 這麼 准 果然 時間 一 到 就 進入 人生 搖 滾</t>
    <phoneticPr fontId="1" type="noConversion"/>
  </si>
  <si>
    <t>az 波蘭 波蘭 贈 疫苗 副作用 發燒</t>
    <phoneticPr fontId="1" type="noConversion"/>
  </si>
  <si>
    <t>2 人 接種 高端 隔 天 猝 逝 醫 籲 應該 暫停 施打</t>
    <phoneticPr fontId="1" type="noConversion"/>
  </si>
  <si>
    <t>居家 快 篩 試劑 今 開 賣 一 表 看 懂 5 款 價格 資訊</t>
    <phoneticPr fontId="1" type="noConversion"/>
  </si>
  <si>
    <t>已 死 149 人 破 sars 紀錄 藍委 曝 這 族群 高 死亡率 卻 受 忽略</t>
    <phoneticPr fontId="1" type="noConversion"/>
  </si>
  <si>
    <t>本土 疫情 持續 擴大 截至 2 日 國內 疫情 通報 累計 本土 8195 例 149 例 死亡 遠 超過 sars 時期 紀錄 國民黨 立 委 鄭正鈐 指出 死亡 病例 多 是 銀髮 族 故 長 照 機構 內 長者 與 工作人員 時時 面臨 高 死亡率 威脅 卻 一直 未 得 社會 關注 因此</t>
    <phoneticPr fontId="1" type="noConversion"/>
  </si>
  <si>
    <t>臺灣 本土 疫情 昨天 爆 沖到 206 例 過去 短短 六 天 以來 本土 病例 累積 已經 451 例 今天 再度 新增 333 例 本土 一 周 以來 本土 已經 784 人 確診 且 今天 的 不明 案例 就 有 40 例 指揮官 陳時中 說 就是 要 調查 中 今天 還 是 以 萬 華區 茶室 還</t>
    <phoneticPr fontId="1" type="noConversion"/>
  </si>
  <si>
    <t>第 12 輪明 大規模 開 打 3 大 疫苗 副作用 曝光 莫粉 打 第二 劑 注意</t>
    <phoneticPr fontId="1" type="noConversion"/>
  </si>
  <si>
    <t>高鐵調 薪 無限期 凍 漲 工會 譁然 嚴重 打擊 士氣</t>
    <phoneticPr fontId="1" type="noConversion"/>
  </si>
  <si>
    <t>嘉縣新 塭 嘉應 廟 首 辦 南巡 北 狩</t>
    <phoneticPr fontId="1" type="noConversion"/>
  </si>
  <si>
    <t>嘉義 縣 布袋鎮 新 塭 嘉應 廟 已 有 180 多年 歷史 今年 首次 辦理 南巡 北 狩 奠 安 綏 境 會 香 繞 境 嘉義 至 台南 12 個 鄉鎮 市 主 祀 游天王 九龍 三公 尹府 千歲 于 7 日 清晨 6 時許 起 駕 從 正殿 緩緩 向外 前進 信 眾 雙手 合十 圍繞 在 神 轎 四周</t>
    <phoneticPr fontId="1" type="noConversion"/>
  </si>
  <si>
    <t>新 塭 嘉應 廟 慶典 天王 台南 繞 境</t>
    <phoneticPr fontId="1" type="noConversion"/>
  </si>
  <si>
    <t>萬華 少爺 確診 回 林內 趴 趴 走 假 訊息 台中 市 警 迅速 查辦 闢謠</t>
    <phoneticPr fontId="1" type="noConversion"/>
  </si>
  <si>
    <t>青少年 第 2 劑 將 開 打 專家 傳授 心肌炎 監測 妙招</t>
    <phoneticPr fontId="1" type="noConversion"/>
  </si>
  <si>
    <t>青少年 第 2 劑 bnt 疫苗 將 於 20 日 開 打 為 避免 青少年 接種 mrna 疫苗 後 容易 出現 的 心肌炎 心包 膜 炎 等 副作用 心臟 科 醫師 建議 家長 可 在 接種 後 7 至 14 天內 利用 血壓計 監測 一旦 在 休息 時 測量 到 超過 90 mmhg 都 應立即 就醫 根據 中</t>
    <phoneticPr fontId="1" type="noConversion"/>
  </si>
  <si>
    <t>美華 專家 疫情 會 否 反撲 大陸 如何 應對</t>
    <phoneticPr fontId="1" type="noConversion"/>
  </si>
  <si>
    <t>立院清潔人員疑似確診 遊錫堃辦公室：該員正在自主健康管理</t>
    <phoneticPr fontId="1" type="noConversion"/>
  </si>
  <si>
    <t>立院 清潔 人員 疑 似 確診 遊錫堃 辦公室 該員 正 在 自主 健康 管理</t>
    <phoneticPr fontId="1" type="noConversion"/>
  </si>
  <si>
    <t>歐盟 開放 54 國 入境 沒 臺灣 公衛 專家 揭 關鍵 出 在 這</t>
    <phoneticPr fontId="1" type="noConversion"/>
  </si>
  <si>
    <t>歐盟 臺灣 名單 國家 入境</t>
    <phoneticPr fontId="1" type="noConversion"/>
  </si>
  <si>
    <t>莫德納 將 混打 高端 民進黨團 急 喊 不 一定 研究 階段</t>
    <phoneticPr fontId="1" type="noConversion"/>
  </si>
  <si>
    <t>紐約 郵報 稱 臺灣 專制 防疫 外交部 譴責 報導 不實</t>
    <phoneticPr fontId="1" type="noConversion"/>
  </si>
  <si>
    <t>臺灣 防疫 紐約 我們 報導</t>
    <phoneticPr fontId="1" type="noConversion"/>
  </si>
  <si>
    <t>校園 bnt 殘 劑 誰 可 打 北市 訂 4 大 原則</t>
    <phoneticPr fontId="1" type="noConversion"/>
  </si>
  <si>
    <t>北市 副 市長 蔡炳坤 15 日 表示 9 月 22 日 學校 將 開 打 疫苗 bnt 殘 劑 會 比 之前 az 莫德納 少 因 bnt 1 瓶 只 有 6 劑 只 有 最後 1 瓶 才 可能 有 殘 劑 因此 北市 訂 出 4 大原 則 要點 一 優先 給 具 醫生 證明 不得 施打 其他 疫苗 的 正式 教職員</t>
    <phoneticPr fontId="1" type="noConversion"/>
  </si>
  <si>
    <t>北市 疫苗 bnt 殘 劑 柯文哲</t>
    <phoneticPr fontId="1" type="noConversion"/>
  </si>
  <si>
    <t>謝金燕才曬胸器露兩點 擋不住疫情升溫忍痛宣佈決定</t>
    <phoneticPr fontId="1" type="noConversion"/>
  </si>
  <si>
    <t>謝金燕 才 曬 胸 器 露兩點 擋不住 疫情 升溫 忍痛 宣佈 決定</t>
    <phoneticPr fontId="1" type="noConversion"/>
  </si>
  <si>
    <t>臺灣 疫情 升溫 今 12 日 一口氣 新增 16 例 本土 確診 案例 許多 演唱會 大型活動 都 延期 或 停辦 而 電 音 天 後 謝金燕 上周 才豪 曬 露 胸 器 的 海報 報喜 要 唱 進 高雄 巨蛋 不過 因 國內 疫情 嚴峻 謝金燕 稍 早 則 在 網上 忍痛 宣佈 演</t>
    <phoneticPr fontId="1" type="noConversion"/>
  </si>
  <si>
    <t>看看 這 串 驚人 數字 黃創 夏為 醫護人員 喊話</t>
    <phoneticPr fontId="1" type="noConversion"/>
  </si>
  <si>
    <t>美 中 企業 入侵 歐 加強 防禦</t>
    <phoneticPr fontId="1" type="noConversion"/>
  </si>
  <si>
    <t>大陸 補貼 企業 肺炎 歐盟</t>
    <phoneticPr fontId="1" type="noConversion"/>
  </si>
  <si>
    <t>盤後 解析 航海王 全 亮燈 周 線 終止 連 黑</t>
    <phoneticPr fontId="1" type="noConversion"/>
  </si>
  <si>
    <t>台積電 鴻 海 大 立 光 ic 設計 聯發 科</t>
    <phoneticPr fontId="1" type="noConversion"/>
  </si>
  <si>
    <t>陸增 48 例 本土 確診 涉及 8 省 孫春蘭 坐鎮 甘肅</t>
    <phoneticPr fontId="1" type="noConversion"/>
  </si>
  <si>
    <t>大陸 國家 衛健 委 今 31 日 通報 前 一 日 新增 71 例 確診 病例 其中 48 例 本土 確診 涉及 8 省 包括 黑龍江 19 例 內蒙古 10 例 甘肅 9 例 山東 和 寧夏 各 3 例 雲南 2 例 北京 和 江西 各 1 例 大陸 近期 本土 疫情 再起 大陸 國務院 副 總理</t>
    <phoneticPr fontId="1" type="noConversion"/>
  </si>
  <si>
    <t>大陸 國家 衛健 委 今 31 日 通報 前 一 日 新增 71 例 確診 病例 其中 48 例 本土 確診 涉及 8 省 包括 黑龍江 19 例 內蒙古 10 例 甘肅 9 例 山東 和 寧夏 各 3 例 雲南 2 例 北京 和 江西 各 1 例 大陸 近期 本土 疫情 再起 大陸 國務院 副 總理 孫春蘭 28 日 至 30 日 到 甘肅省 蘭州市 天水市 調研 指導 疫情 防控 工作 孫春蘭 表示 甘肅 疫情 由 旅遊 活動 引起 感染者 活動 範圍 大 防控 形勢 存在 一定 的 不 確定性 要求 採取 果斷 措施 儘快 控制 疫情 孫春蘭 強調 當前 大陸 疫情 仍 複雜 嚴峻 要 認真 排查 疫情 跨 區域 傳播 的 漏洞 吸取教訓 和 完善 防控 機制 避免 防控 盲區 和 漏 管 失控 內蒙古 日前 疫情 嚴峻 遊客 滯留 當地 多 日 27 日 開始 內蒙古 額濟納旗 陸續 將 遊客 向 低 風險 地區 轉運 並 進行 集中 健康 監測 截至 30 日 24 時 累計 轉運 遊客 9070 人 其中 透過 鐵路 轉運 4119 人 透過 公路 轉運 4951 人 根據 當地 統計 目前 還有 300 多 名 遊客 沒有 離開 額濟納旗</t>
    <phoneticPr fontId="1" type="noConversion"/>
  </si>
  <si>
    <t>AZ、BNT接種免平臺 指揮中心今宣佈：找醫院預約就可打</t>
    <phoneticPr fontId="1" type="noConversion"/>
  </si>
  <si>
    <t>接種 az bnt 開放 預約</t>
    <phoneticPr fontId="1" type="noConversion"/>
  </si>
  <si>
    <t>太陽 報 az 疫苗 打造 殺手 訓練營 或 提供 終生 保護 力</t>
    <phoneticPr fontId="1" type="noConversion"/>
  </si>
  <si>
    <t>英國牛津大學 與 瑞士 的 研究 發現 接種 az 疫苗 除了 能夠 產生 抗體 外 也 能 在 人體 形成 t 細胞 訓練營 或許 能 為 人體 提供 終生 保護 力 甚至 能 殺死 變種 病毒 英國 太陽 報 the sun 報導 英國牛津大學 與 瑞士 的 研究 團隊 15</t>
    <phoneticPr fontId="1" type="noConversion"/>
  </si>
  <si>
    <t>桃園 特殊 交友 圈 再 1 多次 拜訪 居隔 友人 確診</t>
    <phoneticPr fontId="1" type="noConversion"/>
  </si>
  <si>
    <t>桃園 新增 特殊 交友 圈 25 歲 男子 確診 離譜 的 是 他 是 在 特殊 交友 圈 友人 居家 隔離 時 多次 前往 探訪 友人 確診 後 他 也 采 檢 確診 桃園 市長 鄭文燦 表示 將 依法 處 20萬 至 100萬 罰款 鄭文燦 表示 確診 者 案 15742 是 25 歲 男性 為 案 15</t>
    <phoneticPr fontId="1" type="noConversion"/>
  </si>
  <si>
    <t>桃園 新增 特殊 交友 圈 25 歲 男子 確診 離譜 的 是 他 是 在 特殊 交友 圈 友人 居家 隔離 時 多次 前往 探訪 友人 確診 後 他 也 采 檢 確診 桃園 市長 鄭文燦 表示 將 依法 處 20萬 至 100萬 罰款 鄭文燦 表示 確診 者 案 15742 是 25 歲 男性 為 案 15700 接觸 者 他 在 7 月 21 日 列為 接觸 者 居家 隔離 後 27 日 確診 根據 疫 調 該 確診 者 在案 15700 居家 隔離 期間 多次 探訪 案 15700 都 沒有 拒絕 或 阻止 他 說 該 確診 者 明顯 違反 居隔 規定 按照 規定 居隔者 不能 離開 處所 也 不能 接待 朋友 拜訪 這 已經 違反 傳染病 防治法 嚴重 特殊 傳染性 肺炎 防治 及 紓困 振興 特別 條例 將 可 處 20萬 至 100萬 罰款 將 依照 實際 情形 開 罰 他 說 活躍 交友 圈 在 3 級 管制 期間 要 降低 活動 呼籲 若 接觸 到 確診 者 要 采 檢</t>
    <phoneticPr fontId="1" type="noConversion"/>
  </si>
  <si>
    <t>不 聽 爸爸 的 話 高雄 男 仗 2 點 揪 人 打 麻將 警 上門 1 女 5 男 臉 發 青</t>
    <phoneticPr fontId="1" type="noConversion"/>
  </si>
  <si>
    <t>宣導 防範 豬瘟 移民署 辦理 嘉義 新 住 民 母語 網路 宣導</t>
    <phoneticPr fontId="1" type="noConversion"/>
  </si>
  <si>
    <t>移民署 南區 事務 大隊 嘉義 市 服務站 及 專勤 隊 舉辦 110 年度 新 住 民 關懷 網路 會議 邀請 約 24 個 嘉義 市 公 私 部門 及 移民 團體 等 網路 夥伴 共同 參與 結合 中央 與 地方 單位 進行 政策 交流 及 案例 分享 其中 包含 非洲 豬瘟 防疫 新式</t>
    <phoneticPr fontId="1" type="noConversion"/>
  </si>
  <si>
    <t>新 住 民 宣導 防範 移民署 網路</t>
    <phoneticPr fontId="1" type="noConversion"/>
  </si>
  <si>
    <t>類 股 各 擁 題材 生 醫 股 活 跳 跳 智擎 雙美 都 漲 停</t>
    <phoneticPr fontId="1" type="noConversion"/>
  </si>
  <si>
    <t>歐陽娜 娜 ig 消失 2 個 月 現身 曬 居家 亂髮 照 網 激動 終於 回來 了</t>
    <phoneticPr fontId="1" type="noConversion"/>
  </si>
  <si>
    <t>歐陽娜 娜 臉蛋 甜美 身材 高挑 近年來 都 把 演藝事業 轉 往 大陸 但 在 臺灣 的 討論 度 還是 超高 時常 在 社 群 網站 更新 動態 的 她 instagram 卻 悄悄 停留 在 1 月 連 歐陽 妮妮 都 發文 求救 麻煩 幫忙 一下 呀 事 隔 兩 個 月 歐陽娜 娜 終於</t>
    <phoneticPr fontId="1" type="noConversion"/>
  </si>
  <si>
    <t>歐陽娜 娜 臉蛋 甜美 身材 高挑 近年來 都 把 演藝事業 轉 往 大陸 但 在 臺灣 的 討論 度 還是 超高 時常 在 社 群 網站 更新 動態 的 她 instagram 卻 悄悄 停留 在 1 月 連 歐陽 妮妮 都 發文 求救 麻煩 幫忙 一下 呀 事 隔 兩 個 月 歐陽娜 娜 終於 更新 ig 讓 粉絲 振奮 不已 直 呼 娜 娜 終於 回來 了 歐陽娜 娜 跟 時下 年輕人 一樣 熱衷 經營 個人 社 群 網站 雖然 微博 不斷 有 更新 還 開 了 綠洲 新 帳 號 但 instagram 卻 停留 在 1 月 12 日 引發 外界 好奇 原來 歐陽娜 娜 的 ig 密碼 登 不 進去 已經 寫信給 官方 處理 過 了 幾 天 歐陽娜 娜 終於 成功 登 入 ig 帳 號 火速 發 了 多 張 居家 照 只 見 她 化 著 淡妝 身穿 白底碎 花衣服 頭髮 略顯 淩亂 面無 表情 的 對 著 鏡頭 同時 分享 書本 的 內容 顯然 有 乖乖 在家 防疫 歐陽娜 娜 再度 回歸 ig 讓 許多 粉絲 欣喜若狂 短 時間 內 就 湧 進 千 人 留言 密碼 找 回來了 回來 啦 終於 發 照片 了 歐陽娜 娜 把 演藝 重心 轉 往 大陸 後 電視 戲劇 綜藝 和 廣告 代言 為 她 賺 進 上 億 鈔票 最近 又 入 職 阿裡巴巴集團 擔任 淘 寶 新 勢力 代言人 目前 正 負責 淘 寶 服飾 行業 運營 有 網友 爆 料 依照 她 的 層級 和 名氣 真實 年薪 超過 百萬 人民幣</t>
    <phoneticPr fontId="1" type="noConversion"/>
  </si>
  <si>
    <t>歐陽娜 娜 ig 終於 回來 了 大陸</t>
    <phoneticPr fontId="1" type="noConversion"/>
  </si>
  <si>
    <t>陳玉珍 口罩 5 塊 已 含 物流 費 不應 多 收 7 塊</t>
    <phoneticPr fontId="1" type="noConversion"/>
  </si>
  <si>
    <t>中西醫 結合 避免 重症 化</t>
    <phoneticPr fontId="1" type="noConversion"/>
  </si>
  <si>
    <t>大陸 張文 肺炎 輕 症 西醫</t>
    <phoneticPr fontId="1" type="noConversion"/>
  </si>
  <si>
    <t>桃 醫院 內 感染 危機 解除 陳時中 支持 度 網 難以置信</t>
    <phoneticPr fontId="1" type="noConversion"/>
  </si>
  <si>
    <t>蔡英文 提醒 愚人節 勿 拿 疫情 開玩笑 以免 觸 法</t>
    <phoneticPr fontId="1" type="noConversion"/>
  </si>
  <si>
    <t>確診 機師 足跡 入 苗栗 58 人 住 進 集中 檢疫所</t>
    <phoneticPr fontId="1" type="noConversion"/>
  </si>
  <si>
    <t>針對 確診 機師 案 16120 曾 於 8 月 28 日 返回 苗栗 頭份 老家 縣府 以 禦 敵 從嚴 原則 對頭 份 市 成功 裡 12 至 14 鄰 啟動 社區 快 篩 防疫 機制 同時 也 對 此案 匡列 接觸 者 19 人 新增 燒烤店 顧客 1 人 及 同 住 家 人 39 人 總共 58 人 住 進 集中 檢疫所 隔</t>
    <phoneticPr fontId="1" type="noConversion"/>
  </si>
  <si>
    <t>機師 苗栗 老家 集中 檢疫 臺灣</t>
    <phoneticPr fontId="1" type="noConversion"/>
  </si>
  <si>
    <t>每 1 人 確診 陳時中 光 社會 成本 就 要 210萬</t>
    <phoneticPr fontId="1" type="noConversion"/>
  </si>
  <si>
    <t>陳時中 防疫 臺灣 210萬 社會 成本</t>
    <phoneticPr fontId="1" type="noConversion"/>
  </si>
  <si>
    <t>減輕 家長 抗 疫 負擔 香港 停課 發放 學生 津貼 每人 3500 港幣</t>
    <phoneticPr fontId="1" type="noConversion"/>
  </si>
  <si>
    <t>國際金融 救 經濟 馬來西亞 央行 降息 2 碼</t>
    <phoneticPr fontId="1" type="noConversion"/>
  </si>
  <si>
    <t>盤後 解析 多頭 複 電 半年線 守 住</t>
    <phoneticPr fontId="1" type="noConversion"/>
  </si>
  <si>
    <t>雙北長 照 機構 淪陷 花 蓮 縣府 機構 人員 列 接種 第二 順位</t>
    <phoneticPr fontId="1" type="noConversion"/>
  </si>
  <si>
    <t>搶救 住宿率 高雄 飯店 回應 防疫 改 推 安心 住房 異地 辦公</t>
    <phoneticPr fontId="1" type="noConversion"/>
  </si>
  <si>
    <t>所謂 山不轉路轉 高市旅 宿業 因 疫情 大 動盪 住房 率 不見 起色 有 業者 乾脆 推 居家 檢疫 者 家人 優惠 住房 專案 高雄 翰品酒店 電話 詢問 度 高 還 提供 餐飲 外 送到 給 居家 檢疫 者 漢來 飯店 也 推出 家外 之家 長住 專案 已 有 居家 檢疫</t>
    <phoneticPr fontId="1" type="noConversion"/>
  </si>
  <si>
    <t>本土 疫情 嚴峻 立 委 馬文君 感謝 前線 防疫 警 消 醫護 清潔 等 人員</t>
    <phoneticPr fontId="1" type="noConversion"/>
  </si>
  <si>
    <t>美 八大 銀行 暫緩 實施 庫藏 股</t>
    <phoneticPr fontId="1" type="noConversion"/>
  </si>
  <si>
    <t>暫緩 實施 流動性 美國 肺炎 庫藏 股</t>
    <phoneticPr fontId="1" type="noConversion"/>
  </si>
  <si>
    <t>女 無 罩 趴倒 新莊 體育館 門口 階梯 警 消 全副武裝 查看 全是烏 龍</t>
    <phoneticPr fontId="1" type="noConversion"/>
  </si>
  <si>
    <t>新北 市 新莊 體育館 20 日 上午 8 時有 民眾 目擊 有 一 名 女子 橫 躺 在 體育館 階梯 上 面部 也 未戴 上 口罩 有 民眾 憂心 是 昏倒 遂 通報 消防 局 不料 消防 到 現場 一 問 該 名 女子 則 回 覆 她 是 在 曬 日光浴 實際上 因 疫情 進入 社區 多 點 爆發 雙</t>
    <phoneticPr fontId="1" type="noConversion"/>
  </si>
  <si>
    <t>隨 到 隨 打 莫德納 2 天 打 2144 人 台南 火車站 文化 中心 6 7 日 繼續 打</t>
    <phoneticPr fontId="1" type="noConversion"/>
  </si>
  <si>
    <t>羅大佑 伴侶 抗 疫 女兒 入 鏡</t>
    <phoneticPr fontId="1" type="noConversion"/>
  </si>
  <si>
    <t>首歌 肺炎 伴侶 改編 羅大佑</t>
    <phoneticPr fontId="1" type="noConversion"/>
  </si>
  <si>
    <t>宜蘭縣宣佈停辦童玩節 經費用以防疫</t>
    <phoneticPr fontId="1" type="noConversion"/>
  </si>
  <si>
    <t>宜蘭 縣 宣佈 停辦 童玩節 經費 用以 防疫</t>
    <phoneticPr fontId="1" type="noConversion"/>
  </si>
  <si>
    <t>台 大生 醫 園區 分院 急診 開幕 瑞昱 捐 200萬 助 警 守護 肺部 健康</t>
    <phoneticPr fontId="1" type="noConversion"/>
  </si>
  <si>
    <t>增加 急診 能量 台大醫院 生 醫 園區 分院 12 日 上午 舉辦 急診 暨 ct 開幕 記者會 院內 急診 建立 獨立 的 毒化 災 沖洗 區域 規 畫 負 壓 診療室 可因 應 毒化 災 傳染病 的 急救 會 中 瑞 昱 半導體 捐贈 200萬 給 肺病 防治 基金會 指定 提供 新竹</t>
    <phoneticPr fontId="1" type="noConversion"/>
  </si>
  <si>
    <t>生 醫 園區 肺癌 急診 電腦</t>
    <phoneticPr fontId="1" type="noConversion"/>
  </si>
  <si>
    <t>西 確診 12萬 例 超 義 全球 第二</t>
    <phoneticPr fontId="1" type="noConversion"/>
  </si>
  <si>
    <t>西班牙衛生部 4 日 表示 西班牙 累計 確診 病例 已 超過 12萬 例 西班牙 也 成為 確診 病例 第二 多 的 國家 僅次於 美國 的 28萬 例 不過 該國 單日 新增 死亡 人數 有所 下降 總理 桑切斯 透過 電視講話 宣佈 政府 將 要求 國會 把 國家 緊急狀態 延</t>
    <phoneticPr fontId="1" type="noConversion"/>
  </si>
  <si>
    <t>死亡 人數 累計 西班牙 萬 例 暴 增</t>
    <phoneticPr fontId="1" type="noConversion"/>
  </si>
  <si>
    <t>校正 回歸 導致 難 即時 判 讀 柯 看 快 篩 陽性 總數 才 准</t>
    <phoneticPr fontId="1" type="noConversion"/>
  </si>
  <si>
    <t>疫情 延 燒 中央 每日 都會 公佈 當日 確診 數 但 臺北市 長 柯文哲 認為 不 準確 因 中央 還 會 一直 校正 回歸 很 難 即時 判 讀 北市 疫情 實況 他 認為 比較 準確 的 是 看 全 北市 每天 快 篩 陽性 的 總數 雖 會 慢 1 天 但 可 接受 柯文哲 表示 他</t>
    <phoneticPr fontId="1" type="noConversion"/>
  </si>
  <si>
    <t>嘉市 新北 推 雙城記 觀光 南下 北上 玩 滿玩好</t>
    <phoneticPr fontId="1" type="noConversion"/>
  </si>
  <si>
    <t>黃敏惠 嘉義 新北 侯友宜 新北 市</t>
    <phoneticPr fontId="1" type="noConversion"/>
  </si>
  <si>
    <t>疫苗 覆蓋率 大 漲 醫師 4 字 神 比喻 網 喊 沖了</t>
    <phoneticPr fontId="1" type="noConversion"/>
  </si>
  <si>
    <t>疫苗 覆蓋率 疫苗 接種 神 比喻 謝 宗學</t>
    <phoneticPr fontId="1" type="noConversion"/>
  </si>
  <si>
    <t>確診 者 采 檢 pcr delta 安南 區</t>
    <phoneticPr fontId="1" type="noConversion"/>
  </si>
  <si>
    <t>國光 生 技 4142 宣佈 2021 年 一月 起 將 聘請 曾任 輝瑞 全球 創新 暨 腫瘤 事務 集團 臨床 開發 總負責人 的 陳 純誠 醫師 擔任 醫務 長 除 借重 其 在 國際 藥廠 主持 大型 臨床 試驗 計 畫 的 豐富 經驗 同時 也 是 國光 生 在 新 的 一 年 積極 國際化 佈 局 的</t>
    <phoneticPr fontId="1" type="noConversion"/>
  </si>
  <si>
    <t>疫情 助長 數位 詐欺 sas 臺灣 總經理 陳愷新 企業 應善 用 ai 進行 即時 風險 監控</t>
    <phoneticPr fontId="1" type="noConversion"/>
  </si>
  <si>
    <t>世界 新興 詐欺 即時 監控</t>
    <phoneticPr fontId="1" type="noConversion"/>
  </si>
  <si>
    <t>37 家 中小 口罩 廠 僅 14 家 生產 徵用 後 日 多 30萬 片</t>
    <phoneticPr fontId="1" type="noConversion"/>
  </si>
  <si>
    <t>中小 口罩 工廠 未 被 徵用 卻 又 不 准 其 私自 販 售 引發 民怨 經濟部 昨晚 緊急 先 宣佈 發出 徵用 書 納入 調度 今天 再 指 經 實際 調查 37 家 納入 徵用 中小型 口罩 廠 實際 有 生產 醫用 口罩 產者 只 有 14 家 加總 實際 日 產 能 30萬 片 這些 政府</t>
    <phoneticPr fontId="1" type="noConversion"/>
  </si>
  <si>
    <t>中小 口罩 工廠 未 被 徵用 卻 又 不 准 其 私自 販 售 引發 民怨 經濟部 昨晚 緊急 先 宣佈 發出 徵用 書 納入 調度 今天 再 指 經 實際 調查 37 家 納入 徵用 中小型 口罩 廠 實際 有 生產 醫用 口罩 產者 只 有 14 家 加總 實際 日 產 能 30萬 片 這些 政府 都 會 徵用 國內 口罩 製造廠 清單 上有 80 家 但 扣除 重複 無 工廠 登記者 實際 為 66 家 1 月 31 日政府 先 對 較大型 的 29 家業 者 分 三 批發 出征 用書 卻 漏掉 37 家 規模較 小 口罩 業者 沒 被 徵用 日前 有 三 重 業者 拿 出來 賣 給 周邊 鄰居 卻 被 檢 調 追查 有無 囤積居奇 哄抬 物價 引發 業者 不滿 是 政府 未 徵收 卻 又 不 准 業者 營業 為 此 昨晚 經濟部 終於 對 這 剩下 37 家 中 小廠 發出 第 四 批 口罩 徵用 書 今天 更 實地 訪察 37 家 廠 扣除 1 家 大門 深 鎖 電話 沒接 其他 有些 已 改做 面 膜 護膝 套 手術 巾 等 耗材 有些 則 是 非 醫用 口罩 的 廠商 實際 有 在 做 醫用 口罩 者 剩下 14 家 加總 起來 每天 產能 約 為 30萬 片 至於 政府 自 購 60 機台 要 日產 600萬 片 口罩 明天 開始 新 的 產 線 就要 陸續 交 機 預計 上線 一 周內 機械 可 調校 至 一 條 產 線 日 產 能 10萬 片 的 產量 等到 疫情 趨 緩 國內 口罩 回到 正常 供需 再 視 情況 調整 口罩 停止 出口 到 四月 底 政策</t>
    <phoneticPr fontId="1" type="noConversion"/>
  </si>
  <si>
    <t>陳雷 大馬 開 唱 延期 損 300萬 女兒 住 加州 超 擔心</t>
    <phoneticPr fontId="1" type="noConversion"/>
  </si>
  <si>
    <t>通信網 路 威潤 防疫 新品 出征 東瀛 買家 踴躍</t>
    <phoneticPr fontId="1" type="noConversion"/>
  </si>
  <si>
    <t>全球 威潤 uv 旭 化成 消毒</t>
    <phoneticPr fontId="1" type="noConversion"/>
  </si>
  <si>
    <t>彰 縣 核酸 檢測 量 能 單日 400 支 已 著 手 準備 抗原 快 篩</t>
    <phoneticPr fontId="1" type="noConversion"/>
  </si>
  <si>
    <t>打疫苗後死亡解剖124人 死因公佈：86例與慢性病相關</t>
    <phoneticPr fontId="1" type="noConversion"/>
  </si>
  <si>
    <t>打 疫苗 後 死亡 解剖 124 人 死因 公佈 86 例 與 慢性病 相關</t>
    <phoneticPr fontId="1" type="noConversion"/>
  </si>
  <si>
    <t>應變 醫院 將 清 空 收治 社 宅 供 醫護 住宿</t>
    <phoneticPr fontId="1" type="noConversion"/>
  </si>
  <si>
    <t>醫護人員 收治 疫情 央 北 市府</t>
    <phoneticPr fontId="1" type="noConversion"/>
  </si>
  <si>
    <t>新北 長者 打 疫苗 仿效 日本 宇美町 式</t>
    <phoneticPr fontId="1" type="noConversion"/>
  </si>
  <si>
    <t>恩 主公 醫院 疫苗 肺炎 靜思 堂 新 店</t>
    <phoneticPr fontId="1" type="noConversion"/>
  </si>
  <si>
    <t>病毒 傳染病 林 大利 不是故意 防疫</t>
    <phoneticPr fontId="1" type="noConversion"/>
  </si>
  <si>
    <t>防護 7 成飛 沫 傳染 嘉 基 醫院 送 嘉市 1000 個 新生兒 防護 面罩</t>
    <phoneticPr fontId="1" type="noConversion"/>
  </si>
  <si>
    <t>嘉義 基督教 醫院 首創 適合 0 至 3 個 月 新生兒 戴 的 防護 面罩 24 日 由 院長 姚維仁 代表 捐贈 1000 個 給 嘉義 市政府 將 送給 嘉義 市 的 新生兒 由 市長 黃敏惠 代表 接受 嘉基 兒童 醫學 部 暨 創新 育 成 中心 主任 周信 旭 醫師 說 新生兒 不 適合 戴口</t>
    <phoneticPr fontId="1" type="noConversion"/>
  </si>
  <si>
    <t>新生兒 防護 面罩 嘉義 市 嘉基 醫院 捐贈</t>
    <phoneticPr fontId="1" type="noConversion"/>
  </si>
  <si>
    <t>川普 急 出院 可能 導致 選情 崩 盤? 學者 言之過早</t>
    <phoneticPr fontId="1" type="noConversion"/>
  </si>
  <si>
    <t>nba 複賽 後 若 疫情 惡化 席爾佛 再次 停賽</t>
    <phoneticPr fontId="1" type="noConversion"/>
  </si>
  <si>
    <t>協議 疫苗 羅氏 肺炎 重症 患</t>
    <phoneticPr fontId="1" type="noConversion"/>
  </si>
  <si>
    <t>港 府 頒 餐廳 限 客 新 規 公共 娛樂場所 暫 關閉</t>
    <phoneticPr fontId="1" type="noConversion"/>
  </si>
  <si>
    <t>好 消息 永和群 聚 案 獲 控制 侯友宜 曝 關鍵全 靠 市民 積極 配合</t>
    <phoneticPr fontId="1" type="noConversion"/>
  </si>
  <si>
    <t>新北 市 今日 新增 1 例 確診 針對 永和 某 公寓 大 樓群 聚 新北 市 市長 侯友宜 昨日 於 應變 記者會 上 說 整 棟 樓 110 戶 236 人 全棟 隔離 全面 阻斷 病毒傳播 的 可能性 今日 市府 團隊 將 於 下午 3 時 召開 記者會 說明 最新 疫情 應變 措施 中 時新</t>
    <phoneticPr fontId="1" type="noConversion"/>
  </si>
  <si>
    <t>半 導體 力搏 市場 雜音 美 系 外資 挺 聯發 科 續看 1740 元</t>
    <phoneticPr fontId="1" type="noConversion"/>
  </si>
  <si>
    <t>有 美 系 外資 示 警 大 砍 半導體 財 測 認為 智慧 型 手機 面臨 修正 風險 揮刀 砍 16 檔 半導體 個股 目標價 聯發 科 也 包括 在內 但 今 有 另外 一家 美 系 外 資力 挺 認為 聯發 科 2454 第二 季 營運 動能 依舊 強勁 且 下半年 將 有 機會 拿下 更 好 的</t>
    <phoneticPr fontId="1" type="noConversion"/>
  </si>
  <si>
    <t>有 美 系 外資 示 警 大 砍 半導體 財 測 認為 智慧 型 手機 面臨 修正 風險 揮刀 砍 16 檔 半導體 個股 目標價 聯發 科 也 包括 在內 但 今 有 另外 一家 美 系 外 資力 挺 認為 聯發 科 2454 第二 季 營運 動能 依舊 強勁 且 下半年 將 有 機會 拿下 更 好 的 市 占 率 以及 平均 售價 維持 聯發 科 買進 評等 目標價 1740 元 美 系 外資 表示 儘管 現階段 市場 針對 智慧 型 手機 訂單 減少 出現 雜音 加上 臺灣 疫情 升溫 全台 警戒 升至 3 級 但 聯發 科 對於 第二 季 展望 依舊 維持 強勁 成長 的 樂觀 預期 主要 動能 來自 於 全面 性 的 需求 增長 有鑒於 聯發 科 對於 業務 的 正向 看法 且 資產負債表 良好 故 可以 將 現金 股利 支出 提高 到 80 85 近 4 年 每股 加發 特別 股利 16 元 現金 殖 利率 相當 吸引 人 故 維持 聯發 科 買進 評等 目標價 1740 元 美 系 外資 表示 因為 印度 智慧 型 手機 市場 轉 弱 所以 智慧 型 手機 oem 廠商 可能 會 削減 其 訂單 但 聯發 科 目前 依舊 看到 下游 供應商 的 訂單 有所 增加 沒有 看到 對 整體 需求 有 任何 影響 訂單 的 需求 依舊 超越 聯發 科 所能 供給 的 現階段 面對 產能 緊張 連發科 也 持續 和 供應 鏈 合作夥伴 努力 盡可能 滿足 需求 確保 並 獲得 供應 鏈 中 足夠 的 產能 仍然 是 聯發 科 最 重要 的 事 因此 聯發 科 重申 第二 季營 收 增長 10 18 預期 不 變 美 系 外資 表示 聯發 科 也 持續 透過 更 佳 的 產品組合 來 提升 毛利率 天璣 1200 定位 于 高端 5 g 手機 相較 先前 產品 具有 更 高 的 asp 和 利潤率 另外 基於 arm 的 chromebook 產品 滲透 率 也 持續 提升 展望 下半年 聯發 科 智慧 型 手機 市場 將 有 機會 拿下 更 好 的 市 占 率 以及 平均 售價 以 今 年前 5 月 的 銷售 狀況 來看 聯發 科 預計 今年 全球 整體 5 g 智慧 手機 出貨量 將 超過 5億 支 的 預期 不 變 且 目前 產品 持續 緊 繃 供應 鏈 都 積極 在 滿足 客戶 需求 市場 對於 庫存 修正 的 預期 恐 過於 擔憂</t>
    <phoneticPr fontId="1" type="noConversion"/>
  </si>
  <si>
    <t>聯發 科 5 g 智慧 機 asp arm</t>
    <phoneticPr fontId="1" type="noConversion"/>
  </si>
  <si>
    <t>食物 最 容易 沾染 病毒 譚敦慈 外 食 先 看 2 關鍵</t>
    <phoneticPr fontId="1" type="noConversion"/>
  </si>
  <si>
    <t>外 食 譚敦慈 餐廳 勞工 紓困 補助 申請 桂林路 家樂福</t>
    <phoneticPr fontId="1" type="noConversion"/>
  </si>
  <si>
    <t>delta 危機四伏 專家 揭一 疫苗 現象 傳統 方式 還 是 最好</t>
    <phoneticPr fontId="1" type="noConversion"/>
  </si>
  <si>
    <t>中央 宣佈 今 5 日 本土 確診 新增 6 例 為 5 月 升級 防疫 警戒 以來 最低 儘管 國內 疫情 趨 緩 毒理 專家 招名威 指出 成為 全球 主流 變異 株 的 delta 印度 變種 病毒 已經 在 臺灣 門口 蠢蠢欲動 全民 除了 要 施打 疫苗 仍 應 維持 傳統 防疫 方式</t>
    <phoneticPr fontId="1" type="noConversion"/>
  </si>
  <si>
    <t>delta 變種 病毒 100 疫苗 傳統 防疫</t>
    <phoneticPr fontId="1" type="noConversion"/>
  </si>
  <si>
    <t>指數 歐元 疲軟 歐 股</t>
    <phoneticPr fontId="1" type="noConversion"/>
  </si>
  <si>
    <t>美名嘴痛批：白宮正迫使情報單位元做出「病毒源自大陸」的結論</t>
    <phoneticPr fontId="1" type="noConversion"/>
  </si>
  <si>
    <t>美名 嘴 痛 批 白宮 正 迫使 情報 單位 做出 病毒 源自 大陸 的 結論</t>
    <phoneticPr fontId="1" type="noConversion"/>
  </si>
  <si>
    <t>大陸 法裡德 白宮 來自 美國</t>
    <phoneticPr fontId="1" type="noConversion"/>
  </si>
  <si>
    <t>雲 林縣 12 日 再 增 1 名 本土 確診 案 案 12838 為 雲 林縣 麥寮 鄉 台塑 六 輕工業 區 員工 本月 5 日 出現 身體 不適 9 日 回 高雄 住處 11 日 就醫 確診 目前 工業區 已 有 5 名 員工 確診 縣府 已 展開 調查 其 關聯 性 避免 疫情 持續 擴大 案 12838 為 42</t>
    <phoneticPr fontId="1" type="noConversion"/>
  </si>
  <si>
    <t>美國 疫情 影響 停賽 川普 總統</t>
    <phoneticPr fontId="1" type="noConversion"/>
  </si>
  <si>
    <t>醫 斷言 社區 感染 終將 到來 免疫力 才 是 硬 道理</t>
    <phoneticPr fontId="1" type="noConversion"/>
  </si>
  <si>
    <t>江守山 社區 感染 免疫力 硬 道理 謝震 武</t>
    <phoneticPr fontId="1" type="noConversion"/>
  </si>
  <si>
    <t>致函 臺灣 要 疫苗 菲律賓 否認</t>
    <phoneticPr fontId="1" type="noConversion"/>
  </si>
  <si>
    <t>稍 早 有 媒體 傳出 菲律賓 致函 臺灣 如果 國產 疫苗 獲得 我國 緊急 使用 授權 eua 審核 通過 菲律賓 將 會 直接 采認 我國 的 eua 讓 國產 疫苗 在 當地 免 做 3 期 臨床 直接 讓 民眾 施打 對此 菲律賓 官方 今 15 日 否認 菲律賓 最 大 廣播</t>
    <phoneticPr fontId="1" type="noConversion"/>
  </si>
  <si>
    <t>獨家 新北 再 傳 1 確診 者 死亡 家屬 被 居家 隔離 無法 送終</t>
    <phoneticPr fontId="1" type="noConversion"/>
  </si>
  <si>
    <t>青少年 bnt 第二 劑 12 至 17 歲 接種 延後</t>
    <phoneticPr fontId="1" type="noConversion"/>
  </si>
  <si>
    <t>日 自衛隊 備 大巴 送 公主 號 美 旅客 搭 包機</t>
    <phoneticPr fontId="1" type="noConversion"/>
  </si>
  <si>
    <t>張瑞雄 不 舒適 也 不 仁慈 的 美國</t>
    <phoneticPr fontId="1" type="noConversion"/>
  </si>
  <si>
    <t>wwe 巨星 放棄 大賽 我 怕 病毒</t>
    <phoneticPr fontId="1" type="noConversion"/>
  </si>
  <si>
    <t>wwe 摔 角 職業 摔 角 瑞恩斯 美國</t>
    <phoneticPr fontId="1" type="noConversion"/>
  </si>
  <si>
    <t>民進 党 要員 怎 不 擔任 抗 疫 總指揮 港 媒 嗅 出 不 尋常</t>
    <phoneticPr fontId="1" type="noConversion"/>
  </si>
  <si>
    <t>三 倍 券 將 爆發 民怨 她 揭 3 關鍵 要素 綠 議員 贊同</t>
    <phoneticPr fontId="1" type="noConversion"/>
  </si>
  <si>
    <t>民怨 三 倍 券 梁 文傑 陳鳳馨 行政院</t>
    <phoneticPr fontId="1" type="noConversion"/>
  </si>
  <si>
    <t>可 多 救 500萬 人 世衛 促 g 20 捐 6500億 抗 疫</t>
    <phoneticPr fontId="1" type="noConversion"/>
  </si>
  <si>
    <t>世衛</t>
    <phoneticPr fontId="1" type="noConversion"/>
  </si>
  <si>
    <t>取得 疫苗 肺炎 世衛 計畫</t>
    <phoneticPr fontId="1" type="noConversion"/>
  </si>
  <si>
    <t>何時 恢復正常 生活 陳建仁 這麼 說</t>
    <phoneticPr fontId="1" type="noConversion"/>
  </si>
  <si>
    <t>今 新增 10 例 本土 雙北 7 人 最 多 共 3 死</t>
    <phoneticPr fontId="1" type="noConversion"/>
  </si>
  <si>
    <t>開學 在即 全國 家長會 長 聯盟 籲 提 8 點 防疫</t>
    <phoneticPr fontId="1" type="noConversion"/>
  </si>
  <si>
    <t>全國 兩會 不遠 了 青海 內蒙 召開 兩會</t>
    <phoneticPr fontId="1" type="noConversion"/>
  </si>
  <si>
    <t>大陸 部分 地區 的 市級 兩會 於 近日 相繼 召開 25 日 內蒙古 烏海市 進入 2020 年 兩會 時間 當天 召開 烏海市 政協 九 屆 三 次 會議 次日 烏海市 人大 會議 開幕 22 日 政協 青海 玉樹 州 委員會 十四 屆 五 次 會議 開幕 23 日 下午 玉樹</t>
    <phoneticPr fontId="1" type="noConversion"/>
  </si>
  <si>
    <t>疫情 來 襲 北市 酒 駕 執法 不 打烊</t>
    <phoneticPr fontId="1" type="noConversion"/>
  </si>
  <si>
    <t>莫德納來 了 盧秀燕 29 日 起 為 68 歲 以上 長者 打 第 2 劑</t>
    <phoneticPr fontId="1" type="noConversion"/>
  </si>
  <si>
    <t>病人 收治 攻擊 肺炎 病情</t>
    <phoneticPr fontId="1" type="noConversion"/>
  </si>
  <si>
    <t>美國防 授權 法 呼籲 醫療 船 來 台</t>
    <phoneticPr fontId="1" type="noConversion"/>
  </si>
  <si>
    <t>美國 肺炎 國防 授權 法 軍事 國防部</t>
    <phoneticPr fontId="1" type="noConversion"/>
  </si>
  <si>
    <t>美中 角力 下 的 臺灣 外交政策 戰場 延 燒 至 疫苗 外交</t>
    <phoneticPr fontId="1" type="noConversion"/>
  </si>
  <si>
    <t>屏 東 鳳梨 出運 外銷 日本超市 第一 櫃</t>
    <phoneticPr fontId="1" type="noConversion"/>
  </si>
  <si>
    <t>鳳梨 屏 東 日本 超市 外銷</t>
    <phoneticPr fontId="1" type="noConversion"/>
  </si>
  <si>
    <t>鍾 南山 6 月 可以 期待 結束 疫情</t>
    <phoneticPr fontId="1" type="noConversion"/>
  </si>
  <si>
    <t>美 五角大廈 37 人 中 鏢 正副 國防部長 緊急 隔離</t>
    <phoneticPr fontId="1" type="noConversion"/>
  </si>
  <si>
    <t>單日 新增 校正 回歸 本土 確診 472 疫情 壓不住 確診 破 萬增 21 死</t>
    <phoneticPr fontId="1" type="noConversion"/>
  </si>
  <si>
    <t>陽性 回歸 北市 快 篩 校正</t>
    <phoneticPr fontId="1" type="noConversion"/>
  </si>
  <si>
    <t>臺灣 高鐵 配 息 降 至 1 21 元</t>
    <phoneticPr fontId="1" type="noConversion"/>
  </si>
  <si>
    <t>現金 股利 肺炎 臺灣 高鐵 配發 疫情</t>
    <phoneticPr fontId="1" type="noConversion"/>
  </si>
  <si>
    <t>京元 電子 群 聚 感染 台中 市府 清查 同 人力 仲 介 移 工</t>
    <phoneticPr fontId="1" type="noConversion"/>
  </si>
  <si>
    <t>為何 防疫 優秀 紓困 卻 一團亂 網 一針見血 問題 都 在 他 身上</t>
    <phoneticPr fontId="1" type="noConversion"/>
  </si>
  <si>
    <t>擬 開放 企業 自行 快 篩 竹 科 可 成為 首 個 示範 地點</t>
    <phoneticPr fontId="1" type="noConversion"/>
  </si>
  <si>
    <t>華春瑩 痛駡 蓬佩 奧 編造謊言 已是 公開 秘密</t>
    <phoneticPr fontId="1" type="noConversion"/>
  </si>
  <si>
    <t>先 打 年輕人 第 1 劑 還是 長輩 第 2 劑 陳時中 這個 問題 永遠 無 解</t>
    <phoneticPr fontId="1" type="noConversion"/>
  </si>
  <si>
    <t>陳時中 疫苗 長輩 年輕人 覆蓋率</t>
    <phoneticPr fontId="1" type="noConversion"/>
  </si>
  <si>
    <t>航空 業 危機 爆 有 第 4 人 確診 莊人祥 回 應 了</t>
    <phoneticPr fontId="1" type="noConversion"/>
  </si>
  <si>
    <t>美國 旅遊 疫情 建議 升級 陳時中 已 到 臨界點 分 州 實施</t>
    <phoneticPr fontId="1" type="noConversion"/>
  </si>
  <si>
    <t>針對 美國 疫情 日趨嚴重 衛福 部長 陳時中 表示 事實上 已 到 了 臨界點 旅遊 疫情 建議 一定 會 升級 而且 將 會 採取 分 州 的 方式 個別 提升 反映 實際 的 疫情 狀況 至於 菲律賓 首都 馬尼拉 實施 封城 陳時中 認為 實際 的 疫情 確實 很 嚴重</t>
    <phoneticPr fontId="1" type="noConversion"/>
  </si>
  <si>
    <t>針對 美國 疫情 日趨嚴重 衛福 部長 陳時中 表示 事實上 已 到 了 臨界點 旅遊 疫情 建議 一定 會 升級 而且 將 會 採取 分 州 的 方式 個別 提升 反映 實際 的 疫情 狀況 至於 菲律賓 首都 馬尼拉 實施 封城 陳時中 認為 實際 的 疫情 確實 很 嚴重 會 與 相關 單位 保持聯繫 隨 實因 應 實際 需要 上午 陳時中 也 在 外交部 安排 下 與 各國 駐 台 代表 見面 也 提到 一 套 自主 健康 管理 的 機制 加強 通報 管理 嚴格要求 確實 通報 也 會 有 罰 責 這 套 系統 很快 就 會 建立</t>
    <phoneticPr fontId="1" type="noConversion"/>
  </si>
  <si>
    <t>無 薪 假 家數 人數 再創新高 逾 千家 住宿 及 餐飲業 大 減班</t>
    <phoneticPr fontId="1" type="noConversion"/>
  </si>
  <si>
    <t>北市 5 例 中 有 3 例 是 無 症狀 柯文哲 歎 醫院 抓 黑 數 進度緩慢</t>
    <phoneticPr fontId="1" type="noConversion"/>
  </si>
  <si>
    <t>臺北市 今日 新增 5 例 本土 個案 為 全國 第二 高 個案 分 佈 於 北市 4 個 行政區 其中 中正區 2 例 最 多 臺北市 長 柯文哲 認為 只 看 戶籍地 意義 不大 但 他 也 坦言 5 例 中 有 3 例 是 無 症狀 患者 北市 個案 中 就 有 44 確診 者 為此 狀況 因此 到</t>
    <phoneticPr fontId="1" type="noConversion"/>
  </si>
  <si>
    <t>蘭科 植物園 自辦 蘭 展 名花 爭 豔</t>
    <phoneticPr fontId="1" type="noConversion"/>
  </si>
  <si>
    <t>蘭展 肺炎 蘭花 得獎 疫情</t>
    <phoneticPr fontId="1" type="noConversion"/>
  </si>
  <si>
    <t>因應 傳染病 威脅 國軍 預 醫 所 將 規劃 興建 新 的 p 4 實驗室</t>
    <phoneticPr fontId="1" type="noConversion"/>
  </si>
  <si>
    <t>三級 警戒 不斷 延後 何時 能 解? 網點 出 1 關鍵 中秋 節後</t>
    <phoneticPr fontId="1" type="noConversion"/>
  </si>
  <si>
    <t>全台 自 5 19 開始 實施 三級 警戒 如今 一 延 再延 目前 確定 會 延 後 至 7 12 對此 一 名 網友 好奇 發問 依照 臺灣 目前 的 情況 三級 警戒 要 延到 何時 貼 文 引發 熱 議 不少 網友 表示 樂觀 來說 至少 要 等到 中秋節 另 也 有人 認為 疫苗 覆</t>
    <phoneticPr fontId="1" type="noConversion"/>
  </si>
  <si>
    <t>第 三 劑 莫德納 4 類人 優先 打 何時 輪到 你 4 大 qa 一 次 看</t>
    <phoneticPr fontId="1" type="noConversion"/>
  </si>
  <si>
    <t>第 三 劑 莫德納 疫苗 四類人 優先</t>
    <phoneticPr fontId="1" type="noConversion"/>
  </si>
  <si>
    <t>嚴防 delta 病毒 鄭文燦 提 7 大 防線 檢 視</t>
    <phoneticPr fontId="1" type="noConversion"/>
  </si>
  <si>
    <t>delta 病毒 已經 到 家門口 桃園 市長 鄭文燦 表示 提出 7 大 防線 檢 視 包含 桃園 國際機場 機組員 防疫 旅館 華航 及 長 榮 園區 民眾 防疫 旅館 防疫 計程車 責任 醫院 采 檢 站 都會 逐一 檢討 鄭文燦 表示 針對 delta 病毒 防</t>
    <phoneticPr fontId="1" type="noConversion"/>
  </si>
  <si>
    <t>delta 病毒 已經 到 家門口 桃園 市長 鄭文燦 表示 提出 7 大 防線 檢 視 包含 桃園 國際機場 機組員 防疫 旅館 華航 及 長 榮 園區 民眾 防疫 旅館 防疫 計程車 責任 醫院 采 檢 站 都會 逐一 檢討 鄭文燦 表示 針對 delta 病毒 防線 提出 7 大 防線 檢 視 第 1 個 是 桃園 國際機場 他 說 機場 有 設置 采 檢 站 包含 入境 動 線 桃園 市府 會同 機場 民航 局 檢查 機場 防疫 動 線 第 2 是 針對 機組員 改 成 5 9 必須 居隔 5 天 加上 9 天 加強版 自主 健康 管理 因此 需 增加 防疫 旅館 數量 鄭文燦 說明 原本 桃園 有 3 家 機組員 防疫 旅館 必須 增加 到 5 家 且為 專用 不得 與 一般 檢疫 民眾 混住 鄭文燦 又 說 第 3 則 是 華航 長 榮 園區 會 進行 防疫 檢查 第 4 為 一般 民眾 入境 使用 防疫 旅館 目前 有 25 家 使用率 77 有 60 非 桃園 市 籍 而 基於 防疫 責任 要 對 防疫 旅館 的 健康 管理 防疫 動 線 進行 檢查 第 5 則 是桃園 533 輛 防疫 計程車 已經 服務 1 年 半 將 持續 密切 對 防疫 計程車 健康 管理 進行 必要 加強 第 6 為 責任 醫院 強化 防疫 加強 醫療 量 能 第 7 為 采 檢 站 因 入境 要 2 采 有 8 個 防疫 旅館 到 旅館 是 設 采檢 站 其他 是 到 醫院 采 檢 需 檢查 采 檢 動 線 安排 鄭文燦 說 這 7 防線 是 因應 病毒 來到 家門口 每 道 防線 都 不能 鬆懈 他 又 重申 航空 公司 外 站 管理 需 進行 外 站 旅館 動 線 檢查 另外 機組員 入境 後 還 沒 等 到 pcr 結果 出來 就 趴 趴 走 的 時間差 也 要 改善</t>
    <phoneticPr fontId="1" type="noConversion"/>
  </si>
  <si>
    <t>產業 空中巴士 在 法國 與 西班牙 部 份 復工</t>
    <phoneticPr fontId="1" type="noConversion"/>
  </si>
  <si>
    <t>直播 新北 微 2 逐步 微 解封 侯友宜 不具 傳播 力 地點 開始</t>
    <phoneticPr fontId="1" type="noConversion"/>
  </si>
  <si>
    <t>問題 大 了 美 航母 近 3000 人 要 下 艦 隔離</t>
    <phoneticPr fontId="1" type="noConversion"/>
  </si>
  <si>
    <t>民進 党 支持者 首選 非 高端 遊盈隆 曝 資料 蔡 政府 2 點 判斷 失誤</t>
    <phoneticPr fontId="1" type="noConversion"/>
  </si>
  <si>
    <t>bnt 疫苗 28 日 開放 登記 民眾 如 潮水般 湧入 對此 臺灣 民意 基金會 董事長 游盈隆 表示 bnt 和 高端 兩 種 疫苗 受 民眾 歡迎 程度 高下 立 判 但 自己 對於 這樣 的 結果 並不 意外 同時 遊盈隆 也 發現 民進 党 支持者 的 首選 偏好 也 不是</t>
    <phoneticPr fontId="1" type="noConversion"/>
  </si>
  <si>
    <t>中 市 增 11 例 本土 個案 確診 者 曾 到 健 保 署 中區 辦 健 保 卡</t>
    <phoneticPr fontId="1" type="noConversion"/>
  </si>
  <si>
    <t>健 保 署 中區 業務 健 保 卡 洽 公</t>
    <phoneticPr fontId="1" type="noConversion"/>
  </si>
  <si>
    <t>蕭幹祥 專欄 從 國際 油價 看 後 疫情 時代 投資 方向</t>
    <phoneticPr fontId="1" type="noConversion"/>
  </si>
  <si>
    <t>4 月 20 日西 德州 輕 原油期貨 價格 出現 史上首 見 的 負 油價 一度 造成 金融市場 的 劇烈 波動 雖然 最後 追查 主要 原因 在於 中國銀行 金融 衍生 商品 原油 寶 的 期貨 轉 倉 因素 才 造成 當日 原油期貨 每桶 負 37 美元 的 破天荒 價格 然而 其</t>
    <phoneticPr fontId="1" type="noConversion"/>
  </si>
  <si>
    <t>原油 肺炎 價格 石油 飛機</t>
    <phoneticPr fontId="1" type="noConversion"/>
  </si>
  <si>
    <t>國人 重 十 看 國片 信心 整體 票房 較 去年 成長 30</t>
    <phoneticPr fontId="1" type="noConversion"/>
  </si>
  <si>
    <t>新 媒體 暨 影視 音 發展 協會 nmea 主辦 第二 屆 亞洲 新 媒體 高 峰會 22 日 圓滿 落幕 為期 二 日共 舉行 了 20 場 專題 演講 與 對談 62 位 頂尖 產業 領袖 及 臺灣 致力 於泛 娛樂 產業 的 專業人士 以 change the world 為 主題 聚焦 資本 化</t>
    <phoneticPr fontId="1" type="noConversion"/>
  </si>
  <si>
    <t>亞洲 新 媒體 高 峰會</t>
    <phoneticPr fontId="1" type="noConversion"/>
  </si>
  <si>
    <t>法人 喊 買 鎧勝 可 成 行情 升</t>
    <phoneticPr fontId="1" type="noConversion"/>
  </si>
  <si>
    <t>繼 pcb 被動 元件 接連 端 出 族群 性 上漲 表現 後 兩 大 投 顧欽點 下 一 波 由 金屬 機殼 雙 雄 接 棒 凱基 富 邦 投 顧 接連 升 評 鎧勝 -ky 5264 至 買進 同時 看好 可 成 2474 穀底 已 過 同樣 喊 買 凱基 投 顧 科技產業 分析 師向子 慧 指出</t>
    <phoneticPr fontId="1" type="noConversion"/>
  </si>
  <si>
    <t>鎧勝 凱基 肺炎 喊 買 富 邦 投 顧</t>
    <phoneticPr fontId="1" type="noConversion"/>
  </si>
  <si>
    <t>強生 很 嚴重 川普 為 英相 祈禱 親 派 最 棒 專家 赴英</t>
    <phoneticPr fontId="1" type="noConversion"/>
  </si>
  <si>
    <t>19 29 更新 新北 市 某 間 幼稚園 爆發 群 聚 感染 一 名 幼稚園 老師 確診 感染 給 8 名 學生 1 名 家長 臺北市 長 柯文哲 6 日 表示 北市 也 有 一 名 學童 在 該 家 新北 幼稚園 上課 此外 北市 預防 性 停課 的 幼稚園 不只 一 間 目前 已 掌握 北市 中</t>
    <phoneticPr fontId="1" type="noConversion"/>
  </si>
  <si>
    <t>幼稚園 北市 新北 老師 停課</t>
    <phoneticPr fontId="1" type="noConversion"/>
  </si>
  <si>
    <t>日厚勞省公佈13項新冠肺炎輕症患者「高度緊急症狀」</t>
    <phoneticPr fontId="1" type="noConversion"/>
  </si>
  <si>
    <t>藥局 衛生所 喘息 4 月 19 日 起 周日 不 賣 口罩</t>
    <phoneticPr fontId="1" type="noConversion"/>
  </si>
  <si>
    <t>排 華 加劇 華人 圈 微信 群 組 自保</t>
    <phoneticPr fontId="1" type="noConversion"/>
  </si>
  <si>
    <t>加州 中國 美國 肺炎 tommy</t>
    <phoneticPr fontId="1" type="noConversion"/>
  </si>
  <si>
    <t>施打 疫苗 安南 醫院 流感 民眾</t>
    <phoneticPr fontId="1" type="noConversion"/>
  </si>
  <si>
    <t>中職 不縮水 開幕 戰 恐 延到 清明 後</t>
    <phoneticPr fontId="1" type="noConversion"/>
  </si>
  <si>
    <t>侯友宜宣佈：長照機構、洗腎患者、75歲以上優先施打疫苗</t>
    <phoneticPr fontId="1" type="noConversion"/>
  </si>
  <si>
    <t>侯友宜 宣佈 長 照 機構 洗 腎 患者 75 歲 以上 優先 施打 疫苗</t>
    <phoneticPr fontId="1" type="noConversion"/>
  </si>
  <si>
    <t>影射 政府 徵用 口罩 大 賺 一 筆 台中 女 上班族 遭 送 辦</t>
    <phoneticPr fontId="1" type="noConversion"/>
  </si>
  <si>
    <t>台中 一 名 30 歲 林姓 女 上班族 上月 收到 朋友 用 line 傳來 的 訊息 指 因為 有 認識 做 口罩 工廠 的 叔叔 政府 規定 不能 出口 但 用 低於 生產成本 的 價格 跟 廠商 強制 收購 並 要求 廠商 自行 吸收 虧損 再 用 高於 市場 的 價格 販 售 給 民眾</t>
    <phoneticPr fontId="1" type="noConversion"/>
  </si>
  <si>
    <t>口罩 政府 價格 刑事 局 廠商</t>
    <phoneticPr fontId="1" type="noConversion"/>
  </si>
  <si>
    <t>義 大利 旅遊 疫情 建議 即日起 升為 第 三級 警告</t>
    <phoneticPr fontId="1" type="noConversion"/>
  </si>
  <si>
    <t>陸配納 健 保 爭議 馬英九 駁 陳柏惟 籲 警方 究 責</t>
    <phoneticPr fontId="1" type="noConversion"/>
  </si>
  <si>
    <t>針對 臺灣 基 進 黨立委 陳柏惟 及 部分 媒體 指出 馬英九 政府 時代 放寬 規定 擴大 居留證 明 之 認定 因此 大幅 增加 健 保 支出 前 總統 馬英九 辦公室 今天 表示 相關 說法 完全 悖 離 事實 錯誤百出 呼籲 主管機關 盡 速 說明 避免 誤導</t>
    <phoneticPr fontId="1" type="noConversion"/>
  </si>
  <si>
    <t>南彰 大家族 傳播 2 媳 孫 確診</t>
    <phoneticPr fontId="1" type="noConversion"/>
  </si>
  <si>
    <t>彰 化 縣 鄉鎮 傳播 幾 歲 裡長</t>
    <phoneticPr fontId="1" type="noConversion"/>
  </si>
  <si>
    <t>疫情 推動 遠 距 工作 潮 英國 四大 電信網 路 崩潰 微軟 teams 故障</t>
    <phoneticPr fontId="1" type="noConversion"/>
  </si>
  <si>
    <t>趙 少康 運氣 說 遭 綠 圍剿 有理 羅智強 突破 盲點</t>
    <phoneticPr fontId="1" type="noConversion"/>
  </si>
  <si>
    <t>力挺 譚 德塞 惹 議 ladygaga 恐 成 下 個 出征 目標</t>
    <phoneticPr fontId="1" type="noConversion"/>
  </si>
  <si>
    <t>臺灣 防疫 成績 有目共睹 而 譚 德塞 日前 誣 指 臺灣 對 他 種族歧視 引起 了 軒然大波 沒 想到 美國 歌手 lady gaga 竟 公開 表示 譚 德塞 是 超級 巨星 大力 稱讚 譚 德塞 讓 臺灣 一 片 譁然 有 大陸 資深 媒體 人 藉 機 酸 lady gaga 可能 成</t>
    <phoneticPr fontId="1" type="noConversion"/>
  </si>
  <si>
    <t>陳時中 感染 源 否認 社區 社區 傳播</t>
    <phoneticPr fontId="1" type="noConversion"/>
  </si>
  <si>
    <t>陳時中 下令 要 政風 查葉彥 伯 前 疾 管局 副 局長 4 字 重 轟 這不 是 逆 時 中</t>
    <phoneticPr fontId="1" type="noConversion"/>
  </si>
  <si>
    <t>施文 儀 葉彥伯 陳時中 政風 調查</t>
    <phoneticPr fontId="1" type="noConversion"/>
  </si>
  <si>
    <t>台灣為何本土案例少？外媒驚：解方在臺北</t>
    <phoneticPr fontId="1" type="noConversion"/>
  </si>
  <si>
    <t>臺灣 為何 本土 案例 少 外 媒 驚 解方 在 臺北</t>
    <phoneticPr fontId="1" type="noConversion"/>
  </si>
  <si>
    <t>who 志 村 健 類 包機 連 假 268 例</t>
    <phoneticPr fontId="1" type="noConversion"/>
  </si>
  <si>
    <t>財 報 籌碼 雙喜 16 檔 演 主旋律</t>
    <phoneticPr fontId="1" type="noConversion"/>
  </si>
  <si>
    <t>泰碩 上市 櫃 世芯 肺炎 檔 個股</t>
    <phoneticPr fontId="1" type="noConversion"/>
  </si>
  <si>
    <t>北市 中正區 5 旬 男 確診 14 人居 隔 3 人 pcr 待 出爐</t>
    <phoneticPr fontId="1" type="noConversion"/>
  </si>
  <si>
    <t>北市 副 市長 黃珊珊 29 日 公佈 北市 1 例 本土 個案 資訊 案 16315 是 中正區 50 多 歲 男性 5 月 間 在 萬華 足跡 活動 當時 陰性 27 日 因 要 出國 采 檢 ct 值 28 陽性 後來 ct 值 又 為 39 判斷 是 殘陽 就 案 已 居家 隔離 14 人 其中 親友 3 人 職 場 7</t>
    <phoneticPr fontId="1" type="noConversion"/>
  </si>
  <si>
    <t>禁 三 倍 券 買賣 鄭運鵬 提 3 點 我 反對</t>
    <phoneticPr fontId="1" type="noConversion"/>
  </si>
  <si>
    <t>三 倍 券 振興 券 消費 鄭運鵬 買賣</t>
    <phoneticPr fontId="1" type="noConversion"/>
  </si>
  <si>
    <t>是否 隔離 說法 引 爭議 謝長廷 防疫 中心 決定</t>
    <phoneticPr fontId="1" type="noConversion"/>
  </si>
  <si>
    <t>日本政府 日前 同意 我國 可 派 專機 將 鑽石 公主 號 的 臺灣人 接回 國 目前 還 在 溝通 相關 細節 對於 接回 臺灣 的 乘客 需不需要 再 隔離 駐 日 代表 謝長廷 今 16 天 表示 這 屬於 防疫 專業 如果 防疫 中心 決定 需要 隔離 那 就 是 決策</t>
    <phoneticPr fontId="1" type="noConversion"/>
  </si>
  <si>
    <t>比 南海 還 危險 專家 指 中 美 愈 緊張 陸愈 急於 奪 台 部署 潛艇 基地</t>
    <phoneticPr fontId="1" type="noConversion"/>
  </si>
  <si>
    <t>美國 臺灣 中國 大陸 川普 南海</t>
    <phoneticPr fontId="1" type="noConversion"/>
  </si>
  <si>
    <t>另 類 商機 布 口罩 套 夯 三 重 碧華 布 街 湧 人潮 購 布料</t>
    <phoneticPr fontId="1" type="noConversion"/>
  </si>
  <si>
    <t>諾貝爾經濟學獎 得主 著名 紐約時報 專欄作家 保羅 克魯格曼 paul krugman 撰文 指出 幾乎 可以 肯定 美國 疫情 會 愈來愈 糟 這 比 義 大利 疫情 大 流行 階段 還 糟糕 確診 病例 3 天 翻 一番 而 按照 這 速度 一個 月 後 確診 病例 將 增</t>
    <phoneticPr fontId="1" type="noConversion"/>
  </si>
  <si>
    <t>半 導體 頎 邦 上 季 去年 獲利 齊登 歷史 第 3 高 多頭 給 漲 聲</t>
    <phoneticPr fontId="1" type="noConversion"/>
  </si>
  <si>
    <t>頎 邦 營 收 獲利 eps 成長</t>
    <phoneticPr fontId="1" type="noConversion"/>
  </si>
  <si>
    <t>彰 化 萬人 檢測 台 大公 衛教授 證實 有 4 個 族群 驗 出 陽性反應</t>
    <phoneticPr fontId="1" type="noConversion"/>
  </si>
  <si>
    <t>彰 化 縣 衛生局 與 台 大公 衛學院 合作 進行 萬 人 血清 抗體 檢測 目前 已經 檢驗 3000 人 有 4 個 族群 都 驗 出 了 部分 陽性反應 台 大公 衛教授 陳 秀 熙 對 此 表示 恐 有 潛 在 感染 這次 彰 化 萬人 檢測 對象 以 4 個 族群 為主 包括 了 醫療 照</t>
    <phoneticPr fontId="1" type="noConversion"/>
  </si>
  <si>
    <t>彰 化 縣 衛生局 與 台 大公 衛學院 合作 進行 萬 人 血清 抗體 檢測 目前 已經 檢驗 3000 人 有 4 個 族群 都 驗 出 了 部分 陽性反應 台 大公 衛教授 陳 秀 熙 對 此 表示 恐 有 潛 在 感染 這次 彰 化 萬人 檢測 對象 以 4 個 族群 為主 包括 了 醫療 照 護 防疫 人員 確診 個案 居家 檢疫 者 接觸 者 陳 秀 熙 今天 8 日 晚間 受訪 時 指出 目前 檢驗 的 3000 人中 以上 4 個 族群 都 有 驗 出 部分 陽性反應 代表 當地 恐 有 潛 在 感染 陳 秀 熙 補充 說明 這次 檢驗 不是 只 有 快 篩 相關 檢驗 持續 進行 中 實驗室 結果 尚未 出爐 4 個 族群 的 陽性 比例 還要 進一步 確認 他 強調 實驗室 將 會 進一步 做出 nt 抗體 等 中和 抗體 確認 這類 抗體 與 康復 後 的 抗體 不同 意味著 免疫 細胞 受 刺激 後 產生 代表 該 檢驗者 有 免疫力 詳情 將 在 本月 25 日 公開</t>
    <phoneticPr fontId="1" type="noConversion"/>
  </si>
  <si>
    <t>garmin 林 口 廠 1 員工 確診 桃園 市長 鄭文燦 9 日 疫情 說明 先 批 臺北市 發現 1 婦人 確診 後 並未 匡列 丈夫 其 丈夫 到 新竹 縣 工作 確診 才 緊急 匡列職 場 同事 丈夫 又 傳給 3 同事 1 同事 傳染給 在 garmin 林 口 廠 上班 住 新北 的 女兒 鄭文燦</t>
    <phoneticPr fontId="1" type="noConversion"/>
  </si>
  <si>
    <t>garmin 林 口 廠 1 員工 確診 桃園 市長 鄭文燦 9 日 疫情 說明 先 批 臺北市 發現 1 婦人 確診 後 並未 匡列 丈夫 其 丈夫 到 新竹 縣 工作 確診 才 緊急 匡列職 場 同事 丈夫 又 傳給 3 同事 1 同事 傳染給 在 garmin 林 口 廠 上班 住 新北 的 女兒 鄭文燦 也 說 桃園 市 衛生 局 7 月 7 日 中午 就 入 廠采 檢 但 晚上 才接 獲 新北市衛生局 通知 確診 呼籲 要 充分 分享 疫 調資 訊 鄭文燦 表示 garmin 員工 確診 的 源頭 是 北市 案例 確診 但是 他 丈夫 未 被 匡列 他 繼續 到 新竹 縣 上班 在 新竹 確診 當時 匡列 9 人 居家 隔離 因 竹縣 和 桃園 對 疫 調 交換 資訊 該 丈夫 的 1 同事 在 居家 隔離 期間 有 症狀 就醫 采 檢 確診 衛生局 也 緊急 匡列 他 住 桃園 的 同事 家人 因 部分 家人 住 新北 也 將 居家 隔離 個案 轉交 給 新北 市 後來 同事 住 新北 的 女兒 也 就 是 在 garmin 上班 的 員工 確診 鄭文燦 也 說 該 員工 住 在 新北 屬 於 新北 案例 7 月 7 日 桃園 市 衛生局 緊急 中午 入 廠 采檢 532 人 目前 pcr 都 是 陰性 但 桃園 市 衛生局 一直 到 7 月 7 日 晚間 才接 獲 新北市衛生局 通知 個案 鄭文燦 也 說 任何 個案 都 會 有 跨縣 市 足跡 一定 要 充分 分享 疫 調資 訊 據 瞭解 7 月 7 日 早上 桃園 市 衛生局 聽 聞龜 山有 工業區 員工 確診 隨即 詢問 並 發現 是 garmin 林 口 廠 有 員工 確診 趕緊 入 廠 采檢 鄭文燦 表示 garmin 員工 確診 的 來源 是 臺北市 到 新竹 縣 再 回來 到 新北 跟 桃園 是 跨縣 市 移動 案子 不過 桃園 仍 把 疫 調 做好 將來 也 會用 這 態度 處理 疫 調 再 把 資訊 給 其他 縣 市</t>
    <phoneticPr fontId="1" type="noConversion"/>
  </si>
  <si>
    <t>武漢 跨 年 人潮 湧動 美 歐 羡慕 陸媒 如今 全球 封城 武漢 狂歡</t>
    <phoneticPr fontId="1" type="noConversion"/>
  </si>
  <si>
    <t>武漢 慶祝 新年 疫情 羡慕</t>
    <phoneticPr fontId="1" type="noConversion"/>
  </si>
  <si>
    <t>基金 新興 亞 股 連 3 周 失血 今年 來 遭 外資 賣 252 1億 美元</t>
    <phoneticPr fontId="1" type="noConversion"/>
  </si>
  <si>
    <t>全球 新興 亞 股 周俊 宏 疫情 遭 外資</t>
    <phoneticPr fontId="1" type="noConversion"/>
  </si>
  <si>
    <t>nba 若 閉門 打 詹皇 改口 願 出賽</t>
    <phoneticPr fontId="1" type="noConversion"/>
  </si>
  <si>
    <t>聯盟 閉門 比賽 nba 球迷 球員</t>
    <phoneticPr fontId="1" type="noConversion"/>
  </si>
  <si>
    <t>預言打高端不能赴美竟遭出征 遊淑慧再爆：更可怕還在未來</t>
    <phoneticPr fontId="1" type="noConversion"/>
  </si>
  <si>
    <t>預言 打 高端 不能 赴美 竟 遭 出征 遊 淑 慧 再 爆 更 可怕 還 在 未來</t>
    <phoneticPr fontId="1" type="noConversion"/>
  </si>
  <si>
    <t>美國 20 日 宣佈 從 11 月 起 解除 旅遊 禁令 但 外籍 旅客 須 出示 莫德納 bnt 或 嬌 生 疫苗 等 三 款 疫苗 的 完整 接種 證明 才可 入境 已 打 高端 的 綠 委 高嘉瑜 為 此 22 日 在 立院 提出 質疑 打 高端 的 民眾 可能 無法 出國 怎 解決 衛福 部長 陳時中</t>
    <phoneticPr fontId="1" type="noConversion"/>
  </si>
  <si>
    <t>新冠肺炎肆虐港600位元明星失業 部分被爆靠救濟金過活</t>
    <phoneticPr fontId="1" type="noConversion"/>
  </si>
  <si>
    <t>救濟金 香港藝人 600 人 失業 古天樂</t>
    <phoneticPr fontId="1" type="noConversion"/>
  </si>
  <si>
    <t>三聯 陳秀熙 持續 npi 檢測</t>
    <phoneticPr fontId="1" type="noConversion"/>
  </si>
  <si>
    <t>歐美 疫苗 臨床 試驗 也 排除 多 個 病種 莫德納 官網 打 臉 陳時中</t>
    <phoneticPr fontId="1" type="noConversion"/>
  </si>
  <si>
    <t>光 田 擴大 遠 距 視 訊 門診 服務 腹膜 透 析 居家 洗 腎 更 安心</t>
    <phoneticPr fontId="1" type="noConversion"/>
  </si>
  <si>
    <t>疫情 持續 嚴峻 許多 病人 因 擔心 感染 風險 害怕 上 醫院 遠 距 醫療 成為 防疫 新 趨勢 光 田 綜合 醫院 為 提升 疫情 期間 病人 看 診 便利性 擴大 遠 距 視 訊 門診 服務 腹膜 透 析 腎 友 也 可 透過 視 訊 看 診 醫師 即時 監測 洗 腎 資料 零 接觸 維持 病</t>
    <phoneticPr fontId="1" type="noConversion"/>
  </si>
  <si>
    <t>疫情 持續 嚴峻 許多 病人 因 擔心 感染 風險 害怕 上 醫院 遠 距 醫療 成為 防疫 新 趨勢 光 田 綜合 醫院 為 提升 疫情 期間 病人 看 診 便利性 擴大 遠 距 視 訊 門診 服務 腹膜 透 析 腎 友 也 可 透過 視 訊 看 診 醫師 即時 監測 洗 腎 資料 零 接觸 維持 病人 的 醫療 需求 防疫 新 生活 看 診 新 方式 光 田 綜合 醫院 即日起 擴大 遠 距 醫療 門診 服務 開放 家 醫科 心臟 內科 新陳代謝 科 胸腔 內科 神經 內科 腎臟 內科 風濕 免疫 科 一般 內科 腫瘤 內科 血液 腫瘤科 兒科 等 科別 遠 距 看 診 提供 給 更 多 病情 穩定 的 慢性病 複診 以及 需 開立 慢性病 連續 處方 箋 的 患者 可 透過 線 上 掛號 的 方式 預約 光 田 綜合 醫院 腎臟 內科主任 王 家良 表示 腹膜 透 析 洗 腎 腎 友 以往 必須 到 醫院 例行 性 檢查 如今 透過 遠 距 視 訊 可 監測 腎 友 居家 洗 腎 操作 機器 的 情況 記錄 洗 腎 數值 並 自動 上傳 雲端 管理 系統 即時 精准 掌握 病人 治療 與 身體狀況 醫病 視 訊 溝通 就 跟 面對面 看 診 一樣 有 溫度 零 距離 光 田 綜合 醫院 副 院長 暨 腎臟 內科 醫師 張家築 指出 遠 距 醫療 成為 疫情 下 最 重要 的 看 診 工具 透過 視 訊 醫療 零 接觸 溝通 也 是 零 距離 身 在 遠 端的 醫護 能 及時 掌握 病 患 的 病情 服務 慢性 病人 的 醫療 需求 讓 醫療 不至於 中斷 尤其 在 疫情 高峰期 間 視 訊 看 診 可 降低 醫療 的 負荷 同時 提高 病人 的 就醫 便利性 有 病 千萬 不能 拖 光 田 綜合 醫院 呼籲 疫情 期間 許多 患者 因 擔心 來 醫院 看 診 而 延遲 就醫 現在 透過 視 訊 看 診 可以 很 安心 讓 病情 獲得 控制</t>
    <phoneticPr fontId="1" type="noConversion"/>
  </si>
  <si>
    <t>新北 首 辦 線 上 國際 閱讀 節 全市 國 小生 享 40萬 冊 電子 書</t>
    <phoneticPr fontId="1" type="noConversion"/>
  </si>
  <si>
    <t>新北 平臺 資源 學習 閱讀</t>
    <phoneticPr fontId="1" type="noConversion"/>
  </si>
  <si>
    <t>回歸 14 世紀 紐約 大 教堂 改造 成 野戰醫院</t>
    <phoneticPr fontId="1" type="noConversion"/>
  </si>
  <si>
    <t>az 莫德納 恐 引發 嚴重 副作用 台 大 醫 5 種 人 要 注意</t>
    <phoneticPr fontId="1" type="noConversion"/>
  </si>
  <si>
    <t>國內 疫苗 擴大 開 打 許多 人 擔憂 其 引發 不良 副作用 對此 台 大家 醫科 醫師 林俊嘉 表示 打 疫苗 需注意 自身 身體狀況 外 施打 後續 仍要 注意 疫苗 產生 的 副作用 其中 打 莫德納 的 局部 反應 通常 比 az 嚴重 他 也 提醒 5 類人 要 注意 林</t>
    <phoneticPr fontId="1" type="noConversion"/>
  </si>
  <si>
    <t>蕭敬騰 憂心 臺灣 家人 每天 叮嚀 隔 海 遙控 備 乾糧 口罩 送 家門口</t>
    <phoneticPr fontId="1" type="noConversion"/>
  </si>
  <si>
    <t>蕭敬騰 老蕭 日前 在 上海 接種 免費 疫苗 隔 天 隨即 現身 時尚 秀 老蕭 的 經紀人 summer 今 6 日 表示 團隊 所有人 接種 疫苗 後 都 沒有 任何 不適 也 都 很 正常 的 工作 狀態 非常 好 老蕭 赴 大陸 工作 已 三 個 月 對於 臺灣 家 人 無 疫苗</t>
    <phoneticPr fontId="1" type="noConversion"/>
  </si>
  <si>
    <t>三零 隔 天 秒 破 功 今 增 1 本土 新北 60 多 歲 男 發燒 確診</t>
    <phoneticPr fontId="1" type="noConversion"/>
  </si>
  <si>
    <t>疫苗 接種 國藥 科興 黃卡 注 記 陳時中</t>
    <phoneticPr fontId="1" type="noConversion"/>
  </si>
  <si>
    <t>大陸 新增 21 例 本土 確診 張家界 旅遊 傳播 鏈 現形</t>
    <phoneticPr fontId="1" type="noConversion"/>
  </si>
  <si>
    <t>大陸 國家 衛健 委 網站 30 日 消息 7 月 29 日 0 24 時 大陸 各地 報告 新增 確診 病例 64 例 其中 境外 輸入 病例 43 例 雲南 21 例 廣東 9 例 上海 7 例 福建 3 例 遼寧 1 例 山東 1 例 四川 1 例 本土 病例 21 例 江蘇 18 例 湖南 2 例 北京 1</t>
    <phoneticPr fontId="1" type="noConversion"/>
  </si>
  <si>
    <t>藍委 要求 蔡英文 向 美 積極 搶購 疫苗 升高 防疫 層級 由 賴清德 當 指揮官</t>
    <phoneticPr fontId="1" type="noConversion"/>
  </si>
  <si>
    <t>國民 黨團 防疫 層級 指揮官 總統府 臺灣</t>
    <phoneticPr fontId="1" type="noConversion"/>
  </si>
  <si>
    <t>美國國會 週一 同時 推動 全面 性 的 聯邦 政府 支出 法案 與 新 紓困 措施 盼 雙重 任務 能 同時 達 陣 暨 達成 一 項 大規模 的 政府 支出 協議 避免 政府 重演 關門 戲碼 亦 為 受到 疫情 重創 的 國家 提供 新一輪 援助 兩 党 領導人 似乎 對 4 月 以來 首次</t>
    <phoneticPr fontId="1" type="noConversion"/>
  </si>
  <si>
    <t>綠色 療 愈 力 蔡宜宸 教你做 心田 園丁</t>
    <phoneticPr fontId="1" type="noConversion"/>
  </si>
  <si>
    <t>美 團 去年 轉 盈 46億 人民幣 入 袋</t>
    <phoneticPr fontId="1" type="noConversion"/>
  </si>
  <si>
    <t>扭虧為盈 衰退 肺炎 淨利潤 增長</t>
    <phoneticPr fontId="1" type="noConversion"/>
  </si>
  <si>
    <t>臺灣 走向 開放 張上淳 不可能 100 不漏 接 任何 個案</t>
    <phoneticPr fontId="1" type="noConversion"/>
  </si>
  <si>
    <t>國際 社會 日本 日增 病例 逾 980 名 連 2 天創 新高</t>
    <phoneticPr fontId="1" type="noConversion"/>
  </si>
  <si>
    <t>全國 東京 地區 病例 新 增</t>
    <phoneticPr fontId="1" type="noConversion"/>
  </si>
  <si>
    <t>nba 罕見 協議 停賽 期間 不 做 藥檢</t>
    <phoneticPr fontId="1" type="noConversion"/>
  </si>
  <si>
    <t>nba 停賽 之後 衍生 了 一個 罕見 的 協議 聯盟 與 球員 工會 已經 同意 這 段 期間 不 進行 藥檢 依照 規定 球員 每季 接受 6 次 尿 檢 如果 被 驗 出 大麻 類固醇 體能 強化 藥物 毒品 處罰 將 從 禁賽 25 場 到 兩 個 球季 不 等 美 媒 雅 虎 體育 報</t>
    <phoneticPr fontId="1" type="noConversion"/>
  </si>
  <si>
    <t>nba 藥檢 禁賽 大麻 杜蘭特</t>
    <phoneticPr fontId="1" type="noConversion"/>
  </si>
  <si>
    <t>防疫 優先 黃暐瀚 母親 台中 告別式 家 祭 不 公祭</t>
    <phoneticPr fontId="1" type="noConversion"/>
  </si>
  <si>
    <t>資深 媒體 人 黃暐瀚 的 母親 這個 月 5 日 在 台中 市南區 住家 附近 遭 酒 駕 美髮 師 撞 上 身亡 17 日 上午 原本 要 舉行 公祭 但 近來 臺灣 疫情 升溫 以 防疫 優先 為 考量 家 祭 不 公祭 數 十 名 親友 出席 黃盼 臺灣 能夠 渡過 這次 的 疫情 難關 黃</t>
    <phoneticPr fontId="1" type="noConversion"/>
  </si>
  <si>
    <t>半 導體 聯發 科 挺 住 q 1 營 收 超車 財 測</t>
    <phoneticPr fontId="1" type="noConversion"/>
  </si>
  <si>
    <t>不 舍萬華 染 臭名 在 地 人 老闆娘 曝 心聲 這裡 包容 了 所有人</t>
    <phoneticPr fontId="1" type="noConversion"/>
  </si>
  <si>
    <t>國內 疫情 嚴峻 北市 又 以 萬 華區 最為 嚴重 網路上 不乏 對於 萬華 不 友善 之 指控 有感於 此 一 名 在 萬 華區 土生土長 的 居 酒店 老闆娘 吐露 心聲 眼看 萬華 成為 眾矢之的 十分 無奈 並 表示 萬華 是 北市 對 人 包容 度 最高 的 地方 盼</t>
    <phoneticPr fontId="1" type="noConversion"/>
  </si>
  <si>
    <t>4 個 月 前 看見 臺灣 一 景況 預言 防疫 早 鬆懈 孫 協 志 自負 爽 完 後果</t>
    <phoneticPr fontId="1" type="noConversion"/>
  </si>
  <si>
    <t>找 不 到 感染 源 陳時中 本土 個案 案 268 案 322</t>
    <phoneticPr fontId="1" type="noConversion"/>
  </si>
  <si>
    <t>疫苗 預約 量 大 過 醫療 量 能 北市 再 轟 中央 不 體諒 地方 就 自己 打</t>
    <phoneticPr fontId="1" type="noConversion"/>
  </si>
  <si>
    <t>北市 副 市長 蔡炳坤 18 日 指出 北市 13 天開 了 47萬 劑 的 醫療 量 能 中央 卻 強開 60萬 個 預約 量 進來 導致 分配 不均 他 19 日 再 轟 中央 為 搶快 會 導致 地方 醫療 量 能 爆 掉 造成 民怨 有 何 好處 既然 沒 體諒 地方 責任 都 丟 給 地方 那 中央</t>
    <phoneticPr fontId="1" type="noConversion"/>
  </si>
  <si>
    <t>加強 紓困 台中 市場 攤 商 租金 8 折 攤 商 滿意度 高</t>
    <phoneticPr fontId="1" type="noConversion"/>
  </si>
  <si>
    <t>南下 墾 丁 心得 防疫 五月 天 民眾 生活 如常 比 國外 幸運 很 多</t>
    <phoneticPr fontId="1" type="noConversion"/>
  </si>
  <si>
    <t>墾 丁 紓 壓 民眾 國外 幸運</t>
    <phoneticPr fontId="1" type="noConversion"/>
  </si>
  <si>
    <t>德國宣佈：將關閉與法國、奧地利和瑞士的邊境</t>
    <phoneticPr fontId="1" type="noConversion"/>
  </si>
  <si>
    <t>德國 宣佈 將 關閉 與 法國 奧地利 和 瑞士 的 邊境</t>
    <phoneticPr fontId="1" type="noConversion"/>
  </si>
  <si>
    <t>德國 關閉 邊境 法國 奧地利 瑞士</t>
    <phoneticPr fontId="1" type="noConversion"/>
  </si>
  <si>
    <t>曝 超市 買 得 到 防疫 神物 女星 慶倖 住 大陸 感謝 祖上</t>
    <phoneticPr fontId="1" type="noConversion"/>
  </si>
  <si>
    <t>天華 兩 大 滋補品 守護 呼吸系統</t>
    <phoneticPr fontId="1" type="noConversion"/>
  </si>
  <si>
    <t>中草藥 呼吸系統 天華 生 技 做 好</t>
    <phoneticPr fontId="1" type="noConversion"/>
  </si>
  <si>
    <t>端午 連 假想 回家 錯 了 嗎 網友 公審 返鄉 病毒 伴 手 禮 吵 翻天</t>
    <phoneticPr fontId="1" type="noConversion"/>
  </si>
  <si>
    <t>返鄉 端午 連 假 台鐵 回家</t>
    <phoneticPr fontId="1" type="noConversion"/>
  </si>
  <si>
    <t>最美 魚販 挺 柯 p 退職 醫護 徵召 曝 受訓 首日 狀況</t>
    <phoneticPr fontId="1" type="noConversion"/>
  </si>
  <si>
    <t>最美 魚販 阿澎 劉 心語 曾在 外科 擔任 護理 師 4 年 多 眼見 本土 疫情 擴大 臺北市 長 柯文哲 緊急 召集 退職 醫護 支援前線 她 義不容辭 的 加入 團隊 昨 1 日 是 第一 天 受訓 劉 心語 在 社 群 平臺 發文 表示 彷 佛 回 到 學生 時代</t>
    <phoneticPr fontId="1" type="noConversion"/>
  </si>
  <si>
    <t>高明 見 流感疫苗 之 亂來 了</t>
    <phoneticPr fontId="1" type="noConversion"/>
  </si>
  <si>
    <t>繼 口罩 之 亂 三 倍 券 之 亂 後 最近 恐 又 出現 流感疫苗 之 亂 公費 流感疫苗 才 開 打 3 天 接種 量 已 逾 126萬 劑 疫苗 非常 搶手 台大醫院 最先 傳出 疫苗 告罄 各地 醫療 院所 大排長龍 政府 主管 單位 應 儘快 向 國際 增購 或 自</t>
    <phoneticPr fontId="1" type="noConversion"/>
  </si>
  <si>
    <t>巴西 總統 人氣 疫 外 高</t>
    <phoneticPr fontId="1" type="noConversion"/>
  </si>
  <si>
    <t>貧民 肺炎 援助 疫情 波索納洛</t>
    <phoneticPr fontId="1" type="noConversion"/>
  </si>
  <si>
    <t>開 第一 槍 林右昌 籲 全國 三級 警戒 再延 2 周</t>
    <phoneticPr fontId="1" type="noConversion"/>
  </si>
  <si>
    <t>高 規格 防疫 高 市 議會 取消 歲末 聯誼 及 新春 團拜</t>
    <phoneticPr fontId="1" type="noConversion"/>
  </si>
  <si>
    <t>高雄市 議會 歲末 聯誼 新春 團拜 曾麗燕</t>
    <phoneticPr fontId="1" type="noConversion"/>
  </si>
  <si>
    <t>添 3 亡魂 母 發燒 2 天 亡 女兒 隔離 見 不 到 最後 一面</t>
    <phoneticPr fontId="1" type="noConversion"/>
  </si>
  <si>
    <t>采 檢 居家 隔離 肺炎 醫院 死亡</t>
    <phoneticPr fontId="1" type="noConversion"/>
  </si>
  <si>
    <t>工人 上月 從 桃園 返鄉 20 多 天才 確診 花蓮 縣府 個案 沒 收到 匡列 通知</t>
    <phoneticPr fontId="1" type="noConversion"/>
  </si>
  <si>
    <t>急 著 探望 在 美 孫 違反 檢疫 嬤 2 天 繳 清 10萬</t>
    <phoneticPr fontId="1" type="noConversion"/>
  </si>
  <si>
    <t>63 歲 鄭姓 婦女 今年 5 月 入境 但 首 晚 就 離開 檢疫 地點 遭 裁 罰 10萬 元 鄭女 直到 9 月 9 日 要 返回 美國 探望 生病 的 孫子 才 發現自己 因 未 繳 清 罰 緩 被 境 管 鄭 雖然 頻頻 抱怨 不過 11 日 就 繳 清 罰 鍰 解除 境 管 行政 執行 署 桃園 分署 表示</t>
    <phoneticPr fontId="1" type="noConversion"/>
  </si>
  <si>
    <t>63 歲 鄭姓 婦女 今年 5 月 入境 但 首 晚 就 離開 檢疫 地點 遭 裁 罰 10萬 元 鄭女 直到 9 月 9 日 要 返回 美國 探望 生病 的 孫子 才 發現自己 因 未 繳 清 罰 緩 被 境 管 鄭 雖然 頻頻 抱怨 不過 11 日 就 繳 清 罰 鍰 解除 境 管 行政 執行 署 桃園 分署 表示 鄭姓 女子 5 月 2 日 自 美國 入境 應 實施 居家 檢疫 至 5 月 17 日 解除 惟 鄭 女 第 1 晚 即 搭車 擅 離 居家 檢疫 地點 逾 1 小時 經員警 查獲 移 由 臺北市政府 衛生局 裁 罰 10萬 元 裁處 書 於 5 月 28 日 合法 送達 鄭女 但 鄭未 於 7 日內 繳納 罰 鍰 案 經 移送 機關 於 6 月 22 日 移送 桃園 分署 執行 桃園 分署 受理 後 僅 扣 得 其 存款 1000 餘 元 調查 發現 鄭女 早於 2011 年 間 即 經 戶政 機關 注 記 遷出 國外 其 出國 已 逾 10 年 應 早已 定居 美國 今年 突然 返國 隨時 有 離境 返美 之 可能 即 先行 報請 法務部 行政 執行 署 同意 後 依法 限制 其 出境 出海 鄭女 9 月 9 日 至 桃園 機場 準備 搭 機 返回 美國 經 移民署 告知 已 遭 桃園 分署 限制 出境 當場 在 機場 致電 書記官 連珠炮 痛 批 政府 並 抱怨 她 想 回 美國 探視 生病 的 孫子 為何 被 限制 出境 等 經 書記官 委婉 告知 如 不服 處分 得 依 規定 提 起訴 願 但要 繳 清 罰 鍰 始得 解除 出境 之 限制 鄭女 終於 9 月 11 日 繳 清 罰 鍰 並 立即 致電 書記官 要 求解 除 其 出境 出海 之 限制</t>
    <phoneticPr fontId="1" type="noConversion"/>
  </si>
  <si>
    <t>迎戰 delta 疫情 王 任賢 讓 新北 比照 屏 東 緊急 接種 疫苗</t>
    <phoneticPr fontId="1" type="noConversion"/>
  </si>
  <si>
    <t>印度 變異 株 delta 侵入 社區 釀成 新北 幼稚園 及 大 樓群 聚 中華民國 防疫 學會 榮譽 理事長 王任賢 表示 面對 delta 來 襲 政策 上 必須 封鎖 開放 並行 邊境 要 嚴管 但 不 需 跟進 加碼 至 21 天 而是 搭配 多層次 篩查 要求 入境 天天</t>
    <phoneticPr fontId="1" type="noConversion"/>
  </si>
  <si>
    <t>7 12 餐飲 拼 內 用 生變 陳時中 坦言 現在 時機 不對</t>
    <phoneticPr fontId="1" type="noConversion"/>
  </si>
  <si>
    <t>重返 高雄 皇普 搶 進 科工 館 房市 熱區</t>
    <phoneticPr fontId="1" type="noConversion"/>
  </si>
  <si>
    <t>高雄 科工 館 生活 圈 躍升 房市 戰區 包括 城揚 建設 隆 大營 建 遠雄 永信 集團 等 建 商都 積極 搶 進 使得 該區 周邊 新 成 屋 和 預售 建 案 至少 16 個 每坪 售價 約 25 到 30萬 元 此次 皇普 建設 加入 戰局 推出 摩 天 100 建 案 成為 重返 高雄</t>
    <phoneticPr fontId="1" type="noConversion"/>
  </si>
  <si>
    <t>摩 天 重返 高雄 肺炎 科工 館 站 建 商</t>
    <phoneticPr fontId="1" type="noConversion"/>
  </si>
  <si>
    <t>德國 郵輪 1200 乘客 于 挪威 港口 檢疫</t>
    <phoneticPr fontId="1" type="noConversion"/>
  </si>
  <si>
    <t>臺灣 將 稱霸 半導體 設備 市場</t>
    <phoneticPr fontId="1" type="noConversion"/>
  </si>
  <si>
    <t>成長 新高 銷售額 增長 半導體 設備</t>
    <phoneticPr fontId="1" type="noConversion"/>
  </si>
  <si>
    <t>加強版 防疫 旅館 患者 等 嘸 人 柯 p 下令 60 歲 以上 患者 配戴 血 氧 監視器</t>
    <phoneticPr fontId="1" type="noConversion"/>
  </si>
  <si>
    <t>臺北市 部署 數家 加強版 防疫 專責 旅館 收治 輕 症 無 症狀 確診 者 近日 屢 傳 高齡 病 患 猝死 在 房間 還有 70 歲 患者 反應 很 久 都 沒 醫師 看 診 給 藥 讓 外界 關心 醫護 負擔 是否 太 重 臺北市 長 柯文哲 說 未來 60 歲 以上 患者 都會 配戴 血</t>
    <phoneticPr fontId="1" type="noConversion"/>
  </si>
  <si>
    <t>臺北市 部署 數家 加強版 防疫 專責 旅館 收治 輕 症 無 症狀 確診 者 近日 屢 傳 高齡 病 患 猝死 在 房間 還有 70 歲 患者 反應 很 久 都 沒 醫師 看 診 給 藥 讓 外界 關心 醫護 負擔 是否 太 重 臺北市 長 柯文哲 說 未來 60 歲 以上 患者 都會 配戴 血 氧 監視器 1 天 要求 視 訊 電 訪 數次 建立 起 關懷 的 sop 相信 服務 品質 會 慢慢 改善 繼 臺北 凱撒 飯店 6 旬 女子 猝死 後 近日 又 有 旅館 傳出 50 歲 確診 男子 猝死 還有 住 在 加強版 專責 旅館 的 70 歲 患者 反應 等 很 久 卻 盼 無 醫師 看 診 給 藥 病況 越來越 嚴重 讓 外界 關心 旅館 內 醫護 是否 負擔 太 重 若 有 緊急情況 怎麼 處理 柯文哲 指出 未來 將 規定 60 歲 以上 患者 要 配 血 氧 監視器 會 討論 一 天量 幾 次 不要 病情 直轉 直下 都 不 知道 會 慢慢 把 防疫 旅館 醫護 人力 充實 看 是 要 一 天 至少 視 訊 電 訪 幾 次 並 測量 呼吸 心跳 血壓 血 氧 飽和度等 數 值 柯文哲 說 由於 疫情 來得 又 急 又 快 一 開始 設立 都會 手忙腳亂 先 求 有 再 求好 目前 sop 已經 慢慢 建立 服務 品質 會 慢慢 改善 期望 大眾 再 給 市府 一 禮拜 時間</t>
    <phoneticPr fontId="1" type="noConversion"/>
  </si>
  <si>
    <t>肺炎攪局、股債市震盪 高評級債券佈局良機</t>
    <phoneticPr fontId="1" type="noConversion"/>
  </si>
  <si>
    <t>肺炎 攪局 股 債市 震盪 高 評級 債券 佈局 良機</t>
    <phoneticPr fontId="1" type="noConversion"/>
  </si>
  <si>
    <t>全球 新興 市場 降息 美國 國家</t>
    <phoneticPr fontId="1" type="noConversion"/>
  </si>
  <si>
    <t>慘！裡長也確診 葡萄盤商病毒鏈超強 溪湖某社區急設快篩站</t>
    <phoneticPr fontId="1" type="noConversion"/>
  </si>
  <si>
    <t>慘 裡長 也 確診 葡萄 盤商 病毒 鏈 超強 溪湖 某 社區 急 設 快 篩 站</t>
    <phoneticPr fontId="1" type="noConversion"/>
  </si>
  <si>
    <t>獨 政 商 黑白 道 的 最愛 縱橫 33 年 頂上 魚翅 驚 傳 熄燈</t>
    <phoneticPr fontId="1" type="noConversion"/>
  </si>
  <si>
    <t>中央 拼 千萬 劑 國產 疫苗 7 月底 開 打 侯友宜 怒 批 我們 還 能 再 等 2 個 月 嗎</t>
    <phoneticPr fontId="1" type="noConversion"/>
  </si>
  <si>
    <t>南投縣連續10天「嘉玲」 20日挺進埔裡等地接種</t>
    <phoneticPr fontId="1" type="noConversion"/>
  </si>
  <si>
    <t>南 投 縣 連續 10 天 嘉玲 20 日 挺進 埔裡 等 地 接種</t>
    <phoneticPr fontId="1" type="noConversion"/>
  </si>
  <si>
    <t>中 元 普渡 不 開放 8 月 無法 降級 陳宗彥 這麼 說</t>
    <phoneticPr fontId="1" type="noConversion"/>
  </si>
  <si>
    <t>中 元 普渡 8 月 陳宗彥 普渡 疫情</t>
    <phoneticPr fontId="1" type="noConversion"/>
  </si>
  <si>
    <t>新北 增 65 例 侯友宜 曝 這 區 新增 6 確診 有點 特殊</t>
    <phoneticPr fontId="1" type="noConversion"/>
  </si>
  <si>
    <t>日 韓 疫情 燒 我 不 排除 邊境 管制</t>
    <phoneticPr fontId="1" type="noConversion"/>
  </si>
  <si>
    <t>陳時中 旅遊 肺炎 日 韓 費用</t>
    <phoneticPr fontId="1" type="noConversion"/>
  </si>
  <si>
    <t>動力 3 月 營 收 月 增 近 三 倍</t>
    <phoneticPr fontId="1" type="noConversion"/>
  </si>
  <si>
    <t>動力</t>
    <phoneticPr fontId="1" type="noConversion"/>
  </si>
  <si>
    <t>下游 肺炎 出 貨 散熱 疫情</t>
    <phoneticPr fontId="1" type="noConversion"/>
  </si>
  <si>
    <t>人 妻 突 收 疫苗 通知 簡訊 嗨 喊 比 婆婆 早 打 真相 曝光 秒 崩潰</t>
    <phoneticPr fontId="1" type="noConversion"/>
  </si>
  <si>
    <t>疑 飼 育 員 傳染 回傳 人類 機會 不 大</t>
    <phoneticPr fontId="1" type="noConversion"/>
  </si>
  <si>
    <t>陽性 只 老虎 飼 育 員 病毒 肺炎</t>
    <phoneticPr fontId="1" type="noConversion"/>
  </si>
  <si>
    <t>nba 退役 球員 確診 北美 四大 職業 賽會 同性戀 第一 人</t>
    <phoneticPr fontId="1" type="noConversion"/>
  </si>
  <si>
    <t>陸 官方 稱 研究 顯示 氣 溶膠 糞 口 傳播 機 率 低</t>
    <phoneticPr fontId="1" type="noConversion"/>
  </si>
  <si>
    <t>藥師 口罩 陳時中 加倍 經費</t>
    <phoneticPr fontId="1" type="noConversion"/>
  </si>
  <si>
    <t>批 防疫 不力 被 陳時中 告 網 轟 心眼 到底 多 小</t>
    <phoneticPr fontId="1" type="noConversion"/>
  </si>
  <si>
    <t>滯留 武漢 153 人 返台 接受 集中 檢疫 14 天</t>
    <phoneticPr fontId="1" type="noConversion"/>
  </si>
  <si>
    <t>謀 疫 難 政治 財 得不償失</t>
    <phoneticPr fontId="1" type="noConversion"/>
  </si>
  <si>
    <t>大陸 政治 肺炎 兩岸 疫情</t>
    <phoneticPr fontId="1" type="noConversion"/>
  </si>
  <si>
    <t>肺炎 防疫 第一線 受 矚 世新 公 廣訪 基層 醫護 吐 心聲</t>
    <phoneticPr fontId="1" type="noConversion"/>
  </si>
  <si>
    <t>自 新型 冠狀 肺炎 爆發 以來 大眾 避 之 唯恐 不及 卻 有 一 群 人 願意 挺身 站 在 第 一線 為 防疫 貢獻 對此 世新大學 公共關係 暨 廣告學系 畢業 籌備 團隊 開始 尋找 社會 上 那些 默默 付出 不求 回報 的 人們 其中 就 有 從 基層 醫護人員 的 角度 出</t>
    <phoneticPr fontId="1" type="noConversion"/>
  </si>
  <si>
    <t>世新 公 廣 醫護人員 畢 籌 溫暖 畢展</t>
    <phoneticPr fontId="1" type="noConversion"/>
  </si>
  <si>
    <t>台耀 開發 瑞德西韋 桃 市府 當 後盾</t>
    <phoneticPr fontId="1" type="noConversion"/>
  </si>
  <si>
    <t>公斤 級 瑞德 肺炎 原料藥 台耀</t>
    <phoneticPr fontId="1" type="noConversion"/>
  </si>
  <si>
    <t>波蘭 週三 新增 確診 1 7萬 人 創 去年 11 月 來 新高</t>
    <phoneticPr fontId="1" type="noConversion"/>
  </si>
  <si>
    <t>酒店 女 公關 疫 調 出爐 男客 身分 全 掌握</t>
    <phoneticPr fontId="1" type="noConversion"/>
  </si>
  <si>
    <t>歐陽靖 被 爆 取消 關注 日籍 老公 傳 失和 驚 曝 決定 不來 臺灣 探望 我們 了</t>
    <phoneticPr fontId="1" type="noConversion"/>
  </si>
  <si>
    <t>航空 業 紓困 交通部 擬 補助 48 6億 元</t>
    <phoneticPr fontId="1" type="noConversion"/>
  </si>
  <si>
    <t>疫情 還 在 高峰期 專家 預估 6 月中 旬 才 可能 下降</t>
    <phoneticPr fontId="1" type="noConversion"/>
  </si>
  <si>
    <t>1 分鐘 看 世界 美 籲 國民 速 返回 川普 終於 建議 戴 口罩</t>
    <phoneticPr fontId="1" type="noConversion"/>
  </si>
  <si>
    <t>疫情 衝擊 就業 高 市府 釋 1073 個 防疫 職 缺</t>
    <phoneticPr fontId="1" type="noConversion"/>
  </si>
  <si>
    <t>就業 防疫 勞工 勞工 局 職 缺</t>
    <phoneticPr fontId="1" type="noConversion"/>
  </si>
  <si>
    <t>林明溱 視察 疫苗 接種 站 曝 南 投 縣 人口 涵蓋 率 破 5 成</t>
    <phoneticPr fontId="1" type="noConversion"/>
  </si>
  <si>
    <t>1922 混打 系統 修改 中 莊人祥 第 12 輪 爽約 自動 停 一 輪</t>
    <phoneticPr fontId="1" type="noConversion"/>
  </si>
  <si>
    <t>az 疫苗 桃園 機場 華航 臺灣</t>
    <phoneticPr fontId="1" type="noConversion"/>
  </si>
  <si>
    <t>興 櫃 股 瘦 身 盼 度 寒冬 維格 餅 家 苦笑</t>
    <phoneticPr fontId="1" type="noConversion"/>
  </si>
  <si>
    <t>春節 入境 新 制 將 上路 旅館 忙 改 入 住 時間 陳時中 致歉</t>
    <phoneticPr fontId="1" type="noConversion"/>
  </si>
  <si>
    <t>春節 入境 檢疫 方案 防疫 旅館 pcr</t>
    <phoneticPr fontId="1" type="noConversion"/>
  </si>
  <si>
    <t>因應新冠肺炎 世盟呼籲：不可以政治立場淩駕大眾健康</t>
    <phoneticPr fontId="1" type="noConversion"/>
  </si>
  <si>
    <t>自由 民主 世盟 呼籲 人權</t>
    <phoneticPr fontId="1" type="noConversion"/>
  </si>
  <si>
    <t>亞 變異 株 ay 4 2 傳播 力更強 科學家 憂心 未來 將 取代 delta</t>
    <phoneticPr fontId="1" type="noConversion"/>
  </si>
  <si>
    <t>湖南 北京 新增 外省 關聯 確診 病例 軌跡 同指 張家界 旅遊 鏈</t>
    <phoneticPr fontId="1" type="noConversion"/>
  </si>
  <si>
    <t>湖南省 4 日 召開 聯防 聯控 機制 新聞 發佈會 指出 湖南 本次 疫情 是 由來 張家界市 的 3 名 外省 遼寧大連 遊客 輸入 這 3 名 遊客 7 月 17 日 在 南京 祿口 機場 短暫 停留 藉 由 酒店 內 共同 早餐 旅遊 中 聚集 性 活動 等 傳播 給 張家界市 本地 導遊</t>
    <phoneticPr fontId="1" type="noConversion"/>
  </si>
  <si>
    <t>塑膠 股 低 油價 時代 來臨 外資 喊 買 台塑 上 看 97 元</t>
    <phoneticPr fontId="1" type="noConversion"/>
  </si>
  <si>
    <t>原油 台 塑化 台塑 低 油價 優勢</t>
    <phoneticPr fontId="1" type="noConversion"/>
  </si>
  <si>
    <t>大連 疫情 擴散 5 地 9 城市 受 牽連</t>
    <phoneticPr fontId="1" type="noConversion"/>
  </si>
  <si>
    <t>員工 大連市 大連 北京 無 症狀 感染</t>
    <phoneticPr fontId="1" type="noConversion"/>
  </si>
  <si>
    <t>mlb 球員 偷開 慶 生 趴 恐 爆發 群 聚 感染</t>
    <phoneticPr fontId="1" type="noConversion"/>
  </si>
  <si>
    <t>佛州 卓 奧特 天使 美國 大 聯盟</t>
    <phoneticPr fontId="1" type="noConversion"/>
  </si>
  <si>
    <t>美 4 月 非農業 就業 估 驟減 2 000萬 人</t>
    <phoneticPr fontId="1" type="noConversion"/>
  </si>
  <si>
    <t>非農業 就業 報告 美國 肺炎 失業率 飆 升</t>
    <phoneticPr fontId="1" type="noConversion"/>
  </si>
  <si>
    <t>高雄 韓國 瑜 臺灣 全球 大陸</t>
    <phoneticPr fontId="1" type="noConversion"/>
  </si>
  <si>
    <t>居家 檢疫 落 跑 2 外國人 太 魯閣 被 攔 強制 安置</t>
    <phoneticPr fontId="1" type="noConversion"/>
  </si>
  <si>
    <t>施打 az 疫苗 後 梅克爾 第二 劑 疫苗 接種 莫德納</t>
    <phoneticPr fontId="1" type="noConversion"/>
  </si>
  <si>
    <t>德國 政府 發言人 今天 表示 總理 梅克爾 angela merkel 在 先前 接種 阿斯特 捷利康 astrazeneca az 疫苗 後 第二 劑 已 接受 施打 莫德納 moderna 疫苗 法新社 報導 今年 66 歲 的 梅克爾 4 月 時 接種 az 疫苗 在 那 之前 逾 兩 周</t>
    <phoneticPr fontId="1" type="noConversion"/>
  </si>
  <si>
    <t>遭 控 囤積 醫療 物資 華春瑩 已向 120 國 提供 大量 援助</t>
    <phoneticPr fontId="1" type="noConversion"/>
  </si>
  <si>
    <t>針對 外界 指控 中國 大陸 正 在 囤積 防疫 醫療 物資 的 說法 大陸 外交部 發言人 華春瑩 予以 反駁 稱 完全 不 同意 這種 說法 目前 中國 疫情 並未 結束 對 醫療 物資 需求 也 很 大 此外 中國 還 積極 為 有 需要 的 國家 提供 防疫 物資 至少 有 120 個</t>
    <phoneticPr fontId="1" type="noConversion"/>
  </si>
  <si>
    <t>新北 增 8 例 確診 劉和然 全是 居 隔 案例</t>
    <phoneticPr fontId="1" type="noConversion"/>
  </si>
  <si>
    <t>新北 市 今 新增 8 例 確診 新北 副 市長 劉和然 表示 三 重 板橋 樹林 各 有 2 例 新莊 淡水 各 1 例 今日 案例 都 是 居家 隔離 個案 因此 新增 本土 案例 是 0 劉和然 說 8 例 確診 感染 源 分析 2 位 是 職 場 4 位 家戶 2 位 是 其他 三 重 1 人</t>
    <phoneticPr fontId="1" type="noConversion"/>
  </si>
  <si>
    <t>前 海軍 艦長 陳道輝 是 我 學生 究 責 算 我 一 份</t>
    <phoneticPr fontId="1" type="noConversion"/>
  </si>
  <si>
    <t>陳道輝 調 職 磐石 艦 艦長 張競</t>
    <phoneticPr fontId="1" type="noConversion"/>
  </si>
  <si>
    <t>前 白宮 對華 事務 主管 美 陸 已 由 競爭 轉為 敵對 關係</t>
    <phoneticPr fontId="1" type="noConversion"/>
  </si>
  <si>
    <t>桃園 開學 將 采 高標準 1 人 確診 全校 停課 14 天</t>
    <phoneticPr fontId="1" type="noConversion"/>
  </si>
  <si>
    <t>因應 開學 將 至 桃園 市 教育 局 已 擬定 開學 前 整備 的 檢核 表 市長 鄭文燦 16 日 也 宣佈 將 采 高標準 1 人 確診 就 全校 停課 14 天 家庭成員 也 要 在 聯絡簿 記錄 每日 體溫 狀況 以便 掌握 健康狀況 鄭文燦 說 因應 9 月 1 日 開學 教育局 已</t>
    <phoneticPr fontId="1" type="noConversion"/>
  </si>
  <si>
    <t>瑞基 雙喜臨門 營運 動能 強</t>
    <phoneticPr fontId="1" type="noConversion"/>
  </si>
  <si>
    <t>瑞基 專案 檢測 試劑 肺炎 衛福部</t>
    <phoneticPr fontId="1" type="noConversion"/>
  </si>
  <si>
    <t>一家 4 確診 1 死 他 不知 病逝 父 案 號 只能 每天 看 cdc 記者會 猜</t>
    <phoneticPr fontId="1" type="noConversion"/>
  </si>
  <si>
    <t>不封 城 不 停工 韓 有效 控制 疫情 引 多國 仿效</t>
    <phoneticPr fontId="1" type="noConversion"/>
  </si>
  <si>
    <t>海軍 確診 行程 這 地點 曝光 網 驚 案情 不 單純</t>
    <phoneticPr fontId="1" type="noConversion"/>
  </si>
  <si>
    <t>經濟 持續 紓困 產業 蘇貞昌 2 周內籌 編 追加預算</t>
    <phoneticPr fontId="1" type="noConversion"/>
  </si>
  <si>
    <t>大 立 光 跌 太 深 野村 力 挺 喊 買</t>
    <phoneticPr fontId="1" type="noConversion"/>
  </si>
  <si>
    <t>大 立 光 肺炎 反彈 鏡頭 產能</t>
    <phoneticPr fontId="1" type="noConversion"/>
  </si>
  <si>
    <t>成軍 18 年 的 臺灣 天 團 5566 2019 年 再度 合體 開 唱 以 孫協志 王仁甫 許孟哲 3 人 之 姿 帶 著 since 5566 演唱會 成功 唱 進 臺北 小 巨蛋 3 人 原訂 3 月 7 日 移師 高雄 巨蛋 早已 秒 殺 的 萬張 門票 售票 網站 截至 今 23 日 已 有 超</t>
    <phoneticPr fontId="1" type="noConversion"/>
  </si>
  <si>
    <t>板橋 人 怨 新北 耶誕 城 變 撒旦城 侯友宜 鼓勵 搭乘 大眾 運輸</t>
    <phoneticPr fontId="1" type="noConversion"/>
  </si>
  <si>
    <t>新北 歡樂 耶誕 城 將 於 12 月 3 日 開城 有 板橋 居民 在 網路上 貼 文 抱怨 為期 一個 月 活動 讓 板橋 陷入 交通 黑暗 期 根本 是 撒旦城 新北 市長 侯友宜 今 上午 出席 光耀 新北 1314 就 愛 你 跨河 煙火 記者會 表示 鼓勵 民眾 多 搭乘 大眾 運</t>
    <phoneticPr fontId="1" type="noConversion"/>
  </si>
  <si>
    <t>新北 歡樂 耶誕 城 將 於 12 月 3 日 開城 有 板橋 居民 在 網路上 貼 文 抱怨 為期 一個 月 活動 讓 板橋 陷入 交通 黑暗 期 根本 是 撒旦城 新北 市長 侯友宜 今 上午 出席 光耀 新北 1314 就 愛 你 跨河 煙火 記者會 表示 鼓勵 民眾 多 搭乘 大眾 運輸系統 他用 熱忱 的 心 歡迎 大家 來 走 一 走 在 疫情 守 住 平安 度過 歲末 這 一 年 用 溫馨 態度 迎接 平安 幸福 的 明年 侯友宜 指出 去年 有 670萬 人次 造訪 歡樂 耶誕 城 交通狀況 順暢 鼓勵 民眾 搭乘 大眾 運輸系統 到 板橋 站 下車 就 可到 歡樂 耶誕 城 新 變種 病毒 omicron 來勢洶洶 新北 歡樂 耶誕 城 是否 會 加 嚴 及 人流 數 的 限制 侯友宜 說 會 採取 更 嚴格 的 標準 來 落實 執行 防疫 不但 全區 要 戴 上 口罩 管制 出入口 也 采 實 名 制 另 量 體溫 勤洗手 也 不可 缺 除 會 遵照 中央 指示 也 會 針對 人流量 與 交通運輸 來 做 好 防疫 管 控 一定 從嚴 以 防疫 為主 辦理 雖有網友 抱怨 新北 耶誕 城 變 撒旦城 不過 也 有 不少 網友 表示 今年 主題 是 樂高 我 是 樂高 粉 樂高 聖誕老人 好 可愛 往年 新北 耶誕 城 的 燈光 秀 都 能 讓 我 感受 到 美好 動人 又 歡心 的 感動 好 期待 等 語</t>
    <phoneticPr fontId="1" type="noConversion"/>
  </si>
  <si>
    <t>枋山 快 篩 站 剩 半天 潘孟安 廣播 喊話 拜 讬 去 篩 防 印度 變異 株</t>
    <phoneticPr fontId="1" type="noConversion"/>
  </si>
  <si>
    <t>時間</t>
    <phoneticPr fontId="1" type="noConversion"/>
  </si>
  <si>
    <t>nba 沒 疫苗 不 看球 7 成 6 球迷 喊 關門</t>
    <phoneticPr fontId="1" type="noConversion"/>
  </si>
  <si>
    <t>業績 觀光 雲品 q 1 營 收 近 1 年 半 低點 q 2 審慎 應戰</t>
    <phoneticPr fontId="1" type="noConversion"/>
  </si>
  <si>
    <t>臺灣 9 人 突破性 感染 醫 急 喊 快 打 2 劑 疫苗 網 全 崩潰</t>
    <phoneticPr fontId="1" type="noConversion"/>
  </si>
  <si>
    <t>世界 各國 頻 傳 突破性 感染 的 案例 臺灣 共 9 人 打完 2 劑 az 後 14 天 仍 確診 對此 胸腔 科 醫師 蘇一峰 疾呼 只 打 一 劑 疫苗 真的 不夠 大家 快 去 打 兩劑 如今 還 沒 打 疫苗 的 人 要 很 小心 過日子 讓 不少 網友 看 了 超 崩潰 不是 不 想 打 重點</t>
    <phoneticPr fontId="1" type="noConversion"/>
  </si>
  <si>
    <t>行庫 淘金 鎖定 新科 技 高 股息</t>
    <phoneticPr fontId="1" type="noConversion"/>
  </si>
  <si>
    <t>口罩 實 名 制 侯友宜 1 周 2 片 不夠</t>
    <phoneticPr fontId="1" type="noConversion"/>
  </si>
  <si>
    <t>美 fda 批准 施打第 3 劑 3 類人 受惠 拜登 被 打 臉</t>
    <phoneticPr fontId="1" type="noConversion"/>
  </si>
  <si>
    <t>網路 出清 額 溫槍 甜 甜 價 社區 總 幹事 開箱 嚇 傻</t>
    <phoneticPr fontId="1" type="noConversion"/>
  </si>
  <si>
    <t>職 場 打完 az 痛 到 眼睛 快 掉 出來 老闆 這 句 讓 她 不敢 請假</t>
    <phoneticPr fontId="1" type="noConversion"/>
  </si>
  <si>
    <t>疫情 加劇 阿凡達 系列 駭 客 任務 4 無限期 停 拍</t>
    <phoneticPr fontId="1" type="noConversion"/>
  </si>
  <si>
    <t>停 拍 阿凡達 駭 客 任務 4 湯姆 霍蘭德 蜘蛛 人</t>
    <phoneticPr fontId="1" type="noConversion"/>
  </si>
  <si>
    <t>上海 今 新增 3 例 確診 均 為 浦東機場 境外 貨機 作業 人員</t>
    <phoneticPr fontId="1" type="noConversion"/>
  </si>
  <si>
    <t>官方 上海 發佈 微信 公眾 號 消息 上海 新增 3 例 本土 確診 病例 加上 之前 2 例 5 例 都 是 浦東機場 境外 貨機 作業 人員 上海市 衛生 健康 委 21 日 在 市 疫情 防控 工作 新聞 發佈會 通報 上海 8 月 2 日 確診 的 本土 病例 20 日 已 治癒 出 院 8 月 20</t>
    <phoneticPr fontId="1" type="noConversion"/>
  </si>
  <si>
    <t>江啟臣 協調 金門 送 防疫 酒精 支援 苗栗</t>
    <phoneticPr fontId="1" type="noConversion"/>
  </si>
  <si>
    <t>中國國民黨 力 挺 縣市政府 防疫 鑒於 苗栗縣 急 缺 酒精 等 防疫 物資 黨主席 江啟臣 今 8 日 上午 致電 金門 縣長 楊鎮 浯 楊 縣長 隨即 指示 全力 支援 金門縣 將 提供 144 箱 共 3456 瓶 酒精 讓 苗栗 用於 清 消防 疫 鑒於 中央政府 防疫 不力</t>
    <phoneticPr fontId="1" type="noConversion"/>
  </si>
  <si>
    <t>中國國民黨 力 挺 縣市政府 防疫 鑒於 苗栗縣 急 缺 酒精 等 防疫 物資 黨主席 江啟臣 今 8 日 上午 致電 金門 縣長 楊鎮 浯 楊 縣長 隨即 指示 全力 支援 金門縣 將 提供 144 箱 共 3456 瓶 酒精 讓 苗栗 用於 清 消防 疫 鑒於 中央政府 防疫 不力 國民黨 結合 十四 個 執政 縣 市 首長 組成 抗 疫 聯盟 日前 召開 執政 縣 市 防疫 會議 江主席 會 中 指示 全體 執政 縣 市 團結一心 聯合 防疫 黨中央 近日 亦 積極 協助 各縣市 防疫 工作 募集 各項 防疫 所 需 醫療 物資 提供 給 需要 的 執政 縣市政府 分配 運用 強化 各縣市 的 防疫 量 能 日前 也 由 李幹龍 秘書長 募集 大量 快 篩 劑 致送 離 島 執政 縣 市 運用 連日來 苗栗縣 疫情 升溫 徐耀昌 縣長 透過 執政 縣 市 平臺 反映 缺乏 酒精 等 防疫 物資 江主席 上午 致電 金門 縣長 楊鎮 浯 期盼 金酒 公司 能 協助 提供 大量 酒精 給 苗栗 進行 大規模 清 消 楊 縣長 隨即 裁 示 相關 單位 全力 支援 將 提供 144箱 共計 3456 瓶 酒精 讓 苗栗 防疫 對於 楊鎮 浯 縣長 秉 持 全國 一 命 的 精神 明快 支援 苗栗縣 的 防疫 需求 國民黨中央 表達 深切 謝意 也 期盼 所有 執政 縣 市 持續 風雨 同行 齊心 防疫 讓 疫情 早日 終結</t>
    <phoneticPr fontId="1" type="noConversion"/>
  </si>
  <si>
    <t>西洋 名人 確診 再 添 3 例 k 歌 情人 配樂 也 中標</t>
    <phoneticPr fontId="1" type="noConversion"/>
  </si>
  <si>
    <t>日本 資深 演員 千 葉 真 一 出道 超過 50 年 演出 古惑 仔 6 勝者為王 追 殺 比爾 玩命 關頭 3 東京 甩 尾 等 多 部 作品 1998 年 更 憑 藉 風雲 雄 霸 天下 中的 雄 霸 一角 榮獲 香港 金像獎 最佳 男 主角 提名 據 日本 媒體 最新報導</t>
    <phoneticPr fontId="1" type="noConversion"/>
  </si>
  <si>
    <t>塑膠 股 台塑 q 2 轉 盈 有望 恐 依舊 旺季 不 旺</t>
    <phoneticPr fontId="1" type="noConversion"/>
  </si>
  <si>
    <t>蘆洲 買 菜 婦 口罩 拿手 上 遭 警 取締 最重 開 罰 1萬5</t>
    <phoneticPr fontId="1" type="noConversion"/>
  </si>
  <si>
    <t>陳其邁 採購 物資 遭 網友 野生 捕獲</t>
    <phoneticPr fontId="1" type="noConversion"/>
  </si>
  <si>
    <t>戰勝 取消 團隊 大正 疫情</t>
    <phoneticPr fontId="1" type="noConversion"/>
  </si>
  <si>
    <t>警 專 生 插隊 打 疫苗 台南 高雄 通通 認 了 遵照 警政署 指示</t>
    <phoneticPr fontId="1" type="noConversion"/>
  </si>
  <si>
    <t>全台 疫苗 短缺 政府 排定 優先 施打 順序 卻 頻頻 爆出 特權 插隊 爭議 日前 網路 爆 料 警 專 生 也 插隊 施打 疫苗 如今 台 南市 高雄市 通通 認 了 因為 警 專 生 將 跟隨 外勤 員 警 到 第一 線 實習 因此 按照 警政署 指示 分發 台南 197 名</t>
    <phoneticPr fontId="1" type="noConversion"/>
  </si>
  <si>
    <t>金融 國銀 對 中小 企 新增 放款 前 5 月 達成 率 逼近 8 成</t>
    <phoneticPr fontId="1" type="noConversion"/>
  </si>
  <si>
    <t>金管會 國銀 銀行 中小企業 放款</t>
    <phoneticPr fontId="1" type="noConversion"/>
  </si>
  <si>
    <t>學校 清潔 消毒 彭 富源 希望 在 開學 前 3 天 完成</t>
    <phoneticPr fontId="1" type="noConversion"/>
  </si>
  <si>
    <t>消毒 學校 都會 清潔 彭富源</t>
    <phoneticPr fontId="1" type="noConversion"/>
  </si>
  <si>
    <t>專家 稱 727 降級 不解 封 像 在 賭 一 把 陳時中 回 6 字</t>
    <phoneticPr fontId="1" type="noConversion"/>
  </si>
  <si>
    <t>降級 不解 封 二級 陳時中 疫情 賭 一 把</t>
    <phoneticPr fontId="1" type="noConversion"/>
  </si>
  <si>
    <t>買 對 保單 住 負 壓 病房 有 醫 靠</t>
    <phoneticPr fontId="1" type="noConversion"/>
  </si>
  <si>
    <t>日 額 肺炎 負 壓 費用 醫療 險</t>
    <phoneticPr fontId="1" type="noConversion"/>
  </si>
  <si>
    <t>醫大 生 打 莫德納 釀 心肌炎 吞 8 顆 止痛藥 無效 2 大 警覺 救 一 命</t>
    <phoneticPr fontId="1" type="noConversion"/>
  </si>
  <si>
    <t>一 名 醫大 男 學生 昨 上網 po 文 稱 打 第二 劑 莫德納 後 的 第一 天 僅 不斷 發燒 沒想 到 第二 天 卻 開始 出現 心肌炎 最 常見 的 胸 悶 症狀 一連 吞 了 8 顆 止痛藥 仍 不 見 改善 家 人 將 他 緊急 送醫 目前 已 沒有 大礙 他 提醒 大家 打完 mrna 疫苗</t>
    <phoneticPr fontId="1" type="noConversion"/>
  </si>
  <si>
    <t>心肌炎 胸 悶 胸 痛 莫德納 輝瑞 bnt</t>
    <phoneticPr fontId="1" type="noConversion"/>
  </si>
  <si>
    <t>全台新增315例疫情仍在高峰 彰化縣新增5例衛生局公佈最新足跡</t>
    <phoneticPr fontId="1" type="noConversion"/>
  </si>
  <si>
    <t>全台 新 增 315 例 疫情 仍 在 高峰 彰 化 縣 新增 5 例 衛生局 公佈 最新 足跡</t>
    <phoneticPr fontId="1" type="noConversion"/>
  </si>
  <si>
    <t>疫情 吃緊 感染 呼吸道 融合 病毒 會 變 氣喘 醫 恐 呼吸衰竭</t>
    <phoneticPr fontId="1" type="noConversion"/>
  </si>
  <si>
    <t>一 名 一 歲 半 女嬰 發燒 咳嗽 流 鼻 水 多 日 因 活動力 變 差 被 媽媽 緊急 抱 到 醫院 就診 經 症狀 判斷 主要 是 細 支氣管 發炎 所 造成 住院治療 3 天 後 病情 受到 控制 未 料 卻 開始 有 呼吸 急促 和 喘 鳴 現象 血 氧 濃度 也 降低 病毒 培養 結果</t>
    <phoneticPr fontId="1" type="noConversion"/>
  </si>
  <si>
    <t>波蘭 贈 台 40萬 劑 az 疫苗 蘇貞昌 善 的 迴圈</t>
    <phoneticPr fontId="1" type="noConversion"/>
  </si>
  <si>
    <t>專家 示 警 東京 恐 淪 下 個 紐約</t>
    <phoneticPr fontId="1" type="noConversion"/>
  </si>
  <si>
    <t>蔡英文 民 調 創 新高 學者 未來 還 將 面臨 嚴峻 兩岸 挑戰</t>
    <phoneticPr fontId="1" type="noConversion"/>
  </si>
  <si>
    <t>臺灣 民眾 大陸 民意 蔡英文</t>
    <phoneticPr fontId="1" type="noConversion"/>
  </si>
  <si>
    <t>疫情 延 燒 臺灣 西部 唯一 縣 市 為何 能守 住 他 揭 驚人 巧合</t>
    <phoneticPr fontId="1" type="noConversion"/>
  </si>
  <si>
    <t>業績 觀光 漢來 美食 q 1 每股 賺 0 64 元 5 月 見 復蘇 曙光</t>
    <phoneticPr fontId="1" type="noConversion"/>
  </si>
  <si>
    <t>漢來 美食 營 收 毛利率 營益 率 獲利</t>
    <phoneticPr fontId="1" type="noConversion"/>
  </si>
  <si>
    <t>2020 武漢 風暴 加拿大 權威 醫師 領隊 世衛 專家 團隊 抵達 大陸</t>
    <phoneticPr fontId="1" type="noConversion"/>
  </si>
  <si>
    <t>日 厚 勞 相等 3 眾議員 收到 裝 刀片 的 威脅 信</t>
    <phoneticPr fontId="1" type="noConversion"/>
  </si>
  <si>
    <t>日本 厚生 勞動 大臣 加藤勝 信 等 3 位 眾議院 議員 的 辦公室 3 月 23 日 收到 裝 著 刮胡刀 刀片 等 的 威脅 郵件 富士電視臺 等 日 媒 報導 厚 勞相 加藤 眾議院 議員 武井俊 輔 首相 輔佐官 也 是 眾議員 的 秋葉賢 等 3 名 自民党 議員 3 月 23 日 都 收到 可</t>
    <phoneticPr fontId="1" type="noConversion"/>
  </si>
  <si>
    <t>威脅 議員 郵件 秋葉 刀片</t>
    <phoneticPr fontId="1" type="noConversion"/>
  </si>
  <si>
    <t>穩 得 實業 emi 認證 業務 火熱</t>
    <phoneticPr fontId="1" type="noConversion"/>
  </si>
  <si>
    <t>新 應用 成長 穩 得 提高 提升</t>
    <phoneticPr fontId="1" type="noConversion"/>
  </si>
  <si>
    <t>東奧 東奧 期間 確診 數 暴 沖 3 倍 國際 奧 會 這些 發言 讓 日本 人 超 火</t>
    <phoneticPr fontId="1" type="noConversion"/>
  </si>
  <si>
    <t>台中 終結 嘉玲 今日 新增 1 確診</t>
    <phoneticPr fontId="1" type="noConversion"/>
  </si>
  <si>
    <t>雲林 第 8 例 確診 者 第一 次 pcr 陰性 第 9 例 迄今 無 症狀</t>
    <phoneticPr fontId="1" type="noConversion"/>
  </si>
  <si>
    <t>宛如 臉上 戴 了 保險 套 專家 曝 美 男 拒 戴 口罩 內心 最 大 恐懼</t>
    <phoneticPr fontId="1" type="noConversion"/>
  </si>
  <si>
    <t>大甲 媽 繞 境 奉 天宮 嚴陣以待</t>
    <phoneticPr fontId="1" type="noConversion"/>
  </si>
  <si>
    <t>消毒 設置 新港鄉 繞 境 大甲 媽祖 繞 境</t>
    <phoneticPr fontId="1" type="noConversion"/>
  </si>
  <si>
    <t>新北 桃園 交界 蓋 集中 檢疫所 侯友宜 中央 統一分配</t>
    <phoneticPr fontId="1" type="noConversion"/>
  </si>
  <si>
    <t>新北 市長 侯友宜 今 23 日 下午 主持 防疫 應變 會議 記者會 外傳 侯友宜 有 致電 給 桃園 市長 鄭文燦 新北 桃園 交界處 要 多 蓋 集中 檢疫所 侯 回應 集中 檢疫所 由 中央 統一分配 桃園 也 有 集中 檢疫所 也 是 給 中央 都會 互通 討論 研究</t>
    <phoneticPr fontId="1" type="noConversion"/>
  </si>
  <si>
    <t>新北 市長 侯友宜 今 23 日 下午 主持 防疫 應變 會議 記者會 外傳 侯友宜 有 致電 給 桃園 市長 鄭文燦 新北 桃園 交界處 要 多 蓋 集中 檢疫所 侯 回應 集中 檢疫所 由 中央 統一分配 桃園 也 有 集中 檢疫所 也 是 給 中央 都會 互通 討論 研究 侯友宜 說 自己 跟 鄭文燦 臺北市 長 柯文哲 及 衛福 部長 陳時 中都 會 經常 聯繫 也 會 互相 打電話 都會 討論 疫情 集中 檢疫所 由 中央 統一分配 桃園 也 有 集中 檢疫所 也 是 支援 中央 關於 陽明山 卻 出現 民眾 旅遊 群 聚 的 狀況 侯說 拜 讬 民眾 別 再 出門 沒有 事情 不要 趴 趴 走 今天 前往 熱區 防疫 中心 民眾 都 很 遵守 規定 連 風景區 都 沒有 去 了</t>
    <phoneticPr fontId="1" type="noConversion"/>
  </si>
  <si>
    <t>nba 賈霸 呼籲 打 疫苗 聯盟 仍 有 反對 意見</t>
    <phoneticPr fontId="1" type="noConversion"/>
  </si>
  <si>
    <t>omicron 傳染 力 恐是 delta 五 倍 靠 第 三 劑 醫 籲 快 收回 一 措施</t>
    <phoneticPr fontId="1" type="noConversion"/>
  </si>
  <si>
    <t>新 變種 病毒 omicron 步步進逼 已 快速 在 多國 蔓延 衛福部 草屯 療養院 精神 科 醫師 沈政男 警告 omicron 有 可能 把 疫情 打回 去年 三月 從頭開始 而且 對手 的 戰鬥力 比 之前 強上 三 倍 更 指出 omicron 的 傳染 力 有 可能 是 delta 的 5 倍</t>
    <phoneticPr fontId="1" type="noConversion"/>
  </si>
  <si>
    <t>omicron 春節 7 7 邊境 傳染 力 第 三 劑</t>
    <phoneticPr fontId="1" type="noConversion"/>
  </si>
  <si>
    <t>百萬 youtuber 劉沛 等 不 到 疫苗 帶 孕 妻 回 美國 接受 酸 民 批評</t>
    <phoneticPr fontId="1" type="noConversion"/>
  </si>
  <si>
    <t>youtube 頻道 訂閱 117萬 的 劉沛 來自 美國 加州 2012 年 為了 圓 歌手 夢 飄洋過海 到 台 參加 中視 超級 星光 大道 因緣際會 轉型 為 youtuber 去年 2 月 在 美國 與 交往 許久 的 美 根 結婚 今年 3 月初 宣佈 懷孕 眼看 臺灣 本土 疫情 嚴峻 兩 人</t>
    <phoneticPr fontId="1" type="noConversion"/>
  </si>
  <si>
    <t>新北 發病 與 確診 日趨 近於 0 侯友宜 點出 一 關鍵 就 能 控制 疫情</t>
    <phoneticPr fontId="1" type="noConversion"/>
  </si>
  <si>
    <t>臺灣 確診 者 在 澳門 遭 驗 出 感染 印度 delta 變異 病毒 該員 曾 在 越南 工作</t>
    <phoneticPr fontId="1" type="noConversion"/>
  </si>
  <si>
    <t>陳偉殷 的 下 一 步 考慮 中職 日 職 中華隊</t>
    <phoneticPr fontId="1" type="noConversion"/>
  </si>
  <si>
    <t>陳偉殷 臺灣 中職 水手 日 職</t>
    <phoneticPr fontId="1" type="noConversion"/>
  </si>
  <si>
    <t>入境 謊報 歐洲旅 史 最高 可 罰 15萬 元</t>
    <phoneticPr fontId="1" type="noConversion"/>
  </si>
  <si>
    <t>防疫 無礙 屏 東 易讀 版 手冊 上線</t>
    <phoneticPr fontId="1" type="noConversion"/>
  </si>
  <si>
    <t>手冊 肺炎 心智 障礙 資訊 本 周</t>
    <phoneticPr fontId="1" type="noConversion"/>
  </si>
  <si>
    <t>興 櫃 生 技 股 突圍 攜手 強漲</t>
    <phoneticPr fontId="1" type="noConversion"/>
  </si>
  <si>
    <t>周 漲幅 肺炎 治療 興 櫃 漲幅</t>
    <phoneticPr fontId="1" type="noConversion"/>
  </si>
  <si>
    <t>國際 場站 出境 19 日 開放 飲食 業者 早就 準備 好 了</t>
    <phoneticPr fontId="1" type="noConversion"/>
  </si>
  <si>
    <t>交通部 放寬 大眾 運輸 場站 飲食 及 恢復 高鐵 自由 座 站票 19 日 起 客運 轉運站 在 候車 區 可以 飲食 海空運 場站 也 可 飲食 國際航空 站 和 海港 出境 部分 開放 飲食 相關 餐飲業 也 開放 但 國際航空 入境 仍 不 可 飲食 機場 餐飲業者 表示</t>
    <phoneticPr fontId="1" type="noConversion"/>
  </si>
  <si>
    <t>韓宣佈明年11月前 達成逾8成人口接種新冠疫苗目標</t>
    <phoneticPr fontId="1" type="noConversion"/>
  </si>
  <si>
    <t>台男 堅持 飛 日 竟 嗆 回不來 政府 會 包機</t>
    <phoneticPr fontId="1" type="noConversion"/>
  </si>
  <si>
    <t>打 莫德納 送 現金 這 縣 市 6 施打 站 接種 每人 發 500 元</t>
    <phoneticPr fontId="1" type="noConversion"/>
  </si>
  <si>
    <t>面對 新型 非洲 變種 病毒 omicron 在 國際 延 燒 屏 縣府 擔心 農曆 春節 返鄉 人潮 會 提高 社區 感染 風險 稍 早 拍板 定案 從 5 日 起至 7 日 凡 在 指定 的 6 站 施打 莫德納 疫苗 即 加碼 送 現金 500 元 外縣市 人 也 可 每 站 限額 300 名 送 完 為止 屏 縣</t>
    <phoneticPr fontId="1" type="noConversion"/>
  </si>
  <si>
    <t>面對 新型 非洲 變種 病毒 omicron 在 國際 延 燒 屏 縣府 擔心 農曆 春節 返鄉 人潮 會 提高 社區 感染 風險 稍 早 拍板 定案 從 5 日 起至 7 日 凡 在 指定 的 6 站 施打 莫德納 疫苗 即 加碼 送 現金 500 元 外縣市 人 也 可 每 站 限額 300 名 送 完 為止 屏 縣 衛生局 表示 屏 東 首創 在 百貨公司 及 火車站 設站 施打 莫德納 疫苗 每日 施 打量 持續 增加 原訂 只 打到 5 日 但因 成效 良好 決定 延長 至 7 日 時間 也 從 原先 的 下午 3 點 或 5 點 開始 施打 提早到 上午 10 點 30 開始 一直 到 晚上 7 點 止 而為 因應 春節 返鄉 人潮 帶來 的 社區 感染 危機 在 屏 東 佛教 會 及 東港 東 隆宮 的 捐款 支持 下 決定 再 加碼 從 5 日 起至 7 日 止 打 莫德納 疫苗 就 送 500 元 現金 施 打點 除 原來 的 屏 東 火車站 潮州 火車站 環球 購物 中心 太平洋百貨 外 又 增加 東港 東 隆宮 及 車城 福 安宮 共 6 個 施打 站 衛生局表示 民眾 可 在 上午 10 點 30 分至 12 點 30 分 下午 1 點 分至 7 點 隨 到 隨 打 每 站 的 前 300 名 送 500 元 現金 請 大家 邀集 親友 帶 健 保 卡 踴躍 前往 施打 第二 劑 要 記 得 帶 黃卡</t>
    <phoneticPr fontId="1" type="noConversion"/>
  </si>
  <si>
    <t>斯洛伐克 捐贈 疫苗 抵 台 蔡英文 優先 提供 第二 劑 接種</t>
    <phoneticPr fontId="1" type="noConversion"/>
  </si>
  <si>
    <t>斯洛伐克 捐贈 的 16萬 劑 az 疫苗 今天上午 抵 台 蔡英文 總統 表示 這 批 16萬 劑 疫苗 以及 昨天 日本 捐贈 抵 台 的 50萬 劑 az 疫苗 都會 優先 提供 第二 劑 接種 她 也 再次 提醒 大家 儘早 接種 完整 接種 讓 臺灣 在 防疫 上 具有 最 強 的 戰力</t>
    <phoneticPr fontId="1" type="noConversion"/>
  </si>
  <si>
    <t>東吳 超級 馬拉松</t>
    <phoneticPr fontId="1" type="noConversion"/>
  </si>
  <si>
    <t>搬家工送貨遭嫌「傢俱沒消毒」硬砍價 淚訴：又做白工了</t>
    <phoneticPr fontId="1" type="noConversion"/>
  </si>
  <si>
    <t>搬家 工 送貨 遭 嫌 傢俱 沒 消毒 硬 砍價 淚 訴 又 做 白工 了</t>
    <phoneticPr fontId="1" type="noConversion"/>
  </si>
  <si>
    <t>臺灣 疫情 嚴峻 本土 確診 案例 連日 暴 增 單日 從 16 例 29 例 180 例 飆 升到 206 例 333 例 240 例 每天 破百 例 的 病毒 蔓延 速度 叫 民眾 心慌 慌 也 引發 許多 亂象 像是 日前 一 名 搬家 師傅 網友 po 文 控訴 指稱 一 位 自稱 是 單親 媽媽</t>
    <phoneticPr fontId="1" type="noConversion"/>
  </si>
  <si>
    <t>大 疫 當前 金門 成立 失業 及 無 薪 假 勞工 諮 詢 櫃檯</t>
    <phoneticPr fontId="1" type="noConversion"/>
  </si>
  <si>
    <t>勞工 諮 詢 櫃檯 失業 無 薪 假</t>
    <phoneticPr fontId="1" type="noConversion"/>
  </si>
  <si>
    <t>挨批 視野 狹隘 白宮 圍剿 佛 奇 過失 清單 一長串</t>
    <phoneticPr fontId="1" type="noConversion"/>
  </si>
  <si>
    <t>京元電 30 移 工 快 篩 陽性 今 pcr 出爐 全部 確診</t>
    <phoneticPr fontId="1" type="noConversion"/>
  </si>
  <si>
    <t>苗栗縣 12 日 新增 確診 病例 9 例 7 例 為 外籍 移 工 本 國籍 2 例 其中 京元 電子 有 6 例 智邦 科技 2 例 京鼎 1 例 其中 1 例 無 症狀 目前 確診 個案 都 已 收治 隔離 中 相關 足跡 則 公告 于苗栗 縣政府 網站 苗栗 縣長 徐耀昌 表示 新增 的 9 例</t>
    <phoneticPr fontId="1" type="noConversion"/>
  </si>
  <si>
    <t>施打 縣府 長者 快 篩 網路</t>
    <phoneticPr fontId="1" type="noConversion"/>
  </si>
  <si>
    <t>陳道輝 遭 調 職 是否 公平 逾 9 成 網友 選 邊 站</t>
    <phoneticPr fontId="1" type="noConversion"/>
  </si>
  <si>
    <t>陳道輝 網路 投票 調 職 海軍 敦睦 艦隊</t>
    <phoneticPr fontId="1" type="noConversion"/>
  </si>
  <si>
    <t>柯文哲 曝 感染 新 樣 態 7 成是 家戶 感染</t>
    <phoneticPr fontId="1" type="noConversion"/>
  </si>
  <si>
    <t>家戶 感染 柯文哲 感染 源 北市 7 成</t>
    <phoneticPr fontId="1" type="noConversion"/>
  </si>
  <si>
    <t>店員 比 客人 多 黃金 山城 吹冷風</t>
    <phoneticPr fontId="1" type="noConversion"/>
  </si>
  <si>
    <t>明明 是 放假 前 的 星期五 上午 十 點 到 達 九份 老 街 沒 想到 卻 一 片 冷清 許多 店家 沒 開門 觀光客 人潮 不 複 平日 比 以前 早上 七 點 來時 人 還要 少 只 要 一 有人 走 過去 有 開 的 店面 服務 人員 遞 茶 的 遞 茶 拿出 試 吃 品 的 一 堆 莫不</t>
    <phoneticPr fontId="1" type="noConversion"/>
  </si>
  <si>
    <t>流水席 限制 辦 桌 梅花座 隔板</t>
    <phoneticPr fontId="1" type="noConversion"/>
  </si>
  <si>
    <t>超 凶 正 妹 穿 三 點式 爬山 14萬 人 噴鼻血</t>
    <phoneticPr fontId="1" type="noConversion"/>
  </si>
  <si>
    <t>旅遊 節目 正 妹 主持人 比基尼 美女 郊遊 遊</t>
    <phoneticPr fontId="1" type="noConversion"/>
  </si>
  <si>
    <t>獨 許 書豪 今 迎接 33 歲 生日 禮 耗時 3 天 改造</t>
    <phoneticPr fontId="1" type="noConversion"/>
  </si>
  <si>
    <t>解封 後首 家 健身房 停業 即 起 配合 防疫 暫停營業 2 天</t>
    <phoneticPr fontId="1" type="noConversion"/>
  </si>
  <si>
    <t>民 調 滿意度 高達 9 成 陳時中 竟 這樣 回應</t>
    <phoneticPr fontId="1" type="noConversion"/>
  </si>
  <si>
    <t>陳時中 高達 防疫 滿意度 調查</t>
    <phoneticPr fontId="1" type="noConversion"/>
  </si>
  <si>
    <t>還有 500萬 人 沒 打 疫苗 民眾黨 團 籲 政府 增加 誘因</t>
    <phoneticPr fontId="1" type="noConversion"/>
  </si>
  <si>
    <t>13 名 長者 打 az 後 猝死 是 疫苗 危險 台大 權威 醫 說話 了</t>
    <phoneticPr fontId="1" type="noConversion"/>
  </si>
  <si>
    <t>az 疫苗 15 日 起 開放 高齡 長者 施打 2 天 傳出 13 名 長者 接種 疫苗 後 猝 逝 震驚 外界 不少 民眾 猶豫 該不該 讓 家中 長輩 打 疫苗 台大 知名 感染 科 權威 教授 李秉穎 表示 從 資料 上 來看 其實 沒有 出現 危險 訊號 台大 兒童 醫院 感染 科 醫師</t>
    <phoneticPr fontId="1" type="noConversion"/>
  </si>
  <si>
    <t>李秉 穎 az 長者 疫苗 危險</t>
    <phoneticPr fontId="1" type="noConversion"/>
  </si>
  <si>
    <t>已 確診 45 人 京元電 快 篩 1915 人 再 傳 51 陽性</t>
    <phoneticPr fontId="1" type="noConversion"/>
  </si>
  <si>
    <t>京元 電子 快 篩 移 工 陽性 確診</t>
    <phoneticPr fontId="1" type="noConversion"/>
  </si>
  <si>
    <t>快篩完立刻戴口罩上工 美女主播公佈檢驗結果嘆：沒想過有這天</t>
    <phoneticPr fontId="1" type="noConversion"/>
  </si>
  <si>
    <t>快 篩 完 立刻 戴 口罩 上工 美女 主 播 公佈 檢驗 結果 歎 沒想 過 有 這天</t>
    <phoneticPr fontId="1" type="noConversion"/>
  </si>
  <si>
    <t>匯率 期貨 趨勢 專欄 美元 兌 日圓 走勢 偏 弱</t>
    <phoneticPr fontId="1" type="noConversion"/>
  </si>
  <si>
    <t>回溫 肺炎 歐元 兌 美元 期貨 強勢 留意</t>
    <phoneticPr fontId="1" type="noConversion"/>
  </si>
  <si>
    <t>美國 迎接 死亡 新年</t>
    <phoneticPr fontId="1" type="noConversion"/>
  </si>
  <si>
    <t>父母 主義 美國 醫院 肺炎</t>
    <phoneticPr fontId="1" type="noConversion"/>
  </si>
  <si>
    <t>業績 電子 通路 拉 貨 力 道 回 溫 茂綸 5 月 營 收 雙增</t>
    <phoneticPr fontId="1" type="noConversion"/>
  </si>
  <si>
    <t>520 總統 就職 大典 擬 放寬 參加 人數</t>
    <phoneticPr fontId="1" type="noConversion"/>
  </si>
  <si>
    <t>社區 陳時中 本土 病例 臺灣 疫情</t>
    <phoneticPr fontId="1" type="noConversion"/>
  </si>
  <si>
    <t>防疫 旅館 陳時中 隔離 者 旅客 入 住</t>
    <phoneticPr fontId="1" type="noConversion"/>
  </si>
  <si>
    <t>社區 已 連續 34 天 零 確診 醫 預言 疫情 發展 不必 搶 打 第二 劑</t>
    <phoneticPr fontId="1" type="noConversion"/>
  </si>
  <si>
    <t>又 是 喝 咖啡 北市 旅行社 主管 中 鏢</t>
    <phoneticPr fontId="1" type="noConversion"/>
  </si>
  <si>
    <t>連兩天 本土 0 增 4 境外 1 人 連 假 逛 百貨公司</t>
    <phoneticPr fontId="1" type="noConversion"/>
  </si>
  <si>
    <t>24 名 海軍 轉彎 願 疫 調 關鍵 原因 曝光</t>
    <phoneticPr fontId="1" type="noConversion"/>
  </si>
  <si>
    <t>海軍 敦睦 艦隊 24 位 官兵 原本 拒絕 疫 調 高雄 市長 韓國瑜 下 最後通牒 才 終於 配合 如今 海軍 轉彎 願意 配調 的 關鍵 內容 也 跟 著 曝光 原來 是 高 市府 請來 海軍 軍官 坐鎮 直接 到 疫 調 中心 幫忙 打電話 引導 這 才讓 拒絕 疫 調 官兵 卸</t>
    <phoneticPr fontId="1" type="noConversion"/>
  </si>
  <si>
    <t>海軍 衛生局 電話 艦隊 海軍</t>
    <phoneticPr fontId="1" type="noConversion"/>
  </si>
  <si>
    <t>日 美 股 蘋果 大陸 肺炎 下滑</t>
    <phoneticPr fontId="1" type="noConversion"/>
  </si>
  <si>
    <t>業績 電子 通路 利機 h 1 獲利 登頂 今年 拼 逐 季 成長</t>
    <phoneticPr fontId="1" type="noConversion"/>
  </si>
  <si>
    <t>利機 fccsp sip emmc emcp</t>
    <phoneticPr fontId="1" type="noConversion"/>
  </si>
  <si>
    <t>美 喆 新廠 明年 量 產 有助 全球 接 單</t>
    <phoneticPr fontId="1" type="noConversion"/>
  </si>
  <si>
    <t>為 分散 產能 擴大 全球 業務 接 單 佈局 石塑 地板廠 美 喆 -ky 8466 投資 25億 元 的 台南 新廠 12 日 舉行 動土 典禮 董事長 陳本源 指出 新廠 2021 年 第一 季可量 產 預估 每月 可 貢獻 營 收 超過 3億 元 並 有助 公司 強化 全球 接 單 佈局 美 喆</t>
    <phoneticPr fontId="1" type="noConversion"/>
  </si>
  <si>
    <t>台南 新廠 產能 有助 佈局 陳本源</t>
    <phoneticPr fontId="1" type="noConversion"/>
  </si>
  <si>
    <t>無視 防疫 禁令 韓 牧師 口出狂言 染病 參加 集會 就 會 好</t>
    <phoneticPr fontId="1" type="noConversion"/>
  </si>
  <si>
    <t>華南銀行 挺 紓困 成立 紓困 振興 貸款 處理 小組</t>
    <phoneticPr fontId="1" type="noConversion"/>
  </si>
  <si>
    <t>分行 肺炎 華南銀行 振興 協助</t>
    <phoneticPr fontId="1" type="noConversion"/>
  </si>
  <si>
    <t>生 醫 股 長 聖 訂單 滿 6 月 營 收 寫 新高</t>
    <phoneticPr fontId="1" type="noConversion"/>
  </si>
  <si>
    <t>長 聖 6712 特 管 辦法 細胞 製備 委 讬 訂單 排到 明年 3 月 今日 股價 開高 後 多空 開始 交戰 股價 在 平盤 附近 遊移 長 聖 中 特 管 辦法 的 細胞 委 讬 製造 業務 持續 增加 訂單 已 排 程至 明年 3 月 6 月 單月 營 收 3690萬 元 再 創下 新高 年 增加 8</t>
    <phoneticPr fontId="1" type="noConversion"/>
  </si>
  <si>
    <t>裝備 升級 北市 成立 專責 計程車 隊 後 送 快 篩 陽性 輕 症 確診 者</t>
    <phoneticPr fontId="1" type="noConversion"/>
  </si>
  <si>
    <t>臺北市 快 篩 陽性者 數 攀升 臺北市 副 市長 黃珊珊 今 宣佈 市府 將 成立 專責 計程車 隊 後 送 快 篩 陽性 無 症狀 患者 返家 隔離 以及 協助 檢測 後 ct 值 仍 小於 30 的 確診 病人 至 集中 檢疫所 由於 風險 較 過往 高 因此 司機 裝備 會 有所 升級</t>
    <phoneticPr fontId="1" type="noConversion"/>
  </si>
  <si>
    <t>臺北市 快 篩 陽性者 數 攀升 臺北市 副 市長 黃珊珊 今 宣佈 市府 將 成立 專責 計程車 隊 後 送 快 篩 陽性 無 症狀 患者 返家 隔離 以及 協助 檢測 後 ct 值 仍 小於 30 的 確診 病人 至 集中 檢疫所 由於 風險 較 過往 高 因此 司機 裝備 會 有所 升級 現有 40 位 運 將 報名 訓練 後 即可 上線 黃珊珊 指出 過往 的 防疫 計程車 是 接送 居家 檢疫 者 去 就醫 或 到 其他 住所 無須 太 高 規格 的 防護 和 訓練 但 新 成立 的 專責 計程車 將 載 送 恐為 快 篩 陽性 但 不 需要 住院 去 集中 檢疫所 的 無 症狀 患者 回家 隔離 因為 市府 不 放心 民眾 獨自 搭乘 公共 運輸 黃 指出 今天 開始 只要 是 快 篩 陽性 沒 症狀 患者 中央 同意 他們 回家 但要 附上 電子 圍 籬 和 居家 隔離 通知書 讓 民眾 能 在 家裡 隔離 這 段路程 由 計程車 協助 運送 此外 黃 表示 專責 病房 內 的 患者 已 有 解 隔離 的 條件 只要 是 輕 症 狀況 不 多 即可 參加 後續 檢測 若 ct 值 大於 30 便 可 返家 小於 30 則 要 送至 集中 檢疫所 由於 此種 狀況 的 病人 無須再 使用 救護車 後 送 因此 會 由 專責 計程車 協助 黃 承諾 行駛 途中 計程車 司機 將 著 高級 防護衣 裝備 比 過往 的 防疫 計程車 更 高級 現 已 徵用 40 名 勇敢 的 計程車 司機 接下來 會 進行 訓練 期望 能 在 最近 上線 以便 因應 許多 快 篩 陽性 患者 的 陸續 出現</t>
    <phoneticPr fontId="1" type="noConversion"/>
  </si>
  <si>
    <t>快 篩 陽性 北市 專責 計程車 隊 快 篩 陽性</t>
    <phoneticPr fontId="1" type="noConversion"/>
  </si>
  <si>
    <t>經濟部 擬 發放 酷 碰 券 立 法院 法制 局 提出 3 點 建議</t>
    <phoneticPr fontId="1" type="noConversion"/>
  </si>
  <si>
    <t>中華 奧 會 多 元 交流 有成 獲 頒 雅典娜 獎</t>
    <phoneticPr fontId="1" type="noConversion"/>
  </si>
  <si>
    <t>中華 奧 會 國際 國家 奧 會 邀請 體育</t>
    <phoneticPr fontId="1" type="noConversion"/>
  </si>
  <si>
    <t>疫苗 不足 恐 打 嘸 第二 劑 811萬 人 想 打 az 莫德納</t>
    <phoneticPr fontId="1" type="noConversion"/>
  </si>
  <si>
    <t>非洲 確診 與 死亡 人數 增加 40 who 控 富裕 國 政策 讓 防疫 失敗</t>
    <phoneticPr fontId="1" type="noConversion"/>
  </si>
  <si>
    <t>世界衛生組織 who 25 日 舉行 記者會 會 中 who 秘書長 譚德 賽 警告 隨 著 在 印度 發現 的 delta 變種 病毒 於 全球 快速 傳播 非洲 因 缺乏 疫苗 而 岌岌可危 光 上周 新增 確診 數 與 死亡 人數 就 較 前 1 周 增加 近 40 相較 於 世界 上 最 貧</t>
    <phoneticPr fontId="1" type="noConversion"/>
  </si>
  <si>
    <t>實驗 結果顯示 被 批 疫苗 肺炎 研發</t>
    <phoneticPr fontId="1" type="noConversion"/>
  </si>
  <si>
    <t>不再 強硬 這 一 關鍵 讓 美 重 啟 武漢 總領館 反 遭 酸</t>
    <phoneticPr fontId="1" type="noConversion"/>
  </si>
  <si>
    <t>美 12 月 非農 就業 意外 減 14萬 人</t>
    <phoneticPr fontId="1" type="noConversion"/>
  </si>
  <si>
    <t>限制 非農業 就業人數 外界 顯示 美國 經濟</t>
    <phoneticPr fontId="1" type="noConversion"/>
  </si>
  <si>
    <t>大 蟒蛇 纏身 臺灣 面臨 窒息 危機</t>
    <phoneticPr fontId="1" type="noConversion"/>
  </si>
  <si>
    <t>模式 臺灣 陸美 兩岸 美國</t>
    <phoneticPr fontId="1" type="noConversion"/>
  </si>
  <si>
    <t>揪 團購 募 物資 台 新 關懷 社 福</t>
    <phoneticPr fontId="1" type="noConversion"/>
  </si>
  <si>
    <t>關懷 台新 銀行 公益 慈善 基金會 物資 台新 中斷</t>
    <phoneticPr fontId="1" type="noConversion"/>
  </si>
  <si>
    <t>美 爆 追 打 疫苗 之 亂 至少 近千人 已 打 第 3 劑 超 輕鬆 闖 關 內幕 曝光</t>
    <phoneticPr fontId="1" type="noConversion"/>
  </si>
  <si>
    <t>美國 食品 藥物 管理局 fda 尚未 批准 讓 民眾 施打 追加 疫苗 booster shot 不過 當地 已經 爆發 追 打 疫苗 之 亂 超過 900 人 已經 完成 第 3 劑 疫苗 接種 有人 只是 告知 沒 打過 疫苗 就 闖 關成功 美聯社 調查 美國 疾病 管制 暨 預防 中心</t>
    <phoneticPr fontId="1" type="noConversion"/>
  </si>
  <si>
    <t>台師大 跨國 研究 蝙蝠 恐 引發 人 畜 共通 傳染病</t>
    <phoneticPr fontId="1" type="noConversion"/>
  </si>
  <si>
    <t>病毒 蝙蝠 人類 研究 症狀</t>
    <phoneticPr fontId="1" type="noConversion"/>
  </si>
  <si>
    <t>我 10 確診 個案 好轉 出院 時間 未定</t>
    <phoneticPr fontId="1" type="noConversion"/>
  </si>
  <si>
    <t>香港 確診 個案 居家 隔離 肺炎 檢疫</t>
    <phoneticPr fontId="1" type="noConversion"/>
  </si>
  <si>
    <t>嘉縣 65 歲 以上 民眾 明 開放 打 疫苗 擴大 29 場 疫苗 接種 站 應戰</t>
    <phoneticPr fontId="1" type="noConversion"/>
  </si>
  <si>
    <t>壽險 包租 公出 招 新 壽 啟動 以 物 易物 救 租戶</t>
    <phoneticPr fontId="1" type="noConversion"/>
  </si>
  <si>
    <t>租金 收入 租金 租戶 壽險 新 壽</t>
    <phoneticPr fontId="1" type="noConversion"/>
  </si>
  <si>
    <t>專訪 是 方攀 雲 計 畫 10 年 拼 闖 國際 杯 4 3</t>
    <phoneticPr fontId="1" type="noConversion"/>
  </si>
  <si>
    <t>人稱 中華 電 2412 小 金雞 的 是 方 6561 目前 中華 電 持 股 56 日前 董事會 通過 未來 幾 年 將 砸 重金 投資 逾 20億 元 在內 湖 打造 第 四 座 機房 預計 2023 年 就 會 上線 服務 除 看好 市場 潛在 的 成長 力 道外 是 方也 希望 將 自身 的 基本功 鍛</t>
    <phoneticPr fontId="1" type="noConversion"/>
  </si>
  <si>
    <t>陸遊客 擠爆 黃山 當地 管委會 未 采 預約 制 引 民怨</t>
    <phoneticPr fontId="1" type="noConversion"/>
  </si>
  <si>
    <t>黃山 遊客 景區 旅遊 風景區</t>
    <phoneticPr fontId="1" type="noConversion"/>
  </si>
  <si>
    <t>宜蘭 綠 舞 強化 體質 推 有感 專案</t>
    <phoneticPr fontId="1" type="noConversion"/>
  </si>
  <si>
    <t>觀光 旅遊 藍心 瑩 執行長 肺炎</t>
    <phoneticPr fontId="1" type="noConversion"/>
  </si>
  <si>
    <t>侯友宜 成 藍 營 新希望 知情 人士 警告 綠 營 不會 手軟</t>
    <phoneticPr fontId="1" type="noConversion"/>
  </si>
  <si>
    <t>wework 陷 苦戰 客戶 解約 拒付 租金</t>
    <phoneticPr fontId="1" type="noConversion"/>
  </si>
  <si>
    <t>科技 車 聯網 飆 出新 商 機 台 積 電 聯發 科 等 大將 不 缺席</t>
    <phoneticPr fontId="1" type="noConversion"/>
  </si>
  <si>
    <t>自動 駕駛 車 聯網 電動車 商 機 大好 工研院 預估 2030 年 全球 汽車 電子 與 車 聯網 市場 規模 將 達到 8000億 美元 台系 ict 業者 也 競相 搶 進 包括 台積電 聯發 科 台達電 以及 鴻 海 等 一線 大廠 也 均 名列 其中 也 顯示 出 相關 商機 的 誘</t>
    <phoneticPr fontId="1" type="noConversion"/>
  </si>
  <si>
    <t>自動 駕駛 車 聯網 電動車 商 機 大好 工研院 預估 2030 年 全球 汽車 電子 與 車 聯網 市場 規模 將 達到 8000億 美元 台系 ict 業者 也 競相 搶 進 包括 台積電 聯發 科 台達電 以及 鴻 海 等 一線 大廠 也 均 名列 其中 也 顯示 出 相關 商機 的 誘人 程度 工研院 分析 指出 在 5 g 的 大 頻寬 低 延遲 也 助長 車載 多媒體 發展 工研院 預估 2023 年 全球 汽車 電子 與 車 聯網 預估 達 4511億 美元 預估 2030 年 全球 汽車 電子 與 車 聯網 市場 規模 將 達到 8000億 美元 2050 年 將 出現 7 兆 美元 的 搭乘 者 經濟 臺灣 今年 首度 進入 全球 自動 駕駛 國際 準備 度 排名 第 13 名 在 法規 與 政策 支持 下 2018 年 通過 無人 載 具 科技 創新 實驗 條例 2019 年 經濟部 成立 無人 載 具 科技 創新 實驗 辦公室 2020 年 提供 實證 上路 研發 補助 計畫 不 囿于 現有 法規 的 框架 進行 新創 或 自 駕車 在 level 3 以上的 測試 驗證 與 營運者 服務 驗證 開發 下 世代 智慧 交通運輸 自 駕車 的 發展 應用 在 2020 年 臺灣 通過 7 案 申請 沙 盒 科技 創新 例如 在 夜間 自動 接 駁 公車 觀光旅遊 的 區域 共生 無人 運輸 物流 小 區域 測試 等 工研院 觀察 指出 環顧 臺灣 車電 產品 導航 多媒體 與 車用 影像 專案 發展 居多 隨 著 國際 發展趨勢 政府 政策 支持 下 聯網 自動 與 電動車 輛 將 帶出 汽車 電子 成長 動能 預估 2020 年 車電 產值 約 為 2590億 元 2025 年 臺灣汽車 電子 產值 接近 3100億 元 帶動 資 通訊 和 車電 零 元件 對 車輛 新興 科技 應用 在 大 趨勢 帶動 下 臺灣 ict 業者 競相 搶 進 電動車 領域 包括 台積電 2330 華 邦 2344 聯發 科 2454 淩 陽 2401 光寶 2301 鴻 海 2317 為 升 2231 台 達 電 2308 國際 航電 勤 崴 6516 中 華電 2412 等 都 已 進入 車電 領域 相較 於 國際 廠商 利用 新創 或 並購 盡 速取得 市場 位置 建議 臺灣 發展 車輛 電子產品 從 點線 面 的 合作 模式 運用 法人 研究 單位 與 國內外 業者 建構 其 平臺 讓 不同 層次 的 業者 發展 車電 產品 以 應用 到 自動 聯網 電動 與 運輸 服務 來 建立 自身 優勢 具備 進入 國際 市場 之 發展潛力</t>
    <phoneticPr fontId="1" type="noConversion"/>
  </si>
  <si>
    <t>電動車 5 g 工研院 台積電 華邦</t>
    <phoneticPr fontId="1" type="noConversion"/>
  </si>
  <si>
    <t>莊人祥 否認 棄 打 潮 az 預約 接種 率 天天 破 9 成</t>
    <phoneticPr fontId="1" type="noConversion"/>
  </si>
  <si>
    <t>az 預約 莊人祥 bnt 接種</t>
    <phoneticPr fontId="1" type="noConversion"/>
  </si>
  <si>
    <t>懷疑 美軍 將 接管 洛杉磯 男子 開火 車 撞 醫療 船</t>
    <phoneticPr fontId="1" type="noConversion"/>
  </si>
  <si>
    <t>三 面 項 支撐 美 股 後市 不 看淡</t>
    <phoneticPr fontId="1" type="noConversion"/>
  </si>
  <si>
    <t>多 優 肺炎 美 股 寬鬆 表現</t>
    <phoneticPr fontId="1" type="noConversion"/>
  </si>
  <si>
    <t>萬華 爆 確診 感染 源 不明 茶室 超 嗨 影片 曝光</t>
    <phoneticPr fontId="1" type="noConversion"/>
  </si>
  <si>
    <t>興 櫃 股 昱厚 3 主力 產品 加速 推進 臨床 進程 商用</t>
    <phoneticPr fontId="1" type="noConversion"/>
  </si>
  <si>
    <t>專注 以 黏膜 免疫 調節 技術 平臺 開發 新藥 的 昱 厚生 技 6709 今日 舉行 股東會 由 董事長 陳璧榮 主持 由於 旗 下 新藥 尚 處於 研發 與 臨床 試驗 階段 董事長 陳璧榮 在 股東會 上 感謝 董事 及 所有 股東 的 支持 承諾 各項 臨床 試驗 進度 將 依序進</t>
    <phoneticPr fontId="1" type="noConversion"/>
  </si>
  <si>
    <t>昱 厚生 技 昱厚 臨床 試驗 ad 過敏性 鼻炎</t>
    <phoneticPr fontId="1" type="noConversion"/>
  </si>
  <si>
    <t>重災區 黑龍江 首度 雙 零</t>
    <phoneticPr fontId="1" type="noConversion"/>
  </si>
  <si>
    <t>黑龍江 大陸 河北 上海 北京</t>
    <phoneticPr fontId="1" type="noConversion"/>
  </si>
  <si>
    <t>桃 觀光 工廠 營 收 少 3 成 只有 這家 逆勢 翻倍 成長</t>
    <phoneticPr fontId="1" type="noConversion"/>
  </si>
  <si>
    <t>韓 專家 怒 批 who 不 可信 預估 南韓 3 月 確診 數 恐 破 萬</t>
    <phoneticPr fontId="1" type="noConversion"/>
  </si>
  <si>
    <t>嘉義 市 再 添 1 本土 病例 男 學生 同寢室 已 3 人 無 症狀 確診</t>
    <phoneticPr fontId="1" type="noConversion"/>
  </si>
  <si>
    <t>憂 疫情 噩夢 重來 巴塞隆納 籲 市 民宅 在家</t>
    <phoneticPr fontId="1" type="noConversion"/>
  </si>
  <si>
    <t>今 起 入境 適用 7 7 黃珊珊 深夜 憂心 發文 天 佑 臺灣</t>
    <phoneticPr fontId="1" type="noConversion"/>
  </si>
  <si>
    <t>調查團 中國 調查 調查 團隊 肺炎</t>
    <phoneticPr fontId="1" type="noConversion"/>
  </si>
  <si>
    <t>宜蘭 挺 醫護 企業家 捐 10萬 元 打氣</t>
    <phoneticPr fontId="1" type="noConversion"/>
  </si>
  <si>
    <t>道歉 後 就 留任 政治 戲碼 給 誰 看</t>
    <phoneticPr fontId="1" type="noConversion"/>
  </si>
  <si>
    <t>行政院長 蘇貞昌 本 週四 罕見 地 親自 主持 記者會 笑容可掬 非常 親切 地 對 1萬 元 紓困 金 發放 亂象 道歉 接 著 週五 一大早 總統 蔡英文 就 打破 慣例 火速 宣佈 蘇貞昌 留任 繼續 組閣 這樣 的 政治 戲碼 要 做 給 誰 看 背後 還有 什麼 盤算</t>
    <phoneticPr fontId="1" type="noConversion"/>
  </si>
  <si>
    <t>蘇貞昌 賴清德 肺炎 蔡英文 組閣</t>
    <phoneticPr fontId="1" type="noConversion"/>
  </si>
  <si>
    <t>讓 大家 活 下去 藍營 金門 為 鄉親 發聲</t>
    <phoneticPr fontId="1" type="noConversion"/>
  </si>
  <si>
    <t>美 股 誰 在 裸 泳 這 檔 妖 股 4 天 狂 殺 24</t>
    <phoneticPr fontId="1" type="noConversion"/>
  </si>
  <si>
    <t>南部 國立 大學生 確診 校方 公開 足跡 時間 軸 喊 來 一 波 守 一 波 網 暴動 了</t>
    <phoneticPr fontId="1" type="noConversion"/>
  </si>
  <si>
    <t>成大 南部 國立 大學生 確診 來 一 波 守 一 波 防疫 紀實 大學生 確診</t>
    <phoneticPr fontId="1" type="noConversion"/>
  </si>
  <si>
    <t>馬國 手套 工廠 爆 疫情</t>
    <phoneticPr fontId="1" type="noConversion"/>
  </si>
  <si>
    <t>巴生 手套 馬國 頂級 肺炎</t>
    <phoneticPr fontId="1" type="noConversion"/>
  </si>
  <si>
    <t>憂鬱 星期四 全球股市 摔 入 熊市</t>
    <phoneticPr fontId="1" type="noConversion"/>
  </si>
  <si>
    <t>暴跌 逾 降息 川普 美國 肺炎</t>
    <phoneticPr fontId="1" type="noConversion"/>
  </si>
  <si>
    <t>林奕華躺著中槍？網曝高嘉瑜：在為臺北市長鋪路</t>
    <phoneticPr fontId="1" type="noConversion"/>
  </si>
  <si>
    <t>林奕華 躺 著 中槍 網 曝 高嘉瑜 在 為 臺北市 長 鋪路</t>
    <phoneticPr fontId="1" type="noConversion"/>
  </si>
  <si>
    <t>分攤 風險 高雄 教育 局 分區 宣 導 防疫</t>
    <phoneticPr fontId="1" type="noConversion"/>
  </si>
  <si>
    <t>高雄 市政府 教育局 19 日 在 路竹區 蔡文 國小 舉辦國 中 國小 校長 防疫 會議 教育局長 吳 榕峰 說 為了 防疫 在 1 月 就 做 了 一個 校園 防疫 平臺 請 校長 們 上網 吸收 新 資訊 包含 解惑 等 由 業務 單位 與 副 局長 透過 平臺 做 說明 防疫 就是</t>
    <phoneticPr fontId="1" type="noConversion"/>
  </si>
  <si>
    <t>高雄 市政府 教育局 19 日 在 路竹區 蔡文 國小 舉辦國 中 國小 校長 防疫 會議 教育局長 吳 榕峰 說 為了 防疫 在 1 月 就 做 了 一個 校園 防疫 平臺 請 校長 們 上網 吸收 新 資訊 包含 解惑 等 由 業務 單位 與 副 局長 透過 平臺 做 說明 防疫 就是 要 分攤 風險 高雄 教育 局 分 6 場 舉辦 防疫 會議 就 是 一 例 19 日 上午 的 會議 共 有 大 岡山 區 的 國中 國小 等 55 位 校長 參加 由 教育局 做 簡報 宣導 開學 前後 的 防疫 措施 與 注意事項 吳 榕峰 表示 防疫 原則 包含 量 體溫 戴 口罩 要 進入 校園 的 不 特定 物件 需要 戴 上 口罩 避免 感染 其次 暫停 3 月底 前 的 大型活動 以及 落實 校園環境 消毒 工作 根據 中央 規定 只 要 跟 確診 病例 相處 在 距離 兩 公尺 內 超過 15 分鐘 就 得 隔離 請 校長 們 要辦 活動 時 要 考慮 這些 因素 他 舉例 像是 舉辦 宣導 防疫 會議 分散 6 場 舉辦 就 是 降低 風險 每場 約 50 人 上下 而 東京馬拉松 又 是 一 例 該 馬拉松 的 主辦單位 嚴格 控管 人數 勸退 去 過 大陸 的 日本 或 大陸 的 1800 名 跑 者 參加 降低 防疫 風險 吳 榕峰 笑 稱 至於 畢業 旅行 也 請 校長 們 三思 思考 是否 舉辦 的 必要性 30 幾 個 人 做 一 台 遊覽車 你 不怕 遊覽車 司機 還 會 怕 呢</t>
    <phoneticPr fontId="1" type="noConversion"/>
  </si>
  <si>
    <t>洛杉基 呼籲 蔡 政府 做 這 件 事 否則 是 小 孬孬</t>
    <phoneticPr fontId="1" type="noConversion"/>
  </si>
  <si>
    <t>獨派 的 臺灣 社 臺灣 北社 等 社團 昨 1 日 發表 共同聲明 呼籲 政府 即刻 下令 暫時 停 飛 所有 與 中國 大陸 的 往返 班機 對此 作家 洛杉基 也 呼籲 兩岸 必須 立刻 斷航 禁止 兩岸人民 來往 如果 不 配合 獨派 的 要求 只能 說 這個 政府 是</t>
    <phoneticPr fontId="1" type="noConversion"/>
  </si>
  <si>
    <t>專家 最 快 本月底 7 成 民眾 打完 2 劑 籲 緩步 開放 邊境</t>
    <phoneticPr fontId="1" type="noConversion"/>
  </si>
  <si>
    <t>國政 基金會 1 日 舉辦 座談會 談重啟 邊境 專家 表示 最 快 本月底 最 慢 耶誕 節前 有 7 成 民眾 打完 2 劑 現在 正是 談 邊境 開放 的 好 時機 臺灣 應該 緩步 開放 邊境 管制 與 病毒 共存 不是 一 昧 追求 加 零 國政 基金會 產業 暨 新創 中心 召</t>
    <phoneticPr fontId="1" type="noConversion"/>
  </si>
  <si>
    <t>國政 基金會 1 日 舉辦 座談會 談重啟 邊境 專家 表示 最 快 本月底 最 慢 耶誕 節前 有 7 成 民眾 打完 2 劑 現在 正是 談 邊境 開放 的 好 時機 臺灣 應該 緩步 開放 邊境 管制 與 病毒 共存 不是 一 昧 追求 加 零 國政 基金會 產業 暨 新創 中心 召集人 簡榮宗 表示 目前 臺灣 規定 持 居留證 的 外籍人士 才能 來 台 且 來 台 之後 還要 在 防疫 旅館 關 14 天 從 邊境 管制 光譜 來說 臺灣 是 最 嚴格 的 禁止 外國人 入境 全球 只 有 7 國家 如此 次 嚴 的 是 開放 低 風險 國家 入境 打完 2 劑 免檢 疫 泰國 今天 起 實施 接 著 是 不 限 國家 打完 2 劑 5 到 14 天 檢疫 就 可 入境 最 寬鬆 是 像 美國 不 限 國家 打完 2 劑 加上 核酸 檢測 就 可免 隔離 簡榮宗 說 臺灣 的 邊境 管制 造成 觀光旅遊 停 擺 工廠 缺 工 外國專家 來 不了 像 法國 在台協會 就 表示 無法 引進 外國專家 延宕 離岸 風 電 進程 歐盟 認為 會 阻礙 來 台 投資 商機 新加坡駐 臺北 商務 辦事處 憂心 會 停止 雙向交流 此外 目前 看來 科技 業 接 國外 訂單 情況 大好 但是 內需 服務業 卻 慘兮兮 根據 主計處 統計 8 月 薪資 展場 遊樂園 健身 中心 等 減 薪 1 成 以上 簡榮宗 說 基金會 的 訴 求是 臺灣 緩步 開放 邊境 管制 與 病毒 共存 不是 一 昧 追求 加 零 很多 國家 已經 這麼 做 除了 前述 泰國 之外 新加坡 10 月 已 允許 一些 國家 入境 免 隔離 總量 管制 每天 不 超過 3000 人 南韓 10 月 上旬 美國 11 月 上旬 外國人 打完 2 劑 就 可 入境 免 隔離 臺灣 預防 醫學 學會 理事長 陳宜民 說 去年 臺灣 防疫 做得好 很多 外籍 藝術 人士 來 台 表演 臺灣 也 引以為傲 今年 情況 翻轉 臺灣 不准 外籍人士 入境 所以 今年 獲得 蕭邦 音樂 大賽 首獎 的 加拿大 華裔 鋼琴家 劉曉禹 選擇 去 日本 表演 而 不來 臺灣 因為 日本 防疫 泡泡 只要 隔離 3 天 臺灣 還 是 14 7 美國 媒體 彭博 日前 公佈 最新 全球 防疫 韌性 排名 臺灣 節節敗退 外國人 進不來 需要 出國 學術 或 商務活動 的 民眾 一 想到 回來 要 關 14 天 也 不 想 出去 陳 宜民推 估 疫苗 第 2 劑 普及率 以 最佳 速度 每天 打 30萬 劑 來 算 11 月 29 日 可 達 7 成 另 有 其他 網站 以 最近 7 天 每天 打 22萬 劑 來 算 12 月 10 日 可 達 7 成 就算 最 悲觀 的 最近 30 天 每天 打 16萬 劑 來 算 12 月 23 日 可 達 7 成 換句話說 最 快 本月底 最 慢 耶誕 節前 有 7 成 民眾 打完 2 劑 耶誕節 有 很多 商機 春節 很多 民眾 想 返鄉 因 此 現在 正是 談 邊境 開放 的 好 時機 雖然 有 突破性 感染 但 民眾 也 比較 不會 擔心 因為 臺灣 準備 了 單株 抗體 也 訂購 了 默克 口服藥物</t>
    <phoneticPr fontId="1" type="noConversion"/>
  </si>
  <si>
    <t>北市 1 家 9 口 全 確診 柯文哲 點 1 關鍵 社區 感染 不 多</t>
    <phoneticPr fontId="1" type="noConversion"/>
  </si>
  <si>
    <t>臺北市 今日 確診 個案 重 回 2 位數 臺北市 長 柯文哲 表示 北市 個案 比 想像中 還 不 嚴重 因為 個案 在 社區 感染 的 不 多 反倒 是 回家 後 傳染給 他 人 北市 副 市長 黃珊珊 也 舉 1 家 9 口 全 確診 的 個案 為 例 強調 家族 有人 確診 後 相關 家人 都</t>
    <phoneticPr fontId="1" type="noConversion"/>
  </si>
  <si>
    <t>臺北市 今日 確診 個案 重 回 2 位數 臺北市 長 柯文哲 表示 北市 個案 比 想像中 還 不 嚴重 因為 個案 在 社區 感染 的 不 多 反倒 是 回家 後 傳染給 他 人 北市 副 市長 黃珊珊 也 舉 1 家 9 口 全 確診 的 個案 為 例 強調 家族 有人 確診 後 相關 家人 都 會 被 匡列 不 會 與 外界 接觸 因此 沒有 擴散 問題 北市 疫 調 策略 近來 屢 成 外界 焦點 黃珊珊 表示 大家 每天 都 在 看 數字 但 北市 是 專注 在 個案 上 因為 每個 個案 都 是 人 因 此 今日 會 說明 疫 調 狀況 同時 也 強調 北市 確診 數字 雖然 乍看之下 很多 但 很 大 部分 皆 為 家戶 感染 黃 舉例 這個 大家族 共有 9 人 一般來說 都 是 有 最先 發病 者 像 這 案 就 是 兄弟 同 住 於同 公司 上班 各自 有 老婆 和 孩子 但 兄弟倆 的 媽媽 是 與 另 名 兒子 同 住 當 家族 一發 生 有人 確診 後 家人 陸續 被 居家 隔離 采 檢 確診 後會 被 認 定為 居 隔 陽 這 段 時間 也 不 會 與外界 接觸 沒有 擴散 問題 黃 認為 若 能 提早 知道 個案 是 居隔 陽性 就 可以 提早 匡列職 場 其他 接觸 者 也 就 是 做 第 2 圈 的 匡列 此案 可 證實 1 人 確診 後 若 家戶 沒 做 好 防護 措施 仍 可能 互相 傳染 且 居隔 陽性者 也 必須 清楚 說明 這 並非 新 傳染源 而是 屬於 家戶 感染 範圍 我們 的 案例 比 想像 的 還 不 嚴重 柯也 補充 個案 真正 在 社區 感染 的 不 多 是 回家 後 在 家族 傳染 一 堆 也 因為 這樣 北市 才 可以 在 一個 程度 下 慢慢 解封 但 從 韓國 日本 案例 可 看出 一 放開 確診 數 就 會 飆 回去 因此 要 慢慢 放 反正 這 禮拜 已 到 最後 階段 是否 能 殲滅 疫情 看 這 禮拜 就 知道 會 維持 小心謹慎 的 態度</t>
    <phoneticPr fontId="1" type="noConversion"/>
  </si>
  <si>
    <t>北市 個案 確診 社區 感染 匡列</t>
    <phoneticPr fontId="1" type="noConversion"/>
  </si>
  <si>
    <t>日、韓新冠肺炎疫情擴散　山東各地今公佈嚴格防疫措施</t>
    <phoneticPr fontId="1" type="noConversion"/>
  </si>
  <si>
    <t>人員 威海 南韓 疫情 入境</t>
    <phoneticPr fontId="1" type="noConversion"/>
  </si>
  <si>
    <t>韓 市府 打造 智慧 健康 職 場 高雄 加工區 1萬 勞工 受惠</t>
    <phoneticPr fontId="1" type="noConversion"/>
  </si>
  <si>
    <t>對抗 歧視 學者 發起 連署</t>
    <phoneticPr fontId="1" type="noConversion"/>
  </si>
  <si>
    <t>工作 廖元豪 大陸 歧視 肺炎</t>
    <phoneticPr fontId="1" type="noConversion"/>
  </si>
  <si>
    <t>防疫 選手 參賽 單位 健康</t>
    <phoneticPr fontId="1" type="noConversion"/>
  </si>
  <si>
    <t>吳子嘉 炮轟 政府 不務正業 劉寶傑 驚 又 要 查 假新聞</t>
    <phoneticPr fontId="1" type="noConversion"/>
  </si>
  <si>
    <t>行政院長 蘇貞昌 昨 9 日 在 立 法院 以 雞 腿 沒出 貨 難道 要 罵 自己 回應 立 委 質詢 疫苗 到貨 時間 跳 票 的 質疑 對此 吳子嘉 不滿 表示 雞 腿 跟 疫苗 有 什麼 關係 不務正業 每天 查 假新聞 劉寶傑 驚訝 說 又 要 查 假新聞 國民黨 立 委</t>
    <phoneticPr fontId="1" type="noConversion"/>
  </si>
  <si>
    <t>行政院長 蘇貞昌 昨 9 日 在 立 法院 以 雞 腿 沒出 貨 難道 要 罵 自己 回應 立 委 質詢 疫苗 到貨 時間 跳 票 的 質疑 對此 吳子嘉 不滿 表示 雞 腿 跟 疫苗 有 什麼 關係 不務正業 每天 查 假新聞 劉寶傑 驚訝 說 又 要 查 假新聞 國民黨 立 委 楊瓊 瓔 昨 9 日 質詢 表示 蘇貞昌 在 今年 2 月 說 已 採購 az 疫苗 1000萬 劑 莫德納 505萬 劑 會 在 第 2 季前 到貨 結果 自 購 部分 到 現在 只 取得 26萬 劑 又 改口 8 月底 前 會 有 1000萬 劑 蘇貞昌 騙 了 神明 不要 又 騙 人民 蘇揆 在 備詢 台看 完 影片 面無 表情 楊瓊瓔 說 全 臺灣 的 民眾 每天 都 在 問 何時 能 打到 疫苗 是 蔡 總統 蘇揆 或 衛福 部長 陳時中 要 負責 蘇揆 說 這 就 像 訂 冷凍雞 腿 廠商 跟 你 說 何時 到貨 結果 沒 生產 出來 要 罵 訂貨 的 人 嗎 我們 也 急 得 不得了 我們 要 罵 自己 嗎 美麗 島 電子 報 董事長 吳子嘉 昨 9 日 在 政論 節目 關鍵時刻 表示 臺灣 疫情 現在 天天 有人 過世 政府 有 沒有 良心 徐國勇 還 叫 警政署 追查 假新聞 這 是 什麼 國家 蘇貞昌 講 這些 話 都 沒有 用 只要 告訴 人民 疫苗 甚麼 時候 來 一 句 話 就 好 劉寶傑 也 質疑 又 要 查 假新聞 蘇貞昌 有 講 疫苗 什麼 時候 來 嗎 就 像 他 講 的 雞 腿 也 要 包裝 運輸 包裝 運送 有 問題 能 怪 自己 嗎 吳子嘉 不滿 表示 雞 腿 跟 疫苗 什麼 關係 當 他 解決不了 問題 不能 面對 問題 他 就 開始 扯 疫苗 扯 到 雞 腿 疫苗 跟 雞 腿 什麼 關係 劉寶傑 恍然大悟 說 疫苗 跟 雞 腿 沒關係 嗎 我 被 唬 了 吳 子 嘉 直言 當然 被 唬 了 這個 行政院長 有 本事 就 跟 立 委 說 有 多少 疫苗 到貨 或是 說 很 不好意思 沒 疫苗 對不起 臺灣 老百姓 可不可以</t>
    <phoneticPr fontId="1" type="noConversion"/>
  </si>
  <si>
    <t>華航諾 富特 群 聚 感染 事件 擴大 但 在 2 月 就 有 民眾 檢舉 諾 富特 飯店 一 館 混住 指揮官 陳時中 坦言 公文 確實 不 會 跑 得 比 病毒 快 對此 臺北市 長 柯文哲 酸 公文 跑 得 比 病毒 慢 是 我們 的 錯 嗎 柯文哲 今 前往 北 投 農 禪寺 出</t>
    <phoneticPr fontId="1" type="noConversion"/>
  </si>
  <si>
    <t>匯率 期貨 趨勢 專欄 疫情 再起 美元 走軟</t>
    <phoneticPr fontId="1" type="noConversion"/>
  </si>
  <si>
    <t>操作 肺炎 走 揚 疫苗 研發 全球 經濟</t>
    <phoneticPr fontId="1" type="noConversion"/>
  </si>
  <si>
    <t>仿冒 臺灣 制 口罩 販賣 橋 檢 聲 押 嫌犯 獲准</t>
    <phoneticPr fontId="1" type="noConversion"/>
  </si>
  <si>
    <t>橋頭 地 檢 署 日前 接 獲 警方 情 資 指 有 業者 仿冒 知名 口罩 品牌 對外 販賣 口罩 檢 警 循線 到 高雄市 阿蓮 區 與 台南 市 新市區 等 地 搜查 查獲 一 批 口罩 與 標籤 等 證物 檢 方訊 後 向 橋頭 地 院 聲 請 羈押 黃姓 負責人 獲 准 檢 方 9 日 說 目前</t>
    <phoneticPr fontId="1" type="noConversion"/>
  </si>
  <si>
    <t>東奧 延期 決斷 為何 要 拖 這麼久</t>
    <phoneticPr fontId="1" type="noConversion"/>
  </si>
  <si>
    <t>東京 奧運 今年 大概 辦不成 了 繼 美國 奧 會 澳洲政府 發聲 之後 英國 奧 會 也 要 向 國際 奧 會 ioc 請求 延期 上屆 奧運 3 國總 和 超過 200 面 獎牌 了 這些 指標性 的 會員國 足以 壓迫 ioc 放棄 7 月 續 辦 的 選項 但是 已 無 退路 的 ioc 為何 要 拖 這</t>
    <phoneticPr fontId="1" type="noConversion"/>
  </si>
  <si>
    <t>東京 奧運 今年 大概 辦不成 了 繼 美國 奧 會 澳洲政府 發聲 之後 英國 奧 會 也 要 向 國際 奧 會 ioc 請求 延期 上屆 奧運 3 國總 和 超過 200 面 獎牌 了 這些 指標性 的 會員國 足以 壓迫 ioc 放棄 7 月 續 辦 的 選項 但是 已 無 退路 的 ioc 為何 要 拖 這麼久 英 媒 bbc 指出 ioc 起初 在 等待 主辦 方 日本 的 態度 雖然 決定權 不在 日本 但 承受 損失 的 是 日本政府 光是 處理 旅館 退 房 就 夠 麻煩 了 場館 與 選手村 建設 的 成本 也 無法 在 時程 內 回收 因此 ioc 還是 有所 顧忌 其次 是 世界衛生組織 who 目前 對此 還 沒有 指示 以及 東 奧運 背後 牽扯 的 諸多 贊助商 例如 可口可樂 就 表明 了 希望 ioc 自己 衡量 後 做出 決定 不要 輕易 屈服 於 國際 壓力 再來 是 延後 1 年會 卡 到 其他 國際 賽事 例如 世界 田徑 錦標賽 是 在 奇數 年 夏季 舉辦 頭 一個 就 會 撞 期 如果 改到 今年 秋季 或 冬季 又 會 輪到 歐洲 足球 美國 籃球 跳出 來 抗議 其實 1964 年 東京 奧運 1968 年 墨西哥城 奧運 都 是 在 10 月 舉行 的 而且 當時 世界 沒有 重大 災變 只是 因為 夏天 太 熱 了 現今 職業 賽事 愈來愈多 奧運 改動 時程 的 難度 也 更 大 但是 面對 肆虐 全球 的 疫情 ioc 不該 再 猶豫 下去</t>
    <phoneticPr fontId="1" type="noConversion"/>
  </si>
  <si>
    <t>ioc 奧 會 奧運 英國 東京 奧運</t>
    <phoneticPr fontId="1" type="noConversion"/>
  </si>
  <si>
    <t>王麗莎 經濟 陳時中 該 上場 了</t>
    <phoneticPr fontId="1" type="noConversion"/>
  </si>
  <si>
    <t>基隆 增 14 例 確診 攤 商 連續 13 天 至 成功 路橋 下 擺攤</t>
    <phoneticPr fontId="1" type="noConversion"/>
  </si>
  <si>
    <t>基隆 市 今 增 14 例 土 本 確診 個案 其中 5 例 護理 之家 8 例 家庭 群 聚 1 例 仁愛 市場 攤 商 目前 基隆 累計 262 例 此外 市長 林右昌 表示 昨天 確診 仁愛 市場 賣 魚 攤 商 5 月 28 日 至 6 月 9 日 早上 6 點 半 到 7 點 曾 到 成功 陸 橋下 擺攤 林右昌 指出</t>
    <phoneticPr fontId="1" type="noConversion"/>
  </si>
  <si>
    <t>防疫 隔離 補償 每人 每日 約 800 元</t>
    <phoneticPr fontId="1" type="noConversion"/>
  </si>
  <si>
    <t>中 美 必 有 一 戰 北京 態度 是 關鍵</t>
    <phoneticPr fontId="1" type="noConversion"/>
  </si>
  <si>
    <t>電影 市場 停 擺 近 半 年 線 上 放映 漸 成 常態</t>
    <phoneticPr fontId="1" type="noConversion"/>
  </si>
  <si>
    <t>全球 健康 峰會 習 籲 勿 政治 操 弄</t>
    <phoneticPr fontId="1" type="noConversion"/>
  </si>
  <si>
    <t>大陸 國家 主席 習近平 於 21 日 晚上 在 北京 以 視 訊 方式 出席 全球 健康 峰會 並 發表 題 為 攜手 共建 人類 衛生 健康 共同體 的 講話 他 在 會上 強調 搞 政治 操 弄 絲毫 無助 抗 疫 只 會 給 世界 各國 人民 帶來 更 大 傷害 習近平 並 同時 宣佈 了 中方</t>
    <phoneticPr fontId="1" type="noConversion"/>
  </si>
  <si>
    <t>莫德納 只 排 第 3 最 多 國家 施打 疫苗 排行 曝光</t>
    <phoneticPr fontId="1" type="noConversion"/>
  </si>
  <si>
    <t>莫德納 輝瑞 bnt az 高端</t>
    <phoneticPr fontId="1" type="noConversion"/>
  </si>
  <si>
    <t>中央 撤銷 全面 快 篩 縣府 如果 中央 不能 保護 澎 湖 請 不要 阻礙 澎 湖 自我 保護</t>
    <phoneticPr fontId="1" type="noConversion"/>
  </si>
  <si>
    <t>美國 上調 香港旅遊 警示 與 陸同列 第 3 級</t>
    <phoneticPr fontId="1" type="noConversion"/>
  </si>
  <si>
    <t>管理 學界 奧斯卡 崇 越 論文 大 賞 賴清德 出席 盛讚</t>
    <phoneticPr fontId="1" type="noConversion"/>
  </si>
  <si>
    <t>由 臺灣 管理 學會 主辦 及 崇越 科技 5434 贊助 的 崇 越 論文 大 賞 素有 管理 學界 奧斯卡 美譽 也 是 國內 管理 學界 最 具 公 信 力 及 規模 最 大 的 碩 博士論文 競賽 9 日 於 圓山大飯店 舉行 第 13 屆 頒獎典禮 副 總統 賴清德 也 受 邀 出席</t>
    <phoneticPr fontId="1" type="noConversion"/>
  </si>
  <si>
    <t>賴清德 臺灣 經濟 快速 因應 崇越 論文 大 賞</t>
    <phoneticPr fontId="1" type="noConversion"/>
  </si>
  <si>
    <t>何時 能 出國 玩 醫 透露 最 快 時間 點 不用 提心吊膽</t>
    <phoneticPr fontId="1" type="noConversion"/>
  </si>
  <si>
    <t>日本 捐 疫苗 出國 玩 安全 蔡賢龍</t>
    <phoneticPr fontId="1" type="noConversion"/>
  </si>
  <si>
    <t>臺灣 輸出 暴 增 19 人 創 單次 新高</t>
    <phoneticPr fontId="1" type="noConversion"/>
  </si>
  <si>
    <t>菲國 采 檢 陳時中 肺炎 菲律賓</t>
    <phoneticPr fontId="1" type="noConversion"/>
  </si>
  <si>
    <t>打 臉 13 點 聲明 林靜儀 q 版 回擊 who</t>
    <phoneticPr fontId="1" type="noConversion"/>
  </si>
  <si>
    <t>苗栗縣 外勤 員 警 31 日 上午 開始 施打 az 疫苗</t>
    <phoneticPr fontId="1" type="noConversion"/>
  </si>
  <si>
    <t>衛福部 第 3 批 進口 的 40 餘 萬 劑 az 疫苗 其中 苗栗縣 獲 發 1800 劑 苗栗 縣長 徐耀昌 為 考量 第 1 線 員警 執勤 防護 需求 特別 撥發 其中 部分 疫苗 給 苗栗縣 警 局 外勤 警力 300 人次 施打 由於 疫苗 數量 有限 所以 剩 餘 警 局 人員 將 待 日後 疫苗 撥</t>
    <phoneticPr fontId="1" type="noConversion"/>
  </si>
  <si>
    <t>智邦營 收 連 7 季 突破 百億</t>
    <phoneticPr fontId="1" type="noConversion"/>
  </si>
  <si>
    <t>業績 四 樓 智邦 百億 關卡 投資</t>
    <phoneticPr fontId="1" type="noConversion"/>
  </si>
  <si>
    <t>全校 停課 家長 請假 有 補償 要 有 這 張 才行</t>
    <phoneticPr fontId="1" type="noConversion"/>
  </si>
  <si>
    <t>依 立法 院 三讀通過 的 嚴重 特殊 傳染性 肺炎 防治 及 紓困 振興 特別 條例 明 定 接受 居家 隔離 居家 檢疫 集中 隔離 或 集中 檢疫 受 雇 者 可以 請 不 強制 雇主 給 薪 的 防疫 隔離 假 並 領取 防疫 補償 但 若 遇到 全班 停課 或 全校 停課 14</t>
    <phoneticPr fontId="1" type="noConversion"/>
  </si>
  <si>
    <t>防疫 停課 補償 家長 隔離</t>
    <phoneticPr fontId="1" type="noConversion"/>
  </si>
  <si>
    <t>用 這 理由 懲處 支隊長 宅 神 是 要 笑 死 解放軍 嗎</t>
    <phoneticPr fontId="1" type="noConversion"/>
  </si>
  <si>
    <t>支隊長 海軍 解放軍 回報 發燒</t>
    <phoneticPr fontId="1" type="noConversion"/>
  </si>
  <si>
    <t>經濟 經部 砸 5000萬 投入 重症 呼 氣氣 器 沈榮津 先 做 百 台 原型機</t>
    <phoneticPr fontId="1" type="noConversion"/>
  </si>
  <si>
    <t>獨 暌違 736 天 林俊傑 11 月 實體 演唱會 為 慈善 獻 聲</t>
    <phoneticPr fontId="1" type="noConversion"/>
  </si>
  <si>
    <t>演唱會 jj 實體 新加坡 疫情</t>
    <phoneticPr fontId="1" type="noConversion"/>
  </si>
  <si>
    <t>目標 日 篩 10萬 例 英 居家 檢測 遭 質疑</t>
    <phoneticPr fontId="1" type="noConversion"/>
  </si>
  <si>
    <t>影 麥當勞 排 2 小時 網 曝 英人 可悲 下場</t>
    <phoneticPr fontId="1" type="noConversion"/>
  </si>
  <si>
    <t>客 結 帳 嗆 不要 碰 我 店員 傻眼 貓咪</t>
    <phoneticPr fontId="1" type="noConversion"/>
  </si>
  <si>
    <t>美 股 連續 兩 日 暴跌 道 瓊 狂瀉 超過 1900 點</t>
    <phoneticPr fontId="1" type="noConversion"/>
  </si>
  <si>
    <t>英國 第 9 起 倫敦 出現 首例 確診</t>
    <phoneticPr fontId="1" type="noConversion"/>
  </si>
  <si>
    <t>員工 肺炎 大學 教授 英國</t>
    <phoneticPr fontId="1" type="noConversion"/>
  </si>
  <si>
    <t>日本 疫情 嚴重 陳時中 圖表 證明 與 臺灣 差不多</t>
    <phoneticPr fontId="1" type="noConversion"/>
  </si>
  <si>
    <t>國軍 擬 抗 比照 sars 全面 停 休 國防部 無 此 規劃</t>
    <phoneticPr fontId="1" type="noConversion"/>
  </si>
  <si>
    <t>陸66 家 醫用 n 95 口罩 生產商 遭 美 fda 禁 售</t>
    <phoneticPr fontId="1" type="noConversion"/>
  </si>
  <si>
    <t>由於 口罩 嚴重 短缺 美國 從 上個月 開始 進口 一度 引起爭議 的 kn 95 口罩 但是 美國 食品 藥物 管理局 fda 發 出新 的 禁令 稱 有 66 家 正在 向 美國 出售 醫療 用 口罩 的 中國 大陸 口罩 製造商 已 被 禁止 在 美國 銷售 因為 專家 稱 這些 口罩 品質 不</t>
    <phoneticPr fontId="1" type="noConversion"/>
  </si>
  <si>
    <t>磐石 艦 有人 偷溜 海軍 再 改口</t>
    <phoneticPr fontId="1" type="noConversion"/>
  </si>
  <si>
    <t>疫苗 第 7 類 對象 突 暴 增 81萬 一 張 圖 秒 懂 最新 施打 順序</t>
    <phoneticPr fontId="1" type="noConversion"/>
  </si>
  <si>
    <t>疫苗 第 七 類 好 心肝 診所 bmi 施打 順序</t>
    <phoneticPr fontId="1" type="noConversion"/>
  </si>
  <si>
    <t>觀光 股 雄獅 首日 填息 75 世代 交替 拼 突圍</t>
    <phoneticPr fontId="1" type="noConversion"/>
  </si>
  <si>
    <t>雄獅 除息 參考價 股價 填息 率</t>
    <phoneticPr fontId="1" type="noConversion"/>
  </si>
  <si>
    <t>興 櫃 股 八 貫 8 月 營 收 創 今年 新高 h 2 成長 可期</t>
    <phoneticPr fontId="1" type="noConversion"/>
  </si>
  <si>
    <t>創業 家 臺灣 企業 重要性 周建宏 資 誠</t>
    <phoneticPr fontId="1" type="noConversion"/>
  </si>
  <si>
    <t>半 導體 聯發 科 4 月 營 收 雙 衰 惟 力守 200億 大關</t>
    <phoneticPr fontId="1" type="noConversion"/>
  </si>
  <si>
    <t>疫情 肆虐 醫護 最 強 後盾 彰 化 縣長 表揚 衛生保健 績優 志 工</t>
    <phoneticPr fontId="1" type="noConversion"/>
  </si>
  <si>
    <t>轉播 爵士 突 喊 卡 臺灣 主 播 也 傻眼</t>
    <phoneticPr fontId="1" type="noConversion"/>
  </si>
  <si>
    <t>基隆 長庚醫院 引進 新 機台 pcr 檢測 量 能 增 5 倍</t>
    <phoneticPr fontId="1" type="noConversion"/>
  </si>
  <si>
    <t>近百 位 網 紅 熱血 遊 台東 換上 泳裝 抵抗 景氣 寒冬</t>
    <phoneticPr fontId="1" type="noConversion"/>
  </si>
  <si>
    <t>歐洲 這 國辣模 超 豪放 只 戴 口罩 公園 內 拍 裸照</t>
    <phoneticPr fontId="1" type="noConversion"/>
  </si>
  <si>
    <t>暴露 狂 台中 米 娜 日前 闖入 ikea 二 井 outlet 等 大 賣 場 拍攝 露三點 裸照 引起 社會 大眾 譁然 照片 流出 後 引起 台中 警力 主動 介入 調查 不久 就 將 主 職 是 廚師 38 歲 掌 鏡 人 與 36 歲 裸 拍 女 主角 約 談到 案 後 送 辦 恐 吃 下 妨害風化 罪 官</t>
    <phoneticPr fontId="1" type="noConversion"/>
  </si>
  <si>
    <t>暴露 狂 台中 米 娜 日前 闖入 ikea 二 井 outlet 等 大 賣 場 拍攝 露三點 裸照 引起 社會 大眾 譁然 照片 流出 後 引起 台中 警力 主動 介入 調查 不久 就 將 主 職 是 廚師 38 歲 掌 鏡 人 與 36 歲 裸 拍 女 主角 約 談到 案 後 送 辦 恐 吃 下 妨害風化 罪 官司 不 只 是 臺灣 民風 較 開放 的 歐洲 日前 也 傳出 有 辣 模 大白天 無視 周 遭 還有 遊客 在 公園 裡 一絲不掛 裸 拍 唯一 差別 只 有 歐洲 疫情 嚴重 辣 模 拍照 時 都戴 著 口罩 來自 羅馬尼亞 的 裸 模 catia a 在 公園 裡 全身 沒有 和 任何 衣物 蔽 體 當時 公園 裡 還 有 不少 遊客 來來去去 但 她 一點 也 不在意 別人 的 眼光 自在 的 擺 出 各種 火 辣 動作 讓 拍攝者 拍照 網友 從 照片 中 認出 這 位 辣 模 的 真實 身分 原來 她 以 藝名 rebecca volpetti 拍 過 不少 謎 片 這次 的 裸 拍 是 受 邀 為 euronudes 拍攝 寫真 嘗試 戶外 的 全裸 拍攝 戴 上 口罩 也 是 為了 防疫 宣傳</t>
    <phoneticPr fontId="1" type="noConversion"/>
  </si>
  <si>
    <t>辣 模 拍攝 裸 拍 公園 歐洲</t>
    <phoneticPr fontId="1" type="noConversion"/>
  </si>
  <si>
    <t>口罩 價格 公平 交易法 交易 公平交易</t>
    <phoneticPr fontId="1" type="noConversion"/>
  </si>
  <si>
    <t>陸 昨 新增 本土 確診 病例 54 例 黑龍江 占 一半</t>
    <phoneticPr fontId="1" type="noConversion"/>
  </si>
  <si>
    <t>編輯 室 報告 陸抗 疫 穩 就業 重於 保 增長</t>
    <phoneticPr fontId="1" type="noConversion"/>
  </si>
  <si>
    <t>大陸 中國 疫情 防控 上海 輸入</t>
    <phoneticPr fontId="1" type="noConversion"/>
  </si>
  <si>
    <t>2 天 14 例 境外 感染 隋棠罕 動怒 自私 荒唐</t>
    <phoneticPr fontId="1" type="noConversion"/>
  </si>
  <si>
    <t>獲 配 2500 劑 莫德納 疫苗 桃 機 第一線 人員 首 施打</t>
    <phoneticPr fontId="1" type="noConversion"/>
  </si>
  <si>
    <t>桃園 機場 21 日 在 第二 航 廈南 擴 5 樓 設立 疫苗 接種 站 針對 未 施 打過 疫苗 的 機場 第一 線 工作人員 施打 莫德納 moderna 疫苗 桃園 市長 鄭文燦 也 到 桃園 機場 視察 莫德納 疫苗 接種 站 並 感謝 部 立 桃園 醫院 前來 協助 接種 疫苗 的 醫護 人</t>
    <phoneticPr fontId="1" type="noConversion"/>
  </si>
  <si>
    <t>自 營業 者 3萬 補助 勞動部 逾 9 成 符合 資格</t>
    <phoneticPr fontId="1" type="noConversion"/>
  </si>
  <si>
    <t>針對 疫情 紓困 勞動部 提供 自營 作業者 或 無 一定 雇主 的 勞工 生活 補貼 將 發出 3萬 元 補助 20 日 開放 受理 截至 本 週五 預計 將 會 有 10萬 人 領取 到 3萬 元 補助 政府 針對 無 雇主 的 自 營業 者 提出 補貼 紓困 方案 只要 符合 在 職業工會 投</t>
    <phoneticPr fontId="1" type="noConversion"/>
  </si>
  <si>
    <t>針對 疫情 紓困 勞動部 提供 自營 作業者 或 無 一定 雇主 的 勞工 生活 補貼 將 發出 3萬 元 補助 20 日 開放 受理 截至 本 週五 預計 將 會 有 10萬 人 領取 到 3萬 元 補助 政府 針對 無 雇主 的 自 營業 者 提出 補貼 紓困 方案 只要 符合 在 職業工會 投保 投保 薪資 2萬4000 元 以下 2018 年收入 未 達到 課稅 標準 且 未 領取 其他 補貼 等 條件 就 可以 領取 補助金 1 個 月 1萬 元 補貼 共計 3 個 月 3萬 元 一 次 發 放 根據 勞動部 最新消息 20 日 公告 受理 自 20 日 至 21 日 累積 受理 83785 件 經 審核 符合 資格 並 已 撥款 有 63141 件 需 更正 帳 號 及 格式 有 12386 件 不 符合 排 富 資格 者 有 8258 件 資格 不符 者 僅 占 申請 件數 不 到 1 成 其 餘 超過 9 成皆 符合 資格 勞動部 指出 所有 符合 資格 者 皆 會 陸續 進行 撥款 部分 案件 因 勞工 帳 號 誤 植或 格式 不 正確 各 職業工會 也 積極 協助 更正 資料 內容 預計 本 週五 24 日 將 有 10萬 人 領取 3萬 元 生活 補助</t>
    <phoneticPr fontId="1" type="noConversion"/>
  </si>
  <si>
    <t>紓困 補助 生活費 自 營業 者 勞動部</t>
    <phoneticPr fontId="1" type="noConversion"/>
  </si>
  <si>
    <t>電子零件 外資 大 砍價 台 郡 翻 黑臉</t>
    <phoneticPr fontId="1" type="noConversion"/>
  </si>
  <si>
    <t>獨 唐從聖 雞 排 店 下月 調 漲 原料 價格 飆 nono 自行 吸收 成本</t>
    <phoneticPr fontId="1" type="noConversion"/>
  </si>
  <si>
    <t>高雄旅 行業 進 冰河 期 業者 自救 推 國旅</t>
    <phoneticPr fontId="1" type="noConversion"/>
  </si>
  <si>
    <t>中央 宣佈 境 管後 高雄旅 行業 宛如 進入 冰河 期 幾乎 沒 生意 可出 團 高市 旅行 公會 指出 最 主要 受 影響 為 中型 以上 旅行社 中型 1 個 月 光是 人事 管 銷 費得 燒 掉 300 至 600萬 不等 也 有 業者 自力救濟 推出 國旅 團 喋血 價 高雄</t>
    <phoneticPr fontId="1" type="noConversion"/>
  </si>
  <si>
    <t>蔡 政府 買 口罩 援助 他國 村長 一 句 反 酸 網 喊 中肯</t>
    <phoneticPr fontId="1" type="noConversion"/>
  </si>
  <si>
    <t>口罩 詹 江村 村長 臺灣 委內瑞拉</t>
    <phoneticPr fontId="1" type="noConversion"/>
  </si>
  <si>
    <t>紓困 射 4 箭 川普 簽 2 2 兆 美元 經濟 刺激 法案</t>
    <phoneticPr fontId="1" type="noConversion"/>
  </si>
  <si>
    <t>川普 美國 天內 肺炎 重症 患</t>
    <phoneticPr fontId="1" type="noConversion"/>
  </si>
  <si>
    <t>父親 劉炳偉 往 生 劉美芳 仍 堅強 關心 第一線 防疫 人員 福利</t>
    <phoneticPr fontId="1" type="noConversion"/>
  </si>
  <si>
    <t>前 臺灣省 議會 議長 前 立法委員 劉炳偉 21 日 淩晨 2 時許 於板橋 中興 醫院 過世 享壽 67 劉炳偉 女兒 劉美芳 21 日 仍 堅強 出席 在 新北 市 議會 舉行 的 爭取 新北 市 防疫 公務人員 加發 防疫 獎金 記者會 關心 疫情 與 第一 線 公務人員 福利</t>
    <phoneticPr fontId="1" type="noConversion"/>
  </si>
  <si>
    <t>劉美芳 劉炳偉 公務人員 新北 市 侯友宜</t>
    <phoneticPr fontId="1" type="noConversion"/>
  </si>
  <si>
    <t>陳凱倫 兒 陳銳 抛磚引玉 天后級 旅外 明星 助 台抗 疫</t>
    <phoneticPr fontId="1" type="noConversion"/>
  </si>
  <si>
    <t>陳凱倫 兒子 陳銳 經營 眼鏡 品牌 有成 雖然 因 疫情 大 受 影響 他 仍 不 忘 跟 著 紀寶如 做 公益 已 捐 出上 千 付 護目鏡 及 防疫 包給 臺灣 優質 生命 協會 獨居 長者 陳凱倫 得知 兒子 善行 義舉 他 一 通電話 找回 昔日 合作 拍 檔 70 年代 玉女 紅</t>
    <phoneticPr fontId="1" type="noConversion"/>
  </si>
  <si>
    <t>北京 新增 6 例 肺炎 確診 病例 均 為 密切接觸 者</t>
    <phoneticPr fontId="1" type="noConversion"/>
  </si>
  <si>
    <t>病例 接觸 北京市 肺炎 機構</t>
    <phoneticPr fontId="1" type="noConversion"/>
  </si>
  <si>
    <t>美國 疫情 嚴重 至少 8 人口 被 感染</t>
    <phoneticPr fontId="1" type="noConversion"/>
  </si>
  <si>
    <t>第二 劑 高端 第一 劑 bnt 27 日 開放 接種 蘇揆 請 民眾 禮拜三 中午 前 登記</t>
    <phoneticPr fontId="1" type="noConversion"/>
  </si>
  <si>
    <t>行政院長 蘇貞昌 今日 於臉書 發文 表示 即日起 公費 疫苗 預約 系統 開放 要 接種 第二 劑 高端 第一 劑 bnt 的 民眾 預約 接種 請 大家 記得 在 禮拜三 中午 前 上 公費 疫苗 預約 系統 網址 https 1922 gov tw 預約 蘇貞昌 說 只要 民眾</t>
    <phoneticPr fontId="1" type="noConversion"/>
  </si>
  <si>
    <t>澎 湖 文旅 年 強 打 軍事 古跡 之 旅</t>
    <phoneticPr fontId="1" type="noConversion"/>
  </si>
  <si>
    <t>炮臺 肺炎 軍事 文化局 澎 湖 島</t>
    <phoneticPr fontId="1" type="noConversion"/>
  </si>
  <si>
    <t>福建 莆田市 出現 本土 疫情 全市 中小學 幼稚園 明起 暫停 面授 課程</t>
    <phoneticPr fontId="1" type="noConversion"/>
  </si>
  <si>
    <t>高雄市 才 宣佈 長 照 機構 工作人員 1 日 起 全面 快 篩 2 日 深夜 就 驚 傳 前鎮區 某 一 棟 大樓 8 間 長 照 機構 多 位 工作人員 快 篩 驗 出 陽性 事件 總 人數 不明 衛生局 第一時間 出動 遊覽車 載 送 相關 人員 前往 醫院 進行 pcr 采 檢 采 檢 結果 3 日中</t>
    <phoneticPr fontId="1" type="noConversion"/>
  </si>
  <si>
    <t>海軍 國軍 總統府 總統 蔡英文</t>
    <phoneticPr fontId="1" type="noConversion"/>
  </si>
  <si>
    <t>實 名 制 口罩 見 一行 字 驚喜 女 大生 感動 直 呼 我們 的 驕傲</t>
    <phoneticPr fontId="1" type="noConversion"/>
  </si>
  <si>
    <t>口罩 驕傲 驚喜 女 大生 感動</t>
    <phoneticPr fontId="1" type="noConversion"/>
  </si>
  <si>
    <t>免疫 後遺症 臨床 人體 患者</t>
    <phoneticPr fontId="1" type="noConversion"/>
  </si>
  <si>
    <t>通信網 路 是 方 1 月 營 收 登頂 今年 營利 續 成長</t>
    <phoneticPr fontId="1" type="noConversion"/>
  </si>
  <si>
    <t>基隆 0 確診 林右昌 緊 盯 疫情</t>
    <phoneticPr fontId="1" type="noConversion"/>
  </si>
  <si>
    <t>狀況 基隆 緊 盯 肺炎 林右昌</t>
    <phoneticPr fontId="1" type="noConversion"/>
  </si>
  <si>
    <t>應 停止 60 歲 以上 長者 打 az 疫苗 歐盟 官員 澄清 了</t>
    <phoneticPr fontId="1" type="noConversion"/>
  </si>
  <si>
    <t>本土 感染 源 不明 累計 10 例 3 人 未 結案</t>
    <phoneticPr fontId="1" type="noConversion"/>
  </si>
  <si>
    <t>本土 感染 源 不明 結案 莊人祥 接觸 者 酒店 女 公關</t>
    <phoneticPr fontId="1" type="noConversion"/>
  </si>
  <si>
    <t>社 福 團體 營運 受 疫情 重創 頂新 和 德 文教 基金會 今天 16 日 公佈 最新 調查 逾 8 成 5 的 受訪 社 福 團體 認為 這 波 疫情 造成 的 衝擊 為 17 年 來 最 嚴重 有 7 成 因此 被迫 中斷 或 暫停 服務 逾 半 數 預估 要 一 年 以上 才能 恢復 營運 基金會 特</t>
    <phoneticPr fontId="1" type="noConversion"/>
  </si>
  <si>
    <t>社 福 團體 共 好 公益 頂新 和 德 文教 基金會 捐款</t>
    <phoneticPr fontId="1" type="noConversion"/>
  </si>
  <si>
    <t>居家 檢疫 亂跑 台南 創 肉 搜 首例</t>
    <phoneticPr fontId="1" type="noConversion"/>
  </si>
  <si>
    <t>檢疫 警方 台 南市 居家 失 聯</t>
    <phoneticPr fontId="1" type="noConversion"/>
  </si>
  <si>
    <t>首次！川普宣佈暫停外國人申請移民60天</t>
    <phoneticPr fontId="1" type="noConversion"/>
  </si>
  <si>
    <t>首次 川普 宣佈 暫停 外國人 申請 移民 60 天</t>
    <phoneticPr fontId="1" type="noConversion"/>
  </si>
  <si>
    <t>陸增 101 例 確診 4 月中 以來 首度 破百 新疆 增 89 例</t>
    <phoneticPr fontId="1" type="noConversion"/>
  </si>
  <si>
    <t>新疆 感染者 烏魯木齊市 症狀</t>
    <phoneticPr fontId="1" type="noConversion"/>
  </si>
  <si>
    <t>楊忠衡 疫情 棋局 背後 的 計謀 是 什麼</t>
    <phoneticPr fontId="1" type="noConversion"/>
  </si>
  <si>
    <t>愛 傳媒 楊忠衡 專欄 郭董 要 見 蔡 總統 結果 同時 請 來 了 台積電 的 劉 董 好像 各路人馬 進 了 龍門客棧 笑容 底下 不知 打 什麼 算盤 一 到 晚上 各路 電視 名 嘴 早已 養 足 精神 迫不及待 各自 表述 從 他們 眉飛色舞 口若懸河 的 表演</t>
    <phoneticPr fontId="1" type="noConversion"/>
  </si>
  <si>
    <t>經濟 受 重創 美 失業率 恐 翻倍</t>
    <phoneticPr fontId="1" type="noConversion"/>
  </si>
  <si>
    <t>請領 失業 救濟金 肺炎 經濟學家 警告 申請 美國 失業率</t>
    <phoneticPr fontId="1" type="noConversion"/>
  </si>
  <si>
    <t>金門 機場 明起 強制 實 聯 制 替 中央 防疫 做 半 套 補 破 網</t>
    <phoneticPr fontId="1" type="noConversion"/>
  </si>
  <si>
    <t>友人一首詞曝蔡執政慘況 遊盈隆：內容令人拍案叫絕</t>
    <phoneticPr fontId="1" type="noConversion"/>
  </si>
  <si>
    <t>友人 一 首 詞 曝 蔡 執政 慘 況 遊盈隆 內容 令 人 拍案叫絕</t>
    <phoneticPr fontId="1" type="noConversion"/>
  </si>
  <si>
    <t>新北 市長 侯友宜 昨 14 日 表示 自己 最 討厭 政治 口水 近期 接 獲 蔡英文 總統 致電 時 特別 向 總統 善意 提醒 國難當頭 請 總統 約束 底下 的 人 一起 團結 抗 疫 對此 臺灣 民意 基金會 董事長 游盈隆 認為 硬漢 如 侯友宜 也 有 受 不</t>
    <phoneticPr fontId="1" type="noConversion"/>
  </si>
  <si>
    <t>防疫 國家隊 招募 生力軍 竹市 全國 首 場 公 部門 安心 即時 上工 就業 博覽會</t>
    <phoneticPr fontId="1" type="noConversion"/>
  </si>
  <si>
    <t>全國 首 場 安心 即時 上工 就業 博覽會 竹市 登場 徵求 防疫 國家隊 隊員 勞動部 13 日 推出 安心 即時 上工 計 畫 新竹 市政府 率 全國 之 先 釋出 326 個 計時 工作 協助 各局 處 的 防疫 物資 整備 量 測體溫 等 防疫 相關 工作 3 天內 上工 首日</t>
    <phoneticPr fontId="1" type="noConversion"/>
  </si>
  <si>
    <t>全聯 開 打 疫苗 衝擊 診所 醫 翻白眼 揭 先 發 優勢</t>
    <phoneticPr fontId="1" type="noConversion"/>
  </si>
  <si>
    <t>全聯 疫苗 omicron 診所 胡采蘋</t>
    <phoneticPr fontId="1" type="noConversion"/>
  </si>
  <si>
    <t>揚州 確診 54 例 江蘇 省長 指 存在 漏洞 展開 第 六 輪普 篩</t>
    <phoneticPr fontId="1" type="noConversion"/>
  </si>
  <si>
    <t>大陸 官方 健康 江蘇 微信 公眾 號 11 日 消息 大陸 10 日 0 24 時 新增 本土 確診 病例 83 例 其中 江蘇 占 54 例 全部 在 揚州 13 例 輕型 41 例 普通型 江蘇 省長 坦承 仍 有 感染者 是 透過 社會 篩查 發現 顯示 揚州 管控 還 存在 漏洞 揚州</t>
    <phoneticPr fontId="1" type="noConversion"/>
  </si>
  <si>
    <t>疫情 衝擊 經濟 劉美芳 建議 每人 發 2萬 元 防疫 振興 金</t>
    <phoneticPr fontId="1" type="noConversion"/>
  </si>
  <si>
    <t>防範大流行！陳時中宣佈回溯採檢「訪歐旅客」</t>
    <phoneticPr fontId="1" type="noConversion"/>
  </si>
  <si>
    <t>防範 大 流行 陳時中 宣佈 回溯 采 檢 訪 歐 旅客</t>
    <phoneticPr fontId="1" type="noConversion"/>
  </si>
  <si>
    <t>《觀光股》瓦城Q1獲俐落底 拚營運逐季向上</t>
    <phoneticPr fontId="1" type="noConversion"/>
  </si>
  <si>
    <t>觀光 股 瓦城 q 1 獲 俐落 底 拼 營運 逐 季 向上</t>
    <phoneticPr fontId="1" type="noConversion"/>
  </si>
  <si>
    <t>瓦城 營 收 毛利率 營益 率 獲利</t>
    <phoneticPr fontId="1" type="noConversion"/>
  </si>
  <si>
    <t>北市 計 畫 嗶 一下 買 口罩 黃珊珊 先 做 軟 體</t>
    <phoneticPr fontId="1" type="noConversion"/>
  </si>
  <si>
    <t>川普 被 稱 敗 選 後首 公開 發言 暗示 政府 可能 交替</t>
    <phoneticPr fontId="1" type="noConversion"/>
  </si>
  <si>
    <t>住 臺灣 很 安全 20 外國人 拍 片 贊 爆 台 防疫 全世界 應 學習</t>
    <phoneticPr fontId="1" type="noConversion"/>
  </si>
  <si>
    <t>臺灣 臺灣 防疫 住 臺灣 很 安全 外國人 全世界</t>
    <phoneticPr fontId="1" type="noConversion"/>
  </si>
  <si>
    <t>印度 疫情 大 爆炸 前 外交官 曝 大陸 伸 援手 目的 防疫 成分 居多</t>
    <phoneticPr fontId="1" type="noConversion"/>
  </si>
  <si>
    <t>印度 疫情 近日 開始 失控 大 爆發 以 每日 新增 30 40萬 例 確診 的 速度 快速 飆 升 引起 世界 各國 高度 關注 而 前 駐 紐西蘭 大使 介文 汲 認為 日前 大陸 外交部長 王毅 表態 願意 協助 印度 抗 疫 應該 是 出自 真心 希望 印度 能 控制 住 疫情 並</t>
    <phoneticPr fontId="1" type="noConversion"/>
  </si>
  <si>
    <t>營建 股 鄉 林賴正鎰 成都 重 啟 樓盤 登記 熱 集團 當地 推 案 有 信心</t>
    <phoneticPr fontId="1" type="noConversion"/>
  </si>
  <si>
    <t>女 大生 打完 bnt 熬夜 k 書 身亡 南韓 爆 多 起 年輕人 猝死 案例</t>
    <phoneticPr fontId="1" type="noConversion"/>
  </si>
  <si>
    <t>鑽石 公主 號 為何 一再 出海 又 返 港 原因 曝光 網 驚 長 知識</t>
    <phoneticPr fontId="1" type="noConversion"/>
  </si>
  <si>
    <t>只 打 一 劑 疫苗 保護 力 夠 嗎 醫 揭 3 大廠 牌 保護 力</t>
    <phoneticPr fontId="1" type="noConversion"/>
  </si>
  <si>
    <t>臺灣 疫苗 覆蓋率 破 50 但 多數 民眾 只 打 一 劑 疫苗 讓 不少 人 擔憂 保護 力 到底 夠不夠 對此 胸腔 科 醫師 蘇一峰 分享 加拿大 研究 指出 在 alpha 病毒 流行 的 狀況 下 只 打 一 劑 疫苗 bnt 可 提供 75 的 保護 力 莫德納可 提供 82 保護 力</t>
    <phoneticPr fontId="1" type="noConversion"/>
  </si>
  <si>
    <t>疫苗 保護 力 打 一 劑 蘇一峰 az</t>
    <phoneticPr fontId="1" type="noConversion"/>
  </si>
  <si>
    <t>金山 烏來生 意 慘 澹 侯友宜 已 公告 紓困</t>
    <phoneticPr fontId="1" type="noConversion"/>
  </si>
  <si>
    <t>第 七 輪 az 首日 接種 22 9萬 人 加開 預約 至 今晚 6 點</t>
    <phoneticPr fontId="1" type="noConversion"/>
  </si>
  <si>
    <t>az 第 七 輪 加開 預約 臺灣</t>
    <phoneticPr fontId="1" type="noConversion"/>
  </si>
  <si>
    <t>部 份 狀況 美國 謹慎 新高</t>
    <phoneticPr fontId="1" type="noConversion"/>
  </si>
  <si>
    <t>美 研究 莫德納 對 delta 保護 力 優於 bnt 羅 一 鈞 這樣 說</t>
    <phoneticPr fontId="1" type="noConversion"/>
  </si>
  <si>
    <t>delta 莫德納 bnt 保護 力 羅一鈞</t>
    <phoneticPr fontId="1" type="noConversion"/>
  </si>
  <si>
    <t>超前 部署 交 部 700億 工程 提早 發包</t>
    <phoneticPr fontId="1" type="noConversion"/>
  </si>
  <si>
    <t>執行 肺炎 交通部 發包 辦理</t>
    <phoneticPr fontId="1" type="noConversion"/>
  </si>
  <si>
    <t>延長 停課 家長 全 崩潰 湧 教育部 粉 專 跪 求 先 放 暑假 再 提早 開學</t>
    <phoneticPr fontId="1" type="noConversion"/>
  </si>
  <si>
    <t>全球 頂尖 科學家 沒 必要 接種 第 3 劑 疫苗 點 名 2 副作用 風險</t>
    <phoneticPr fontId="1" type="noConversion"/>
  </si>
  <si>
    <t>wsbl 本 季初 登場 國泰 女將 准 到 嚇人</t>
    <phoneticPr fontId="1" type="noConversion"/>
  </si>
  <si>
    <t>由於 季前練 球 時 不慎 扭傷 左腳 踝 讓 國泰 後衛 吳宜庭 整整 養傷 1 個 多 月 直到 女子 超級 籃球聯賽 wsbl 第 15 季都 打 一半 了 才 總算 回到 場上 拼 戰 沒 想到 吳宜庭 一 回來 就 有 夠 准 全場 投 6 中 4 含 三分球 投 4 中 3 更 貢獻 11 分 4 助攻</t>
    <phoneticPr fontId="1" type="noConversion"/>
  </si>
  <si>
    <t>吳宜庭 回來 國泰 本 季 wsbl</t>
    <phoneticPr fontId="1" type="noConversion"/>
  </si>
  <si>
    <t>華視 公務 車 司機 確診 員工 看報 才 知 氣炸 總經理 莊豐嘉 內部 信 曝光</t>
    <phoneticPr fontId="1" type="noConversion"/>
  </si>
  <si>
    <t>志 村 健 維琪 死因 被 竄改 鄭弘儀 開罵 是 誰 這麼 無恥</t>
    <phoneticPr fontId="1" type="noConversion"/>
  </si>
  <si>
    <t>志 村 健 鄭弘儀 無恥 臺灣 張武修</t>
    <phoneticPr fontId="1" type="noConversion"/>
  </si>
  <si>
    <t>台美 防疫 態度 大 不同 她 揭 超市 慘 況 驚呼 末日 來 了</t>
    <phoneticPr fontId="1" type="noConversion"/>
  </si>
  <si>
    <t>莫彩 曦 youtuber 好 市 多 美國 衛生紙</t>
    <phoneticPr fontId="1" type="noConversion"/>
  </si>
  <si>
    <t>疫情 紓困 新竹 市 中小企業 便利 貸</t>
    <phoneticPr fontId="1" type="noConversion"/>
  </si>
  <si>
    <t>中小企業 新竹 市 紓困 市府 疫情</t>
    <phoneticPr fontId="1" type="noConversion"/>
  </si>
  <si>
    <t>遭 傳 人員 確診 北 市府 駁 采 驗 2 次 都 陰性</t>
    <phoneticPr fontId="1" type="noConversion"/>
  </si>
  <si>
    <t>為何 有 資格 打 疫苗 侯 昌明 夫妻 撇 說謊 曝 來龍去脈</t>
    <phoneticPr fontId="1" type="noConversion"/>
  </si>
  <si>
    <t>為 瞭解 今年 7 月底 就業 市場 人力 需求 情形 勞動部 在 4 月 20 日 至 5 月 8 日 針對 員工 規模 30 人 以上 的 事業 單位 辦理 人力 需求 調查 第 三 季 人力 需求 僅 有 2萬1101 人 為 近 11 年 來 同期 新低 其中 住宿 及 餐飲業 人力 需求 僅 有 931 人 也 是 近 11</t>
    <phoneticPr fontId="1" type="noConversion"/>
  </si>
  <si>
    <t>想 混打 不 用 預約 25 日 起 開放 到 醫療 院所 接種</t>
    <phoneticPr fontId="1" type="noConversion"/>
  </si>
  <si>
    <t>不畏 疫情 2020 鳳梨 好 筍 季開 鑼</t>
    <phoneticPr fontId="1" type="noConversion"/>
  </si>
  <si>
    <t>不受 疫情 的 影響 2020 鳳梨 好 筍 季 25 日 仍 在 台南 市 關廟 區 大潭 埤 旺 萊 公園 揭開序幕 但 對 參加 民眾 采 限額 實 名 登錄 市長 黃偉哲 表示 令人欣慰 的 是 今年 鳳梨 的 價格 並 沒有 因為 少 了 大陸 市場 下滑 在 大家 的 努力 之下 價格 仍 維</t>
    <phoneticPr fontId="1" type="noConversion"/>
  </si>
  <si>
    <t>這個 兩 光 又 冷 血 政府</t>
    <phoneticPr fontId="1" type="noConversion"/>
  </si>
  <si>
    <t>蘇貞昌 台商 口罩 肺炎 陸 配子 女</t>
    <phoneticPr fontId="1" type="noConversion"/>
  </si>
  <si>
    <t>口罩 實 名 制 亂象 多 藥師 歎 吃不消</t>
    <phoneticPr fontId="1" type="noConversion"/>
  </si>
  <si>
    <t>免疫力 越 強 越 好 台大醫 憶 sars 青壯年 死 更 多 關鍵 曝光</t>
    <phoneticPr fontId="1" type="noConversion"/>
  </si>
  <si>
    <t>臺灣 防疫 有成 臺灣 精品 防疫 物資 國際 吸 睛</t>
    <phoneticPr fontId="1" type="noConversion"/>
  </si>
  <si>
    <t>臺灣 防疫 有成 在 國際 間 受 矚目 外貿協會 透過 全球 外館 努力 讓 臺灣 精品 於此 同時 在 國際 重要 媒體 獲得 大量 曝光 報導 趁勢 宣傳 優質產品 協助 廠商 爭取 商機 有 日本 買主 看到 獲 臺灣 精品 防疫 物資 額 溫槍 報導 後 立刻 透過 福</t>
    <phoneticPr fontId="1" type="noConversion"/>
  </si>
  <si>
    <t>華廣 華新 上 銀 亞 崴 協 易</t>
    <phoneticPr fontId="1" type="noConversion"/>
  </si>
  <si>
    <t>鎖定 一 所 小學 一家 工廠 福建 莆田 疫情 再戰 delta</t>
    <phoneticPr fontId="1" type="noConversion"/>
  </si>
  <si>
    <t>疫情 期間 企業 大 砍 廣告 支出</t>
    <phoneticPr fontId="1" type="noConversion"/>
  </si>
  <si>
    <t>肺炎 合約 廣告 支出 支出 電視廣告</t>
    <phoneticPr fontId="1" type="noConversion"/>
  </si>
  <si>
    <t>疫情 中心 記者會 直播 超夯 港 媒 台 網友 每天 當 追 劇 看</t>
    <phoneticPr fontId="1" type="noConversion"/>
  </si>
  <si>
    <t>疫情 中心 追 劇 記者會 直播 阿中 部長</t>
    <phoneticPr fontId="1" type="noConversion"/>
  </si>
  <si>
    <t>國師唐 綺 陽 警告 疫情 變數 下 波 時間 點 曝光</t>
    <phoneticPr fontId="1" type="noConversion"/>
  </si>
  <si>
    <t>唐綺陽 國師 星座 運 勢 疫情 變數 疫情 高峰</t>
    <phoneticPr fontId="1" type="noConversion"/>
  </si>
  <si>
    <t>蔡英文 官邸 志 工 確診 總統 隨 扈采檢 陰性 啟動 醫療 應變</t>
    <phoneticPr fontId="1" type="noConversion"/>
  </si>
  <si>
    <t>臺灣 何時 解除 三級 警戒 醫 關鍵 不是 疫苗 是 它</t>
    <phoneticPr fontId="1" type="noConversion"/>
  </si>
  <si>
    <t>az 疫苗 昨天 起 大規模 接種 加上 連日 確診 數 降到 200 例 以下 是否 28 日 就 可能 解除 三級 警戒 對此 精神 科 醫師 沈政男 認為 臺灣 要 解除 三級 警戒 最好 的 做法 是 清 零 並 指出 沒有 疫苗 不可能 壓制 疫情 是 盡信 書 吃到 阿兜仔 口</t>
    <phoneticPr fontId="1" type="noConversion"/>
  </si>
  <si>
    <t>伺服器 筆 電 需求 旺 系 微 bios 出 貨 開始 放 量</t>
    <phoneticPr fontId="1" type="noConversion"/>
  </si>
  <si>
    <t>伺服器 肺炎 筆 電 出 貨 放 量 擴大</t>
    <phoneticPr fontId="1" type="noConversion"/>
  </si>
  <si>
    <t>才爆群聚確診45人 北市第一果菜市場淩晨恢復交易</t>
    <phoneticPr fontId="1" type="noConversion"/>
  </si>
  <si>
    <t>才 爆 群 聚 確診 45 人 北市 第一 果菜 市場 淩晨 恢復 交易</t>
    <phoneticPr fontId="1" type="noConversion"/>
  </si>
  <si>
    <t>繼 日前 加 茂 kamo 貨輪 船長 確診 身亡 後 台 中港 再 傳 靠 泊 碼頭 的 諾曼賈爾 離岸 風 電 工作 船 菲律賓籍 船員 確診 案 16098 由於 該 船 8 月 14 日 已 抵 台 中港 個案 在 28 日 采 檢 才 確診 消息 傳出 後 引發 台 中港 周 遭 民眾 恐慌 不過 台中 市</t>
    <phoneticPr fontId="1" type="noConversion"/>
  </si>
  <si>
    <t>陽性 中港 采 檢 全船 離岸 風 電</t>
    <phoneticPr fontId="1" type="noConversion"/>
  </si>
  <si>
    <t>《產業》疫情衝擊短期難解 臺北君悅酒店調整人力</t>
    <phoneticPr fontId="1" type="noConversion"/>
  </si>
  <si>
    <t>產業 疫情 衝擊 短期 難 解 臺北 君悅酒店 調整 人力</t>
    <phoneticPr fontId="1" type="noConversion"/>
  </si>
  <si>
    <t>疫情 邊境 管制 使 臺北市 國際 觀光 飯店 住房 業務 成為 重災區 全台 量 體 最 大 的 臺北 君悅酒店 也 撐不住 傳出 將 規 畫分 階段 精簡 人力 對此 臺北 君悅酒店 發表 聲明 坦言 因 國際 旅客 跨境 旅遊 短 時間 無法 回復 必須 迅速 調整 運行 策略</t>
    <phoneticPr fontId="1" type="noConversion"/>
  </si>
  <si>
    <t>爺爺 同事 幼稚園 群 聚 確診 職 場</t>
    <phoneticPr fontId="1" type="noConversion"/>
  </si>
  <si>
    <t>中 時 電子 報 精選 5 件 不可不 知 的 國際 大事 帶 讀者 掌握 今 10 日 的 國際 新聞 重點 1 傳 台 美 討論 新 who 美國 衛生部長 阿劄爾 alex azar 9 日 抵 台 日本 產經新聞 報導 阿劄爾 本次 來訪 將 與 我 官員 討論 新 的 國際 衛生</t>
    <phoneticPr fontId="1" type="noConversion"/>
  </si>
  <si>
    <t>1 分鐘 看 世界 國際 新聞 全球 新聞 中 時 電子 報 臺灣</t>
    <phoneticPr fontId="1" type="noConversion"/>
  </si>
  <si>
    <t>連 隔離 通知 都 沒有 台 大工 務 室 確診 者 家人 怒 批 放 我們 等 死 嗎</t>
    <phoneticPr fontId="1" type="noConversion"/>
  </si>
  <si>
    <t>臺灣 本土 疫情 擴大 後 新北 市 臺北市 確診 數 雙雙 破 千 中央 地方 權責 不 清 防疫 一團亂 台 大工 務 室 日前 爆發 10 員工 感染 今 有 家屬 爆 料 指 與 確診 者 同 住 的 家人 事情 發生 後 完全 無人 聞問 連 隔離 通知 都 沒有 自己 打</t>
    <phoneticPr fontId="1" type="noConversion"/>
  </si>
  <si>
    <t>宋慧喬 尺度 大 開 撩 裙 深 v 到 肚臍 半球 若隱若現 網 贊 爆</t>
    <phoneticPr fontId="1" type="noConversion"/>
  </si>
  <si>
    <t>宋慧喬 韓國 女星 韓國 女星 雜誌 封面</t>
    <phoneticPr fontId="1" type="noConversion"/>
  </si>
  <si>
    <t>美 疫情 降溫 川普 重點 疫區 危機 趨 緩</t>
    <phoneticPr fontId="1" type="noConversion"/>
  </si>
  <si>
    <t>蔡 政府 臉 腫 口罩 實 名 制 逾 8 成 認為 不 成功</t>
    <phoneticPr fontId="1" type="noConversion"/>
  </si>
  <si>
    <t>蔡英文 總統 9 日 在 桃園 市長 鄭文燦 陪同 下 到 龜 山區 易廷 企業 視察 她 感謝 口罩 國家隊 成員 日以繼夜 的 努力 強調 本 周 臺灣 口罩 產能 已 可 達 單日 出 貨 1000萬 片 加上 假日 平均 920萬 片 將 再 新增 30 條 產 線 3 月底 陸續 交 機 坦</t>
    <phoneticPr fontId="1" type="noConversion"/>
  </si>
  <si>
    <t>上市 櫃 肺炎 重點 顧立雄 表現</t>
    <phoneticPr fontId="1" type="noConversion"/>
  </si>
  <si>
    <t>采 檢 陳時中 社區 感染 肺炎 社區</t>
    <phoneticPr fontId="1" type="noConversion"/>
  </si>
  <si>
    <t>廈門 長途 客運 暫時 停 運 市屬 學校 采 線 上 教學</t>
    <phoneticPr fontId="1" type="noConversion"/>
  </si>
  <si>
    <t>萬華 大舅 家 族群 聚 累計 14 例 衛生局 證實 其中 1 位 是 花 防部 官兵</t>
    <phoneticPr fontId="1" type="noConversion"/>
  </si>
  <si>
    <t>共 融 公園 要 安全 積極 邱素貞 要求 公園 人性化</t>
    <phoneticPr fontId="1" type="noConversion"/>
  </si>
  <si>
    <t>巧 新 11 月 合併 營 收 7 6億 元 創 四 年 半 來 單月 營 收 新高</t>
    <phoneticPr fontId="1" type="noConversion"/>
  </si>
  <si>
    <t>全球 汽車 鍛造 輪 圈 領導 廠商 巧 新科 技 1563 受惠 於超 跑 與 豪華 汽車 新車 銷售市場 成長 速度 優於 一般 輕型 汽車 市場 帶動 品牌 車廠 對於 公司 旗 下 客 制 化 輪 圈 產品 的 出 貨 暢 旺 恰 逢 第 四季 汽車產業 傳統 旺季 品牌 車廠 因應 耶誕 假</t>
    <phoneticPr fontId="1" type="noConversion"/>
  </si>
  <si>
    <t>全球 巧 新 超 跑 品牌 車廠 輪 圈</t>
    <phoneticPr fontId="1" type="noConversion"/>
  </si>
  <si>
    <t>就是 這 2 天 枋寮 果農 夫妻 兩 度 和 delta 確診 者 足跡 重疊</t>
    <phoneticPr fontId="1" type="noConversion"/>
  </si>
  <si>
    <t>delta 印度 變種 病毒 基因 定 序 秘魯 祖孫</t>
    <phoneticPr fontId="1" type="noConversion"/>
  </si>
  <si>
    <t>眾多 品牌 跟 進關 店 潮 車 商 歐洲 生產線 停工</t>
    <phoneticPr fontId="1" type="noConversion"/>
  </si>
  <si>
    <t>門市 肺炎 暫停 adidas 關閉</t>
    <phoneticPr fontId="1" type="noConversion"/>
  </si>
  <si>
    <t>國內 疫情 趨 緩 台鐵 高鐵 已 無 售票 成數 限制 但 高鐵仍 實施 全車 對號 座 且 仍 暫停 定 期票 回數 票 使用 儘管 高鐵 繼續 實施 10 月 通勤 有禮 優惠 仍 被 通勤 族 批評 不 方便 交通部 政務 次長 陳彥伯 回應 會 考量 疫情 及 旅客 需求</t>
    <phoneticPr fontId="1" type="noConversion"/>
  </si>
  <si>
    <t>基隆 75 歲 以上 第二 劑 15 日 開 打 未 預約 者 集中 接種</t>
    <phoneticPr fontId="1" type="noConversion"/>
  </si>
  <si>
    <t>基隆 市長 林右昌 今日 公佈 本市 預計 於 9 月 15 日 起 針對 75 歲 以上 長者 施打 第二 劑 疫苗 至於 學生 bnt 疫苗 則 規 畫 自 9 月 23 日 開始 接種 林右昌 指出 本市 1萬901 位 75 歲 以上 長者 中 有 6849 人 已 完成 平臺 預約 登記 將 安排 至 醫療 院所</t>
    <phoneticPr fontId="1" type="noConversion"/>
  </si>
  <si>
    <t>基隆 市長 林右昌 今日 公佈 本市 預計 於 9 月 15 日 起 針對 75 歲 以上 長者 施打 第二 劑 疫苗 至於 學生 bnt 疫苗 則 規 畫 自 9 月 23 日 開始 接種 林右昌 指出 本市 1萬901 位 75 歲 以上 長者 中 有 6849 人 已 完成 平臺 預約 登記 將 安排 至 醫療 院所 施打 第二 劑 疫苗 其 餘 未 預約 登記 長者 則 安排 在 9 月 15 至 17 日 集中 施打 至於 全市 7 區 各裡 施打 時間 將 於 9 月 9 日 對外 公告 9 月 10 日前 會 將 疫苗 施打 通知單 送達 家戶 相關 便民措施 包括 疫苗 公車 計程車 等 都 比照 第一 劑 集中 施打 規 畫 另外 針對 學生 bnt 疫苗 施打 規 畫 林右昌 說 將 於 9 月 23 日 開 打 依照 中央 規定 本市 各 高中職 及 五專 前 三 年 學生 將 入校 進行 施打 近日 內 就 會 發放 家長 同意書</t>
    <phoneticPr fontId="1" type="noConversion"/>
  </si>
  <si>
    <t>中央 地方 杠 紓困 朱立倫 排 富 速 發放 現金 是 原則</t>
    <phoneticPr fontId="1" type="noConversion"/>
  </si>
  <si>
    <t>行政院 提出 紓困 方案 卻 引來 民怨 不僅 困擾 申辦 民眾 也 讓 第一 線 承辦 人員 壓力 大 現在 又 出現 中央 地方 不 同調 互相 杠 上 的 狀況 前 新北 市長 朱立倫 今天 表示 排 富 盡 速 發放 現金 是 原則 不要 太 多 審核 的 標準 千萬 不要 只訂 政</t>
    <phoneticPr fontId="1" type="noConversion"/>
  </si>
  <si>
    <t>疫苗 朱立倫 楊志良 紓困 發現 金</t>
    <phoneticPr fontId="1" type="noConversion"/>
  </si>
  <si>
    <t>綠 突襲 疫苗 調閱 小組 審查 藍 不滿 靠 人數 優勢 怒 轟 鴨霸</t>
    <phoneticPr fontId="1" type="noConversion"/>
  </si>
  <si>
    <t>新北 明 首 辦 防疫 實兵演習 黃珊珊 北市 已 做 過 兵棋 演練</t>
    <phoneticPr fontId="1" type="noConversion"/>
  </si>
  <si>
    <t>新北 確診 數飆 破 3千 人 侯友宜 點名 這 一 區 要 注意</t>
    <phoneticPr fontId="1" type="noConversion"/>
  </si>
  <si>
    <t>新北 市長 侯友宜 29 日 公佈 新北 各區 確診 個案 其中 永和 今日 確診 人數 24 人 是 全市 第一 首度 超越 板橋 的 21 人 新北 市長 侯友宜 說 提醒 永和 區 有 上升 趨勢 三 重 土 城 新莊 新 店 都 比 昨天 稍微 少 一點 但 還是 要 注意 侯友宜</t>
    <phoneticPr fontId="1" type="noConversion"/>
  </si>
  <si>
    <t>陸 昨 新增 本土 確診 93 例 其中 河北 54 例</t>
    <phoneticPr fontId="1" type="noConversion"/>
  </si>
  <si>
    <t>1 月 17 日 0 24 時 31 個 省 自治區 直轄市 和 新疆生產建設兵團 報告 新增 確診 病例 109 例 其中 境外 輸入 病例 16 例 上海 4 例 陝西 3 例 浙江 2 例 湖南 2 例 北京 1 例 天津 1 例 福建 1 例 廣東 1 例 四川 1 例 本土 病例 93 例</t>
    <phoneticPr fontId="1" type="noConversion"/>
  </si>
  <si>
    <t>防疫 在家 選 這 味 ovo 聯合 愛 奇 藝 kktv 四季 線 上推 追 劇 優惠</t>
    <phoneticPr fontId="1" type="noConversion"/>
  </si>
  <si>
    <t>避暑勝地陷疫情恐慌 梨山谷關多家飯店宣佈停業</t>
    <phoneticPr fontId="1" type="noConversion"/>
  </si>
  <si>
    <t>避暑勝地 陷 疫情 恐慌 梨 山谷 關多 家 飯店 宣佈 停業</t>
    <phoneticPr fontId="1" type="noConversion"/>
  </si>
  <si>
    <t>苗栗 48 歲 男子 日前 確診 疫 調 揭露 他 曾 到 台中 和 平谷 關 登山 今日 又 爆出 平等 國小 女籃 隊 北上 參賽 全校 超過 9 成 師生 有 萬 華 足跡 史 其中 4 名 學生 及 1 名 家長 出現 上呼吸道 症狀 自行 采 檢 和平區 接連 陷 疫情 恐慌 遊客 卻步 包括</t>
    <phoneticPr fontId="1" type="noConversion"/>
  </si>
  <si>
    <t>苗栗 48 歲 男子 日前 確診 疫 調 揭露 他 曾 到 台中 和 平谷 關 登山 今日 又 爆出 平等 國小 女籃 隊 北上 參賽 全校 超過 9 成 師生 有 萬 華 足跡 史 其中 4 名 學生 及 1 名 家長 出現 上呼吸道 症狀 自行 采 檢 和平區 接連 陷 疫情 恐慌 遊客 卻步 包括 梨山賓館 谷關 多 家 溫泉 飯店 陸續 宣佈 停業 梨山賓館 宣佈 5 月 20 日 休館 至 5 月 28 日 副總 林閔政 表示 公司 內部 昨 開會討論 認為 疫情 嚴重 遊客 不敢 上山 同仁 服務 也 怕 怕 的 為了 一 座 山 考量 決定 暫停營業 他 也 坦言 近日 受 疫情 影響 訂 房 銳減 宣佈 休館 後 已 通知 訂 房 的 顧客 延期 或 退 房 大家 一起 加強 防疫 梨山賓館 宣佈 休館 今 上午 即 爆出 環 山 部落 平等 國小 全校 超過 9 成 師生 有 萬 華 足跡 史 當地 9 家 民 宿及 接待 家庭 全都 停業 和平區 除 梨山 風景區 受 疫情 衝擊 同樣 在 中橫 公路 的 谷關 溫泉區 街道 近日 冷冷清清 不見 國旅 爆發 的盛況 在 本土 疫情 升溫 後 惠來 谷關 神 木穀 假期 飯店 四季 麗池 露泉 等 多 家 飯店 宣佈 停業 5 天 惠 來 谷關 副總 尹敬倫 表示 近日 團體 客人 紛紛 取消 行程 訂 房 率 不 到 2 成 我們 也 無法 得知 遊客 是否 有 萬 華 等 疫區 接觸 史 基於 防疫 考量 多 家 飯店 陸續 宣佈 暫停營業 並 通知 自由 行 旅客 退訂 部分 飯店 員工 也 采 分流 上班</t>
    <phoneticPr fontId="1" type="noConversion"/>
  </si>
  <si>
    <t>業績 半導體 訊 芯 q 2 獲利 強 彈 攜 h 1 齊登 近 4 年 同期 高</t>
    <phoneticPr fontId="1" type="noConversion"/>
  </si>
  <si>
    <t>訊 芯 訊 芯 -ky 營 收 毛利率 營益 率</t>
    <phoneticPr fontId="1" type="noConversion"/>
  </si>
  <si>
    <t>少 了 海外 刷 卡 高 回 饋 成 信用卡 戰役 關鍵</t>
    <phoneticPr fontId="1" type="noConversion"/>
  </si>
  <si>
    <t>治癒 10 病例 死亡 貴州</t>
    <phoneticPr fontId="1" type="noConversion"/>
  </si>
  <si>
    <t>新北 開 第一 槍 三 重大 型 ktv 歇業 一 周抗 疫</t>
    <phoneticPr fontId="1" type="noConversion"/>
  </si>
  <si>
    <t>新北 市府 日前 宣佈 20 日 起 轄內 公有 封閉型 集會 場所 暫停 開放 14 天 侯友宜 前 晚 22 更 親自 率隊 前往 大型 ktv 查 察 防疫 工作 並 呼籲 市民 人 多 不 通風 的 地方 不 要 再 去 今天 三 重 知名 ktv 同學 匯 率先 開出 第一 槍 宣佈 即日</t>
    <phoneticPr fontId="1" type="noConversion"/>
  </si>
  <si>
    <t>新北 市府 日前 宣佈 20 日 起 轄內 公有 封閉型 集會 場所 暫停 開放 14 天 侯友宜 前 晚 22 更 親自 率隊 前往 大型 ktv 查 察 防疫 工作 並 呼籲 市民 人 多 不 通風 的 地方 不 要 再 去 今天 三 重 知名 ktv 同學 匯 率先 開出 第一 槍 宣佈 即日起 暫停營業 一 周 以上 業者 也 表示 希望 抛磚引玉 呼籲 同業 跟進 共同 抗 疫 三 重 區 正義北路 同學 匯 ktv 自 2017 年 開始 營業 共有 25 間 包廂 最 大 可 容納 約 400 人 因 設備 新穎 位元處 鬧區 平時 消費者 眾多 假日 更是 人潮 爆滿 同學 匯業 者 指出 為 配合 新北 市府 防疫 措施 加上 三 重 分局 不斷 柔性 勸導 決定 從今天起 暫停營業 一 周 以上 作 全館 消毒 雖 初步 估計 損失 將 達 200萬 以上 但 希望 能 抛磚引玉 呼籲 其他 ktv 業者 一起 加入 防疫 工作 三 重 分局 表示 由於 新型 冠狀 肺炎 疫情 日趨嚴重 該類 場所 具有 群 聚 傳染 風險 便 不斷 向 業者 柔性 勸導 十分 感謝 業者 願意 配合 並 呼籲 其他 群 聚 場所 也 能 跟進 共同 為 防疫 工作 把關</t>
    <phoneticPr fontId="1" type="noConversion"/>
  </si>
  <si>
    <t>國內 累計 441 人 確診 407 人 解除 隔離</t>
    <phoneticPr fontId="1" type="noConversion"/>
  </si>
  <si>
    <t>土 城 男 不 戴 罩 爆 打 21 歲 店員 頭頂 縫 12 針 恐怖 照曝光</t>
    <phoneticPr fontId="1" type="noConversion"/>
  </si>
  <si>
    <t>疫情 升溫 雙北 進入 三級 警戒 超 商 全面 規定 實 聯 制 新北 市 土 城區 一 名 50 歲 賴姓 男子 沒 戴 口罩 進 超 商 被 店員 提醒 後 賴男 竟 惱羞成怒 瘋狂 毆打 年 僅 21 歲 的 年輕 店員 導致 店員 頭破血流 送醫 頭頂 縫 了 12 針 照片 曝光 相當 怵</t>
    <phoneticPr fontId="1" type="noConversion"/>
  </si>
  <si>
    <t>疫情 升溫 雙北 進入 三級 警戒 超 商 全面 規定 實 聯 制 新北 市 土 城區 一 名 50 歲 賴姓 男子 沒 戴 口罩 進 超 商 被 店員 提醒 後 賴男 竟 惱羞成怒 瘋狂 毆打 年 僅 21 歲 的 年輕 店員 導致 店員 頭破血流 送醫 頭頂 縫 了 12 針 照片 曝光 相當 怵目驚心 店員 母親 心痛 怒 喊 告 到底 此外 賴男 沒 戴 口罩 新北 衛生局 將 重罰 1萬5000 元 根據 監視 影像 賴男 17 日 早上 7 時 到 賴爾富 超 商 購物 結 帳 時 因 未戴 口罩 被 店員 提醒 進來 要 實 名 制 再 這樣 下次 不要 進來 賴男 聽到 後 狂 罵 髒話 先用 安全帽 怒 砸 才 21 歲 的 卓姓 店員 接 著 出拳 狂 毆 導致 店員 頭部 撕裂 傷 事後 賴男 被 警方 依 傷害罪 函 請 偵 辦 並 依 違反 傳染病 防治法 請 衛生機關 裁 罰 衛生局 則 說 未戴 口罩 可 罰 3000 至 1萬5000 元 將 重罰 男子 1萬5000 元 罰 鍰 之後 1 名 疑 似 卓姓 店員 的 媽媽 在 line 群 組 中 公布 兒子 頭上 的 傷口 照 只見 頭頂 上有 明顯 的 傷口 縫 痕 長 達 數 公分 傷口 周圍 的 頭髮 遭 剃 光 畫面 相當 讓 人 不 舍 該 媽媽 則 在 群 組 中 憤怒 表示 戴 口罩 很 難 嗎 為什麼 就 是 有 害群之馬 她 說 小兒 子 被 打到 頭破血流 住 院中 我 要 告 到底 對此 賴爾富 也 發出 聲明 門市 職員 于 疫情 嚴峻 期間 仍 堅守崗位 持續 服務 嚴守 防疫 規定 要求 實 名 登記 配戴 口罩 為 所有 消費者 健康 安全 把關 土 城 童話 店 職員 卻 因 落實政策 反而 招致 不肖 分子 毆打 其 行徑 之 殘暴 令人髮指 誰 無 子女 何忍 目睹 影片 中的 毆打 行為 我們 盡力 服務 提供 消費 安全 保障 卻 受 如此 對待 本 公司 全體 上下 深感 痛心 及 憤慨 強調 一定 會 提供 良好 照 護 對 蓄意 傷人 不肖 分子 將 依法 訴究 絕 不 姑息</t>
    <phoneticPr fontId="1" type="noConversion"/>
  </si>
  <si>
    <t>產業 foodpanda 捐 萬 份 餐 點 慰勞 醫護 使用率 達 6 成</t>
    <phoneticPr fontId="1" type="noConversion"/>
  </si>
  <si>
    <t>幼稚園 群 聚 疑 染 delta 羅 一 鈞 曝 確診 幼童 3 症狀</t>
    <phoneticPr fontId="1" type="noConversion"/>
  </si>
  <si>
    <t>幼稚園 群 聚 羅一鈞 幼童 delta</t>
    <phoneticPr fontId="1" type="noConversion"/>
  </si>
  <si>
    <t>科技 研 調 伺服器 記憶體 q 2 價格 續漲 h 2 再 觀察 疫情</t>
    <phoneticPr fontId="1" type="noConversion"/>
  </si>
  <si>
    <t>伺服器 記憶體 trendforce 記憶體 儲存 研究 dramexchange 美國政府 標 案</t>
    <phoneticPr fontId="1" type="noConversion"/>
  </si>
  <si>
    <t>影 英 紀錄片 大贊 台 防疫 學者 臺灣 已為 疫 戰 準備 20 年</t>
    <phoneticPr fontId="1" type="noConversion"/>
  </si>
  <si>
    <t>臺灣 英國 紀錄片 防疫 20 年 準備</t>
    <phoneticPr fontId="1" type="noConversion"/>
  </si>
  <si>
    <t>拜會遊錫堃 蘇貞昌：紓困條例20日通過 盼立院盡速審議</t>
    <phoneticPr fontId="1" type="noConversion"/>
  </si>
  <si>
    <t>拜會 遊錫 堃  蘇貞昌 紓困 條例 20 日 通過 盼 立院 盡 速 審議</t>
    <phoneticPr fontId="1" type="noConversion"/>
  </si>
  <si>
    <t>紓困 條例 蘇貞昌 遊錫堃 防疫 行政院</t>
    <phoneticPr fontId="1" type="noConversion"/>
  </si>
  <si>
    <t>李 來希 稱 婦 買 口罩 遭 輾斃 獲 不 起訴 網友 送 6 字</t>
    <phoneticPr fontId="1" type="noConversion"/>
  </si>
  <si>
    <t>想等BNT？前臺大醫揭最慘下場：我不想烏鴉嘴</t>
    <phoneticPr fontId="1" type="noConversion"/>
  </si>
  <si>
    <t>想 等 bnt 前臺 大 醫 揭 最慘 下場 我 不 想 烏鴉 嘴</t>
    <phoneticPr fontId="1" type="noConversion"/>
  </si>
  <si>
    <t>鴻 海 台積電 與 上海 複 星 簽約 1000萬 劑 輝瑞 bnt 疫苗 預計 9 月 供貨 讓 民眾 想 等 到 9 月 再 打 疫苗 然而 前臺 大 醫院 感染 科 醫師 林氏 璧 表示 輝瑞 bnt 要 9 月 才 來 預計 要 有 95 的 完整 保護 力最 快 要到 年底 我 不 想 烏鴉 嘴 但 確定</t>
    <phoneticPr fontId="1" type="noConversion"/>
  </si>
  <si>
    <t>bnt 輝瑞 az 混打 林氏 璧</t>
    <phoneticPr fontId="1" type="noConversion"/>
  </si>
  <si>
    <t>新北 今 3 足跡 曝光 曾 搭 捷 運 遊遍 西門 町 士 林 科教 館</t>
    <phoneticPr fontId="1" type="noConversion"/>
  </si>
  <si>
    <t>新北 今 新增 3 例 確診 分別 是 永和 1 人 板橋 1 人 土 城 1 人 新北市衛生局 同時 公佈 確診 者 足跡 遍及 西門 町 誠 品 生活 武昌店 西門 萬年 大樓 及 永和 勵行 市場 新北市衛生局 同時 公佈 確診 者 足跡 板橋 個案 24 日 下午 曾至 北市 士 林區</t>
    <phoneticPr fontId="1" type="noConversion"/>
  </si>
  <si>
    <t>伊朗 單日 死亡 人數 破 紀錄 確診 人數 破 8000 大關</t>
    <phoneticPr fontId="1" type="noConversion"/>
  </si>
  <si>
    <t>新北 增 20 例 確診 這 兩 區 最 多 又 見 環南 市場 感染</t>
    <phoneticPr fontId="1" type="noConversion"/>
  </si>
  <si>
    <t>三峽 新北 板橋 確診 感染 源</t>
    <phoneticPr fontId="1" type="noConversion"/>
  </si>
  <si>
    <t>莫德納 疫苗 開始 配送 有利 加速 全美 接種 行動</t>
    <phoneticPr fontId="1" type="noConversion"/>
  </si>
  <si>
    <t>據 美聯社 等外 媒 報導 總部 設於 德州 達拉斯 的 藥品 零售商 麥克森 公司 於 美東 時間 20 日 6 時 臺灣 時間 20 日 19 時 宣佈 莫德納 疫苗 已 展開 全美 配送 莫德納 疫苗 18 日 獲 美國 食品 暨 藥物 管理局 fda 緊急 授權 批准 上市 而 成為 美國</t>
    <phoneticPr fontId="1" type="noConversion"/>
  </si>
  <si>
    <t>據 美聯社 等外 媒 報導 總部 設於 德州 達拉斯 的 藥品 零售商 麥克森 公司 於 美東 時間 20 日 6 時 臺灣 時間 20 日 19 時 宣佈 莫德納 疫苗 已 展開 全美 配送 莫德納 疫苗 18 日 獲 美國 食品 暨 藥物 管理局 fda 緊急 授權 批准 上市 而 成為 美國 第 2 支 2019 冠 狀 病毒 疫苗 美聯社 報導 指出 田納西州 曼 菲斯 memphis 的 藥品 工廠 的 員工 正 快馬加鞭 地 將 莫德納 公司 與 國家衛生研究院 研發 的 疫苗 裝箱 隨 著 配送 開始 預計 21 日 便 可 開始 注射 接種 距離 fda 緊急 授權 僅 3 天 隨 著 莫德納 疫苗 配送 至 全美 逾 3700 個 點 後 加上 輝瑞 疫苗 的 助攻 有利於 疫苗 施 打的 規模 與 速度 美方 估計 接下來 1 周將 分別 配送 590萬 與 200萬 劑 的 莫德納 與 輝瑞 疫苗 報導 表示 由 專家 組成 的 委員會 20 日 稍晚 將 討論 首 波 接種 物件 為何 以 加速 疫苗 施 打的 速度 根據 初步 估計 直到 明天 春天 以前疫苗 數量 仍 不足以 讓 一般 民眾 都能 接受 注射 故 將 按 比例 分配 疫苗 施打 專家 指出 重點 工作者 可能 成為 首 波 接種 對象 由於 大眾 運輸工具 司機 雜貨店 員工 這些 人 是 感染 高風險 族群 故 應 首先 施打 但 也 有人 主張 65 歲 以上 的 老人 與 患有 特定 疾病 的 患者 應 優先 接種 因其 死亡率 最高 雖然 專家 小組 的 建議 可望 獲得 美國 疾病 管制 暨 預防 中心 cdc 的 首肯 但 cdc 強調 各州 做法 會 有所不同 因為 當地 衛生部門 對於 誰 屬於 更 危險 的 族群 恐 有 不同 認定 不論是 輝瑞 疫苗 還是 莫德納 疫苗 首次 接種 後 的 數 周便須 接受 第 2 劑 的 注射 且 第 2 劑 須 與 首 劑 來自 同一 家 公司 原本 美國 雄心萬丈 的 喊 出 年底 前為 2000萬 人 施打第 1 劑 不過 這個 目標 恐 延宕 至 2021 年 1 月 的 第 1 周 才能 達成</t>
    <phoneticPr fontId="1" type="noConversion"/>
  </si>
  <si>
    <t>疫苗 加開 接種 站 超 冷清 醫 怒 存心 想 整 我們 嗎</t>
    <phoneticPr fontId="1" type="noConversion"/>
  </si>
  <si>
    <t>北市 聯 醫 派 醫護人員 至 花博 接種 站 協助 打 疫苗 醫師 姜冠宇 也 到 現場 支援 但 看到 現場 狀況 忍不住 說 原本 每天 早上 8 點 開 打 有人 提早到 就 鬧 說 等 好久 最後 疫苗 接種 時間 改 為 7 點 半 開 打 但 人 卻 來得 零零落落 很多 地方 空空 如</t>
    <phoneticPr fontId="1" type="noConversion"/>
  </si>
  <si>
    <t>高端現 增資 19 2億 元 入 袋 疫苗 開發 加 馬力 24 日 法 說 會報 佳音</t>
    <phoneticPr fontId="1" type="noConversion"/>
  </si>
  <si>
    <t>法網 小 祖維瑞 夫 生病 硬打 賽前 還 未 向醫生 報到</t>
    <phoneticPr fontId="1" type="noConversion"/>
  </si>
  <si>
    <t>網球 法國 網球 公開賽 小 祖維瑞 夫 病毒 檢驗 法網</t>
    <phoneticPr fontId="1" type="noConversion"/>
  </si>
  <si>
    <t>小金門 鄉親 就醫 救國團 專案 優惠 住宿</t>
    <phoneticPr fontId="1" type="noConversion"/>
  </si>
  <si>
    <t>小金門 鄉親 跨 海 到 金門 本島 就醫 常因 船 班 和 天候 因素 無法 在 當天 趕回 對岸 縣府 特 協調 救國團 金門 青年 活動 中心 提供 優惠 住宿 每晚 只要 新 台幣 600 元 希望 帶 給 病 患 和 家屬 更 多 方便 縣 衛生局 指出 小金門 烈 嶼 鄉 對外</t>
    <phoneticPr fontId="1" type="noConversion"/>
  </si>
  <si>
    <t>小金門 鄉親 跨 海 到 金門 本島 就醫 常因 船 班 和 天候 因素 無法 在 當天 趕回 對岸 縣府 特 協調 救國團 金門 青年 活動 中心 提供 優惠 住宿 每晚 只要 新 台幣 600 元 希望 帶 給 病 患 和 家屬 更 多 方便 縣 衛生局 指出 小金門 烈 嶼 鄉 對外 交通不便 醫療 資源 也 相對 不及 金門 本島 當地 鄉親 至 金門 醫院 院本 部 就醫 如 遇船班 影響 而 無法 順利 返回 小金門 常為 住宿 過夜 問題 十分 困擾 縣府 基於 照顧 縣 民政 策 特 與 救國團 金門 青年 活動 中心 協調 提供 病 患 和 家屬 專案 住宿 優惠 優惠 住宿 專案 時間 為 109 年 3 月 1 日 至 110 年 2 月 28 日 物件 及 標準 如下 1 設 籍 烈 嶼 鄉鄉 親 出示 金門 醫院 就診 單 或 住院 照顧 家屬 提供 相關 憑證 等 即 可以 優惠價 入 住 2 救國團 青年 活動 中心 提供 專案 房價 每 房 每晚 600 元 無 另 贈 早餐 3 使用 該 專案 請 事前 電話 預訂 如 遇 住宿 已 額 滿 日期 則 無法 接待 入 住</t>
    <phoneticPr fontId="1" type="noConversion"/>
  </si>
  <si>
    <t>北極星 擬 依 dsmb 建議 提早 結束 肺 間 皮 癌 三期 試驗 直接 申請 藥 證</t>
    <phoneticPr fontId="1" type="noConversion"/>
  </si>
  <si>
    <t>北極星 藥業 6550 表示 收到 fda 認可 之 獨立 機構 資料 和 安全 監視 委員會 dsmb 主動 對 正 進行 之 肺 間 皮 癌 三期 臨床 試驗 來文 由於 整體 存活率 os 與 無 惡化 生存期 pfs 兩者 之 cp 值 均 已 超過 80 建議 提早 結束 肺 間 皮 癌</t>
    <phoneticPr fontId="1" type="noConversion"/>
  </si>
  <si>
    <t>北極星 藥業 dsmb 肺 間 皮 癌 fda</t>
    <phoneticPr fontId="1" type="noConversion"/>
  </si>
  <si>
    <t>助 企業 走 出 病毒 危機 以色列 投 10億 美元</t>
    <phoneticPr fontId="1" type="noConversion"/>
  </si>
  <si>
    <t>年底前全球最大的實體旅展 臺北國際旅展 10／30登場</t>
    <phoneticPr fontId="1" type="noConversion"/>
  </si>
  <si>
    <t>年底 前 全球 最 大 的 實體 旅 展 臺北 國際 旅 展 10 30 登場</t>
    <phoneticPr fontId="1" type="noConversion"/>
  </si>
  <si>
    <t>itf 臺北 國際 旅 展 中秋 肺炎 觀光業 羅瓊雅</t>
    <phoneticPr fontId="1" type="noConversion"/>
  </si>
  <si>
    <t>禿子 燕子 都 面臨 罷免 連署 侯友宜 說話 了</t>
    <phoneticPr fontId="1" type="noConversion"/>
  </si>
  <si>
    <t>bnt 疫苗 又 來 了 192萬 劑 今 下午 抵 台 效期 至 明年 3 月底</t>
    <phoneticPr fontId="1" type="noConversion"/>
  </si>
  <si>
    <t>bnt 民間團體 購買 抵 台 效期</t>
    <phoneticPr fontId="1" type="noConversion"/>
  </si>
  <si>
    <t>從 家 開始 防疫 新 潤 機構 落實 防疫 帶進 社區 好 安心</t>
    <phoneticPr fontId="1" type="noConversion"/>
  </si>
  <si>
    <t>新 潤 建設 機構 新 潤 興業 防疫 社區 氧 生 宅 買房</t>
    <phoneticPr fontId="1" type="noConversion"/>
  </si>
  <si>
    <t>恐懼 症候 群 逛 醫院 的 人 少 了</t>
    <phoneticPr fontId="1" type="noConversion"/>
  </si>
  <si>
    <t>基層 診 肺炎 醫院 下降 精神 科</t>
    <phoneticPr fontId="1" type="noConversion"/>
  </si>
  <si>
    <t>鄭弘儀 自 爆 已 打 az 疫苗 姚惠珍 被 問 選 哪 種 疫苗 答案 很 誠實</t>
    <phoneticPr fontId="1" type="noConversion"/>
  </si>
  <si>
    <t>接種 疫苗 猝死 破百 累計 119 人 亡 16 人 死因 出爐</t>
    <phoneticPr fontId="1" type="noConversion"/>
  </si>
  <si>
    <t>使用 呼吸器 死亡率 紐約 9 成 台僅 2 成 5</t>
    <phoneticPr fontId="1" type="noConversion"/>
  </si>
  <si>
    <t>分析 肺炎 病毒 疫情 臺灣</t>
    <phoneticPr fontId="1" type="noConversion"/>
  </si>
  <si>
    <t>萬華 茶室 27 名 失 聯 外籍人士 警 全數 尋 獲 前往 快 篩</t>
    <phoneticPr fontId="1" type="noConversion"/>
  </si>
  <si>
    <t>萬華 疫情 大 爆發 議員 指出 外籍 女子 以 看護 名義 來 台 很多 已 前往 中南部 雇主家 恐 讓 疫情 快速 傳播 警方 18 日 清查 轄區 共有 27 名 外籍人士 尚未 取得 聯繫 經市 警 局 警政署 國際組 移民署 臺北市 專勤 隊 合作 已經 在 19 日中</t>
    <phoneticPr fontId="1" type="noConversion"/>
  </si>
  <si>
    <t>萬華 疫情 大 爆發 議員 指出 外籍 女子 以 看護 名義 來 台 很多 已 前往 中南部 雇主家 恐 讓 疫情 快速 傳播 警方 18 日 清查 轄區 共有 27 名 外籍人士 尚未 取得 聯繫 經市 警 局 警政署 國際組 移民署 臺北市 專勤 隊 合作 已經 在 19 日 中午 12 點 半 全數 取得 聯繫 並 協助 前往 快 篩 萬華 茶室 27 名 失 聯 外籍 女子 陸續 前往 采 檢 快 篩 萬 華警 分局 表示 轄內 共有 172 家 阿 公 店 其中 廣州 街 三 水 街 有 65 家 阿公店 其中 有 22 家業 者 配合 聯繫 員工 去 快 篩 其 餘 聯繫 不 上 的 警方 會 持續 聯繫 而 根據 警方 臨檢 紀錄 相關 外籍人士 共有 80 人 扣除 勸導 前往 快 篩 返回 大陸 隔離 中等 人 有 27 人 聯繫 不 上 警方 經過 各方 通力合作 失 聯 者 已經 全數 聯繫 上 部分 人士 已經 前往 采 檢 若 人 已經 離開 萬 華區 將 由 警方 相關 單位 協助 就近 前往 適合 衛生 單位 進行 快 篩</t>
    <phoneticPr fontId="1" type="noConversion"/>
  </si>
  <si>
    <t>國民黨 15 縣 市 批 中央 防疫 僵化 錢 防疫 旅館 口罩 成 焦點</t>
    <phoneticPr fontId="1" type="noConversion"/>
  </si>
  <si>
    <t>國民黨 今天 舉辦 共 渡 疫情 國土 安居 研討會 邀集 國民黨 15 執政 縣 市 代表 立院 黨團 幹部 智庫 專家學者 等 共同 就 防疫 紓困 振興 方案 瞭解 各地 實 務 需求 縣 市 代表 們 紛紛 抱怨 600億 特別 預算 一塊 錢都 沒到 地方 中央</t>
    <phoneticPr fontId="1" type="noConversion"/>
  </si>
  <si>
    <t>川普 檢測 白宮 陰性 病毒</t>
    <phoneticPr fontId="1" type="noConversion"/>
  </si>
  <si>
    <t>疫情 重創 航班 停 飛 歐洲多 家 航空 申請 破產</t>
    <phoneticPr fontId="1" type="noConversion"/>
  </si>
  <si>
    <t>蝙蝠 病毒 心肌炎 臺灣 肺炎</t>
    <phoneticPr fontId="1" type="noConversion"/>
  </si>
  <si>
    <t>出門 隨手 抓 2 黑 口罩 拆開 一 看 她 羞 爆</t>
    <phoneticPr fontId="1" type="noConversion"/>
  </si>
  <si>
    <t>黑 口罩 女網友 公車 包裝 衛生棉</t>
    <phoneticPr fontId="1" type="noConversion"/>
  </si>
  <si>
    <t>防疫 關鍵時刻 這 動作 遭 罰 6000 元</t>
    <phoneticPr fontId="1" type="noConversion"/>
  </si>
  <si>
    <t>在 防疫 關鍵 期間 眾人 疾呼 勿 亂 丟 口罩 之際 屏 東縣 環保局 運用 科技 執法 查獲 首 宗 亂 丟 口罩 及 垃圾 案件 突破 傳統 守株待兔 追查 方式 在 易 棄置 廢棄物 熱點 隱 密 處 廣設 移動 式 監控 系統 於 4 月 7 日 在 佳 冬 查獲 一起 連續 棄置 垃圾 手</t>
    <phoneticPr fontId="1" type="noConversion"/>
  </si>
  <si>
    <t>口罩 案件 垃圾 防疫 廢棄物</t>
    <phoneticPr fontId="1" type="noConversion"/>
  </si>
  <si>
    <t>台商 回不來 家屬 崩潰 喊 防疫 不是 我們 的 事 那是 政府 要 做 的</t>
    <phoneticPr fontId="1" type="noConversion"/>
  </si>
  <si>
    <t>防疫 優先 家屬 我們 的 包機</t>
    <phoneticPr fontId="1" type="noConversion"/>
  </si>
  <si>
    <t>開放 用餐 就中 鏢 新北 確診 男 返 台南 足跡 曝 吃 麻辣燙 待 2 小時</t>
    <phoneticPr fontId="1" type="noConversion"/>
  </si>
  <si>
    <t>台南 市 今天 並 無 新 增 本土 病例 但有 一起 20 多 歲 新北 市 男子 案 15816 曾 於 7 月 30 日 到 8 月 1 日間 到 過 台南 的 足跡 台南 市 衛生 局 今天 公佈 案 15816 相關 足跡 遍及 永 康 區 北 區 和 安 南區 其中 7 月 31 日 在 永康 吃 麻辣燙 2 小時 也 成為</t>
    <phoneticPr fontId="1" type="noConversion"/>
  </si>
  <si>
    <t>台南 市 今天 並 無 新 增 本土 病例 但有 一起 20 多 歲 新北 市 男子 案 15816 曾 於 7 月 30 日 到 8 月 1 日間 到 過 台南 的 足跡 台南 市 衛生 局 今天 公佈 案 15816 相關 足跡 遍及 永 康 區 北 區 和 安 南區 其中 7 月 31 日 在 永康 吃 麻辣燙 2 小時 也 成為 一 開放 餐飲 內 用 就 有 確診 者 足跡 相關 活動場 域 已 完成 清 消 27 日 防疫 警戒 降 二級 各縣市 也 開放 餐飲 內 用 衛生局 指出 這 名 20 多 歲 男子 上週五 返回 台南 家中 整個 週末 足跡 遍及 早餐 店 飲料店 餐飲店 等 衛生局 表示 將 提醒 業者 瞭解 當天 共 餐 者 是否 有 人 出現 身體 不適 衛生局 指出 新北 市 確診 個案 15816 曾 於 北部 接觸 新北 個案 15796 7 月 31 日 確診 8 月 1 日 被 匡 列為 居家 隔離 者 安排 搭乘 防疫 計程車 至 醫院 采 檢 8 月 1 日 晚間 確診 共 匡列 接觸 家 人 8 名 與 防疫 計程車 司機 1 名 初步 采 檢 都 陰性 案 15816 本身 無 症狀 於 7 月 30 日 上午 9 時 20 分由 台中 搭乘 自強 號 105 班次 第 4 車廂 於 11 時 25 分 抵達 台南 後 轉 乘 11 時 55 分 區間車 3726 班次 於 58 分 抵達 大橋 站 後步 行至 米里 二 代永康 大橋 店 超 堡 早餐 店 各 停留 約 2 至 5 分鐘 晚間 9 時 34 分至 7 11 安立 門市 停留 6 分鐘 7 月 31 日 下午 2 時 21 分 左右至 鹿 耳門 冰城 鮮 自然 土 城門 市 各 停留 約 5 分鐘 晚間 7 至 9 時至 唐朝 麻辣燙 永 康店 8 月 1 日 12 時 35 分至 13 時 20 分到 過 7 11 好巧 門市 康橋 門市 康是美 開元 店 白 巷子 中 山南 店 小北 百貨 台南 開元 店 分別 停留 約 3 分鐘 左右</t>
    <phoneticPr fontId="1" type="noConversion"/>
  </si>
  <si>
    <t>電腦設備 伍豐 擬 派利 約 1 元 庫藏 股 力 撐 股價</t>
    <phoneticPr fontId="1" type="noConversion"/>
  </si>
  <si>
    <t>伍豐 股利 配發 率 殖 息率 營 收</t>
    <phoneticPr fontId="1" type="noConversion"/>
  </si>
  <si>
    <t>nba 挑 賭 城 重新 開 打 湖 人 前鋒 力挺</t>
    <phoneticPr fontId="1" type="noConversion"/>
  </si>
  <si>
    <t>根據 espn 記者 溫 霍斯特 近日 報導 nba 目前 正在 積極 考慮 各種 複賽 方案 其中 一 種 選項 就是 參考 大陸 cba 做法 把 所有 球隊 集中 在 一個 地點 重新 開 打 目前 最 有 可能 的 地點 是 賭 城 拉斯維加斯 湖 人 前鋒 杜德利 隨即 公開 力挺</t>
    <phoneticPr fontId="1" type="noConversion"/>
  </si>
  <si>
    <t>湖 人 前鋒 杜德利 拉斯維加斯 nba</t>
    <phoneticPr fontId="1" type="noConversion"/>
  </si>
  <si>
    <t>她 打電話 到 動物醫院 約 打 bnt 店員 尷尬 提醒 反 被 嗆</t>
    <phoneticPr fontId="1" type="noConversion"/>
  </si>
  <si>
    <t>臺灣 疫苗 量 充足 除了 可用 疫苗 平臺 預約 施打 也 可 自行 至 指定 醫院 預約 接種 但 也 因此 鬧 出 烏龍 一 名 女網友 透露 她 在 動物醫院 上班 某天 竟 接 到 一 名 婦人 打電話 來 說 要 打 bnt 她 好聲好氣 地 提醒 對 方打錯 了 結果 反 被 凶</t>
    <phoneticPr fontId="1" type="noConversion"/>
  </si>
  <si>
    <t>bnt 動物醫院 打電話 預約 接種</t>
    <phoneticPr fontId="1" type="noConversion"/>
  </si>
  <si>
    <t>澳確診音樂家波及範圍擴大 東吳音樂系緊急宣佈停課14天</t>
    <phoneticPr fontId="1" type="noConversion"/>
  </si>
  <si>
    <t>澳 確診 音樂家 波及 範圍 擴大 東吳 音樂 系 緊急 宣佈 停課 14 天</t>
    <phoneticPr fontId="1" type="noConversion"/>
  </si>
  <si>
    <t>無法 復工 愧 提 離職 男 星一 句 話 暖 哭 湖北 員工</t>
    <phoneticPr fontId="1" type="noConversion"/>
  </si>
  <si>
    <t>雙北 病床 荒 中央 狀況 外 醫 怒 開炮 當 自己 在 玩 模擬城市</t>
    <phoneticPr fontId="1" type="noConversion"/>
  </si>
  <si>
    <t>國內 疫情 緊張 雙北 病床 數量 是否 足夠 中央 昨天 拿出 報表 指出 目前 雙 北空 病房 320 間 還有 1500 多 床 沒有 不夠 讓 臺北市 長 柯文哲 氣炸 大罵 中央 阿達馬孔 固力 腦袋 裝 水泥 想 拿 病歷 砸 衛福部 次長 石崇良 重症 胸腔</t>
    <phoneticPr fontId="1" type="noConversion"/>
  </si>
  <si>
    <t>防疫 優先 南 投 縣 各 風景區 暫停營業</t>
    <phoneticPr fontId="1" type="noConversion"/>
  </si>
  <si>
    <t>黑夜 總會 過去 聲 林之王 歌手 暖 心 獻 唱</t>
    <phoneticPr fontId="1" type="noConversion"/>
  </si>
  <si>
    <t>鄉民 女神 贊 爸 媽 是 老人 團 防疫 小 尖兵 網 抓 一 證據 你 過氣 了</t>
    <phoneticPr fontId="1" type="noConversion"/>
  </si>
  <si>
    <t>若 疫情 這天 之前 沒 解決 他 斷言 蔡 政府 最後 下場</t>
    <phoneticPr fontId="1" type="noConversion"/>
  </si>
  <si>
    <t>國內 疫情 仍 嚴峻 對於 蔡英文 政府 能否 從 這 波 民怨 高漲 的 疫情 中 從 脫身 疫情 發展 是否 會 朝 不 樂觀 的 方向 發展 郭正亮 說 國產 疫苗 政府 大概 鐵了心 要 做 但 最 快 要 7 月 才 會 出來 而 若 拖到 8 月 28 日 還 沒 辦法 收尾 他 不諱 言說 依</t>
    <phoneticPr fontId="1" type="noConversion"/>
  </si>
  <si>
    <t>鈺 太 q 1 營 收 創 歷年 同期 新高</t>
    <phoneticPr fontId="1" type="noConversion"/>
  </si>
  <si>
    <t>成長 法人 新高 水準 出 貨</t>
    <phoneticPr fontId="1" type="noConversion"/>
  </si>
  <si>
    <t>板橋 隔離 者 3 度 趴 趴 走 警方 強制 保護 管束</t>
    <phoneticPr fontId="1" type="noConversion"/>
  </si>
  <si>
    <t>新北 市 板橋 區 大觀路 88 歲 居家 隔離 男子 屢次 違反規定 外出 造成 當地 民眾 恐慌 今 18 日 上午 起 連續 再犯 3 次 當地 裡長 不堪 其 擾 向 警方 報案 警方 強制 將 其 保護 管束 通報 衛生局 接管 據 瞭解 該 男 自 本月 14 日 起 開始 居家 隔</t>
    <phoneticPr fontId="1" type="noConversion"/>
  </si>
  <si>
    <t>新北 市 板橋 區 大觀路 88 歲 居家 隔離 男子 屢次 違反規定 外出 造成 當地 民眾 恐慌 今 18 日 上午 起 連續 再犯 3 次 當地 裡長 不堪 其 擾 向 警方 報案 警方 強制 將 其 保護 管束 通報 衛生局 接管 據 瞭解 該 男 自 本月 14 日 起 開始 居家 隔離 但 屢次 違反規定 擅自 離開 並 都 不 戴 口罩 引起 社區 住戶 恐慌 今天上午 8 時許 男子 又 2 度 外出 裡長 及 社區 主委 通報 警方 員警 會同 衛生所 人員 到場 該 男 返家 閉門 不理 下午 2 時許 該 男 竟 又 外出 意圖 搭 公車 前往 北市 萬 華 警方 獲 報 火速 到場 攔阻 該 男 辯稱 沒收 到 隔離 通知 執意 要 離開 員警 只好 強制 將 男子 帶回 派出所 保護 管束 除 蒐證 函送 裁 罰 外 並 通報 衛生局 送 集中 檢疫所</t>
    <phoneticPr fontId="1" type="noConversion"/>
  </si>
  <si>
    <t>國際 產業 counterpoint 2 月 全球 智慧 手機 銷量 暴跌 14</t>
    <phoneticPr fontId="1" type="noConversion"/>
  </si>
  <si>
    <t>武漢醫院 研究 病毒 不 會 經 眼 結膜 傳染</t>
    <phoneticPr fontId="1" type="noConversion"/>
  </si>
  <si>
    <t>病人 病毒 肺炎 陽性反應 結膜</t>
    <phoneticPr fontId="1" type="noConversion"/>
  </si>
  <si>
    <t>國外 都 不 接受 az 疫苗 醫 驚 曝 真相 比 bnt 莫德納高</t>
    <phoneticPr fontId="1" type="noConversion"/>
  </si>
  <si>
    <t>國內 想 打 疫苗 的 民眾 多數 想 打 莫德納 或 bnt 並 傳言 說 國外 都 不 接受 az 對此 醫藥 粉 專 medpartner 美 的 好 朋友 發文 澄清 az 是 國際 接受度 最高 的 疫苗 目前 共 119 個 國家 接受 比 bnt 和 莫德納都高 引起 網友 討論 醫藥</t>
    <phoneticPr fontId="1" type="noConversion"/>
  </si>
  <si>
    <t>az 莫德納 接受度 bnt 疫苗</t>
    <phoneticPr fontId="1" type="noConversion"/>
  </si>
  <si>
    <t>高端今 起 預約 副作用 保護 效果 8 大 qa 一 次 看 1 種 人 不能 接種</t>
    <phoneticPr fontId="1" type="noConversion"/>
  </si>
  <si>
    <t>高端 預約 接種 q&amp;a 疫苗 副作用</t>
    <phoneticPr fontId="1" type="noConversion"/>
  </si>
  <si>
    <t>會面 員工 川普 美國 企業</t>
    <phoneticPr fontId="1" type="noConversion"/>
  </si>
  <si>
    <t>30 多 名 醫師 接力 抗議 中火 籲 阿中 部長 不要 缺席</t>
    <phoneticPr fontId="1" type="noConversion"/>
  </si>
  <si>
    <t>抗議 中火 的 民怨 如火燎原 來自 台中 彰 化 南 投 與 雲林 的 30 多 名 醫生 1 日 中午 1 時 將 身 穿 白袍 犧牲 午間 休 診 時間 到 台中 市 議會 廣場 接力 抗議 表達 對 中火 重 啟 2 號 燃煤 機組 不滿 臺灣 健康 空氣 行動 聯盟 理事長 葉光芃 醫師</t>
    <phoneticPr fontId="1" type="noConversion"/>
  </si>
  <si>
    <t>華航 桃園 機場 貨運站 辦公室 傳出 1 人 確認 桃園 市 衛生 局 7 日 早上 前往 進行 疫 調 目前 匡列 200 多 人 疫 調 結果 可能 陸續 匡列 增加 到 近 800 人 為了 防阻 疫情 蔓延 連續 將 在 今 明兩天 針對 華航 貨運 場站 中的 205 名 員工 先 全面 pcr</t>
    <phoneticPr fontId="1" type="noConversion"/>
  </si>
  <si>
    <t>與 陸再 陷 緊張 之際 印度 確診 420萬 躍升 全球 第 2</t>
    <phoneticPr fontId="1" type="noConversion"/>
  </si>
  <si>
    <t>bmw 獲利 成長 交 車 準備金</t>
    <phoneticPr fontId="1" type="noConversion"/>
  </si>
  <si>
    <t>邊境 疫情 緊 繃 黑龍江 立即 暫停 跨 省 團隊 旅遊 和 旅遊 專列 業務</t>
    <phoneticPr fontId="1" type="noConversion"/>
  </si>
  <si>
    <t>公主 郵輪 確診 增至 355 人 導致 夜市 冷清 林右昌 振興 消費 需 等等</t>
    <phoneticPr fontId="1" type="noConversion"/>
  </si>
  <si>
    <t>混打 疫苗 二 劑 一 劑 接種</t>
    <phoneticPr fontId="1" type="noConversion"/>
  </si>
  <si>
    <t>陸港 觀盤 疫情 引爆 全球 股災 黑夜 降臨 靜 待 曙光</t>
    <phoneticPr fontId="1" type="noConversion"/>
  </si>
  <si>
    <t>層面 中國 資本 肺炎 投資</t>
    <phoneticPr fontId="1" type="noConversion"/>
  </si>
  <si>
    <t>不怕死 白宮 川普 可能 再次 服用 奎寧 感覺 棒極了</t>
    <phoneticPr fontId="1" type="noConversion"/>
  </si>
  <si>
    <t>球王 公開 批 川普 他 把 防疫 政治化</t>
    <phoneticPr fontId="1" type="noConversion"/>
  </si>
  <si>
    <t>川普 麥克羅伊 北愛爾蘭 防疫 球王</t>
    <phoneticPr fontId="1" type="noConversion"/>
  </si>
  <si>
    <t>手語 老師 疫情 記者會 不 戴 口罩 成 破 口 北 市府 回應</t>
    <phoneticPr fontId="1" type="noConversion"/>
  </si>
  <si>
    <t>行政院 bnt 記者會 朱學 恒 看 完一 句 話 狠 酸 政府</t>
    <phoneticPr fontId="1" type="noConversion"/>
  </si>
  <si>
    <t>行政院 行政院 發言人 羅秉成 今日 召開 記者會 證實 台積電 永齡 基金會 合計 捐贈 1千萬 劑 bnt 疫苗 的 契約 簽署 羅 強調 政府 全力支援 捐贈 單位 全力 奉獻 才能 在 半 個 月 內 完成 這項 重要 的 捐贈 案 不過 宅 神 朱學 恒 看 完 這 場 記者</t>
    <phoneticPr fontId="1" type="noConversion"/>
  </si>
  <si>
    <t>捐贈 bnt 記者會 羅秉成 疫苗</t>
    <phoneticPr fontId="1" type="noConversion"/>
  </si>
  <si>
    <t>喜劇 天王 打過 疫苗 仍 突破性 感染 沉重 po 文 呼籲 一 句 話</t>
    <phoneticPr fontId="1" type="noConversion"/>
  </si>
  <si>
    <t>北市 士 林某長 照 機構 爆發 47 人 確診 3 死 的 群 聚 感染 北市 衛生局 控 該 機構 有 隱匿 疫情 但 機構 反 嗆 衛生局 早 知 8 日 有 長者 確診 卻 不 做 疫 調 隔離 與 全院 快 篩 直到 14 日 才 進駐 全院 采 檢 副 市長 黃珊珊 再 反駁 市府 沒 耽誤 是 機</t>
    <phoneticPr fontId="1" type="noConversion"/>
  </si>
  <si>
    <t>產業 分析 結構性 挑戰 仍 在 餐飲業 淘汰賽 未 落幕</t>
    <phoneticPr fontId="1" type="noConversion"/>
  </si>
  <si>
    <t>資深 媒體 人 黃清龍 新加坡 防疫 為何 失靈</t>
    <phoneticPr fontId="1" type="noConversion"/>
  </si>
  <si>
    <t>防疫 新加坡 臺灣 移 工 新加坡人</t>
    <phoneticPr fontId="1" type="noConversion"/>
  </si>
  <si>
    <t>台大 獸醫系 師生 團隊 張曄 張郡 做 的 遠 比 課程內容 多</t>
    <phoneticPr fontId="1" type="noConversion"/>
  </si>
  <si>
    <t>台大 獸醫系 4 年級 張曄 是 來自 馬來西亞 的 僑 生 張郡 則 是 熱愛 以 拳擊 重 訓 來 健身 他們 共同 發起 成立 朱先生 萬先生 團隊 要 傳播 正確 的 傳染病 知識 因為 他們 覺得 我們 能 做 的 遠 比 課程內容 更 多 希望 藉 此為 臺灣 社會</t>
    <phoneticPr fontId="1" type="noConversion"/>
  </si>
  <si>
    <t>朱先生 馬來西亞 肺炎 病毒 傳染病</t>
    <phoneticPr fontId="1" type="noConversion"/>
  </si>
  <si>
    <t>nba t-mac 預言 下 季會 有 很多 輪休</t>
    <phoneticPr fontId="1" type="noConversion"/>
  </si>
  <si>
    <t>針對 nba 目前 暫定 美國 時間 12 月 1 日 將 是 新 球季 開幕 日 火箭 傳奇 球星 t-mac 麥格瑞迪 率先 提出 預言 下 季 我們 將 會 看到 很多 的 負荷 管理 輪休 我 現在 就 可以 這樣 說 了 甚至 會 有 部分 球員 平均 只 打 約 15 分鐘 因為 他們 需要</t>
    <phoneticPr fontId="1" type="noConversion"/>
  </si>
  <si>
    <t>nba 麥格瑞迪 下 季 輪休 球員</t>
    <phoneticPr fontId="1" type="noConversion"/>
  </si>
  <si>
    <t>愛 紗 被 問 不 回 日本 打 疫苗 嗎 本人 親 解 原因</t>
    <phoneticPr fontId="1" type="noConversion"/>
  </si>
  <si>
    <t>38 歲 日籍 女星 愛 紗 千 田 愛 紗 來 台 發展 20 年 早已 把 這裡 當 第二 個 家 近期 本土 疫情 連環 爆 日本 接連 兩 次 捐贈 百萬 劑 az 疫苗 令 她 內心 滿是 感動 日前 愛 紗 在 社 群 網站 開放 網友 提問 被 問到 不 返 日 打 疫苗 的 原因 她 親自 做出</t>
    <phoneticPr fontId="1" type="noConversion"/>
  </si>
  <si>
    <t>精選 中 時 新聞網 5 件 不可不 知 的 國際 大事 帶 讀者 掌握 今天 2 月 11 日 的 國際 新聞 重點 1 加拿大 權威 醫師 領隊 世衛 專家 團隊 抵達 大陸 世界衛生組織 who 總 幹事 譚 德塞 tedros adhanom ghebreyesus 本週一 表示 上個月</t>
    <phoneticPr fontId="1" type="noConversion"/>
  </si>
  <si>
    <t>類風濕性 關節炎 藉 一 分鐘 微笑 量 表 助 醫病 溝通</t>
    <phoneticPr fontId="1" type="noConversion"/>
  </si>
  <si>
    <t>類風濕性 關節炎 是 常見 的 自體 免疫 疾病 好 發于 中年 女性 若 疾病 控制 未 達 緩解 目標 容易 因為 關節 發炎 腫 痛 動作 卡卡 不僅 脫戴 口罩 需要 更 多 時間 也 難 落實 洗手 完整 步驟 為 協 民眾 瞭 解 自身 情況 促進 醫病 溝通 臺灣 抗風</t>
    <phoneticPr fontId="1" type="noConversion"/>
  </si>
  <si>
    <t>病友 類風濕性 關節炎 活動 疾病 關節</t>
    <phoneticPr fontId="1" type="noConversion"/>
  </si>
  <si>
    <t>離 島 機場 設置 快 篩 站 連江 縣長 爭取 全面 快 篩</t>
    <phoneticPr fontId="1" type="noConversion"/>
  </si>
  <si>
    <t>連江 縣長 劉增 應 今 31 日 召開 防疫 會議 會 中 公佈 並 無 新 增 個案 及 居家 隔離 者 全縣 居家 隔離 人數 共 116 人 劉增 應 說 針對 中央 規 畫 於 機場 碼頭 設置 快 篩 站 樂觀其成 但 仍 會 爭取 從 自願 快 篩 提升 到 全面 快 篩 避免 造成 離 島 防</t>
    <phoneticPr fontId="1" type="noConversion"/>
  </si>
  <si>
    <t>連鎖 咖啡 路易莎 開 第一 槍 明起 開放 內 用 星 巴克 討論 中</t>
    <phoneticPr fontId="1" type="noConversion"/>
  </si>
  <si>
    <t>國內 7 月 27 日 起 降 至 二級 防疫 警戒 除了 雙 北外 各縣市 有 條件 開放 餐飲 美食街 內 用 連鎖 咖啡 路易莎 今天 開 第一 槍 宣佈 將 配合 地方 政府 開放 內 用 及 洗手間 而 星 巴克 85 度 c cama caf 還 在 討論 中 最 快 今天 會 有 結果 明</t>
    <phoneticPr fontId="1" type="noConversion"/>
  </si>
  <si>
    <t>開放 內 用 路易莎 星 巴克 咖啡店 二級 緊 戒</t>
    <phoneticPr fontId="1" type="noConversion"/>
  </si>
  <si>
    <t>請 你 女兒 不要 發表 傷 日本 和氣 言論 歐陽靖 母 贊 爆 回應</t>
    <phoneticPr fontId="1" type="noConversion"/>
  </si>
  <si>
    <t>桃增1大型接種站、60社區、8外展疫苗接種站 每週可打10萬人</t>
    <phoneticPr fontId="1" type="noConversion"/>
  </si>
  <si>
    <t>桃增 1 大型 接種 站 60 社區 8 外 展 疫苗 接種 站 每週 可 打 10萬 人</t>
    <phoneticPr fontId="1" type="noConversion"/>
  </si>
  <si>
    <t>桃園 市長 鄭文燦 說 桃園 6 大類 疫苗 優先 人數 約 有 10萬7265 人 因應 6 月中 可能 開始 施打 要 增加 接種 能量 除 過去 流感 系統 每週 6萬 人 還要 增加 桃園 體育館 大型 接種 站 60 個 學校 社區 接種 站 以及 8 個 外 展 接種 站 接種 能量 每週</t>
    <phoneticPr fontId="1" type="noConversion"/>
  </si>
  <si>
    <t>桃園 市長 鄭文燦 說 桃園 6 大類 疫苗 優先 人數 約 有 10萬7265 人 因應 6 月中 可能 開始 施打 要 增加 接種 能量 除 過去 流感 系統 每週 6萬 人 還要 增加 桃園 體育館 大型 接種 站 60 個 學校 社區 接種 站 以及 8 個 外 展 接種 站 接種 能量 每週 10萬 人 鄭文燦 說 因 衛生 福利 部 上一階段 把 民航 人員 算 進 桃園 疫苗 撥 補 不足 後來 補 了 1萬 劑 都已 在 上週五 完成 線 上 預約 今明兩天 針對 第一 類 非醫 事 人員 二 三類 警 消 衛 環 的 第一線 防疫 人員 以及 長 照 機構 工作人員 開 打 一 階段 疫苗 施打 即將 結束 醫護人員 已 近 7 成 外勤 員警 超過 8 成 6 消防 局 超過 9 成 3 希望 下 個 階段 疫苗 配 賦 量 多 一點 鄭文燦 說 依據 中央 宣佈 下 階段 是 六大 類 加 三 族群 要 優先 分別 是 第一 類 醫 事 人員 第二 類 地方 中央 的 防疫 人員 第 三類 高風險 人員 第 四 類 公務 出國人員 第 五 類 員警 憲兵 值勤人員 第 六 類 機構 跟 社 福 工作人員 和 住 民 初步 估算 桃園 有 10萬7265 人 昨 中央 又 增加 75 歲 以上 洗 腎病 患 和 長 照住 民 施打 人數 會 再 增加 我們 疫苗 接種 計 畫 也 做好 準備 每週 可 達 10萬 人 鄭文燦 說 過去 流感疫苗 施打 系統 34 家 醫院 250 家 診所 以及 13 家 衛生所 全都 會上 線 每週 達 6萬 人 另外 在 桃園 體育館 設 大型 接種 站 日 服務 6000 人 60 個 學校 和 社區 的 接種 站 每週 服務 2 次 每次 400 人 工業區 等 場所 至少 8 個 外 展 接種 站 每 站 每日 800 人 以上 增設 的 3 類型 接踵 站 每週 達 4萬 人 鄭文燦 說 第二 階段 總共 獲得 日本 捐贈 az 疫苗 124萬 劑 美國 捐贈 moderna 75萬 劑 總共 加 起來 199萬 劑 待 衛福部 解封 查驗 後 才能 配 賦 到 各縣市 目前 還 不 知道 各縣市 的 配 賦 量 但 他 強調 會 按照 衛福部 配 賦 的 疫苗 數量 來 施打 可望 在 6 月中 開始 進行 會 配合 中央 至於 有 市民 在 住家 附近 綁 上 我 要 打 疫苗 黃 絲帶 鄭文燦 說 希望 有 疫苗 能 快 一點 多 一點 好 一點 是 大家 共同 的 期盼 直言 疫苗 都 是 戰略物資 疫苗 大廠 掌握 在 美 中 俄 德 英 等 大國 手中 且 疫苗 大廠 也 必須 完成 緊急 使用 跟 原廠 授權 現貨 市場 非常 缺貨 鄭文燦 說 疫苗 採購 工作 非常 艱辛 民間 不管 來自 各方 的 呼籲 或 要求 希望 能 轉化 為 動力 大家 一起 努力 讓 疫苗 早日 來到 按照 秩序 來 施打才 是 關鍵 指責 對立 謾駡 沒有 辦法 解決 問題 只有 團結 冷靜 運用 各種 力量 各種 資源 努力 爭取 國際 大廠 疫苗 到位 才是 目前 最 大 的 挑戰</t>
    <phoneticPr fontId="1" type="noConversion"/>
  </si>
  <si>
    <t>校園 防疫 不 舒服 別 上學</t>
    <phoneticPr fontId="1" type="noConversion"/>
  </si>
  <si>
    <t>口罩 大陸 肺炎 現任 身體 不 舒服</t>
    <phoneticPr fontId="1" type="noConversion"/>
  </si>
  <si>
    <t>好萊塢 停 拍 停止 拍攝 駭 客 任務</t>
    <phoneticPr fontId="1" type="noConversion"/>
  </si>
  <si>
    <t>災難 財 發 不得 未 許可 賣 口罩 藥用 酒精 已 觸 法</t>
    <phoneticPr fontId="1" type="noConversion"/>
  </si>
  <si>
    <t>莫德納 第一 劑 第二 劑 疫苗 荒 到貨 不足</t>
    <phoneticPr fontId="1" type="noConversion"/>
  </si>
  <si>
    <t>北科大學生設計具美感口罩 6千片送鄰裡醫護</t>
    <phoneticPr fontId="1" type="noConversion"/>
  </si>
  <si>
    <t>北科大 學生 設計 具 美感 口罩 6千 片 送 鄰里 醫護</t>
    <phoneticPr fontId="1" type="noConversion"/>
  </si>
  <si>
    <t>口罩 現在 成為 每個 人 的 生活 必需品 但要 美觀 實用 卻 不容易 北科大 教務處 日前 舉辦 創意 北 科 口罩 設計 比賽 鼓勵 學生 發揮 美感 設計 抗 疫 必備 的 口罩 圖樣 並 將 獲選 第 1 名 的 口罩 設計 實際 量 產 近日 送出 6000 片 給 鄰里 及 醫</t>
    <phoneticPr fontId="1" type="noConversion"/>
  </si>
  <si>
    <t>基隆 養護 機構 確診 致死 率 高 衛生局 坦言 逸 嘉 群 聚 案 不好 處理</t>
    <phoneticPr fontId="1" type="noConversion"/>
  </si>
  <si>
    <t>印度 神童 揭 明年 4 月 疫情 達 高峰 命 理家 翻 盤 緩和 時間 曝光</t>
    <phoneticPr fontId="1" type="noConversion"/>
  </si>
  <si>
    <t>印度 神童 阿南德 abhigya anand 日前 曾於 最新 影片 中 預測 下半年 因 木星 行 逆行 許多 國家 將 面臨 第 三 波 疫情 至於 高峰 則 落 在 明 2022 年 4 月 對此 命 理 專家 小孟 老師 抱 持 不同 看法 表示 明年 的 星相 是 難得 大好 的 星</t>
    <phoneticPr fontId="1" type="noConversion"/>
  </si>
  <si>
    <t>肺炎 疫情 升溫 檢察 首長 上任 延期 成 受災戶</t>
    <phoneticPr fontId="1" type="noConversion"/>
  </si>
  <si>
    <t>肺炎 疫情 升溫 檢察 首長 上任 延期</t>
    <phoneticPr fontId="1" type="noConversion"/>
  </si>
  <si>
    <t>教育部 公佈 最新 學生 確診 人數 從 4 月 20 日 到 6 月 2 日 下午 5 時 30 分 止 共有 352 位 學生 確診 較 前 一 天 的 342 人 多 10 人 這 是 教育部 從 5 月 20 日 公佈 學生 確診 人數 以來 單日 增加 最 少 的 一 次 教育部 表示 352 位 確診 學生 中 包含 大專</t>
    <phoneticPr fontId="1" type="noConversion"/>
  </si>
  <si>
    <t>教育部 公佈 最新 學生 確診 人數 從 4 月 20 日 到 6 月 2 日 下午 5 時 30 分 止 共有 352 位 學生 確診 較 前 一 天 的 342 人 多 10 人 這 是 教育部 從 5 月 20 日 公佈 學生 確診 人數 以來 單日 增加 最 少 的 一 次 教育部 表示 352 位 確診 學生 中 包含 大專院校 生 134 人 高中生 59 人 國 中生 48 人 國 小生 76 人 幼稚園 生 352 人 過去 在 疫情 高峰 時 學生 確診 人數 曾經 單日 增加 47 人 這次 僅 增 10 人 是 最 少 的 一 次</t>
    <phoneticPr fontId="1" type="noConversion"/>
  </si>
  <si>
    <t>疫情 催生 藍 營 真 共主 國民黨中常委 脫 口 2024 可能 是 他</t>
    <phoneticPr fontId="1" type="noConversion"/>
  </si>
  <si>
    <t>陸 口罩 過濾 力 不足 50 歐盟 急 發佈 警示</t>
    <phoneticPr fontId="1" type="noConversion"/>
  </si>
  <si>
    <t>歐盟 24 日 將 4 款 大陸 出口 的 口罩 列為 嚴重 警示 產品 指出 口罩 的 微粒 過濾 能力 不足 無法 有效 阻擋 空氣 中的 污染 微粒 當中 一 款 過濾 效率 甚至 低於 50 如果 民眾 沒有 穿戴 其他 防護 裝備 只 戴 上 這種 口罩 的 人 仍 可能 染病 歐盟</t>
    <phoneticPr fontId="1" type="noConversion"/>
  </si>
  <si>
    <t>川普 真的 確診 了 韓粉 第一 反應 超 直接</t>
    <phoneticPr fontId="1" type="noConversion"/>
  </si>
  <si>
    <t>習川 隔 空 較勁 譚 德塞 成 箭 靶</t>
    <phoneticPr fontId="1" type="noConversion"/>
  </si>
  <si>
    <t>大陸 川普 肺炎 病毒 德塞</t>
    <phoneticPr fontId="1" type="noConversion"/>
  </si>
  <si>
    <t>女兒 發燒 被 放生 自生自滅 影 後 粗 口 咒駡 英國政府</t>
    <phoneticPr fontId="1" type="noConversion"/>
  </si>
  <si>
    <t>鮑起靜 女兒 發燒 英國 自生自滅</t>
    <phoneticPr fontId="1" type="noConversion"/>
  </si>
  <si>
    <t>楊冪 六 度 捐贈 物資 助 肺炎 疫區 5百 護目鏡 送 西班牙</t>
    <phoneticPr fontId="1" type="noConversion"/>
  </si>
  <si>
    <t>楊冪 疫區 捐贈 物資 護目鏡 捐贈</t>
    <phoneticPr fontId="1" type="noConversion"/>
  </si>
  <si>
    <t>用餐 免用 隔板 超 商 校園 不敢 大意</t>
    <phoneticPr fontId="1" type="noConversion"/>
  </si>
  <si>
    <t>昨 5 日 起至 10 月 18 日 餐飲業 室內 用餐 免用 隔板 高中 以下 校園 學校 防疫 指引 也 免用 隔板 不過 部分 便利 超 商 部分 校園 及 幼稚園 為 確保 無 違規 靜候 公文 通知 中 雲 林縣 一家 便利 超 商 的 桌子 5 日 深夜 仍 放 著 透明 隔板 店員 說 等</t>
    <phoneticPr fontId="1" type="noConversion"/>
  </si>
  <si>
    <t>昨 5 日 起至 10 月 18 日 餐飲業 室內 用餐 免用 隔板 高中 以下 校園 學校 防疫 指引 也 免用 隔板 不過 部分 便利 超 商 部分 校園 及 幼稚園 為 確保 無 違規 靜候 公文 通知 中 雲 林縣 一家 便利 超 商 的 桌子 5 日 深夜 仍 放 著 透明 隔板 店員 說 等 店 長 獲得 確定 的 通知 才會 取下 鬥南鎮 幼稚園 也 還 不敢 放鬆 翁姓 園長 說 尚未 接到 正式 公文 仍 謹慎 為 之 先前 使 不 使用 隔板 家長 有 不同 看法 有些 支持 有些 不 支持 等到 教育部 的 新 指引 下 來 再 取消 隔板 園長 表示 使用 隔板 用餐 以來 用餐 準備 時間 延長 有 些小 小朋友 因為 看不到 其他 小朋友 吃 的 速度 時間 管理 會 疏忽 雲 林縣 政府 教育處 表示 5 日 接 獲 教育部 高中 以下 防疫 新 指引 的 公文 已經 轉 知 各 校 應該 今天 6 日 都會 收到</t>
    <phoneticPr fontId="1" type="noConversion"/>
  </si>
  <si>
    <t>狀態 哈威 多明哥 肺炎 透露</t>
    <phoneticPr fontId="1" type="noConversion"/>
  </si>
  <si>
    <t>杭州 本地 確診 病例 清 零</t>
    <phoneticPr fontId="1" type="noConversion"/>
  </si>
  <si>
    <t>直播 新北 逆 時 中 餐廳 電影院 不 開放 侯友宜 隱形 傳播 鏈 未 斷 須 謹慎</t>
    <phoneticPr fontId="1" type="noConversion"/>
  </si>
  <si>
    <t>台大醫院10員工確診 院方宣佈不收新冠輕症患者</t>
    <phoneticPr fontId="1" type="noConversion"/>
  </si>
  <si>
    <t>國內 龍頭 台大醫院 員工 確診 台大今 早 發出 聲明 指 工 務 室 一 名 員工 於 5 月 18 日 出現 發燒 症狀 傍晚 采 檢 陽性 已 通知 全 辦公室 接受 采 檢 並 進行 環境 采 檢 及 清潔 消毒 目前 共 36 人 采 檢 完畢 全數 隔離 其中 10 人 確診 據悉 有人</t>
    <phoneticPr fontId="1" type="noConversion"/>
  </si>
  <si>
    <t>丈夫 偷 帶 小三 打 疫苗 正 宮 抓 包 互毆 怒 砸 椅子 上 演 大亂鬥</t>
    <phoneticPr fontId="1" type="noConversion"/>
  </si>
  <si>
    <t>抓 奸 小三 夫妻 正 宮 疫苗</t>
    <phoneticPr fontId="1" type="noConversion"/>
  </si>
  <si>
    <t>看到 墾 丁 大街 人潮 超 怒 醫 嗆 才 一個 月 紐約 就 出現 滿滿的 屍 袋</t>
    <phoneticPr fontId="1" type="noConversion"/>
  </si>
  <si>
    <t>清明連 假 不少 景點 湧現 人潮 逼得 中央 疫情 中心 發出 國家級 警報 提醒 民眾 不要 前往 抗 疫 前線 的 醫師 們 看到 景點 人山人海 整個 心 到 沉 了 放假 前 再三 宣導 全破功 了 中山 醫大 兒童 急診科 主任 謝 宗學 不死心 日前 再 po 一 張警 悚</t>
    <phoneticPr fontId="1" type="noConversion"/>
  </si>
  <si>
    <t>清明連 假 不少 景點 湧現 人潮 逼得 中央 疫情 中心 發出 國家級 警報 提醒 民眾 不要 前往 抗 疫 前線 的 醫師 們 看到 景點 人山人海 整個 心 到 沉 了 放假 前 再三 宣導 全破功 了 中山 醫大 兒童 急診科 主任 謝 宗學 不死心 日前 再 po 一 張警 悚 圖示 警 對比 紐約市 跟 墾 丁 大街 他 提醒 國人 如今 紐約 到處 可見 大型 冷藏 卡車 搬運 屍體 宛若 死城 謝 宗學 日前 在 個人 粉絲 專 頁 dr e 小兒 急診室 日誌 上 發文 提到 社交 安全 距離 規定 室外 一 公尺 除非 戴 緊 口罩 事實上 還是 有 不少 人 沒 戴 口罩 因為 要 邊走邊吃 他 po 圖示 警 國人 一個 月 前 紐約市 跟 墾 丁 大街 一樣 熱鬧 甚至 猶有 過 之 一個 月 後 紐約市 變 了 到處 可見 大型 冷藏 卡車 搬運 滿滿的 屍體 宛若 死城 一般 謝宗 學說 未來 看 診 問 旅遊 史時 一定 會 問 清明連 假 有 沒有 出遊 有 沒有 到 人潮 擁擠 的 景點 作為 診斷 參考 的 依據 他 也 感歎 連 假 前 努力宣導 連 假 不 要 出遊 看來 真的 無法 影響 太 多 人 是不是 只 有 紐約 慘 況 發現 生 在 周 遭 才能 醒悟 現在 出遊 是 多麼 高風險 的 事 看到 照片 他 心中 只 浮現 一 句 最 討厭 的 句子 天 佑 臺灣</t>
    <phoneticPr fontId="1" type="noConversion"/>
  </si>
  <si>
    <t>防 院內 感染 侯友宜 要求 醫院 分流 管控 進出 人數</t>
    <phoneticPr fontId="1" type="noConversion"/>
  </si>
  <si>
    <t>退役 艦長 曝 海軍 生活 內幕 這些 可以 做 不能 說</t>
    <phoneticPr fontId="1" type="noConversion"/>
  </si>
  <si>
    <t>敦睦 艦隊 磐石 艦 呂禮詩 艦長 海軍</t>
    <phoneticPr fontId="1" type="noConversion"/>
  </si>
  <si>
    <t>臺灣人 嚇壞 了 一 圖 曝 高鐵 有 多空 一 列車 載 不 到 100 人</t>
    <phoneticPr fontId="1" type="noConversion"/>
  </si>
  <si>
    <t>室友 發病 後 23 天才 確診 張上淳 揭 召回 采 檢 原因</t>
    <phoneticPr fontId="1" type="noConversion"/>
  </si>
  <si>
    <t>腸道 喜歡 的 養分 它們 都 有 6 種 提高 免疫力 好 食 材</t>
    <phoneticPr fontId="1" type="noConversion"/>
  </si>
  <si>
    <t>時報 出版 蘋果 菇類 綠茶 大蒜</t>
    <phoneticPr fontId="1" type="noConversion"/>
  </si>
  <si>
    <t>業績 觀光 寒舍 上 季 獲利 沖 次高 去年 eps 近 3 年高 點</t>
    <phoneticPr fontId="1" type="noConversion"/>
  </si>
  <si>
    <t>寒舍 營 收 毛利率 營益 率 獲利</t>
    <phoneticPr fontId="1" type="noConversion"/>
  </si>
  <si>
    <t>恐怖 大媽 故意 拉下 口罩 朝 店員 吐 口水 播 毒</t>
    <phoneticPr fontId="1" type="noConversion"/>
  </si>
  <si>
    <t>單日 新增 校正 回歸 本土 確診 355 單日 確診 數 連 3 降 死亡數 飆 破百</t>
    <phoneticPr fontId="1" type="noConversion"/>
  </si>
  <si>
    <t>醫院 北市 下降 本土 確診 校正</t>
    <phoneticPr fontId="1" type="noConversion"/>
  </si>
  <si>
    <t>別 再說 雲林 最難 玩 農業 大縣 轉型 觀光 大縣 推 新春 遊 5 大 主題</t>
    <phoneticPr fontId="1" type="noConversion"/>
  </si>
  <si>
    <t>別 再說 雲林 最難 玩 疫情 衝擊 國內 旅遊 大 暴發 雲 林縣 去年 觀光客 人數 首度 衝破 千萬 人次 創造 約 200億 元 消費 產值 讓 農業 大縣 轉型 為 觀光 大縣 雲 林縣 政府 20 日 推出 2021 新春 游 雲林 5 大 主題 游程 配合 縣 內 各 場館 新春 街 藝</t>
    <phoneticPr fontId="1" type="noConversion"/>
  </si>
  <si>
    <t>大縣 新春 雲林 5 大 活動</t>
    <phoneticPr fontId="1" type="noConversion"/>
  </si>
  <si>
    <t>破百 確診 數 民眾 狂 囤 貨 台劇 女神 提 經驗 在 臺灣 不會 餓 死</t>
    <phoneticPr fontId="1" type="noConversion"/>
  </si>
  <si>
    <t>味覺 嗅覺 喪失 醫師 特別</t>
    <phoneticPr fontId="1" type="noConversion"/>
  </si>
  <si>
    <t>桃園 自強 國 中 91 歲 老翁 接種 疫苗 休克 送醫 恢復 意識</t>
    <phoneticPr fontId="1" type="noConversion"/>
  </si>
  <si>
    <t>桃園 市 15 日 起 擴大 疫苗 接種 第一 天 限定 88 歲 以上 長者 上午 各地 疫苗 接種 站 大排長龍 其中 中壢 區 自強 國 中 發生 91 歲 劉姓 老翁 因 施打 疫苗 後 身體 不適 導致 休克 被 緊急 送 往 部 立 桃園 醫院 桃園 市 衛生局 指出 此案 老翁 在 急</t>
    <phoneticPr fontId="1" type="noConversion"/>
  </si>
  <si>
    <t>桃園 市 15 日 起 擴大 疫苗 接種 第一 天 限定 88 歲 以上 長者 上午 各地 疫苗 接種 站 大排長龍 其中 中壢 區 自強 國 中 發生 91 歲 劉姓 老翁 因 施打 疫苗 後 身體 不適 導致 休克 被 緊急 送 往 部 立 桃園 醫院 桃園 市 衛生局 指出 此案 老翁 在 急救 後 已經 恢復 意識 目前 留 院 觀察 中 並 沒有 生命危險 若 生命 徵象 穩定 後 預計 15 日 晚間 就 可以 出 院</t>
    <phoneticPr fontId="1" type="noConversion"/>
  </si>
  <si>
    <t>業績 觀光 王品 q 1 營 收 近 7 年 半 低點 兩岸 同步 衝刺 外 送</t>
    <phoneticPr fontId="1" type="noConversion"/>
  </si>
  <si>
    <t>防疫 神話 瀕臨 破滅 港 媒 從 這 舉動 看出 端倪</t>
    <phoneticPr fontId="1" type="noConversion"/>
  </si>
  <si>
    <t>為 防疫 佛 心 老闆 把 店鋪 打 掉 重 練 增 排水 設 隔離 板 減 細菌 飛 沫</t>
    <phoneticPr fontId="1" type="noConversion"/>
  </si>
  <si>
    <t>疫情 壓克力 民眾 肺炎 客人</t>
    <phoneticPr fontId="1" type="noConversion"/>
  </si>
  <si>
    <t>金融 防疫 營運 不 中斷 36 家 金融機構 啟動 異地 辦公</t>
    <phoneticPr fontId="1" type="noConversion"/>
  </si>
  <si>
    <t>抗 疫 救 經濟 韓國 三 度 追加預算 金額 35 3 兆 韓元 史上 最 大</t>
    <phoneticPr fontId="1" type="noConversion"/>
  </si>
  <si>
    <t>三輪 韓國政府 肺炎 韓國 金額</t>
    <phoneticPr fontId="1" type="noConversion"/>
  </si>
  <si>
    <t>首例 大陸 肺炎 死亡 建置</t>
    <phoneticPr fontId="1" type="noConversion"/>
  </si>
  <si>
    <t>疫情警戒再降？陳時中曝時間點：明公佈放寬措施</t>
    <phoneticPr fontId="1" type="noConversion"/>
  </si>
  <si>
    <t>疫情 警戒 再降 陳時中 曝 時間 點 明 公佈 放寬 措施</t>
    <phoneticPr fontId="1" type="noConversion"/>
  </si>
  <si>
    <t>施打 疫苗 比較慢 新竹 縣 解釋 原因</t>
    <phoneticPr fontId="1" type="noConversion"/>
  </si>
  <si>
    <t>新竹 縣長 楊文科 睽 違 多 日 再 開 疫情 直播 針對 新竹 縣 疫苗 施打 狀況 也 有所 回應 他 指出 目前 主要 施打 疫苗 為 莫德納 長輩 都 很 踴躍 更 勝於 az 卻 也 因此 造成 紛爭 由於 疫苗 數量 不足 也 向 中央 爭取 他 很 感謝 中央 支援 疫苗</t>
    <phoneticPr fontId="1" type="noConversion"/>
  </si>
  <si>
    <t>疫苗 施打 施打 疫苗 踴躍 楊文科</t>
    <phoneticPr fontId="1" type="noConversion"/>
  </si>
  <si>
    <t>疫情 釀 恐慌 美好 市 多 驚見 棺材 網 超前 部署</t>
    <phoneticPr fontId="1" type="noConversion"/>
  </si>
  <si>
    <t>costco 好 市 多 恐慌 美國 棺材</t>
    <phoneticPr fontId="1" type="noConversion"/>
  </si>
  <si>
    <t>買 嘸 機票 買 股票 華航今 成交量 飆 破 百萬 張</t>
    <phoneticPr fontId="1" type="noConversion"/>
  </si>
  <si>
    <t>買不到 機票 只好 買 股票 臺灣 爆發 疫苗 之 亂 引爆 逃離 潮 華航 長 榮 航 北美 線 出現 罕見 客 滿 盛況 一 位 難 求 航空 雙雄 股價 昨日 齊拉 漲 停 長 榮 航 今 早 再 拉 第 2 根 漲 停 華航 則 是 爆出 超過 100萬 張 的 成交量 成交 值 超過 200億</t>
    <phoneticPr fontId="1" type="noConversion"/>
  </si>
  <si>
    <t>警示 國家 及 地區 增至 36 處 比利時 荷蘭 英國 返台 需 自主 健康 管理</t>
    <phoneticPr fontId="1" type="noConversion"/>
  </si>
  <si>
    <t>國家 冰島 荷蘭 旅遊 疫情 科威特</t>
    <phoneticPr fontId="1" type="noConversion"/>
  </si>
  <si>
    <t>宜蘭縣今＋3 父子感染源難確定 縣府宣佈明後2天外籍漁工全面快篩</t>
    <phoneticPr fontId="1" type="noConversion"/>
  </si>
  <si>
    <t>宜蘭 縣 今 3 父子 感染 源 難 確定 縣府 宣佈 明後 2 天 外籍 漁 工 全面 快 篩</t>
    <phoneticPr fontId="1" type="noConversion"/>
  </si>
  <si>
    <t>縣府</t>
    <phoneticPr fontId="1" type="noConversion"/>
  </si>
  <si>
    <t>封城 陳建仁 感染 who 武漢</t>
    <phoneticPr fontId="1" type="noConversion"/>
  </si>
  <si>
    <t>全台 56萬 人 打完 2 劑 新 到貨 az 疫苗 38 歲 以下 有 希望</t>
    <phoneticPr fontId="1" type="noConversion"/>
  </si>
  <si>
    <t>az 莫德納 疫苗 年紀 族群</t>
    <phoneticPr fontId="1" type="noConversion"/>
  </si>
  <si>
    <t>桃園 風景區 來客 少 4 成 鄭文燦 歎 慈湖 業者 才 剛 得 標</t>
    <phoneticPr fontId="1" type="noConversion"/>
  </si>
  <si>
    <t>半 導體 wifi tws 明年 大好 瑞 昱 點火</t>
    <phoneticPr fontId="1" type="noConversion"/>
  </si>
  <si>
    <t>戈貝爾 嗅覺 恢復 nba 爵士</t>
    <phoneticPr fontId="1" type="noConversion"/>
  </si>
  <si>
    <t>銀行 抽 銀根 快撐 不下 餐飲 服 業 籲 政府 振興 紓困 動作 要 快</t>
    <phoneticPr fontId="1" type="noConversion"/>
  </si>
  <si>
    <t>半 導體 力成 漲 多 回檔 外資 按 贊 續 挺</t>
    <phoneticPr fontId="1" type="noConversion"/>
  </si>
  <si>
    <t>記憶體 封 測 廠 力 成 6239 法 說 對 營運 後市 釋出 正向 展望 預期 第二 季營 收 可望 維持 成長 全年 營運 挑戰 新 高 多 家 外資 出具 最新 報告 同聲 看好 力成 營運 後市 維持 既有 評等 不 變 目標價 則 高低 調整 互 見 由 100 130 元 區間 調</t>
    <phoneticPr fontId="1" type="noConversion"/>
  </si>
  <si>
    <t>力成 營運 展望 dram flash</t>
    <phoneticPr fontId="1" type="noConversion"/>
  </si>
  <si>
    <t>新北 各 大 醫院 共收 治 528 病人 重症 率 高達 15</t>
    <phoneticPr fontId="1" type="noConversion"/>
  </si>
  <si>
    <t>高一 兒 挑戰 273 元 做 晚餐 8 周後 變化 驚人</t>
    <phoneticPr fontId="1" type="noConversion"/>
  </si>
  <si>
    <t>國中 畢業 就 燒 了 一手 好 菜 可說是 非常 不容易 日本 一 名 人 妻 在 兒子 國中 畢業 後 出 了 一個 每天花 1000 日 幣 約 新 台幣 273 元 做 晚餐 的 任務 而 剩下 的 經費 便 可 作為 他 的 零用錢 兒子 花 了 8 周 的 時間 成功 做 了 一 桌 好 料 讓 不少</t>
    <phoneticPr fontId="1" type="noConversion"/>
  </si>
  <si>
    <t>日本 小 當家 做菜 煮飯 零用錢</t>
    <phoneticPr fontId="1" type="noConversion"/>
  </si>
  <si>
    <t>大贊 中國 防疫 做 得 很 好 饒舌 天 後 卡蒂 b 人家 強大 的 很 絕對 惹不起</t>
    <phoneticPr fontId="1" type="noConversion"/>
  </si>
  <si>
    <t>揪團遊歐女裡長挨轟 李正皓再爆黑歷史</t>
    <phoneticPr fontId="1" type="noConversion"/>
  </si>
  <si>
    <t>揪 團 游歐女 裡長 挨 轟 李 正 皓 再 爆 黑 歷史</t>
    <phoneticPr fontId="1" type="noConversion"/>
  </si>
  <si>
    <t>中和 裡長 裡長 李正皓 林綺芳 裡民</t>
    <phoneticPr fontId="1" type="noConversion"/>
  </si>
  <si>
    <t>市民 詢問 何時 輪到 我 打 盧秀燕 疫苗 太 少 已向 中央 積極爭取</t>
    <phoneticPr fontId="1" type="noConversion"/>
  </si>
  <si>
    <t>疫情 未 降溫 疫苗 成 搶手貨 台中 市長 盧秀燕 8 日 在 市政 會議 表示 最近 很多 市民 打電話 到 市府 詢問 疫苗 怎麼 打 但 現在 疫苗 太 少 中央 定有 十 大類 施打 順序 醫護 第一 大類 也 沒 打完 還 不 到 全民 施 打 階段 市府 對 十 大類 可以 施</t>
    <phoneticPr fontId="1" type="noConversion"/>
  </si>
  <si>
    <t>柯文哲 雙北 疫情 趨 緩 但 全台 都 有 隱藏 感染 源</t>
    <phoneticPr fontId="1" type="noConversion"/>
  </si>
  <si>
    <t>臺北市 長 柯文哲 7 日 下午 在 防疫 記者會 表示 北市 這 幾 天 快 篩 陽性 的 總數 有 減少 雙北 的 疫情 目前 趨 緩 但 麻煩 的 是 全台 各地 都 有 隱藏 感染 源 整個 社區 也 都 有 潛伏 感染 源 還是 要 維持 一定 程度 的 三級 管制 用 最低 的 成本 撐到 有</t>
    <phoneticPr fontId="1" type="noConversion"/>
  </si>
  <si>
    <t>臺北市 長 柯文哲 7 日 下午 在 防疫 記者會 表示 北市 這 幾 天 快 篩 陽性 的 總數 有 減少 雙北 的 疫情 目前 趨 緩 但 麻煩 的 是 全台 各地 都 有 隱藏 感染 源 整個 社區 也 都 有 潛伏 感染 源 還是 要 維持 一定 程度 的 三級 管制 用 最低 的 成本 撐到 有 疫苗 可以 打 柯文哲 說 臺灣 雖是 特例 但 跟 泰國 很 像 就 是 2020 年 防守 得 不錯 今年 3 月 才 出錯 可能 是 因 變種 病毒 的 關係 以前 傳染 力 較 差 現在 病毒 總是 會 演化 結論 就 是 目前 雙北 疫情 雖 趨 緩 但 整個 社區 都有 潛伏 的 感染 源 要用 對 經濟 衝擊 最小 的 最低 成本 撐到 有 疫苗 可 打 媒體 詢問 柯曾 說 再三 周會 擴散 至 全台 北市 的 醫療 量 能 是否 夠 協助 南部 柯說 北市 防疫 專責 旅館 及 醫院 病房 目前 有 3000 床 量 能 沒 問題 南部 現在 沒 疫情 還 不 用 支援 先 把 雙北 北部 弄 好</t>
    <phoneticPr fontId="1" type="noConversion"/>
  </si>
  <si>
    <t>雙北 感染 源 臺北市 疫情 疫苗</t>
    <phoneticPr fontId="1" type="noConversion"/>
  </si>
  <si>
    <t>科技 全球 pcb 版圖 重新 洗 牌 陸 一條龍 策略 續 強</t>
    <phoneticPr fontId="1" type="noConversion"/>
  </si>
  <si>
    <t>大陸 製造 快速 崛起 全球 pcb 版圖 也 重新 洗 牌 根據 dr hayao nakahara 的 調查報告 2019 年 全球 前 122 大 pcb 製造商 中 有 52 家 廠商 來自 於 中國 大陸 與 香港 相較 於 2000 年 僅 6 家 中國 大陸 製造商 大幅 成長 大陸 前 6 大廠 總 營 收 亦</t>
    <phoneticPr fontId="1" type="noConversion"/>
  </si>
  <si>
    <t>新興 全球 三星 pcb 大陸</t>
    <phoneticPr fontId="1" type="noConversion"/>
  </si>
  <si>
    <t>生 醫 股 藥 華藥 獲 美 fda 函 明年初 可望 拿 pv 藥 證</t>
    <phoneticPr fontId="1" type="noConversion"/>
  </si>
  <si>
    <t>醫護人員 疲於奔命 賴清德 呼籲 不要 貿然 前往 急診室</t>
    <phoneticPr fontId="1" type="noConversion"/>
  </si>
  <si>
    <t>指揮中心急轉彎 今宣佈孕婦可任選AZ、莫德納接種</t>
    <phoneticPr fontId="1" type="noConversion"/>
  </si>
  <si>
    <t>孕婦 昨 被 列為 公費 接種 疫苗 第 6 類 實施 對象 即 起 開放 接種 不過 原本 規定 同時 為 第一 至 第 三類 接種 物件 的 孕婦 才能 選擇 疫苗 廠 牌 如果 是 一般 孕婦 則 只能 選擇 az 疫苗 引起 民眾 關注 不少 縣 市 首長 紛紛 喊話 讓 孕婦 打 莫德納</t>
    <phoneticPr fontId="1" type="noConversion"/>
  </si>
  <si>
    <t>通信網 路 去年 淨利 增 逾 7 倍 統 新樂 看 5 g 商 機</t>
    <phoneticPr fontId="1" type="noConversion"/>
  </si>
  <si>
    <t>跨國 防疫 經驗 證實 做好 這 件 事 效果 不 輸 打 疫苗</t>
    <phoneticPr fontId="1" type="noConversion"/>
  </si>
  <si>
    <t>全球 疫情 延 燒 一 年 多 臺灣 卻 才剛 開始 不過 幸好 全球 已經 經歷 過 的 事情 都 有 經驗 作為 參考 整形 外科 醫師 黃馨慧 雖不 是 第一線 的 醫護人員 但 利用 自己 的 英文 與 查詢 醫學期刊 的 能力 整理 了 包含 美國 疾病 管制 署 lancet ja</t>
    <phoneticPr fontId="1" type="noConversion"/>
  </si>
  <si>
    <t>今年 流感 恐 反撲 醫 疾呼 3 疫苗 打 起來</t>
    <phoneticPr fontId="1" type="noConversion"/>
  </si>
  <si>
    <t>黃立民 肺炎 鏈球菌 疫苗 肺炎 侵襲 性 肺炎 鏈球菌</t>
    <phoneticPr fontId="1" type="noConversion"/>
  </si>
  <si>
    <t>威士特丹 號 零 感染 柬埔寨 誤診 馬國 新增 一 確診 病例 來自 船上 乘客</t>
    <phoneticPr fontId="1" type="noConversion"/>
  </si>
  <si>
    <t>威士特丹 號 馬來西亞 郵輪 乘客 柬埔寨</t>
    <phoneticPr fontId="1" type="noConversion"/>
  </si>
  <si>
    <t>磐石 艦 確診 再 1 連 11 天 無 本土</t>
    <phoneticPr fontId="1" type="noConversion"/>
  </si>
  <si>
    <t>帛 琉 采 檢 肺炎 水泡 敦睦 艦隊</t>
    <phoneticPr fontId="1" type="noConversion"/>
  </si>
  <si>
    <t>彰化裡長娘揪南投師兄 端午連假赴龍山寺渡靈全染疫</t>
    <phoneticPr fontId="1" type="noConversion"/>
  </si>
  <si>
    <t>觀光 股 多頭 揮 鞭 紅 馬 17 分 填息 達 陣</t>
    <phoneticPr fontId="1" type="noConversion"/>
  </si>
  <si>
    <t>紅 馬 紅 馬 -ky 股利 除息 填息</t>
    <phoneticPr fontId="1" type="noConversion"/>
  </si>
  <si>
    <t>紓困 特別 預算 4200億 未定 用途 藍 委 批 空白 授權</t>
    <phoneticPr fontId="1" type="noConversion"/>
  </si>
  <si>
    <t>曝 確診 3 大 症狀 醫 點出 隱憂 發燒 比例 低 要 注意</t>
    <phoneticPr fontId="1" type="noConversion"/>
  </si>
  <si>
    <t>霸氣 撤回 陸 配子 女 入境 台 大 醫 贊 陳時中 以 一 擋 百 太帥</t>
    <phoneticPr fontId="1" type="noConversion"/>
  </si>
  <si>
    <t>印度 上 季 經濟 成長 優於 預期</t>
    <phoneticPr fontId="1" type="noConversion"/>
  </si>
  <si>
    <t>封鎖 肺炎 上 季 gdp 印度 經濟</t>
    <phoneticPr fontId="1" type="noConversion"/>
  </si>
  <si>
    <t>狂 咳 1 個 月 才 看 診 醫 追問 下 他 坦承 做 了 這事</t>
    <phoneticPr fontId="1" type="noConversion"/>
  </si>
  <si>
    <t>田知學 醫師 布農 看 診 咳嗽</t>
    <phoneticPr fontId="1" type="noConversion"/>
  </si>
  <si>
    <t>白宮 給 疫苗 外交部 展現 對 我 溫暖 關懷</t>
    <phoneticPr fontId="1" type="noConversion"/>
  </si>
  <si>
    <t>美國白宮 於 美東 時間 3 日 上午 宣佈 將 提供 7百萬 劑 疫苗 給 包含 臺灣 在內 的 亞太地區 國家 對於 美方 在 我國 政府 與 人民 全力 對抗 疫情 之際 即時 伸出 援手 展現 對 我 溫暖 關懷 外交部 表達 誠摯 感謝 之 意 外交部 表示 臺灣 與 美國 自 去</t>
    <phoneticPr fontId="1" type="noConversion"/>
  </si>
  <si>
    <t>美國白宮 於 美東 時間 3 日 上午 宣佈 將 提供 7百萬 劑 疫苗 給 包含 臺灣 在內 的 亞太地區 國家 對於 美方 在 我國 政府 與 人民 全力 對抗 疫情 之際 即時 伸出 援手 展現 對 我 溫暖 關懷 外交部 表達 誠摯 感謝 之 意 外交部 表示 臺灣 與 美國 自 去年 3 月 共同 發佈 台 美 防疫 夥伴關係 聯合 聲明 以來 攜手 抗 疫 近期 包括 美國 衛生部長 貝西拉 xavier becerra 及 多 位 跨 黨派 聯邦 國會 友人 也 都 公開 表達 支持 臺灣 取得 疫苗 我國 政府 都 銘感 在 心 臺灣 作為 美國 在 印太 區域 的 緊密 夥伴 將 在 既 有 良好基礎 上 持續 強化 台美 防疫 夥伴關係</t>
    <phoneticPr fontId="1" type="noConversion"/>
  </si>
  <si>
    <t>中央 配發 bnt 延遲 桃園 28 校 1 8萬 名 學生 要 延後 施打</t>
    <phoneticPr fontId="1" type="noConversion"/>
  </si>
  <si>
    <t>院內 感染 最新 調查 45 例 與 42 例 曾 同 單位 做 檢查</t>
    <phoneticPr fontId="1" type="noConversion"/>
  </si>
  <si>
    <t>減少 市場 群 聚 議員 許淑華 大 推 門牌 樓層 分流 採買 法</t>
    <phoneticPr fontId="1" type="noConversion"/>
  </si>
  <si>
    <t>時段 採買 樓層 許淑華 分流</t>
    <phoneticPr fontId="1" type="noConversion"/>
  </si>
  <si>
    <t>臺灣 缺 疫苗 網瘋 傳 美西 接種 團 行程 6 月 出發</t>
    <phoneticPr fontId="1" type="noConversion"/>
  </si>
  <si>
    <t>臺灣 進口 疫苗 不足 加上 本土 疫情 近 半 個 月 以來 大 爆發 網 傳 旅行社 規劃 推出 接種 團 前往 美西 打 疫苗 團費 估 15萬 元 最 快 6 月 1 日 出發 一個 26 天 的 行程 在 line 群 組 間 瘋狂 流傳 且 保證 不 打 az 引起 網友 熱烈 討論 經 cova</t>
    <phoneticPr fontId="1" type="noConversion"/>
  </si>
  <si>
    <t>用鏡頭看臺灣》萬華大鬧熱「青山祭」暖身 相揪逛艋舺老城區</t>
    <phoneticPr fontId="1" type="noConversion"/>
  </si>
  <si>
    <t>用 鏡頭 看 臺灣 萬 華大 鬧熱 青山 祭 暖 身 相 揪 逛 艋 舺 老城區</t>
    <phoneticPr fontId="1" type="noConversion"/>
  </si>
  <si>
    <t>北京 驚 傳 疫 聲 12 日 新增 6 起 本土 病例 豐台區 啟動 戰時 機制</t>
    <phoneticPr fontId="1" type="noConversion"/>
  </si>
  <si>
    <t>豐台區 批發市場 日 新增 本土 病例 新發</t>
    <phoneticPr fontId="1" type="noConversion"/>
  </si>
  <si>
    <t>imf 大陸 經濟 可望 v 型 復蘇</t>
    <phoneticPr fontId="1" type="noConversion"/>
  </si>
  <si>
    <t>喬治艾娃 大陸 肺炎 gdp 增速 全球 經濟</t>
    <phoneticPr fontId="1" type="noConversion"/>
  </si>
  <si>
    <t>浙江 監獄 疫情 大 爆發 竟 因 獄警 隱瞞 旅遊 史</t>
    <phoneticPr fontId="1" type="noConversion"/>
  </si>
  <si>
    <t>監獄 獄警 隱瞞 旅遊 史 1 月</t>
    <phoneticPr fontId="1" type="noConversion"/>
  </si>
  <si>
    <t>要 蓋方 艙 醫院 了 陳時中 終於 鬆口</t>
    <phoneticPr fontId="1" type="noConversion"/>
  </si>
  <si>
    <t>國內 醫療 量 能 吃緊 衛福 部長 陳時中 今天 終於 鬆口 考慮 蓋 類似 方 艙 醫院 的 醫療 設施 來 因應 當前 醫療 緊 繃 狀況 盼 能 讓 未來 疫情 有備無患 陳時中 表示 全世界 的 醫療 量 能 都 一樣 本來 就 是 維持 一個 相對 的 平衡 因此 當 有 疾病 爆</t>
    <phoneticPr fontId="1" type="noConversion"/>
  </si>
  <si>
    <t>敦睦 艦隊 磐石 艦 海軍 艦隊 確診 24 人</t>
    <phoneticPr fontId="1" type="noConversion"/>
  </si>
  <si>
    <t>中 市 國 高中生 bnt 施打 意願 書 全數 回收 有意 接種 疫苗 學生 達 9 成 4</t>
    <phoneticPr fontId="1" type="noConversion"/>
  </si>
  <si>
    <t>台中市政府 將 於 中秋節 過 後 9 月 23 日 起 為 全市 高中職 以下 含 五專 專一至 專 三 12 歲 以上 學生 接種 bnt 疫苗 教育局 指出 截至 16 日 止 全市 公 私立 國 高中 及 五 專 學校 計 130 校 已 全數 完成 意願 書 回收 作業 完成率 100</t>
    <phoneticPr fontId="1" type="noConversion"/>
  </si>
  <si>
    <t>學生 接種 疫苗 接種 五專 意願 書</t>
    <phoneticPr fontId="1" type="noConversion"/>
  </si>
  <si>
    <t>效法 川普 巴西 總統 說 羥 氯喹 有效 治癒 他 的 病</t>
    <phoneticPr fontId="1" type="noConversion"/>
  </si>
  <si>
    <t>中秋 連 假人 擠 人 成 疫情 破 口 陳宗彥 曝 觀察期</t>
    <phoneticPr fontId="1" type="noConversion"/>
  </si>
  <si>
    <t>中秋 連 假 景點 遊玩 疫情 破 口 陳宗彥</t>
    <phoneticPr fontId="1" type="noConversion"/>
  </si>
  <si>
    <t>王祖賢 素 顏 做 公益 53 歲 真實 面貌 曝光</t>
    <phoneticPr fontId="1" type="noConversion"/>
  </si>
  <si>
    <t>永遠 的 小 倩 王祖賢 息 影 多年 移居 加拿大 專心 修佛 不過 她 的 動態 仍 是 許多 人 關注 焦點 近日 有 網友 曝光 她 參加 公益活動 側 拍照 雖然 打扮 樸素 但 仍 能 看出 她 保養 得宜 讓 粉絲 驚 豔 王祖賢 穿 著 樸素 出席 華人 公益活動 雖</t>
    <phoneticPr fontId="1" type="noConversion"/>
  </si>
  <si>
    <t>柯文哲 az 莫德納 效果 差不多 呼籲 這 幾 類人 別 打 az</t>
    <phoneticPr fontId="1" type="noConversion"/>
  </si>
  <si>
    <t>美國 贈送 250萬 劑 莫德納 疫苗 來 台 針對 長者 是否 可 挑選 疫苗 臺北市 長 柯文哲 21 日 在 防疫 記者會 表示 az 跟 莫德納 疫苗 效果 沒什麼 太 大 差別 但 當然 有 血栓 疾病 就 打 莫德納 疫苗 此外 2 個 效果 副作用 無 明顯 差別 這周 az 差不多 打</t>
    <phoneticPr fontId="1" type="noConversion"/>
  </si>
  <si>
    <t>嘉義 市 33 歲 男 打完 az 不適 送醫 搶救 3 周 無效 今 不治 身亡</t>
    <phoneticPr fontId="1" type="noConversion"/>
  </si>
  <si>
    <t>嘉義 市 1 名 33 歲 李姓 男子 平時 身體 正常 沒有 特殊 疾病 但 上月 10 日 施 打 az 疫苗 後 19 日 出現 頭痛 胸 悶 等 症狀 隔日 狀況 未 改善 緊急 就醫 就醫 後 陸續 做 移除 血栓 心導管 手術 等 今天上午 在 醫院 拔 管 宣告 死亡 法醫 今天下午 相</t>
    <phoneticPr fontId="1" type="noConversion"/>
  </si>
  <si>
    <t>嘉義 市 1 名 33 歲 李姓 男子 平時 身體 正常 沒有 特殊 疾病 但 上月 10 日 施 打 az 疫苗 後 19 日 出現 頭痛 胸 悶 等 症狀 隔日 狀況 未 改善 緊急 就醫 就醫 後 陸續 做 移除 血栓 心導管 手術 等 今天上午 在 醫院 拔 管 宣告 死亡 法醫 今天下午 相 驗 將 擇日 解剖 厘 清 死因 院方 也 已 申報 疫苗 不良 事件 據 瞭解 李姓 男子 平時 身體 沒有 異狀 9 月 10 日 打完 az 疫苗 後 9 月 19 日 向 家人 反應 有 頭痛 胸 悶 的 狀況 且 情形 持續 到 隔 天都 沒有 緩解 家人 立刻 將 其 送醫 入院 後 立即 急救 李姓 男子 住院 後 自 9 月 22 日 起 陸續 做 了 心導管 手術 開 顱 手術 等 狀況 不 理想 持續 昏迷 至 昨天 仍 有 動手術 今天 早上 10 點 在 醫院 拔 管 宣告 死亡 檢 警 下午 會同 法醫 相 驗 死因 不明 待 解剖 厘 清 死因 衛生局 指出 醫院 向 中央 申報 為 疫苗 不良 事件 衛生局 也 協助 家屬 申請 預防接種 的 受害 救濟等</t>
    <phoneticPr fontId="1" type="noConversion"/>
  </si>
  <si>
    <t>民營 酒廠 加入 酒精 國家隊 在 台南</t>
    <phoneticPr fontId="1" type="noConversion"/>
  </si>
  <si>
    <t>內蒙古 額濟納旗 爆 疫情 近萬名 遊客 滯留 物資供應 壓力 大增</t>
    <phoneticPr fontId="1" type="noConversion"/>
  </si>
  <si>
    <t>內蒙古 阿拉善盟 額濟納旗 近日 爆發 本土 疫情 昨 25 日 再 新增 15 例 本土 確診 病例 當地 宣佈 自 當日 淩晨 零 時 起 實施 封 區 要求 當地 居民 和 遊客 足不出戶 嚴禁 聚集 據 瞭解 每年 10 月 是 當地 旅遊 旺季 該 人口 約 只 有 3 6萬 人 的</t>
    <phoneticPr fontId="1" type="noConversion"/>
  </si>
  <si>
    <t>憤怒 揭 細節 陸向美 通報 時間 軸 吻合</t>
    <phoneticPr fontId="1" type="noConversion"/>
  </si>
  <si>
    <t>疾 控 中心 大陸 美國 肺炎 時間 軸</t>
    <phoneticPr fontId="1" type="noConversion"/>
  </si>
  <si>
    <t>以色列 男性 施打 輝瑞 疫苗 出現 心肌炎 高風險 年齡 曝光</t>
    <phoneticPr fontId="1" type="noConversion"/>
  </si>
  <si>
    <t>據 路透社 報導 以色列 衛生部 1 日 宣佈 以色列 施打 輝瑞 疫苗 的 年輕 男性 少數 出現 心肌炎 的 症狀 其中 又 以 16 至 19 歲 男性 出現 心肌炎 比例 為 最高 對此 輝瑞 表示 並未 發現 到 較 一般 人 預期 更 高 的 心肌炎 發病率 以色列 衛</t>
    <phoneticPr fontId="1" type="noConversion"/>
  </si>
  <si>
    <t>彰 化 男 夜 闖警 分局 暖 送 1萬2千 片 口罩 挺 警</t>
    <phoneticPr fontId="1" type="noConversion"/>
  </si>
  <si>
    <t>速食店 實 聯 制 驚見 超 潦草 字體 網 怒 是 在 寫 處方 簽</t>
    <phoneticPr fontId="1" type="noConversion"/>
  </si>
  <si>
    <t>臺灣 疫情 升溫 許多 店家 宣佈 入 內 須實 聯 制 一 名 網友 分享 照片 說 去 麥當勞 意外 發現 有 位 客人 留 資料 的 字跡 極度 潦草 幾乎 看不懂 是 在 寫 啥 因此 有 朋友 吐 槽 也許 是 醫師 在 開 處方 簽 讓 他 超 不爽 意外 引發 網友 討論 一 名 網</t>
    <phoneticPr fontId="1" type="noConversion"/>
  </si>
  <si>
    <t>蔡英文 口罩 藥物 技術 三 方面 協助 國際 社會</t>
    <phoneticPr fontId="1" type="noConversion"/>
  </si>
  <si>
    <t>蔡英文 總統 今天 表示 臺灣 的 防疫 表現 受到 國際 肯定 過去 我們 組 好 國家隊 現在 要 打入 國際 杯 和 其他 國家 一起 進行 防疫 工作 在 臺灣 行 有 餘 力 的 情況 下 基於 人道 考量 將 會 在 口罩 藥物 技術 等 三 個 方面 協助 國際 社會 與</t>
    <phoneticPr fontId="1" type="noConversion"/>
  </si>
  <si>
    <t>delta 裝修 工人 新北 幼稚園 群 聚 臺灣</t>
    <phoneticPr fontId="1" type="noConversion"/>
  </si>
  <si>
    <t>打到 未 稀釋 bnt 議員 林金 結 大嫂 現況 曝 緊張 到 交代 後事</t>
    <phoneticPr fontId="1" type="noConversion"/>
  </si>
  <si>
    <t>臺灣 近日 出現 多 例 猝死 家中 的 確診 個案 引起 外界 好奇 背後 原因 對此 胸腔 暨 重症 醫師 黃軒 表示 輕 症 或 無 症狀 患者 仍 會 死亡 當 隱形 缺氧 的 狀況 發生 早上 還 可 意識 清楚 可以 正常 應答 的 患者 晚上 可能 就 心跳 停止 了 而 這</t>
    <phoneticPr fontId="1" type="noConversion"/>
  </si>
  <si>
    <t>新北 友善 家庭 企業 最高 獎 5萬 勞工 局 放寬 員工 數 及 登記 地 限制</t>
    <phoneticPr fontId="1" type="noConversion"/>
  </si>
  <si>
    <t>中小企業 有 福 了 新北 市政府 勞工 局 為 獎勵 企業 辦理 友善 家庭 暨 工作 平等 措施 針對 企業 提供 勞工 優於 法令 的 措施 提供 現金 獎勵 金 最高 給予 5萬 元 今年 更 放寬 讓 30 人 以下 的 企業 也 可 申請 自 3 月 1 日 起至 5 月 31 日 止 歡迎 符合 資</t>
    <phoneticPr fontId="1" type="noConversion"/>
  </si>
  <si>
    <t>安心 幸福 勞工 新北 市 有 薪</t>
    <phoneticPr fontId="1" type="noConversion"/>
  </si>
  <si>
    <t>原訂 下 周 回家 陪 兒子 過 生日 福 原愛 推延 返台 真正 原因 曝光</t>
    <phoneticPr fontId="1" type="noConversion"/>
  </si>
  <si>
    <t>桌 球 明星 夫妻 福原 愛 與 江宏傑 鬧 婚變 女方 還 被 拍到 跟 高帥男 出遊 過夜 事後 澄清 一 人 一 間 沒 出軌 但 仍 引發 負面 輿論 而 事件 持續 延 燒 過去 曾 爆出 福原 愛 堅持 離婚 並 打算 不再 回 臺灣 但 知情 人士 卻 表示 她 其實 很 想念 媽媽</t>
    <phoneticPr fontId="1" type="noConversion"/>
  </si>
  <si>
    <t>福原 愛 江宏傑 婚變 離婚 專訪</t>
    <phoneticPr fontId="1" type="noConversion"/>
  </si>
  <si>
    <t>史上 最 大 鎖國 行動</t>
    <phoneticPr fontId="1" type="noConversion"/>
  </si>
  <si>
    <t>封鎖 莫迪 肺炎 禁 足 令 印度</t>
    <phoneticPr fontId="1" type="noConversion"/>
  </si>
  <si>
    <t>110 年度 保險 競賽 富 邦 人壽 抱 三大 獎</t>
    <phoneticPr fontId="1" type="noConversion"/>
  </si>
  <si>
    <t>縣市政府 微型 保險 競賽 肺炎 績優 獎 保險 競賽</t>
    <phoneticPr fontId="1" type="noConversion"/>
  </si>
  <si>
    <t>疫情 升溫 新北 戶 所 取消 夜間 服務 與 假日 預約 登記 結婚</t>
    <phoneticPr fontId="1" type="noConversion"/>
  </si>
  <si>
    <t>北市再公佈確診者足跡 9、10日曾到永利市場</t>
    <phoneticPr fontId="1" type="noConversion"/>
  </si>
  <si>
    <t>北市 再 公佈 確診 者 足跡 9 10 日 曾 到 永利 市場</t>
    <phoneticPr fontId="1" type="noConversion"/>
  </si>
  <si>
    <t>臺北市 今晚 間 再度 公佈 最新 北市 1 例 確診 個案 的 公共 場 域 足跡 確診 者 案 15396 曾 在 7 月 9 日 10 日 連續 兩 天 早上 5 點 45 分至 下午 2 點 在 信義 區 的 永利 市場 日前 永利 市場 已 封市 3 天 急 清 消 北 市府 表示 永利 市場 攤販 案 15396 與</t>
    <phoneticPr fontId="1" type="noConversion"/>
  </si>
  <si>
    <t>臺北市 今晚 間 再度 公佈 最新 北市 1 例 確診 個案 的 公共 場 域 足跡 確診 者 案 15396 曾 在 7 月 9 日 10 日 連續 兩 天 早上 5 點 45 分至 下午 2 點 在 信義 區 的 永利 市場 日前 永利 市場 已 封市 3 天 急 清 消 北 市府 表示 永利 市場 攤販 案 15396 與 案 15255 一起 在 環南 市場 批 菜 案 15255 確診 後 北 市府 立即 進行 疫 調 匡列 接觸 者 安排 隔離 並 啟動 精准 疫 調 提前 替 親密 接觸 者 於 隔離 期間 采 檢 一 名 攤 商 于居 隔 期間 確診 7 12 確診 編 列 案 號 15396 目前 永利 市場 內部 攤販 已 全數 封 攤 7 11 日清 消 完成 停業 至 15 日</t>
    <phoneticPr fontId="1" type="noConversion"/>
  </si>
  <si>
    <t>疫情 炸裂 出門 買 菜 怕 病毒 帶回家 醫 教 4 關鍵 保證 安全</t>
    <phoneticPr fontId="1" type="noConversion"/>
  </si>
  <si>
    <t>獨 來客 數 雪崩 式 下跌 高雄 漢來 飯店 兩 餐廳 明起 停業</t>
    <phoneticPr fontId="1" type="noConversion"/>
  </si>
  <si>
    <t>國內 疫情 嚴峻 高雄多 家 星級飯店 重出江湖 改 賣 便當 度 小月 漢來 美食 旗 下 5 家 餐廳 週四 起 賣 特製 便當 搶市 但 由於 來客 數 雪崩 式 下跌 兩 家 餐廳 明起 暫停營業 高雄 福華 飯店 今 17 日 中午 半 小時 賣 出 百 餘 個 便當 高雄英</t>
    <phoneticPr fontId="1" type="noConversion"/>
  </si>
  <si>
    <t>國內 疫情 嚴峻 高雄多 家 星級飯店 重出江湖 改 賣 便當 度 小月 漢來 美食 旗 下 5 家 餐廳 週四 起 賣 特製 便當 搶市 但 由於 來客 數 雪崩 式 下跌 兩 家 餐廳 明起 暫停營業 高雄 福華 飯店 今 17 日 中午 半 小時 賣 出 百 餘 個 便當 高雄英 迪格 酒店 也 搶 推 輕 食 餐盒 漢 來 美食 透露 這 波 疫情 相較 去年 來得 更 急 大家 都 不敢 到 餐廳 用餐 旗 下 餐廳 來客 數 呈現 雪崩 式 下跌 平均 剩下 3 成 左右 因此 包括 福園 名人坊 海港 翠 園 漢來 蔬食 等 5 家 餐廳 5 月 20 日 起 再度 推出 星級 便當 漢 來 美食 指出 去年 疫情 間 3 至 5 月 賣 便當 進帳 2000萬 元 如今 再 賣 便當 因應 營 收 只 是 杯水車薪 另外 漢來 飯店 旗 下 紅 陶 上海 湯包 海鮮 火鍋 18 日 起 暫停營業 將 視 疫情 狀況 決定 而 複業 期間 人力 彈性 調度 消化 積 假 或是 到 其他 餐廳 工作 高雄 福華 飯店 去年 3 個 月 期間 平均 每天 賣 出 200 多 個 便當 業者 透露 這 波 疫情 有 7 成訂房 延期 喜宴 也 往後 延 因 此 昨天 開始 中午 及 晚間 時段 開始 販 售 便當 今天 午 半 小時 就 賣 出 100 多 個 便當 也 不乏 公司 行號 預定 除 中 西式 料理 提供 四 款 精緻 餐盒 外 也 加 賣 港 點 高雄 英 迪格 酒店 則 推出 兩 款 外帶 輕 食 餐盒 今 起 開放 預訂 採取 前 一 天 預約 制 業者 表示 1 樓 咖啡 廳 也 推出 外帶 飲品 餐 點 享 75 折 優惠 早餐 則 由 專人 送 餐盒 至 房門口 讓 客人 安心 享用 hotel cozzi 和 逸 飯店 高雄 中山 館 也 搶攻 防疫 便當 主 打 精緻 主廚 餐盒 共有 8 種 選擇 另 提供 有 大量 鮮 蔬 的 清爽 沙拉 餐盒 替 上班族 和 外 食 族 兼顧 均衡 營養</t>
    <phoneticPr fontId="1" type="noConversion"/>
  </si>
  <si>
    <t>患者 說謊 害 慘 全州 澳洲 的 南澳 省 出現 36 個 新增 確診 包括 4 月 以來 首 見 的 本土 病例 因此 該省 自 19 日 起 全面 封城 6 天 但 沒 想到 這 一切都是 因為 一 名 患者 撒謊 提供 錯誤 的 接觸 史 訊息 誤導 防疫 當局 所 致 官員 表示 如果 該 患</t>
    <phoneticPr fontId="1" type="noConversion"/>
  </si>
  <si>
    <t>北市 旅行社 主管 中 鏢 公司 暫停營業</t>
    <phoneticPr fontId="1" type="noConversion"/>
  </si>
  <si>
    <t>自費 驗 抗體 違法 禾馨 稱 6 月 已 報 備 衛生局 非 中央 指定 機構</t>
    <phoneticPr fontId="1" type="noConversion"/>
  </si>
  <si>
    <t>北 市府 禾馨 自費 驗 抗體 報 備</t>
    <phoneticPr fontId="1" type="noConversion"/>
  </si>
  <si>
    <t>比爾蓋茲 的 陰謀 與 陽 謀</t>
    <phoneticPr fontId="1" type="noConversion"/>
  </si>
  <si>
    <t>金門 65 歲 以上 接種 第 2 劑 az 8 28 啟動 大型 接種 站 開 打</t>
    <phoneticPr fontId="1" type="noConversion"/>
  </si>
  <si>
    <t>針對 地區 65 歲 以上 並於 6 19 前 接種 第 1 劑 az 疫苗 的 長輩 鄉親 金門縣政府 今天 宣佈 8 28 將 再度 啟動 4 座 大型 接種 站 施打第 2 劑 az 疫苗 提醒 大家 多 加 留意 4 座 大型 az 疫苗 接種 站 為 金城鎮 金城 體育館 金湖 鎮 金湖 小 巨蛋 金沙鎮</t>
    <phoneticPr fontId="1" type="noConversion"/>
  </si>
  <si>
    <t>宏利 七 年 階梯 到期 新興 債 基金 開 募</t>
    <phoneticPr fontId="1" type="noConversion"/>
  </si>
  <si>
    <t>投資人 新興 市場 債券 收益 資金 新興 市場 債券 基金</t>
    <phoneticPr fontId="1" type="noConversion"/>
  </si>
  <si>
    <t>疫情 檢疫 日本 感染者 專家</t>
    <phoneticPr fontId="1" type="noConversion"/>
  </si>
  <si>
    <t>第 12 輪 公費 疫苗 az 莫德納 輝瑞 bnt</t>
    <phoneticPr fontId="1" type="noConversion"/>
  </si>
  <si>
    <t>其他 股 美國 各地 嚴 防疫 億 豐 四大 措 拖 因應</t>
    <phoneticPr fontId="1" type="noConversion"/>
  </si>
  <si>
    <t>不 甩 居家 檢疫 北市 重罰 百萬</t>
    <phoneticPr fontId="1" type="noConversion"/>
  </si>
  <si>
    <t>入住 肺炎 檢疫 北市 衛生局</t>
    <phoneticPr fontId="1" type="noConversion"/>
  </si>
  <si>
    <t>陳時中 兒 設計 罷 韓 t恤 網友 都 什麼 時候 了</t>
    <phoneticPr fontId="1" type="noConversion"/>
  </si>
  <si>
    <t>500萬 劑 高端 可能 打 不 完 陳時中 認 了 曝 後續 做法</t>
    <phoneticPr fontId="1" type="noConversion"/>
  </si>
  <si>
    <t>小明 爸爸 的 苦衷 網 紅 一 看 戶籍 秒 懂</t>
    <phoneticPr fontId="1" type="noConversion"/>
  </si>
  <si>
    <t>救 低迷 經濟 亞洲 國家 齊 降息</t>
    <phoneticPr fontId="1" type="noConversion"/>
  </si>
  <si>
    <t>15萬 劑 莫德納 疫苗 新北 獲 9800 劑 全 給 專責 病房 工作者</t>
    <phoneticPr fontId="1" type="noConversion"/>
  </si>
  <si>
    <t>訪 建教合作 廠 侯 加碼 400萬 補助 學生</t>
    <phoneticPr fontId="1" type="noConversion"/>
  </si>
  <si>
    <t>專案 合作 新北 市 教育局 學生 侯友宜</t>
    <phoneticPr fontId="1" type="noConversion"/>
  </si>
  <si>
    <t>國際 社會 美國 動 起 來 眾院 火速 通過 83億 美元 防疫 支出 法案</t>
    <phoneticPr fontId="1" type="noConversion"/>
  </si>
  <si>
    <t>南韓 新 天地 教會 大 有 來頭 外 媒 曝 曾 慫恿 洗 腦 信徒 逃家 捐獻 財產</t>
    <phoneticPr fontId="1" type="noConversion"/>
  </si>
  <si>
    <t>新 天地 教會 教會 信徒 韓國 南韓</t>
    <phoneticPr fontId="1" type="noConversion"/>
  </si>
  <si>
    <t>Omicron來勢兇猛恐影響跨年 柯文哲：修改去年防疫計畫就好</t>
    <phoneticPr fontId="1" type="noConversion"/>
  </si>
  <si>
    <t>omicron 來勢凶猛 恐 影響 跨 年 柯文哲 修改 去年 防疫 計 畫 就 好</t>
    <phoneticPr fontId="1" type="noConversion"/>
  </si>
  <si>
    <t>新北 市 疫情 嚴峻 中和 警 分局 偵查隊 今 5 日 再度 傳出 偵查隊 某 隊員 pcr 陽性 確診 中和 警 分局 表示 已 要求 密切接觸 者 自主 居家 健康 管理 及 再度 安排 采 驗 目前 偵查隊 業務 由 市 刑 大 接手 治安 不 打烊 全市 至今 已 累計 15 名 警員</t>
    <phoneticPr fontId="1" type="noConversion"/>
  </si>
  <si>
    <t>莫德納 將 到貨 陳時中 鬆口 很快 會 有 好 消息</t>
    <phoneticPr fontId="1" type="noConversion"/>
  </si>
  <si>
    <t>莫德納 到貨 時間 陳時中 好 消息</t>
    <phoneticPr fontId="1" type="noConversion"/>
  </si>
  <si>
    <t>世錦賽 延到 明年 底 bwf 有 信心 成功</t>
    <phoneticPr fontId="1" type="noConversion"/>
  </si>
  <si>
    <t>東京 奧運 延到 明年 7 月 23 日 到 8 月 8 日 舉行 不少 國際 重要 賽事 日程 也 必須 錯開 原定 明年 8 月 在 西班牙 韋爾瓦 huelva 舉辦 的 世界 羽球 錦標賽 將 延後 到 11 月 29 日 到 12 月 5 日 進行 世錦賽 延期 是 世界 羽聯 bwf 和 西班牙 羽球 協會</t>
    <phoneticPr fontId="1" type="noConversion"/>
  </si>
  <si>
    <t>羽球 世錦賽 羽球 世錦賽 西班牙 延賽</t>
    <phoneticPr fontId="1" type="noConversion"/>
  </si>
  <si>
    <t>打完 高端再 接種 其他 疫苗 柯文哲 不 被 國際 社會 承認 這 叫 重 打</t>
    <phoneticPr fontId="1" type="noConversion"/>
  </si>
  <si>
    <t>混打 重 打 2 劑 疫苗 出國</t>
    <phoneticPr fontId="1" type="noConversion"/>
  </si>
  <si>
    <t>韋禮安 33 歲 生日 許願 疫情 緩和 睽 違 4 年 即將 推 新 專輯</t>
    <phoneticPr fontId="1" type="noConversion"/>
  </si>
  <si>
    <t>韋禮安 5 日 迎接 33 歲 生日 領養 三 只 貓咪 的 他 選 在 這天 首播 新 歌 貓咪 共和國 也 是 他 合作 國際 音樂 公司 the orchard 後 推出 的 第 一個 作品 別具 意義 他 昨 在工作中 度過 生日 提起 願望 韋禮安 希望 周 遭 所有人 平安 順利 新</t>
    <phoneticPr fontId="1" type="noConversion"/>
  </si>
  <si>
    <t>網球 法國 封城 法網 延賽</t>
    <phoneticPr fontId="1" type="noConversion"/>
  </si>
  <si>
    <t>竹市 小學生 吃飯 裝 隔板 有效 防止 學童 口沫 飛濺</t>
    <phoneticPr fontId="1" type="noConversion"/>
  </si>
  <si>
    <t>新型 冠狀 肺炎 疫情 尚未 趨 緩 而 飛 沫 及 接觸傳染 是 主要 途徑 新竹 市 建功 國小 的 老師 出奇 招 開學 時 特別 在 每個 學生 的 座位 上 放 了 綠色 的 大型 壓克力 隔板 避免 學童 口沫 及 食物 飛濺 也 提醒 學生 養成 良好 用餐 習慣 奇特 的 用餐</t>
    <phoneticPr fontId="1" type="noConversion"/>
  </si>
  <si>
    <t>新型 冠狀 肺炎 疫情 尚未 趨 緩 而 飛 沫 及 接觸傳染 是 主要 途徑 新竹 市 建功 國小 的 老師 出奇 招 開學 時 特別 在 每個 學生 的 座位 上 放 了 綠色 的 大型 壓克力 隔板 避免 學童 口沫 及 食物 飛濺 也 提醒 學生 養成 良好 用餐 習慣 奇特 的 用餐 景象 成為 校園 防疫 新 指標 老師 為 讓 小 1 學生 安靜 坐在 自己 座位 用餐 製作 長型 的 綠色 隔板 用餐 時就 請 每個 學生 放在 座位 上 做 阻隔 除 避免 學生 用餐 時 口沫橫飛 也 提醒 學生 養成 良好 用餐 習慣 而且 還要 加強 落實 量 測體溫 及 宣導 做好 個人 衛生 勤洗手 動作 新竹 市 建功 國小 校長 劉芳遠 說 使用 隔板 後 的 效果 不錯 學生 大多 能 安靜 在 自己 座位 用餐 且 不 會 有 交換 食物 等 情況 而 用 餐 後 老師 也 會 指導 或 協助 學生 擦拭 及 清洗 隔板 這樣 的 隔板 可 重覆 使用 也 不 會 影響 其他 上課時 段 的 視線 效果 還 不錯 其他 年級 的 老師 也 相繼 考慮 採用 市府 教育處 表示 先前 已 有 其他 縣 市 也 使用 類似 的 小型 隔板 在 用餐 時來區 隔 學生 避免 學生 交換 食物 或 口沫 飛濺 市府 並未 硬性 要求 基於 防疫 工作 的 謹慎 態度 都 尊重 各 校 及 各 班 老師 的 做法 更 多 ctwant 報導</t>
    <phoneticPr fontId="1" type="noConversion"/>
  </si>
  <si>
    <t>宏棋 email protected 新品 全球 發表會 6 23 線 上 舉行</t>
    <phoneticPr fontId="1" type="noConversion"/>
  </si>
  <si>
    <t>全球 宏棋 發表會 新品 next</t>
    <phoneticPr fontId="1" type="noConversion"/>
  </si>
  <si>
    <t>協助 隔離 逃跑 者 侯友宜 連帶責任 一定 追究</t>
    <phoneticPr fontId="1" type="noConversion"/>
  </si>
  <si>
    <t>女星 湖北人 收 傳票 怕 爆 返台 出庭 恐 面對 雙重 隔離</t>
    <phoneticPr fontId="1" type="noConversion"/>
  </si>
  <si>
    <t>彰化確診裡長出院4日猝死 才跟女兒通電話突口吐白沫倒地亡</t>
    <phoneticPr fontId="1" type="noConversion"/>
  </si>
  <si>
    <t>彰 化 確診 裡長 出 院 4 日 猝死 才 跟 女兒 通電話 突 口吐 白沫 倒地 亡</t>
    <phoneticPr fontId="1" type="noConversion"/>
  </si>
  <si>
    <t>國際 社會 白宮 衛生 顧問 冬季 確診 激增 美 史上 最 艱難 時刻</t>
    <phoneticPr fontId="1" type="noConversion"/>
  </si>
  <si>
    <t>社區 傳播 風險 增 個人 防護 更 重要</t>
    <phoneticPr fontId="1" type="noConversion"/>
  </si>
  <si>
    <t>口罩 肺炎 傳播 李秉 穎 戴 口罩</t>
    <phoneticPr fontId="1" type="noConversion"/>
  </si>
  <si>
    <t>體恤 醫護人員 辛勞 醫院 贈 住宿 溫泉 券</t>
    <phoneticPr fontId="1" type="noConversion"/>
  </si>
  <si>
    <t>駐 台 大使 證實 帛 琉 總統 惠恕仁 將 訪台</t>
    <phoneticPr fontId="1" type="noConversion"/>
  </si>
  <si>
    <t>帛 琉 駐 台 大使 歐克麗 今天 證實 帛 琉 總統 惠恕仁 surangel whipps jr 將 訪台 確切 時間 則 視 台 帛 何時 執行 旅遊 泡泡 可能 落於 3 月底 或 4 月初 歐克麗 dilmei l olkeriil 今天 以 電子 郵件 告訴 中央 社 台 帛 正 在 協商</t>
    <phoneticPr fontId="1" type="noConversion"/>
  </si>
  <si>
    <t>防疫 保單 理賠 有 四 原則</t>
    <phoneticPr fontId="1" type="noConversion"/>
  </si>
  <si>
    <t>批評 菲國 移 工 將 被 遣返 外交部 未經 協商 不得 遣送</t>
    <phoneticPr fontId="1" type="noConversion"/>
  </si>
  <si>
    <t>菲國 移 工 政府 菲律賓 看護</t>
    <phoneticPr fontId="1" type="noConversion"/>
  </si>
  <si>
    <t>胖子 列 第 九 類 公費 接種 物件 缺 這 資料 恐 沒 機會</t>
    <phoneticPr fontId="1" type="noConversion"/>
  </si>
  <si>
    <t>口罩 量 已 滿載 定額 徵收 比例 正 研 議</t>
    <phoneticPr fontId="1" type="noConversion"/>
  </si>
  <si>
    <t>徵收 定額 口罩 滿載 研議</t>
    <phoneticPr fontId="1" type="noConversion"/>
  </si>
  <si>
    <t>mlb 害怕 就 別 打 球員 可 拒絕 復工</t>
    <phoneticPr fontId="1" type="noConversion"/>
  </si>
  <si>
    <t>大 聯盟 與 球員 工會 達成 共識 計畫 在 7 月初 美國 國慶 日 複賽 目前 的 方案 是 每 位 球員 量 體溫 每週 多次 pcr 檢測 有 症狀 者 立刻 隔離 但是 也 有 球員 覺得 風險 太 高 聯盟 表示 不 願意 回來 的 球員 可以 選擇 繼續 放 無 薪 假 總裁 曼 佛 雷德</t>
    <phoneticPr fontId="1" type="noConversion"/>
  </si>
  <si>
    <t>大 聯盟 與 球員 工會 達成 共識 計畫 在 7 月初 美國 國慶 日 複賽 目前 的 方案 是 每 位 球員 量 體溫 每週 多次 pcr 檢測 有 症狀 者 立刻 隔離 但是 也 有 球員 覺得 風險 太 高 聯盟 表示 不 願意 回來 的 球員 可以 選擇 繼續 放 無 薪 假 總裁 曼 佛 雷德 rob manfred 說 如果 有 球員 因 健康 問題 或 對 防疫 有 疑慮 我們 絕不會 強迫 他們 復工 如果 有人 染病 怎麼辦 全 隊 都 因 此 隔離 就 沒 辦法 打球 了 曼 佛 雷德 說 專家建議 我們 不必 建立 14 天 隔離 規定 任何 被 驗 出 染病 的 球員 將 被 單獨 隔離 其他 球員 照常 比賽 染病 者 持續 隔離 到 兩 次 采 檢 陰性 就 可 歸 隊 大 聯盟 與 球員 工會 同意 不 強迫 復工 但 仍 希望 絕大部分 球員 都能 回來 不 願意 的 當然 也 就 沒有 薪水 身價 很 高 的 費城 人 哈 波 bryce harper 與 幾 位 球員 公開 反對 減 薪 最後 看 他們 是否 會 屈服 於 同 儕 壓力</t>
    <phoneticPr fontId="1" type="noConversion"/>
  </si>
  <si>
    <t>mlb 大 聯盟 總裁 停賽 複賽</t>
    <phoneticPr fontId="1" type="noConversion"/>
  </si>
  <si>
    <t>北京 境外 輸入 確診 病例 飆 升 占 比 逾 6 成</t>
    <phoneticPr fontId="1" type="noConversion"/>
  </si>
  <si>
    <t>增長 輸入 北京 日 新增 確診 病例</t>
    <phoneticPr fontId="1" type="noConversion"/>
  </si>
  <si>
    <t>勇於 改變 美語 業者 送 課 沖 出 業績</t>
    <phoneticPr fontId="1" type="noConversion"/>
  </si>
  <si>
    <t>大陸 高雄 大學 肺炎 生意 美 樂蒂</t>
    <phoneticPr fontId="1" type="noConversion"/>
  </si>
  <si>
    <t>憂 失 聯 移 工 成 防疫 破 口 移民署 呼籲 投案 將 享 禮遇</t>
    <phoneticPr fontId="1" type="noConversion"/>
  </si>
  <si>
    <t>全域 望奎 東北 京冀 地區</t>
    <phoneticPr fontId="1" type="noConversion"/>
  </si>
  <si>
    <t>中 市 推 社區 防疫 指引 協助 社區 防疫 整備</t>
    <phoneticPr fontId="1" type="noConversion"/>
  </si>
  <si>
    <t>典型 症狀 采 檢 音樂家 肺炎 流 鼻 水</t>
    <phoneticPr fontId="1" type="noConversion"/>
  </si>
  <si>
    <t>新片 一家之主 疫情 攪局 延 檔 寇 世勳 導演 回應 了</t>
    <phoneticPr fontId="1" type="noConversion"/>
  </si>
  <si>
    <t>寇世勳 電影 新作 一家之主 原訂 將 在 下月 11 日 登 上 大 銀幕 不過 近來 臺灣 疫情 險峻 更 有 近 一半 戲院 也 暫時 關閉 中 於是 該片 宣佈 延後 檔 期 新 的 上映 日 則 待 疫情 和緩 後 商討 公佈 寇世勳 對 此 表示 做為 一個 演員 我 完全 尊</t>
    <phoneticPr fontId="1" type="noConversion"/>
  </si>
  <si>
    <t>寇世勳 電影 新作 一家之主 原訂 將 在 下月 11 日 登 上 大 銀幕 不過 近來 臺灣 疫情 險峻 更 有 近 一半 戲院 也 暫時 關閉 中 於是 該片 宣佈 延後 檔 期 新 的 上映 日 則 待 疫情 和緩 後 商討 公佈 寇世勳 對 此 表示 做為 一個 演員 我 完全 尊重 製片方 投資方 對於 上片 檔 期 的 決定 更何況 現在 是 非常 時期 完全 可以 理解 我 也 支持 只 希望 疫情 可以 得到 控制 讓 一切 儘快恢復 正常 導演 王 希捷 首 部 執導 劇情 長片 上映 之路 一波三折 不過 她 也 表示 全力 配合 防疫 現在 沒有 比 配合 防疫 政策 和 民眾 的 健康 安全 更 重要 的 事 電影 本 應 撫慰 人心 與 反映 社會 一家之主 還 會 有 更 適合 出現 來 撫慰 觀眾 的 時機 我 也 相信 危機 就是 轉機 在 這個 轉機 中 我們 多 了 一個 沉澱 的 機會 可以 做 更 多 準備 希望 與 大家 一起 在 非常 時期 保持 正 念 祝願 一切 平安 靜 待 疫情 過後 與 各 位 在 電影院 相會</t>
    <phoneticPr fontId="1" type="noConversion"/>
  </si>
  <si>
    <t>有 夠 爽 少男 擠 進 電梯 對 老伯 吐 口水 慘遭 爆 打 地上 拖 行</t>
    <phoneticPr fontId="1" type="noConversion"/>
  </si>
  <si>
    <t>基隆 男 確診 肺部 浸潤 救命 神 器 奏效 開心 比 贊</t>
    <phoneticPr fontId="1" type="noConversion"/>
  </si>
  <si>
    <t>基隆 一 名 年 約 63 歲 陳姓 男子 5 月底 確診 住 進 基隆 長庚醫院 治療 醫師 照 x 光 檢查 發現 其 血 氧 濃度 不 到 90 肺部 浸潤 嚴重 情況 相當 危急 立即 給予 高 流量 鼻 導管 氧氣 機 治療 目前 大幅 改善 男子 開心 的 在 病房 比 贊 感謝 醫護 人</t>
    <phoneticPr fontId="1" type="noConversion"/>
  </si>
  <si>
    <t>北市 校園 場地 20 日 全面 解封</t>
    <phoneticPr fontId="1" type="noConversion"/>
  </si>
  <si>
    <t>間 房 境外 生 開放 時段 點 半 旅館</t>
    <phoneticPr fontId="1" type="noConversion"/>
  </si>
  <si>
    <t>兩 引擎 助攻 創 源 近 二月 營 收 沖</t>
    <phoneticPr fontId="1" type="noConversion"/>
  </si>
  <si>
    <t>成長 新藥 病毒 創源 研究</t>
    <phoneticPr fontId="1" type="noConversion"/>
  </si>
  <si>
    <t>好 險 端午 連 假 第二 天 南科移 工 快 篩 1 人 陽性 pcr 轉陰</t>
    <phoneticPr fontId="1" type="noConversion"/>
  </si>
  <si>
    <t>金價 漲漲 漲 3 大 因素 讓 黃金 可望 直 沖 2000 美元</t>
    <phoneticPr fontId="1" type="noConversion"/>
  </si>
  <si>
    <t>三級 警戒 持續 基本工資 工作 小組 改 書面 徵詢 委員 意見</t>
    <phoneticPr fontId="1" type="noConversion"/>
  </si>
  <si>
    <t>主帥 親征 釋 訊號 撫 民心 鼓勵 復工</t>
    <phoneticPr fontId="1" type="noConversion"/>
  </si>
  <si>
    <t>封城 大陸 企業 肺炎 訊號</t>
    <phoneticPr fontId="1" type="noConversion"/>
  </si>
  <si>
    <t>臺北捷運傳員工確診 北捷回應了</t>
    <phoneticPr fontId="1" type="noConversion"/>
  </si>
  <si>
    <t>臺北捷運 傳 員工 確診 北 捷 回 應 了</t>
    <phoneticPr fontId="1" type="noConversion"/>
  </si>
  <si>
    <t>蘇 內閣 階段性 任務 完成 蘇揆 行政院 會 突發 自省 說</t>
    <phoneticPr fontId="1" type="noConversion"/>
  </si>
  <si>
    <t>蘇揆 去年 上任 以來 遭 批 政 通人 不和 年底 內閣 改組 傳聞 不 斷 尤其 昨 中天 新聞 台 不予 換 照 再 加深 國內 對立 蘇揆 上午 罕見 在 行政院 會 提出 自省 說 任何 做 得 不夠 不好 都 請 各部 會 及 各界 隨時 指正 多多指教 他 也 會 自</t>
    <phoneticPr fontId="1" type="noConversion"/>
  </si>
  <si>
    <t>蘇貞昌 內閣 萊 豬 中天 新聞 台 土地</t>
    <phoneticPr fontId="1" type="noConversion"/>
  </si>
  <si>
    <t>北部 醫院 群 聚 傳染 關鍵 曝 李秉 穎 戴 口罩 仍 有 風險</t>
    <phoneticPr fontId="1" type="noConversion"/>
  </si>
  <si>
    <t>三 商 美 邦 人壽 攜 三友 藥 妝 送暖 醫護</t>
    <phoneticPr fontId="1" type="noConversion"/>
  </si>
  <si>
    <t>醫護人員 三友 藥 妝 三 商 美 邦 人壽 加 護 病房 醫療 保險金</t>
    <phoneticPr fontId="1" type="noConversion"/>
  </si>
  <si>
    <t>嬌 生 美 商 默沙東 訂價 疫苗 肺炎</t>
    <phoneticPr fontId="1" type="noConversion"/>
  </si>
  <si>
    <t>救救 機械業 柯拔希 提 7 建 言</t>
    <phoneticPr fontId="1" type="noConversion"/>
  </si>
  <si>
    <t>建 言 口罩 肺炎 設備 產業</t>
    <phoneticPr fontId="1" type="noConversion"/>
  </si>
  <si>
    <t>疫情 好轉 台南 街頭 16 日 舉辦 今年 首場 露天 微 電影</t>
    <phoneticPr fontId="1" type="noConversion"/>
  </si>
  <si>
    <t>新北 昨 28 校 施 打 bnt 5369 人 出現 不適</t>
    <phoneticPr fontId="1" type="noConversion"/>
  </si>
  <si>
    <t>川普 倉促 出院 罵 聲 不 斷 競選 造 勢 陷 重殘</t>
    <phoneticPr fontId="1" type="noConversion"/>
  </si>
  <si>
    <t>快 評 既然 撕破臉 台 嗆 聲 拉高 音量 展現 國際 聲望</t>
    <phoneticPr fontId="1" type="noConversion"/>
  </si>
  <si>
    <t>東奧命運未蔔 這些賽事也可能因疫情喊卡</t>
    <phoneticPr fontId="1" type="noConversion"/>
  </si>
  <si>
    <t>東奧 命運 未 蔔 這些 賽事 也 可能 因 疫情 喊 卡</t>
    <phoneticPr fontId="1" type="noConversion"/>
  </si>
  <si>
    <t>國際 社會 日本 經濟部長 政府 今 尋求 延長 緊急 事態 至 月底</t>
    <phoneticPr fontId="1" type="noConversion"/>
  </si>
  <si>
    <t>日本 經濟 再生 大臣 西村 康稔 yasutoshi nishimura 週一 在 議會 表示 日本政府 週一 稍晚 將 尋求 全國 緊急 事態 宣言 延長 至 5 月 31 日 日本政府 發佈 的 緊急 事態 宣言 原 訂 於本 週三 56 屆滿 也 就 是 日本 黃金 周長假 的 最後 一 天 此</t>
    <phoneticPr fontId="1" type="noConversion"/>
  </si>
  <si>
    <t>日本 經濟 再生 大臣 西村 康稔 yasutoshi nishimura 週一 在 議會 表示 日本政府 週一 稍晚 將 尋求 全國 緊急 事態 宣言 延長 至 5 月 31 日 日本政府 發佈 的 緊急 事態 宣言 原 訂 於本 週三 56 屆滿 也 就 是 日本 黃金 周長假 的 最後 一 天 此前 nhk 報導 日本首相 安倍晉三 週一 料 將 宣佈 國家 緊急 事態 宣言 延長 至 5 月底 安倍 週一 稍晚 將 召開 記者會 將 解釋 延長 緊急 事態 宣言 的 原因</t>
    <phoneticPr fontId="1" type="noConversion"/>
  </si>
  <si>
    <t>日本 安倍 全國 緊急 事態 延長</t>
    <phoneticPr fontId="1" type="noConversion"/>
  </si>
  <si>
    <t>韓國 又 一 教會 群 聚 感染 至少 28 人 確診</t>
    <phoneticPr fontId="1" type="noConversion"/>
  </si>
  <si>
    <t>韓國 媒體 3 月 30 日 報導 稱 韓國 萬民 中央 教會 發生 群 聚 感染 根據 大陸 新 京 報 的 報導 3 月初 200 名 教徒 曾 聚集 準備 網路 禮拜 視 韓疾 控 部門 稱 在 此次 活動 中 存在 感染 現象 到 了 3 月 25 日 該 教會 出現 首例 確診 病例 韓 衛生</t>
    <phoneticPr fontId="1" type="noConversion"/>
  </si>
  <si>
    <t>韓國 媒體 3 月 30 日 報導 稱 韓國 萬民 中央 教會 發生 群 聚 感染 根據 大陸 新 京 報 的 報導 3 月初 200 名 教徒 曾 聚集 準備 網路 禮拜 視 韓疾 控 部門 稱 在 此次 活動 中 存在 感染 現象 到 了 3 月 25 日 該 教會 出現 首例 確診 病例 韓 衛生部門 隨即 展開 疫情 調查 截至 30 日 下午 教會 內 至少 28 人 確診 感染 該 教 教主 李載祿 因 性侵 9 名 女 信徒 正 在 監獄 服刑 該 教會 鼓吹 神奇 療法 擁有 10 餘 萬 名 信徒</t>
    <phoneticPr fontId="1" type="noConversion"/>
  </si>
  <si>
    <t>及時雨 立陶宛 捐 2萬 劑 az 疫苗 今 抵 桃園 機場</t>
    <phoneticPr fontId="1" type="noConversion"/>
  </si>
  <si>
    <t>我國 疫苗 覆蓋率 破 30 部分 縣 市 民眾 最近 卻 陷入 無 疫苗 可 打的 窘境 連 防疫 指揮官 陳時 中都 坦承 供貨 有點 緊 就 在 此時 立陶宛 承諾 捐贈 的 2萬 劑 az 疫苗 由 土耳其 航空 運送 今天上午 抵達 桃園 機場 立陶宛 今年 6 月 宣佈</t>
    <phoneticPr fontId="1" type="noConversion"/>
  </si>
  <si>
    <t>我國 疫苗 覆蓋率 破 30 部分 縣 市 民眾 最近 卻 陷入 無 疫苗 可 打的 窘境 連 防疫 指揮官 陳時 中都 坦承 供貨 有點 緊 就 在 此時 立陶宛 承諾 捐贈 的 2萬 劑 az 疫苗 由 土耳其 航空 運送 今天上午 抵達 桃園 機場 立陶宛 今年 6 月 宣佈 將 捐贈 2萬 劑 az 疫苗 給 臺灣 雪中送炭 的 義舉 博得 民眾 高度肯定 今天 疫苗 終於 來 了 這 架 載運 疫苗 的 土 航 貨機 自 伊斯坦堡 機場 起飛 抵 台後 隨即 進行 卸貨 查驗 作業 按照 程式 送往 冷儲 待 後續 檢驗 封 緘 再 提供 國人 接種 解 燃眉之急 這 批 疫苗 由 班號 tk 6210 的 土耳其 航空 波音 777 f 型 貨機 負責 載運 臺灣 時間 30 日 下午 5 時 50 分 從 伊斯坦堡 起飛 中途 停靠 烏茲別克 首都 塔什干 後 直 飛 臺灣 原本 預定 上午 7 時 55 分 落地 但 因故 延誤 到 10 時 30 分 左右 才 抵達 桃園 機場 貨機 落地 後 停靠在 貨運 機 坪 地勤人員 立刻 卸下 裝載 疫苗 的 貨盤 為 求 時效 海關人員 在 機 邊 驗放 後 隨即 在 海關 及 航 警 護送 下 將 疫苗 送往 醫藥 物流 冷鏈 倉儲 存 放 立陶宛 是 繼 日本 美國 後 歐洲第 一個 宣佈 捐 疫苗 給 臺灣 的 國家 抛磚引玉 的 行為 也 帶動 後續 包括 斯洛伐克 捷克 等 國 陸續 跟進 要 捐 疫苗 給 臺灣</t>
    <phoneticPr fontId="1" type="noConversion"/>
  </si>
  <si>
    <t>熱門 族群 ic 設計 q 3 大好 q 4 續旺 瑞昱 義隆 聯 詠 帶勁</t>
    <phoneticPr fontId="1" type="noConversion"/>
  </si>
  <si>
    <t>義隆 聯 詠 瑞昱 ic 設計 居家 辦公</t>
    <phoneticPr fontId="1" type="noConversion"/>
  </si>
  <si>
    <t>陸 昨 本土 確診 增 87 例 遍及 14 省份 2 地 出現 小學生 感染</t>
    <phoneticPr fontId="1" type="noConversion"/>
  </si>
  <si>
    <t>據 北京青年報 報導 大陸 國家 衛健 委 消息 指出 昨天 3 日 0 24 時 新增 確診 病例 104 例 其中 境外 輸入 病例 17 例 本土 病例 87 例 其中 黑龍江 所 占 比例 過半 鄭州和 石家莊 2 地 出現 小學生 感染 浙江 烏鎮 景區 停止 遊客 進入</t>
    <phoneticPr fontId="1" type="noConversion"/>
  </si>
  <si>
    <t>獨》打完疫苗後確診 五股某裡長與妻子雙雙染疫</t>
    <phoneticPr fontId="1" type="noConversion"/>
  </si>
  <si>
    <t>鍾 南山 以 發燒 為 判斷 標準 易 漏 診 疑 診</t>
    <phoneticPr fontId="1" type="noConversion"/>
  </si>
  <si>
    <t>團隊 發燒 肺炎 層層 併發症</t>
    <phoneticPr fontId="1" type="noConversion"/>
  </si>
  <si>
    <t>武漢 包機 確診 台商 解除 隔離</t>
    <phoneticPr fontId="1" type="noConversion"/>
  </si>
  <si>
    <t>北市基層診所醫護人員今開打疫苗 盼週六前完成接種</t>
    <phoneticPr fontId="1" type="noConversion"/>
  </si>
  <si>
    <t>北市 基層 診所 醫護人員 今 開 打 疫苗 盼 週六 前 完成 接種</t>
    <phoneticPr fontId="1" type="noConversion"/>
  </si>
  <si>
    <t>施打 診所 接種 基層 診所 醫護人員</t>
    <phoneticPr fontId="1" type="noConversion"/>
  </si>
  <si>
    <t>bbc 全球 捐贈 緊急 物資 印度 病 患 卻 拿 不 到</t>
    <phoneticPr fontId="1" type="noConversion"/>
  </si>
  <si>
    <t>義 新增 病例 稍 降 官員 疫情 拐 點 快 到</t>
    <phoneticPr fontId="1" type="noConversion"/>
  </si>
  <si>
    <t>口罩 網 購 無 外語 版 71萬 移 工 難 買</t>
    <phoneticPr fontId="1" type="noConversion"/>
  </si>
  <si>
    <t>不是 越 貴 越 好 布 口罩 標榜 抗 菌 單 售 299 元 檢驗 竟 無 抗 菌 性 遭 下 架</t>
    <phoneticPr fontId="1" type="noConversion"/>
  </si>
  <si>
    <t>新北 市 法制 局 抽驗 市 售 11 款 抗 菌 布 口罩 結果 有 2 件 不 符合國家 抗 菌 標準 8 件 商品標示 不符 規定 至於 甲醛 及 可 遷移 螢 光 劑 檢測 則 全部 合格 其中 不 符合國家 抗 菌 標準 的 廠商 1 家 在 新北 已 要求 下 架 另 1 家 在 北市 已 移 由 北 市政府</t>
    <phoneticPr fontId="1" type="noConversion"/>
  </si>
  <si>
    <t>新北 市 法制 局 抽驗 市 售 11 款 抗 菌 布 口罩 結果 有 2 件 不 符合國家 抗 菌 標準 8 件 商品標示 不符 規定 至於 甲醛 及 可 遷移 螢 光 劑 檢測 則 全部 合格 其中 不 符合國家 抗 菌 標準 的 廠商 1 家 在 新北 已 要求 下 架 另 1 家 在 北市 已 移 由 北 市政府 做 後續 處理 請 他們 下 架 日後 不 繼續 販 售 消 保 官鍾佳 儒 認為 抗 菌 布 口罩 的 價格 跟 抗 菌 力 未必 有 顯著 相關性 舉例 北市 廠商 出產 的 布 口罩 一個 要 299 元 代表 未必 越 貴 越 好 但 便宜 也 不見得 能 達到 我們 的 要求 法制 局 吳宗憲 局長 指出 由於 機能性 紡織品 通常 系 無法 目測 瞭解 其 標榜 的 效能 消費者 不易 直接 從 產品 的 外觀 及 觸 感 來 辨別 產品 的 功能 消 保 官 身為 消費 權益 的 捍衛 者 更 應 替 民眾 好好 把關 本次 抗 菌 性 檢驗 依 cns 14945 一般 用途 抗 菌 紡織品 性能 評估 進行 系 評估 標榜 抗 菌 性能 紡織品 減 菌 率 以 金 黃色 葡萄球菌 革蘭氏 陽性菌 和 肺炎 桿菌 革蘭氏 陰性菌 作為 代表 菌種 測試 時系 將 定量 菌 液 接種 在 標榜 抗 菌 的 紡織品 上 觀察 經過 一定 時間 後 細菌 能 減少 多少 根據 本 標準 抗 菌 性 紡織品 減 菌 率 至少 應 達到 99 鍾 佳 儒 說明 經全國 公證 檢測 結果 11 件 樣品 的 甲醛 及 可 遷移 螢 光 劑 檢測 皆 符合標準 但有 2 件 不 符合國家 抗 菌 標準 其中 1 件 樣品 竟 測出 肺炎 桿菌 數 沒有 顯著 減少 抗 菌 效果 令 人 存疑 另 再經 本府 經濟 發展 局 依據 商品標示 法 及 服飾 標示 基準 進行 標示 查核 8 件 樣品 的 商品標示 不符 包括 無 標示 生產 國別 尺寸 或 尺碼 纖維 成分 或 填充物 成分 及 洗燙 處理 方法 等 鍾 佳 儒 說 本次 市 售 11 款 抗 菌 布 口罩 的 抗 菌 性 檢驗 結果 已 請 抗 菌 檢測 不 符合 之 製造廠商 先行 下 架 並 由 新北 市 經濟 發展 局 或 移 請 業者 所在地 其他 縣 市 依據 商品標示 法 及 相關 規定 進行 查處 輔導 改正</t>
    <phoneticPr fontId="1" type="noConversion"/>
  </si>
  <si>
    <t>苦口婆心 再 勸 停辦 跨 年 晚會 曹 西平 萬一 出 事情 誰 要 負責</t>
    <phoneticPr fontId="1" type="noConversion"/>
  </si>
  <si>
    <t>肺炎 疫情 升溫 醫師 親 至 學校 宣導 衛教</t>
    <phoneticPr fontId="1" type="noConversion"/>
  </si>
  <si>
    <t>迎戰 社區 傳播 基層 診所 憂 撐不住</t>
    <phoneticPr fontId="1" type="noConversion"/>
  </si>
  <si>
    <t>基層 診 肺炎 病毒 基層 醫療 蔡明忠</t>
    <phoneticPr fontId="1" type="noConversion"/>
  </si>
  <si>
    <t>柯提斯 東京 奧運 2020 東京 奧運 比賽 東奧</t>
    <phoneticPr fontId="1" type="noConversion"/>
  </si>
  <si>
    <t>過去 2 周 美國 確診 案例 暴 增 近 百萬 這 數位 比 整個 6 月 還要 多 也 意味著 美國 距離 疫情 完全 控制 仍 言之過早 且 正如 川普 總統 所言 情況 在 好轉 之前 會 先 變 得 更 糟糕 在 23 日 美國 確診 人數 可望 跨過 4百萬 大關 依照 約翰霍普</t>
    <phoneticPr fontId="1" type="noConversion"/>
  </si>
  <si>
    <t>逐 洞 賽 爾 投 顧 分析 師鐘崑 禎</t>
    <phoneticPr fontId="1" type="noConversion"/>
  </si>
  <si>
    <t>美衛生部長阿劄爾抵台 揮手向台灣民眾打招呼</t>
    <phoneticPr fontId="1" type="noConversion"/>
  </si>
  <si>
    <t>美 衛生部長 阿劄爾 抵 台 揮手 向 臺灣 民眾 打招呼</t>
    <phoneticPr fontId="1" type="noConversion"/>
  </si>
  <si>
    <t>美國 衛生 及 公共服務 部 部長 亞曆克斯 阿劄爾 alex azar 今天 率團 訪台 這 是 及 1979 年 以來 訪台 層級 最高 的 美國 內閣 官員 阿劄爾 在 臺灣 時間 下午 五 點 左右 已經 抵達 松山機場 下 飛機 後 由 ait 處長 酈英傑 等 人 迎接 阿劄爾 也 向</t>
    <phoneticPr fontId="1" type="noConversion"/>
  </si>
  <si>
    <t>台中 増 2 死 66 歲 洗 腎 男 打完 疫苗 4 天 後 猝 逝</t>
    <phoneticPr fontId="1" type="noConversion"/>
  </si>
  <si>
    <t>全台 陸續 出現 接種 az 疫苗 後 時間 關連性 的 猝死 案件 台中 市 累計 至 21 日 已 有 12 例 21 日 再 傳出 有 一 名 66 歲 洗 腎 男子 清晨 被 發現 無 呼吸 心跳 送醫 不治 此外 潭子 另 名 86 歲 老婦 跌 約 上午 8 時在 家中 跌倒 救護 人員 到場 已 無 生命</t>
    <phoneticPr fontId="1" type="noConversion"/>
  </si>
  <si>
    <t>全台 陸續 出現 接種 az 疫苗 後 時間 關連性 的 猝死 案件 台中 市 累計 至 21 日 已 有 12 例 21 日 再 傳出 有 一 名 66 歲 洗 腎 男子 清晨 被 發現 無 呼吸 心跳 送醫 不治 此外 潭子 另 名 86 歲 老婦 跌 約 上午 8 時在 家中 跌倒 救護 人員 到場 已 無 生命 跡象 送醫 搶救無效 過世 經 瞭解 個案 曾 於 15 日 施 打 az 疫苗 台中 潭子 區 6 月 21 日 傳出 兩 名 日前 接種 az 疫苗 患者 猝 逝 意外 先是 清晨 6 時一名 66 歲 洗 腎 男子 被 家人 發現 無 呼吸 心跳 送 慈濟 醫院 救 不治 身亡 經 瞭解 他 在 6 月 17 日 曾於洗 腎 診所 施打 az 疫苗 而 上午 約 8 點 另外 86 歲 老婦 在家 跌倒 救護 人員 到場 已 無 生命 跡象 送往 豐原 醫院 搶救無效 過世 該 婦人 也 曾於 15 日 施 打 az 疫苗 台中 市 衛生局 表示 兩 案例 將 通報 中央 厘 清 死亡 與 疫苗 的 相關性 衛生局 也 將 協助 家屬 提出 預防接種 受害 救濟 申請 協助 收集 相關 病歷 資料 提送 中央 審議 如 確定 因 預防接種 致死 最高 將 給 付 600萬 元 救濟金</t>
    <phoneticPr fontId="1" type="noConversion"/>
  </si>
  <si>
    <t>az 疫苗 洗 腎 猝死 台中</t>
    <phoneticPr fontId="1" type="noConversion"/>
  </si>
  <si>
    <t>疫苗 病毒 巴基斯坦 斯坦 反應</t>
    <phoneticPr fontId="1" type="noConversion"/>
  </si>
  <si>
    <t>26 歲 研究生 打 高端 後 中風 昏迷 莊 人 祥 已 列 不良 事件</t>
    <phoneticPr fontId="1" type="noConversion"/>
  </si>
  <si>
    <t>川普 左 批 cnn 右 罵 華 郵 製造 假新聞</t>
    <phoneticPr fontId="1" type="noConversion"/>
  </si>
  <si>
    <t>11 2 防疫 大 鬆綁 雙鐵 可 飲食 ktv 唱歌 不用 戴 口罩</t>
    <phoneticPr fontId="1" type="noConversion"/>
  </si>
  <si>
    <t>國內 疫情 趨 緩 儘管 防疫 2 級 警戒 11 月 2 日 不 會 調 降 但 管制 措施 將 大幅 鬆綁 行政院長 蘇貞昌 今天 宣佈 11 月 2 日 起 ktv 可以 不 用 戴 口罩 看 電影 搭 客運 與 雙鐵 都 開放 飲食 集會 也 不再 受 人數 限制 而 八大 行業 也 分 階段 規劃 松</t>
    <phoneticPr fontId="1" type="noConversion"/>
  </si>
  <si>
    <t>救治 患者 醫院 方案 陝西</t>
    <phoneticPr fontId="1" type="noConversion"/>
  </si>
  <si>
    <t>張上淳 兒 遭 學長 爆 料 痛 譙 我們 ok 你 出國</t>
    <phoneticPr fontId="1" type="noConversion"/>
  </si>
  <si>
    <t>張上淳 遭 爆 2 個 醫師 兒 在 本月 4 日 14 日 分別 赴美 遊玩 但 由於 上個月 政府 就 針對 醫護人員 出國 做出 限制 加上 近日 疫情 持續 擴大 許多 確診 者 都 是 出遊 返國 人士 引起 不少 人 質疑 對此 張上淳 表示 預定 14 日出 國 的 兒子 已 取消 行</t>
    <phoneticPr fontId="1" type="noConversion"/>
  </si>
  <si>
    <t>張上淳 遭 爆 2 個 醫師 兒 在 本月 4 日 14 日 分別 赴美 遊玩 但 由於 上個月 政府 就 針對 醫護人員 出國 做出 限制 加上 近日 疫情 持續 擴大 許多 確診 者 都 是 出遊 返國 人士 引起 不少 人 質疑 對此 張上淳 表示 預定 14 日出 國 的 兒子 已 取消 行程 而 4 日出 國 的 兒子 在 當時 臺灣 尚未 將 美國 列入 二級 警示 因此 符合 資格 並未 違反規定 ptt 八卦 版 有 醫師 爆 料 這 件 事情 非常 嚴重 打擊 醫護 的 士氣 爆 料 醫師 指出 這 位 學弟 張 p 的 兒子 當到 臺灣 最 強 ntu 的 內科 r 了 出國 很 開心 放 fb 爽 翻 一 波 幫 你 cover 的 同 儕 有 沒有 靠北 的 要死 醫師 指出 政府 2 23 開始 放 風向 禁 全體 醫護 出國 假單 寫 出 國在各 大 醫學 中心 基本上 都 不太會 過 啦 身邊 每個 醫護 都 在 法 源 尚不 清楚 的 情況 下 默默 取消 行程 損失 還 不是 自己 吞 結果 爆 料 醫師 抱怨 我們 ok 你 出國 3 4 出國 飛 爽爽 好羡慕 我們 只能 每天 滑檢 體 棒</t>
    <phoneticPr fontId="1" type="noConversion"/>
  </si>
  <si>
    <t>境外 6 台 男 返國 逾 2 個 月 才 確診 陳時中 疑慮 深</t>
    <phoneticPr fontId="1" type="noConversion"/>
  </si>
  <si>
    <t>delta 病毒 攻陷 大陸 17 個 省 美聯社 點出 封鎖 戰略 最 大 挑戰</t>
    <phoneticPr fontId="1" type="noConversion"/>
  </si>
  <si>
    <t>抗體 肺炎 病毒 預防 藥廠</t>
    <phoneticPr fontId="1" type="noConversion"/>
  </si>
  <si>
    <t>前 非洲 邦交國 布吉納法索 四 部長 同一天 中 鏢</t>
    <phoneticPr fontId="1" type="noConversion"/>
  </si>
  <si>
    <t>無視 專業 美 數 州 抗議 要 解禁 足 川普 暗中 扇風點火</t>
    <phoneticPr fontId="1" type="noConversion"/>
  </si>
  <si>
    <t>疫情嚴峻 王鴻薇翻出範雲事蹟爆怒：追究責任</t>
    <phoneticPr fontId="1" type="noConversion"/>
  </si>
  <si>
    <t>疫情 嚴峻 王 鴻 薇 翻出 範雲 事蹟 爆 怒 追究責任</t>
    <phoneticPr fontId="1" type="noConversion"/>
  </si>
  <si>
    <t>反 病毒 起源 陰謀論 陸官媒 十 問 逼 問 華府</t>
    <phoneticPr fontId="1" type="noConversion"/>
  </si>
  <si>
    <t>面對 美國 川普 政府 一再 指責 陸 隱瞞 疫情 並 揚言 調查 可能 是 病毒 起源 的 武漢 病毒 研究所 陸官媒 連日 反擊 除了 先前 陸 中央電視臺 連 兩 日 指責 美國 國務卿 蓬佩 奧 有 四大 罪 之外 陸 人民日報 也 於 4 月 30 日 晚 發佈 這 10 個 追</t>
    <phoneticPr fontId="1" type="noConversion"/>
  </si>
  <si>
    <t>助 霧峰 學子 防疫 在家 學習 不 中斷 益生 獅子 會 贈 30 台 平板</t>
    <phoneticPr fontId="1" type="noConversion"/>
  </si>
  <si>
    <t>義 大利 疫情 失控 歐銀 7 月 降息 機 率 升高</t>
    <phoneticPr fontId="1" type="noConversion"/>
  </si>
  <si>
    <t>利率 肺炎 投資 歐洲 疫情</t>
    <phoneticPr fontId="1" type="noConversion"/>
  </si>
  <si>
    <t>16 檔 績優股 抗 疫 先鋒</t>
    <phoneticPr fontId="1" type="noConversion"/>
  </si>
  <si>
    <t>南電 肺炎 展旺 額 溫槍 泰鼎</t>
    <phoneticPr fontId="1" type="noConversion"/>
  </si>
  <si>
    <t>半 年 來 最高 疫情 肆虐 外資 2 月 撤 近 1 200億 元</t>
    <phoneticPr fontId="1" type="noConversion"/>
  </si>
  <si>
    <t>港 放寬 社交 措施 專家 憂 疫情 進入 社區</t>
    <phoneticPr fontId="1" type="noConversion"/>
  </si>
  <si>
    <t>追加第3劑疫苗 ACIP專家達共識 指揮中心明公佈</t>
    <phoneticPr fontId="1" type="noConversion"/>
  </si>
  <si>
    <t>AZ＋BNT保護力佳 前臺大醫：只有一種人需要混打</t>
    <phoneticPr fontId="1" type="noConversion"/>
  </si>
  <si>
    <t>az bnt 保護 力佳 前臺 大 醫 只 有 一 種 人 需要 混打</t>
    <phoneticPr fontId="1" type="noConversion"/>
  </si>
  <si>
    <t>好 心肝 千 人 打 疫苗 堅稱 合法 水電工 保全 都 算 志 工</t>
    <phoneticPr fontId="1" type="noConversion"/>
  </si>
  <si>
    <t>陸連 5 日 有 自 俄 輸入 病例 黑龍江 采 緊急行動</t>
    <phoneticPr fontId="1" type="noConversion"/>
  </si>
  <si>
    <t>北 韓 堅稱 零 確診 遭 爆 染病 被 槍斃</t>
    <phoneticPr fontId="1" type="noConversion"/>
  </si>
  <si>
    <t>封鎖 肺炎 違反 懷疑 境內</t>
    <phoneticPr fontId="1" type="noConversion"/>
  </si>
  <si>
    <t>紐 時評 台 防疫 正常 到 詭異 鎖國 非 長久之計</t>
    <phoneticPr fontId="1" type="noConversion"/>
  </si>
  <si>
    <t>臺灣 防疫 繳 出 亮 眼 成績單 不 過 紐約時報 new york times 2 日 刊 文 指出 當 世界 許多 國家 都 在 進行 封鎖 時 臺灣人 的 生活 正常 到 詭異 的 程度 文章 點出 臺灣 很 早 就 開始 鎖國 而且 嚴格執行 隔離政策 是 疫情 控制 得當</t>
    <phoneticPr fontId="1" type="noConversion"/>
  </si>
  <si>
    <t>新北 居家 檢疫 惡意 失 聯 侯友宜 絕對 罰 最重</t>
    <phoneticPr fontId="1" type="noConversion"/>
  </si>
  <si>
    <t>新北 市 2 名 居家 檢疫 失 聯 者 已經 找到 1 人 郭富文 新北 市長 侯友宜 19 日 受訪 時 指出 新北 目前 有 4316 名 居家 檢疫 者 絕大多數 都 相當 遵守 規定 他 也 體諒 這些 人 都 很 苦悶 很 痛苦 市府 可 提供 生活 各種 協助 但 只要 失 聯 者 故意 趴 趴</t>
    <phoneticPr fontId="1" type="noConversion"/>
  </si>
  <si>
    <t>根據 知名 nba 記者 史坦 報導 指出 nba 費城 七六 人 與 nhl 紐澤西 魔鬼 隊 決定 針對 年薪 超過 5萬 美元 的 高階 主管 減 薪 幅度 高 達 20 七六 人 成為 nba 第一 支 減 薪 的 球 團 據 瞭解 這個 減 薪 計 畫 從 4 月 15 日 至 6 月底 為止 減 薪 物件 為 球 團 管理</t>
    <phoneticPr fontId="1" type="noConversion"/>
  </si>
  <si>
    <t>根據 知名 nba 記者 史坦 報導 指出 nba 費城 七六 人 與 nhl 紐澤西 魔鬼 隊 決定 針對 年薪 超過 5萬 美元 的 高階 主管 減 薪 幅度 高 達 20 七六 人 成為 nba 第一 支 減 薪 的 球 團 據 瞭解 這個 減 薪 計 畫 從 4 月 15 日 至 6 月底 為止 減 薪 物件 為 球 團 管理 高層 以及 教練團 七六 人 總裁 赫克 總管 布蘭登 與 母公司 ceo 歐 內爾都 同意 這個 減 薪 計 畫 然而 這個 減 薪 計 畫 並不 包含 球員 因為 每個 球員 的 合約 都 是 單獨 性 不 適合 這個 減 薪 措施 聯盟 允諾 4 月 1 日照 發球員 薪水</t>
    <phoneticPr fontId="1" type="noConversion"/>
  </si>
  <si>
    <t>減 薪 nba 七六 人</t>
    <phoneticPr fontId="1" type="noConversion"/>
  </si>
  <si>
    <t>全球股市 慘 綠 美 股 單 周重 挫 近 4000 點</t>
    <phoneticPr fontId="1" type="noConversion"/>
  </si>
  <si>
    <t>跨 界 交流 桌 球 一 姊 遇上 跨欄 一 哥</t>
    <phoneticPr fontId="1" type="noConversion"/>
  </si>
  <si>
    <t>參采 二 次 包機 磋商 後續 包機 藍 委 籲 讓 台人 以 輕鬆 方便 無 負擔 返台</t>
    <phoneticPr fontId="1" type="noConversion"/>
  </si>
  <si>
    <t>歷經 一波三折 第二 批 武漢 包機 昨晚 終 返台 共有 361 人 返台 國民 黨團 首席 副 書記長 林 奕華 說 兩岸 應在 此次 包機 模式 基礎 上 盡 速 磋商 第 三 批 返台 包機 名單 讓 欲 返台 者 提前準備 國民黨 立 委 鄭正鈐 表示 政府 應 基於 人道 考</t>
    <phoneticPr fontId="1" type="noConversion"/>
  </si>
  <si>
    <t>奇 美 醫學 中心 即日起 一般 病房 禁止 探病</t>
    <phoneticPr fontId="1" type="noConversion"/>
  </si>
  <si>
    <t>我 見 我 思 謝錦芳 病毒 突變 與 企業 創新</t>
    <phoneticPr fontId="1" type="noConversion"/>
  </si>
  <si>
    <t>恒 春 無 罩 開 趴 抓到 了 屏 東 縣府 要 罰 彰 化 客</t>
    <phoneticPr fontId="1" type="noConversion"/>
  </si>
  <si>
    <t>恒 春日 前 有 民 宿包棟 遊客 不僅 不 戴 口罩 更 群 聚 喧嘩 引來 當地 居民 不滿 屏 東 縣政府 率隊 稽查 掌握 投宿 旅客 來自 彰 化 將 依依 傳染病 防治法 開 罰 當地 民眾 將 整起 事件 影像 公佈 痛駡 遊客 不 戴 口罩 又 在 住宅區 群 聚 居民 在</t>
    <phoneticPr fontId="1" type="noConversion"/>
  </si>
  <si>
    <t>恒 春日 前 有 民 宿包棟 遊客 不僅 不 戴 口罩 更 群 聚 喧嘩 引來 當地 居民 不滿 屏 東 縣政府 率隊 稽查 掌握 投宿 旅客 來自 彰 化 將 依依 傳染病 防治法 開 罰 當地 民眾 將 整起 事件 影像 公佈 痛駡 遊客 不 戴 口罩 又 在 住宅區 群 聚 居民 在 擔心 有 疫情 延 燒 之 虞 同時 發起 我 家鄉 不是 你 的 避難所 勸說 店家 停業 防疫 串連 屏 縣府 交 旅 處 副 處長 倪國鈞 指出 19 日 就 宣佈 不得 戶外 群 聚 且 全程 需 佩戴 口罩 遊客 顯然 觸犯 防疫 規定 將 依 業者 提供 的 資料 針對 來自 彰 化 的 旅客 開 罰 同時 呼籲 遊客 若非 必要 減少 移動 少 出門 一同 防疫</t>
    <phoneticPr fontId="1" type="noConversion"/>
  </si>
  <si>
    <t>貨櫃 醫院 人員 戶外 安全</t>
    <phoneticPr fontId="1" type="noConversion"/>
  </si>
  <si>
    <t>回家 過年 陷 兩難 境外 生 煎熬</t>
    <phoneticPr fontId="1" type="noConversion"/>
  </si>
  <si>
    <t>境外 生 回台 世新大學 回家 蕭文</t>
    <phoneticPr fontId="1" type="noConversion"/>
  </si>
  <si>
    <t>地 小人 稠 星 國 鼓勵 全民 種菜</t>
    <phoneticPr fontId="1" type="noConversion"/>
  </si>
  <si>
    <t>室內 農場 農場 高科技 種植 糧食</t>
    <phoneticPr fontId="1" type="noConversion"/>
  </si>
  <si>
    <t>新北 本 周 運輸量 大增 侯友宜 用 網路 代替 馬路</t>
    <phoneticPr fontId="1" type="noConversion"/>
  </si>
  <si>
    <t>本土 疫情 嚴峻 新北 市 今 新增 44 例 本土 確診 確診 個案 不斷 降低 新北 市長 侯友宜 表示 根據 市府 做 的 交通量 預警機 製錶 國道 公車 台鐵 高鐵 運量 都 較 上周 大幅 上升 他 提醒 大家 想要 透透氣 是 人性 但 請 大家 忍耐 用 網</t>
    <phoneticPr fontId="1" type="noConversion"/>
  </si>
  <si>
    <t>春節 台商 檢疫 縮短 後 4 天 可 返家 檢疫</t>
    <phoneticPr fontId="1" type="noConversion"/>
  </si>
  <si>
    <t>亞 高 收 債 未 掃 到 颱風 尾</t>
    <phoneticPr fontId="1" type="noConversion"/>
  </si>
  <si>
    <t>颱風</t>
    <phoneticPr fontId="1" type="noConversion"/>
  </si>
  <si>
    <t>亞洲 固定 收益 收益 肺炎 全球 主要 央行 穩健</t>
    <phoneticPr fontId="1" type="noConversion"/>
  </si>
  <si>
    <t>觀光局 主 秘派 下屬 接 機 未 確實 申報 健康 聲明書 連 喝 咖啡 都 不 罰 放縱 雙重標準 防疫 遲早 破 功</t>
    <phoneticPr fontId="1" type="noConversion"/>
  </si>
  <si>
    <t>咖啡 聲明 觀光局 發病 高官</t>
    <phoneticPr fontId="1" type="noConversion"/>
  </si>
  <si>
    <t>創 新高 單日 確診 岩手 縣 零 確診 東京</t>
    <phoneticPr fontId="1" type="noConversion"/>
  </si>
  <si>
    <t>和平醫院 翻版 聯 醫 某 院區 爆 危機 感染者 恐 流動 到 各院 區</t>
    <phoneticPr fontId="1" type="noConversion"/>
  </si>
  <si>
    <t>台 日 友好 但 日本 不 認 臺灣 疫苗 接種 證明 網 戰 翻</t>
    <phoneticPr fontId="1" type="noConversion"/>
  </si>
  <si>
    <t>日本 放寬 邊境 管制 並 宣佈 若 有 完整 接種 日本 認可 的 3 種 疫苗 bnt az 或 莫德納 入境 隔離 期間 可 從 10 天 縮短 為 3 天 但因 日本 不 承認 臺灣 的 疫苗 接種 證明 引發 國內 網友 熱 議 甚至 論戰 有 批 踢踢 網友 譏諷 真是 台日 友好</t>
    <phoneticPr fontId="1" type="noConversion"/>
  </si>
  <si>
    <t>日本 放寬 邊境 管制 並 宣佈 若 有 完整 接種 日本 認可 的 3 種 疫苗 bnt az 或 莫德納 入境 隔離 期間 可 從 10 天 縮短 為 3 天 但因 日本 不 承認 臺灣 的 疫苗 接種 證明 引發 國內 網友 熱 議 甚至 論戰 有 批 踢踢 網友 譏諷 真是 台日 友好 但 也 另 有 網友 指出 臺灣 沒 放寬 邊境 管制 日本 憑 什麼 要 放寬 有 網友 今 9 日 在 批 踢踢 八卦板 上 爆 料 稱 日本 昨 8 日 公佈 開放 商務 與 留學生 簽證 日本政府 承認 的 國家 區域 名單 完整 接種 過 2 劑 疫苗 az bnt 莫德納 的 旅客 可以 將 14 天 隔離 縮短 為 3 天 但是 臺灣 不在 名單 內 也就是說 不 認 臺灣 的 接種 證明 不管 是 打 bnt az 還 是 高端 一律 要 隔離 14 天 該 網友 詢問 這 是 怎麼回事 大批 網友 也 在 其 po 文 底下 留言 表示 台 日 友好 台 日 友好 快 把 最 頂 最貴 的 高端 送 他們 慟 所謂 的 台日 友好 竟然 只 是 一廂情願 真心 換 絕情 笑死 但 也 有 網友 指出 日本 人 心眼 很 小 的 臺灣 不 放寬 邊境 管制 日本 憑 什麼 要 放寬 除非 臺灣 放寬 隔離政策 憑 什麼 要求 日本 放寬 這 玩意 是 互相 的 一 堆 沒 外交 概念 推 文 對此 衛福 部長 陳時中 今 在 記者會 上 證實 有 此事 並 解釋 臺灣 的 小 黃卡 和 日本 疫苗 的 證明 無 法 相通 最 大 的 關鍵 還是 在於 臺灣 還 是 要 居家 檢疫 14 天 因此 沒有 雙方 互相 認可 的 機會 目前 還 在 談 但 我方 會 積極爭取</t>
    <phoneticPr fontId="1" type="noConversion"/>
  </si>
  <si>
    <t>邊境 管制 台日 友好 臺灣 日本 接種 證明</t>
    <phoneticPr fontId="1" type="noConversion"/>
  </si>
  <si>
    <t>連續 3 天 無 新增 全國 學生 確診 人數 維持 754 例</t>
    <phoneticPr fontId="1" type="noConversion"/>
  </si>
  <si>
    <t>疫情 受 控 鍾 南山 別 指望 全 消失</t>
    <phoneticPr fontId="1" type="noConversion"/>
  </si>
  <si>
    <t>廣州 肺炎 反彈 輸入 鍾 南山</t>
    <phoneticPr fontId="1" type="noConversion"/>
  </si>
  <si>
    <t>香港 確診 數 激增 學者 示 警 若 每日 都 破百 公立醫院 一 周內 爆滿</t>
    <phoneticPr fontId="1" type="noConversion"/>
  </si>
  <si>
    <t>臺灣 防疫 被 贊 爆 前 署長 曝 22 年 前 一 場 仗 是 關鍵</t>
    <phoneticPr fontId="1" type="noConversion"/>
  </si>
  <si>
    <t>譚 德塞 胡說八道 黃明志 髒話 怒飆 贊 臺灣 防疫 強大</t>
    <phoneticPr fontId="1" type="noConversion"/>
  </si>
  <si>
    <t>1 分鐘 看 世界 北京 現 新 疫情 世衛 調查 源頭 美 陸 放寬 客機 互 飛</t>
    <phoneticPr fontId="1" type="noConversion"/>
  </si>
  <si>
    <t>疫 急 美 建 野戰醫院 南韓 蓋 方 艙</t>
    <phoneticPr fontId="1" type="noConversion"/>
  </si>
  <si>
    <t>確診 個案 美國 疫苗 肺炎 南韓</t>
    <phoneticPr fontId="1" type="noConversion"/>
  </si>
  <si>
    <t>北市啟動千人血清抗體研究 柯文哲要查「這三件事」：週五說明細節</t>
    <phoneticPr fontId="1" type="noConversion"/>
  </si>
  <si>
    <t>北市 啟動 千 人 血清 抗體 研究 柯文哲 要 查 這 三 件 事 週五 說明 細節</t>
    <phoneticPr fontId="1" type="noConversion"/>
  </si>
  <si>
    <t>外傳 北 市府 即將 展開 萬 華區 血清 抗體 研究 臺北市 長 柯文哲 今日 證實 此事 並說 該 研究 要 查 3 件 事 包括 社區 中 是否 藏有 許多 黑 數 民眾 確診 打 疫苗 後 的 抗體 變化 以及 臺灣 是否 該 追加 購買 第 三 劑 疫苗 也 承諾 週五 將 請 研究 計</t>
    <phoneticPr fontId="1" type="noConversion"/>
  </si>
  <si>
    <t>血清 抗體 說明 北 市府 研究 柯文哲</t>
    <phoneticPr fontId="1" type="noConversion"/>
  </si>
  <si>
    <t>酷 碰 券 改 發 現金 消費 券 沈榮津 會 傾聽意見 整體 評估</t>
    <phoneticPr fontId="1" type="noConversion"/>
  </si>
  <si>
    <t>禍不單行 為 防疫 喝到 假酒 伊朗 釀 20 死</t>
    <phoneticPr fontId="1" type="noConversion"/>
  </si>
  <si>
    <t>榮剛 3 月 合併 營 收 8 41億 元 創 今年 來 新高</t>
    <phoneticPr fontId="1" type="noConversion"/>
  </si>
  <si>
    <t>每日 確診 數 破 十萬 delta 病毒 讓 美 觸 底 疫情 6 周內 重返 去年 節點</t>
    <phoneticPr fontId="1" type="noConversion"/>
  </si>
  <si>
    <t>萬華 運動 中心 推 打 第 三 劑 疫苗 免費 游泳 1 個 月 柯文哲 不實 廣告 已 下 架</t>
    <phoneticPr fontId="1" type="noConversion"/>
  </si>
  <si>
    <t>廣告 萬華 運動 中心 免費 不實 下 架</t>
    <phoneticPr fontId="1" type="noConversion"/>
  </si>
  <si>
    <t>一起 抗 疫 網協 製作 防疫 影片</t>
    <phoneticPr fontId="1" type="noConversion"/>
  </si>
  <si>
    <t>選手 觀眾 防疫 網球 口沫</t>
    <phoneticPr fontId="1" type="noConversion"/>
  </si>
  <si>
    <t>隔離 收 容人 監所 發現 矯正 機關</t>
    <phoneticPr fontId="1" type="noConversion"/>
  </si>
  <si>
    <t>本土206例分佈曝光 板橋暴增 萬華最多</t>
    <phoneticPr fontId="1" type="noConversion"/>
  </si>
  <si>
    <t>本土 206 例 分佈 曝光 板橋 暴 增 萬華 最 多</t>
    <phoneticPr fontId="1" type="noConversion"/>
  </si>
  <si>
    <t>盤後 解析 多頭 啟 航 周線連 9 紅</t>
    <phoneticPr fontId="1" type="noConversion"/>
  </si>
  <si>
    <t>東京 迪士尼休 園 至 3 月 15 日 大 阪 環球 影城 也 暫 休</t>
    <phoneticPr fontId="1" type="noConversion"/>
  </si>
  <si>
    <t>據 nhk 報導 受 疫情 影響 位 于千 葉縣 的 東京 迪士尼 樂園 及 迪士尼 海洋 宣佈 自 29 日 起 臨時 休 園 至 3 月 15 日 該 公司 表示 暫定 於 3 月 16 日 恢復 營運 但 將 與 政府 有關 單位 密切 溝通 後 再行 宣佈 大 阪 環球 影城 也 於 迪士尼 宣佈 休 園</t>
    <phoneticPr fontId="1" type="noConversion"/>
  </si>
  <si>
    <t>想 玩 趁現在 高雄 溫泉 飯店 萬元房 下 殺 5 折</t>
    <phoneticPr fontId="1" type="noConversion"/>
  </si>
  <si>
    <t>新型 肺炎 疫情 重創 觀光業 在 景氣 寒冬 之際 高雄 田寮 花季 飯店 逆向 操作 祭出 促銷 方案 推出 2020 花季 愛 您 湯屋 優惠活動 活動 期間 2 月 20 日 至 3 月 20 日間 原價 要 2500 元 高級 湯屋 只 要 2020 就 可 享受 另 體恤 旅遊業 辛苦</t>
    <phoneticPr fontId="1" type="noConversion"/>
  </si>
  <si>
    <t>花季 飯店 民眾 溫泉 花季</t>
    <phoneticPr fontId="1" type="noConversion"/>
  </si>
  <si>
    <t>南韓 出現 超級 傳播 者 61 歲 婦 發燒 不 聽 勸 照 參加 婚禮</t>
    <phoneticPr fontId="1" type="noConversion"/>
  </si>
  <si>
    <t>taiwan need help 促成 美國 疫苗 助 台 關鍵 推手 柯建銘 爆 是 她</t>
    <phoneticPr fontId="1" type="noConversion"/>
  </si>
  <si>
    <t>監守自盜 a 口罩 6000 片 中校 被 移送</t>
    <phoneticPr fontId="1" type="noConversion"/>
  </si>
  <si>
    <t>口罩 肺炎 國防部 協助 嚴峻</t>
    <phoneticPr fontId="1" type="noConversion"/>
  </si>
  <si>
    <t>美 擴大 紓困 參院 追加 14 7 兆 台幣</t>
    <phoneticPr fontId="1" type="noConversion"/>
  </si>
  <si>
    <t>肺炎 民主黨 小企業 紓困 醫療 體系</t>
    <phoneticPr fontId="1" type="noConversion"/>
  </si>
  <si>
    <t>居家 檢疫 男 夜 店 爽 玩 侯友宜 罰 100萬 一定 不 手軟</t>
    <phoneticPr fontId="1" type="noConversion"/>
  </si>
  <si>
    <t>新北 市 一 名家 住 三 重 的 30 多 歲 男子 昨 清晨 被 警方 查獲 違反 居家 檢疫 規定 到 北市 忠孝東路 某 夜 店 狂歡 新北 衛生局 從 重罰 處 100萬 新北 市長 侯友宜 今 23 表示 只要 你 居家 檢疫 者 踏 出 門口 一定 罰 你 如果 到 人 多 不 通風 的</t>
    <phoneticPr fontId="1" type="noConversion"/>
  </si>
  <si>
    <t>新北 市 一 名家 住 三 重 的 30 多 歲 男子 昨 清晨 被 警方 查獲 違反 居家 檢疫 規定 到 北市 忠孝東路 某 夜 店 狂歡 新北 衛生局 從 重罰 處 100萬 新北 市長 侯友宜 今 23 表示 只要 你 居家 檢疫 者 踏 出 門口 一定 罰 你 如果 到 人 多 不 通風 的 地方 趴 趴 走 被 逮 到 一定 送 集中 檢疫所 然後 罰 一百萬 我 一定 不 手軟 侯友宜 指出 新北 市 居家 檢疫 的 量 大概 為 全國 最高 累計 至 今 早 有 10516 個 可以 講 全 臺灣 三 分之一 到 四 分之一 都 在 新北 市 居家 檢疫 落 跑 一定 採取 重罰 絕不 手軟 侯友宜 表示 這 段 時間 疫情 高張 大家 顧 自己 外 也 要 顧 別人 健康 如果 碰到困難 所有 的 里幹事 志 工 都 會 為 你 服務 安心 的 在家 或是 來 住 防疫 旅館 這個 部 份 我 一定 把 他們 照顧 的 無微不至 侯友宜 說 每天晚上 都會 請 同仁 到 人潮 聚集 的 地方 不 斷 查 察 白天 也 會 到 易 逗留 人潮 多 的 地方 瞭解 有沒有 居家 檢疫 者 跑 出來 在 這裡 也 要 拜 讬 我們 業者 公有 封閉 空間 已經 封閉 了 兩 個 禮拜 業者 也 儘量 全力 配合 不要 把 太 多 人 帶到 店裡 面 來 以免 交叉 感染 群 聚 感染 一發不可收 十</t>
    <phoneticPr fontId="1" type="noConversion"/>
  </si>
  <si>
    <t>一 分鐘 快速 看 懂 今日 疫情 記者會 重點</t>
    <phoneticPr fontId="1" type="noConversion"/>
  </si>
  <si>
    <t>本土 疫情 來勢洶洶 金融業 確診 案 頻 傳 現在 連 警衛 也 受 波及 臺北 富 邦 銀行 證實 昨 接 獲 通報 位於 臺北市 萬 華區 的 桂林 分行 代班 警衛 確診 除 進行 全行 舍 消毒 外 也 同步 安排 分行 全體 行員 進行 快 篩 慶倖 的 是 全體 行員 的 檢</t>
    <phoneticPr fontId="1" type="noConversion"/>
  </si>
  <si>
    <t>本土 疫情 來勢洶洶 金融業 確診 案 頻 傳 現在 連 警衛 也 受 波及 臺北 富 邦 銀行 證實 昨 接 獲 通報 位於 臺北市 萬 華區 的 桂林 分行 代班 警衛 確診 除 進行 全行 舍 消毒 外 也 同步 安排 分行 全體 行員 進行 快 篩 慶倖 的 是 全體 行員 的 檢測 結果 均 呈 陰性反應 臺北 富 邦 銀行 表示 桂林 分行 駐 衛警 是 由 外 包 保全公司 委派 日前 因 原 派遣 人力 休假 保全公司 指派 代班 警衛 于 5 月 18 日 輪 職 一 天 桂林 分行 依 例行 消毒 行程 19 進行 全行 舍 消毒 工作 臺北 富 邦 銀行 昨 接 獲 通知 該 名 代班 警衛 確診 立刻 再 安排 全行 舍清 消 工作 臺北 富 邦 銀行 強調 持續 關心 員工 健康狀況 並 嚴格 落實 各項 防疫 措施 確保 客戶 及 同仁 健康 安全</t>
    <phoneticPr fontId="1" type="noConversion"/>
  </si>
  <si>
    <t>衛福部 出 招 莫德納 混打 高端 盧秀燕 回 應 了</t>
    <phoneticPr fontId="1" type="noConversion"/>
  </si>
  <si>
    <t>國內 疫苗 短缺 逾 300萬 人 等 不 到 第 2 劑 莫德納 650萬 人 沒有 az 第 2 劑 可 打 合計 近 1000萬 人 的 疫苗 孤兒 政府 將 提供 另 一 選擇 混打 高端 台中 市長 盧秀燕 16 日 表示 此事 要 慎重 並 聆聽 民意 市府 不 反對 疫苗 混打 但要 有 科學 根</t>
    <phoneticPr fontId="1" type="noConversion"/>
  </si>
  <si>
    <t>劉結一 講話 港 媒 傳遞 五 點 訊息</t>
    <phoneticPr fontId="1" type="noConversion"/>
  </si>
  <si>
    <t>國 台辦 15 日 頒佈 支持 台企 11 條 展現 大陸 繼續 加深 兩岸 經濟 合作 的 態度 會上 國 台辦 主任 劉結一 的 講話 港 媒 直言 透露 五 點 玄機 劉結 一15 日 在 助力 台企 11 條 暨 台商 參與 新 基建 政策 說明 會上 發表 講話 劉結一 表示 疫情 對 兩岸</t>
    <phoneticPr fontId="1" type="noConversion"/>
  </si>
  <si>
    <t>國 台辦 15 日 頒佈 支持 台企 11 條 展現 大陸 繼續 加深 兩岸 經濟 合作 的 態度 會上 國 台辦 主任 劉結一 的 講話 港 媒 直言 透露 五 點 玄機 劉結 一15 日 在 助力 台企 11 條 暨 台商 參與 新 基建 政策 說明 會上 發表 講話 劉結一 表示 疫情 對 兩岸 經濟 合作 雖 帶來 一定 消極影響 但 兩岸 經濟 互利 合作 的 基本 格局 沒有 改變 融合 發展 的 勢頭 不 會 減弱 他 還 端 出 兩岸 經貿 數字 指 今年 4 月 臺灣 對 大陸 出口 同比 增長 14 這個 比例 前所未有 劉 認為 疫情 後 雙方 都更 應 把 重心 放在 拼 經濟 對於 劉結一 的 講話 港 媒 中 評 網 認為 傳遞 五 個 訊息 第一 高度肯定 台商 在 抗 疫 中的 貢獻 第二 大陸 不僅 高度重視 在 陸 臺胞 的 身心 狀況 也 同樣 關心 在 臺灣 的 人民 情形 不僅 安排 臺灣 專家 來 武漢 實地考察 並 向 臺灣 分享 疫情 防控 技術 同心 攜手 對抗 疫情 第 三 在 防疫 基礎 上 大陸 將 協助 台企 度過 經濟 難關 提供 必要 因應 措施 第 四 大陸 將 不斷完善 惠 台 政策 吸引 台企 創新 和 拓展 內銷 市場 第 五 疫情 雖 對 兩岸 合作 帶來 負面影響 但 兩岸 互利 合作 的 基本 格局 並未 改變 也 可見 臺灣 一些 知名企業 加大 對 陸 投資 這 可 表明 大陸 仍 是 台商 投資 的 最佳 選擇</t>
    <phoneticPr fontId="1" type="noConversion"/>
  </si>
  <si>
    <t>大陸 劉結一 台企 臺灣 惠台 11 條</t>
    <phoneticPr fontId="1" type="noConversion"/>
  </si>
  <si>
    <t>巾幗不讓鬚眉 科技 女傑 闖 出 一 片 天 和 鑫 董事長 馬維欣 精准 跨 業 投資 創造 收益</t>
    <phoneticPr fontId="1" type="noConversion"/>
  </si>
  <si>
    <t>和 鑫 董事長 馬維欣 是 金融業 出身 隨 著 華新 麗 華 集團 跨 足 科技 業 曾任 彩晶 董事長 現任 和 鑫 董事長 近年 更 因為 跨 業 投資 進軍 飯店 文創 產業 在 科技 業 中 是 很 特別 的 例子 馬維欣 管理 風格 犀利 乾脆 講究 數字 管理 展現</t>
    <phoneticPr fontId="1" type="noConversion"/>
  </si>
  <si>
    <t>馬維欣 開幕 代廠 肺炎 投資</t>
    <phoneticPr fontId="1" type="noConversion"/>
  </si>
  <si>
    <t>嘉市 新北 觀光 雙城記 玩 滿玩好</t>
    <phoneticPr fontId="1" type="noConversion"/>
  </si>
  <si>
    <t>觀光 黃敏惠 雙城記 阿娥 豆花 永和 豆漿</t>
    <phoneticPr fontId="1" type="noConversion"/>
  </si>
  <si>
    <t>nba 科爾 持續 備戰 東奧 疫情 擴散 難 防</t>
    <phoneticPr fontId="1" type="noConversion"/>
  </si>
  <si>
    <t>5 28 解除 三級 侯友宜 坦承 不 樂觀 要 長期抗戰</t>
    <phoneticPr fontId="1" type="noConversion"/>
  </si>
  <si>
    <t>疫情 嚴峻 新北 市 今日 再 增 三 重 及 新莊 熱區 防疫 中心 新北 市長 侯友宜 今 早 視察 2 熱區 防疫 中心 作業 情形 被 問到 是否 於 5 月 28 日 解決 三級 警戒 侯友宜 回應 狀況 不 樂觀 民眾 要 有 長期抗戰 的 準備 雙北 本土 疫情 激增 臺北</t>
    <phoneticPr fontId="1" type="noConversion"/>
  </si>
  <si>
    <t>疫情 嚴峻 新北 市 今日 再 增 三 重 及 新莊 熱區 防疫 中心 新北 市長 侯友宜 今 早 視察 2 熱區 防疫 中心 作業 情形 被 問到 是否 於 5 月 28 日 解決 三級 警戒 侯友宜 回應 狀況 不 樂觀 民眾 要 有 長期抗戰 的 準備 雙 北 本土 疫情 激增 臺北市 長 柯文哲 認為 說 5 月 28 日 解決 三級 警戒 是 不太可能 的 侯友宜 今 視察 三 重 熱區 防疫 中心 指出 資料 沒有 趨 緩 狀況 尤其 校正 回歸 這 幾 天 個案 80 多 有 萬 華 接觸 活動 史 要 清除 萬華 接觸 史 他 認為 目前 不可能 更何況 有 許多 感染 源 並 不 清楚 侯友宜 指出 5 月 28 日 匡 列 采 檢 沒 辦法 做 完 因此 不要 太 樂觀 要 有 長期抗戰 的 準備 他 特別 跟 民眾 呼籲 要 保持 低度 活動 讓 疫情 的 傳播 鍊 能夠 快速 減少 目前 新北 市 非必要 的 營業 都 已經 大部分 暫時 停止 營業 像 林口 outlet 宏 匯 環球 大 賣 場 都 已經 停止 了 侯友宜 說 感謝 大 公司 都 願意 讓 員工 暫時 停止 營業 停止 移動 他 還 是 呼籲 大家 低度 活動 非必要 的 營業 場所 自主 停業 讓 這 波 疫情 趕快 得到 控制</t>
    <phoneticPr fontId="1" type="noConversion"/>
  </si>
  <si>
    <t>業績 電腦設備 光寶 科 2 月 營 收 月 減 23 年 減 20</t>
    <phoneticPr fontId="1" type="noConversion"/>
  </si>
  <si>
    <t>油 電 燃氣 煉油 石化 品 現 曙光 外資 喊 買 台 塑化 上 看 113 元</t>
    <phoneticPr fontId="1" type="noConversion"/>
  </si>
  <si>
    <t>1450 不見 了 蔡英文 被 八卦 版 噓 到 爆</t>
    <phoneticPr fontId="1" type="noConversion"/>
  </si>
  <si>
    <t>對於 總統 蔡英文 7 日 開線 上 記者會 呼籲 今年 端午節 拜 讬 大家 愛家鄉 就 留在 原地 愛家 人 也 請 不要 移動 意外 引爆 民怨 ptt 八卦 版 好幾 篇 貼 文 每篇 上百 筆 留言 表達 不滿 竟 未 見 到 1450 護航 文 的確 少見 行政院 宣佈 延長 防</t>
    <phoneticPr fontId="1" type="noConversion"/>
  </si>
  <si>
    <t>法國 確診 破 千 例 英國 319 例</t>
    <phoneticPr fontId="1" type="noConversion"/>
  </si>
  <si>
    <t>抗 疫 也 拼 招商 新北 祭 減租 優惠</t>
    <phoneticPr fontId="1" type="noConversion"/>
  </si>
  <si>
    <t>企業 廠商 招商 紓困 侯友宜</t>
    <phoneticPr fontId="1" type="noConversion"/>
  </si>
  <si>
    <t>今 增 21 例 死亡 最 年輕 30 多 歲 張上淳 僅 1 人 無 潛伏 疾病</t>
    <phoneticPr fontId="1" type="noConversion"/>
  </si>
  <si>
    <t>計程車 生意 掉 一半 韓國 瑜 允 協助</t>
    <phoneticPr fontId="1" type="noConversion"/>
  </si>
  <si>
    <t>日本 捐 124萬 劑 疫苗 黃偉哲 量 能 足夠 台南 日僑 優先 施打</t>
    <phoneticPr fontId="1" type="noConversion"/>
  </si>
  <si>
    <t>換 外幣 好 時機</t>
    <phoneticPr fontId="1" type="noConversion"/>
  </si>
  <si>
    <t>澳 幣 美國 台幣 對 降息 新 台幣</t>
    <phoneticPr fontId="1" type="noConversion"/>
  </si>
  <si>
    <t>男 星 認 臺灣 有 罵 譚德 賽 轟 不能 揭穿 惡 的 謊言 嗎</t>
    <phoneticPr fontId="1" type="noConversion"/>
  </si>
  <si>
    <t>世界衛生組織 who 秘書長 譚 德塞 日前 在 記者會 指 遭 臺灣 惡意 攻擊 甚至 受到 種族歧視 不僅 引發 全球 民眾 不滿 甚至 連署 要 他 下臺 對此 董事長 樂團 成員 林大鈞 則 po 文 痛 批 世界 不能 揭穿 惡人 的 謊言 嗎 新加坡 聯合 早</t>
    <phoneticPr fontId="1" type="noConversion"/>
  </si>
  <si>
    <t>世界衛生組織 who 秘書長 譚 德塞 日前 在 記者會 指 遭 臺灣 惡意 攻擊 甚至 受到 種族歧視 不僅 引發 全球 民眾 不滿 甚至 連署 要 他 下臺 對此 董事長 樂團 成員 林大鈞 則 po 文 痛 批 世界 不能 揭穿 惡人 的 謊言 嗎 新加坡 聯合早報 以 臺灣 真的 沒 攻擊 譚 德塞 嗎 為 標題 報導 指 證 臺灣 的 確有 攻勢 譚 德塞 引發 各界 議論 對此 林大鈞 則 坦言 臺灣 的 確有 罵 譚德 賽 啊 但 針對 的 並非 種族歧視 的 言論 而是 身 為 世界衛生組織 秘書長 卻 失 格 就事論事 的 言論 不 叫 攻擊 況且 身為 自由民主 的 世界 為何 不能 揭穿 惡人 謊言 林 大 鈞 更 撂下 狠 話 怒斥 譚 德塞 導致 全世界 死 了 那麼 多 人 此 番 失職 行為 別 想 卸責 等 著 被 國際法庭 審判 該 賠償 的 一個 都 不能 少 此 番 言論 也 引起 大批 網友 贊同</t>
    <phoneticPr fontId="1" type="noConversion"/>
  </si>
  <si>
    <t>媽祖 繞 境 停 不 停辦 民眾 表示 不該 人為 自主 硬性 決定</t>
    <phoneticPr fontId="1" type="noConversion"/>
  </si>
  <si>
    <t>國內 新增 2 確診 案例 80 歲 父 及 50 多 歲 子 均 無 出 國史</t>
    <phoneticPr fontId="1" type="noConversion"/>
  </si>
  <si>
    <t>影 李蘭娟 群體 免疫 說法 對 人民 極不 負 責任</t>
    <phoneticPr fontId="1" type="noConversion"/>
  </si>
  <si>
    <t>大陸 國家 衛健 委 高級別 專家組 成員 中國工程院 院士 李蘭娟 表示 有些 國家 提出 所謂 群體 免疫 的 觀點 這 是 對 老百姓 極不 負 責任 的 做法 大陸 疫情 已經 趨 緩 如果 到 3 月 20 日前 後 武漢 新增 病例 如果 歸零 再過 2 周後 就 可</t>
    <phoneticPr fontId="1" type="noConversion"/>
  </si>
  <si>
    <t>確診 者 愛犬 罹 癌 心急如焚 新北 市 動 保處 溫馨 接送 助 就醫</t>
    <phoneticPr fontId="1" type="noConversion"/>
  </si>
  <si>
    <t>仔仔 鼻腔 腫瘤 動 保處 新北 嗎啡</t>
    <phoneticPr fontId="1" type="noConversion"/>
  </si>
  <si>
    <t>花火節 延期 澎 湖 觀光 慘兮兮 縣長 親自 拉客</t>
    <phoneticPr fontId="1" type="noConversion"/>
  </si>
  <si>
    <t>確診 女 研究員 住家 單獨 出入 無 鄰居 遭 匡列</t>
    <phoneticPr fontId="1" type="noConversion"/>
  </si>
  <si>
    <t>nba 好慘 詹皇少 打 1 場 損失 千萬</t>
    <phoneticPr fontId="1" type="noConversion"/>
  </si>
  <si>
    <t>nba 詹姆斯 年薪 湖 人 例行 賽</t>
    <phoneticPr fontId="1" type="noConversion"/>
  </si>
  <si>
    <t>接種 疫苗 後 死亡 增 9 例 7 例 az 莫德納 高端各 1</t>
    <phoneticPr fontId="1" type="noConversion"/>
  </si>
  <si>
    <t>接種 疫苗 死亡 az 高端</t>
    <phoneticPr fontId="1" type="noConversion"/>
  </si>
  <si>
    <t>沈富雄 陳時中 疫苗 護照 疫苗 蘇貞昌</t>
    <phoneticPr fontId="1" type="noConversion"/>
  </si>
  <si>
    <t>戴 口罩 別 做 這些 運動 醫 曝 加重負擔 水氣 更 讓 病毒 入侵</t>
    <phoneticPr fontId="1" type="noConversion"/>
  </si>
  <si>
    <t>擴大 紓困 之 亂 衛福部 挨批 陳時中 道歉 請 大家 給 一點 時間 改正</t>
    <phoneticPr fontId="1" type="noConversion"/>
  </si>
  <si>
    <t>行政院長 蘇貞昌 今 下午 舉行 紓困 振興 記者會 首先 對於 紓困 亂象 道歉 並 要求 衛福部 簡化 流程 由 中央 負責 審查 基層 免責 衛福 部長 陳時中 表示 防疫 與 福利 本來 就 是 衛福部 重要 的 一 環 擴大 紓困 方案 有 缺失 沒 注意 到 造成 困</t>
    <phoneticPr fontId="1" type="noConversion"/>
  </si>
  <si>
    <t>本土 千 人 確診 這 年齡 占 3 成 醫 示 警 衝擊 要來 了</t>
    <phoneticPr fontId="1" type="noConversion"/>
  </si>
  <si>
    <t>全家 鮮 食 網 購 新品 疫情</t>
    <phoneticPr fontId="1" type="noConversion"/>
  </si>
  <si>
    <t>美 疫情 惡化 恐 超乎想像 蘋果 重新 關閉 32 家 門市</t>
    <phoneticPr fontId="1" type="noConversion"/>
  </si>
  <si>
    <t>蘋果 家 門市 美國 肺炎 門市</t>
    <phoneticPr fontId="1" type="noConversion"/>
  </si>
  <si>
    <t>新北 市 擬 取消 餐廳 內 用 柯文哲 不 要 看到 delta 病毒 就 地球 毀滅</t>
    <phoneticPr fontId="1" type="noConversion"/>
  </si>
  <si>
    <t>新北 市長 侯友宜 預告 一旦 幼稚園 確診 者 是 delta 病毒 將 立即 取消 餐廳 內 用 臺北市 長 柯文哲 7 日 表示 若是 遇到 delta 病毒 會 再 檢 視 一 遍 啟動 警戒 的 標準 與 定義 但 不 用 製造 恐慌 不 要 看到 1 例 delta 病毒 就 地球 毀滅 別 那麼</t>
    <phoneticPr fontId="1" type="noConversion"/>
  </si>
  <si>
    <t>delta 病毒 柯文哲 地球 毀滅 檢 視</t>
    <phoneticPr fontId="1" type="noConversion"/>
  </si>
  <si>
    <t>口罩 到處 都 有 何必 再 沖 藥局 網 曝 關鍵 原因 當然 買</t>
    <phoneticPr fontId="1" type="noConversion"/>
  </si>
  <si>
    <t>口罩 自由 買賣 後 若 不 追求 特殊 色 民眾 其實 可 在 許多 地方 買到 口罩 有 網友 好奇 發問 現在 還 會 去 領 實 名 制 口罩 嗎 引發 熱 議 釣 出 許多 人 喊 1 綜合 網友 的 回應 發現 仍 繼續 領取 的 原因 是 擔心 第二 波 疫情 出現 因此 還 不能 松</t>
    <phoneticPr fontId="1" type="noConversion"/>
  </si>
  <si>
    <t>口罩 網友 許多 實 名 制 口罩 藥局</t>
    <phoneticPr fontId="1" type="noConversion"/>
  </si>
  <si>
    <t>最 年輕 死亡 個案 24 歲 男 打 az 後 在家 身亡</t>
    <phoneticPr fontId="1" type="noConversion"/>
  </si>
  <si>
    <t>停泊 長崎 港 維修 的 郵輪 有 33 船員 確診</t>
    <phoneticPr fontId="1" type="noConversion"/>
  </si>
  <si>
    <t>長崎 港 維修 船員 停泊 郵輪</t>
    <phoneticPr fontId="1" type="noConversion"/>
  </si>
  <si>
    <t>網路 流傳 停課 假名 單 侯友宜 不實 訊息 將 送交 警方 偵 辦</t>
    <phoneticPr fontId="1" type="noConversion"/>
  </si>
  <si>
    <t>幼稚園 群 聚 感染 累計 16 例 確診 新北 強化 二級 警戒 7 日 至 21 日 今天 網路上 也 流傳 一 份 停課 名單 新北 市長 侯友宜 今 主持 疫情 記者會 表示 停課 名單 是 不實 故意 造成 大家 恐慌 將 依 傳染病 防治法 防治 送交 警察局 偵 辦 最高</t>
    <phoneticPr fontId="1" type="noConversion"/>
  </si>
  <si>
    <t>停課 名單 delta 新北 侯友宜 全校</t>
    <phoneticPr fontId="1" type="noConversion"/>
  </si>
  <si>
    <t>通信網 路 仲琦 連 3 年 營 收 破 百億</t>
    <phoneticPr fontId="1" type="noConversion"/>
  </si>
  <si>
    <t>冰雪 奇 緣 2 女星 也 中 招 好萊塢 確診 再 添 一 例</t>
    <phoneticPr fontId="1" type="noConversion"/>
  </si>
  <si>
    <t>確診 症狀 食欲不振 呼吸 急促 冰雪 奇 緣 2</t>
    <phoneticPr fontId="1" type="noConversion"/>
  </si>
  <si>
    <t>連江縣 失守 今 增 1 例 確診 馬祖屏 東 兩地 足跡 曝光</t>
    <phoneticPr fontId="1" type="noConversion"/>
  </si>
  <si>
    <t>連江縣 案 5774 馬祖 屏 東 返台</t>
    <phoneticPr fontId="1" type="noConversion"/>
  </si>
  <si>
    <t>高雄鳳 山 某 大樓 驚 傳 陽性 個案 急 召回 150 多 名 住戶</t>
    <phoneticPr fontId="1" type="noConversion"/>
  </si>
  <si>
    <t>網 傳 高雄鳳 山 某 大 樓 29 日 下午 傳出 有 住戶 確診 大批 住戶 緊急 被 召回 采 檢 衛生局 會同 警方 前往 封樓 並 替 住戶 快 篩 衛生局 在 防疫 記者會 上 證實 該 訊息 強調 該 大樓 確實 出現 一 名 陽性 個案 目前 已 清查 並 召回 該 大樓 60 戶 150 多</t>
    <phoneticPr fontId="1" type="noConversion"/>
  </si>
  <si>
    <t>新莊區衛福部立臺北醫院再設快篩站？侯友宜：盤整中</t>
    <phoneticPr fontId="1" type="noConversion"/>
  </si>
  <si>
    <t>新莊 區 衛福部 立 臺北 醫院 再 設 快 篩 站 侯友宜 盤整 中</t>
    <phoneticPr fontId="1" type="noConversion"/>
  </si>
  <si>
    <t>配置 新興 短期 高 收 債 強化 防禦 力</t>
    <phoneticPr fontId="1" type="noConversion"/>
  </si>
  <si>
    <t>肺炎 納入 資產 配置 美國 聯 准會 投資 高 收益 債</t>
    <phoneticPr fontId="1" type="noConversion"/>
  </si>
  <si>
    <t>delta 保護 力 打 疫苗 兩劑 臺灣</t>
    <phoneticPr fontId="1" type="noConversion"/>
  </si>
  <si>
    <t>高層 來者不拒 讓 消防 包 山包 海 基層 怨 我們 確診 誰 來 打火</t>
    <phoneticPr fontId="1" type="noConversion"/>
  </si>
  <si>
    <t>確診 夫婦 西非 返台 空服 員 曾說 喉嚨 痛 狂 吃 喉 糖</t>
    <phoneticPr fontId="1" type="noConversion"/>
  </si>
  <si>
    <t>喉嚨 痛 塞內加爾 確診 夫婦 空服 員</t>
    <phoneticPr fontId="1" type="noConversion"/>
  </si>
  <si>
    <t>抗體 疫苗 肺炎 病毒 增生</t>
    <phoneticPr fontId="1" type="noConversion"/>
  </si>
  <si>
    <t>感謝 日本 捐贈 124萬 劑 az 疫苗 朱立倫 政府 應 積極 讓 各種 管道 疫苗 來 台</t>
    <phoneticPr fontId="1" type="noConversion"/>
  </si>
  <si>
    <t>日本 捐贈 臺灣 124萬 濟 az 疫苗 下午 抵 台 國民黨 前 主席 朱立倫 表示 由衷感謝 日本政府 在 臺灣 最 需要 説明 的 時刻 幫忙 臺灣 後續 更 期待 有 更 多 國際 的 協助 讓 急需 疫苗 的 臺灣 能夠 早日 脫困 同時 也 感謝 許多 民間團體 與 企業 紛紛</t>
    <phoneticPr fontId="1" type="noConversion"/>
  </si>
  <si>
    <t>日本 捐贈 臺灣 124萬 濟 az 疫苗 下午 抵 台 國民黨 前 主席 朱立倫 表示 由衷感謝 日本政府 在 臺灣 最 需要 説明 的 時刻 幫忙 臺灣 後續 更 期待 有 更 多 國際 的 協助 讓 急需 疫苗 的 臺灣 能夠 早日 脫困 同時 也 感謝 許多 民間團體 與 企業 紛紛 表達 要 爭取 疫苗 更 希望 政府 能夠 積極 落實 讓 疫苗 早日 到達 臺灣 朱立倫 強調 為了 人民 沒有 面子 的 問題 臺灣 確實 需要 説明 更 大聲 地 向 全世界 發出 taiwan needs help taiwan needs vaccines 的 呼喚 此時 沒有 那麼 多 政治陰謀 論 或 顏色 之 別 臺灣 需要 説明 能夠 幫忙 臺灣 就 是 朋友 朱立倫 日前 表示 政府 防疫 的 首要 工作 除了 圍堵 就是 疫苗 政府 應 沒有 任何 政治 考量 不要 任何 官僚 心態 他 認為 任何 疫苗 來源 不管 中央 或 地方 民間 或 企業 海內 或 海外 僑胞 或 台商 能夠 爭取 到 疫苗 食 藥 署 快速 核准 就 立即 施打</t>
    <phoneticPr fontId="1" type="noConversion"/>
  </si>
  <si>
    <t>新北 校園 bnt 施打 今 有 14 名 學生 胸 悶 送醫</t>
    <phoneticPr fontId="1" type="noConversion"/>
  </si>
  <si>
    <t>新北 今天 完成 校園 bnt 疫苗 施打 新北 市 教育局 表示 今 有 8 女 6 男 共 14 人 送醫 其中 27 日 施 打 送醫 者 有 4 人 28 日 施 打 為 5 人 29 日 施 打 為 1 人 30 日 施 打 為 4 人 狀況 主要 為 胸 悶 頭痛 四肢 無力 發燒 其中 11 人 已 回家 休養 截</t>
    <phoneticPr fontId="1" type="noConversion"/>
  </si>
  <si>
    <t>載 秘魯 祖孫 返 屏 東 司機 祖孫 在 關廟 休息 站上 廁所</t>
    <phoneticPr fontId="1" type="noConversion"/>
  </si>
  <si>
    <t>新北 市府 衛生局 今 證實 當初 搭載 秘魯 返台 租 孫 的 防疫 計程車 司機 住 在 新北 中央 下午 已 通知 地方 要求 司機 前往 采 檢 目前 結果 尚未 出爐 據 瞭解 該 名 司機 當天 將 祖孫 載 回 屏 東 時 祖孫 兩 人 有 在 台南 的 關廟 休息 站 下車 上 廁所</t>
    <phoneticPr fontId="1" type="noConversion"/>
  </si>
  <si>
    <t>司機 祖孫 秘魯 屏 東 關廟 休息 站</t>
    <phoneticPr fontId="1" type="noConversion"/>
  </si>
  <si>
    <t>中 市 曝 3 官兵 確診 足跡 網 一 看 這 例 嚇壞</t>
    <phoneticPr fontId="1" type="noConversion"/>
  </si>
  <si>
    <t>《皇后的品格》女星宣佈結婚 對像是大7歲單眼皮前輩</t>
    <phoneticPr fontId="1" type="noConversion"/>
  </si>
  <si>
    <t>皇后 的 品格 女星 宣佈 結婚 物件 是 大 7 歲 單眼皮 前輩</t>
    <phoneticPr fontId="1" type="noConversion"/>
  </si>
  <si>
    <t>申 高恩 皇后 的 品格 結婚 尹鍾和 壞 愛情</t>
    <phoneticPr fontId="1" type="noConversion"/>
  </si>
  <si>
    <t>可以 回家 了 三 采 陰 拔 管 他 豎 大拇指 向 醫護 表達 謝意</t>
    <phoneticPr fontId="1" type="noConversion"/>
  </si>
  <si>
    <t>增 3 例 無 症狀 青島 恐 現 群 聚 感染</t>
    <phoneticPr fontId="1" type="noConversion"/>
  </si>
  <si>
    <t>大陸 醫院 輸入 無 症狀 感染 確診 病例</t>
    <phoneticPr fontId="1" type="noConversion"/>
  </si>
  <si>
    <t>疫苗 施打 資格 預先 查詢 發揮 功能 逾 150萬 人次 查詢</t>
    <phoneticPr fontId="1" type="noConversion"/>
  </si>
  <si>
    <t>黃偉哲 建議 中 央 儘快 將 大學 師生 納入 禁 出國 行列</t>
    <phoneticPr fontId="1" type="noConversion"/>
  </si>
  <si>
    <t>600億新冠肺炎紓困預算案 執政黨拚下週五3讀</t>
    <phoneticPr fontId="1" type="noConversion"/>
  </si>
  <si>
    <t>俄羅斯 返台 國人 采 檢 出爐 全團 皆 陰性</t>
    <phoneticPr fontId="1" type="noConversion"/>
  </si>
  <si>
    <t>滯留 俄羅斯 96 名 國人 前天 抵 台 在 機場 初步 檢疫 後 發現 9 人 過去 2 周 出現 症狀 其中 2 人 腹瀉 1 人 呼吸道 症狀 加上 嗅覺 異常 6 人 出現 呼吸道 症狀 這 9 名 國人 都 被 安排 采 檢 采 檢 結果 為 陰性 其 餘 87 人 也 接續 被 安排 采 檢 采 檢 結果</t>
    <phoneticPr fontId="1" type="noConversion"/>
  </si>
  <si>
    <t>采 檢 結果 俄羅斯 出爐 96 國人</t>
    <phoneticPr fontId="1" type="noConversion"/>
  </si>
  <si>
    <t>美 股 大 反彈 道 瓊飆漲 11 創 1933 年 來 最高 單日 漲幅</t>
    <phoneticPr fontId="1" type="noConversion"/>
  </si>
  <si>
    <t>要求 拆除 複 必 泰 布條 總統府 抗議 不實 臆測</t>
    <phoneticPr fontId="1" type="noConversion"/>
  </si>
  <si>
    <t>外傳 此次 bnt 來 台 過程 府 院 方面 曾 做出 延後 班機 等 要求 總統府 發言人 張惇涵 今天 表示 該 則 報導 並未 向 總統府 查證 且 內容 充滿 不實 臆測 總統府 表達 嚴正 抗議 並 呼籲 相關 媒體 妥 為 查證 各界 勿 以訛傳訛 傳遞 錯 假 訊息</t>
    <phoneticPr fontId="1" type="noConversion"/>
  </si>
  <si>
    <t>外傳 此次 bnt 來 台 過程 府 院 方面 曾 做出 延後 班機 等 要求 總統府 發言人 張惇涵 今天 表示 該 則 報導 並未 向 總統府 查證 且 內容 充滿 不實 臆測 總統府 表達 嚴正 抗議 並 呼籲 相關 媒體 妥 為 查證 各界 勿 以訛傳訛 傳遞 錯 假 訊息 媒體 報導 這 批 來 台 的 bnt 疫苗 原本 懸掛 一 張 印有 簡體 中文 複 必 泰 商標 的 布條 在 貨盤 上 驚動 府 院 黨 各路人馬 會商 最終 拍板 要 在 臺灣 下機 前 拿 掉 布條 還 要求 班機 延到 白天 到貨 張惇涵 針對 媒體 報導 做 三 點 說明 第一 今日 民間 企業 及 慈濟 基金會 皆 已 對外 說明 裝箱 外觀 上有 不 符合 捐贈 單位 先前 對 政府 說明 之 設計 字樣 事先 並未 告知 因 此 要求 抵 台 移除 實際上 相關 決定 是 由 捐贈 方 要求 代理商 辦理 第二 報導 指稱 政府 要求 疫苗 抵 台 時間 延到 白天 更 屬 荒誕 不實 貨運 航班 是 為 捐贈 方 企業 團體 所 規劃 安排 作為 受 贈 方 的 政府 則 負責 疫苗 到貨 後 的 封 緘 檢驗 配送 及 接種 規劃 國際航班 與 航線 的 派遣 規劃 有 其 專業 規範 政府 不可能 影響 國際航空公司 與 國際航班 時程 這 是 基本常識 第 三 總統府 感謝 民間 企業 慈濟 基金會 的 協助 在 洽 購 催 貨 供貨 的 過程 中 政府 與 三 間 企業 一直 都 有 直接 頻繁 密切 的 溝通 大家 的 共識 都 是 將 所 採購 的 疫苗 儘早 供應 抵 台 能夠 儘快 進行 接種 以 提升 疫苗 覆蓋率 守護 國人 朋友 的 健康 張惇涵 表示 對於 這 篇 不實 新聞 不僅 完全 無助 防疫 也 完全 無助於 後續 疫苗 供應 的 工作 更是 抹煞 了 捐贈 的 三 間 企業 團體 的 努力</t>
    <phoneticPr fontId="1" type="noConversion"/>
  </si>
  <si>
    <t>3 級 警戒 苗栗縣 標準 執行 外籍 移 工</t>
    <phoneticPr fontId="1" type="noConversion"/>
  </si>
  <si>
    <t>半 導體 q 4 不 淡 旺 到 明年 盛 群 帶 量 躍 70</t>
    <phoneticPr fontId="1" type="noConversion"/>
  </si>
  <si>
    <t>盛群 6202 今年 在 去 美化 產能 擁擠 以及 疫情 商機 帶動 下 營運 動能 強勁 全年 營 收 將 可 突破 50億 元 關卡 目前 除 樂觀 看好 第 四季 淡季 不 淡 外 明年 訂單 能見度 也 高 今 股價 逆勢 抗跌 走 揚 早 盤後 股價 黑 翻紅 大 漲逾 2 帶 量 站</t>
    <phoneticPr fontId="1" type="noConversion"/>
  </si>
  <si>
    <t>口 水戰 升級 白宮 顧問 批 陸用 武器化 病毒 攻擊 美國</t>
    <phoneticPr fontId="1" type="noConversion"/>
  </si>
  <si>
    <t>翁章梁訪視敏道家園 瞭解防疫情形</t>
    <phoneticPr fontId="1" type="noConversion"/>
  </si>
  <si>
    <t>翁章梁 訪視 敏 道家 園 瞭解 防疫 情形</t>
    <phoneticPr fontId="1" type="noConversion"/>
  </si>
  <si>
    <t>嘉義 縣長 翁章梁 4 日 在 嘉義 縣 社會 局長 蕭英成 陪同 下 前往 嘉 義縣 樸子市 敏 道 家園 瞭解 防疫 情形 翁章梁 指出 在 社 福 機構 安養 中心 服務 的 物件 免疫力 相對 較 弱 相關 防疫 也 更 重要 平日 家屬 或 善心人士 都 會 前來 園內 包含 工</t>
    <phoneticPr fontId="1" type="noConversion"/>
  </si>
  <si>
    <t>防疫 嘉 義縣 機構 服務 人員</t>
    <phoneticPr fontId="1" type="noConversion"/>
  </si>
  <si>
    <t>陳道輝 維護 長官 有 難言之隱 網 要 他 說 出來</t>
    <phoneticPr fontId="1" type="noConversion"/>
  </si>
  <si>
    <t>日 股 憂 疫情 財 報 日經指數 跌 至 1 周 新低</t>
    <phoneticPr fontId="1" type="noConversion"/>
  </si>
  <si>
    <t>春節 檢疫 專案 實施 至 明年 1 月底 陳 宗彥 視察 南市 警 電子 圍 籬 系統</t>
    <phoneticPr fontId="1" type="noConversion"/>
  </si>
  <si>
    <t>因應 春節 返國 隔離 居家 檢疫 民眾 大增 內政 部 政務 次長 陳 宗彥 3 日 視察 台南 市政府 警察局 防疫 電子 圍 籬 系統 工作 情形 希望 警 政 第一線 同仁 在 明年 1 月底 春節 專案 結束 前 多 辛勞 但 也 不 要 造成 民眾 困擾 一起 守護 邊境 社區 安全</t>
    <phoneticPr fontId="1" type="noConversion"/>
  </si>
  <si>
    <t>封城 也 沒用 澳洲 新南 威爾斯 州 單日 確診 創 新高</t>
    <phoneticPr fontId="1" type="noConversion"/>
  </si>
  <si>
    <t>澳洲 人口 最 多 的 新南 威爾斯 州 29 日 新增 1218 例 本土 確診 寫下 全國 單日 新高 紀錄 維多利亞州 首府 也 是 澳洲 第二 大城 墨爾本 原定 封鎖 期限 到 下月 2 日 週四 但 當局 宣佈 將 延長 封鎖 不過 尚未 發佈 要 持續 多久 時間 州長 安</t>
    <phoneticPr fontId="1" type="noConversion"/>
  </si>
  <si>
    <t>智邦 量 將 智邦 科技 外籍 員工 產量</t>
    <phoneticPr fontId="1" type="noConversion"/>
  </si>
  <si>
    <t>降級 潛水 游泳池 水肺 口罩</t>
    <phoneticPr fontId="1" type="noConversion"/>
  </si>
  <si>
    <t>美 正式 啟動 配送 輝瑞 疫苗 拼 2021 年 3 月底 前 1億 人 接種</t>
    <phoneticPr fontId="1" type="noConversion"/>
  </si>
  <si>
    <t>口罩 鬆綁 還 會 戴 嗎 網 超 怕 除非 疫情 結束</t>
    <phoneticPr fontId="1" type="noConversion"/>
  </si>
  <si>
    <t>口罩 戴 口罩 口罩 鬆綁 戶外 山林</t>
    <phoneticPr fontId="1" type="noConversion"/>
  </si>
  <si>
    <t>全球 安盛 生 系統 抗原 快 篩 安必 測</t>
    <phoneticPr fontId="1" type="noConversion"/>
  </si>
  <si>
    <t>送 疾 管署 花籃 朱學 恒 不 起訴</t>
    <phoneticPr fontId="1" type="noConversion"/>
  </si>
  <si>
    <t>爾俸 爾 祿 爆發 人民 肺炎 疾 管署</t>
    <phoneticPr fontId="1" type="noConversion"/>
  </si>
  <si>
    <t>明年 只 會 更慘 各國 預言家 同調 2021 仍 是 黑暗 年 還 有 更 大 災難</t>
    <phoneticPr fontId="1" type="noConversion"/>
  </si>
  <si>
    <t>反 制 國際 挺 台 參與 who 陸連署 施壓 譚 德塞 密信 曝光 了</t>
    <phoneticPr fontId="1" type="noConversion"/>
  </si>
  <si>
    <t>外 媒 關心 武漢 台商 陳時中 再 去 救援 會 形成 矛盾</t>
    <phoneticPr fontId="1" type="noConversion"/>
  </si>
  <si>
    <t>陳時中 大陸 救援 外 媒 生活</t>
    <phoneticPr fontId="1" type="noConversion"/>
  </si>
  <si>
    <t>杜特蒂 捐 1 個 月 薪水 抗 疫 菲國 內閣 自願 連續 3 個 月 減 薪</t>
    <phoneticPr fontId="1" type="noConversion"/>
  </si>
  <si>
    <t>杜特蒂 披 索 約 新 台幣 薪水 自願</t>
    <phoneticPr fontId="1" type="noConversion"/>
  </si>
  <si>
    <t>陸稱蘇 揆 指控 是 謊言 陸委會 回應 不 接受 政治 口 水</t>
    <phoneticPr fontId="1" type="noConversion"/>
  </si>
  <si>
    <t>吳斯懷 指 蔡英文 像 慈禧 蘇貞昌 批 讓 全民 憤怒</t>
    <phoneticPr fontId="1" type="noConversion"/>
  </si>
  <si>
    <t>蘇貞昌 疫情 政府 條例 肺炎</t>
    <phoneticPr fontId="1" type="noConversion"/>
  </si>
  <si>
    <t>大 蘋果 準備 好 了 紐約市 6 月 可望 第一 階段 重 啟</t>
    <phoneticPr fontId="1" type="noConversion"/>
  </si>
  <si>
    <t>紐約市 長白 思 豪 28 日 宣佈 全球 引 頸 期盼 的 好 消息 他 表示 6 月 的 第一 或 第二 個 禮拜 紐約 可望 進入 重 啟 的 第一 階段 一 步步 按照 紐約州 擬定 的 指導 守則 進行 白思豪 在 每日 例行 簡報 會 表示 現在 該是 紐約 客 因為 他們 的 努力</t>
    <phoneticPr fontId="1" type="noConversion"/>
  </si>
  <si>
    <t>紐約市 長白 思 豪 28 日 宣佈 全球 引 頸 期盼 的 好 消息 他 表示 6 月 的 第一 或 第二 個 禮拜 紐約 可望 進入 重 啟 的 第一 階段 一 步步 按照 紐約州 擬定 的 指導 守則 進行 白思豪 在 每日 例行 簡報 會 表示 現在 該是 紐約 客 因為 他們 的 努力 而 得到 報償 的 時候 了 他 說 對 紐約 人 來說 每 一 天都 不 輕鬆 但 紐約 人 卻 表現 非凡 這 是 你們 掙 得 的 他 說 第一 階段 包括 製造業 營建業 和 批發業 工作 以及 非 必要性 零售業 准許 路邊 或 店 內 取 貨 目前 預估 至少 將 有 20萬 到 40萬 員工 重返 工作 場所 白思豪 說 在 美國 大部分 地區 這 可能 是 他們 整個 城市 的 人口數 白思豪 指出 重開 經濟 後 各行各業 仍 有 一些 基本常識 必須 遵守 包括 社交 安全 距離 共 用 的 區域 必須 按時 清潔 配備 個人 防護 裝備 量 體溫 或 填寫 健康 問卷 等等</t>
    <phoneticPr fontId="1" type="noConversion"/>
  </si>
  <si>
    <t>男子 確診 家人 竟 能 逃 過 感染 醫師 透露 靠 這 三 招</t>
    <phoneticPr fontId="1" type="noConversion"/>
  </si>
  <si>
    <t>59 55萬 劑 az 今 抵 台 效期 到 12 月底</t>
    <phoneticPr fontId="1" type="noConversion"/>
  </si>
  <si>
    <t>致敬 南丁格爾 社 企 送 護手 霜 力 挺 醫護</t>
    <phoneticPr fontId="1" type="noConversion"/>
  </si>
  <si>
    <t>人 在 家中 坐 愛 奇 藝 大 賺 宅 商 機</t>
    <phoneticPr fontId="1" type="noConversion"/>
  </si>
  <si>
    <t>季度 收入 肺炎 淨 虧損 愛 奇 藝</t>
    <phoneticPr fontId="1" type="noConversion"/>
  </si>
  <si>
    <t>商品 期貨 趨勢 專欄 原油 期 波動 大 操作 謹慎</t>
    <phoneticPr fontId="1" type="noConversion"/>
  </si>
  <si>
    <t>原油 合約 肺炎 暴跌 疫情</t>
    <phoneticPr fontId="1" type="noConversion"/>
  </si>
  <si>
    <t>施志昌 要求 廟 方 繞 境 建 名冊 民政局 配合 中央 規定</t>
    <phoneticPr fontId="1" type="noConversion"/>
  </si>
  <si>
    <t>中央 提 600億 防疫 紓困 盧秀燕 籲 各局 處 積極爭取</t>
    <phoneticPr fontId="1" type="noConversion"/>
  </si>
  <si>
    <t>半 導體 聯發 科 q 3 報喜 好 到 2021 年 6 家 外資 正面 看</t>
    <phoneticPr fontId="1" type="noConversion"/>
  </si>
  <si>
    <t>聯發 科 2454 法 說 公佈 第 三 季財報 亮 眼 第 四季 也 將 淡季 不 淡 加上 對 2021 年 展望 也 持續 樂觀 6 家 外資 對聯 發 科 出具 最新 研究 報告 指出 大多 對聯 發 科 給予 正面 肯定 5 家 維持 買進 或 優於 大盤 評等 僅 一家 日 系 外資 維持 中立 評等</t>
    <phoneticPr fontId="1" type="noConversion"/>
  </si>
  <si>
    <t>聯發 科 5 g 華為 oppo vivo</t>
    <phoneticPr fontId="1" type="noConversion"/>
  </si>
  <si>
    <t>疫苗 接種 死亡 新北 再 添 6 例</t>
    <phoneticPr fontId="1" type="noConversion"/>
  </si>
  <si>
    <t>黃偉哲 再 杠 蘇貞昌 網 驚 問 一 句</t>
    <phoneticPr fontId="1" type="noConversion"/>
  </si>
  <si>
    <t>新疆 再 增 13 例 確診 已 隔離 2705 名 相關 人士</t>
    <phoneticPr fontId="1" type="noConversion"/>
  </si>
  <si>
    <t>病例 新疆 烏魯木齊 疫情 症狀</t>
    <phoneticPr fontId="1" type="noConversion"/>
  </si>
  <si>
    <t>文大 4 名 學生 確診 大 倫 館 345 名 住宿生 今 快 篩</t>
    <phoneticPr fontId="1" type="noConversion"/>
  </si>
  <si>
    <t>學生 確診 校方 文大 大 倫 館</t>
    <phoneticPr fontId="1" type="noConversion"/>
  </si>
  <si>
    <t>公主 號 上 5 名 台 籍 旅客 已 下船 赴 飯店 休息</t>
    <phoneticPr fontId="1" type="noConversion"/>
  </si>
  <si>
    <t>我 駐 日 代表 謝長廷 19 日 偕 代表處 同仁 及 橫濱 辦事處 處長 張淑玲 等 人 在 橫濱 港 候船室 等候 及 並 高舉 我國 國旗 迎接 下船 的 5 位 國人 代表處 表示 5 位 國人 於 下午 2 時前 臺北 時間 1 點 前 先後 下船 他們 看到 代表處 人員 舉 國旗 歡迎 激</t>
    <phoneticPr fontId="1" type="noConversion"/>
  </si>
  <si>
    <t>我 駐 日 代表 謝長廷 19 日 偕 代表處 同仁 及 橫濱 辦事處 處長 張淑玲 等 人 在 橫濱 港 候船室 等候 及 並 高舉 我國 國旗 迎接 下船 的 5 位 國人 代表處 表示 5 位 國人 於 下午 2 時前 臺北 時間 1 點 前 先後 下船 他們 看到 代表處 人員 舉 國旗 歡迎 激動 地 潸然淚下 謝長廷 代表 政府 向 他們 一一 表達 慰問 之 意 另 蘇醫生 向 他們 說明 返台 檢疫 事宜 及 相關 注意事項 5 位 國 人均 表示感謝 最後 他們 在 本處 人員 引導 下 上車 直接 前往 飯店 郵輪 上 乘客 今天 約 下船 500 人 預定 明天 後天 還 將 有 我國 旅客 下船 台籍 旅客 共 5 人 確診 他們 將 留在 日本 治療 我國 政府 將 待 所有 病毒 檢驗 陰性 並 無 發燒 等 症狀 的 國人 到齊 後 統一 搭 包機 返台 包機 目前 預定 21 日 從 東京羽田機場 出發</t>
    <phoneticPr fontId="1" type="noConversion"/>
  </si>
  <si>
    <t>下船 台籍 旅客 飯店 預定 日本</t>
    <phoneticPr fontId="1" type="noConversion"/>
  </si>
  <si>
    <t>基 市 明 德國 中 送 酒精 口罩</t>
    <phoneticPr fontId="1" type="noConversion"/>
  </si>
  <si>
    <t>口罩 發燒 安置 肺炎 額 溫槍</t>
    <phoneticPr fontId="1" type="noConversion"/>
  </si>
  <si>
    <t>國內 累計 339 人 確診 50 人 解除 隔離</t>
    <phoneticPr fontId="1" type="noConversion"/>
  </si>
  <si>
    <t>疫 後 復蘇 經濟 韓 市府 挺 青年 釋 500 職 缺</t>
    <phoneticPr fontId="1" type="noConversion"/>
  </si>
  <si>
    <t>後 疫情 時代 來臨 高雄 市府 發起 暖 心 相守挺 青年 活動 高雄 市長 韓國瑜 12 日 表示 疫情 之後 憂心 今年 畢業 季後 青年 恐無 工作 機會 市府 幫 青年 就業 路 超前 部署 邀請 高雄 在 地 優質 企業 釋出 逾 500 個 職 缺 另外 青年 局 也 在 5 月</t>
    <phoneticPr fontId="1" type="noConversion"/>
  </si>
  <si>
    <t>後 疫情 時代 來臨 高雄 市府 發起 暖 心 相守挺 青年 活動 高雄 市長 韓國瑜 12 日 表示 疫情 之後 憂心 今年 畢業 季後 青年 恐無 工作 機會 市府 幫 青年 就業 路 超前 部署 邀請 高雄 在 地 優質 企業 釋出 逾 500 個 職 缺 另外 青年 局 也 在 5 月 推出 青年 築 夢 獎勵 金 提供 125 名 青年 申請 今 韓國瑜 與 經發 局長 伏和 中 青年 局長 林鼎超 勞工 局長 王秋冬 等 共同 召開 暖 心 相守 挺 青年 記者會 韓國瑜 提到 今年 因為 疫情 關係 6 月 鳳凰花開 之際 恐怕 成為 青年 朋友 失業 最 嚴重 的 一 年 因此 市府 向 企業界 爭取 釋放 更 多 職 缺 給 青年 朋友 韓國 瑜 表示 除 企業 釋出 工作 機會 給 青年 外 針對 在學 青年 方面 市府 放寬 暑假 工 讀 名額 讓 在 學生 有 機會 到 市政府 來 上班 預計 釋出 300 多 個 打工 職 缺 經 發 局長 伏和 中 指出 今天 現場 來 了 近 25 個 企業 代表 包括 醫療 美容 電子 零 元件 螺絲 螺帽 傳 產業等 企業 表達 對於 未來 人才 的 需求 提出 570 個 職 缺 幫助 青年 就業 也 希望 其他 企業 能夠 加入 征 才 行列</t>
    <phoneticPr fontId="1" type="noConversion"/>
  </si>
  <si>
    <t>陳明璋 指 陸 經濟 進入 保 4 爭 5 年代</t>
    <phoneticPr fontId="1" type="noConversion"/>
  </si>
  <si>
    <t>大陸 政治 肺炎 經濟 臺灣</t>
    <phoneticPr fontId="1" type="noConversion"/>
  </si>
  <si>
    <t>印度 疫情 慘烈 企業 致力 保護 員工</t>
    <phoneticPr fontId="1" type="noConversion"/>
  </si>
  <si>
    <t>工作 調派 員工 運作 肺炎</t>
    <phoneticPr fontId="1" type="noConversion"/>
  </si>
  <si>
    <t>新北 市 居檢男 猝死 倒 臥 防疫 旅館 馬桶 旁</t>
    <phoneticPr fontId="1" type="noConversion"/>
  </si>
  <si>
    <t>63 歲 林姓 男子 8 日 自大 陸 返台 於 新北 市 板橋 區 防疫 旅館 內 居家 檢疫 今 15 日 下午 被 發現 猝死 於 浴缸 旁 林男 無 明顯 外傷 曾有 中風 紀錄 警方 初步 排除 他殺 詳細 死因 待 檢 警 進一步 厘 清 據悉 林男 8 日 自大 陸 返台 8 日 至 1</t>
    <phoneticPr fontId="1" type="noConversion"/>
  </si>
  <si>
    <t>8 日 林男 居家 檢疫 大陸 返台 新北 市 板橋 區</t>
    <phoneticPr fontId="1" type="noConversion"/>
  </si>
  <si>
    <t>內 湖 電視臺 攝影 生前 確診 主 播 張雅琴 快 篩 結果 出爐</t>
    <phoneticPr fontId="1" type="noConversion"/>
  </si>
  <si>
    <t>利差 擴大 新興 企業 債 長線 可期</t>
    <phoneticPr fontId="1" type="noConversion"/>
  </si>
  <si>
    <t>信用 利差 新興 市場 債券 新 企 債 降息 利差 擴大</t>
    <phoneticPr fontId="1" type="noConversion"/>
  </si>
  <si>
    <t>塑膠 股 台化 配 息 3 8 元 示 警 塑化 業 今年 嚴峻</t>
    <phoneticPr fontId="1" type="noConversion"/>
  </si>
  <si>
    <t>施打 額 滿 疫苗 門診 預約</t>
    <phoneticPr fontId="1" type="noConversion"/>
  </si>
  <si>
    <t>雙北 單日 本土 破百 最新 確診 地圖 曝光 1 縣 市 由 橙 轉 紅</t>
    <phoneticPr fontId="1" type="noConversion"/>
  </si>
  <si>
    <t>攝影師陳屍公司廁所確診新冠肺炎！內湖某電視台宣佈「全體員工緊急快篩」</t>
    <phoneticPr fontId="1" type="noConversion"/>
  </si>
  <si>
    <t>英驚世 預估 疫情 至 明年 春 8 成 民眾 染病</t>
    <phoneticPr fontId="1" type="noConversion"/>
  </si>
  <si>
    <t>檔 病毒 肺炎 英國 檢測</t>
    <phoneticPr fontId="1" type="noConversion"/>
  </si>
  <si>
    <t>民間 醫院 不 聽 指揮 收治 確診 病 患 柯 p 不 排除 采 強制手段</t>
    <phoneticPr fontId="1" type="noConversion"/>
  </si>
  <si>
    <t>7 天 自主 管理 還 能 趴 趴 走 宅 神 天 網 也 抓 不 乾淨 啦</t>
    <phoneticPr fontId="1" type="noConversion"/>
  </si>
  <si>
    <t>磐石 艦雲 林縣 感染 官兵 接觸 者 8 人 二 采 結果 出爐</t>
    <phoneticPr fontId="1" type="noConversion"/>
  </si>
  <si>
    <t>金門 疫情 謠言 滿天飛 縣府 專稿 澄清 警告</t>
    <phoneticPr fontId="1" type="noConversion"/>
  </si>
  <si>
    <t>新北 24 小時 三 班 制 一 天 處理 110 具 遺體</t>
    <phoneticPr fontId="1" type="noConversion"/>
  </si>
  <si>
    <t>家屬 處理 三峽 肺炎 火化</t>
    <phoneticPr fontId="1" type="noConversion"/>
  </si>
  <si>
    <t>通信網 路 啟棋 5 g 營 收 占比 明年 拼 翻倍 續 擴 增 台越 產能</t>
    <phoneticPr fontId="1" type="noConversion"/>
  </si>
  <si>
    <t>啟棋 5 g iot 車用 wifi 6</t>
    <phoneticPr fontId="1" type="noConversion"/>
  </si>
  <si>
    <t>市場 施打 疫苗 堵 疫情 15 日後 見 真章 柯文哲 要 大家 拭目以待</t>
    <phoneticPr fontId="1" type="noConversion"/>
  </si>
  <si>
    <t>侯友宜 坦言 新北 近期 確診 數 只 會 更 多 但 寧可 多 也 不要 漏掉</t>
    <phoneticPr fontId="1" type="noConversion"/>
  </si>
  <si>
    <t>新北 市 確診 人數 持續 攀增 今日 累計 465 個 確診 案例 新北 市長 侯友宜 今 主持 防疫 會議 表示 新北 市 擴大 匡列 的 量 很 龐大 采 檢 的 量 也 很 龐大 這 段 期間 新北 市 的 確診 數 一定 是 愈來愈多 但 大家 不要 怕 多 只怕 沒有 抓 出來 因</t>
    <phoneticPr fontId="1" type="noConversion"/>
  </si>
  <si>
    <t>母親 5 月 留言 確診 者 病 歿</t>
    <phoneticPr fontId="1" type="noConversion"/>
  </si>
  <si>
    <t>超 商店 員 怒 曝 這 東西 客人 都 要 摸 一下 網 驚 超 噁 心</t>
    <phoneticPr fontId="1" type="noConversion"/>
  </si>
  <si>
    <t>地瓜 客人 超 商 噁 心 超 商店 員 地瓜</t>
    <phoneticPr fontId="1" type="noConversion"/>
  </si>
  <si>
    <t>高端 4 死 2 人 主動脈 剝離 醫 分析 關聯 性 這些 人 可先 緩 打</t>
    <phoneticPr fontId="1" type="noConversion"/>
  </si>
  <si>
    <t>半導體 設備 semi 憂 市場 變數 增</t>
    <phoneticPr fontId="1" type="noConversion"/>
  </si>
  <si>
    <t>成長 肺炎 變數 正 成長 設備 製造商</t>
    <phoneticPr fontId="1" type="noConversion"/>
  </si>
  <si>
    <t>沒有 症狀 的 快樂 缺氧 當 被 告知 要 插管 時 該 怎麼辦</t>
    <phoneticPr fontId="1" type="noConversion"/>
  </si>
  <si>
    <t>專家 走開 美 cdc 重 啟 國門 方針 遭 川普 政府 丟 一邊</t>
    <phoneticPr fontId="1" type="noConversion"/>
  </si>
  <si>
    <t>不可能 7 爆 離職 潮 工作人員 曝 阿湯哥 態度 歎 只 想 回家</t>
    <phoneticPr fontId="1" type="noConversion"/>
  </si>
  <si>
    <t>好萊塢 巨星 湯姆可魯斯 tom cruise 正 在 拍攝 知名 系列 動作 電影 不可能 的 任務 最新 第 7 集 該片 不僅 由 阿湯哥 主演 他 還 擔任 監製 製片方 也 投 注 钜 額 資本 因此 讓 他 背負 不小 的 壓力 但 不可能 7 開拍 以來 曲折 不斷 前 些</t>
    <phoneticPr fontId="1" type="noConversion"/>
  </si>
  <si>
    <t>台南 護專 維持 實體 授課 學生 氣炸 校長 可 請 防疫 假</t>
    <phoneticPr fontId="1" type="noConversion"/>
  </si>
  <si>
    <t>基隆 65 至 67 歲 長者 集中 施打 第二 劑 莫德納</t>
    <phoneticPr fontId="1" type="noConversion"/>
  </si>
  <si>
    <t>基隆 市長 林右昌 今日 說明 基隆 市 65 至 67 歲 市民 原住民 55 至 57 歲 第二 劑 莫德納 疫苗 施打 作業 預計 於 25 日 至 27 日 採取 集中 施打 符合 資格 市民 這 幾 天會 陸續 收到 市府 發送 的 通知單 林右昌 表示 基隆 為 了 幫 65 至 67 歲 原住民</t>
    <phoneticPr fontId="1" type="noConversion"/>
  </si>
  <si>
    <t>施打 莫德納 第二 劑 林右昌 基隆</t>
    <phoneticPr fontId="1" type="noConversion"/>
  </si>
  <si>
    <t>伊林 娛樂 藝人 劉倩文 最近 總是 戴著 護目鏡 引來 不少 側 目 還有 人 以為 她 是 為了 防疫 才 自我 保護 如此 周全 其實 是 她 之前 拍 哭戲 常常 被 隱形眼鏡 影響 甚至 曾為 拍戲 戴 變色 瞳孔 放 大片 眼前 完全 看不到 差點 從 高處 摔 下 剛好</t>
    <phoneticPr fontId="1" type="noConversion"/>
  </si>
  <si>
    <t>劉倩文 隱形眼鏡 雷射 護目鏡 近視</t>
    <phoneticPr fontId="1" type="noConversion"/>
  </si>
  <si>
    <t>員警忙防疫 金融機構搶案 近1個月5起</t>
    <phoneticPr fontId="1" type="noConversion"/>
  </si>
  <si>
    <t>員警 忙 防疫 金融機構 搶 案 近 1 個 月 5 起</t>
    <phoneticPr fontId="1" type="noConversion"/>
  </si>
  <si>
    <t>員警 肺炎 犯罪 發生 金融機構</t>
    <phoneticPr fontId="1" type="noConversion"/>
  </si>
  <si>
    <t>28 日後 生活 能 回復 正常 專家 恐 要 等到 疫苗 打完</t>
    <phoneticPr fontId="1" type="noConversion"/>
  </si>
  <si>
    <t>burberry 賣 3 600 元 高級 口罩</t>
    <phoneticPr fontId="1" type="noConversion"/>
  </si>
  <si>
    <t>口罩 肺炎 基金會 協助 社區</t>
    <phoneticPr fontId="1" type="noConversion"/>
  </si>
  <si>
    <t>研究 藥物 國家 疫情 肺炎</t>
    <phoneticPr fontId="1" type="noConversion"/>
  </si>
  <si>
    <t>病毒 延 燒 美國務院 蓬 佩奧 妻子 確診 了</t>
    <phoneticPr fontId="1" type="noConversion"/>
  </si>
  <si>
    <t>防疫 送暖 大學生 烤 披薩 贈 醫護</t>
    <phoneticPr fontId="1" type="noConversion"/>
  </si>
  <si>
    <t>醫護人員 品 均 租金 肺炎 人員</t>
    <phoneticPr fontId="1" type="noConversion"/>
  </si>
  <si>
    <t>聯 亞 eua 沒過 醫 曝 抗體 只是 把戲 避免 死亡 關鍵 是 它</t>
    <phoneticPr fontId="1" type="noConversion"/>
  </si>
  <si>
    <t>聯 亞 eua t 細胞 抗體 效價 黃軒</t>
    <phoneticPr fontId="1" type="noConversion"/>
  </si>
  <si>
    <t>新 港 農會 推廣 優質 黑豆 結合 雲朗 觀光 推 住宿 免費 品嘗 國產 黑豆 茶</t>
    <phoneticPr fontId="1" type="noConversion"/>
  </si>
  <si>
    <t>雲朗 觀光 與 嘉義 縣 新 港 農會 為 共同 推動 提 振 國產 農產品 旗 下 飯店 將 於 12 月中 起 陸續 於各館 客房 擺放 黑 娘 媽 黑豆 茶 包 讓 住宿 房客 可以 免費 品嘗 臺灣 黑豆 茶 的 好 滋味 雲朗 觀光 集團 擁有 君 品 酒店 雲 品 溫泉 酒店</t>
    <phoneticPr fontId="1" type="noConversion"/>
  </si>
  <si>
    <t>國產 安心 黑豆 新 港 農會</t>
    <phoneticPr fontId="1" type="noConversion"/>
  </si>
  <si>
    <t>新埔 國小 停課 3 天 劉美芳 與 家長會 表 支持</t>
    <phoneticPr fontId="1" type="noConversion"/>
  </si>
  <si>
    <t>紓困 補助 侯友宜 個體 發放 是 解 燃眉之急 拼 經濟 路還 很 長</t>
    <phoneticPr fontId="1" type="noConversion"/>
  </si>
  <si>
    <t>民眾 拼 經濟 侯友宜 個體 發放</t>
    <phoneticPr fontId="1" type="noConversion"/>
  </si>
  <si>
    <t>再 向 蘇貞昌 喊話 傅昆萁 速 開放 民間 企業 與 地方 政府採購 疫苗</t>
    <phoneticPr fontId="1" type="noConversion"/>
  </si>
  <si>
    <t>疫情 嚴峻 掀 疫苗 搶 打 但 至今 臺灣 僅 有 71萬 劑 az 疫苗 無黨籍 立 委 傅昆萁 今天 再次 呼籲 行政院長 蘇貞昌 盡 速 開放 民間 企業 與 地方 政府採購 疫苗 民間 與 地方 絕對 有能力 來 承擔 唯有 疫苗 才能 讓 臺灣 成為 全世界 最 安全 的 地方 台</t>
    <phoneticPr fontId="1" type="noConversion"/>
  </si>
  <si>
    <t>新北 今 13 所 學校 停課 劉和然 明日 可 全部 複課</t>
    <phoneticPr fontId="1" type="noConversion"/>
  </si>
  <si>
    <t>新北 市 板橋 區 某 幼稚園 群 聚 基因 定 序 確定 為 delta 病毒 因為 有 不少 學生 居住 在 隔離 的 社區 或是 有 相關 接觸 新北 今天 增加 13 個 學校 3170 名 學生 停課 新北 市 劉和然 表示 因 接觸 學生 pcr 都 為 陰性 明日 3170 名 學生 將 全數 複課</t>
    <phoneticPr fontId="1" type="noConversion"/>
  </si>
  <si>
    <t>新北 市 板橋 區 某 幼稚園 群 聚 基因 定 序 確定 為 delta 病毒 因為 有 不少 學生 居住 在 隔離 的 社區 或是 有 相關 接觸 新北 今天 增加 13 個 學校 3170 名 學生 停課 新北 市 劉和然 表示 因 接觸 學生 pcr 都 為 陰性 明日 3170 名 學生 將 全數 複課 劉和然 說 疫情 防治 不 管 地方 還 是 中央 都 是 要 合作 因為 疫 情分 佈 情況 處理 情形 都 不同 第一線 觀察 非常 重要 對於 外界 各種 質疑 與 指導 新北 都會 虛心接受 處理過程 中央 防疫 醫師 都有 加入 討論 也 就 是 為何 社區 b 棟 清 空 a 棟 沒有 都 經過 專業 判斷 劉和然 說 新北 市 這次 增加 13 所 學校 停課 大家 可能 擔心 疫情 是否 擴大 但 都 是 預防 性 的 做法 明日 3170 名 學生 將 全數 複課</t>
    <phoneticPr fontId="1" type="noConversion"/>
  </si>
  <si>
    <t>草莓 姐姐 突 po 文 沒錯 我們 住 萬華 看 完 網友 留言 鼻酸 了</t>
    <phoneticPr fontId="1" type="noConversion"/>
  </si>
  <si>
    <t>怕 接到 陳時中 電話 蔡英文 吐 真心話</t>
    <phoneticPr fontId="1" type="noConversion"/>
  </si>
  <si>
    <t>經濟 景氣 連 亮 3 綠燈 疫情 致 短期 受 干擾</t>
    <phoneticPr fontId="1" type="noConversion"/>
  </si>
  <si>
    <t>國發 會 今 27 日 發佈 2020 年 元月 景氣 報告 景氣 燈號 綜合 判斷 分數 為 25 分 月 減 2 分 為 連續 第 三 個 月 亮出 代表 景氣 穩定 的 綠燈 國發 會 表示 景氣 同時 指標 續 呈上升 惟 領先 指標 連續 2 個 月 緩 跌 顯示 景氣 回 溫 暫時 受 不 確定 因</t>
    <phoneticPr fontId="1" type="noConversion"/>
  </si>
  <si>
    <t>有效 抗 疫 習近平 促 進一步 發展 中醫藥</t>
    <phoneticPr fontId="1" type="noConversion"/>
  </si>
  <si>
    <t>國家 中 中西醫 結合 中國 肺炎 中醫藥</t>
    <phoneticPr fontId="1" type="noConversion"/>
  </si>
  <si>
    <t>追幼兒園傳染源已沒意義 前臺大醫揭2可能：Delta已在社區潛伏</t>
    <phoneticPr fontId="1" type="noConversion"/>
  </si>
  <si>
    <t>追 幼稚園 傳染源 已 沒 意義 前臺 大 醫 揭 2 可能 delta 已 在 社區 潛伏</t>
    <phoneticPr fontId="1" type="noConversion"/>
  </si>
  <si>
    <t>新北 某 幼稚園 群 聚 案 已 累計 29 人 確診 外界 猜疑 埃及 爸 就是 這 起 事件 的 傳染源 前臺 大 醫院 感染 科 醫師 林氏 璧 表示 目前 還 未 確認 裝修 工人 夫婦 的 病毒基因 序列 是否 與 幼稚園 相同 裝修 工人 在 9 月 1 日 發病 但 他 是 在 8 月 12 至 14</t>
    <phoneticPr fontId="1" type="noConversion"/>
  </si>
  <si>
    <t>幼稚園 delta 變異 株 delta 裝修 工人 埃及 爸</t>
    <phoneticPr fontId="1" type="noConversion"/>
  </si>
  <si>
    <t>新 壽 防疫 關懷 保單 借款 最低 利率 1</t>
    <phoneticPr fontId="1" type="noConversion"/>
  </si>
  <si>
    <t>肺炎 專案 資金 關懷 借款</t>
    <phoneticPr fontId="1" type="noConversion"/>
  </si>
  <si>
    <t>劉品言 網 購 內衣 頻 卡 關 po 文 吐 大 胸 女孩 困擾</t>
    <phoneticPr fontId="1" type="noConversion"/>
  </si>
  <si>
    <t>劉品言 常 在 社 群 網站 與 粉絲 分享 日常生活 向來 敢 說 敢 言 的 她 突然 在 instagram 限 時 動態 寫下 接下來 是 一 篇 真心 抱怨 文 廠商 們 莫 慌 朋友 們 別 怕 接 著 便 分享 網 購 內衣 的 心路歷程 不禁 感歎 大 胸 女孩 挑選 內衣 時 的 困擾 劉</t>
    <phoneticPr fontId="1" type="noConversion"/>
  </si>
  <si>
    <t>劉品言 常 在 社 群 網站 與 粉絲 分享 日常生活 向來 敢 說 敢 言 的 她 突然 在 instagram 限 時 動態 寫下 接下來 是 一 篇 真心 抱怨 文 廠商 們 莫 慌 朋友 們 別 怕 接 著 便 分享 網 購 內衣 的 心路歷程 不禁 感歎 大 胸 女孩 挑選 內衣 時 的 困擾 劉品言 表示 疫情 關係 多 了 不少 網 購 的 機會 但 疑惑 的 是 買 一般 衣服 沒有 尺寸 問題 但是 內衣 就 永遠 小一 號 總是 沒有 一 件 合 穿 的 即便 認真 對照 尺寸 表 最後 仍然 是 穿不下 由於 試 了 3 間 不同 品牌 都 出現 同樣 問題 讓 她 不禁 感歎 能 不能 照顧 一下 大 胸 女 孩兒 們 的 需求 能 不能 給 我 一 件 真實 的 d 而 不是 塞 了 水餃 當 d 更 向 網友 求救 請問 這樣 我 應該 要買 到 幾 號 呢 最後 劉品言 也 向 所有 賣家 喊話 難不成 大家 網 購 點 size 還 不能 對 自己 誠實 嗎 不然 為何 你們 要 這樣 設計 這 巧 思 呢 還是 哪個 廠商 願意 聽聽 我們 的 需求 啊 不過 抱怨 完則 立刻 怒 吃 一 堆 零食 來 宣洩 心中 不滿情緒</t>
    <phoneticPr fontId="1" type="noConversion"/>
  </si>
  <si>
    <t>短評 開學 應 再延 後</t>
    <phoneticPr fontId="1" type="noConversion"/>
  </si>
  <si>
    <t>口罩 家長 肺炎 日 腸病毒</t>
    <phoneticPr fontId="1" type="noConversion"/>
  </si>
  <si>
    <t>遊覽車 出車 不 到 1 成 計程車 等 嘸 人</t>
    <phoneticPr fontId="1" type="noConversion"/>
  </si>
  <si>
    <t>肺炎 出車 壓力 遊覽車 業 都會</t>
    <phoneticPr fontId="1" type="noConversion"/>
  </si>
  <si>
    <t>東京 奧運 奧 組委 要求 500 名 護理 師 協助 引爆 怒火</t>
    <phoneticPr fontId="1" type="noConversion"/>
  </si>
  <si>
    <t>南韓 大 邱市群 聚 感染 世衛 與 首 爾 密切 聯繫</t>
    <phoneticPr fontId="1" type="noConversion"/>
  </si>
  <si>
    <t>我國 採購 疫苗 截至 六月 底 帳 面上 共 花新 台幣 67億 但 實際上 目前 卻 只 花 10億 元 購買 國際 疫苗 衛福 部長 陳時中 今天 指出 到 現在 都還 在 講 疫苗 價格 的 覺得 有 點 居心叵測 因為 疫苗 價格 在 合約 中 已 寫 得 清清楚楚 就是 保密 事項</t>
    <phoneticPr fontId="1" type="noConversion"/>
  </si>
  <si>
    <t>擔心 群 聚 感染 南市 強化 關懷 據點 防疫</t>
    <phoneticPr fontId="1" type="noConversion"/>
  </si>
  <si>
    <t>全台 1299 間 郵局 進入 采 簡訊 實 聯 制</t>
    <phoneticPr fontId="1" type="noConversion"/>
  </si>
  <si>
    <t>北市 賣 菜 確診 婦 稱 獨居 疫 調 揪 尪 關鍵 身影 招 了 去 過 環南</t>
    <phoneticPr fontId="1" type="noConversion"/>
  </si>
  <si>
    <t>臺北市 信義 區 確診 數 升高 永利 市場 11 日 爆出 1 名 菜販 確診 市場 封市 3 天 急 清 消 臺北市 副 市長 黃珊珊 表示 這 名 確診 攤 商 一 開始 疫 調 還 沒有 說實話 北 市府 花 兩 天 調閱 資料 還 動員 員警 調 監視器 才讓 攤 商 吐實 發現 攤販 先生</t>
    <phoneticPr fontId="1" type="noConversion"/>
  </si>
  <si>
    <t>湖北台辦：滯留臺胞盼從武漢返鄉 兩岸各飛2班 本周可運送完</t>
    <phoneticPr fontId="1" type="noConversion"/>
  </si>
  <si>
    <t>湖北 台辦 滯留 臺胞 盼 從 武漢 返鄉 兩岸 各 飛 2 班 本 周 可 運送 完</t>
    <phoneticPr fontId="1" type="noConversion"/>
  </si>
  <si>
    <t>豪門 老公 全力 支援 防疫 殷琦 感覺 很 溫暖</t>
    <phoneticPr fontId="1" type="noConversion"/>
  </si>
  <si>
    <t>都會區 人口 密集 醫 坦言 delta 防疫 難度 比 屏 東 高</t>
    <phoneticPr fontId="1" type="noConversion"/>
  </si>
  <si>
    <t>delta 屏 東 變異 株 周百謙 人口 密集</t>
    <phoneticPr fontId="1" type="noConversion"/>
  </si>
  <si>
    <t>mlb 就 算 不 打 年資 照 給 選 秀 可能 縮 至 5 輪</t>
    <phoneticPr fontId="1" type="noConversion"/>
  </si>
  <si>
    <t>大 聯盟 年資 縮短 球員 選 秀</t>
    <phoneticPr fontId="1" type="noConversion"/>
  </si>
  <si>
    <t>最 值得 表揚 的 確診 者 超 狂 足跡 曝光 醫大 贊 防疫 典範</t>
    <phoneticPr fontId="1" type="noConversion"/>
  </si>
  <si>
    <t>臺灣 本土 昨 增 401 例 確診 各縣市 公佈 確診 者 足跡 醫藥 粉 專 medpartner 美 的 好 朋友 發現 案 6755 非常 值得 表揚 個案 在 5 10 和 家人 去 萬華某 餐廳 吃飯 5 17 發現 該 餐廳 有人 確診 便 與 家人 去 醫院 自費 快 篩 當時 的 結果 雖是</t>
    <phoneticPr fontId="1" type="noConversion"/>
  </si>
  <si>
    <t>大陸 想接 滯 摩洛哥 台 人 外交部 駐法 代表處 要 更 努力 協助 返台</t>
    <phoneticPr fontId="1" type="noConversion"/>
  </si>
  <si>
    <t>摩洛哥 突 宣佈 鎖國 傳出 大陸 曾想 派 包機 接回 臺灣 旅行團 居間 處理 者 為 前 總統府 發言人 李佳霏 外交部 部長 吳釗燮 表示 我們 沒有 感受 李小姐 替 大陸 施壓 但 大 使館 已 接收 到 大陸 希望 接回 臺灣 的 事宜 此舉 屬於 統戰 因此 駐</t>
    <phoneticPr fontId="1" type="noConversion"/>
  </si>
  <si>
    <t>摩洛哥 突 宣佈 鎖國 傳出 大陸 曾想 派 包機 接回 臺灣 旅行團 居間 處理 者 為 前 總統府 發言人 李佳霏 外交部 部長 吳釗燮 表示 我們 沒有 感受 李小姐 替 大陸 施壓 但 大 使館 已 接收 到 大陸 希望 接回 臺灣 的 事宜 此舉 屬於 統戰 因此 駐法 國 代表處 要 更加 努力 確保 摩洛哥 國人 安全 歸來</t>
    <phoneticPr fontId="1" type="noConversion"/>
  </si>
  <si>
    <t>大陸 摩洛哥 李佳 努力 滯留</t>
    <phoneticPr fontId="1" type="noConversion"/>
  </si>
  <si>
    <t>吊 念新冠 疫情 烈士 陸 領導人 默哀 3 分鐘</t>
    <phoneticPr fontId="1" type="noConversion"/>
  </si>
  <si>
    <t>百貨 線 上 搶 客 流量 數 倍 成長</t>
    <phoneticPr fontId="1" type="noConversion"/>
  </si>
  <si>
    <t>遠 百 微風 美 妝 sogo 百貨</t>
    <phoneticPr fontId="1" type="noConversion"/>
  </si>
  <si>
    <t>華盛頓州 疑 出現 社區 傳播 與 院內 感染</t>
    <phoneticPr fontId="1" type="noConversion"/>
  </si>
  <si>
    <t>美西 華盛頓州 29 日 出現 感染 源 不 明 的 首例 死者 是 一 名 50 多 歲 男 病 患 原本 就 有 嚴重 健康 問題 但 該州 陸續 出現 至少 4 起 不明 感染 源 的 確診 個案 讓 專家 擔心 這 已 符合 社區 傳染 定義 此外 該州 一個 長 照 中心 出現 一 名 醫護人員</t>
    <phoneticPr fontId="1" type="noConversion"/>
  </si>
  <si>
    <t>專家 解讀 本輪 大陸 疫情 走勢 有 三 個 主要 暴發 點 都可 追溯到 境外 輸入</t>
    <phoneticPr fontId="1" type="noConversion"/>
  </si>
  <si>
    <t>大陸 環球時報 4 日 報導 大陸 8 月 3 日 0 24 時 新增 本土 確診 病例 71 例 無 症狀 感染者 15 例 顯示 疫情 依舊 嚴峻 北京大學第一醫院 呼吸 和 危重症 醫學科 主任 王 廣發 表示 大陸 這 一 輪 疫情 有 三 個 主要 的 暴發 點 一 是 南京 張家</t>
    <phoneticPr fontId="1" type="noConversion"/>
  </si>
  <si>
    <t>遠 距 當道 筆 電 伺服器 接 單旺</t>
    <phoneticPr fontId="1" type="noConversion"/>
  </si>
  <si>
    <t>超 微 資料 中心 肺炎 台積電 雲端 運算</t>
    <phoneticPr fontId="1" type="noConversion"/>
  </si>
  <si>
    <t>北市 3千 名 學生 尚未 接種 聯 醫 16 日 加開 bnt 門診</t>
    <phoneticPr fontId="1" type="noConversion"/>
  </si>
  <si>
    <t>接種 bnt 學校 學生 加開</t>
    <phoneticPr fontId="1" type="noConversion"/>
  </si>
  <si>
    <t>美 單日 確診 新高 美 歐 股 陰霾 罩 頂</t>
    <phoneticPr fontId="1" type="noConversion"/>
  </si>
  <si>
    <t>大跌 川普 美國 肺炎 表現</t>
    <phoneticPr fontId="1" type="noConversion"/>
  </si>
  <si>
    <t>北京 嚴控 疫情 在 京 人員 近期 非必要 不出 京 按 75 限流 開放 景區 等</t>
    <phoneticPr fontId="1" type="noConversion"/>
  </si>
  <si>
    <t>910萬 人 打 疫苗 遭 指 大內 宣 蘇貞昌 全民 踴躍 打 疫苗 才 穩住 疫情</t>
    <phoneticPr fontId="1" type="noConversion"/>
  </si>
  <si>
    <t>行政院長 蘇貞昌 今天 一早 到 台南 市 仁德 區 視察 三 爺溪 排水 治理 情形 被 問到 藍 營 批 他 說 全台 逾 910萬 人 施打 疫苗 是 大內 宣 數字 根本 沒 那麼 多 蘇貞昌 沒 回應 數字 只 說 當 全世界 因 變種 病毒 而 疫情 再起 臺灣 70 天內 將 疫情 控制 在</t>
    <phoneticPr fontId="1" type="noConversion"/>
  </si>
  <si>
    <t>腦 麻兒 口罩 斷 貨 婦聯會 送 500 個 應急</t>
    <phoneticPr fontId="1" type="noConversion"/>
  </si>
  <si>
    <t>疫情 扯後腿 費 半 指數 陷 修正</t>
    <phoneticPr fontId="1" type="noConversion"/>
  </si>
  <si>
    <t>輝 達 肺炎 費 半 指數 野村 美光</t>
    <phoneticPr fontId="1" type="noConversion"/>
  </si>
  <si>
    <t>美 確診 破 百萬 川普 樂觀 說 了 一 句 話</t>
    <phoneticPr fontId="1" type="noConversion"/>
  </si>
  <si>
    <t>歐洲 新車 銷售 歐盟 防疫</t>
    <phoneticPr fontId="1" type="noConversion"/>
  </si>
  <si>
    <t>蕭乾祥專欄－疫情幹擾、區間震盪 逢低擇強切入</t>
    <phoneticPr fontId="1" type="noConversion"/>
  </si>
  <si>
    <t>蕭幹祥 專欄 疫情 干擾 區間 震盪 逢 低 擇強 切入</t>
    <phoneticPr fontId="1" type="noConversion"/>
  </si>
  <si>
    <t>經濟 成長率 中國 肺炎 中國 大陸 金融</t>
    <phoneticPr fontId="1" type="noConversion"/>
  </si>
  <si>
    <t>美國 又 有 數 州 想 復工 公 衛 專家 苦 諫 無效</t>
    <phoneticPr fontId="1" type="noConversion"/>
  </si>
  <si>
    <t>本 周 美國 又 有 新 的 州 不顧 公共 衛生 專家 的 警告 準備 解除 為 控制 疫情 實施 的 限制 舉措 而 白宮 預計 4 月 的 失業率 將 達到 16 或 更 高 科羅拉多 密西西比 明尼蘇達 蒙 大拿 和 田納西州 將 加入 嘗試 重 啟 經濟 的 行列 而 這些 州 沒有 衛</t>
    <phoneticPr fontId="1" type="noConversion"/>
  </si>
  <si>
    <t>林飛帆 殺 雞 取 暖 ptt 鄉民 酸 爆 9萬 防疫 新 生活</t>
    <phoneticPr fontId="1" type="noConversion"/>
  </si>
  <si>
    <t>疫苗 大陸 疫情 將 於 申報</t>
    <phoneticPr fontId="1" type="noConversion"/>
  </si>
  <si>
    <t>馬祖 加強 防疫 屢勸不聽 縣府 將 開 罰</t>
    <phoneticPr fontId="1" type="noConversion"/>
  </si>
  <si>
    <t>屏 東 確診 增 1 例 足跡 家樂福 閉館 消毒</t>
    <phoneticPr fontId="1" type="noConversion"/>
  </si>
  <si>
    <t>敦睦 艦隊 22 日 再 新增 1 例 屏 東 籍 確診 個案 至今 屏 東 累積 5 名 官 士兵 確診 屏 東 縣政府 接 獲 防疫 中心 通報 後 隨即 啟動 相關 疫 調 足跡 新增 屏 東 家樂福 新 屏 店 業者 已 在 第一時間 閉館 全館 消毒 屏 縣府 衛生局 指出 目前 敦睦 艦隊 屏</t>
    <phoneticPr fontId="1" type="noConversion"/>
  </si>
  <si>
    <t>敦睦 艦隊 22 日 再 新增 1 例 屏 東 籍 確診 個案 至今 屏 東 累積 5 名 官 士兵 確診 屏 東 縣政府 接 獲 防疫 中心 通報 後 隨即 啟動 相關 疫 調 足跡 新增 屏 東 家樂福 新 屏 店 業者 已 在 第一時間 閉館 全館 消毒 屏 縣府 衛生局 指出 目前 敦睦 艦隊 屏 東 籍共 5 例 確診 且 匡列 79 名 接觸 者 進行 居家 隔離 116 名 自主 健康 管理 縣府 加強 電話 關懷 隨時 掌握 民眾 健康 情形 另外 4 月 18 日 國 軍 在 潮州 國 中 附近 召集 地點 在 校外 文化路 人行道 旁 屏 縣府 教育處 強調 車輛 並 沒有 進入 校園 請 家長 與 師生 安心 環保局 也 已 完成 校園 周 遭 消毒 作業 屏 東 縣長 潘孟安 表示 希望 大家 保持 同 理 心 不要 歧視 不要 恐慌 如 需 接受 疫 調 也 請 誠實 以 對 一起 守護 臺灣</t>
    <phoneticPr fontId="1" type="noConversion"/>
  </si>
  <si>
    <t>疫情 攪局 高市 議會 臨時 會 開 不開 還有 變數</t>
    <phoneticPr fontId="1" type="noConversion"/>
  </si>
  <si>
    <t>綠 營 議員 連署 召開 臨時 會 要求 高雄 市長 進 議會 報告 防疫 政策 及 紓困 措施 然而 海軍 敦睦 艦隊 群 聚 感染 高雄 防疫 風險 升溫 議員 態度 出現 轉折 有人 認為 應 如期 開 臨時 會 有人 認為 可 轉 視 訊 質詢 也 有人 建議 臨時 會 取消 5</t>
    <phoneticPr fontId="1" type="noConversion"/>
  </si>
  <si>
    <t>高雄市 議會 臨時 會 高雄 市長 韓國 瑜 海軍</t>
    <phoneticPr fontId="1" type="noConversion"/>
  </si>
  <si>
    <t>去年 基期 低 車廠 大力 促銷 陸1 月 汽車銷量 年 增 逾 3 成</t>
    <phoneticPr fontId="1" type="noConversion"/>
  </si>
  <si>
    <t>大陸 萬 輛 大陸 汽車 銷量 車市</t>
    <phoneticPr fontId="1" type="noConversion"/>
  </si>
  <si>
    <t>日本 鑽石 公主 號 鑽石 患者 厚生</t>
    <phoneticPr fontId="1" type="noConversion"/>
  </si>
  <si>
    <t>國發 基金 通過 新創 救援 要點 協 新興事業 度過 寒冬</t>
    <phoneticPr fontId="1" type="noConversion"/>
  </si>
  <si>
    <t>新興 要點 新創 事業 國發 基金 鄭貞茂</t>
    <phoneticPr fontId="1" type="noConversion"/>
  </si>
  <si>
    <t>疫 發難 收 的 文明 對抗</t>
    <phoneticPr fontId="1" type="noConversion"/>
  </si>
  <si>
    <t>美國 中國 肺炎 捐贈 價值觀</t>
    <phoneticPr fontId="1" type="noConversion"/>
  </si>
  <si>
    <t>被 爆 確診 後 不 配合 藥物 治療 久 占 病房 女星 吐 最合適 的 方法</t>
    <phoneticPr fontId="1" type="noConversion"/>
  </si>
  <si>
    <t>施匡翹 港 星 最壞 榜樣 藥物 治療 拖延</t>
    <phoneticPr fontId="1" type="noConversion"/>
  </si>
  <si>
    <t>產業 與 縣 市 觀光 首長 座談 觀光局 提 振興 3 重心</t>
    <phoneticPr fontId="1" type="noConversion"/>
  </si>
  <si>
    <t>新型 非洲 變種 病毒 omicron 來勢洶洶 為 提高 民眾 疫苗 施打 率 屏 東 縣政府 與 縣 內 百貨公司 合作 廣 設施 打 站 加上 屏 東 火車站 及 家樂福 等 增設 疫苗 施打 站 縣府 呼籲 民眾 儘早 接受 疫苗 施打 以 提升 自身 保護 力 首 位 在 屏 東 太平</t>
    <phoneticPr fontId="1" type="noConversion"/>
  </si>
  <si>
    <t>家樂福 太平洋百貨 12 月 屏 東 火車站 疫苗 施打</t>
    <phoneticPr fontId="1" type="noConversion"/>
  </si>
  <si>
    <t>昨日 新增 334 例 本土 案例 及 256 例 校正 回歸 全台 僅剩 台 東縣 沒有 確診 者 據 疾 管署 全國 本土 病例 地理 分佈圖 顯示 今年以來 已 累計 3691 人 確診 雙北 為 重災區 其中 以 新北 市 1786 人 最 多 其次 為 臺北市 1407 人 桃園 市 177</t>
    <phoneticPr fontId="1" type="noConversion"/>
  </si>
  <si>
    <t>大陸 地震局 推出 疫 期中 小學生 地震 安全 知識</t>
    <phoneticPr fontId="1" type="noConversion"/>
  </si>
  <si>
    <t>國際 社會 防疫 情 失控 義 大利 宣佈 全境 封鎖</t>
    <phoneticPr fontId="1" type="noConversion"/>
  </si>
  <si>
    <t>國軍 口罩 政策 爆 陰謀論 媒體 人 揭最 嚴重 問題 在 這</t>
    <phoneticPr fontId="1" type="noConversion"/>
  </si>
  <si>
    <t>敦睦 艦隊 磐石 艦 爆發 群 聚 感染 傳出 行政院 早 在 4 月 9 日 會議 拍板 要求 國防部 發給 國軍 人員 一 天一 片 口罩 然而 國防部 拖到 17 日 才 宣佈 國軍 每人每天 一 片 口罩 政策 隔 天 便 爆出 官兵 確診 國民黨 立 委 林奕華 質疑 國防部 早 知情</t>
    <phoneticPr fontId="1" type="noConversion"/>
  </si>
  <si>
    <t>國防部 韋安 國軍 口罩 敦睦 艦隊</t>
    <phoneticPr fontId="1" type="noConversion"/>
  </si>
  <si>
    <t>印度 神童 恐怖 預言 這 4 國再 爆 一 波 全球 解封 時間 曝光</t>
    <phoneticPr fontId="1" type="noConversion"/>
  </si>
  <si>
    <t>印度 神童 阿南德 又 有 恐怖 預言 他 在 16 日 發表 的 最新 影片 中 揭露 包括 印度 美國 日本 及 英國 等 4 國 可能 爆發 新 一 波 疫情 至於 疫情 何時 好轉 可能 要 等 到 2023 年 4 月 以後 全球 才 會 逐漸 解封 阿南德 在 16 日 發表 的 youtube</t>
    <phoneticPr fontId="1" type="noConversion"/>
  </si>
  <si>
    <t>印度 神童 阿南德 預言 疫情 解封</t>
    <phoneticPr fontId="1" type="noConversion"/>
  </si>
  <si>
    <t>擴大 消費 場所 查 察 侯友宜 有些 場所 也 會 評估</t>
    <phoneticPr fontId="1" type="noConversion"/>
  </si>
  <si>
    <t>疫情 讓 你 焦慮不安 3 招 打造 情緒 復原 力 抗 疫 更 強大</t>
    <phoneticPr fontId="1" type="noConversion"/>
  </si>
  <si>
    <t>常春 月刊 焦慮 情緒 復原 力 疫情</t>
    <phoneticPr fontId="1" type="noConversion"/>
  </si>
  <si>
    <t>獨 乘客 上車 未戴 口罩 暖 司機 無私 送 萬人贊 爆</t>
    <phoneticPr fontId="1" type="noConversion"/>
  </si>
  <si>
    <t>大陸 多 10 宗 輸入 確診 廣州 通報 4 宗最多</t>
    <phoneticPr fontId="1" type="noConversion"/>
  </si>
  <si>
    <t>1450霸淩名揚全世界 羅智強怒批：丟盡台灣人的臉</t>
    <phoneticPr fontId="1" type="noConversion"/>
  </si>
  <si>
    <t>1450 霸 淩 名揚 全世界 羅智強 怒 批 丟 盡 臺灣人 的 臉</t>
    <phoneticPr fontId="1" type="noConversion"/>
  </si>
  <si>
    <t>小孩 17 紐約州 母親 被 感染</t>
    <phoneticPr fontId="1" type="noConversion"/>
  </si>
  <si>
    <t>疫情 趨 緩 巨 城 五 一連 假 業績 成 長 五 成</t>
    <phoneticPr fontId="1" type="noConversion"/>
  </si>
  <si>
    <t>全新 巨 城 遠東 巨 城 購物 中心 業績 香 氛</t>
    <phoneticPr fontId="1" type="noConversion"/>
  </si>
  <si>
    <t>口罩 外交 奏效 我 列 疫苗 首批 名單 ait 美國 不 會 忘記 臺灣 慷慨</t>
    <phoneticPr fontId="1" type="noConversion"/>
  </si>
  <si>
    <t>cba 林書豪 複賽 意義 遠大 於 打球</t>
    <phoneticPr fontId="1" type="noConversion"/>
  </si>
  <si>
    <t>林書豪 cba 複賽 籃球 北京 首 港</t>
    <phoneticPr fontId="1" type="noConversion"/>
  </si>
  <si>
    <t>口罩 陳時中 高虹 安 7600萬 蘇貞昌</t>
    <phoneticPr fontId="1" type="noConversion"/>
  </si>
  <si>
    <t>確診北部女「潛伏期」掀熱議 ICU醫曝正確演算法</t>
    <phoneticPr fontId="1" type="noConversion"/>
  </si>
  <si>
    <t>確診 北部 女 潛伏期 掀 熱 議 icu 醫 曝 正確 演算法</t>
    <phoneticPr fontId="1" type="noConversion"/>
  </si>
  <si>
    <t>潛伏期 確診 時間 icu 發病</t>
    <phoneticPr fontId="1" type="noConversion"/>
  </si>
  <si>
    <t>聯 亞 eua 卡 關 3800 名 受試者 怎麼辦 陳時中 曝 2 種 選擇</t>
    <phoneticPr fontId="1" type="noConversion"/>
  </si>
  <si>
    <t>國產 聯 亞 疫苗 沒有 通過 緊急 授權 eua 關於 國內 參加 聯 亞 第二 期 人體 臨床 試驗 的 3800 多 名 受試者 接下來 該 怎麼辦 衛福 部長 陳時中 表示 將 依照 受試者 意願 協助 安排 接種 其他 疫苗 可以 打 其他 廠 牌 也 可以 等 聯 亞 第 三期 臨床 試</t>
    <phoneticPr fontId="1" type="noConversion"/>
  </si>
  <si>
    <t>疫情 衝擊 旅行社 飯店業 航空 業 華語 導遊 淪 做 洗 碗 工 謀生</t>
    <phoneticPr fontId="1" type="noConversion"/>
  </si>
  <si>
    <t>細胞 簡訊 環 南市 場 采 檢 警示 簡訊 範圍</t>
    <phoneticPr fontId="1" type="noConversion"/>
  </si>
  <si>
    <t>半 導體 sony ps 5 傳 追 單 鈺 太 q 3 吃 補 丸</t>
    <phoneticPr fontId="1" type="noConversion"/>
  </si>
  <si>
    <t>成大 醫院 防疫 再 升級 一般 病房 每天 只 開放 1 小時 探病</t>
    <phoneticPr fontId="1" type="noConversion"/>
  </si>
  <si>
    <t>近 85 民眾 估 今年 經濟 保一 明年 則 憂 疫情 再起</t>
    <phoneticPr fontId="1" type="noConversion"/>
  </si>
  <si>
    <t>被 小孩 逼 瘋 川普 語出驚人 學校 不 複課 爸 媽 都 要死 了</t>
    <phoneticPr fontId="1" type="noConversion"/>
  </si>
  <si>
    <t>高通 半導體 新興 台積電 智慧 機</t>
    <phoneticPr fontId="1" type="noConversion"/>
  </si>
  <si>
    <t>熱門 族群 疫苗 滅 宅 經濟 富 邦 媒 重傷 東森 苦 情</t>
    <phoneticPr fontId="1" type="noConversion"/>
  </si>
  <si>
    <t>股利 電腦設備 融 程電 決 配 息 3 元 今年 拼 穩中求進</t>
    <phoneticPr fontId="1" type="noConversion"/>
  </si>
  <si>
    <t>融 程電 股東會 股利 營運 展望</t>
    <phoneticPr fontId="1" type="noConversion"/>
  </si>
  <si>
    <t>投資型 保單 占 率 9 月 破 五 成</t>
    <phoneticPr fontId="1" type="noConversion"/>
  </si>
  <si>
    <t>資本 占率 投資 壽險 億 多</t>
    <phoneticPr fontId="1" type="noConversion"/>
  </si>
  <si>
    <t>哥倫比亞 株 與 南非 英國 變種 同門 專家 分析 1 傳 5 不容 小覷</t>
    <phoneticPr fontId="1" type="noConversion"/>
  </si>
  <si>
    <t>哥倫比亞 變異 株 delta 變異 株 疫苗 傳播 力</t>
    <phoneticPr fontId="1" type="noConversion"/>
  </si>
  <si>
    <t>首例 出院 女 台商 肺部 纖維 化</t>
    <phoneticPr fontId="1" type="noConversion"/>
  </si>
  <si>
    <t>台商 抗體 後遺症 肺炎 肺部 纖維 化</t>
    <phoneticPr fontId="1" type="noConversion"/>
  </si>
  <si>
    <t>兒童 該 接種 疫苗 嗎 醫師 提醒 5 個 該 打 理由</t>
    <phoneticPr fontId="1" type="noConversion"/>
  </si>
  <si>
    <t>WHO攜手臉書、微軟等大廠舉辦 防疫駭客松 48小時不斷電</t>
    <phoneticPr fontId="1" type="noConversion"/>
  </si>
  <si>
    <t>團隊 肺炎 專案 微軟 駭客 松</t>
    <phoneticPr fontId="1" type="noConversion"/>
  </si>
  <si>
    <t>疫情 從此 改變 旅遊 習慣 切斯基 回歸 初心 重振 airbnb 業績</t>
    <phoneticPr fontId="1" type="noConversion"/>
  </si>
  <si>
    <t>度假 租 屋 網站 airbnb 執行長 切斯基 brian chesky 在 疫情 過後 認清 旅遊 市場 將 從此 改變 也 重新 思考 公司 的 核心 價值 決定 回到 最初 創業 的 根本 那 就 是 全心投入 創造 個人 專屬 的 的 當地 住宿 體驗 今年 2 月 切斯基 剛 從 加州 棕櫚</t>
    <phoneticPr fontId="1" type="noConversion"/>
  </si>
  <si>
    <t>切斯基 旅遊 肺炎 訂 房 ipo</t>
    <phoneticPr fontId="1" type="noConversion"/>
  </si>
  <si>
    <t>如何 有效 減少 重症 死亡率 公衛 專家 應 及早 部署 重症 照 護 量 能</t>
    <phoneticPr fontId="1" type="noConversion"/>
  </si>
  <si>
    <t>本土 疫情 延 燒 世界各地 受到 變種 病毒 影響 除了 確診 個案 與 死亡 比例 大幅 上升 醫療 能量 也 受到 極大 考驗 台 大公 衛學院 指出 三級 警戒 自 5 月 15 日 實施 以來 的 確 讓 確診 個案 數 降低 專責 病房 數 需求 也 會 下降 但是 因應 變異 病</t>
    <phoneticPr fontId="1" type="noConversion"/>
  </si>
  <si>
    <t>曾 酸 臺灣 太 自滿 釀 社區 感染 澳 專家 看 防疫 資料 贊 了不起</t>
    <phoneticPr fontId="1" type="noConversion"/>
  </si>
  <si>
    <t>伊林 達 陣 國內 連 10 天 沒有 新 增 病例</t>
    <phoneticPr fontId="1" type="noConversion"/>
  </si>
  <si>
    <t>繼 昨天 jolin 來 了 連續 9 天 0 確診 今天 則 是 伊林 連續 10 天 0 確診 達 陣 國內 連 10 天 沒有 新 增 病例 指揮官 陳時中 也 表示 有關 129 名 印度 返台 民眾 目前 無後 送 就醫 者 全員 持續 于 集中 檢疫所 密切 健康 監測 另外 瑪律 地 夫 3</t>
    <phoneticPr fontId="1" type="noConversion"/>
  </si>
  <si>
    <t>文化部 所屬 表演 型 場館 主辦 活動 即日起 暫停</t>
    <phoneticPr fontId="1" type="noConversion"/>
  </si>
  <si>
    <t>公司 無 預警 歇業 中 市府 歇業 事實 認定 維護 勞工 權益</t>
    <phoneticPr fontId="1" type="noConversion"/>
  </si>
  <si>
    <t>警 po 文 批 衛生局 甩 鍋 劍 青 檢 改 籲 統 合 行政 與 司法 相 驗</t>
    <phoneticPr fontId="1" type="noConversion"/>
  </si>
  <si>
    <t>旺 旺 兩岸 疫情 旺 旺 集團 集團</t>
    <phoneticPr fontId="1" type="noConversion"/>
  </si>
  <si>
    <t>34 歲 英國 男 星 羅伯派丁森 robert pattinson 雖 因 暮 光 之城 系列 走紅 但 也 花 了 很 長 時間 才 藉 獨立 製片 電影 甩掉 發光 吸血鬼 的 形象 他 在 上映 中的 新片 天 能 正式 回歸 主流 大片 飾演 穿針引線 的 男配角 卻 搶走 男 主角 約翰</t>
    <phoneticPr fontId="1" type="noConversion"/>
  </si>
  <si>
    <t>嘉義 泡茶 群 聚 再 1 早餐 店老闆 二 采 陰轉陽 確診</t>
    <phoneticPr fontId="1" type="noConversion"/>
  </si>
  <si>
    <t>多 啪 啪 能 防疫 性 學 專家 高潮 能 殺病毒</t>
    <phoneticPr fontId="1" type="noConversion"/>
  </si>
  <si>
    <t>分發 洽談 陳時中 疫苗 廠 美國</t>
    <phoneticPr fontId="1" type="noConversion"/>
  </si>
  <si>
    <t>超 暖 心 日本 醫護 每人 5 5萬 慰勞 金</t>
    <phoneticPr fontId="1" type="noConversion"/>
  </si>
  <si>
    <t>醫護人員 鑽石 公主 號 員工 nhk 慰勞 金</t>
    <phoneticPr fontId="1" type="noConversion"/>
  </si>
  <si>
    <t>內政 部 三 張 圖 宣導 居家 隔離 檢疫 網 笑 他 就 死 掉 了</t>
    <phoneticPr fontId="1" type="noConversion"/>
  </si>
  <si>
    <t>賴清德 立 委 動作 新 系 黨內</t>
    <phoneticPr fontId="1" type="noConversion"/>
  </si>
  <si>
    <t>下船 了 結束 人 球 漂流 威士特丹 號 乘客 受 柬 總理 歡迎</t>
    <phoneticPr fontId="1" type="noConversion"/>
  </si>
  <si>
    <t>鄭文燦 要 有 三級 延長 心理準備 學習 享受 一 人 獨 處 的 幸福</t>
    <phoneticPr fontId="1" type="noConversion"/>
  </si>
  <si>
    <t>桃園 市長 鄭文燦 5 日 直言 大家 要 有 心理準備 三級 管制 可能 延長 學習 適應 生活 中 感受 到 的 不便 假設 什麼 都 一樣 就 不 叫 三級 管制 社會活動 要 降到 1 成 適應 戴 口罩 不 聚會 沒 聚餐 的 日子 適應 一個 人 靜靜的 幸福</t>
    <phoneticPr fontId="1" type="noConversion"/>
  </si>
  <si>
    <t>桃園 市長 鄭文燦 5 日 直言 大家 要 有 心理準備 三級 管制 可能 延長 學習 適應 生活 中 感受 到 的 不便 假設 什麼 都 一樣 就 不 叫 三級 管制 社會活動 要 降到 1 成 適應 戴 口罩 不 聚會 沒 聚餐 的 日子 適應 一個 人 靜靜的 幸福 三級 管制 確實 有 可能 延長 鄭文燦 說 以 各國 的 經驗 封城 令 延長 很 正常 臺灣 還 沒 到達 封城 令 也 還 沒 到達 居家 令 的 程度 但是 一定 要 做好 心理準備 三級 管制 確實 有 可能 延長 鄭文燦 說 因應 三級 警戒 延長 市府 已經 做好 準備 包括 學校 停課 如果 延長 到 暑假 該 做 的 調整 大部分 的 管制 政策 會 延續 市府 會 根據 這 段 時間 管制 的 經驗 在 6 月 14 日 以後 進行 防疫 對策 的 微調 有的 會 提高 有的 會 微調 鄭文燦 說 有些 管制 政策 大家 可能 已經 習慣 有的 還 不 太 習慣 必須 要 學習 適應 生活 中 感受 到 的 不便 假設 都 一樣 的 話 就 不 叫 三級 管制 要 把 社會活動 降到 10 20 不 諱言 是 生活 上 很 大 的 調整 不便 也 是 很 正常 必須 提高 個人 防護 適應 戴 口罩 不 聚會 零 聚餐 的 日子 適應 一個 人 靜靜的 幸福 呼籲 大家 要 有 三級 管制 延長 的 心理準備</t>
    <phoneticPr fontId="1" type="noConversion"/>
  </si>
  <si>
    <t>新北 3 例 確診 ct 值 高 侯友宜 籲 中央 建立 快速 抗體 檢驗 流程</t>
    <phoneticPr fontId="1" type="noConversion"/>
  </si>
  <si>
    <t>新北 市 今 新增 確診 3 人 分佈 在 永和 板橋 土 城區 各 1 人 新北 市長 侯友宜 表示 這 3 人 ct 值 都 超過 30 以上 不具 傳染 力 針對 三峽 個案 新北 也 已 同時 啟動 血清 抗體 檢驗 10 人 結果 都 是 陽性 代表 都 是 舊案 新北 在 這 段 期間</t>
    <phoneticPr fontId="1" type="noConversion"/>
  </si>
  <si>
    <t>個案 ct 檢驗 舊案 抗體</t>
    <phoneticPr fontId="1" type="noConversion"/>
  </si>
  <si>
    <t>全球 智慧 型 手機 億 支 trendforce 第二 季</t>
    <phoneticPr fontId="1" type="noConversion"/>
  </si>
  <si>
    <t>外資 賣 台積 為 哪 樁</t>
    <phoneticPr fontId="1" type="noConversion"/>
  </si>
  <si>
    <t>蘋果 美國 肺炎 台積電 外資</t>
    <phoneticPr fontId="1" type="noConversion"/>
  </si>
  <si>
    <t>衛福部 草屯 療養院 精神 科 醫師 沈政男 參考 國外 研究 提出 打 兩劑 az 的 保護 力 幾乎 等於零 因此 打 了 也 是 白打 這樣 的 說法 引起 討論 不少 醫師 看 了 直 呼 這樣 說法 根本 是 在 誤導 民眾 而 臺北市立 聯 醫 陽明 院區 胸腔 內科 醫師 蘇一峰</t>
    <phoneticPr fontId="1" type="noConversion"/>
  </si>
  <si>
    <t>az 白打 兩劑 保護 力 第 三 劑</t>
    <phoneticPr fontId="1" type="noConversion"/>
  </si>
  <si>
    <t>疫情 炸 鍋 彰 縣 議會 定期 會 暫停 2 周 今 全縣 1 1萬 名 學生 請假</t>
    <phoneticPr fontId="1" type="noConversion"/>
  </si>
  <si>
    <t>全台 清潔 龍頭 1 每天 摸 病毒 卻 買 嘸 口罩 開 第一 槍 才 得救</t>
    <phoneticPr fontId="1" type="noConversion"/>
  </si>
  <si>
    <t>長期 主題 新興 市場 好 超 值 重返 正當時</t>
    <phoneticPr fontId="1" type="noConversion"/>
  </si>
  <si>
    <t>全球 央行 自 去年 來 積極 降息 有利於 新興 市場 重 展 雄風 儘管 近期 受 疫情 衝擊 出現 短線 整理 然而 新興 市場 具備 價值 面 基本 面 和 資金面 等 三大 優勢 此次 回檔 反而 為 日後 上漲 積蓄 動能 一旦 疫情 緩和 預料 會 成下 一 波 國際 資金</t>
    <phoneticPr fontId="1" type="noConversion"/>
  </si>
  <si>
    <t>全方位 美 股 新興 市場 基金 劉 奕伶 疫情</t>
    <phoneticPr fontId="1" type="noConversion"/>
  </si>
  <si>
    <t>三 立 電視臺 2 員工 確診 接觸 者 pcr 結果 出爐</t>
    <phoneticPr fontId="1" type="noConversion"/>
  </si>
  <si>
    <t>本土 病例 狂 飆 加拿大 台 人 曝 這 招 效果 絕不 輸 封城</t>
    <phoneticPr fontId="1" type="noConversion"/>
  </si>
  <si>
    <t>國內 今 17 日 又 新增 333 起 本土 個案 其中 雙北 確診 數最多 面對 本土 病例 狂 飆 不少 民眾 好奇 雙北 為 何還 不 宣佈 封城 一 名 住 在 加拿大 的 臺灣人 表示 加國 已經 經歷 過 三 度 封 城 他 以 過來人 經驗 指出 人民 自覺 自律 的 效果 絕</t>
    <phoneticPr fontId="1" type="noConversion"/>
  </si>
  <si>
    <t>美 股 紅 翻 黑 新興 市場 也 失血</t>
    <phoneticPr fontId="1" type="noConversion"/>
  </si>
  <si>
    <t>大陸 肺炎 美 股 淨 流出 經濟</t>
    <phoneticPr fontId="1" type="noConversion"/>
  </si>
  <si>
    <t>美國 拜登 美國 民眾 民眾 人數</t>
    <phoneticPr fontId="1" type="noConversion"/>
  </si>
  <si>
    <t>高雄市 今日 0 確診 9 日 將 在 三大 科學園區 啟動 企業 快 篩 預計 7 天 完 1萬 多 名 移 工 快 篩 社區 快 篩 執行 迄今 尚未 驗 出 陽性 個案 陳其邁 強調 落實 疫 調 匡列並 確實 隔離 8 成 接觸 者 就 能 有效 控制 擴散 高市 企業 快 篩 9 日 將 在 三大</t>
    <phoneticPr fontId="1" type="noConversion"/>
  </si>
  <si>
    <t>開車 也 要 戴 口罩 全台 傻眼 莊 人 祥 我 一個 人 不 會 戴</t>
    <phoneticPr fontId="1" type="noConversion"/>
  </si>
  <si>
    <t>高市KTV最快今晚五點可復業 從業人員一週一篩</t>
    <phoneticPr fontId="1" type="noConversion"/>
  </si>
  <si>
    <t>高市 ktv 最 快 今晚 五 點 可 複業 從業人員 一 週一 篩</t>
    <phoneticPr fontId="1" type="noConversion"/>
  </si>
  <si>
    <t>複業 ktv 從業人員 高市 允許</t>
    <phoneticPr fontId="1" type="noConversion"/>
  </si>
  <si>
    <t>肺炎 房 貸 郊外 家庭 疫情</t>
    <phoneticPr fontId="1" type="noConversion"/>
  </si>
  <si>
    <t>桃園 新增 1 確診 者 為 特殊 交友 圈 外 溢 親友</t>
    <phoneticPr fontId="1" type="noConversion"/>
  </si>
  <si>
    <t>桃園 市 7 日 新增 1 本土 案例 桃園 市長 鄭文燦 表示 新增 案 15882 為 居家 隔離 物件 他 是 特殊 交友 圈 外 溢 的 確診 年長 夫妻 的 家人 3 日 已經 匡列 隔離 當時 1 采 陰 但 後來 發燒 6 日 2 采 後 確診 ct 值 20 新增 確診 者 是 日前 特殊 交友 圈 確</t>
    <phoneticPr fontId="1" type="noConversion"/>
  </si>
  <si>
    <t>桃園 市 7 日 新增 1 本土 案例 桃園 市長 鄭文燦 表示 新增 案 15882 為 居家 隔離 物件 他 是 特殊 交友 圈 外 溢 的 確診 年長 夫妻 的 家人 3 日 已經 匡列 隔離 當時 1 采 陰 但 後來 發燒 6 日 2 采 後 確診 ct 值 20 新增 確診 者 是 日前 特殊 交友 圈 確診 者 傳染給 家人 該 家 人 又 拜訪 一對 年長 的 夫妻 2 人 先 後 確診 並 匡列 接觸 者 居家 隔離 當時 確診 者 雖然 1 采 陰性 但是 後來 他 發燒 後 再 安排 采 檢 於 6 日 確診 桃園 市 衛生局 匡列職 場 接觸 者 10 人 及 家庭 接觸 者 1 人 並 依照 風險 分列 居家 隔離 6 人 自主 健康 管理 2 人 及 自我 健康 監測 3 人 目前 7 人 陰性 1 人 檢驗 中 另外 桃園 市政府 公佈 日前 確診 者 足跡 案 15882 曾 於 8 月 2 日前 往 八 德 區 高城 郵局 請於 足跡 重疊 次日 起 14 天 進行 自我 健康 監測</t>
    <phoneticPr fontId="1" type="noConversion"/>
  </si>
  <si>
    <t>15 國可解 封 台 排名 全球 第 8</t>
    <phoneticPr fontId="1" type="noConversion"/>
  </si>
  <si>
    <t>口罩 肺炎 陳秀熙 指數 sars</t>
    <phoneticPr fontId="1" type="noConversion"/>
  </si>
  <si>
    <t>半 導體 聯發 科 法 說 落幕 外資 比 贊 5 g 實力 憂 4 g 有 疫 外</t>
    <phoneticPr fontId="1" type="noConversion"/>
  </si>
  <si>
    <t>南科推 精准 健康 照 護 鎖定 後 疫情 時代</t>
    <phoneticPr fontId="1" type="noConversion"/>
  </si>
  <si>
    <t>南科 管理局 照 護 系統 新興 生 醫</t>
    <phoneticPr fontId="1" type="noConversion"/>
  </si>
  <si>
    <t>取消 全國性 酒 測 防 酒 駕 團體 批 徐國勇 強調 地方 不 打折</t>
    <phoneticPr fontId="1" type="noConversion"/>
  </si>
  <si>
    <t>徐國勇 取消 全國性 酒 測 防 酒 駕 團體</t>
    <phoneticPr fontId="1" type="noConversion"/>
  </si>
  <si>
    <t>紓困 打工族 1萬 何不 普 發 社 畜 歎 正職 該死 沒 補助 疫苗 卻 繳稅</t>
    <phoneticPr fontId="1" type="noConversion"/>
  </si>
  <si>
    <t>普發 正職 打工 紓困 補助</t>
    <phoneticPr fontId="1" type="noConversion"/>
  </si>
  <si>
    <t>金融 星展 員工 彈性 福利 金 可 買 防疫 物品</t>
    <phoneticPr fontId="1" type="noConversion"/>
  </si>
  <si>
    <t>防疫 新 手段 屏 縣府 推 平安 手 環</t>
    <phoneticPr fontId="1" type="noConversion"/>
  </si>
  <si>
    <t>手 環 防疫 居家 檢疫 平安</t>
    <phoneticPr fontId="1" type="noConversion"/>
  </si>
  <si>
    <t>北市 松山區 2 校 預防 性 停課 教育局 建議 鄰近 18 間 補習班 停課 1 天</t>
    <phoneticPr fontId="1" type="noConversion"/>
  </si>
  <si>
    <t>北市 松山區 某國 中 出現 1 確診 個案 並 有 他 校 學生 曾 與 確診 者 接觸 因此 松山區 已 有 2 校 預防 性 停課 北市 教育局 為 防止 疫情 擴散 緊急 勸導 周邊 18 間 補習班 建議 今晚 課程 改 采 線 上 教學 環保局 也 將 在 今晚 到 周邊 消毒 臺北市</t>
    <phoneticPr fontId="1" type="noConversion"/>
  </si>
  <si>
    <t>實 聯 制 驚 傳 詐騙 qr code 傳送 前 確認 1 數位</t>
    <phoneticPr fontId="1" type="noConversion"/>
  </si>
  <si>
    <t>實 聯 制 qr code 1922 詐騙</t>
    <phoneticPr fontId="1" type="noConversion"/>
  </si>
  <si>
    <t>日月 潭 團 客 大 減 散客 多 自 駕 遊</t>
    <phoneticPr fontId="1" type="noConversion"/>
  </si>
  <si>
    <t>日月 潭 旅遊 肺炎 度假 都會區 散客</t>
    <phoneticPr fontId="1" type="noConversion"/>
  </si>
  <si>
    <t>大 疫 當前 金門 迎 城 隍 宗教 文化 觀光 季 停辦</t>
    <phoneticPr fontId="1" type="noConversion"/>
  </si>
  <si>
    <t>中和 一家 9 口 5 確診 2 人 待 送醫 年紀 最小 僅 6 歲</t>
    <phoneticPr fontId="1" type="noConversion"/>
  </si>
  <si>
    <t>新北 聯 醫 三 重 板橋 院區 即日起 探病 陪 病 限 1 人</t>
    <phoneticPr fontId="1" type="noConversion"/>
  </si>
  <si>
    <t>國內 昨 爆發 首 起 院內 感染 各 醫院 提升 入院 管制 規定 新北市衛生局 表示 新北 市立 聯合醫院 三 重 院區 作為 應變 醫院 即日起 每 1 名 住院病人 限 1 名 訪 客 探病 探病 時間 為 上午 11 點 11 點 半 以及 晚間 7 點 至 7 點 半 且 住院病人 僅 能 有</t>
    <phoneticPr fontId="1" type="noConversion"/>
  </si>
  <si>
    <t>臺灣 防疫 吊 車尾 藍 議員 舉 韓國 現況 轟 政府 到底 在 幹 什麼</t>
    <phoneticPr fontId="1" type="noConversion"/>
  </si>
  <si>
    <t>王鴻薇 民眾 韓國 臺灣 吊車 尾</t>
    <phoneticPr fontId="1" type="noConversion"/>
  </si>
  <si>
    <t>陳時中一句話 王豐酸：快走下祭壇退乩了還不知道</t>
    <phoneticPr fontId="1" type="noConversion"/>
  </si>
  <si>
    <t>陳時中 一 句 話 王 豐 酸 快 走下 祭壇 退 乩 了 還 不 知道</t>
    <phoneticPr fontId="1" type="noConversion"/>
  </si>
  <si>
    <t>日 航 包機 撤離 俄羅斯 保留 50 位置 給 國人</t>
    <phoneticPr fontId="1" type="noConversion"/>
  </si>
  <si>
    <t>北市 警 轟 衛生局 1 句 話 甩 鍋 死 後 確診 警政署 回應 會 查</t>
    <phoneticPr fontId="1" type="noConversion"/>
  </si>
  <si>
    <t>華航 印度 撤 僑 專機 5 月 4 日 載 南亞 台 人 回台</t>
    <phoneticPr fontId="1" type="noConversion"/>
  </si>
  <si>
    <t>在 外交部 與 駐 印度 代表處 安排 下 與 世界 臺灣 商會 聯合 總會 等 台商 組織 協商 後 決定 租用 華航 專機 於 5 月 4 日 晚間 7 時在 新德里 搭載 南亞 的 台商 與 台僑 返台 根據 駐 印度 代表處 先前 的 初步統計 包括 印度 孟加拉 等 地 共 200 多 名 臺灣</t>
    <phoneticPr fontId="1" type="noConversion"/>
  </si>
  <si>
    <t>專機 駐 印度 代表處 新德里 台商 5 月</t>
    <phoneticPr fontId="1" type="noConversion"/>
  </si>
  <si>
    <t>中研院 實驗室 門把 桌面 有 病毒 專家 直 呼怪 曝 2 大 疑點</t>
    <phoneticPr fontId="1" type="noConversion"/>
  </si>
  <si>
    <t>實驗室 病毒 中研院 門把 桌面</t>
    <phoneticPr fontId="1" type="noConversion"/>
  </si>
  <si>
    <t>基隆獲2100劑疫苗 林右昌宣佈5族群優先施打</t>
    <phoneticPr fontId="1" type="noConversion"/>
  </si>
  <si>
    <t>基隆 獲 2100 劑 疫苗 林右昌 宣佈 5 族群 優先 施打</t>
    <phoneticPr fontId="1" type="noConversion"/>
  </si>
  <si>
    <t>2020 武漢 風暴 陸17 省市 省際 公路 與 城市 客運 逐步 恢復 營運</t>
    <phoneticPr fontId="1" type="noConversion"/>
  </si>
  <si>
    <t>半 導體 外資 續 看好 長期 成長 日 月光 投 控 量 增 價 揚</t>
    <phoneticPr fontId="1" type="noConversion"/>
  </si>
  <si>
    <t>日 月光 投 控 3711 法 說 會 對 2020 年 第二 季 營運 釋出 樂觀 展望 但 坦言 下半年 不 確定性 仍 高 訂單 能見度 偏 低 對 市況 及 營運 展望 暫不 評論 外資 出具 最新 報告 雖 因應 下半年 能見度 偏 低 將 目標價 區間 自 67 90 元 略微 縮減 至 67</t>
    <phoneticPr fontId="1" type="noConversion"/>
  </si>
  <si>
    <t>日 月光 投 控 股價 營運 展望 外資</t>
    <phoneticPr fontId="1" type="noConversion"/>
  </si>
  <si>
    <t>病例 更 早 就 有 世衛 籲 各國 調查</t>
    <phoneticPr fontId="1" type="noConversion"/>
  </si>
  <si>
    <t>發現 病毒 肺炎 世衛 檢測</t>
    <phoneticPr fontId="1" type="noConversion"/>
  </si>
  <si>
    <t>義 大利 新 增 數字 稍 降 高層 盼 高峰期 已 過</t>
    <phoneticPr fontId="1" type="noConversion"/>
  </si>
  <si>
    <t>東方 神 起 允 浩 爆 上 非法 酒店 有 妹 坐 陪 公司 急 出面 遇警沒 逃</t>
    <phoneticPr fontId="1" type="noConversion"/>
  </si>
  <si>
    <t>南韓 sm 娛樂 男子 天 團 東方 神 起 出道 10 多 年 來 除了 團體 在 2009 年 因 合約 問題 而 鬧 出 風波 外 允 浩 始終 潔身自愛 形象 非常 正向 陽光 不料 近日 卻 爆出 他 違反 韓國 防疫 聚餐 時間 規定 事 後 更 被 媒體 爆 出去 的 是 非法 酒店 遭 臨檢</t>
    <phoneticPr fontId="1" type="noConversion"/>
  </si>
  <si>
    <t>南韓 sm 娛樂 男子 天 團 東方 神 起 出道 10 多 年 來 除了 團體 在 2009 年 因 合約 問題 而 鬧 出 風波 外 允 浩 始終 潔身自愛 形象 非常 正向 陽光 不料 近日 卻 爆出 他 違反 韓國 防疫 聚餐 時間 規定 事 後 更 被 媒體 爆 出去 的 是 非法 酒店 遭 臨檢 時 允 浩 還 逃跑 新聞 一 出 引發 軒然大波 讓 sm 娛樂 跟 允 浩 趕緊 發聲明 解釋 與 道歉 允 浩 跟 夥伴 昌瑉 一同 擔綱 主持 的 大型 競賽 節目 kingdom legendary war 播出 在即 卻 鬧 出 大 風波 他 日前 被 爆 違反 南韓 防疫 規定 在 超過 晚上 10 點 後跟 朋友 聚餐 持續 到 深夜 因此 遭到 警方 調查 允 浩 立刻 委 讬 所屬 之 sm 娛樂 發聲明 為 一時之間 的 疏忽 道歉 表示 會 深刻 反省 態度 誠懇 得到 了 多數 網友 的 諒解 本 以為 到 這裡 已 解決 沒 想到 又 被 媒體 挖 出 事情 不 單純 韓媒 mbc 新聞 繼續 追蹤 此事 獨家報導 了 允 浩 聚餐 的 地點 登記 為 一般 餐廳 但 卻 掛羊頭賣狗肉 是 非法 營業 會員制 酒店 窗戶 玻璃 是 做 不透光 處理 難以 從 外面 看見 內部 狀態 而 媒體 深入 其中 看見 的 是 一 條 長廊 兩側 有 多 間 包廂 還有 女 服務生 進進出出 提供 陪酒 服務 酒店 員工 則 透露 不是 普通人 就 能 進來 消費 必須 是 會員 且 沒 提前 預約 就 無法 進入 mbc 新聞 更 報導 當天 允 浩 是 跟 3 名 朋友 到 店 消費 身旁 有 幾 個 女 服務生 坐 陪 一直 待 到 午夜 時分 警方 于淩晨 到 該處 臨檢 朋友 為了 讓 允 浩 逃走 而 拖住 警方 發生 肢體衝突 最後 一行 人 被 上 銬 帶走 也 立案 調查 餐廳 則 在 調查 結束 後 被 以 違反 防疫 規 施以 行政處罰 yunho @yunho 2154 分享 的 貼 文 報導 曝光 後 sm 娛樂 再 發聲明 澄清 報導 內容 並非 事實 還原 允 浩 當天 被 朋友 揪出去 說 要 聊天 談心 就 去 了 被告 知 的 地方 但 他 是 第一 次 去 事前 不知情 而 現場 也 沒 女性 陪酒 只有 女性 工作人員 負責 結 帳 而已 而 允 浩 全程 配合 警方 調查 沒有 逃跑 表示 唯一 做 錯 的 地方 就 是 違反 了 防疫 規定 希望 其他 的 部分 外界 不要 臆測 並 誤 信 而 警方 事 後 也 澄清 允 浩 並 沒有 逃跑 是 他 的 朋友 可能 被 到場 便衣 刑警 嚇到 在 不 知道 是 員警 的 情況 下 表示 抗議 而已 並 沒有 肢體衝突 也 沒 妨礙 公務 而 允 浩 被 還以 清白 後 仍 在 個人 社交 平臺 po 文 寫下 對 自己 生氣 感到 羞愧 等 粉絲 也 表示 能夠 理解 原諒 叮嚀 他 下次 注意 一點 就 好</t>
    <phoneticPr fontId="1" type="noConversion"/>
  </si>
  <si>
    <t>允 浩 東方 神 起 非法 酒店 陪酒 女 服務生</t>
    <phoneticPr fontId="1" type="noConversion"/>
  </si>
  <si>
    <t>15 檔 體質 勇 強勢 抗 疫</t>
    <phoneticPr fontId="1" type="noConversion"/>
  </si>
  <si>
    <t>成長 強勢 股 肺炎 技嘉 宇峻</t>
    <phoneticPr fontId="1" type="noConversion"/>
  </si>
  <si>
    <t>無畏 肺炎 疫情 俄羅斯 電影 空降 票房 冠軍</t>
    <phoneticPr fontId="1" type="noConversion"/>
  </si>
  <si>
    <t>由 雙子 殺手 特效 團隊 傾 力 打造 繼 id 4 星際 終結者 後 又 一 科幻 災難 片 末日 異 戰 繼 在 俄羅斯 吸 金 近 10億 台幣 票房 後 上週末 在 台 正式 上映 在 肺炎 疫情 衝擊 下 首 週末 3 天全 台 票房 近 200萬 勇奪 全台 票房 冠軍 末</t>
    <phoneticPr fontId="1" type="noConversion"/>
  </si>
  <si>
    <t>由 雙子 殺手 特效 團隊 傾 力 打造 繼 id 4 星際 終結者 後 又 一 科幻 災難 片 末日 異 戰 繼 在 俄羅斯 吸 金 近 10億 台幣 票房 後 上週末 在 台 正式 上映 在 肺炎 疫情 衝擊 下 首 週末 3 天全 台 票房 近 200萬 勇奪 全台 票房 冠軍 末日 異 戰 同時 也 是 臺灣 影 史 首度 登 上 票房 冠軍 的 俄羅斯 電影 不少 觀眾 大贊 宛如 明天 過後 加上 id 4 星際 終結者 好 一陣子 沒 看到 這樣 的 爆米花 特效 大片 啦 結尾 讓 人 意猶未盡 敲 碗 續集 更 有 網友 表示 在 近來 受到 疫情 影響 大家 生活 十分 苦悶 末日 異 戰 適時 舒緩 了 緊 繃 的 心情 末日 異 戰 劇情 描述 在 一 場外 星 飛船 墜落 莫斯科 事件 3 年 後 獲得 外 星 力量 的 少女 尤莉 亞 成為 政府 秘密 實驗 的 研究 物件 不僅 人類 覬覦 她 的 能力 就 連外星 異 種 也 亟欲 取回 她 這股 足以 毀滅 世界 的 力量 在 雙方 追 殺 之下 少女 不得不 作出 選擇 決定 自己 該 為 誰 而戰 末日 異 戰 現 正 全台 熱映 中 更 多 ctwant 報導</t>
    <phoneticPr fontId="1" type="noConversion"/>
  </si>
  <si>
    <t>中 市 境外 1 印尼 確診 台商 搭 醫療 專機 返台 治療</t>
    <phoneticPr fontId="1" type="noConversion"/>
  </si>
  <si>
    <t>確診 醫療 專機 治療 印尼 台商</t>
    <phoneticPr fontId="1" type="noConversion"/>
  </si>
  <si>
    <t>譚 德塞 尚未 發現 讓 疫苗 失效 的 變種 病毒 但 情況 可能 改變</t>
    <phoneticPr fontId="1" type="noConversion"/>
  </si>
  <si>
    <t>批 高端 三無 疫苗 趙 少康 轟 蔡 政府 用 奧運 轉移 焦點</t>
    <phoneticPr fontId="1" type="noConversion"/>
  </si>
  <si>
    <t>半 導體 nb 熱 翻天 義 隆 搭上 順 風車 旺 到 年底</t>
    <phoneticPr fontId="1" type="noConversion"/>
  </si>
  <si>
    <t>生 華科 抗 疫 新藥 獲 美國 青睞</t>
    <phoneticPr fontId="1" type="noConversion"/>
  </si>
  <si>
    <t>新藥 取得 肺炎 臨床 試驗 health</t>
    <phoneticPr fontId="1" type="noConversion"/>
  </si>
  <si>
    <t>新北 今日 首度 0 確診 侯友宜 更 要 小心翼翼</t>
    <phoneticPr fontId="1" type="noConversion"/>
  </si>
  <si>
    <t>新北 今日 出現 首度 的 0 確診 新北 市長 侯友宜 今 在 防疫 說明 會上 說 面對 疫情 要 學會 謙卑 嚴陣以待 更 要 小心翼翼 一 天 的 零 不 代表 之後 都是零 侯說 要 每天 檢 視 疫情 哪些 沒 做 好 全力以赴 希望 每個 腳步 都 是 穩定 的</t>
    <phoneticPr fontId="1" type="noConversion"/>
  </si>
  <si>
    <t>新北 今日 出現 首度 的 0 確診 新北 市長 侯友宜 今 在 防疫 說明 會上 說 面對 疫情 要 學會 謙卑 嚴陣以待 更 要 小心翼翼 一 天 的 零 不 代表 之後 都是零 侯說 要 每天 檢 視 疫情 哪些 沒 做 好 全力以赴 希望 每個 腳步 都 是 穩定 的 守 住 新北 疫情 也 跟 各縣市 聯合作戰 守 住 全國 疫情 疫情 高高低低 用 平常心 看待 最 重要 守 好 疫情</t>
    <phoneticPr fontId="1" type="noConversion"/>
  </si>
  <si>
    <t>接觸 delta 病毒 確診 者 新北 2 人 采 檢 1 人 pcr 陰性</t>
    <phoneticPr fontId="1" type="noConversion"/>
  </si>
  <si>
    <t>嚴防 北農 出現 破 口 新竹 果菜 批發市場 首批 快 篩 均 為 陰性</t>
    <phoneticPr fontId="1" type="noConversion"/>
  </si>
  <si>
    <t>因應 北農 爆出 群 聚 感染 為 嚴防 其 萬一 出現 破 口 新竹 市政府 22 日 起 連續 兩 天啟 動 全面 快 篩 針對 新竹 果菜 批發市場 員工 承銷人 及 攤 商 快 篩 22 日 先 對 40 名 果菜 公司 員工 快 篩 均 為 陰性 今天上午 再 對 攤 商 做 檢測 已有近 6 成 攤</t>
    <phoneticPr fontId="1" type="noConversion"/>
  </si>
  <si>
    <t>週末 還 會 有人 跑出去 嗎 網 一面倒 別 高估 臺灣人</t>
    <phoneticPr fontId="1" type="noConversion"/>
  </si>
  <si>
    <t>週末 出去 臺灣 人流 疫情</t>
    <phoneticPr fontId="1" type="noConversion"/>
  </si>
  <si>
    <t>搶救球後參賽權 WTA賽事送「緊急信」給政府</t>
    <phoneticPr fontId="1" type="noConversion"/>
  </si>
  <si>
    <t>搶救 球 後 參賽權 wta 賽事 送 緊急 信 給 政府</t>
    <phoneticPr fontId="1" type="noConversion"/>
  </si>
  <si>
    <t>網球 女網 哈麗普 wta 賽事</t>
    <phoneticPr fontId="1" type="noConversion"/>
  </si>
  <si>
    <t>被 疫情 逼出來 名醫 獻 出 直播 處女秀</t>
    <phoneticPr fontId="1" type="noConversion"/>
  </si>
  <si>
    <t>受 疫情 影響 許多 人 減少 到 醫院 不讓 疫情 影響 治療 中國 附 醫 乳房 外科 醫護 以 直播 節目 取代 病友 聚會 每次 門診 動輒 數 百 位 病 患 的 乳 癌 權威 劉良智 甚至 為 此 獻上 個 人 直播 處女秀 他 直言 透過 網路 科技 空中 衛教 並 即時 解決</t>
    <phoneticPr fontId="1" type="noConversion"/>
  </si>
  <si>
    <t>受 疫情 影響 許多 人 減少 到 醫院 不讓 疫情 影響 治療 中國 附 醫 乳房 外科 醫護 以 直播 節目 取代 病友 聚會 每次 門診 動輒 數 百 位 病 患 的 乳 癌 權威 劉良智 甚至 為 此 獻上 個 人 直播 處女秀 他 直言 透過 網路 科技 空中 衛教 並 即時 解決 病友 疑惑 省去 門 診病 患 重覆 發問 的 時間 看 診 品質 及 醫病 關係 都 大大 提升 台中 市 圓 緣 關懷 協會 為 中國 附 醫 醫護 團隊 鼓勵 乳 癌 病友 彼此 打氣 聯誼 組成 每月 有 定期 聚會 與 活動 受到 疫情 影響 病友 面對面 交流 機會 變 少 醫護 們 於是 透過 fb 直播 維繫 和 病友 間 的 互動 從 4 月 開始 至今 已 播出 6 集 團隊 成員 事先 討論 病友 常問 的 問題 如 放射線 治療 術 後 淋巴 水腫 乳房 手術 方式 病友 治療 中 飲食 對策 等 再 邀請 相關 科別 如 複健 科 整型外科 營養 科 等 醫師 一起 在 直播 中 解答 台中 市 圓 緣 關懷 協會 理事長 中國 醫藥 大學 附設 醫院 乳房 外科主任劉良智 也 在 護理 師 鼓勵 下 從 來賓 變 主持人 過去 始終 拒絕 上 電視 的 他 更 在 近期 獻 出 自己 直播 處女秀 他 坦言 從 診 間 走 入 直播間 是 跨到 另 一個 領域 學習 時代 在 進步 利用 直播 和 病友 互動 統 整 病友 們 常見 的 問題 節省 門診 時 要 重覆 回應 同樣 問題 的 時間 現在 病人 回診 時 問題 變 得 更 深入 直接 也 是 意外 的 收穫 他 期盼 未來 醫師 都 可以 透過 更 多 工具 不但 提升 醫療 品質 也 讓 生活品質 變 得 更 好 長 榮 獅子 會 看到 圓 緣 關懷 協會 的 線 上 直播 也 決定 捐款 30萬 元 幫助 協會 中 高風險 低收入 戶 患者 彌補 正規 醫療 體系 無法 給予 的 幫助</t>
    <phoneticPr fontId="1" type="noConversion"/>
  </si>
  <si>
    <t>事假 員工 疫情 放寬 肺炎</t>
    <phoneticPr fontId="1" type="noConversion"/>
  </si>
  <si>
    <t>wha 13 友邦 提案 邀請 臺灣 與會 巴拉圭 重申 堅定 支持 臺灣</t>
    <phoneticPr fontId="1" type="noConversion"/>
  </si>
  <si>
    <t>第 74 屆 世界衛生 大會 wha 即 將 於 下週一 以 視 訊 方式 召開 13 個 友邦 以 who 會員國 身分 分別 向 who 幹事長 譚 德塞 tedros adhanom ghebreyesus 提案 要求 邀請 臺灣 以 觀察員 身份 參與 wha 至於 未 提案 的 巴拉圭 也 為 我方 致函</t>
    <phoneticPr fontId="1" type="noConversion"/>
  </si>
  <si>
    <t>第 74 屆 世界衛生 大會 wha 即 將 於 下週一 以 視 訊 方式 召開 13 個 友邦 以 who 會員國 身分 分別 向 who 幹事長 譚 德塞 tedros adhanom ghebreyesus 提案 要求 邀請 臺灣 以 觀察員 身份 參與 wha 至於 未 提案 的 巴拉圭 也 為 我方 致函 who 幹事長 呼籲 邀請 臺灣 以 觀察員 身分 出席 本年 wha 外交部 發言人 歐 江安 表示 我國 政府 持續 努力 推動 爭取 以 觀察員 身分 出席 wha 友邦 一向 不 遺 餘 力 支持 我國 國際 參與 並以 各種 多元 方式 積極 協助 例如 提案 致函 世界衛生組織 who 幹事長 在 wha 會議 中 為 我國 執 言 等 此外 友邦 也 透過 政府 高層 公開 發言 及 在 媒體 發聲 以及 立法 部門 通過 決議 或 聲明 為 臺灣 爭取 參與 wha 營造 更 大 的 國際 支持 聲 量 外交部 感謝 並 尊重 友邦 以 各種 具體 行動 協助 我方 參與 wha 歐 江安 指出 本年 我國 友邦 貝裡斯 史瓦帝 尼 瓜地馬拉 海地 宏都拉斯 馬紹爾群島 諾魯 尼加拉瓜 帛 琉 聖 克裡斯 多福 及 尼維斯 聖露西亞 聖 文森 及 吐 瓦魯 以 who 會員國 身分 分別 向 who 幹事長 譚 德塞 tedros adhanom ghebreyesus 提出 標 題為 邀請 臺灣 以 觀察員 身分 參與 世界衛生 大會 inviting taiwan to participate in the world health assembly as an observer 的 提案 要求 列入 本年 wha 議程 討論 who 已 據 以 列入 議程 補充 項目 supplementary item 歐 江安 強調 巴拉圭 重申 堅定 支持 臺灣 參與 who 及 wha 巴國 政府 也 為 我方 致函 who 幹事長 呼籲 邀請 臺灣 以 觀察員 身分 出席 本年 wha 臺灣 與 巴拉圭 邦 誼 穩固 友好 兩 國 基於 民主 自由 人權 等 共用 價值 長期以來 在 雙邊 及 多邊 領域 密切合作 相互 扶持 共同 為 兩國人民 福祉 及 國家 永續 發展 齊心 努力</t>
    <phoneticPr fontId="1" type="noConversion"/>
  </si>
  <si>
    <t>網友整理台灣新冠肺炎確診地圖 臺北市7人最多</t>
    <phoneticPr fontId="1" type="noConversion"/>
  </si>
  <si>
    <t>江仲豪 讓 人 生 更 棒</t>
    <phoneticPr fontId="1" type="noConversion"/>
  </si>
  <si>
    <t>新北 確診 重 回 二 位數 侯友宜 1 人 感染 源 不明</t>
    <phoneticPr fontId="1" type="noConversion"/>
  </si>
  <si>
    <t>新北 市 確診 數量 今日 11 人 重 回 2 位數 侯友宜 表示 這 11 人 扣除 3 人 是 居家 隔離 確診 6 人 與 北農 與 環南 市場 還 有 北市 醫療機構 與 職 場 有關 另 有 1 名 是 父母 傳給 小孩 還有 1 人 感染 源 不明 該 確診 者 在 北市 工作 近日 都 在 居家 辦</t>
    <phoneticPr fontId="1" type="noConversion"/>
  </si>
  <si>
    <t>首 波 bnt 疫苗 嘉 義縣 93 學生 有 意願 接種</t>
    <phoneticPr fontId="1" type="noConversion"/>
  </si>
  <si>
    <t>首 波 bnt 疫苗 施打 對象 為 12 至 17 歲 在籍 學生 嘉 義縣 日前 發出 1萬6629 分 接種 意願 書 調查 今 回收 確認 書 有 93 學生 有 意願 接種 且 全數 同意 在校 接種 嘉縣 衛生局 表示 造冊 後 將 依照 各 校 排定 時間 自 23 日 至 10 月 20 日 分批 進入</t>
    <phoneticPr fontId="1" type="noConversion"/>
  </si>
  <si>
    <t>首 波 bnt 疫苗 施打 對象 為 12 至 17 歲 在籍 學生 嘉 義縣 日前 發出 1萬6629 分 接種 意願 書 調查 今 回收 確認 書 有 93 學生 有 意願 接種 且 全數 同意 在校 接種 嘉縣 衛生局 表示 造冊 後 將 依照 各 校 排定 時間 自 23 日 至 10 月 20 日 分批 進入 校園 接種 縣府 教育處 日前 分送 1萬6629 分 接種 意願 書 至 縣 內 38 所 公私 立國 高中 職 今 全數 回收 造冊 代理 處長 李 美華 說 統計 後 有 93 勾選 同意 接種 造冊 後 將 由 衛生局 安排 醫護人員 到校 替 學生 接種 衛生局 表示 除 衛生所 人 員外 此次 也 委 讬 台中 榮 總 嘉義 分院 樸子 醫院 大林 慈 濟 醫院 等 團隊 協助 到校 幫 學生 施打 疫苗 另 考量 近日 許多 國 中生 陸續 接種 hpv 疫苗 考量 至少 要 和 bnt 施打 間隔 14 天 衛生局 特別 錯開 接種 時程 避免 讓 學生 在 14 天內 接種 兩劑 不同 的 疫苗 另 如果 學生 施打 bnt 後 感到 身體 不適 建議 直接 請 疫苗 假 由 父母 帶回家 休息 觀察</t>
    <phoneticPr fontId="1" type="noConversion"/>
  </si>
  <si>
    <t>安特羅 國光 生 技 快 篩 試劑</t>
    <phoneticPr fontId="1" type="noConversion"/>
  </si>
  <si>
    <t>產業 餐飲業 結盟 搶 抗 疫 商 機 後備 生力軍 蓄 勢 待 發</t>
    <phoneticPr fontId="1" type="noConversion"/>
  </si>
  <si>
    <t>豆 府 2752 莫凡比 鬍鬚 張 等 8 家 餐飲業者 組成 8 國聯軍 抗 疫 聯盟 推出 聯名 居家 套餐 7 日 組 搶攻 自 煮 宅 商 機 業者 表示 聯盟 洽談 10 天 便 成軍 初期 目標 每週 銷售 100 200 組 首 階段 銷售 達 1000 組 若 反應 良好</t>
    <phoneticPr fontId="1" type="noConversion"/>
  </si>
  <si>
    <t>新竹 縣 27 日 新增 一 名 確診 者 案 15701 為 住 在 竹北市 的 30 多 歲 男性 為 新北 市 確診 個案 15604 的 接觸 者 據 瞭解 為 特殊 交友 圈 傳播 與 確診 者 案 15604 曾 在 臺北市 接觸 新竹縣政府 也 立即 匡列其 室友 4 人 采 檢 目前 均 為 陰性 案 1570</t>
    <phoneticPr fontId="1" type="noConversion"/>
  </si>
  <si>
    <t>金融 金價 創 近 9 年 新高 回落 低 接 避險</t>
    <phoneticPr fontId="1" type="noConversion"/>
  </si>
  <si>
    <t>他 談 疫苗 鮮奶 說 老車 論 爆 紅 網瘋 傳 逾 5800 次 完勝名 嘴</t>
    <phoneticPr fontId="1" type="noConversion"/>
  </si>
  <si>
    <t>國內 疫情 延 燒 不斷 連帶 讓 疫苗 議題 備受 關注 對此 有 多年 國際貿易 經驗 的 自營商 李 宗穎 在 網路 提醒 各界 國際 商業 談判 有 許多 不為 外人 知 的 眉 角 何況 疫苗 當前 已經 是 戰略物資 所以 別 再 濫 發 仇恨 唱 衰 的 言論 這 只 會 挑</t>
    <phoneticPr fontId="1" type="noConversion"/>
  </si>
  <si>
    <t>李宗 穎 疫苗 國家 鮮奶 老車</t>
    <phoneticPr fontId="1" type="noConversion"/>
  </si>
  <si>
    <t>第 11 輪 bnt 預約 時間 延長 這群人 可 打到 第 1 劑</t>
    <phoneticPr fontId="1" type="noConversion"/>
  </si>
  <si>
    <t>10 月 bnt 預約 時間 接種 疫苗</t>
    <phoneticPr fontId="1" type="noConversion"/>
  </si>
  <si>
    <t>疫情 嚴峻 宜縣 即日起 禁止 宮廟 繞 境 廟會 等 活動</t>
    <phoneticPr fontId="1" type="noConversion"/>
  </si>
  <si>
    <t>delta 變異 株 入侵 臺灣 後 朱學 恒 吐 一 句 心聲</t>
    <phoneticPr fontId="1" type="noConversion"/>
  </si>
  <si>
    <t>連兩天 0 確診 網 驚 海軍 女友 天生 神力</t>
    <phoneticPr fontId="1" type="noConversion"/>
  </si>
  <si>
    <t>海軍 確診 女友 敦睦 艦隊 傳染</t>
    <phoneticPr fontId="1" type="noConversion"/>
  </si>
  <si>
    <t>產業 觀光 產業 紓困 補助 已 核撥 41 6億 元</t>
    <phoneticPr fontId="1" type="noConversion"/>
  </si>
  <si>
    <t>第一線 媒體 人 爭取 優先 打 疫苗</t>
    <phoneticPr fontId="1" type="noConversion"/>
  </si>
  <si>
    <t>林楚茵 ncc 新 聞人 陳耀祥 名單</t>
    <phoneticPr fontId="1" type="noConversion"/>
  </si>
  <si>
    <t>疫情 期間 捐 2 1億 新北 表揚 96 家 績優 宗教團體</t>
    <phoneticPr fontId="1" type="noConversion"/>
  </si>
  <si>
    <t>產業 分析 高通 看好 開放 網路 破壞性 創新 台廠 展 拳腳</t>
    <phoneticPr fontId="1" type="noConversion"/>
  </si>
  <si>
    <t>高通 蘋果 arm 5 g 4 g</t>
    <phoneticPr fontId="1" type="noConversion"/>
  </si>
  <si>
    <t>高端 混打 安全性 沒 問題 陳時中 跳針 回應 這 句 話</t>
    <phoneticPr fontId="1" type="noConversion"/>
  </si>
  <si>
    <t>陳時中 蔣 萬安 高端 安全性 混打</t>
    <phoneticPr fontId="1" type="noConversion"/>
  </si>
  <si>
    <t>婦產科 醫學會 孕產婦 打 mrna 疫苗 為主 那 其他 女性 呢</t>
    <phoneticPr fontId="1" type="noConversion"/>
  </si>
  <si>
    <t>旅遊 等 五大 產業 要求 紓困 中 市府 九 箭 全力 推動</t>
    <phoneticPr fontId="1" type="noConversion"/>
  </si>
  <si>
    <t>台中 市 議會 民進黨團 16 日 與 5 大 產業 代表 召開 記者會 黨團 副 書記長 黃守達 說 現在 市府 提 岀 紓困 9 箭 全部 射 歪 特 邀請 商圈 遊覽車 餐廳 旅 宿業 等 5 大 產業 舉行 記者會 建議 市府 應 加緊腳步 做好 配套 才 不 會 到 市府 依然 一 場</t>
    <phoneticPr fontId="1" type="noConversion"/>
  </si>
  <si>
    <t>婦 打 莫德納 第二 劑 陷 惡夢 起疹 胸 痛 20 天 後 主動脈 剝離</t>
    <phoneticPr fontId="1" type="noConversion"/>
  </si>
  <si>
    <t>高雄 一 名 69 歲 的 婦人 10 月 15 日 接種 第二 劑 莫德納 後 陸續 出現 紅疹 多次 就醫 未 緩解 20 天 後 主動脈 剝離 至今 仍 在 加 護 病房 家屬 不滿 醫院 未 通報 不良反應 高雄市 衛生局 表示 衛生局 已於 11 月 8 日 協助 個案 通報 不良反應 系統</t>
    <phoneticPr fontId="1" type="noConversion"/>
  </si>
  <si>
    <t>高雄 一 名 69 歲 的 婦人 10 月 15 日 接種 第二 劑 莫德納 後 陸續 出現 紅疹 多次 就醫 未 緩解 20 天 後 主動脈 剝離 至今 仍 在 加 護 病房 家屬 不滿 醫院 未 通報 不良反應 高雄市 衛生局 表示 衛生局 已於 11 月 8 日 協助 個案 通報 不良反應 系統 個案 有 高血壓 病史 主動脈 剝離 是否 與 疫苗 有關 待 中央 認定 婦人 10 月 15 日 接種 莫德納 第 2 劑 後 感覺 注射 部位 紅腫 發燙 曾 就醫 10 月 20 日 身上 起 紅疹 到 某 診所 就醫 10 月 29 日 與 11 月 2 日 各 因 不適 再 去 醫院 11 月 4 日 則 感到 胸 痛 背痛 到 醫院 掛 急診 診斷 是 主動脈 剝離 開刀 後 仍 在 加 護 病房 觀察 衛生局 表示 個案 有 高血壓 病史 經 緊急 處置 後 目前 病況 穩定 近日 可 轉 普通 病房 衛生局 11 月 8 日 協助 個案 通報 不良反應 系統 並 提供 受害 救濟 申請 資訊 給 個案 家屬 家屬 于 11 月 12 日 已 提出 申請書 審核 檔無誤 後 衛生局 已將 相關 資料 提報 疾病 管制 署 進行 後續 審議 作業 其 發生 主動脈 剝離 是否 與 疫苗 有關 待 中央 認定 疫苗 不良 事件 的 通報 以 透過 醫療 院所 為 原則 此 個案 因 涉及 多 家 醫療 院所 所以 由 轄區 衛生所 接 獲 民眾 要求 通報 不良 事件 時 匯 整 相關 醫療 院所 資訊 由 衛生局 所 協助 通報</t>
    <phoneticPr fontId="1" type="noConversion"/>
  </si>
  <si>
    <t>斷 翅膀 縫 眼睛 活 體 烹 煮 越南 驚見 野味 市場</t>
    <phoneticPr fontId="1" type="noConversion"/>
  </si>
  <si>
    <t>陳一新 下 武漢 約法三章 震懾 官場</t>
    <phoneticPr fontId="1" type="noConversion"/>
  </si>
  <si>
    <t>陳一新 任務 幹部 中央政法委 建立</t>
    <phoneticPr fontId="1" type="noConversion"/>
  </si>
  <si>
    <t>雲南 瑞麗 連續 爆 疫情 1 歲 多 幼兒 已 做 74 次 核酸 檢測</t>
    <phoneticPr fontId="1" type="noConversion"/>
  </si>
  <si>
    <t>過去 7 個 月 雲南 瑞麗 連續 爆發 疫情 至今 已 4 度 採取 封閉 嚴 管 措施 在 長期 封城 的 影響 下 瑞麗 的 工廠 停工 商業 停業 貿易 停 擺 當地人 只能 默默 承受 巨大 的 壓力 有 陸媒報 道指 當地 有 居民 數 月 來 歷經 近百 次 核酸 檢測</t>
    <phoneticPr fontId="1" type="noConversion"/>
  </si>
  <si>
    <t>過去 7 個 月 雲南 瑞麗 連續 爆發 疫情 至今 已 4 度 採取 封閉 嚴 管 措施 在 長期 封城 的 影響 下 瑞麗 的 工廠 停工 商業 停業 貿易 停 擺 當地人 只能 默默 承受 巨大 的 壓力 有 陸媒報 道指 當地 有 居民 數 月 來 歷經 近百 次 核酸 檢測 一 名 1 歲 多 的 幼兒 也 已 做 了 74 次 檢測 和 隔離 已 成為 瑞麗 人 生活 的 一部分 瑞麗 民眾 今年 自 3 月 第一 波 疫情 發生 後 共 發現 93 例 本土 確診 和 25 名 本土 無 症狀 感染者 7 月 又 出現 第二 波 疫情 所有 病例 均 感染 delta 變種 病毒 且 病例 高度集中 在 邊境 一線 和 外籍 人員 集聚 區 檢測 和 隔離 成為 生活 一部分 例如 當地 居民 黎女士 從 4 月 至 今 已 做 了 接近 60 次 核酸 檢測 密集 的 時候 幾乎 每 隔 兩 日 就要 檢測 一 次 另 有 當地 一 名 翡翠 商人 表示 其 出生 於 去年 1 月 現今 不 到 2 歲 的 兒子 今年 8 月 31 日 至 本月 29 日 已 完成74 次 核酸 檢測 瑞麗 一 名 網 約 車 司機 更 表示 7 個 月 以來 做 了 90 次 核酸 檢測 平均 兩 天 做 一 次 其中 很 多 還 是 自費 檢測</t>
    <phoneticPr fontId="1" type="noConversion"/>
  </si>
  <si>
    <t>張上淳 臺灣 個案 複 陽 陰陽</t>
    <phoneticPr fontId="1" type="noConversion"/>
  </si>
  <si>
    <t>在家 工作 潮 讓 zoom 翻紅 偷 傳 資料 給 facebook 再 惹 爭議</t>
    <phoneticPr fontId="1" type="noConversion"/>
  </si>
  <si>
    <t>zoom 視 訊 會議 在家 工作 wfh 疫情</t>
    <phoneticPr fontId="1" type="noConversion"/>
  </si>
  <si>
    <t>業績 電腦設備 佳 世 達 3 月 營 收 雙增 創 同期 新高</t>
    <phoneticPr fontId="1" type="noConversion"/>
  </si>
  <si>
    <t>聚碩 勝 品 羅升 佳 世 達 創 同期 新高</t>
    <phoneticPr fontId="1" type="noConversion"/>
  </si>
  <si>
    <t>美疫情惡化 路透：川普可能宣佈國家級災難</t>
    <phoneticPr fontId="1" type="noConversion"/>
  </si>
  <si>
    <t>美 疫情 惡化 路透 川普 可能 宣佈 國家級 災難</t>
    <phoneticPr fontId="1" type="noConversion"/>
  </si>
  <si>
    <t>影》爆料老媽滿屋子狂咳 川普前顧問火辣女兒宣佈染新冠</t>
    <phoneticPr fontId="1" type="noConversion"/>
  </si>
  <si>
    <t>MLB公佈2021年賽程 全聯盟4月1日同步開季</t>
    <phoneticPr fontId="1" type="noConversion"/>
  </si>
  <si>
    <t>mlb 公佈 2021 年 賽程 全 聯盟 4 月 1 日 同步 開 季</t>
    <phoneticPr fontId="1" type="noConversion"/>
  </si>
  <si>
    <t>媽祖 進香 徐耀昌 媽祖 是 慈悲 的 萬一 有 漏洞 得不償失</t>
    <phoneticPr fontId="1" type="noConversion"/>
  </si>
  <si>
    <t>3 月 陸續 將 有 許多 媽祖 進香 活動 對於 是否 延期 或 停辦 引發 高度 關注 苗栗 縣長 徐耀昌 26 日 表示 媽祖 是 慈悲 的 不要 因為 廟會 若 萬一 有 漏洞 造成 恐慌 得不償失 到時候 把 責任 歸屬于 媽祖 也 不對 26 日 徐耀昌 指出 防疫 是</t>
    <phoneticPr fontId="1" type="noConversion"/>
  </si>
  <si>
    <t>繼 昨 19 日 傳出 韓國 36 歲 男 星 文智允 驟 逝 後 又 傳出 參加 臉 贊 時代 的 32 歲 男 星 李治熏 又 譯 李治訓 也 因 急性 敗血症 過世 bj seya 稍 早 在 直播 透露 李治熏 幾 天 前 就 喊 不 舒服 急診室 以 控制 疫情 為由 第一時間 拒收 確認 不</t>
    <phoneticPr fontId="1" type="noConversion"/>
  </si>
  <si>
    <t>李治熏 李治訓 臉 贊 時代 文智允 花美男 株式會社</t>
    <phoneticPr fontId="1" type="noConversion"/>
  </si>
  <si>
    <t>出院 嚴格 自主 管理 戴 口罩 勿 共 食</t>
    <phoneticPr fontId="1" type="noConversion"/>
  </si>
  <si>
    <t>新竹 縣 增 1 例 孕婦 即日起 可於 5 醫院 預約 接種</t>
    <phoneticPr fontId="1" type="noConversion"/>
  </si>
  <si>
    <t>新竹 縣 22 日 新增 一個 確診 個案 為 竹東 某 長 照 機構 的 長期 住 民 在 經歷 第 5 次 采 檢 後 確診 新竹 縣長 楊文科 表示 竹東 鎮 2 機構 自 有 人 確診 後 採取 2 天 采 檢 一 次 另外 新竹 縣 的 孕婦 即日起 可於 東 元 綜合 醫院 中國 醫藥 大學 新竹</t>
    <phoneticPr fontId="1" type="noConversion"/>
  </si>
  <si>
    <t>曝 險 金額 美國 新 台幣 授信 金額</t>
    <phoneticPr fontId="1" type="noConversion"/>
  </si>
  <si>
    <t>美 網 防疫 大刀 砍 女雙 頭號 種子 被迫 棄 賽</t>
    <phoneticPr fontId="1" type="noConversion"/>
  </si>
  <si>
    <t>茉 蘭登 諾維奇 美 網 隔離 帕爾雷 wta</t>
    <phoneticPr fontId="1" type="noConversion"/>
  </si>
  <si>
    <t>二級 警戒 持續 至 8 23 最新 規定 出爐 超 商 可 賣 茶葉蛋 了</t>
    <phoneticPr fontId="1" type="noConversion"/>
  </si>
  <si>
    <t>二級 警戒 超 商 茶葉蛋 酒店 游泳池</t>
    <phoneticPr fontId="1" type="noConversion"/>
  </si>
  <si>
    <t>類 股 統一 狂 飆 逾 8 食品 股 飄香 氣</t>
    <phoneticPr fontId="1" type="noConversion"/>
  </si>
  <si>
    <t>台中 首例 打 高端 後 死亡 個案 莊 人 祥 出現 肺 浸潤 竇性 心搏 過速 等 症狀</t>
    <phoneticPr fontId="1" type="noConversion"/>
  </si>
  <si>
    <t>崩 壞 與 節制 的 一 年</t>
    <phoneticPr fontId="1" type="noConversion"/>
  </si>
  <si>
    <t>節制</t>
    <phoneticPr fontId="1" type="noConversion"/>
  </si>
  <si>
    <t>機構 疫苗 美國 肺炎 臺灣</t>
    <phoneticPr fontId="1" type="noConversion"/>
  </si>
  <si>
    <t>文曄 擬 私 募 1 7億 股 市場 關注</t>
    <phoneticPr fontId="1" type="noConversion"/>
  </si>
  <si>
    <t>現 增 私 募 普通股 獨董 億 股</t>
    <phoneticPr fontId="1" type="noConversion"/>
  </si>
  <si>
    <t>大陸 本土 又 0 高風險 地區 剩 1</t>
    <phoneticPr fontId="1" type="noConversion"/>
  </si>
  <si>
    <t>經過 一個 多 月 的 抗 疫 大陸 28 日 本土 病例 零 新增 新增 的 33 例 病例 均 為 境外 輸入 病例 目前 大陸 僅剩 1 地 為 高風險 地區 另 有 17 個中 風險 地區 據 大陸 國家 衛健 委 通報 大陸 28 日 新增 境外 輸入 病例 包括 雲南 17 例 上海 5 例 天</t>
    <phoneticPr fontId="1" type="noConversion"/>
  </si>
  <si>
    <t>大陸 疫苗 雲南 日 新增 處置</t>
    <phoneticPr fontId="1" type="noConversion"/>
  </si>
  <si>
    <t>找 嘸 買家 美 油 商 被迫 關 油井</t>
    <phoneticPr fontId="1" type="noConversion"/>
  </si>
  <si>
    <t>美國 石油業 全球 能源 肺炎 被迫 百 座</t>
    <phoneticPr fontId="1" type="noConversion"/>
  </si>
  <si>
    <t>克雷多生 醫 pcr 檢測 cp 值 高</t>
    <phoneticPr fontId="1" type="noConversion"/>
  </si>
  <si>
    <t>bnt 疫苗 何時 到貨 陳時中 回 應 了</t>
    <phoneticPr fontId="1" type="noConversion"/>
  </si>
  <si>
    <t>bnt 疫苗 陳時中 時間 劑量</t>
    <phoneticPr fontId="1" type="noConversion"/>
  </si>
  <si>
    <t>疫苗 險 取消 年齡 下限 嬰幼兒 學生 都可 投保</t>
    <phoneticPr fontId="1" type="noConversion"/>
  </si>
  <si>
    <t>bnt 疫苗 最 快 9 月 登臺 國內 施打 疫苗 年齡 可望 降 至 12 歲 產險 公司 超前 部署 多 家 產險 公司 陸續 下 修 疫苗 險 投保 年齡 國泰 和 泰 新安 東京 海上 產險 等 抱 持 防疫 不 設限 態度 已 進一步 取消 投保 年齡 下限 不論 學生 嬰幼兒 身</t>
    <phoneticPr fontId="1" type="noConversion"/>
  </si>
  <si>
    <t>泰 產險 疫苗 下限 取消 投保 年齡</t>
    <phoneticPr fontId="1" type="noConversion"/>
  </si>
  <si>
    <t>陸港 觀盤 q 2 持續 盤整 資金 青睞 內需</t>
    <phoneticPr fontId="1" type="noConversion"/>
  </si>
  <si>
    <t>後續 中國 肺炎 內需 觀察</t>
    <phoneticPr fontId="1" type="noConversion"/>
  </si>
  <si>
    <t>公佈案33日本旅遊路徑 掌握67名接觸者持續採檢</t>
    <phoneticPr fontId="1" type="noConversion"/>
  </si>
  <si>
    <t>公佈 案 33 日本 旅遊 路徑 掌握 67 名 接觸 者 持續 采 檢</t>
    <phoneticPr fontId="1" type="noConversion"/>
  </si>
  <si>
    <t>打過 2 劑 az 也 成功 登記 工程師 揪 漏洞 遭 酸 國家 真的 病 了</t>
    <phoneticPr fontId="1" type="noConversion"/>
  </si>
  <si>
    <t>疫苗 預約 系統 有 漏洞 一 名 男 網友 已經 打完 2 劑 疫苗 但 還是 可以 登記 疫苗 接種 意願 這樣 的 狀況 讓 他 忍不住 吐 槽 貼 文 引起 網友 熱 議 不少 人 狠 酸 原 po 讓 他 委屈 直 呼 身為 工程師 看到 系統漏洞 點出 來說 結果 被 酸 爆 國家 真</t>
    <phoneticPr fontId="1" type="noConversion"/>
  </si>
  <si>
    <t>疫苗 預約 系統 有 漏洞 一 名 男 網友 已經 打完 2 劑 疫苗 但 還是 可以 登記 疫苗 接種 意願 這樣 的 狀況 讓 他 忍不住 吐 槽 貼 文 引起 網友 熱 議 不少 人 狠 酸 原 po 讓 他 委屈 直 呼 身為 工程師 看到 系統漏洞 點出 來說 結果 被 酸 爆 國家 真的 病 了 系統 本 是 為了 降低 人力 負擔 而 存在 所以 理應 排除 不符 資格 者 現在 無差別 接受 所有 的 輸入 再 人工 篩 掉 不合 資格 者 這樣 豈不是 脫 褲子 放屁 一 名 男 網友 昨天 在 dcard 上 發文 表示 他 已經 打完 兩劑 az 疫苗 了 剛剛 朋友 傳 訊息 來說 18 歲 以上 的 民眾 也 可以 登記 疫苗 施打 意願 讓 他 非常 好奇 忍不住 點 進去 系統 看 後 便 再 也 擋不住 心中 調皮 的 想法 那 我 是 不是 也 可以 登記 到 嗎 男 網友 表示 實際 進入 系統驗證 身分 後 竟然 還 真 的 讓 他 登記 成功 了 這樣 的 狀況 也 讓 他 忍不住 吐 槽 不愧 是 日本 人 推崇 的 天才 it 大臣 六月就 宣佈 做好 到 現在 起碼 一個 月 了 先前 還 在外 島 封 測 過 只能 說 政府 好棒 棒 是不是 想 讓 我 打 四 劑 疫苗 男 網友 指出 如果 一 套 自動化 系統 還 沒有 辦法 排除 最 基本 的 差異 而是 無差別 的 接受 所有 的 輸入 那 這 套 系統 基本上 是 沒 辦法 減少 人力 作業 的 貼 文 引發 網友 討論 不少 人 替 政府 緩 頰 說 登記 意願 和 可以 預約 是 兩回事 成功 登記 意願 不見得 會 收到 簡訊 通知 就 好像 人人 都 可以 申請 紓困 但 不是 所有人 都 會 核 過 領到 錢 看到 你在 那邊 調皮 真的 是 有 夠 浪費 社會 資源 但 也 有 網友 看 了 很 認同 原 po 認為 系統 明顯 存在 漏洞 而 系統 的 存在 應是 降低 人力 負擔 所以 對於 不 符合 資格 的 人 理應 進行 排除 如果 還要 事後 依靠 人力 進行 核對 排除 那並 不 符合 這 套 系統 的 設立 初衷 且 大家 也 不要 說 這 系統 只是 意願 登記 而已 畢竟 政府 發送 預約 登記 簡訊 的 名單 就是 從 意願 登記 名單 中 抽取 的 不是 嗎 原 po 也 在 留言處 表示 身 為 一 位 工程師 看到 系統 就 職業病 發作 結果 點出 問題 嘲諷 就 被 嘴 爛 讓 他 大 呼 這 國家 真的 是 病 了 如果 這個 狀況 換到 私人企業 他 不 相信 有 哪個 老闆 可以 接受 這樣 的 結果 明明 給 了 員工 足夠 的 時間 與 資金 結果 卻 弄 出 一個 功能 不 全 的 程式 如果 當下 不 踢 掉 事後 再 排除 那 為什麼 要 成功 登記 意願 呢 根本 是 脫 褲子 放屁</t>
    <phoneticPr fontId="1" type="noConversion"/>
  </si>
  <si>
    <t>居家 隔離 趴 趴 走 陳以信 應戴 電子 手 環</t>
    <phoneticPr fontId="1" type="noConversion"/>
  </si>
  <si>
    <t>今日 新 國會 開議 國是 論壇 首先 登場 國民黨 立 委 陳以信 表示 防疫 視同 作戰 為 落實 居家 隔離 檢疫 應於 嚴重 特殊 傳染性 肺炎 防治 及 紓困 振興 特別 條例 中 增列 科技 監控 的 法律 授權 並 經由 法院 審查 加強 管制 接受 居家 隔</t>
    <phoneticPr fontId="1" type="noConversion"/>
  </si>
  <si>
    <t>今日 新 國會 開議 國是 論壇 首先 登場 國民黨 立 委 陳以信 表示 防疫 視同 作戰 為 落實 居家 隔離 檢疫 應於 嚴重 特殊 傳染性 肺炎 防治 及 紓困 振興 特別 條例 中 增列 科技 監控 的 法律 授權 並 經由 法院 審查 加強 管制 接受 居家 隔離 檢疫 者 也 保障人權 陳 以 信 認為 行政院 提出 的 紓困 方案 是 為 防疫 作戰 加添 子彈 國人 都會 支援 他 也 對 該 條例 表示 肯定 然而 當前 的 特別 條例 仍 有 美中不足 之處 呼籲 朝野 黨團 於 協商 時 能夠 針對 居家 隔離 的 管制 方式 採納 新 提出 的 修正 建議 陳 以 信 表示 行政院 版 草案 中 沒有 對於 居家 隔離 檢疫 首 予 科技 設備 監控 的 法律 授權 草案 的 第 十三 條 規範 對於 居家 隔離 卻 到處 趴 趴 走 的 人 處以 兩 年 以下 有期徒刑 的 刑責 刑責 本身 非常 的 重 但 對於 心存僥倖 很 皮 或 刻意 違反規定 者 這樣 的 罰 則 仍然 不足以 周全地 管 制 其 行為 陳 以 信 指出 各縣市 近日 已 有 數 十 例 因為 違反 居家 隔離 的 案例 遭到 開 罰 因此 針對 刻意 違反規定 者 應該 加強 立法 規範 因此 他 具體 建議 應在 現行 條例 中 增加 科技 監控 的 法律 授權 陳 以 信 補充 立法 時也 必須 保護 接受 居家 隔離 居家 檢疫 者 的 基本 人權 根據 大法官 釋字第 588 號 第 690 號 解釋 文 當中 要求 電子 監控 的 實施 必須 要 有 法院 為 事前 的 審查 他 具體 建議 于 現行 嚴重 特殊 傳染性 肺炎 防治 及 紓困 振興 特別 條例 草案 中 增列 第 十三 條 之一 對於 受 指定 隔離 治療 機構 施行 隔離 治療 居家 隔離 與 檢疫 者 得 經 法院 許可 後 隔離 期間 對 其 實施 科技 設備 監控 他 強調 只有 使用 電子 設備 加強 監控 不 遵守 隔離 檢疫 隔離 者 才能 有效 避免 疫情 的 擴散</t>
    <phoneticPr fontId="1" type="noConversion"/>
  </si>
  <si>
    <t>居家 隔離 監控 立 委 陳以信 國民黨</t>
    <phoneticPr fontId="1" type="noConversion"/>
  </si>
  <si>
    <t>北部 高中 停課 該校 學生 悲痛 控 綠 媒 不只 肺炎 會 殺人</t>
    <phoneticPr fontId="1" type="noConversion"/>
  </si>
  <si>
    <t>確診 者 抱怨 作業 有空 窗 期 侯友宜 籲 中央 校正 回歸 速度 加快</t>
    <phoneticPr fontId="1" type="noConversion"/>
  </si>
  <si>
    <t>本土 疫情 嚴峻 新北 本土 確診 病例 今 增加 177 人 校正 回歸 146 人 新北 市長 侯友宜 今 招開 應變 會議 時 表示 校正 回歸 從 22 日 至今已有 6 天 幾乎 每天 都 在 校正 回歸 但 許多 確診 者 都來 抱怨 稱 接 獲 確診 速度 太 慢 地方 作業 有空 窗</t>
    <phoneticPr fontId="1" type="noConversion"/>
  </si>
  <si>
    <t>本土 疫情 嚴峻 新北 本土 確診 病例 今 增加 177 人 校正 回歸 146 人 新北 市長 侯友宜 今 招開 應變 會議 時 表示 校正 回歸 從 22 日 至今已有 6 天 幾乎 每天 都 在 校正 回歸 但 許多 確診 者 都來 抱怨 稱 接 獲 確診 速度 太 慢 地方 作業 有空 窗 期 對此 拜 讬 中央 要 快 一點 侯友宜 也 當場 呼籲 在 速度 分析 上 校正 回歸 很 難 有 依據 盼 中央 在 校正 回歸 速度 上 加快</t>
    <phoneticPr fontId="1" type="noConversion"/>
  </si>
  <si>
    <t>校正 回歸 侯友宜 確診 者 作業 空 窗 期</t>
    <phoneticPr fontId="1" type="noConversion"/>
  </si>
  <si>
    <t>mosfet 廠 喜迎 轉 單潮</t>
    <phoneticPr fontId="1" type="noConversion"/>
  </si>
  <si>
    <t>居家 辦公 遠 端 教育 帶起 的 pc 風潮 將 一路 延伸 到 第 三 季 連帶 讓 金 氧 半 場 效 電晶體 mosfet 需求 同步 大增 不過 供應 鏈 透露 國際 idm 大廠 因 疫情 影響 產能 仍未 完全恢復 使 訂單 出現 移 轉至 傑 力 5299 大中 6435 尼克</t>
    <phoneticPr fontId="1" type="noConversion"/>
  </si>
  <si>
    <t>暢旺 肺炎 產能 筆 電 大中</t>
    <phoneticPr fontId="1" type="noConversion"/>
  </si>
  <si>
    <t>疫情 紓困 屏 縣 主動 調 降 娛樂 稅 30</t>
    <phoneticPr fontId="1" type="noConversion"/>
  </si>
  <si>
    <t>臺灣 偷偷 隱瞞 疫情 他 直言 絕 不可能 真相 太 中肯</t>
    <phoneticPr fontId="1" type="noConversion"/>
  </si>
  <si>
    <t>臺灣 網友 疫情 臺灣人 隱匿</t>
    <phoneticPr fontId="1" type="noConversion"/>
  </si>
  <si>
    <t>香港 推 12 歲 以上 學童 明起 預約 接種 輝瑞 疫苗 最 快 端午節 打</t>
    <phoneticPr fontId="1" type="noConversion"/>
  </si>
  <si>
    <t>香港 日前 宣佈 將 bnt 輝瑞 疫苗 接種 年齡 降 至 12 歲 香港 公務員 事務 局局長 聶德權 今 10 日 公佈 政府 提供 3 個 途徑 包括 學童 自行 到 疫苗 網頁 預約 為 學校 特別 預約 安排 到 社區中心 接種 以及 到 學校 提供 外 展 服務 預計 全 香港 12</t>
    <phoneticPr fontId="1" type="noConversion"/>
  </si>
  <si>
    <t>香港 日前 宣佈 將 bnt 輝瑞 疫苗 接種 年齡 降 至 12 歲 香港 公務員 事務 局局長 聶德權 今 10 日 公佈 政府 提供 3 個 途徑 包括 學童 自行 到 疫苗 網頁 預約 為 學校 特別 預約 安排 到 社區中心 接種 以及 到 學校 提供 外 展 服務 預計 全 香港 12 歲 以上 可 接種 疫苗 人口 增至 682萬 聶 表示 12 歲 至 15 歲 學童 明 11 日 上午 9 點 起 可 預約 接種 疫苗 最 快下 週一 14 日 端午節 當日 可到 24 間 社區中心 打針 他 估計 12 至 15 歲 有 24萬 人口 全 香港 12 歲 以上 可 接種 人口 增至 682萬 他 續 指 打算 預約 的 青年 要 特別 留意 必須 在 打針 當日 攜帶 家長 同意書 相關 檔 可 在 網頁 取得 香港食物及衛生局 局長 陳肇始 指 香港 科學 委員會 昨日 9 日 開會討論 多 項 事宜 後 同意 批准 接種 輝瑞 疫苗 到 12 歲 認為 是 高度 有效 的 而 多 個 海外 藥物 監管 機構 亦 已 批准 放寬 輝瑞 的 年齡 限制 以 保護 青年 免 感染 她 續稱 港 府 日前 批准 降低 輝瑞 的 接種 年齡 下限 目前 估計 約 有 24萬 青少年 將 可 打針 香港 教育局 局長 楊潤雄 則 表示 專家 昨日 指 當 接種 率 達到 70 至 80 學校 便 有 條件 恢復 全日 學習 活動 但 仍 需 視乎 整體 疫情 而 作 安排 至於 會 否 爆發 第 5 波 疫情 他 指出 學校 在 有 打針 與 無 打針 的 教學 程式 上有 不同 港 府 須作 詳細 考慮 並 正 研究 若 教師 因 一些 條件 限制 而 不能 打針 可否 透過 定期 檢測 為 代替 方案</t>
    <phoneticPr fontId="1" type="noConversion"/>
  </si>
  <si>
    <t>吳淡如 淚 曝 醫護 心酸 手術過程 為 確診 孕婦 剖腹 只怕 寶寶 感染</t>
    <phoneticPr fontId="1" type="noConversion"/>
  </si>
  <si>
    <t>花蓮 青年 新創 基地 揭牌 全台 唯一 24 小時 開放</t>
    <phoneticPr fontId="1" type="noConversion"/>
  </si>
  <si>
    <t>花蓮 青年 新創 基地 今天 揭牌 成為 全台 唯一 24 小時 由 公佈 門 提供 的 青創 進駐 空間 縣長 徐榛蔚 兌現 青年 政策 今天 也 在 現場 舉辦 就職 2 周年 活動 除了 對 政績 侃侃而談 特別 提到 爭取 青年 創業 資源 打造 青年 相互 交流 的 場 域 並建</t>
    <phoneticPr fontId="1" type="noConversion"/>
  </si>
  <si>
    <t>花蓮 新創 基地 成為 徐榛蔚 青年</t>
    <phoneticPr fontId="1" type="noConversion"/>
  </si>
  <si>
    <t>金門 縣府 量 體溫 首日 出現 小 塞車 狀況</t>
    <phoneticPr fontId="1" type="noConversion"/>
  </si>
  <si>
    <t>金門 防疫 再 升級 縣府 今 30 日 起 實施 出入 管制 員工 及 洽 公民 眾 均 需 量 測體溫 首日 趕 上班 出現 小 塞車 狀況 在 即時 分流 和 調整 作業 後 一切 尚稱 順利 也 未 發現 有人 發燒 縣府 今 起 實施 出入 管制 僅 可 由 大門 進出 側</t>
    <phoneticPr fontId="1" type="noConversion"/>
  </si>
  <si>
    <t>基隆 某 醫院 行政 人員 確診 已 匡列 50 人 48 人 陰性</t>
    <phoneticPr fontId="1" type="noConversion"/>
  </si>
  <si>
    <t>基隆 某 醫院 傳出 人員 確診 基隆 市長 林右昌 證實 確診 者 是 行政 工作人員 非 醫護人員 不 屬於 院內 感染 目前 匡列 50 人 采 檢 48 人 陰性 2 人 等待 檢驗 報告 據 瞭解 醫院 昨天 立即 封閉 1 出口 進行 消毒 作業 並 將 所有 急診室 醫護</t>
    <phoneticPr fontId="1" type="noConversion"/>
  </si>
  <si>
    <t>嗆 爆 陸仍 遭 看 衰 共和黨 黨工 川普 恐 連 丟 總統 與 國會 大選</t>
    <phoneticPr fontId="1" type="noConversion"/>
  </si>
  <si>
    <t>利亞 保加利亞 總統 辦公室 總統 辦公室</t>
    <phoneticPr fontId="1" type="noConversion"/>
  </si>
  <si>
    <t>留學生 返台 偷 跑 買 蚵 仔 煎 害 慘 店家 停業 1 個 月</t>
    <phoneticPr fontId="1" type="noConversion"/>
  </si>
  <si>
    <t>高中生 返台 花蓮 蚵 仔 煎 留學生</t>
    <phoneticPr fontId="1" type="noConversion"/>
  </si>
  <si>
    <t>短視 川普 斷 who 金 援 衛生 專家 震驚</t>
    <phoneticPr fontId="1" type="noConversion"/>
  </si>
  <si>
    <t>川普 狂 打 陸 美 前 國安 顧問 想 隱瞞 自己 一大 弱點</t>
    <phoneticPr fontId="1" type="noConversion"/>
  </si>
  <si>
    <t>入境 留 假名 胡 析 延 柯 承諾 一定 依法 找 出 並 裁 罰</t>
    <phoneticPr fontId="1" type="noConversion"/>
  </si>
  <si>
    <t>1 分鐘 看 世界 英相 高燒 不退 住院 日 可望 發佈 緊急 事態 宣言</t>
    <phoneticPr fontId="1" type="noConversion"/>
  </si>
  <si>
    <t>封國 前兆 美國務院 發 推 文 美國 人 快 回來</t>
    <phoneticPr fontId="1" type="noConversion"/>
  </si>
  <si>
    <t>網 贊 1790 劑 疫苗 神 手 接種 1955 人 竹北市 衛生所 客家 醫護 我 驕傲</t>
    <phoneticPr fontId="1" type="noConversion"/>
  </si>
  <si>
    <t>衛生所 az 疫苗 竹北市 驕傲</t>
    <phoneticPr fontId="1" type="noConversion"/>
  </si>
  <si>
    <t>威士特丹 號 乘客 不 得來 台 2 台人 返國 須 檢疫</t>
    <phoneticPr fontId="1" type="noConversion"/>
  </si>
  <si>
    <t>苗栗 禁 移 工 外出 民團 批 以 恐懼 包裝 歧視</t>
    <phoneticPr fontId="1" type="noConversion"/>
  </si>
  <si>
    <t>苗栗縣 近日 向 全縣 移 工 下達 禁 足 令 指出 除了 上下班 外 其 餘 的 時間 一律 禁止 外出 引發 外界 非議 苗栗 在 地 民間團體 苑 裡 掀 海風 共同 創辦 人 劉育育 表示 此 政策 無非 種族歧視 也 讓 許多 縣民 憂心忡忡 根本 是 以 恐懼 包裝 歧</t>
    <phoneticPr fontId="1" type="noConversion"/>
  </si>
  <si>
    <t>高雄 福華 飯店 搶 推 遠 端 辦公室 安心 住房 專案</t>
    <phoneticPr fontId="1" type="noConversion"/>
  </si>
  <si>
    <t>無視 防疫 出席 高檔 晚宴 愛爾蘭 部長 丟 烏紗帽</t>
    <phoneticPr fontId="1" type="noConversion"/>
  </si>
  <si>
    <t>國內 新增 1 死 為 埃及 團 成員 華航毒 班機 又 添 1 確診</t>
    <phoneticPr fontId="1" type="noConversion"/>
  </si>
  <si>
    <t>高端 開 打 首日 桃園 驚 傳 2 人 不適 美籍 女 接種 後 倒地</t>
    <phoneticPr fontId="1" type="noConversion"/>
  </si>
  <si>
    <t>歐盟 峰會 火爆 達成 25 兆 刺激 協定 馬克巨集 川普 附 身 領袖 互 嗆 大暴走</t>
    <phoneticPr fontId="1" type="noConversion"/>
  </si>
  <si>
    <t>疫情 變 助力 網 2024 總統 會 是 他</t>
    <phoneticPr fontId="1" type="noConversion"/>
  </si>
  <si>
    <t>防疫 視同 作戰 中 市 宣佈 高中職 以下 學校 場地 不 對外開放</t>
    <phoneticPr fontId="1" type="noConversion"/>
  </si>
  <si>
    <t>台東 盼到 嘉玲 饒 慶鈴 持續 抗 疫</t>
    <phoneticPr fontId="1" type="noConversion"/>
  </si>
  <si>
    <t>回國 住 防疫 旅館 櫃檯 驚 曝 與 匡列 確診 者 混住 共用 電梯</t>
    <phoneticPr fontId="1" type="noConversion"/>
  </si>
  <si>
    <t>外出 何時 不用 戴 口罩 專家 給 答案 做到 這 件 事 就 快 了</t>
    <phoneticPr fontId="1" type="noConversion"/>
  </si>
  <si>
    <t>戴 口罩 外出 不 用 戴 口罩 疫苗 招名威 疫苗 覆蓋率</t>
    <phoneticPr fontId="1" type="noConversion"/>
  </si>
  <si>
    <t>陰轉陽 病例 再現 她 一 采 陰性 後 中 鏢</t>
    <phoneticPr fontId="1" type="noConversion"/>
  </si>
  <si>
    <t>陰轉陽 丹麥 探親 案 333 案 336</t>
    <phoneticPr fontId="1" type="noConversion"/>
  </si>
  <si>
    <t>護理 師 控 確診 者 索取 女人 求 幫 洗 內褲 河 莉 秀氣 炸 用 稅金 治療 瘋子</t>
    <phoneticPr fontId="1" type="noConversion"/>
  </si>
  <si>
    <t>抗體 輝瑞 疫苗 肺炎 毫克</t>
    <phoneticPr fontId="1" type="noConversion"/>
  </si>
  <si>
    <t>國際 經濟 新 紓困 振興 案 fed 會議 超級 財 報 周 本 周 美 股 風起雲湧</t>
    <phoneticPr fontId="1" type="noConversion"/>
  </si>
  <si>
    <t>全球 美國 蘋果 聯 准會 新一輪</t>
    <phoneticPr fontId="1" type="noConversion"/>
  </si>
  <si>
    <t>訂單 旺 京元電 營 收 連月 締 新 猷</t>
    <phoneticPr fontId="1" type="noConversion"/>
  </si>
  <si>
    <t>法人 華為 海思 肺炎 歷史 新高 京元電</t>
    <phoneticPr fontId="1" type="noConversion"/>
  </si>
  <si>
    <t>美 零售業 重 災 無 薪 假 人數 飆</t>
    <phoneticPr fontId="1" type="noConversion"/>
  </si>
  <si>
    <t>員工 無 薪 假 肺炎 門市 因應</t>
    <phoneticPr fontId="1" type="noConversion"/>
  </si>
  <si>
    <t>最 強 措施 伊朗 令 軍方 清 空 街道 人民 全 接受 檢測</t>
    <phoneticPr fontId="1" type="noConversion"/>
  </si>
  <si>
    <t>港人 瘋 搶 衛生紙 新加坡 部長 笑 低能 國 人母 湯學</t>
    <phoneticPr fontId="1" type="noConversion"/>
  </si>
  <si>
    <t>陳振 行為 出現 衛生紙 新加坡人</t>
    <phoneticPr fontId="1" type="noConversion"/>
  </si>
  <si>
    <t>2 月 營 收 提前 報 4 檔 創 新高</t>
    <phoneticPr fontId="1" type="noConversion"/>
  </si>
  <si>
    <t>肺炎 檔 個股 強勢 提前 歷史 新高</t>
    <phoneticPr fontId="1" type="noConversion"/>
  </si>
  <si>
    <t>竇逸 別 走 到 封城 那 一 天</t>
    <phoneticPr fontId="1" type="noConversion"/>
  </si>
  <si>
    <t>三級 疫情 警戒 延長 將 加強 稽查 裁 罰</t>
    <phoneticPr fontId="1" type="noConversion"/>
  </si>
  <si>
    <t>東奧 延 1 年 韓 選手 難 逃 兵役</t>
    <phoneticPr fontId="1" type="noConversion"/>
  </si>
  <si>
    <t>東京 奧運 將要 延期 到 2021 年 7 月 23 日 大韓 體育會 聲明 尊重 主辦 方 決定 但 他們 男 足 國家隊 可能 叫苦連天 奧運 男 足 成員 有 u 23 限制 23 歲 以下 1997 年 1 月 1 日 之後 出生 延 後 1 年 可能 讓 他們 超齡 特別 是 韓國 還 有 兵役 問題 韓國 u</t>
    <phoneticPr fontId="1" type="noConversion"/>
  </si>
  <si>
    <t>東京 奧運 將要 延期 到 2021 年 7 月 23 日 大韓 體育會 聲明 尊重 主辦 方 決定 但 他們 男 足 國家隊 可能 叫苦連天 奧運 男 足 成員 有 u 23 限制 23 歲 以下 1997 年 1 月 1 日 之後 出生 延 後 1 年 可能 讓 他們 超齡 特別 是 韓國 還 有 兵役 問題 韓國 u 23 男 足 在 今年 1 月 踢 下 奧運 資格 亞足聯 冠軍 主力球員 就 是 一 批 1997 年 出生 的 國腳 他們 指望 在 奧運 奪 牌 就 可 免除 兵役 如果 2021 年 奧運 不 放寬 規定 他們 就 無法 參賽 每隊 只 允許 3 人 超齡 可能 成為 延期 的 最 大 受害者 奧運 的 其他 項目 沒有 限制 年齡 女足 也 沒有 煩惱 的 不 只 是 韓國 澳洲 足協 率先 請求 國際 奧 會 ioc 國際 足 總 fifa 放寬 年齡 限制 改 成 u 24 以 保障 這 批 國腳 的 權益 畢竟 奧運 資格 賽是 這些 人 踢 的 最後 卻 無法 參賽 太 不合理 韓國足協 日前 也 跟 著 提出 相同 請求 韓國 國手 奪 牌 免役 的 動力 是 很 有名 的 上屆 奧運 美 媒 也 報導 過 這 讓 他們 的 射箭隊 所向無敵 囊括 全部 4 金 其中 一面 是 金包銅 美國 神箭手 亦 自歎弗如 韓國 成年 男子 需要 服役 至少 21 個 月 不過 也 有 韓國 選手 說 他們 不介意 服役 因為 那是 國內 每個 男子 的 義務</t>
    <phoneticPr fontId="1" type="noConversion"/>
  </si>
  <si>
    <t>韓國 奧運 ioc 南韓 足球</t>
    <phoneticPr fontId="1" type="noConversion"/>
  </si>
  <si>
    <t>防疫 大於 一切 多數 網友 認為 應 禁止 非本 國籍 人 入境 臺灣</t>
    <phoneticPr fontId="1" type="noConversion"/>
  </si>
  <si>
    <t>臺灣 進行 鎖國 認為 入境</t>
    <phoneticPr fontId="1" type="noConversion"/>
  </si>
  <si>
    <t>全台 順 時中 大解 封 台南 還 維持 部分 逆 時 中</t>
    <phoneticPr fontId="1" type="noConversion"/>
  </si>
  <si>
    <t>解封 台 南市 順 時 中 逆 時 中 黃偉哲</t>
    <phoneticPr fontId="1" type="noConversion"/>
  </si>
  <si>
    <t>戴 口罩 亞裔 成 箭 靶 我 外館 示 警</t>
    <phoneticPr fontId="1" type="noConversion"/>
  </si>
  <si>
    <t>走 在 路上 歧視 肺炎 網站 生病</t>
    <phoneticPr fontId="1" type="noConversion"/>
  </si>
  <si>
    <t>好 來 工作 291 人 安心 上工</t>
    <phoneticPr fontId="1" type="noConversion"/>
  </si>
  <si>
    <t>狀況 工作 上工 侯友宜 首 波</t>
    <phoneticPr fontId="1" type="noConversion"/>
  </si>
  <si>
    <t>新北 有線電視 防疫 動 健康 上線</t>
    <phoneticPr fontId="1" type="noConversion"/>
  </si>
  <si>
    <t>全民 防疫 太 魯 閣 停車 格 減半 東 大門 4 14 起 人流 管制</t>
    <phoneticPr fontId="1" type="noConversion"/>
  </si>
  <si>
    <t>機師 突破性 感染 民航 局長 對 業者 說 重話 無法 落實 防疫 就 檢討 航線</t>
    <phoneticPr fontId="1" type="noConversion"/>
  </si>
  <si>
    <t>陳時中 拋 太 多 單位 自 購 會 引發 困擾 賴士葆 與 蔡 互唱 黑白 臉</t>
    <phoneticPr fontId="1" type="noConversion"/>
  </si>
  <si>
    <t>致 新 營運 旺 大方 配 息 9 5 元</t>
    <phoneticPr fontId="1" type="noConversion"/>
  </si>
  <si>
    <t>螢 幕 法人 營運 教育 筆 電</t>
    <phoneticPr fontId="1" type="noConversion"/>
  </si>
  <si>
    <t>520 登記 台法 情侶 韓國 訂 姻緣</t>
    <phoneticPr fontId="1" type="noConversion"/>
  </si>
  <si>
    <t>520 吸引 大批 戀人 登記 成為 夫妻 八 德 戶政 事務所 有 73 對 新人 登記 其中 有 法國 丈夫 為 愛 遠 赴 臺灣 也 有 機場 地勤 桃園 醫院 護理 師 夫妻 在 疫情 期間 勇敢 站上 第 一線 20 日 在 眾人 祝福 下 成為 彼此 的 另 一半 八 德 區 25 歲 新人 張巧</t>
    <phoneticPr fontId="1" type="noConversion"/>
  </si>
  <si>
    <t>立 法院 再 添 國會 聯絡人 確診 邱臣遠 呼籲 交通委員會 委員 助理 自主 健康 管理</t>
    <phoneticPr fontId="1" type="noConversion"/>
  </si>
  <si>
    <t>立 法院 再 添 確診 案例 立 法院 交通委員會 召 委 民眾黨 立 委 邱臣遠 稍 早 透過 影片 證實 內政 部 移民署 國會 同仁 昨 被 通知 確診 據悉 該員 5 月 13 日 曾 到 立 法院 交通委員會 參與 政府採購 法 審查 目前 已 通知 辦公室 同仁 異地 辦公 並</t>
    <phoneticPr fontId="1" type="noConversion"/>
  </si>
  <si>
    <t>立 法院 再 添 確診 案例 立 法院 交通委員會 召 委 民眾黨 立 委 邱臣遠 稍 早 透過 影片 證實 內政 部 移民署 國會 同仁 昨 被 通知 確診 據悉 該員 5 月 13 日 曾 到 立 法院 交通委員會 參與 政府採購 法 審查 目前 已 通知 辦公室 同仁 異地 辦公 並 監測 身體狀況 也 呼籲 交通委員會 委員 及其 國會 助理 自行 自主 健康 管理 若 有 身體 不識 立即 通報 相關 單位 邱臣遠 指出 交通委員會 稍 早 接 獲 通知 指稱 內政 部 移民署 國會 同仁 5 月 18 日 快 篩 為 陰性 但 天 被 通知 陽性 確診 據悉 該員 5 月 13 日 曾 到 立 法院 交通委員會 參與 政府採購 法 審查 接 獲 通知 後 立即 通知 辦公室 同仁 本 周 立 法院 停會 期間 實施 異地 遠 端視 訊 辦公 並 請 同仁 監測 身體狀況 保持 自主 健康 管理 狀態 邱臣遠 也 呼籲 同屬 交通委員會 的 委員 跟 國會 助理 隨時 注意 身體狀況 若 有 身體 不適 通知 相關 單位 也 呼籲 疫情 嚴峻 當下 採取 遠 端 異地 辦公 模式 少 接觸 勤洗手 戴 口罩 大家 一起 為 防疫 盡 一 份 心力 一起 度過難關</t>
    <phoneticPr fontId="1" type="noConversion"/>
  </si>
  <si>
    <t>泰嘉 去年 銷售 金額 創 高 今年 續 推 3 案 總 銷 78億 元</t>
    <phoneticPr fontId="1" type="noConversion"/>
  </si>
  <si>
    <t>10 州 擬 解新冠 封 川普 嗆 他 說 了 才 算</t>
    <phoneticPr fontId="1" type="noConversion"/>
  </si>
  <si>
    <t>歐洲線 飆漲 長 榮 超前 部署 營運 沖</t>
    <phoneticPr fontId="1" type="noConversion"/>
  </si>
  <si>
    <t>貨櫃 航運 營運 新高 合約 價 每 teu</t>
    <phoneticPr fontId="1" type="noConversion"/>
  </si>
  <si>
    <t>臺北市新增1院內感染 洗腎病患確診 4接觸者快篩陽性</t>
    <phoneticPr fontId="1" type="noConversion"/>
  </si>
  <si>
    <t>臺北市 新增 1 院內 感染 洗 腎病 患 確診 4 接觸 者 快 篩 陽性</t>
    <phoneticPr fontId="1" type="noConversion"/>
  </si>
  <si>
    <t>集 美國 小 祭 海關 測 溫儀 入校 量 體溫 不 卡卡</t>
    <phoneticPr fontId="1" type="noConversion"/>
  </si>
  <si>
    <t>備戰 開學 防疫 新北 市 三 重 區 集 美國 小 特別 祭出 4 台 海關 等級 熱 感應儀 置於 警衛室 前 量 測 訪 客 體溫 另 更 每月 斥資 5萬 元 租用 1 台 醫用 直立式 測 溫儀 為 校內 數 百 位 教職員工 量 體溫 並 規劃 15 道 量 體溫 通道 讓 學生 一一</t>
    <phoneticPr fontId="1" type="noConversion"/>
  </si>
  <si>
    <t>備戰 開學 防疫 新北 市 三 重 區 集 美國 小 特別 祭出 4 台 海關 等級 熱 感應儀 置於 警衛室 前 量 測 訪 客 體溫 另 更 每月 斥資 5萬 元 租用 1 台 醫用 直立式 測 溫儀 為 校內 數 百 位 教職員工 量 體溫 並 規劃 15 道 量 體溫 通道 讓 學生 一一 排隊 量 測 消毒 手部 加速 上學 防疫 流程 校長 蕭慧吟 指出 4 台 海關 等級 熱 感應儀 為 17 年前 sars 期間 地方 民 代 捐贈 如今 還 是 很 準確 專為 訪 客 測量體溫 另 也 由 家長會 贊助 租金 租用 一 台 直立式 測 溫儀 用於 教職員工 快速通道 只 要 2 到 3 秒 就 能量 測 若 體溫 在 標準 內 便 會 顯示 綠燈 方可 入校 蕭慧吟 表示 集 美國 小 全校 教職員 生 共有 3千 多 人 是 三 重 最 多 學生 的 學校 為 避免 排隊 耗時 太長 分為 3 種 入校 量 體溫 方式 學童 額 溫量 測 教職員 醫用 直立式 測 溫儀 訪 客 舊 款 海關 式 熱 感應儀 由 不同 校門 分流 進入 今天 早上 也 出動 教職員 及 志 工 家長 規劃 15 道 量 測體溫 通道 為 學童 量 測體溫 消毒 雙 手 此外 為 防止 上 學人 車潮 造成 交通 紊亂 三 重 警 分局 也 啟動 護 童 勤務 協助 交通 疏導 警方 與 志 工於 路口 協助 學童 過 馬路 並 規劃 接 停車 處所 警方 也 呼籲 自行 徒步 上學 的 小朋友 應 配合 學校 規定 的 時間 到校 勿 太 早 到 能 結伴同行 更 佳 亦可 於 書包 配戴 哨子 維護 自身 安全 警方 表示 護 童 勤務 除 提供 學童 及 家長 即時 協助 也 藉 此 與 校內 師長 保持 緊密聯繫 提供 學童 安全 的 校園環境 亦 針對 學校 及 少年易 聚集地 點 及 時段 加強 巡邏 提升 見 警 率 並 依據 熱 時 熱點 與 學校 合作 的 安全 防護 機制 接軌 確保 學童 安全</t>
    <phoneticPr fontId="1" type="noConversion"/>
  </si>
  <si>
    <t>降 二級 警戒 仍 與 病毒 共處 醫師 隱形 傳播 讓 人 擔憂</t>
    <phoneticPr fontId="1" type="noConversion"/>
  </si>
  <si>
    <t>防疫 警戒 27 日 起 降為 二級 民眾 回歸 工作崗位 餐廳 除 北 北 宜 外 開放 內 用 民眾 對於 疫情 傳播 仍 有 疑慮 聯 新 國際醫院 首席 副 院長 許詩典 認為 解封 之後 預期 民眾 可能 一窩蜂 上 餐廳 或 出遊 可能 不 利於 疫情 掌 控 首要 仍 是 戴 緊 口</t>
    <phoneticPr fontId="1" type="noConversion"/>
  </si>
  <si>
    <t>疫情 病毒 二級 警戒 民眾 餐廳</t>
    <phoneticPr fontId="1" type="noConversion"/>
  </si>
  <si>
    <t>中壢 40 年 自助餐 老 店 7 月底 關門 網 沒有 50 塊 便當 了</t>
    <phoneticPr fontId="1" type="noConversion"/>
  </si>
  <si>
    <t>桃園 中壢 一家 坐落于 中平 商 圈 的 40 年 老字型大小 建國 自助餐 家常 又 實惠 的 餐 點 風格 是 許多 上班族 學生族 的 共同 回憶 疫情 影響 建國 自助餐 自 5 月 宣佈 暫停營業 後 時隔 2 個 月 5 日 宣佈 複業 16 日 卻 又 宣佈 7 月底 將 關門大吉 讓 不少</t>
    <phoneticPr fontId="1" type="noConversion"/>
  </si>
  <si>
    <t>疫情 嚴峻 鄒 族 南 三村 祈福 守護 族人</t>
    <phoneticPr fontId="1" type="noConversion"/>
  </si>
  <si>
    <t>巫師 肺炎 惡 靈 部落 耆 老</t>
    <phoneticPr fontId="1" type="noConversion"/>
  </si>
  <si>
    <t>禍不單行 沒 水 沒電 有 病毒 網友 崩潰 住 在 第三世界</t>
    <phoneticPr fontId="1" type="noConversion"/>
  </si>
  <si>
    <t>513 全台 大 停電 才 過 4 天 17 日 晚間 再度 無 預警 停電 正值 氣象 局 發佈 高溫 資訊 30 度 高溫 許多 人家 裡 瞬間 沒 冷氣 吹 再 加上 今天 本土 病例 爆 增 3百 多 例 ptt 網友 一 片 哀號 禍不單行 熱 到 要死 真的 以為 自己 是 住 在 第三世界</t>
    <phoneticPr fontId="1" type="noConversion"/>
  </si>
  <si>
    <t>513 全台 大 停電 才 過 4 天 17 日 晚間 再度 無 預警 停電 正值 氣象 局 發佈 高溫 資訊 30 度 高溫 許多 人家 裡 瞬間 沒 冷氣 吹 再 加上 今天 本土 病例 爆 增 3百 多 例 ptt 網友 一 片 哀號 禍不單行 熱 到 要死 真的 以為 自己 是 住 在 第三世界 一 名花 蓮 的 網友 17 日 晚間 8 點 左右 在 網路 論壇 ptt 表示 日劇 看 到 一半 突然 停電 市區 正 中心 居然 會 停電 質疑 電廠 又 爆炸 了 是不是 貼 文一 出 引起 熱 議 各地 網友 紛紛 回應 快 問 是 c 還 是 d 基隆 停電 啦 x 停電 了 桃園 停電 惹 台南 路燈 突然 黑 掉 內 湖 停電 南 港 停電 我 上次 cd 才 剛 停過 不要 又 來 喔 由於 513 大 停電 才 剛 過 4 天 今晚 再度 發生 無 預警 停電 加上 連日來 高溫 炎熱 而且 正值 疫情 升溫 大部分 民眾 都宅 在家 30 度 高溫 下 瞬間 沒 冷氣 可 吹 引起 ptt 網友 一 片 哀號 禍不單行 熱 到 要死 沒 水 沒電 有 病毒 513 大 停電 時 台電 說是 電網 故障 並非 缺 電 今晚 再度 大 停電 台電 坦承 供電 的確 出 問題 不少 網友 氣憤 表示 電 都 被 台電 藏 起來 惹 覺 青 的 愛 不夠 啦 疫情 不能 出門 還要 限 電 真的 以為 自己 是 住 在 第三世界 熱 到 要死 下班 到家 又 沒電 台電 則 表示 這次 停電 的 原因 主要 是 供需 出現 問題 主要 是 5 月 用電量 提前 達到 歷史 高峰 幾 個 機組 還 在 歲修 來不及 並聯</t>
    <phoneticPr fontId="1" type="noConversion"/>
  </si>
  <si>
    <t>超豐 曝 群 聚 感染 內幕 移 工 誇張 手法 逃 過 第一 線 檢測</t>
    <phoneticPr fontId="1" type="noConversion"/>
  </si>
  <si>
    <t>加拿大 勞動 市場 急凍</t>
    <phoneticPr fontId="1" type="noConversion"/>
  </si>
  <si>
    <t>工作 肺炎 工作 機會 經濟 資料</t>
    <phoneticPr fontId="1" type="noConversion"/>
  </si>
  <si>
    <t>柯籲官兵足跡公佈標準應一致 不該讓地方看著辦</t>
    <phoneticPr fontId="1" type="noConversion"/>
  </si>
  <si>
    <t>柯 籲 官兵 足跡 公佈 標準 應 一致 不該 讓 地方 看 著 辦</t>
    <phoneticPr fontId="1" type="noConversion"/>
  </si>
  <si>
    <t>臺北 市長 柯文哲 官兵 足跡 中央</t>
    <phoneticPr fontId="1" type="noConversion"/>
  </si>
  <si>
    <t>接種 az 喂母乳 害 女嬰 猝死 醫 曝 致命 關鍵 恐是 它</t>
    <phoneticPr fontId="1" type="noConversion"/>
  </si>
  <si>
    <t>雲 林縣 一 位 媽媽 21 日 接種 az 疫苗 後 當晚 回家 喂 2 個 月 大 女嬰 母乳 隔 天 淩晨 卻 發現 女嬰 已 無 呼吸 心跳 送醫急救 後 不治 令 家屬 無法 接受 對此 醫療 粉 專 美 的 好 朋友 指出 目前 全世界 尚未 出現 接種 後 喂母乳 導致 嬰兒 猝死</t>
    <phoneticPr fontId="1" type="noConversion"/>
  </si>
  <si>
    <t>嬰兒 母乳 猝死 接種 az 疫苗</t>
    <phoneticPr fontId="1" type="noConversion"/>
  </si>
  <si>
    <t>華南銀行 主辦 裕 融 企業 公司 新 台幣 60億 元 聯 貸 案 協助 企業 拓展 事業</t>
    <phoneticPr fontId="1" type="noConversion"/>
  </si>
  <si>
    <t>華南銀行 裕 融 企業 新 台幣 統籌 主辦 主辦</t>
    <phoneticPr fontId="1" type="noConversion"/>
  </si>
  <si>
    <t>北市 加強版 防疫 專責 旅館 驚 傳 5 旬 確診 者 猝死</t>
    <phoneticPr fontId="1" type="noConversion"/>
  </si>
  <si>
    <t>彰 化 女 保險員 被 通知 隔離 還 出門 賣 保單 最重 可 罰 15萬 元</t>
    <phoneticPr fontId="1" type="noConversion"/>
  </si>
  <si>
    <t>嚴德 發自 請 處分 蔡英文 待 完整 調查 後 進行 相關 人員 懲處</t>
    <phoneticPr fontId="1" type="noConversion"/>
  </si>
  <si>
    <t>針對 磐石 艦 爆發 疫情 蔡英文 總統 今天 表示 國防部 嚴德發 部長 已向 她 自 請 處分 我 告訴 他 目前 最 重要 是 確保 整體 國軍 防疫 與 疫 調 工作 用 最高 標準 盡 速 進行 她 要求 嚴德發 應 持續 調查 厘 清 問題 癥結 並 將 調查 的 階段 結</t>
    <phoneticPr fontId="1" type="noConversion"/>
  </si>
  <si>
    <t>蔡英文 國防部 國軍 嚴德發 磐石 軍艦</t>
    <phoneticPr fontId="1" type="noConversion"/>
  </si>
  <si>
    <t>臺灣 疫情 快 失控 台大 名醫 曝 關鍵 其實 還 差 非常 遠</t>
    <phoneticPr fontId="1" type="noConversion"/>
  </si>
  <si>
    <t>網 謠傳 基隆 廟口 攤 商 中標 主委 怒 貼 懸賞 揪 凶</t>
    <phoneticPr fontId="1" type="noConversion"/>
  </si>
  <si>
    <t>本土 增 8 例 5 例 在 新北 幼稚園 學童 回 家傳 給 1 歲 妹</t>
    <phoneticPr fontId="1" type="noConversion"/>
  </si>
  <si>
    <t>大陸 本土 6 揚州 第 11 次 大 檢測</t>
    <phoneticPr fontId="1" type="noConversion"/>
  </si>
  <si>
    <t>揚州 疫苗 肺炎 病毒 江蘇</t>
    <phoneticPr fontId="1" type="noConversion"/>
  </si>
  <si>
    <t>北京日報 用戶 端 30 日 報導 大陸 國家 傳染病 醫學 中心 主任 復旦大學附屬華山醫院 感染 科 主任 張文宏 30 日 出席 第 三 屆 中國 醫師 公益 大會 時 表示 未來 大陸 和 全世界 都 接種 疫苗 後 人們 還 是 應該 儘量減少 聚集 在 室內 擁擠 的 地方 盡</t>
    <phoneticPr fontId="1" type="noConversion"/>
  </si>
  <si>
    <t>17萬 學生 接種 bnt 意願 書 新北 明 完成 匯 整 造冊</t>
    <phoneticPr fontId="1" type="noConversion"/>
  </si>
  <si>
    <t>校園 接種 bnt 疫苗 規劃 新北 市 於 7 日 發送 接種 意願 書 給 17萬 名 高 國中 學生家長 新北 市 教育局 表示 目前 正 調查 匯 整 中 15 日 將 完成 回收 家長 意願 書 及 疫苗 造冊 預計 自 22 日 起 開始 接種 新北 市 教育局 指出 市府 已 媒 合 23 間 醫</t>
    <phoneticPr fontId="1" type="noConversion"/>
  </si>
  <si>
    <t>校園 接種 bnt 疫苗 規劃 新北 市 於 7 日 發送 接種 意願 書 給 17萬 名 高 國中 學生家長 新北 市 教育局 表示 目前 正 調查 匯 整 中 15 日 將 完成 回收 家長 意願 書 及 疫苗 造冊 預計 自 22 日 起 開始 接種 新北 市 教育局 指出 市府 已 媒 合 23 間 醫療 院所 到校 集中 施打 施打 對象 是 高中職 五專 1 至 3 年級 學生 國中 7 至 9 年級 生 轄內 有 127 所 學校 將 陸續 開 打 教育局 表示 接種 後 全校 采 居家 線 上 授課 2 日 若 學校 為 週四 接種 則 僅 週五 1 日 進行 線 上 授課 如 為 週五 施 打 疫苗 因 週末 已 休息 2 日 因 此 週一 正常 實體 上課 如 入校 接種 當日 因故 無法 在校 施打 學校 也 會 發送 補 接種 單 讓 學生 可 擇日 至 當地 醫療 院所 進行 補 接種 預計 30 日 完成 所有 學生 施打</t>
    <phoneticPr fontId="1" type="noConversion"/>
  </si>
  <si>
    <t>石斑魚 滯銷 民 代盼 國營 單位 協助 解決</t>
    <phoneticPr fontId="1" type="noConversion"/>
  </si>
  <si>
    <t>宜 蘭金 樽 喜宴 傳播 鏈 再 增 1 例 30 多 歲 男 陰轉陽 今 確診</t>
    <phoneticPr fontId="1" type="noConversion"/>
  </si>
  <si>
    <t>宜蘭 縣 今天 30 日 新增 1 例 累積 縣 內 已 有 67 人 確診 新增 的 案 7854 是 參加 金 樽 餐廳 喜宴 後 確診 者 的 同住者 喜宴 群 聚 確診 已 達 15 人 其中 有 3 人 為 外縣市 但 宜蘭 縣 確診 型態 仍 是 與 雙北 有 關者 22 例 最 多 南澳鄉 碧 候 村 的 擴大</t>
    <phoneticPr fontId="1" type="noConversion"/>
  </si>
  <si>
    <t>潘迎紫 喉 痛 胸 緊 虛驚</t>
    <phoneticPr fontId="1" type="noConversion"/>
  </si>
  <si>
    <t>香港 肺炎 感覺 下水道 潘迎紫</t>
    <phoneticPr fontId="1" type="noConversion"/>
  </si>
  <si>
    <t>仲 介在 旅館 藏 32 名 移 工 竟 6 確診 竹 市府 重罰 100萬 元</t>
    <phoneticPr fontId="1" type="noConversion"/>
  </si>
  <si>
    <t>有無 良 人力 仲 介 公司 因 宿舍 有 移 工 確診 在 6 月 4 日 5 日 私自 將 同 處 宿舍 32 位移 工 送往 竹市 一般 旅館 旅館業 者 察覺 不對勁 後 通報 新竹 市政府 調查 發現 32 名 移 工 竟 已 有 6 人 pcr 陽性 確診 市長 林智堅 震怒 批 仲介 公司 可惡 至極</t>
    <phoneticPr fontId="1" type="noConversion"/>
  </si>
  <si>
    <t>湖口 移 工 宿舍 傳 快 篩 陽性 業者 入 住 39 人 來 自 苗栗</t>
    <phoneticPr fontId="1" type="noConversion"/>
  </si>
  <si>
    <t>湖口鄉 一 處 移 工 宿舍 9 日 下午 驚 傳 有 移 工 快 篩 陽性 該 宿舍 為 大 智 國際 人力 仲 介 有限公司 為了 隔離 曾 與 確診 者 有 接觸 的 移 工 上 月底 自 苗 栗將 39 人 遷 往 位於 湖口鄉 的 居家 檢疫 宿舍 新竹縣政府 勞工 處 前往 瞭解 確認 該 宿舍 為 合</t>
    <phoneticPr fontId="1" type="noConversion"/>
  </si>
  <si>
    <t>湖口鄉 一 處 移 工 宿舍 9 日 下午 驚 傳 有 移 工 快 篩 陽性 該 宿舍 為 大 智 國際 人力 仲 介 有限公司 為了 隔離 曾 與 確診 者 有 接觸 的 移 工 上 月底 自 苗 栗將 39 人 遷 往 位於 湖口鄉 的 居家 檢疫 宿舍 新竹縣政府 勞工 處 前往 瞭解 確認 該 宿舍 為 合格 檢疫 場所 至於 是否 有 通報 問題 有 違法 就 開 罰 大 智 國際 人力 仲 介 有限公司 在 湖口鄉 擁有 一 棟 宿舍 提供 給 自 國外 入境 臺灣 須 居家 檢疫 14 天 的 移 工 使用 均 採取 一 人 一 室 方式 居家 檢疫 5 月 下旬 因 苗栗 竹南 發生 移 工 群 聚 感染 案 該 公司 恐 有 移 工 與 確診 者 接觸 的 嫌疑 因 此 5 月 31 日 將 39 人 帶往 湖口 的 檢疫 宿舍 管理 另外 也 因 接觸 者 多 業者 也 在 新竹 市 尋求 一般 旅館 將 移 工 隔離 業者 也 說 在 入住 前 均 有 知會 旅館 多 日 來 也 向 新竹 縣 市 苗栗 縣政府 求助 也 很 盡力 在 處理 此案 期望 外界 不要 誤會 位於 湖口 的 檢疫 宿舍 自 7 日 起 陸續 快 篩 出現 個位 數 的 快 篩 陽性 也 因 有 救護車 進出 導致 居民 人心惶惶 湖口鄉 公所 在 地 村長 也 在 警方 協助 下 於 路口 拉起 封鎖線 管制 進出 林志華 也 表示 該 區域 也 天天 消毒 儘量 做到 讓 民眾 安心 新竹縣政府 衛生局 指出 目前 掌握 狀況 為 來自 苗栗 的 移 工 在 該 宿舍 群 檢疫 有 醫療 需求 會 協助 送醫 采 檢 衛生局長 殷東成 表示 目前 也 採取 竹竹苗 聯防 方式 會 全力 支援</t>
    <phoneticPr fontId="1" type="noConversion"/>
  </si>
  <si>
    <t>網瘋 傳 日本 贈送 過期 疫苗 綠 委 假 訊息 速 查 速辦 速 罰</t>
    <phoneticPr fontId="1" type="noConversion"/>
  </si>
  <si>
    <t>近日 網路 流傳 日本 捐贈 給 臺灣 的 124萬 劑 az 疫苗 已過期 日本 要 給 臺灣 更 多 但 臺灣 不要 綠 委 劉世芳 羅致 政 黃世傑 今日 召開 記者會 表示 這 是 經過 變 造 的 錯誤 訊息 沒 想到 藍營 的 新竹 縣 副 縣長 陳見賢 竟 惡意 傳遞</t>
    <phoneticPr fontId="1" type="noConversion"/>
  </si>
  <si>
    <t>delta 來 了 恐 有 好幾 條 感染 源 柯文哲 12 區 成立 疫 調 小組</t>
    <phoneticPr fontId="1" type="noConversion"/>
  </si>
  <si>
    <t>謝立群 一次性 毛利率 客戶 排除</t>
    <phoneticPr fontId="1" type="noConversion"/>
  </si>
  <si>
    <t>第二 波 口罩 實 名 制 2 0 預購 25 日 啟動</t>
    <phoneticPr fontId="1" type="noConversion"/>
  </si>
  <si>
    <t>口罩 陳時中 肺炎 實 名 制 座位</t>
    <phoneticPr fontId="1" type="noConversion"/>
  </si>
  <si>
    <t>美 f- 35 等 戰機 出 問題 這 關鍵 指標 爆 全面 衰退</t>
    <phoneticPr fontId="1" type="noConversion"/>
  </si>
  <si>
    <t>空軍 雜誌 air force magazine 22 日 報導 美國空軍 戰術 戰機 2021 財年 的 任務 執行率 mission capable rates 全面 下滑 除 a- 10 疣 豬 warthog 攻擊機 外 f- 22 f- 35 f- 16 f- 15 都 無法 倖免 空軍 雜誌 指出</t>
    <phoneticPr fontId="1" type="noConversion"/>
  </si>
  <si>
    <t>美國空軍 任務 執行率 戰備 f- 35 f- 22</t>
    <phoneticPr fontId="1" type="noConversion"/>
  </si>
  <si>
    <t>華新 口罩 擴廠 缺人 縣府 幫 征 才</t>
    <phoneticPr fontId="1" type="noConversion"/>
  </si>
  <si>
    <t>口罩 下禮拜 人員 征 才 華新</t>
    <phoneticPr fontId="1" type="noConversion"/>
  </si>
  <si>
    <t>日本 第 五 度 贈 az 疫苗 50萬 劑 今日 下午 抵 台</t>
    <phoneticPr fontId="1" type="noConversion"/>
  </si>
  <si>
    <t>az 疫苗 抵 台 日本 捐贈</t>
    <phoneticPr fontId="1" type="noConversion"/>
  </si>
  <si>
    <t>網 傳 肺炎 確診 者 在 新竹 某 醫院 隔離 2 名 被告 緩 起訴</t>
    <phoneticPr fontId="1" type="noConversion"/>
  </si>
  <si>
    <t>起訴 東元 疫情 新竹 指揮</t>
    <phoneticPr fontId="1" type="noConversion"/>
  </si>
  <si>
    <t>林宥嘉 籌備 新 專輯 二 寶 預產期 保密 到家</t>
    <phoneticPr fontId="1" type="noConversion"/>
  </si>
  <si>
    <t>完全 娛樂 22 日 熱鬧 舉辦 youtube 訂閱 突破 兩百萬 慶功 記者會 節目 主持人 林思宇 宇宙 夏 和熙 林宥嘉 youtuber 這群人 的 茵 聲 展瑞 董仔 皆 開心 月臺 夏 和熙 相信 該 節目 很快 就 會 超過 三百萬 訂閱 他 也 透露 達 三</t>
    <phoneticPr fontId="1" type="noConversion"/>
  </si>
  <si>
    <t>林宥嘉 五月 天 林宥嘉 新 專輯 完全 娛樂</t>
    <phoneticPr fontId="1" type="noConversion"/>
  </si>
  <si>
    <t>滯 湖北 鄰長 夫妻 回台 逃 過 肺炎 死 劫 吃 麻油 面 淚 掉</t>
    <phoneticPr fontId="1" type="noConversion"/>
  </si>
  <si>
    <t>滯留 湖北 的 彰 化 鄰長 夫妻 10 日 搭乘 第 2 批 武漢 包機 在 林口 檢疫所 完成 居家 檢疫 14 天 後 25 日 返回 溪湖 鎮 看到 迎接 他們 的 84 歲 老 母親 眼淚 流下來 想起 歷經 了 大陸 封城 瀰 漫 死亡 恐懼 吃到 了 麻油 面 線 雞蛋 就 是 這個 台</t>
    <phoneticPr fontId="1" type="noConversion"/>
  </si>
  <si>
    <t>滯留 湖北 的 彰 化 鄰長 夫妻 10 日 搭乘 第 2 批 武漢 包機 在 林口 檢疫所 完成 居家 檢疫 14 天 後 25 日 返回 溪湖 鎮 看到 迎接 他們 的 84 歲 老 母親 眼淚 流下來 想起 歷經 了 大陸 封城 瀰 漫 死亡 恐懼 吃到 了 麻油 面 線 雞蛋 就 是 這個 臺灣 的 味道 讓 人 感動 得 笑 淚 交織 鄰長 夫妻 回鄉 喊 一 句 媽 嗎 我 回來 了 84 老媽媽 放下 心中 大石 裡長 在 何炳 樺 理事長 及 親友 早就 在 鄰長 家中 等候 替 媳婦 跟 兒子 要 回家 並 準備 2 碗 芙蓉 繡球花 艾 草 水 洗 淨 紅包 壓驚 媳婦 吳茗 嫁到 臺灣 10 年 說 婆婆 把 她 當 女兒 因 大陸 爸爸 病危 和 擔任 鄰長 先生 去 湖北 探視 沒 想到 遇到 史上 最 恐怕 肺炎 有 家 歸 不得 天天 想 回家 天天 怕 染病 還好 臺灣 安排 包機 在 林口 檢疫所 住 14 天 安心 地 回家 有種 劫 後 餘 生 的 感動 更 懂得 珍惜 生命 的 一切 一切 臺灣 真好 吳 茗 特別 謝 謝婆婆 照顧 3 個 分別 就讀 高中 國中 及 剛滿 周歲 的 小 女兒 返家 時 2 個 大 的 上學 剛滿 1 歲 小 女兒 伸手 要 抱 媽媽 內心 好 激動 我 真 是 世界 上 最 幸福 的 媽媽 女兒 依偎 著 爸 媽 不 到 30 分鐘 就 安穩 的 睡 著 了 感謝 臺灣 伸出 手臂 讓 我們 有 家 可 回 家人 團圓 鄰長 夫妻 說 要 感謝 太 多 太 多 了 謝謝 媒體 報導 立 委 縣長 鎮長 和 裡長 等 每 一 位 鄉親 期盼 疫情 趕快 結束</t>
    <phoneticPr fontId="1" type="noConversion"/>
  </si>
  <si>
    <t>民眾 免 驚恐 刑警 嚴打 假 訊息</t>
    <phoneticPr fontId="1" type="noConversion"/>
  </si>
  <si>
    <t>肺炎 警政署 查 察 司法 機關 各 員警機關</t>
    <phoneticPr fontId="1" type="noConversion"/>
  </si>
  <si>
    <t>半 導體 q 2 續看升 精 測 穩 揚</t>
    <phoneticPr fontId="1" type="noConversion"/>
  </si>
  <si>
    <t>精 測 營 收 成長 同期 新高 展望</t>
    <phoneticPr fontId="1" type="noConversion"/>
  </si>
  <si>
    <t>日 奧運 大臣 東京 奧運 可 在 2020 年內 延期 舉行</t>
    <phoneticPr fontId="1" type="noConversion"/>
  </si>
  <si>
    <t>據 日本放送協會 nhk 報導 日本 奧運 大臣 橋本聖子 當地 時間 3 日 表示 根據 東京 與 國際 奧 會 之間 的 協議 東京 奧運會 可以 在 2020 年 內 進行 延期 中新 網 報導 說 橋本聖子 被 問及 東京 奧運會 是否 會 延期 舉辦 時 橋本 表示 主</t>
    <phoneticPr fontId="1" type="noConversion"/>
  </si>
  <si>
    <t>獨 ikea 員工 返 馬國 確診 匡列 225 人 pcr 采 檢 結果 出爐</t>
    <phoneticPr fontId="1" type="noConversion"/>
  </si>
  <si>
    <t>個案 采 檢 高 市府 ikea pcr</t>
    <phoneticPr fontId="1" type="noConversion"/>
  </si>
  <si>
    <t>1 分鐘 看 世界 who 改口 贊 台 防疫 川普 以 台為證 控 who 失職</t>
    <phoneticPr fontId="1" type="noConversion"/>
  </si>
  <si>
    <t>蝙蝠洞 遊客 怕 怕 動 保處 提 三不</t>
    <phoneticPr fontId="1" type="noConversion"/>
  </si>
  <si>
    <t>有 直 公園 旅遊 肺炎 病毒</t>
    <phoneticPr fontId="1" type="noConversion"/>
  </si>
  <si>
    <t>排隊 買 口罩 多 老人 李 來希 一 句 話 讓 年輕人 氣炸</t>
    <phoneticPr fontId="1" type="noConversion"/>
  </si>
  <si>
    <t>新增 13 起 接種 疫苗 後 死亡 莊 人 祥 回應</t>
    <phoneticPr fontId="1" type="noConversion"/>
  </si>
  <si>
    <t>接種 死亡 az 莫德納 13</t>
    <phoneticPr fontId="1" type="noConversion"/>
  </si>
  <si>
    <t>載到 確診 者 6 公車 司機 抗 疫 復工</t>
    <phoneticPr fontId="1" type="noConversion"/>
  </si>
  <si>
    <t>新北 市交通局 本月 初 公車 得知 戴 口罩</t>
    <phoneticPr fontId="1" type="noConversion"/>
  </si>
  <si>
    <t>1 分鐘 看 世界 日本 新加坡 疫情 告急 大陸 改變 檢測 方法</t>
    <phoneticPr fontId="1" type="noConversion"/>
  </si>
  <si>
    <t>國泰 產險 攜手 wemo scooter 推 外 送 員 傷害 保險</t>
    <phoneticPr fontId="1" type="noConversion"/>
  </si>
  <si>
    <t>外 送 員 傷害 保險 保險 打造 wemo scooter</t>
    <phoneticPr fontId="1" type="noConversion"/>
  </si>
  <si>
    <t>ua under armour 股價 營 收</t>
    <phoneticPr fontId="1" type="noConversion"/>
  </si>
  <si>
    <t>直擊 屏 東 枋山 2 村 解封 首日 市場 這 一 幕 令 人 意外</t>
    <phoneticPr fontId="1" type="noConversion"/>
  </si>
  <si>
    <t>枋 山鄉 楓港 善 餘 2 村 30 日 解 封 縣府 允許 店家 市集 營業 讓 居民 恢復正常 生活 但 多數 店家 仍 維持 停業 狀態 菜市場 沒有 一 攤 有 開 居民 說 村內 最 大 的 魚販 肉販 菜販 都 被 匡列 隔離 中 沒人 賣 菜 生活 還 是 很 不便 除 了 2 家傳</t>
    <phoneticPr fontId="1" type="noConversion"/>
  </si>
  <si>
    <t>delta 枋山 解封 市場 群 聚</t>
    <phoneticPr fontId="1" type="noConversion"/>
  </si>
  <si>
    <t>臺北地院出現第4位確診者 衛生局緊急匡列10多名接觸者</t>
    <phoneticPr fontId="1" type="noConversion"/>
  </si>
  <si>
    <t>臺北地院 出現 第 4 位 確診 者 衛生局 緊急 匡列 10 多 名 接觸 者</t>
    <phoneticPr fontId="1" type="noConversion"/>
  </si>
  <si>
    <t>台中 市 新增 7 例 首 傳 藥師 一家 三 口 確診</t>
    <phoneticPr fontId="1" type="noConversion"/>
  </si>
  <si>
    <t>台中 市 4 日 新增 7 例 本土 確診 個案 3 例 為 梧棲 區 家庭 感染 該 家族 父女 都 在 同 一藥 局 工作 另 2 例 為 清水區 家庭 感染 其 餘 2 例 為 零星 個案 此外 市府 並 已 掌握 1 例 尚未 編號 案例 均 已 匡列 相關 接觸 者 相關 足跡 史也 已 加強 清 消</t>
    <phoneticPr fontId="1" type="noConversion"/>
  </si>
  <si>
    <t>特權 打 疫苗 蔡英文 喊話 輪到 你 再 去 打</t>
    <phoneticPr fontId="1" type="noConversion"/>
  </si>
  <si>
    <t>傳 財經 大老 外籍 媳 大 鬧 隔離病房 陳時中 回應</t>
    <phoneticPr fontId="1" type="noConversion"/>
  </si>
  <si>
    <t>花蓮 四 維 高中 打頭陣 接種 bnt 未 傳出 有人 不適</t>
    <phoneticPr fontId="1" type="noConversion"/>
  </si>
  <si>
    <t>花蓮縣 國 高中生 今 起 陸續 開 打 bnt 疫苗 41 所 學校 1萬5683 名 學生 同意 在校 接種 四 維 高中 打頭陣 1003 位 學生 造冊 959 位 願意 接種 接種 意願 高達 9 成 6 學生 一早 在 醫療 團隊 引 領 下 依 班級 前往 體育館 接種 所幸 目前 尚未</t>
    <phoneticPr fontId="1" type="noConversion"/>
  </si>
  <si>
    <t>疫情 燒 大馬 手套 保險 套 產業 告急</t>
    <phoneticPr fontId="1" type="noConversion"/>
  </si>
  <si>
    <t>新加坡 對 東盟 日本 瑞士 英國 發佈 入境 管制</t>
    <phoneticPr fontId="1" type="noConversion"/>
  </si>
  <si>
    <t>新加坡 跨 部門 抗 疫 工作 小組 負責人 黃循財 今天 15 日 下午 在 新聞 發佈會 上 宣佈 將 進一步 擴大 入境 管制 措施 根據 中國 大陸 央 視 報導 新加坡 宣佈 從 16 日 23 時 59 分起 近期 有 包括 汶萊 柬埔寨 印尼 老撾 馬來西</t>
    <phoneticPr fontId="1" type="noConversion"/>
  </si>
  <si>
    <t>驚 上次 的 20 倍 新一輪 蝗災 強 襲 非洲 農糧 組織 前所未有 的 威脅</t>
    <phoneticPr fontId="1" type="noConversion"/>
  </si>
  <si>
    <t>蝗災 蝗蟲 20 倍 非洲 新一輪</t>
    <phoneticPr fontId="1" type="noConversion"/>
  </si>
  <si>
    <t>全域 清 零 大陸 遼寧省 降 至 低 風險區</t>
    <phoneticPr fontId="1" type="noConversion"/>
  </si>
  <si>
    <t>口罩 國民黨 顏色 計時器 黨徽</t>
    <phoneticPr fontId="1" type="noConversion"/>
  </si>
  <si>
    <t>川普 稱 至尊 公主 號 的 鍋 我們 不 背 網友 嗆 史上 最 爛 的 總統 棄 老百姓 不顧</t>
    <phoneticPr fontId="1" type="noConversion"/>
  </si>
  <si>
    <t>屏 東 88 名 長者 錯 打 az 疫苗 東港 安泰 醫院 每人 發 5千 元 慰問金</t>
    <phoneticPr fontId="1" type="noConversion"/>
  </si>
  <si>
    <t>屏 東 東港 安泰 醫院 3 日 施 打 疫苗 大 出 包 錯 把 88 名 要 打 莫德納 第 2 劑 的 長輩 打成 az 至今 有 8 人 因 發燒 肌肉 酸痛 掛 急診 當中 4 人 返家 4 人 留 觀 對此 該院 榮譽 院長 蘇清泉 4 日 中午 出面 致歉 將 針對 與 該 88 人 同一 批 施打 疫苗 的 共</t>
    <phoneticPr fontId="1" type="noConversion"/>
  </si>
  <si>
    <t>大 病 初 愈 生 子 後 英相強 森 今 首度 主持 疫情 簡報</t>
    <phoneticPr fontId="1" type="noConversion"/>
  </si>
  <si>
    <t>與 確診 者 出遊 北市 南 港 某國 小 92 人 請 防疫 假</t>
    <phoneticPr fontId="1" type="noConversion"/>
  </si>
  <si>
    <t>新北 幼稚園 群 聚 感染 持續 擴大 昨晚 北市 教育局 緊急通知 南港 某國 小 和 幼稚園 也 要 預防 性 停課 據 瞭解 是 2 名 學生 曾在 8 月 和 案 16142 出遊 自行 向 校方 教育局 通知 與 確診 者 有 接觸 校方 回應 指出 立即 調查 該 名 學生 7 日 請假</t>
    <phoneticPr fontId="1" type="noConversion"/>
  </si>
  <si>
    <t>新北 幼稚園 群 聚 感染 持續 擴大 昨晚 北市 教育局 緊急通知 南港 某國 小 和 幼稚園 也 要 預防 性 停課 據 瞭解 是 2 名 學生 曾在 8 月 和 案 16142 出遊 自行 向 校方 教育局 通知 與 確診 者 有 接觸 校方 回應 指出 立即 調查 該 名 學生 7 日 請假 未 到校 上課 此外 校方 指出 今日 全校 共 92 人 請 防疫 假 校方 指出 昨晚 11 點 檢測 結果 出爐 家長 和 學生 的 pcr 都 是 陰性 會 持續 掌握 狀況 7 日 經過 教育局 指示 本校 以 最 嚴謹 的 標準 守護 師生 健康 該 名 學生 班級 從 8 日 實施 預防 性 停課 直到 9 月 12 日 複課 時間 為 9 月 13 日 本校 接 獲 訊息 立刻 透過 各種 管道 讓 家長 知悉 昨晚 也 開始 消毒 8 日 早上 7 點 尚未 入校 前 已將 所有 公共 場 域 教室 和 科任 教室 都 做 全面 消毒 校方 表示 如 班級 家長 擔心 可 請 防疫 假 在家 線 上 學習 本校 都 已 準備 緒 讓 所有 防疫 假 學生 在 家 仍 可 學習 全校學生 總數 約 1000 人 今天 請 防疫 假 全校 92 人 平均 分散 在 各 年級 至於 校內 幼稚園 部分 校方 指出 因 屬 非 營利 幼稚園 不是 校內 管轄 但 幼稚園 全部 都 停課</t>
    <phoneticPr fontId="1" type="noConversion"/>
  </si>
  <si>
    <t>好慘 他 怨 川普 3 年 建 最 強國 陸60 天 就 毀 了</t>
    <phoneticPr fontId="1" type="noConversion"/>
  </si>
  <si>
    <t>第 10 輪 bnt 加開 一對 象 今 上午 10 點 起 限 8 小時 搶 訂</t>
    <phoneticPr fontId="1" type="noConversion"/>
  </si>
  <si>
    <t>第 10 輪 bnt 昨 緊急 加開 對象 開放 在 9 月 29 日前 登記 意願 的 61 至 63 歲 民眾 打 第一 劑 於 今日 限 時 8 小時 預約 打 疫苗 符合 資格 者 可以 在 今天上午 10 點 起至 下午 6 點 登 入 疫苗 平臺 預約 打 疫苗 這 批 民眾 預計 可 在 10 月 10 日 至 10 月 14 日 接種</t>
    <phoneticPr fontId="1" type="noConversion"/>
  </si>
  <si>
    <t>本土 病例 症狀 前 就 具 高 傳染 力</t>
    <phoneticPr fontId="1" type="noConversion"/>
  </si>
  <si>
    <t>發病率 傳染 力 肺炎 早期 傳播 力</t>
    <phoneticPr fontId="1" type="noConversion"/>
  </si>
  <si>
    <t>夏天 病毒 會 消失 醫師 悲觀</t>
    <phoneticPr fontId="1" type="noConversion"/>
  </si>
  <si>
    <t>自殺 病毒 黃 瑽 寧 肺炎 直言</t>
    <phoneticPr fontId="1" type="noConversion"/>
  </si>
  <si>
    <t>第 12 輪 3 疫苗 開 打 逾 50萬 劑 盧秀燕 艱 困 挑戰 不能 出錯</t>
    <phoneticPr fontId="1" type="noConversion"/>
  </si>
  <si>
    <t>台中 市 第 12 期 疫苗 包括 bnt az 與 莫德納 3 種 疫苗 將 開 打 市長 盧秀燕 19 日 在 市政 會議 表示 這 是 場 艱 困 而 挑戰 的 接種 階段 高達 50萬 劑 前所未見 az bnt 與 莫德納 同時 開 打 要 特別 謹慎 不能 出錯 注意 錯開 施 打的 地點 和 疫苗</t>
    <phoneticPr fontId="1" type="noConversion"/>
  </si>
  <si>
    <t>台中 市 第 12 期 疫苗 包括 bnt az 與 莫德納 3 種 疫苗 將 開 打 市長 盧秀燕 19 日 在 市政 會議 表示 這 是 場 艱 困 而 挑戰 的 接種 階段 高達 50萬 劑 前所未見 az bnt 與 莫德納 同時 開 打 要 特別 謹慎 不能 出錯 注意 錯開 施 打的 地點 和 疫苗 以 安全 穩健 方式 實施 調度 考慮 醫護人員 施 打 時 的 體力 不能 累垮 護 人員 盧秀燕 表示 3 種 疫苗 施打 的 時間 都在第 12 期 共計 逾 50 劑 數量 大 種類 多 前所未見 擴大 數量 到 50萬 劑 要求 穩健 安全 不能 累垮 護 人員 調度 要 考慮 所有 醫護人員 可以 施 打的 體力 和 身心 施打 莫德納 第 2 劑 65 歲 以上 長輩 約 5萬 人 不用 預約 盧秀燕 說 65 歲 以 長者 到 快 打 站 接種 由 民政 系統 裡 鄰長 造冊 通知 第 2 劑 接種 完 即 台中 市 65 歲 以上 長者 2 劑 都 完成 除少數 不 願 打 快 打 站 為 65五 歲 以上 長者 施打 工作 完成 快 打 站 制度 不 會撤除 會 保留 因應 開設 配合 疫苗 接種 各地 快 打 站 加入 預約 衛生局長 曾 梓 展 表示 一個 場 域 一 種 疫苗 避免 紛亂 出錯 醫院 診所 和 快 打 站 各 分開 接種 向 中央 請示 後 符合 資格 者 如果 沒 打到 會 繼續 幫 符合 資格 的 民眾 施打 盧秀燕 強調 疫苗 施打 特別 小心 與 注意 錯開 因為 安全 穩健 最 重要 非常 艱 困 之處 是 因 施 打的 不但 疫苗 種類 多 疫苗 的 施 打量 很 大 台中 市 原本 大概 一 周 接種 量 是 17萬 劑 12 期 分 兩 階段 加 起來 大概 會 超過 50萬 劑 曾 梓 展 表示 第 12 期 預約 平臺 開放 對象 包括 第一 階段 1 bnt 疫苗 第 1 劑 30 歲 以上 民眾 2 az 疫苗 第 2 劑 7 30 前 已 接種 第 1 劑 之 38 歲 以上 民眾 3 莫德納 疫苗 第 2 劑 7 16 前 已 接種 第 1 劑 之 55 歲 以上 民眾 第二 階段 1 bnt 疫苗 第 1 劑 23 歲 以上 民眾 2 az 疫苗 第 2 劑 7 30 前 已 接種 第 1 劑 之 18 歲 以上 民眾 及 7 31 8 6 已 接種 第 1 劑 之 45 歲 以上 民眾 3 莫德納 疫苗 第 2 劑 7 16 前 已 接種 第 1 劑 之 18 歲 以上 民眾 中央 訂 定 接種 日期 分 2 階段 第一 階段 接種 日期 10 22 10 27 第二 階段 接種 日期 bnt 第 1 劑 10 28 10 31 az 及 莫德納 疫苗 第 2 劑 10 28 11 3</t>
    <phoneticPr fontId="1" type="noConversion"/>
  </si>
  <si>
    <t>台積電 捐 疫苗 不 尋常 陸行 之 4 點 分析 這樣 看</t>
    <phoneticPr fontId="1" type="noConversion"/>
  </si>
  <si>
    <t>《國際經濟》美國疫情到頂 川普：週四公佈復工準則</t>
    <phoneticPr fontId="1" type="noConversion"/>
  </si>
  <si>
    <t>國際 經濟 美國 疫情 到頂 川普 週四 公佈 復工 準則</t>
    <phoneticPr fontId="1" type="noConversion"/>
  </si>
  <si>
    <t>月底 50 富士 康復 工時 程 曝光</t>
    <phoneticPr fontId="1" type="noConversion"/>
  </si>
  <si>
    <t>102 歲 人瑞 入院 3 天 死亡 莊 人 祥 目前 最 年長 確診 者</t>
    <phoneticPr fontId="1" type="noConversion"/>
  </si>
  <si>
    <t>引 柏 南 奇 談話 龔明 鑫 發現 金比 消費 券 還 糟</t>
    <phoneticPr fontId="1" type="noConversion"/>
  </si>
  <si>
    <t>行政院 千億 挺 就業 的 防疫 紓困 方案 沒有 打動 在野黨 反而 要求 發現 金 的 呼聲 四起 政務委員 龔明鑫 今天 引用 美國 前 聯邦 準備 理事會 主席 柏南奇 談話 佐證 現行 紓困 方向 正確 龔明鑫 說 發現 金 不 合情 也 不合理 比 發 消費 券 還 糟</t>
    <phoneticPr fontId="1" type="noConversion"/>
  </si>
  <si>
    <t>校園 解禁 桃竹 苗 陸續 開放 運動</t>
    <phoneticPr fontId="1" type="noConversion"/>
  </si>
  <si>
    <t>暫停 開放 校園 肺炎 運動 疫情 趨 緩</t>
    <phoneticPr fontId="1" type="noConversion"/>
  </si>
  <si>
    <t>嘉縣 246 人 放 無 薪 假 實際 恐 更 多</t>
    <phoneticPr fontId="1" type="noConversion"/>
  </si>
  <si>
    <t>大 減 社會局 無 薪 假 肺炎 家業</t>
    <phoneticPr fontId="1" type="noConversion"/>
  </si>
  <si>
    <t>解密 科技 寶藏 近 萬 人 按 贊 ai 科技 免費 任 你 玩</t>
    <phoneticPr fontId="1" type="noConversion"/>
  </si>
  <si>
    <t>一 片 雲有 多重 泡 面 為什麼 是 卷 的 這些 科技 冷 知識 的 答案 都 在 今夏 最 夯 的 解密 科技 寶藏 未來 考古 互動 科技展 解密 科技 寶藏 在 臺北 花博 園區 流行 館 開幕 以來 已 吸引 超過 近 萬 人次 參觀 親身 體驗 疫情 過後 最熱</t>
    <phoneticPr fontId="1" type="noConversion"/>
  </si>
  <si>
    <t>全新 互動 全球 解密 科技 寶藏 台語</t>
    <phoneticPr fontId="1" type="noConversion"/>
  </si>
  <si>
    <t>社區防疫　裡長自主管理　再加送水神</t>
    <phoneticPr fontId="1" type="noConversion"/>
  </si>
  <si>
    <t>社區 防疫 裡長 自主 管理 再 加送 水神</t>
    <phoneticPr fontId="1" type="noConversion"/>
  </si>
  <si>
    <t>裡長 防疫 抗 菌 肺炎 社區</t>
    <phoneticPr fontId="1" type="noConversion"/>
  </si>
  <si>
    <t>櫃 買 市場 申請 上櫃公司 數 回升 續 推 戰略 新 板</t>
    <phoneticPr fontId="1" type="noConversion"/>
  </si>
  <si>
    <t>東研 信 超 戰略 新 板 申請 上櫃 櫃 買 中心 家數</t>
    <phoneticPr fontId="1" type="noConversion"/>
  </si>
  <si>
    <t>陳時中 戴 眼鏡 化身 風衣 型 男 登時 尚 雜誌 網 拍馬屁</t>
    <phoneticPr fontId="1" type="noConversion"/>
  </si>
  <si>
    <t>陳時中 時尚雜誌 風衣 拍馬屁 眼鏡</t>
    <phoneticPr fontId="1" type="noConversion"/>
  </si>
  <si>
    <t>美 200萬 屋 主 申請 房 貸 寬限</t>
    <phoneticPr fontId="1" type="noConversion"/>
  </si>
  <si>
    <t>屋 主 美國 肺炎 房 貸 申請</t>
    <phoneticPr fontId="1" type="noConversion"/>
  </si>
  <si>
    <t>712 解封 夜市 餐飲 開放</t>
    <phoneticPr fontId="1" type="noConversion"/>
  </si>
  <si>
    <t>紐西蘭 破 功 奧克蘭 新增 4 例 社區 感染 感染 源頭 至今 不 明</t>
    <phoneticPr fontId="1" type="noConversion"/>
  </si>
  <si>
    <t>紐西蘭 持續 102 天 的 零 確診 在 11 日 破 功 日前 新增 4 例 社區 感染 病例 4 名 病例 都 來自 奧克蘭 社區 的 同一 家庭 內 令人 感到 恐慌 的 是 該 家庭 近期 並 沒有 海外 旅遊 史 也 不 清楚 他們 的 感染 源頭 目前 奧克蘭 當地 已經 進入 三級 警戒 狀</t>
    <phoneticPr fontId="1" type="noConversion"/>
  </si>
  <si>
    <t>奧克蘭 紐西蘭 社區 感染 源頭 新 增</t>
    <phoneticPr fontId="1" type="noConversion"/>
  </si>
  <si>
    <t>bnt 疫苗 今 抵 台 蔡其昌 18 歲 以上 可 打到</t>
    <phoneticPr fontId="1" type="noConversion"/>
  </si>
  <si>
    <t>首 批 93萬 劑 bnt 疫苗 今天 清晨 7 時許 順利 運 抵 桃園 國際機場 立 法院 副 院長 蔡其昌 上午 到 台積電 參訪 接受 媒體 訪問 表示 感謝 台積電 對 國家 所作 的 貢獻 自 購 的 疫苗 將 陸續 到貨 對於 防疫 有 很 大 的 貢獻 他 要求 政 院 9 月底 前 只</t>
    <phoneticPr fontId="1" type="noConversion"/>
  </si>
  <si>
    <t>首 批 93萬 劑 bnt 疫苗 今天 清晨 7 時許 順利 運 抵 桃園 國際機場 立 法院 副 院長 蔡其昌 上午 到 台積電 參訪 接受 媒體 訪問 表示 感謝 台積電 對 國家 所作 的 貢獻 自 購 的 疫苗 將 陸續 到貨 對於 防疫 有 很 大 的 貢獻 他 要求 政 院 9 月底 前 只要 不 選 疫苗 18 歲 以上 的 民眾 都 可以 打到 第 1 劑 疫苗 立 法院 副 院長 蔡其昌 說 聽 到 18 歲 到 20 歲 的 青少年 喊 不要 變成 疫苗 孤兒 持續 2 周跟 行政院 溝通 包括 自 購 az 疫苗 將 陸續 到貨 12 歲 到 18 歲 的 孩子 透過 父母親 同意 進行 施 打</t>
    <phoneticPr fontId="1" type="noConversion"/>
  </si>
  <si>
    <t>紐約 比 武漢 危險 柯 p 標準 應 一致</t>
    <phoneticPr fontId="1" type="noConversion"/>
  </si>
  <si>
    <t>據 大陸 國家 衛健 委 網站 今天 消息 31 個 省 自治區 直轄市 和 新疆生產建設兵團 8 月 1 日 0 24 時 報告 新增 確診 病例 98 例 其中 境外 輸入 病例 43 例 雲南 16 例 北京 4 例 福建 4 例 內蒙古 3 例 江蘇 3 例 陝西 3 例 上海 2 例 山東 2</t>
    <phoneticPr fontId="1" type="noConversion"/>
  </si>
  <si>
    <t>雷 根號 航母 又 淪陷 印度 將 成 全球 疫情 第二 大國</t>
    <phoneticPr fontId="1" type="noConversion"/>
  </si>
  <si>
    <t>資深 女星 沒 趕上 疫苗 意願 登記 網友 給 答案 找 這個 人</t>
    <phoneticPr fontId="1" type="noConversion"/>
  </si>
  <si>
    <t>公費 疫苗 預約 平臺 第 12 期 第一 階段 預約 於 昨 20 日 截止 第 12 輪 第 1 階段 莫德納 第 2 劑 符合 預約 資格 為 62萬6911 人 但 僅 約 18萬 人 完成 預約 不過 施 打過 首 劑 的 資深 女星 譚艾 珍 登記 時 發現 不 符合 預約 資格 讓 女兒 歐陽靖 急 得 在</t>
    <phoneticPr fontId="1" type="noConversion"/>
  </si>
  <si>
    <t>催打疫苗！盧秀燕宣佈：13日起台中市民打第1劑送200元禮券</t>
    <phoneticPr fontId="1" type="noConversion"/>
  </si>
  <si>
    <t>催 打 疫苗 盧秀燕 宣佈 13 日 起 台中 市民 打 第 1 劑 送 200 元禮 券</t>
    <phoneticPr fontId="1" type="noConversion"/>
  </si>
  <si>
    <t>台中 市 12 歲 以上 尚未 施打 疫苗 者 大概 有 25萬 人 近期 出現 變種 病毒 omicron 引起 全民 恐慌 為 鼓勵 台中 市民 施打第 1 劑 疫苗 市長 盧秀燕 今天 在 市 議會 宣佈 從 下週一 13 日 起 台中 市 施打第 1 劑 疫苗 的 民眾 可 獲得 200 元禮 券</t>
    <phoneticPr fontId="1" type="noConversion"/>
  </si>
  <si>
    <t>蘇貞昌 昔 稱 沒有 打 疫苗 的 急迫性 賴士葆 讓 人 無 言</t>
    <phoneticPr fontId="1" type="noConversion"/>
  </si>
  <si>
    <t>強化 防禦 力 新興 短期 高 收 債 可 納入 資產 配置 組合</t>
    <phoneticPr fontId="1" type="noConversion"/>
  </si>
  <si>
    <t>全球 新興 強化 高收 債 納入</t>
    <phoneticPr fontId="1" type="noConversion"/>
  </si>
  <si>
    <t>現有 疫苗 難 擋 omicron 最新 bnt 保護 力 曝光</t>
    <phoneticPr fontId="1" type="noConversion"/>
  </si>
  <si>
    <t>gdp 今年 大陸 影響 疫情</t>
    <phoneticPr fontId="1" type="noConversion"/>
  </si>
  <si>
    <t>蔡依林 抗 疫 歌 惹 議 館長 狂 酸 敢 講 中華民國 加油</t>
    <phoneticPr fontId="1" type="noConversion"/>
  </si>
  <si>
    <t>經濟 紓困 現金 補助 蘇貞昌 90萬 人本 周 入 帳</t>
    <phoneticPr fontId="1" type="noConversion"/>
  </si>
  <si>
    <t>大陸 全國 疫情 高風險 地區 清零 中 風險 地區 下降 到 3 個</t>
    <phoneticPr fontId="1" type="noConversion"/>
  </si>
  <si>
    <t>大陸 國家 衛健 委 宣佈 截至 7 日 大陸 全國 高風險 地區 清零 中 風險 地區 下降 到 3 個 同時 對 中秋 國慶 假期 是否 可以 外出 旅行 疫苗 接種 情況 如何 等 問題 大陸 國務院 聯防 聯控 單位 指出 在 假期 期間 不 提倡 聚集 和 聚會 尤其 是</t>
    <phoneticPr fontId="1" type="noConversion"/>
  </si>
  <si>
    <t>6 人群 聚 打牌 恐 罰 36萬 輸家 還 沒請 烤 雞 好 市 多 1900 只 先 飛 了</t>
    <phoneticPr fontId="1" type="noConversion"/>
  </si>
  <si>
    <t>國內 疫情 嚴峻 但 仍 有 民眾 學 不 乖 持續 進行 群 聚 活動 今 8 日 晨 高雄市 一 棟 大樓 就 傳出 麻將 聲 新興 警方 獲 報 後 隨即 前往 臨檢 發現 6 人群 聚 中 有 5 人 未戴 口罩 於是 趕緊 蒐證 查扣 現場 麻將 塑膠 籌碼 向 衛生局 舉報</t>
    <phoneticPr fontId="1" type="noConversion"/>
  </si>
  <si>
    <t>群 聚 打牌 罰金 36萬 烤 雞</t>
    <phoneticPr fontId="1" type="noConversion"/>
  </si>
  <si>
    <t>大陸病例反彈！北京再增36確診 官方宣佈進入非常時期</t>
    <phoneticPr fontId="1" type="noConversion"/>
  </si>
  <si>
    <t>大陸 病例 反彈 北京 再 增 36 確診 官方 宣佈 進入 非常 時期</t>
    <phoneticPr fontId="1" type="noConversion"/>
  </si>
  <si>
    <t>陽性 豐台區 新發 地 北京市 北京</t>
    <phoneticPr fontId="1" type="noConversion"/>
  </si>
  <si>
    <t>nba 復原 超 快 美 媒 爆 杜蘭特可 上場</t>
    <phoneticPr fontId="1" type="noConversion"/>
  </si>
  <si>
    <t>杜蘭特 籃 網 伊格 上場 確診</t>
    <phoneticPr fontId="1" type="noConversion"/>
  </si>
  <si>
    <t>遭 羅友志 轟 政大 之 恥 張雅琴 播報 時再 開 酸</t>
    <phoneticPr fontId="1" type="noConversion"/>
  </si>
  <si>
    <t>張雅琴 羅友志 政大 陳時中 名 嘴</t>
    <phoneticPr fontId="1" type="noConversion"/>
  </si>
  <si>
    <t>自費 施打 疫苗 政策 轉彎 賴士葆 痛 批 難道 臺灣 人命 不如 友邦</t>
    <phoneticPr fontId="1" type="noConversion"/>
  </si>
  <si>
    <t>疫情 衝擊 經濟 香港 廠商會 火燒 連環 船</t>
    <phoneticPr fontId="1" type="noConversion"/>
  </si>
  <si>
    <t>大甲 媽祖 繞 境 辦 不 辦 廟 方 說話 了</t>
    <phoneticPr fontId="1" type="noConversion"/>
  </si>
  <si>
    <t>大甲 媽 9 天 8 夜 的 繞 境 行程 決定 延期 了 大甲鎮 瀾 宮 剛剛 宣 告 全體 董 監事會 昨晚 召開 會議 我們 決議 尊重 專業 將 今年 的 大甲 媽 繞 境 進香 延期 舉辦 全力支持 政府 的 防疫 工作 鎮 瀾 宮 預定 上午 11 時 召開 記者會 說明 大甲鎮 瀾</t>
    <phoneticPr fontId="1" type="noConversion"/>
  </si>
  <si>
    <t>延期 大甲 媽 今年 董監事 監事會</t>
    <phoneticPr fontId="1" type="noConversion"/>
  </si>
  <si>
    <t>利多 護 體 原相泰 碩 抗跌</t>
    <phoneticPr fontId="1" type="noConversion"/>
  </si>
  <si>
    <t>泰碩 原相 進度 法人 肺炎</t>
    <phoneticPr fontId="1" type="noConversion"/>
  </si>
  <si>
    <t>南山 弱 體 保單 免 等待 期</t>
    <phoneticPr fontId="1" type="noConversion"/>
  </si>
  <si>
    <t>日 額 肺炎 保單 死亡 保險金</t>
    <phoneticPr fontId="1" type="noConversion"/>
  </si>
  <si>
    <t>防疫 超前 花 蓮 縣 議會 率先 無限期 休會</t>
    <phoneticPr fontId="1" type="noConversion"/>
  </si>
  <si>
    <t>疫情 導致 歧視 蔓延 學者 政府 有意無意 灌輸</t>
    <phoneticPr fontId="1" type="noConversion"/>
  </si>
  <si>
    <t>低調捐救命神器後範瑋琪罕見發文 網友湧入道歉她一句話神回應</t>
    <phoneticPr fontId="1" type="noConversion"/>
  </si>
  <si>
    <t>低調 捐 救命 神 器 後 範瑋琪 罕見 發文 網友 湧入 道歉 她 一 句 話 神 回應</t>
    <phoneticPr fontId="1" type="noConversion"/>
  </si>
  <si>
    <t>范瑋琪 陳建州 賈永婕 救命 神 器 hfnc</t>
    <phoneticPr fontId="1" type="noConversion"/>
  </si>
  <si>
    <t>污水 病毒 監測 莊人祥 傳染性</t>
    <phoneticPr fontId="1" type="noConversion"/>
  </si>
  <si>
    <t>移 工 來源國 列 第 三級 警告 台中 籲 雇主 落實 防疫 措施</t>
    <phoneticPr fontId="1" type="noConversion"/>
  </si>
  <si>
    <t>疾管署高端疫苗簡介悄上線 眼尖網揪：連保護力幾％都沒寫</t>
    <phoneticPr fontId="1" type="noConversion"/>
  </si>
  <si>
    <t>校園 bnt 殘 劑 繳 回 醫院 遭 批 浪費 北市 大 轉彎 授權 教職員 接種</t>
    <phoneticPr fontId="1" type="noConversion"/>
  </si>
  <si>
    <t>宜蘭碧 候村 確診 村民 暴動 丟 酒瓶 太 過份 知情 者 怒 揭 真相</t>
    <phoneticPr fontId="1" type="noConversion"/>
  </si>
  <si>
    <t>挫 勒 等 北市 酒店 女 公關 確診 中央 要 追 框 出場 性交 易 男客 名單</t>
    <phoneticPr fontId="1" type="noConversion"/>
  </si>
  <si>
    <t>消費 男客 確診 包廂 便服 酒店</t>
    <phoneticPr fontId="1" type="noConversion"/>
  </si>
  <si>
    <t>才 3 月中 國際 板 贖回 快 5千億 去年同期 增 124 倍</t>
    <phoneticPr fontId="1" type="noConversion"/>
  </si>
  <si>
    <t>贖回 國際 板 債券 提前 贖回 新 台幣 國際 板</t>
    <phoneticPr fontId="1" type="noConversion"/>
  </si>
  <si>
    <t>到診所可自費快篩了 陳時中公佈社區廣篩4措施</t>
    <phoneticPr fontId="1" type="noConversion"/>
  </si>
  <si>
    <t>到 診所 可 自費 快 篩 了 陳時中 公佈 社區 廣 篩 4 措施</t>
    <phoneticPr fontId="1" type="noConversion"/>
  </si>
  <si>
    <t>郵政 壽險 共同 抗 疫 挺 保戶 提供 多 項 關懷 應變 服務措施</t>
    <phoneticPr fontId="1" type="noConversion"/>
  </si>
  <si>
    <t>日 15000 球迷 戴 口罩 看 足球 陸網 日本 人 真不 怕</t>
    <phoneticPr fontId="1" type="noConversion"/>
  </si>
  <si>
    <t>日本 j 1 聯賽 昨日 拉開帷幕 揭幕戰 湘南 海洋 主場 2 3 不 敵 浦和 紅 鑽 此役 湘南 bmw 平 塚 競技場 的 球票 幾乎 被 搶購一空 有 15000 名 球迷 到 現場 觀戰 並且 絕大多數 都 佩戴 口罩 大陸 網 民 對此 極 表 佩服 日本 人 真不 怕 呀 而且</t>
    <phoneticPr fontId="1" type="noConversion"/>
  </si>
  <si>
    <t>麻豆 新樓 醫院 防疫 升級 今 起 一般 病房 全面禁止 探病</t>
    <phoneticPr fontId="1" type="noConversion"/>
  </si>
  <si>
    <t>敦睦艦隊疫情擴大？傳出臺南官兵女友先後烏龍確診</t>
    <phoneticPr fontId="1" type="noConversion"/>
  </si>
  <si>
    <t>敦睦 艦隊 疫情 擴大 傳出 台南 官兵 女友 先 後 烏龍 確診</t>
    <phoneticPr fontId="1" type="noConversion"/>
  </si>
  <si>
    <t>敦睦 艦隊 疫情 再 擴大 台南 市長 黃偉哲 視察 封 館 消毒 後 今天 重新 開業 的 新光 三越 新 天地 暗示 台南 未來 2 周 沒有 鬆懈 本錢 防疫 專線 昨天 接 獲 400 多 通 相關 諮 詢 電話 顯見 民眾 恐慌 心態 他 也 坦言 擔憂 後續 可能 有 相關 個案 發生</t>
    <phoneticPr fontId="1" type="noConversion"/>
  </si>
  <si>
    <t>連 假 後 疫情 樂觀 陳時中 本土 案例 仍 需 觀察</t>
    <phoneticPr fontId="1" type="noConversion"/>
  </si>
  <si>
    <t>疫 後 報 複式 反彈 外 媒 陸 v 型 復蘇 機 率 很 低</t>
    <phoneticPr fontId="1" type="noConversion"/>
  </si>
  <si>
    <t>防疫 政要 緊 憂 臺灣 失守 蘇偉碩 喊 蔡 總統 該 下令 鎖國 了</t>
    <phoneticPr fontId="1" type="noConversion"/>
  </si>
  <si>
    <t>陳時中公佈電郵 痛斥WHO不要一錯再錯</t>
    <phoneticPr fontId="1" type="noConversion"/>
  </si>
  <si>
    <t>陳時中 公佈 電 郵 痛斥 who 不 要 一錯再錯</t>
    <phoneticPr fontId="1" type="noConversion"/>
  </si>
  <si>
    <t>臺灣 在 去年 12 月 31 日 從 社 群 網路 得知 武漢 發生 7 例 非典型肺炎 案例 並 接受 隔離 治療 同日 以 電子 郵件 通報 世界衛生組織 who 由於 通報 信 中 未 明說 人 傳人 然而 有 提及 病 患 正在 進行 隔離 治療 希望 who 提高 警覺 要求 其 提供</t>
    <phoneticPr fontId="1" type="noConversion"/>
  </si>
  <si>
    <t>鍾 南山 陸 疫情 中下旬 達 高峰</t>
    <phoneticPr fontId="1" type="noConversion"/>
  </si>
  <si>
    <t>大陸 病人 峰值 肺炎 病毒</t>
    <phoneticPr fontId="1" type="noConversion"/>
  </si>
  <si>
    <t>日政府 阻擋 不 住 購物 網 天價 轉賣 口罩</t>
    <phoneticPr fontId="1" type="noConversion"/>
  </si>
  <si>
    <t>日本 各地 仍 鬧 口罩 荒 網上 卻 仍 有 不少 人 高價 轉賣 日本政府 要求 網 購 公司 加以 控管 禁止 高價 轉賣 但 上有政策 下有對策 無論 網 購 公司 如何 控管 不肖 業者 仍 有 漏洞 可 鑽 繼續 賺 災難 財 日本 週刊 文 春 電子 報 訪問 到 哄抬</t>
    <phoneticPr fontId="1" type="noConversion"/>
  </si>
  <si>
    <t>轉賣 日圓 口罩 高價 網 購</t>
    <phoneticPr fontId="1" type="noConversion"/>
  </si>
  <si>
    <t>臺灣 到底 有 沒有 社區 感染</t>
    <phoneticPr fontId="1" type="noConversion"/>
  </si>
  <si>
    <t>爆發 有 社區 社區 感染 肺炎 篩查</t>
    <phoneticPr fontId="1" type="noConversion"/>
  </si>
  <si>
    <t>路透 東奧 已 悄悄 規劃 延期 方案</t>
    <phoneticPr fontId="1" type="noConversion"/>
  </si>
  <si>
    <t>疫情 防疫 電子 圍 籬 監控 入境</t>
    <phoneticPr fontId="1" type="noConversion"/>
  </si>
  <si>
    <t>不 預期 被 大量 施打 az 申請 美 藥 證 時間 點 曝光</t>
    <phoneticPr fontId="1" type="noConversion"/>
  </si>
  <si>
    <t>英國 阿斯特 捷利康 公司 astrazeneca 昨 29 日 宣佈 將 在 今年 稍後 向 美國 申請 az 疫苗 的 藥 證 不過 他們 也 不 預期 之後 會 在 美國 被 大量 施打 強調 拿到 藥 證 能夠 提升 az 的 重要性 綜合 路透社 印度 商業 標準 日報 busines</t>
    <phoneticPr fontId="1" type="noConversion"/>
  </si>
  <si>
    <t>基隆 維持 0 確診 童話 藝術節 等 多 項 大型活動 延期</t>
    <phoneticPr fontId="1" type="noConversion"/>
  </si>
  <si>
    <t>中興 米 挺 抗 疫 製造商 供糧 不間斷</t>
    <phoneticPr fontId="1" type="noConversion"/>
  </si>
  <si>
    <t>萬 公噸 肺炎 聯 米 企業 國人 米糧</t>
    <phoneticPr fontId="1" type="noConversion"/>
  </si>
  <si>
    <t>半 導體 敦 泰 q 3 每股 賺 1 06 元 創 上市 後 新高</t>
    <phoneticPr fontId="1" type="noConversion"/>
  </si>
  <si>
    <t>敦 泰 idc 平板 電腦 amoled 觸 控 ic</t>
    <phoneticPr fontId="1" type="noConversion"/>
  </si>
  <si>
    <t>基隆 市 醫院 專責 快 篩 衛生局 采 檢 93 人 1 人 陽性</t>
    <phoneticPr fontId="1" type="noConversion"/>
  </si>
  <si>
    <t>王任賢 當 病毒 已 翻 牆 進來</t>
    <phoneticPr fontId="1" type="noConversion"/>
  </si>
  <si>
    <t>日 財務 大臣 稱出 錢 也 沒有 口罩 網 曝 2 關鍵</t>
    <phoneticPr fontId="1" type="noConversion"/>
  </si>
  <si>
    <t>有 錢 也 聲 不出 口罩 口罩 財務 大臣 日本 關鍵</t>
    <phoneticPr fontId="1" type="noConversion"/>
  </si>
  <si>
    <t>偶像 新星 口罩 詐騙 百萬 被捕 親 姊 道歉 曝 悲慘 家世 埋伏 筆</t>
    <phoneticPr fontId="1" type="noConversion"/>
  </si>
  <si>
    <t>用 振興 券 創業 大 台中 環保 市場 要 幫 失 薪 族 做頭 家</t>
    <phoneticPr fontId="1" type="noConversion"/>
  </si>
  <si>
    <t>蝦 毀 用 振興 3 倍 券 就 能 創業 做 老闆 位於 台中 市北區 東 光路 近 太原 路口 的 大 台中 環保 市集 因應 市地 重劃 擴大 營業 因應 政府 715 發放 振興 券 祭出 振興 券 專屬 頭家 專案 讓 攤 商 可以 用 振興 券 抵 攤 租 此外 場內 所有 攤 商都 收 振</t>
    <phoneticPr fontId="1" type="noConversion"/>
  </si>
  <si>
    <t>振興 3 倍 券 大 台中 環保 市集 振興 券 專屬 頭家 專案 金融 海嘯 sars</t>
    <phoneticPr fontId="1" type="noConversion"/>
  </si>
  <si>
    <t>宅 在家 防疫 太 苦悶 線 上 花店 與 室內 設計 app 正 夯</t>
    <phoneticPr fontId="1" type="noConversion"/>
  </si>
  <si>
    <t>app 室內 設計 線 上 花店 疫情 南韓</t>
    <phoneticPr fontId="1" type="noConversion"/>
  </si>
  <si>
    <t>囤 貨 潮 狂吹 長輩 一 句 line 訊息 網友 傻眼 快 檢舉</t>
    <phoneticPr fontId="1" type="noConversion"/>
  </si>
  <si>
    <t>長輩 群 組 領錢 line 家樂福</t>
    <phoneticPr fontId="1" type="noConversion"/>
  </si>
  <si>
    <t>其他 股 八 貫 1 月 營 收 雙增 訂單 滿到 q 2</t>
    <phoneticPr fontId="1" type="noConversion"/>
  </si>
  <si>
    <t>fed 無限 qe 新興 短 高 收 來勁</t>
    <phoneticPr fontId="1" type="noConversion"/>
  </si>
  <si>
    <t>有利 准 主權 企業 新興 高收 債 肺炎</t>
    <phoneticPr fontId="1" type="noConversion"/>
  </si>
  <si>
    <t>打 高端 後 不治 要求 加 驗 遭 拒 桃檢 已 轉達 死者家屬 希望</t>
    <phoneticPr fontId="1" type="noConversion"/>
  </si>
  <si>
    <t>蘇揆 新年 賀卡 亮相 轉輪 寫 六大 政績</t>
    <phoneticPr fontId="1" type="noConversion"/>
  </si>
  <si>
    <t>行政院 秘書長 李孟 諺 今 7 日 公佈 行政院長 蘇貞昌 的 新年 賀卡 和 福 袋 李孟 諺 表示 今年 以 牛年 的 諧音 希望 新 的 一 年 可以 牛 轉幹 坤 牛來 好運 卡片 上 還 有 一個 轉輪 寫 著 政 院 過去 一 年 六大 施政 成果 李孟 諺 指出 過去</t>
    <phoneticPr fontId="1" type="noConversion"/>
  </si>
  <si>
    <t>賀卡 李孟 諺 轉輪 新年 蘇揆</t>
    <phoneticPr fontId="1" type="noConversion"/>
  </si>
  <si>
    <t>搶攻 國旅 客 高市 觀光局 力推 城市 探險 月</t>
    <phoneticPr fontId="1" type="noConversion"/>
  </si>
  <si>
    <t>高市 觀光局 為 振興 國旅 市場 6 月 主 打 城市 探險 月 推出 野 外秘 境 探險 自然生態 探索 城市 風格 冒險 3 大 主題 以及 海上 重 帆 體驗 斯 巴達 障礙 賽 等 7 項 活動 多元 游程 包山 又 包海 感受 高雄 不同 風貌 鼓勵 民眾 走 出 戶外</t>
    <phoneticPr fontId="1" type="noConversion"/>
  </si>
  <si>
    <t>高市 觀光局 為 振興 國旅 市場 6 月 主 打 城市 探險 月 推出 野 外秘 境 探險 自然生態 探索 城市 風格 冒險 3 大 主題 以及 海上 重 帆 體驗 斯 巴達 障礙 賽 等 7 項 活動 多元 游程 包山 又 包海 感受 高雄 不同 風貌 鼓勵 民眾 走 出 戶外 強化 身心 觀光 局長 邱俊龍 指出 後 疫情 時代 6 月 以 戶外 探險 為 主題 的 城市 探險 月 推薦 民眾 私房 景點 與 全新 游程 以 需要 體力 的 活動 為主 像是 斯 巴達 障礙 賽 因 疫情 關係 各國 暫停 臺灣 首場 選 在 高雄崗 山 之 眼 阿公店 水庫 展開 25 項 障礙 賽 邱俊龍 提到 3 大 主題 將 配合 業者 推出 走訪 有 高雄 阿 塱 壹 美稱 的 柴山 天 威 古道 秘 境 及 寶來花 賞 溫泉 公園 推出 溫泉 搭配 極限 設施 體驗 游程 動物園 夜 宿營 攀樹 體驗 及 壽山 國家 自然 公園 仲夏 森 遊 借位 拍照 活動 斯 巴達 障礙 賽 美利達 單車 漫遊 及 海線 推動 重型 帆船 體驗 除 斯 巴達 外 其 餘 活動 有意 深耕 為 常態 性 游程 除了 月月 有 精彩 活動 外 邱俊龍 表示 5 大 觀光 景點 免費 入 園 包括 壽山 動物園 崗 山 之 眼 寶來花 賞 溫泉 公園 鼓 山洞 旗 津 貝殼館 而 觀光局 16 個 景點 的 商店 除 可 參加 高雄 振興 購物 嘉年華 滿 500 元 抽獎 外 再 加碼 滿 500 元可 折 抵 100 元 副 市長 葉匡時 表示 4 月 推出 的 軍事 觀光 月 活動 有 超過 5 000 人 參加 軍事 走讀 之 旅 更是 名額 秒 殺 並於 5 月 接續 加碼 推出 第二 梯次 半價 優惠活動</t>
    <phoneticPr fontId="1" type="noConversion"/>
  </si>
  <si>
    <t>臺灣 會 封 城 楊志良 這種 情況 下 就 會 被 衝破</t>
    <phoneticPr fontId="1" type="noConversion"/>
  </si>
  <si>
    <t>海軍 磐石 艦 是 臺灣 目前 疫情 破 口 是否 會 造成 封城 前 衛生 署長 楊志良 直指 磐石 艦 事件 再多 來 兩 件 我們 就 被 衝破 了 楊志良 在 政論 節目 少康 戰情 室 中 表示 全球 兩 個 最 安全 的 地方 一個 是 大陸 湖北 武漢 另 一個 就 是 臺灣</t>
    <phoneticPr fontId="1" type="noConversion"/>
  </si>
  <si>
    <t>海軍 磐石 艦 是 臺灣 目前 疫情 破 口 是否 會 造成 封城 前 衛生 署長 楊志良 直指 磐石 艦 事件 再多 來 兩 件 我們 就 被 衝破 了 楊 志 良 在 政論 節目 少康 戰情 室 中 表示 全球 兩 個 最 安全 的 地方 一個 是 大陸 湖北 武漢 另 一個 就 是 臺灣 我們 民眾 基本上 有 高度 的 警覺心 大家 也 都 基本上 順 時中 楊 志 良 指出 磐石 艦 這個 大破 口 這個 非常 可能 造成 社區 某種程度 的 感染 但是 因為 我們 的 民眾 還有 我們 整個 醫療 體系 基本上 他 不 認為 現在 馬上 會 被 衝破 但是 如果 像 這種 事情 再多 來 兩 件 我們 就 被 衝破 了 就 麻煩 了 至於 臺灣 未來 會 封城 嗎 楊志良 說 現在 全 臺灣 還 是 在 享受 全球 最 幸福 的 時候 最 重要 的 是 除 了 政府 的 努力 以外 民眾 的 自我 健康 管理 也 是 能 不能 讓 我們 這麼 幸福 的 一個 最 重要 關鍵 幸福 能 不能 持續 不 知道 而且 封城 是 一個 政治 的 決定 不是 一個 可以 用 科學可以 用量 表 可以 用 指標 來 處理 的 真 的 希望 不要 到 封城 的 那一天</t>
    <phoneticPr fontId="1" type="noConversion"/>
  </si>
  <si>
    <t>封城 臺灣 楊志良 前 衛生 署長 磐石 艦</t>
    <phoneticPr fontId="1" type="noConversion"/>
  </si>
  <si>
    <t>倒 店潮 席捲 台 灣 專家 這類 店家 非常 剉</t>
    <phoneticPr fontId="1" type="noConversion"/>
  </si>
  <si>
    <t>等不及 政府 紓困 方案 台中 市 一 周 爆 三 家 大型 飯店 餐廳 結束 營業 管仲 管理 顧問 公司 總經理 胡智鈞 指出 這 波 疫情 衝擊 下 大家 都 在 苦 撐 承租 租金 高 以及 做 宴會 為主 的 這類 餐 旅業 最 危險 但 他 認為 在 這時 退場 經營者 面對</t>
    <phoneticPr fontId="1" type="noConversion"/>
  </si>
  <si>
    <t>等不及 政府 紓困 方案 台中 市 一 周 爆 三 家 大型 飯店 餐廳 結束 營業 管仲 管理 顧問 公司 總經理 胡智鈞 指出 這 波 疫情 衝擊 下 大家 都 在 苦 撐 承租 租金 高 以及 做 宴會 為主 的 這類 餐 旅業 最 危險 但 他 認為 在 這時 退場 經營者 面對 大量 解雇 比較 不受 社會 道德 壓力 讉 責 另 多數 承租 或 合作 合約 都 有 天災 人禍 免責 條款 提前 解約 可免 違約金 這時 結束 企業 成本 最小 胡 智 釣 是 前 薆 悅 酒店 總經理 在 面臨 陸客 不來 困境 時 曾 挺身而出 成立 台中 特色 飯店 聯盟 面對 一 周 來 台中亞 致 大 飯店 香蕉 新 樂園 以及 阿秋大 肥 鵝 太平 賀緹店 陸續 傳出 下課 消息 他 坦言 可能 還 有 未 爆 彈 胡 智鈞 說 雖然 疫情 造成 餐 旅業 哀鴻遍野 但 體質 好 的 以拖待變 而 原本 就 體質 不 佳 的 這 也 是 業者 退場 最佳時機 其中 最 危險 的 就 是 向 私人 承租 的 業者 像 臺北 有 家 時尚 飯店 月租金 高 達 780萬 而 台中亞致 傳說 一 年租金 近 億 元 沈重 的 租金 壓力 原本 就讓 業者 月月 虧 這個 時機 點 退場 可以 向 房東 爭取 免 違約金 另 此時 裁員 不用 背負 道德 壓力 此外 大型 餐廳 只是 是 以 宴會 為主 的 生意 慘 到 剩 一 至 兩 成 如 同樣 是 租 地 自建 或 是 要付 租金 的 租金 愈 高愈 危險 但 也 有 例外 者 就 是 bot 或 ot 案 因為 政府 已 釋出 租稅 減免 這類 業者 只 要 撐下去 仍 有 機會 東山再起</t>
    <phoneticPr fontId="1" type="noConversion"/>
  </si>
  <si>
    <t>救 觀光 交通部 砸 百億 20億 補助 民眾 玩 國旅</t>
    <phoneticPr fontId="1" type="noConversion"/>
  </si>
  <si>
    <t>沒 得 選 打過 兩劑 疫苗 返台 一樣 要 住 防疫 旅館</t>
    <phoneticPr fontId="1" type="noConversion"/>
  </si>
  <si>
    <t>防疫 旅館 打 疫苗 陳時中 集中 隔離 居家 隔離</t>
    <phoneticPr fontId="1" type="noConversion"/>
  </si>
  <si>
    <t>影 總統府 盼 其他 宗教團體 配合 中央 疫情 中心 指示</t>
    <phoneticPr fontId="1" type="noConversion"/>
  </si>
  <si>
    <t>防 年輕 族群 成 漏洞 學者 建議 學童 定期 快 篩</t>
    <phoneticPr fontId="1" type="noConversion"/>
  </si>
  <si>
    <t>防 失 聯 移 工 成破口 徐國勇 看 過 來</t>
    <phoneticPr fontId="1" type="noConversion"/>
  </si>
  <si>
    <t>為了 防止 失 聯 移 工 成為 防疫 破 口 內政部長 徐國勇 上午 在 立 法院 提出 研議 擴大 自行 到案 專案 徐國勇 僅 初步 提出 免收 容 或者 將 罰款 降到 最低 最低 等 誘因 不過 韓國政府 卻 更 有 魄力 迅速 宣佈 給予 外籍 非法 勞工 自願 免責 離</t>
    <phoneticPr fontId="1" type="noConversion"/>
  </si>
  <si>
    <t>徐國勇 失 聯 移 工 防疫 破 口 韓國政府 離境</t>
    <phoneticPr fontId="1" type="noConversion"/>
  </si>
  <si>
    <t>坦言 三級 警戒 看不到 盡頭 美女 主 播 曬 s 腰 辣 照 找樂 子</t>
    <phoneticPr fontId="1" type="noConversion"/>
  </si>
  <si>
    <t>解封 前 留後路 專家 籲 訂 再 警戒 標準 把 規則 講 清楚</t>
    <phoneticPr fontId="1" type="noConversion"/>
  </si>
  <si>
    <t>三級 警戒 解封 微 解封 三級 解 封 標準</t>
    <phoneticPr fontId="1" type="noConversion"/>
  </si>
  <si>
    <t>有 打 有 保 庇 雲林 肺 鏈 疫苗 大 缺貨</t>
    <phoneticPr fontId="1" type="noConversion"/>
  </si>
  <si>
    <t>施打 肺炎 鏈球菌 疫苗 疫苗 肺炎 鏈球菌 疫苗 肺炎 肺炎 疫苗</t>
    <phoneticPr fontId="1" type="noConversion"/>
  </si>
  <si>
    <t>因應 疫情 勞動部 無 薪 假 勞工 可 領 回 原 投保 薪 3 個 月</t>
    <phoneticPr fontId="1" type="noConversion"/>
  </si>
  <si>
    <t>美 吹噓抗 疫 捐助 華春瑩 反 嗆 who 會費 繳 了 沒</t>
    <phoneticPr fontId="1" type="noConversion"/>
  </si>
  <si>
    <t>對 美 國務卿 蓬佩 奧 指稱 美國 對 世界衛生組織 who 抗 疫 捐助 遠遠 超過 中國 一 事 大陸 外交部 發言人 華春瑩 回 應稱 中國 對 此 沒有 任何 攀比 的 想法 到 目前 美國 承諾 要 向 中國 等 一些 國家 提供 的 抗 疫 援助 卻 一個 子 兒 都 沒 見到 這</t>
    <phoneticPr fontId="1" type="noConversion"/>
  </si>
  <si>
    <t>對 美 國務卿 蓬佩 奧 指稱 美國 對 世界衛生組織 who 抗 疫 捐助 遠遠 超過 中國 一 事 大陸 外交部 發言人 華春瑩 回 應稱 中國 對 此 沒有 任何 攀比 的 想法 到 目前 美國 承諾 要 向 中國 等 一些 國家 提供 的 抗 疫 援助 卻 一個 子 兒 都 沒 見到 這 批 物資 中國 已經 不 需要 了 現在 不知 在 何方 還有 美國 欠 聯合國 與 世衛組織 的 會費 繳 了 嗎 大陸 外交部 4 月 3 日 的 記者會 上 有 媒體 提問 稱 美國 國務卿 蓬佩 奧 日前 在 國務院 記者會 上 說 美國 對 世衛組織 抗擊 疫情 的 捐助 數額 遠遠 超過 中國 中方 對 此 有 何 評論 華春瑩 答 稱 這個 問題 前 幾 天 有 記者 問到 過 我 已經 答 過 了 我 當時 覺得 蓬 佩奧 先生 把 美國 對 世衛組織 的 捐助 從 1948 年 算 起 很 有意思 他 說 美國 對 抗擊 疫情 國際 援助 遠遠 超過 中國 其實 我們 沒有 任何 攀比 的 想法 美方 援助 到底 怎麼樣 我 也 不 瞭 解 但 我 看到 有 報導 說 美方 把 一些 擬 向 其他 國家 抗擊 疫情 提供 的 援助 在 半路上 追 討回 去 了 不 知道 這 是 真是假 華春瑩 說 就 中國 而言 之前 我 的 同事 也 介紹 過 蓬 佩奧 國務卿 和 美方 曾經 宣佈 美政府 要 向 中國 等 一些 國家 提供 1億 美元 抗 疫 援助 但是 我們 一個 子 兒 都 沒有 見到 另外 美國國際開發署 說 要 向 中國 提供 抗 疫 援助 一直 只聽樓梯響 不見人下來 直到 3 月 11 日 美方 告訴 中方 物資 準備 得 差不多 了 但是 鑒於 那個 時候 疫情 已經 發生變化 中方 告訴 美方 中方 已 不再 需要 請 他們 把 這筆 物資 捐 給 那些 更 有 需要 的 國家 不 知道 這筆 物資 後來 下落 如 何? 華春瑩 還 說 美國 一些 地方 和 企業 在 中方 疫情 形勢 最 困難 時 向 中方 伸出 了 援手 現在 美國 國內 疫情 非常 嚴重 中國 很多 企業 和 地方 也 都 在 紛紛 向 美國 人民 伸出 援助 之 手 提供 力所能及 的 幫助 中 美 兩國人民 在 互相 同情 相互支持 共同 抗擊 疫情 她 最後 對 美國 反將 一 軍 說 我 有 一個 問題 美國 欠 聯合國 和 世衛組織 的 會費 不 知道 交清 了 沒有</t>
    <phoneticPr fontId="1" type="noConversion"/>
  </si>
  <si>
    <t>新北 全市 將 周周大 消毒 直到 解除 三級 警戒</t>
    <phoneticPr fontId="1" type="noConversion"/>
  </si>
  <si>
    <t>雙北 防疫 三級 警戒 新北 市環保局 表示 14 日 全市 24 小時 大 清 消 後 環保局 持續 由 各 區 清潔隊 進行 轄區 每週 一 次 全區 清 消 直到 三級 警戒 解除 環保局 提醒 民眾 外出 倒 垃圾 務必 戴 好 口罩 並 保持 安全 距離 保護 自 已 也 保護 清潔 人</t>
    <phoneticPr fontId="1" type="noConversion"/>
  </si>
  <si>
    <t>雙北 防疫 三級 警戒 新北 市環保局 表示 14 日 全市 24 小時 大 清 消 後 環保局 持續 由 各 區 清潔隊 進行 轄區 每週 一 次 全區 清 消 直到 三級 警戒 解除 環保局 提醒 民眾 外出 倒 垃圾 務必 戴 好 口罩 並 保持 安全 距離 保護 自 已 也 保護 清潔 人員 違規 可 依 傳染病 防治法 最高 開 罰 1萬5000 元 環保局 表示 在 進入 三級 防疫 前 環保局 防疫 消毒 大隊 針對 列管 公共 環境 場 域 1360 處 每月 消毒 一 次 包含 交通 場站 百貨 賣 場 超市 超 商 市場 餐廳 商圈 學校 洽 公 機關 等 環保局 表示 14 日 10 時 到 5 月 15 日 10 時 24 小時 大 清 消 已 完成 地毯 式 消毒 工作 三級 警戒 後 除 原來 防疫 消毒 大隊 也 重新 盤點 消毒 人力 物力 由 各 區 清潔隊 配合 各 區公所 指揮 調度 持續 執行 轄區 每週 一 次 的 全面 消毒 直到 解除 三級 防疫 警戒 為止 至於 一般 商家 賣 場 餐廳 社區 大樓 等 場所 內部 的 公共 環境 消毒 依照 行政院 環境 保護 署 的 規定 應由 所有人 管理人 或 使用人 負責 可 自行 使用 1 50 稀釋 後 漂 白水 針對 公共 區域 地板 梯 間 扶手 門把 電梯 按鈕 等 持續 且 定期 以 拖把 或 抹布 擦拭 若 有 委 外 消毒 需求 也 可 洽 環保局 提供 新北 市 境內 消毒 廠商 名單 供 參 環保局 說 環保局 則 維持 垃圾 收運 正常化 除 提供 清潔 隊員 充足 的 防疫 配備 以 保護 其 工作 安全 更 提醒 民眾 外出 倒 垃圾 即為 戶外活動 依照 第 三級 警戒 規定 應 全程 配戴 口罩 違者 可 依照 傳染病 防治法 最高 開 罰 1萬5000 元 環保局 提出 查 戴 保 洗 的 倒 垃圾 口訣 呼籲 民眾 出門 倒 垃圾 前 應先 查 新北 樂 垃 車 網站 確認 垃圾車 到達 時間 全程 載 上 口罩 保持 適當 距離 並 減少 交談 回家 後 立即 洗手 或 用 酒精 消毒 另 紙 容器 塑膠瓶 罐 鐵 鋁 罐 及 玻璃瓶 等 回收 前 要 先 沖洗 後 再 交給 資源 回收 車</t>
    <phoneticPr fontId="1" type="noConversion"/>
  </si>
  <si>
    <t>1 分鐘 看 世界 國際 疫情 集中 4 大國 美 股 強勢 反彈</t>
    <phoneticPr fontId="1" type="noConversion"/>
  </si>
  <si>
    <t>精選 中 時 新聞網 5 件 不可不 知 的 國際 大事 帶 讀者 掌握 今天 3 月 3 日 的 國際 新聞 重點 1 世衛 境外 新增 案例 是 大陸 的 9 倍 集中 在 四大 國 who 總 幹事 譚 德塞 對於 韓國 義 大利 伊朗 日本 這 四 個 國家 最為 憂心 說明 今天 在</t>
    <phoneticPr fontId="1" type="noConversion"/>
  </si>
  <si>
    <t>彰 化 7899 位 鄰長 真 拍 謝 了 奔走 服務 造冊 打 疫苗 竟 被 誤會 是 官員</t>
    <phoneticPr fontId="1" type="noConversion"/>
  </si>
  <si>
    <t>官員 鄰長 施打 預約 造冊</t>
    <phoneticPr fontId="1" type="noConversion"/>
  </si>
  <si>
    <t>股利 其他 豐泰 擬 派利 6 元 nike 未 砍 單 鬆口氣</t>
    <phoneticPr fontId="1" type="noConversion"/>
  </si>
  <si>
    <t>新北 幼稚園 確診 師 足跡 曝光 常 搭 捷 運 往返 板 南 線 這 2 站</t>
    <phoneticPr fontId="1" type="noConversion"/>
  </si>
  <si>
    <t>新北 市 板橋 某 幼稚園 教 保 員 確診 今日 又 新增 8 名 幼兒 與 1 名 家長 確診 新北 衛生局 今 公佈 確診 老師 相關 足跡 老師 在 上月 底 至 本月 初時 經常 搭乘 捷 運 板 南 線 往返 頂 埔 站 和 新埔 站 另外 也 曾經 在 上月 29 日 抵達 板橋 環球 購物 中心</t>
    <phoneticPr fontId="1" type="noConversion"/>
  </si>
  <si>
    <t>新北 市 板橋 某 幼稚園 教 保 員 確診 今日 又 新增 8 名 幼兒 與 1 名 家長 確診 新北 衛生局 今 公佈 確診 老師 相關 足跡 老師 在 上月 底 至 本月 初時 經常 搭乘 捷 運 板 南 線 往返 頂 埔 站 和 新埔 站 另外 也 曾經 在 上月 29 日 抵達 板橋 環球 購物 中心 新北 衛生局 公佈 的 確診 足跡 圖 顯示 該 教師 曾在 上月 23 至 27 日 上月 30 至 31 日 本月 2 至 3 日 搭乘 捷 運 板 南 線 往返 頂 埔 站 和 新埔 站 另外 上月 29 日 也 曾 搭乘 捷 運 從 頂 埔 站 到 板橋 站 並 在 板橋 環球 購物 中心 b 1 逗留 之後 再 搭 捷 運 返回 頂 埔 站 該 名 教師 也 曾在 上月 22 日 搭乘 捷 運 從 頂 埔 站 到 新埔 站 並 搭乘 805 公車 到 新泰 游泳池 站 之後 再 搭乘 786 公車 返回 捷 運 府 中站 之後 再 到頂 埔 站</t>
    <phoneticPr fontId="1" type="noConversion"/>
  </si>
  <si>
    <t>頂 埔 站 搭乘 老師 確診 新埔 站</t>
    <phoneticPr fontId="1" type="noConversion"/>
  </si>
  <si>
    <t>新 寶 產後 護理 之家 試 營運 58 折 大 促銷</t>
    <phoneticPr fontId="1" type="noConversion"/>
  </si>
  <si>
    <t>參觀 消毒 寶寶 風格 管控</t>
    <phoneticPr fontId="1" type="noConversion"/>
  </si>
  <si>
    <t>第 三 劑 明年 開 打 台大醫 曝 副作用 這 兩 款 疫苗 局部 反應 最 多</t>
    <phoneticPr fontId="1" type="noConversion"/>
  </si>
  <si>
    <t>獨 基隆 婦 打 莫德納 後腦 栓塞 治療 4 個 月 仍 半邊 無力</t>
    <phoneticPr fontId="1" type="noConversion"/>
  </si>
  <si>
    <t>基隆 市 七堵區 一 名 年 約 70 歲 陳姓 婦人 7 月初 施打 第一 劑 莫德納 疫苗 約 一 周 後 出現 急性 腦栓塞 不良反應 送醫 後 立即 進行 動脈 取 栓 手術 一度 失去 意識 送入 加 護 病房 婦人 目前 雖 已 恢復 意識 但 左側 肢體 仍 無力 持續 在 醫院 複健</t>
    <phoneticPr fontId="1" type="noConversion"/>
  </si>
  <si>
    <t>要 射箭 還是 停止 口水 藍綠挺 彰 縣府 推出 圓夢 減稅 計 畫</t>
    <phoneticPr fontId="1" type="noConversion"/>
  </si>
  <si>
    <t>產業 分析 全球 及 臺灣 筆 電 受 疫 今年 出 貨 估 創 5 年高</t>
    <phoneticPr fontId="1" type="noConversion"/>
  </si>
  <si>
    <t>資 策 會 mic 筆 電 出 貨 成長</t>
    <phoneticPr fontId="1" type="noConversion"/>
  </si>
  <si>
    <t>疫情 惡化 不 見 底 加州 再 禁 全數 室內 活動</t>
    <phoneticPr fontId="1" type="noConversion"/>
  </si>
  <si>
    <t>防疫緊繃醫護看《三生三世十裡桃花》助眠 楊冪喊話：你們是真英雄！</t>
    <phoneticPr fontId="1" type="noConversion"/>
  </si>
  <si>
    <t>防疫 緊 繃 醫護 看 三 生 三 世十裡 桃花 助 眠 楊冪 喊話 你們 是 真 英雄</t>
    <phoneticPr fontId="1" type="noConversion"/>
  </si>
  <si>
    <t>楊冪 趙又廷 迪麗熱巴 主演 的 仙 俠 神劇 三 生 三 世十裡 桃花 6 日 起 將 重 回 中天 娛樂 台 陪伴 觀眾 渡過 防疫 非常 時期 該劇 播出 至今 在 網路 平臺 創下 近 530億 次 的 驚人 點播 數字 不但 讓 楊冪 再 添 一 部 代表作品 更 讓 男 主角 趙又廷</t>
    <phoneticPr fontId="1" type="noConversion"/>
  </si>
  <si>
    <t>楊冪 三 生 三 世十裡 桃花 趙又廷 續集 迪麗熱巴</t>
    <phoneticPr fontId="1" type="noConversion"/>
  </si>
  <si>
    <t>抓 出 黑 數 藍 委 籲 開放 民眾 自 購 快 篩 劑 普 篩</t>
    <phoneticPr fontId="1" type="noConversion"/>
  </si>
  <si>
    <t>疫情 衝擊 台 東 縣政府 建 請 原鄉 停辦 豐年 祭 等 歲 時 祭 儀</t>
    <phoneticPr fontId="1" type="noConversion"/>
  </si>
  <si>
    <t>南 投 縣 暫不 關閉 夜市 持續 加強 防疫 宣 導</t>
    <phoneticPr fontId="1" type="noConversion"/>
  </si>
  <si>
    <t>中市公佈最新確診足跡 遍佈寶雅、全聯、家樂福</t>
    <phoneticPr fontId="1" type="noConversion"/>
  </si>
  <si>
    <t>中 市 公佈 最新 確診 足跡 遍佈 寶 雅 全聯 家樂福</t>
    <phoneticPr fontId="1" type="noConversion"/>
  </si>
  <si>
    <t>案 6348 太平區 58 歲 牧場 男員工 5 月 15 日 曾至南 投 草屯 東方紅 時尚 會館 按摩 21 日 出現 症狀 25 日 采 檢 確診 案 6349 太平區 58 歲 工廠 男員工 5 月 16 日 曾至 桃園 旅遊 22 日 出現 症狀 25 日 就醫 采 檢 26 日 確診 案 6350 北 區 23 歲 日本</t>
    <phoneticPr fontId="1" type="noConversion"/>
  </si>
  <si>
    <t>案 6348 太平區 58 歲 牧場 男員工 5 月 15 日 曾至南 投 草屯 東方紅 時尚 會館 按摩 21 日 出現 症狀 25 日 采 檢 確診 案 6349 太平區 58 歲 工廠 男員工 5 月 16 日 曾至 桃園 旅遊 22 日 出現 症狀 25 日 就醫 采 檢 26 日 確診 案 6350 北 區 23 歲 日本 男性 擔任 大學 教練 去年 3 月 入境 後 未再 出境 5 月 16 日 出現 症狀 25 日 至 醫院 采 檢 確診 案 6352 龍井 區 25 歲 北部 大學 女 研究生 5 月 15 日 曾至 男友 外公 案 3010 位於 新北 市 家中 聚餐 16 日 返回 男友 台中 住處 23 日 出現 症狀 25 日 采 檢 確診 男友 檢驗 結果 陰性 案 6541 潭子 區 33 歲 工廠 女 包裝 員 4 月 30 日 至 5 月 1 日 曾至 板橋 旅遊 5 月 24 日 出現 症狀 26 日 采 檢 確診 案 6542 豐原 區 69 歲 女性 家 管 原 居住 於 臺北 萬華 5 月 17 日 全家南 下回 台中 居住 19 日 出現症狀 26 日 采 檢 確診 案 6761 西屯區 2 歲 男童 為 案 1943 的 外孫 案 2016 重慶 國小 六 年級 確診 個案 的 弟弟 5 月 19 日 因 匡 列為 接觸 者 與 媽媽 至 檢疫所 居家 隔離 25 日 發燒 至 醫院 采 檢 26 日 檢驗 確診 以上 確診 個案 均 已 匡列 相關 接觸 者 並 進行 采 檢 27 日 確診 個案 公共 場 域 足跡 包括 5 月 14 日 19 時 30 分至 20 時 30 分 北屯區 暴 走 中村 雞 白湯 拉麵 5 月 15 日 13 時 30 分至 16 時 北屯區 春水 堂 崇德店 17 時 北屯區 寶 雅 北 屯 東山 店 停留 超過 15 分鐘 5 月 20 日 10 時 13 分至 11 時 13 分 南屯區 全聯 嶺東 店 18 時北區 山 嵐 拉麵 一中 店 停留 超過 15 分鐘 5 月 22 日 16 時至 17 時 25 分 西屯區 家樂福 西屯 店 以上 足跡 均 已 通知 店家 加強 清 消</t>
    <phoneticPr fontId="1" type="noConversion"/>
  </si>
  <si>
    <t>疫情 激勵 休閒 商機 中 美 兩 大 市場 同步 進入 消費 旺季 運動 概念 股 響叮噹</t>
    <phoneticPr fontId="1" type="noConversion"/>
  </si>
  <si>
    <t>同步 peloton 概念 股 運動 休閒 肺炎</t>
    <phoneticPr fontId="1" type="noConversion"/>
  </si>
  <si>
    <t>學者 憂 病毒 早就 竄 台</t>
    <phoneticPr fontId="1" type="noConversion"/>
  </si>
  <si>
    <t>浙江 台商 病毒 肺炎 進入 臺灣</t>
    <phoneticPr fontId="1" type="noConversion"/>
  </si>
  <si>
    <t>臺灣 權王 元太 全新 反彈 後市 看 旺</t>
    <phoneticPr fontId="1" type="noConversion"/>
  </si>
  <si>
    <t>法人 元太 趨勢 智慧 機 看好</t>
    <phoneticPr fontId="1" type="noConversion"/>
  </si>
  <si>
    <t>苗栗 7 日 新增 45 例 其中 京元電 為 44 例 超豐 電 1 例</t>
    <phoneticPr fontId="1" type="noConversion"/>
  </si>
  <si>
    <t>苗栗 竹南 電子 廠 爆發 員工 群 聚 感染 7 日 新增 確診 人數 略有 下降 共 45 例 包括 外籍 移 工 28 例 本國 17 例 顯示 受 共同 上班 群 聚 影響 使得 本國 員工 感染 狀況 增 力 其中 京元電 共有 44 例 確診 包括 外籍 移 工 27 例 本國 17 例 京元</t>
    <phoneticPr fontId="1" type="noConversion"/>
  </si>
  <si>
    <t>屏 東 縣府 免費 接送 長輩 打 疫苗 4 鄉鎮 啟動 速 打 站</t>
    <phoneticPr fontId="1" type="noConversion"/>
  </si>
  <si>
    <t>屏 東縣 將 於 15 日 啟動 大規模 疫苗 接種 縣府 為 首 批 接 種 的 85 歲 以上 長者 推出 貼心 服務 凡 符合 接種 資格 的 長 照 獨居 輪椅 身 障 重大 傷病 等長 輩 都 能 使用 複 康 巴士 小黃 公車 及 長 照 專車 免費 接送 有 需要 的 民眾 可 事先 打電話</t>
    <phoneticPr fontId="1" type="noConversion"/>
  </si>
  <si>
    <t>媽祖 正 在 看 人間 胡扯</t>
    <phoneticPr fontId="1" type="noConversion"/>
  </si>
  <si>
    <t>宗教 媽祖 繞 境 肺炎 內政 部 活動</t>
    <phoneticPr fontId="1" type="noConversion"/>
  </si>
  <si>
    <t>中 市 65 歲 以上 第二 劑 az 疫苗 明起 46 處 快 打 站 開 打</t>
    <phoneticPr fontId="1" type="noConversion"/>
  </si>
  <si>
    <t>新北 耶誕 城 停止 戶外 集會 活動 網 贊 侯神 得分</t>
    <phoneticPr fontId="1" type="noConversion"/>
  </si>
  <si>
    <t>臺灣 時隔 253 天 後 再度 出現 一 例 本土 病例 外界 也 相當 關心 跨 年 等 相關 活動 是否 照常 舉辦 而 新北 市 觀光旅遊 局 今 22 日 率先 宣佈 即日起 停止 耶誕 城內 所有 戶外 集會 型 活動 並 不再 受理 申請 避免 疫情 擴大 消息 一 出 後 許</t>
    <phoneticPr fontId="1" type="noConversion"/>
  </si>
  <si>
    <t>竹市 疫苗 再 加開 明 後天 免 預約 打 莫德納 送 200 元禮 券</t>
    <phoneticPr fontId="1" type="noConversion"/>
  </si>
  <si>
    <t>女 歌手 住 飯店 隔離 14 天 自彈自唱 解悶 慘 被 隔壁 房 投訴</t>
    <phoneticPr fontId="1" type="noConversion"/>
  </si>
  <si>
    <t>從 大陸 選 秀 節目 創造 101 和 歌手 2019 受 關注 的 香港 女 歌手 許靖韻 當年 更以 容 祖兒 師妹 被 看好 近日 因 工作 前往 大陸 得 先 住 飯店 自我 隔離 14 天 沒 想到 卻 遭 其他 房客 投訴 許靖韻 在 各 大 音樂節目 嶄露 好 歌喉 之後</t>
    <phoneticPr fontId="1" type="noConversion"/>
  </si>
  <si>
    <t>從 大陸 選 秀 節目 創造 101 和 歌手 2019 受 關注 的 香港 女 歌手 許靖韻 當年 更以 容 祖兒 師妹 被 看好 近日 因 工作 前往 大陸 得 先 住 飯店 自我 隔離 14 天 沒 想到 卻 遭 其他 房客 投訴 許靖韻 在 各 大 音樂節目 嶄露 好 歌喉 之後 工作 機會 因此 變 多 近期 從 香港 到 大陸 工作 因 疫情 得 先 在 飯店 自我 隔離 14 天 今 3 日 一早 她 分享 自己 在 房間內 自彈自唱 解悶 的 影片 唱 著 莫文蔚 的 呼吸 有害 像是 在 開 個 人 演唱會 一樣 唱 得 忘我 許多 粉絲 看到 偶像 展 歌喉 都 相當 開心 但 也 有 網友 好奇 問 房間 隔音 好 嗎 認為 在 飯店 彈琴 大 唱 應該 容易 被 投訴 許靖韻 也 無奈 笑 說 前 一 天 晚上 才 被 投訴 所以 她 晚上 就 不 會 彈琴 唱歌 了</t>
    <phoneticPr fontId="1" type="noConversion"/>
  </si>
  <si>
    <t>飆 升 美國 20 新增 數 州</t>
    <phoneticPr fontId="1" type="noConversion"/>
  </si>
  <si>
    <t>陸 國旗 五角星 遭 塗改 為 病毒 網 怒斥 印媒 公然 辱 華 以怨報德</t>
    <phoneticPr fontId="1" type="noConversion"/>
  </si>
  <si>
    <t>醫學期刊 稱 變種 病毒 傳 台後 斷根</t>
    <phoneticPr fontId="1" type="noConversion"/>
  </si>
  <si>
    <t>醫學期刊 發現 變種 病毒 缺氧</t>
    <phoneticPr fontId="1" type="noConversion"/>
  </si>
  <si>
    <t>與 鑽石 公主 號 同船 4 天 5 移民 官 解禁 呼 幸運</t>
    <phoneticPr fontId="1" type="noConversion"/>
  </si>
  <si>
    <t>不敢 大 疫 猴 硐 遠 距 賞貓 上線</t>
    <phoneticPr fontId="1" type="noConversion"/>
  </si>
  <si>
    <t>猴 硐 貓 村 動 保處 賞貓 新北</t>
    <phoneticPr fontId="1" type="noConversion"/>
  </si>
  <si>
    <t>慢 半 拍 英格蘭 今 起 規定 搭 大眾 運輸 戴 口罩</t>
    <phoneticPr fontId="1" type="noConversion"/>
  </si>
  <si>
    <t>入 住 雲朗 觀光 各 館 免費 品嘗 新 港 黑豆 茶</t>
    <phoneticPr fontId="1" type="noConversion"/>
  </si>
  <si>
    <t>雲朗 觀光 與 嘉義 縣 新 港 農會 合作 自 12 月中 起 雲朗旗 下 各 飯店 陸續 在 各 館 客房 提供 黑 娘 媽 黑豆 茶 包 除了 提 振 且 推廣 國產 農產品 也 讓 房客 免費 體驗 品嘗 臺灣 黑豆 茶 的 好 味道 雲朗 觀光 集團 旗 下 擁有 君 品 酒店 雲品 溫泉</t>
    <phoneticPr fontId="1" type="noConversion"/>
  </si>
  <si>
    <t>推廣 新 港 嘉義 黑豆 各 館</t>
    <phoneticPr fontId="1" type="noConversion"/>
  </si>
  <si>
    <t>mlb 大 聯盟 38 人 中 鏢 二戰 後 首次 停辦 明星賽</t>
    <phoneticPr fontId="1" type="noConversion"/>
  </si>
  <si>
    <t>明星賽 大 聯盟 勇士 道奇 美國</t>
    <phoneticPr fontId="1" type="noConversion"/>
  </si>
  <si>
    <t>黑人 魔術 強生 hiv 非裔 美國 人 戴 口罩</t>
    <phoneticPr fontId="1" type="noConversion"/>
  </si>
  <si>
    <t>振興 酷 碰 券 每人 每月 上限 1000 元</t>
    <phoneticPr fontId="1" type="noConversion"/>
  </si>
  <si>
    <t>行政院 今 2 日 舉行 臨時 院會 院長 蘇貞昌 親 率 14 名 相關 部會 閣員 出席 記者會 說明 整體 1 兆 500億 紓困 方案 不少 民眾 相當 關心 振興 折扣 券 經濟部長 沈榮津 表示 酷 碰 券 coupon 主要 是 希望 能 刺激 消費 每人 每月 上限 1000</t>
    <phoneticPr fontId="1" type="noConversion"/>
  </si>
  <si>
    <t>振興 酷 碰 券 1000 元 蘇貞昌 上限</t>
    <phoneticPr fontId="1" type="noConversion"/>
  </si>
  <si>
    <t>第 12 期 疫苗 開 打 新北 az 疫苗 施打 率 達到 97</t>
    <phoneticPr fontId="1" type="noConversion"/>
  </si>
  <si>
    <t>陳時中 拭淚 暴 紅 最 不 討好 民意 防疫 總 舵手 如 何讓醫 界 到 網友 都服 他</t>
    <phoneticPr fontId="1" type="noConversion"/>
  </si>
  <si>
    <t>居家 隔離 檢疫 者 奔喪 再 放寬 滿 5 天 無 症狀 可 申請 每天 1 次</t>
    <phoneticPr fontId="1" type="noConversion"/>
  </si>
  <si>
    <t>奔喪 相關 外出 放寬 居家 隔離</t>
    <phoneticPr fontId="1" type="noConversion"/>
  </si>
  <si>
    <t>國際金融 美 疫情 飆 升 美 股 期貨 走跌</t>
    <phoneticPr fontId="1" type="noConversion"/>
  </si>
  <si>
    <t>美術 老師 確診 北市 光 仁 國小 緊急通知 停課 校長 回應 了</t>
    <phoneticPr fontId="1" type="noConversion"/>
  </si>
  <si>
    <t>防疫 最高 警戒 謝淑薇 口罩 戴 n- 95</t>
    <phoneticPr fontId="1" type="noConversion"/>
  </si>
  <si>
    <t>謝淑薇 翁 宜寧 n- 95 杜拜 杜哈</t>
    <phoneticPr fontId="1" type="noConversion"/>
  </si>
  <si>
    <t>衰退 金融 恐慌 情緒 eps 疫情</t>
    <phoneticPr fontId="1" type="noConversion"/>
  </si>
  <si>
    <t>原訂 4 月 搬回 台 女星 媽 獨居 美國 德州 1 月 早先 備 妥 物資</t>
    <phoneticPr fontId="1" type="noConversion"/>
  </si>
  <si>
    <t>媽媽 美國 韓國 物資 袁詠琳</t>
    <phoneticPr fontId="1" type="noConversion"/>
  </si>
  <si>
    <t>林佳龍 烙 狠 話 再犯 擬 限 縮 航班</t>
    <phoneticPr fontId="1" type="noConversion"/>
  </si>
  <si>
    <t>新光 三 越南 西 店 周年 慶 開 打 連 假 首日 挑戰 5億 元</t>
    <phoneticPr fontId="1" type="noConversion"/>
  </si>
  <si>
    <t>新光 三越 臺北 南西 店 周年 慶 今 正式 開跑 上午 9 點 就 聚集 排隊 人潮 11 點 正式 營業 湧入 數 千 名 民眾 新光 三越 表示 南西 店 周年 慶 開 打 首次 遇上 中秋 連 假 首日 民眾 扶老攜幼 不用 擔心 是 上班時間 要 遮遮掩掩 預估 單日 人潮 破 1</t>
    <phoneticPr fontId="1" type="noConversion"/>
  </si>
  <si>
    <t>新光 周年 慶 三越 新光 三越 數位</t>
    <phoneticPr fontId="1" type="noConversion"/>
  </si>
  <si>
    <t>女兒 發高燒 熱 痙攣 昏迷 診所 醫 急 脫 防護衣 送 急診</t>
    <phoneticPr fontId="1" type="noConversion"/>
  </si>
  <si>
    <t>az 疫苗 疑 又 出 血栓 問題 丹麥 再 傳 死亡 案例</t>
    <phoneticPr fontId="1" type="noConversion"/>
  </si>
  <si>
    <t>路透社 報導 丹麥 20 日 又 通報 2 起 接種 阿斯特 捷利康 公司 astrazeneca 疫苗 後 出現 血栓 症狀 的 案例 且 其中 1 人 不幸 死亡 目前 全球 有 多國 已 暫停 接種 az 疫苗 根據 報導 丹麥 首都 哥本哈根 公立醫院 主管 當局 表示 本次</t>
    <phoneticPr fontId="1" type="noConversion"/>
  </si>
  <si>
    <t>鍾 錦 明 兩岸 很多 事 不能 一刀切</t>
    <phoneticPr fontId="1" type="noConversion"/>
  </si>
  <si>
    <t>回台 肺炎 防治 陸配 子女 兩岸</t>
    <phoneticPr fontId="1" type="noConversion"/>
  </si>
  <si>
    <t>徐若瑄 歎 好好 活 著 是 最 重要 何如 芸 喊 臺灣 加油 網 狂 贊</t>
    <phoneticPr fontId="1" type="noConversion"/>
  </si>
  <si>
    <t>病例 數 下降 衛 長 沒有 樂觀 本錢</t>
    <phoneticPr fontId="1" type="noConversion"/>
  </si>
  <si>
    <t>國內 本土 病例 數 近日 逐步 下降 外界 關注 是否 要 進入 社區 清零 階段 衛福 部長 陳時中 1 日 認為 現在 要 先 控制 疫情 雖 看到 病例 數 緩步 下降 但 臺灣 沒有 樂觀 本錢 未來 14 天 緊縮 過日子 才能 有 好 的 防疫 成果 完整 執</t>
    <phoneticPr fontId="1" type="noConversion"/>
  </si>
  <si>
    <t>臺北國際旅展今開幕！觀光業受創近2年 蔡英文：等待春暖花開</t>
    <phoneticPr fontId="1" type="noConversion"/>
  </si>
  <si>
    <t>臺北 國際 旅 展今 開幕 觀光業 受 創 近 2 年 蔡英文 等待 春暖花開</t>
    <phoneticPr fontId="1" type="noConversion"/>
  </si>
  <si>
    <t>新聞 早班車 抗 疫 曙光 中研院 找到 10 倍 強效 抑制 劑</t>
    <phoneticPr fontId="1" type="noConversion"/>
  </si>
  <si>
    <t>抑制 劑 謝忻 中研院 10 倍 強效</t>
    <phoneticPr fontId="1" type="noConversion"/>
  </si>
  <si>
    <t>網球 atp 麥 維德夫 蒙地卡羅 大師 賽 男單</t>
    <phoneticPr fontId="1" type="noConversion"/>
  </si>
  <si>
    <t>小小孩 在外 吃飯 也 要 梅花座 陳時中 這樣 說</t>
    <phoneticPr fontId="1" type="noConversion"/>
  </si>
  <si>
    <t>內 用 梅花座 陳時中 小小孩 視 訊</t>
    <phoneticPr fontId="1" type="noConversion"/>
  </si>
  <si>
    <t>6 成民調 不滿 政府 防疫 綠 委 去年 疫情 不 嚴重 以致 國際 疫苗 先 給 重災區</t>
    <phoneticPr fontId="1" type="noConversion"/>
  </si>
  <si>
    <t>寶貝 你 最 繪 繪畫 比賽 感恩 第一線 防疫 的 無名英雄</t>
    <phoneticPr fontId="1" type="noConversion"/>
  </si>
  <si>
    <t>需求 熱 美 裝運 用 紙箱 價格 飆 至 每 噸 785 美元</t>
    <phoneticPr fontId="1" type="noConversion"/>
  </si>
  <si>
    <t>紙箱 美國 歷史 新高 瓦楞紙 基準</t>
    <phoneticPr fontId="1" type="noConversion"/>
  </si>
  <si>
    <t>名 主持 艾倫 狄珍妮 爆 雙面 人 惡劣行徑 員工 群起 踢 爆 溫暖 都裝 的</t>
    <phoneticPr fontId="1" type="noConversion"/>
  </si>
  <si>
    <t>美國 知名 主持人 艾倫 狄珍妮 ellen degeneres 其 脫口秀 節目 艾倫秀 聞名 全球 她 作風 風趣 機靈 加上 長期 為 弱勢 及 lgbtq 族群 發聲 因此 幽默 溫暖 的 形象 深 植 人心 沒想 到 近日 遭 節目 工作人員 群起 投訴 指 她 毫無 通知 就 找</t>
    <phoneticPr fontId="1" type="noConversion"/>
  </si>
  <si>
    <t>艾倫 狄珍妮 艾倫秀 雙 面人 溫暖 形象 形象</t>
    <phoneticPr fontId="1" type="noConversion"/>
  </si>
  <si>
    <t>香港政府宣佈 台、星入境措施比照陸、澳人士</t>
    <phoneticPr fontId="1" type="noConversion"/>
  </si>
  <si>
    <t>香港政府 宣佈 台 星 入境 措施 比照 陸 澳 人士</t>
    <phoneticPr fontId="1" type="noConversion"/>
  </si>
  <si>
    <t>大陸 央 視 新聞報導 香港特區政府 宣佈 繼 先前 收緊 臺灣 新加坡 的 入境 防疫 措施 從 3 日 起 將 加強 對 從 大陸 澳門 等 地 抵 港 人士 的 檢測 要求 提高 檢測 次數 及 頻率 港 府 表示 在 從 大陸 或 澳門 抵 港 的 人士 中 按 回港 易 計</t>
    <phoneticPr fontId="1" type="noConversion"/>
  </si>
  <si>
    <t>三 度 進駐 前線 任 環南 指揮官 王必勝 曝 一 現象 讓 抗 疫 陷 窘境</t>
    <phoneticPr fontId="1" type="noConversion"/>
  </si>
  <si>
    <t>臺北市 今 2 日 新增 29 例 本土 個案 其 中環 南 市場 群 聚 案 2783 人 檢 出 41 例 陽性 中央 第 三 度 派出 醫療 應變 組 副 組長 王必勝 擔任 聯合 前進指揮所 指揮官 對此 王必勝 坦言 從 過去 經驗 中 本位主義 的 堅持 常讓 防疫 上 出現</t>
    <phoneticPr fontId="1" type="noConversion"/>
  </si>
  <si>
    <t>陸宅 經濟 爆發 網 遊 影音 用戶 激增</t>
    <phoneticPr fontId="1" type="noConversion"/>
  </si>
  <si>
    <t>手機 應用 app 大陸 超過 肺炎</t>
    <phoneticPr fontId="1" type="noConversion"/>
  </si>
  <si>
    <t>社 工 部長 王婉諭 陳時中 新聞</t>
    <phoneticPr fontId="1" type="noConversion"/>
  </si>
  <si>
    <t>雙北 有望 解禁 專家 點評 開放 內 用 缺失 別 再 葬送 自由 呼吸 的 權利</t>
    <phoneticPr fontId="1" type="noConversion"/>
  </si>
  <si>
    <t>7 月 27 日 起 全台 降 二級 警戒 各 地方 政府 也 表態 將 逐步 開放 餐廳 內 用 宜蘭 縣 將 於 8 月 3 日 起 解除 禁內 用 規定 北 市府 今 30 日 也 坦言 將 視 疫情 發展 最 快下 週二 3 日 開放 餐飲業 內 用 對此 毒理 專家 招名威 也 樂觀其成 認為</t>
    <phoneticPr fontId="1" type="noConversion"/>
  </si>
  <si>
    <t>禁內 用 解禁 餐廳 開放 餐廳 內 用</t>
    <phoneticPr fontId="1" type="noConversion"/>
  </si>
  <si>
    <t>在 美 打 2 劑 bnt 返台 仍 確診 年輕人 足跡 超 廣 橫跨 6 縣 市</t>
    <phoneticPr fontId="1" type="noConversion"/>
  </si>
  <si>
    <t>疫苗 空 窗 期 要 不 要 打 高端 專家 一 比喻 神 解答</t>
    <phoneticPr fontId="1" type="noConversion"/>
  </si>
  <si>
    <t>臺灣 鬧 疫苗 荒 az 和 莫德納 不夠 打 因 此 第 六 輪 疫苗 接種 將 開放 高端上 場 對此 中華民國 防疫 學會 理事長 王任賢 呼籲 大家 別 落入 政府 的 圈套 並 呼籲 打 了 首 劑 莫德納 的 人 不要 在 疫苗 空 窗 期 去 打 高端 因為 打 高端 就 像是 打入</t>
    <phoneticPr fontId="1" type="noConversion"/>
  </si>
  <si>
    <t>日 缺 核酸 檢測 劑 陸急捐 大批 試劑 感同身受</t>
    <phoneticPr fontId="1" type="noConversion"/>
  </si>
  <si>
    <t>聯 亞 疫苗 首 批 28萬 劑 完成 量 產 eua 通過 後 即可 交貨</t>
    <phoneticPr fontId="1" type="noConversion"/>
  </si>
  <si>
    <t>國產 疫苗 進入 二期 臨床 試驗 的 解 盲 階段 聯 亞 生 技 8 日 先 完成 3000 多 名 核心 受試者 的 血液 樣本 採集 準備 送 去 第 三 方 公正 單位 進行 抗體 反應 安全性 等 檢查 估計 兩 周後 就 會 有 結果 另一方面 聯 亞 生 技 也 證實 首批 將 交付 政府 的 2</t>
    <phoneticPr fontId="1" type="noConversion"/>
  </si>
  <si>
    <t>聯 亞 生 技 eua 量 產 交貨 解 盲</t>
    <phoneticPr fontId="1" type="noConversion"/>
  </si>
  <si>
    <t>啟人疑竇 陸7 部門 嚴查 病毒 實驗 銷毀 違規 樣本</t>
    <phoneticPr fontId="1" type="noConversion"/>
  </si>
  <si>
    <t>北市公佈2確診足跡 南京公寓市場、新光三越A4館都上榜</t>
    <phoneticPr fontId="1" type="noConversion"/>
  </si>
  <si>
    <t>北市 公佈 2 確診 足跡 南京 公寓 市場 新光 三越 a 4 館 都 上榜</t>
    <phoneticPr fontId="1" type="noConversion"/>
  </si>
  <si>
    <t>臺北 信義 區 百貨 再 傳 有 專櫃 人員 確診 新光 三越 臺北 信義 新 天地 a 4 昨 30 日 晚 被 通知 有 專櫃 人員 確診 目前 已 匡列 6 名 密切接觸 者 今 a 4 暫停營業 一 天 全面 進行 清 消 明天 恢復正常 營業 臺北市衛生局 今日 公佈 2 名 確診 足跡</t>
    <phoneticPr fontId="1" type="noConversion"/>
  </si>
  <si>
    <t>臺北 信義 區 百貨 再 傳 有 專櫃 人員 確診 新光 三越 臺北 信義 新 天地 a 4 昨 30 日 晚 被 通知 有 專櫃 人員 確診 目前 已 匡列 6 名 密切接觸 者 今 a 4 暫停營業 一 天 全面 進行 清 消 明天 恢復正常 營業 臺北市衛生局 今日 公佈 2 名 確診 足跡 分別 為 案 15773 和 案 15781 足跡 曾 到 過 位於 南京東路 的 南京 公寓 市場 以及 信義 區 松壽路 的 新光 三越 a 4 館 2 樓 兩者 皆 在 30 日 31 日間 清 消 完畢 相關 人員 則 進行 自我 健康 監測 衛生局 指出 案 15773 於 30 日 確診 初 判 可能 感染 源 為 家戶 感染 個案 曾 在 24 日 上午 9 時 30 分至 下午 1 時 25 日 與 26 日 上午 9 時 30 分 10 時 30 分 28 日 上午 9 時 30 分至 中午 12 時 以及 29 日 上午 9 時 30 分至 11 時 30 分 到 過 南京東路 5 段 291 巷 的 南京 公寓 市場 該處 已於 30 日 完成 清 消 另 名 案 15781 則 為 新北 市 個案 同樣 於 30 日 確診 感染 源 尚 待 新北 市 疫 調 厘 清 個案 曾 在 28 日 上午 10 時 到 晚間 20 時 29 日 中午 12 時 30 分至 晚間 22 時 於 新光 三越 a 4 館 2 樓 工作 衛生局 說 工作 場 域 已於 31 日 進行 全館 停業 消毒 並 請 相關 人員 進行 自我 健康 監測</t>
    <phoneticPr fontId="1" type="noConversion"/>
  </si>
  <si>
    <t>搶 完整 接種 az 第二 劑 今 登記 截止 6 qa 必 看</t>
    <phoneticPr fontId="1" type="noConversion"/>
  </si>
  <si>
    <t>第 十 輪 疫苗 意願 登記 今 午 截止 目前 確定 由 az 與 高端 上場 符合 資格 者 為 50 至 64 歲 已 打完 第一 劑 az 滿 10 周 以上 的 民眾 以及 打完 第一 劑 高端滿 4 周者 而 中 時 新聞網 也 整理 出 何時 可 接種 接種 az 和 高端 後 常見 的 副作用 等 常見</t>
    <phoneticPr fontId="1" type="noConversion"/>
  </si>
  <si>
    <t>搶 打 莫德納 殘 劑 醫 搖頭 點 1 關鍵 真 的 要 先 想 清楚</t>
    <phoneticPr fontId="1" type="noConversion"/>
  </si>
  <si>
    <t>大陸 官方 坦承 武漢 重症 8000 多 人 危重症 1600 多 人</t>
    <phoneticPr fontId="1" type="noConversion"/>
  </si>
  <si>
    <t>中國 大陸 消息 稱 國務院 副 秘書長 中央 指導組 成員 丁向陽 20 日 在 武漢 表示 湖北 武漢 疫情 防控 形勢 儘管 有 好 的 跡象 和 積極 變化 但 仍然 十分 嚴峻 從 醫療 救治 上 說 現有 3萬 多 名 患者 在 醫院 救治 其中 重症 患者 8000 多 人 危重</t>
    <phoneticPr fontId="1" type="noConversion"/>
  </si>
  <si>
    <t>人事 大 轉彎 台肥 總 座 黃耀興 接 董座</t>
    <phoneticPr fontId="1" type="noConversion"/>
  </si>
  <si>
    <t>陳添壽 肺炎 改 派 台肥 嫺熟</t>
    <phoneticPr fontId="1" type="noConversion"/>
  </si>
  <si>
    <t>國光 生 技 抗體 疫苗 肺炎 合作</t>
    <phoneticPr fontId="1" type="noConversion"/>
  </si>
  <si>
    <t>校園 雞 只 生病 師生 擔憂 求助 動 保處</t>
    <phoneticPr fontId="1" type="noConversion"/>
  </si>
  <si>
    <t>貢寮 豐 珠 中學 生態 農場 的 蛋雞 接連 暴 斃 死亡 校方 擔心 為 禽流感 通報 新北 市政府 動 保處 立即 趕赴現場 進行 臨床 診斷 與 採樣 送 檢 後 經 畜 衛所 檢驗 後 還好 只是 家禽 傳染性 支氣管炎 動 保處 獸醫 為 雞 只 進行 雙價 活 毒 疫苗 點 眼 補</t>
    <phoneticPr fontId="1" type="noConversion"/>
  </si>
  <si>
    <t>雞 只 家禽 傳染性 支氣管炎 氣管炎</t>
    <phoneticPr fontId="1" type="noConversion"/>
  </si>
  <si>
    <t>江蘇 昨 新增 本土 確診 38 例 南京 1 例 揚州 37 例</t>
    <phoneticPr fontId="1" type="noConversion"/>
  </si>
  <si>
    <t>健康 江蘇 今 12 日 發佈 8 月 11 日 0 24 時 江蘇 新增 本土 確診 病例 38 例 南京市 報告 1 例 揚州市 報告 37 例 15 例 為 輕型 23 例 為 普通型 以上 病例 均 在 定點醫院 隔離 治療 新增 出院 病例 2 例 均 為 本土 確診 病例 7 月 20 日 至</t>
    <phoneticPr fontId="1" type="noConversion"/>
  </si>
  <si>
    <t>發病 前 5 天 傳染 力達 最高峰 張上淳 曝 隱形 患者 案例</t>
    <phoneticPr fontId="1" type="noConversion"/>
  </si>
  <si>
    <t>病毒 量 發病 無 症狀 張上淳 發病 前 5 天</t>
    <phoneticPr fontId="1" type="noConversion"/>
  </si>
  <si>
    <t>莫德納 一 瓶 只 能 打 13 人 莊人祥 醫護 別 自責</t>
    <phoneticPr fontId="1" type="noConversion"/>
  </si>
  <si>
    <t>彰 化 縣 確診 16 例 新增 2 留學生 接觸 親友 多 達 17 人</t>
    <phoneticPr fontId="1" type="noConversion"/>
  </si>
  <si>
    <t>農業 科技 防疫 商 機 閃 金光 瑞基 漲 停</t>
    <phoneticPr fontId="1" type="noConversion"/>
  </si>
  <si>
    <t>連 3 天 零 確診 網 見 一 數字 亢奮 五月 目標 是 它</t>
    <phoneticPr fontId="1" type="noConversion"/>
  </si>
  <si>
    <t>解 隔離 人數 現有 30 國內</t>
    <phoneticPr fontId="1" type="noConversion"/>
  </si>
  <si>
    <t>嘉縣 防疫 升級 要求 公家機關 提供 手部 消毒 液</t>
    <phoneticPr fontId="1" type="noConversion"/>
  </si>
  <si>
    <t>陸疾 控 中心 建議 60 歲 以上 人群 也 可 加強免疫 接種</t>
    <phoneticPr fontId="1" type="noConversion"/>
  </si>
  <si>
    <t>最後 生還 者 2 延後 推出 劇情 外泄 頑皮 狗 崩潰</t>
    <phoneticPr fontId="1" type="noConversion"/>
  </si>
  <si>
    <t>最後 生還 者 ps 4 對 馬戰 鬼 遊戲 科技</t>
    <phoneticPr fontId="1" type="noConversion"/>
  </si>
  <si>
    <t>熱門 族群 外資 點將 半導體 台 積 電 聯發 科 信 驊 入列</t>
    <phoneticPr fontId="1" type="noConversion"/>
  </si>
  <si>
    <t>亞 系 外資 針對 半導體 產業 出具 最新 看法 認為 隨 著 美國 等 解封 在即 液晶電視 筆記型電腦 下半年 需求 也 有 減緩 的 聲音 但 資料 中心 重 啟 建設 伺服器 需求 上升 且 目前 ic 設計 廠 庫存 仍 低 點名 首選 個股 台 積 電 2330 聯發 科 2</t>
    <phoneticPr fontId="1" type="noConversion"/>
  </si>
  <si>
    <t>全聯 補 貨 慘 況 他 一 張 圖 曝光 比 中元節 還 誇張</t>
    <phoneticPr fontId="1" type="noConversion"/>
  </si>
  <si>
    <t>渦扇 18 傳 年內 量 產 運 20 將 換 心</t>
    <phoneticPr fontId="1" type="noConversion"/>
  </si>
  <si>
    <t>為了 加緊 防控 心 冠 肺炎 疫情 解放軍 出動 了 運 20 大力 支援 成為 各方矚目 的 焦點 新浪 軍事網 指出 最近 大 飛機 發動機 終於 傳來 好 消息 第一 款 陸 制 渦扇 18 可能 在 2020 年 量 產 象徵 中方 自製 大 飛機 發動機 開始 進入 實用階段 成</t>
    <phoneticPr fontId="1" type="noConversion"/>
  </si>
  <si>
    <t>為了 加緊 防控 心 冠 肺炎 疫情 解放軍 出動 了 運 20 大力 支援 成為 各方矚目 的 焦點 新浪 軍事網 指出 最近 大 飛機 發動機 終於 傳來 好 消息 第一 款 陸 制 渦扇 18 可能 在 2020 年 量 產 象徵 中方 自製 大 飛機 發動機 開始 進入 實用階段 成都 航空 發動機 2019 年 底 時 透露 一 款 發動機 進入 量 產 關鍵 階段 而 這種 發動機 是 成發 集團 第 一個 量 產 型號 對 空軍 十三五 裝備 發展 目標 至關重要 而 成發 是 渦扇 18 的 研製 單位 這款 發動機 是 俄羅斯 d- 30 kp- 2 渦扇 發動機 的 仿製 型 d- 30 發動機 配備 了 中方 空軍 運 20 大型 運輸機 轟 6 k 與 轟 6 n 戰略 轟炸機 等 多種 飛機 其中 運 20 是 中國空軍 主力 大型 運輸機 而 轟 6 k 和 轟 6 n 則 是 空軍 現役 主力 遠程 轟炸機 如今 渦扇 18 量 產 為 運 20 轟 6 k 與 轟 6 n 加速 生產 清除 了 障礙 力保 中方 空軍 武器 升級換代 此外 2020 年 這個 時間 點 與 中方 引進 d- 30 kp- 2 渦扇 發動機 相 對應 解放軍 是 在 2016 和 2017 年 時 引進 d- 30 kp- 2 發動機 其中 2016 年 時 中方 採購 了 170 具 d- 30 kp- 2 到 了 2017 年 時 又 添 購 了 54 具 而 這些 發動機 都 將 在 2020 年 交付 完畢 按照 俄方 透露 的 合同 內容 顯示 2020 年 時 中方 將 接收 58 具 d- 30 kp- 2 發動機 至於 2021 年 之後 的 發動機 合同 暫時 還 沒 消息 外界 推測 中方 空軍 可能 會 根據 渦扇 18 實際 運用 的 表現 再 決定 是否 繼續 採購 d- 30 kp- 2 要是 渦扇 18 表現出色 或許 不 會 再 買 但 如果 仍 需要 改善 就 會 再 採購 分析 指出 中方 鑒於 航 發 工業 還 在 發展 大 飛機 發動機 領域 基礎 更是 薄弱 因 此 很 有 必要 這麼 做 事實上 當年 發展 大 飛機 發動 機時 相關 部門 也 採取 較 穩妥 的 做法 先 研製 相對 簡單 的 中等 涵道 比 渦扇 發動機 再 研製 大 涵 道 比 渦扇 發動機 也 就 是 先 解決 有無 再 設法 解決 好壞 的 問題 分析 說 渦扇 18 在 2014 年 完成 地面 台 架 和 高空 台 測試 2015 年初 發動機 運 抵 試飛 中心 裝 在 伊爾 76 發動機 空中 試車 台 實際 試飛 經過 一系列 測試 和 評估 渦扇 18 總 算 在 2019 年底 量 產 由於 渦扇 18 是 成發 研製 的 唯一 軍用 發動機 也 是 成 發在 新 世紀 第 一個 量 產 交付 的 型號 具有 舉足輕重 的 地位 因 此 被 稱為 成發 的 生命 工程 不過 考慮 到 用戶 對 渦扇 18 是否 完全 成熟 態度 仍 有 保留 因此 外界 推測 就算 渦扇 18 今年 能量 產 並 交付 運 20 轟 6 k 與 轟 6 n 可能 還 會 繼續 採用 俄 制 發動機 或是 兩者 混用 以免 可靠性 出現 問題 對 飛機 造成 不利 影響 而 一旦 渦扇 18 量 產 意味著 轟 6 k 轟 6 n 戰略 轟炸機 和 運 20 大型 運輸機 也 將 開始 放 量 生產 尤其 是運 20 它 是 中方 空軍 最 亟需 的 機型 甚至 有 消息 說 空軍 可能 以 運 20 為 基礎 將 它 改裝成 空中 加油機 或 預警機 這樣一來 解放軍 對 大型 運輸機 的 需求 將 進一步提高 而 1 架 運 20 就 需要 4 具 發動機 因 此 相關 需求 更 大 也 因此 渦扇 18 量 產 為 轟 6 k 轟 6 n 和 運 20 擴大 生產 清除 了 障礙 不過 分析 指出 d- 30 kp- 2 畢竟 是 蘇聯 70 年代 使用 的 發動機 戰術 技術指標 已經 落後 需要 更新 因此 中方 需要 早日 敲定 渦扇 20 的 設計 儘快 量 產 為 運 20 升級 打基礎</t>
    <phoneticPr fontId="1" type="noConversion"/>
  </si>
  <si>
    <t>神 腦 下半年 手機 買氣 回 溫</t>
    <phoneticPr fontId="1" type="noConversion"/>
  </si>
  <si>
    <t>五大 電信公司 正 加速 5 g 基礎 網路 建設 希望 在 年底 看到 第一 波 4 g 升 5 g 的 換 機 潮 神 腦 國際 表示 真正 帶動 4 g 用戶 升級 使用 5 g 服務 的 時間 點 還 需要 再 花 一點 時間 蘊釀 雖然 下半年 有 機會 看 到 換 機 潮 但 5 g 用戶 及 相關 商機 爆發 成</t>
    <phoneticPr fontId="1" type="noConversion"/>
  </si>
  <si>
    <t>回溫 手機 銷量 版本 肺炎 神 腦 國際</t>
    <phoneticPr fontId="1" type="noConversion"/>
  </si>
  <si>
    <t>網 紅 含羞草 草 爺 爆 10 多 人群 聚 喝 嗨 終於 道歉 鳳梨 直播 尷尬 中 離</t>
    <phoneticPr fontId="1" type="noConversion"/>
  </si>
  <si>
    <t>知名 youtuber 團體 含羞草 日記 的 草 爺 江治緯 被 爆 今 10 日 淩晨 與 鳳梨 吳 泓逸 開 直播 被 線 上 近萬名 網友 發現 草 爺 竟 與 10 多 位 友人 在 室內 喝酒 群 聚 而且 都 沒有 戴 口罩 令 鳳梨 尷尬 退出 直播 稍 早 草 爺 也 在 ig 為 不良 示範</t>
    <phoneticPr fontId="1" type="noConversion"/>
  </si>
  <si>
    <t>若 用 美國 方法 防疫 中 疾 控 陸 單日 確診 將 超過 63萬 例</t>
    <phoneticPr fontId="1" type="noConversion"/>
  </si>
  <si>
    <t>中國疾控中心 官方網站 週三 發表 一 篇 週報 評估 如果 中國 採取 外國 的 防疫 策略 每日 新增 確診 可能 達到 數 十萬 例 其中 如果 採用 美國 防疫 中國 每日 新增 將 超 63萬 例 文末 提到 世界 上 許多 國家 都因 過於自信 地 以為 病毒 傳染 力 會</t>
    <phoneticPr fontId="1" type="noConversion"/>
  </si>
  <si>
    <t>劉真 喪禮 以 佛教 儀式 進行 為 防疫 追思 靈堂 采 分批 分流 方式 弔唁</t>
    <phoneticPr fontId="1" type="noConversion"/>
  </si>
  <si>
    <t>劉真 22 日 晚間 22 時 病逝 臺北 榮總 她 的 追思 靈堂 設 在 龍 巖 會館 25 日 下午 14 時 22 分 開放 弔唁 喪禮會 以 佛教 儀式 進行 24 日 早上 大批 媒體 守 在 劉 真的 追思 靈堂 外頭 目前 未 見 辛龍 及 劉家人 的 蹤跡 據悉 辛龍 今 強忍 悲傷 為 愛</t>
    <phoneticPr fontId="1" type="noConversion"/>
  </si>
  <si>
    <t>劉真 22 日 晚間 22 時 病逝 臺北 榮總 她 的 追思 靈堂 設 在 龍 巖 會館 25 日 下午 14 時 22 分 開放 弔唁 喪禮會 以 佛教 儀式 進行 24 日 早上 大批 媒體 守 在 劉 真的 追思 靈堂 外頭 目前 未 見 辛龍 及 劉家人 的 蹤跡 據悉 辛龍 今 強忍 悲傷 為 愛妻 挑選 塔 位 龍 巖 會館 早上 8 點 多 表示 今日 靈堂 尚未 佈置 完成 請 媒體 朋友 不必 到 現場 等 侯 明天 下午 於 2 22 開放 粉絲 朋友 弔唁 現場 將 采 分批 分流 方式 避免 群 聚 進入 會場 需 配戴 口罩 量 測體溫 並用 酒精 消毒 雙手 一起 做好 防疫 謝謝 大家 而 劉 真的 追思會 將 在 4 月 22 日 舉行 屆時 會 在 寒舍 艾美酒店 舉行 吳宗憲 23 日 也 表示 到時 辛龍 心情 較為 平靜 會 與 大家 分享 陪伴 愛妻 劉真 走 完 生命 最後 一段路 的 點滴</t>
    <phoneticPr fontId="1" type="noConversion"/>
  </si>
  <si>
    <t>劉真 靈堂 辛 龍 龍 巖 佛教</t>
    <phoneticPr fontId="1" type="noConversion"/>
  </si>
  <si>
    <t>nba 疫情 影響 無限期 停賽 國際 球員 無法 離 美</t>
    <phoneticPr fontId="1" type="noConversion"/>
  </si>
  <si>
    <t>nba聯盟 昨日 向 30 支 球隊 發出 通告 賽季 停 擺 期間 球員 可以 離 球隊 所在 的 城市 但 必須 事先 獲得 球 團 的 同意 並且 提供 每日 行程 在 與 任何人 接觸 前 都 要 保持 距離 然而 聯盟 這項 決定 卻 沒有 包含 各隊 的 國際 球員 因為 這些 球員 目</t>
    <phoneticPr fontId="1" type="noConversion"/>
  </si>
  <si>
    <t>女 公關 確診 男客 挫 咧 等 醫 掲 親密 行 為 易中 鏢 原因</t>
    <phoneticPr fontId="1" type="noConversion"/>
  </si>
  <si>
    <t>通信網 路 統 振 11 月 營 收 雙增 站 回 3億 大關</t>
    <phoneticPr fontId="1" type="noConversion"/>
  </si>
  <si>
    <t>林智堅 視察 長 照 機構 再 配給 口罩 予 95 處 據點</t>
    <phoneticPr fontId="1" type="noConversion"/>
  </si>
  <si>
    <t>宜縣 關懷 據點 恢復 相關 活動</t>
    <phoneticPr fontId="1" type="noConversion"/>
  </si>
  <si>
    <t>肺炎 社區 照顧 關懷 據點 活動 關懷 據點 社區</t>
    <phoneticPr fontId="1" type="noConversion"/>
  </si>
  <si>
    <t>台增 23 例 連 創 新高 確診 達 百 人</t>
    <phoneticPr fontId="1" type="noConversion"/>
  </si>
  <si>
    <t>采 檢 肺炎 男子 多 歲 症狀</t>
    <phoneticPr fontId="1" type="noConversion"/>
  </si>
  <si>
    <t>大甲 媽 繞 境 規模 縮水 顏清標 歎 還 沒辦 被 罵 得 要死</t>
    <phoneticPr fontId="1" type="noConversion"/>
  </si>
  <si>
    <t>大甲 媽 繞 境 首度 遇上 疫情 攪局 輿論 多 建議 停辦 鎮 瀾 宮臉書 粉絲 頁 也 湧入 網友 留言 一面倒 支持 停辦 媒體 對 此 詢問 顏清標 他 四兩 撥 千金 回應 你們 自己 討論 就 好 了 不要 政治化 媽祖 是 大家 的 不是 董監事 的 不 要 一竿子打</t>
    <phoneticPr fontId="1" type="noConversion"/>
  </si>
  <si>
    <t>新北 加強 稽查 傳統 市場 10 處 自主 休 市 16 處 觀察 中</t>
    <phoneticPr fontId="1" type="noConversion"/>
  </si>
  <si>
    <t>新北 市長 侯友宜 今 6 日 主持 防疫 會議 記者會 表示 端午節 將 至 上周 起 即 要求 自治 會 配合 管控 所 至 6 月 5 日 已 開出 325 張 稽查 單 動員 3600 人次 端午節 前 加強 稽查 侯友宜 說 今天 看起來 確診 個案 有 下降 但 沒有 大幅 下降 還</t>
    <phoneticPr fontId="1" type="noConversion"/>
  </si>
  <si>
    <t>動員 市場 端午節 侯友宜 稽查</t>
    <phoneticPr fontId="1" type="noConversion"/>
  </si>
  <si>
    <t>政府 西班牙 泰 隆尼亞 加泰隆 尼亞 今天</t>
    <phoneticPr fontId="1" type="noConversion"/>
  </si>
  <si>
    <t>傳 產 無畏 疫情 臺北 桃園 台中 2 月 房市 交易量 增</t>
    <phoneticPr fontId="1" type="noConversion"/>
  </si>
  <si>
    <t>買賣 移 轉 臺北 桃園 台中 台南</t>
    <phoneticPr fontId="1" type="noConversion"/>
  </si>
  <si>
    <t>桃 長青 學 苑 暫緩 身 障 證明人 團 改選 可 延期</t>
    <phoneticPr fontId="1" type="noConversion"/>
  </si>
  <si>
    <t>無 症狀 確診 者 解隔 後 再 居家 隔離 勞動部 可 請 防疫 隔離 假</t>
    <phoneticPr fontId="1" type="noConversion"/>
  </si>
  <si>
    <t>子 瑜 居家 檢疫 最愛 做 2 件 事 媽媽 曝 其 捐款 中韓 真相</t>
    <phoneticPr fontId="1" type="noConversion"/>
  </si>
  <si>
    <t>智飛 疫苗 完成 三期 打 3 劑 保護 力逾 8 成</t>
    <phoneticPr fontId="1" type="noConversion"/>
  </si>
  <si>
    <t>保護 力 疫苗 病毒 肺炎 效力</t>
    <phoneticPr fontId="1" type="noConversion"/>
  </si>
  <si>
    <t>加工 處 挺 就業 戶外 征 才 242 個 職 缺</t>
    <phoneticPr fontId="1" type="noConversion"/>
  </si>
  <si>
    <t>光 頡 華新 征 才 職 缺 園區</t>
    <phoneticPr fontId="1" type="noConversion"/>
  </si>
  <si>
    <t>本 周 星座 雙魚 有 貴人 扶持 肺炎 疫情 將 有 好 消息</t>
    <phoneticPr fontId="1" type="noConversion"/>
  </si>
  <si>
    <t>雙魚 貴人 走 旺 最旺 星座 專家</t>
    <phoneticPr fontId="1" type="noConversion"/>
  </si>
  <si>
    <t>轉投資 損失 華新 去年 eps 0 95 元 四 年 新低</t>
    <phoneticPr fontId="1" type="noConversion"/>
  </si>
  <si>
    <t>鎳 生鐵 穩定 銷售 鏽 鋼 投資</t>
    <phoneticPr fontId="1" type="noConversion"/>
  </si>
  <si>
    <t>罷 韓立委 3 q 哥 陳柏惟 邀 港人 來 台 當兵 網友 轟 誰 選 出來 的</t>
    <phoneticPr fontId="1" type="noConversion"/>
  </si>
  <si>
    <t>臺灣 基 進 立 委 3 q 哥 陳柏惟 今 24 日 在 立院 質詢 行政院長 蘇貞昌 時 指出 我們 邀請 香港 人 來 臺灣 當兵 有 三 個 好處 第一 他 比 我們 年輕 第二 他 比 我們 更 討厭 大陸 第 三 可以 增加 我們 勞工 人數 可否 考慮 這 件 事情 陳</t>
    <phoneticPr fontId="1" type="noConversion"/>
  </si>
  <si>
    <t>當兵 香港 人 陳柏惟 3 q 哥 蘇貞昌</t>
    <phoneticPr fontId="1" type="noConversion"/>
  </si>
  <si>
    <t>10 元 口罩 月 賣 21萬 片 藥師 送 辦</t>
    <phoneticPr fontId="1" type="noConversion"/>
  </si>
  <si>
    <t>高雄市 左營某 藥局 遭 檢舉 對外 以 每 片 10 元 高價 銷售 醫用 及 外科 口罩 1 個 月 就 賣 出 21萬 多 片 獲利 數 十萬 疑 涉 哄抬 價格 及 囤積 防疫 物資 調查局 日前 約 談 藥局 負責人 林姓 藥師 已 依 違反 傳染病 防治法 嚴重 特殊 傳染性 肺</t>
    <phoneticPr fontId="1" type="noConversion"/>
  </si>
  <si>
    <t>口罩 肺炎 防疫 物資 左營 醫用 口罩</t>
    <phoneticPr fontId="1" type="noConversion"/>
  </si>
  <si>
    <t>nba 遭 歧視 籃 網 前鋒 控訴 被 擋 門外</t>
    <phoneticPr fontId="1" type="noConversion"/>
  </si>
  <si>
    <t>籃 網 nba 威爾森錢德勒 杜蘭特 確診</t>
    <phoneticPr fontId="1" type="noConversion"/>
  </si>
  <si>
    <t>臺北往返杜拜航班　阿聯酋明起暫時停飛</t>
    <phoneticPr fontId="1" type="noConversion"/>
  </si>
  <si>
    <t>臺北 往返 杜拜 航班 阿聯酋 明起 暫時 停 飛</t>
    <phoneticPr fontId="1" type="noConversion"/>
  </si>
  <si>
    <t>2 劑 莫德納 只 排 第二 醫 曝 疫苗 保護 力最強 組合 是 它</t>
    <phoneticPr fontId="1" type="noConversion"/>
  </si>
  <si>
    <t>莫德納 az 混打 兩劑 疫苗 保護 力</t>
    <phoneticPr fontId="1" type="noConversion"/>
  </si>
  <si>
    <t>磨刀霍霍！川普下周公佈砍WHO經費 傳考慮「另起爐灶」</t>
    <phoneticPr fontId="1" type="noConversion"/>
  </si>
  <si>
    <t>磨刀霍霍 川普 下 周 公佈 砍 who 經費 傳 考慮 另起爐灶</t>
    <phoneticPr fontId="1" type="noConversion"/>
  </si>
  <si>
    <t>搶攻 國旅 市場 高雄 旅行社 送客 到 花蓮 澎 湖</t>
    <phoneticPr fontId="1" type="noConversion"/>
  </si>
  <si>
    <t>和 碩 1 員工 采 檢 陽性 公司 緊急 大 消毒 分流 上班</t>
    <phoneticPr fontId="1" type="noConversion"/>
  </si>
  <si>
    <t>疫情 趨 緩 後 夏春湧 預言 蔡 政府 將 面對 這項 難題</t>
    <phoneticPr fontId="1" type="noConversion"/>
  </si>
  <si>
    <t>垃圾 有 專人 倒 隔離 期滿 夫妻 居家 14 天 生活 曝光</t>
    <phoneticPr fontId="1" type="noConversion"/>
  </si>
  <si>
    <t>大陸 國家 衛健 委 本輪 疫情 已 波及 11 省 擴散 風險 加大</t>
    <phoneticPr fontId="1" type="noConversion"/>
  </si>
  <si>
    <t>大陸 國家 衛健 委 新聞 發言人 米鋒 24 日 在 國務院 聯防 聯控 機制 新聞 發佈會 上 表示 當前 國外 疫情 持續 蔓延 加上 季節 因素 容易 引發 疫情 傳播 擴散 10 月 17 日 以來 大陸 出現 多 點 散發 本土 疫情 呈 快速 發展 態勢 一 周 之內 已 波及</t>
    <phoneticPr fontId="1" type="noConversion"/>
  </si>
  <si>
    <t>貴婦 拒繳 居 檢 10萬 罰金 逃 中國 天母 1800萬 豪 宅 遭 查封</t>
    <phoneticPr fontId="1" type="noConversion"/>
  </si>
  <si>
    <t>查封 居家 檢疫 居家 隔離 防疫 罰金</t>
    <phoneticPr fontId="1" type="noConversion"/>
  </si>
  <si>
    <t>產經 解析 後 防疫 時代 的 中 美 投資 新 契機</t>
    <phoneticPr fontId="1" type="noConversion"/>
  </si>
  <si>
    <t>資本 美國 中國 肺炎 機會</t>
    <phoneticPr fontId="1" type="noConversion"/>
  </si>
  <si>
    <t>口罩 戴 好 別 亂 丟 今 起 8 大類 場所 沒 戴 恐 噴 15000 元</t>
    <phoneticPr fontId="1" type="noConversion"/>
  </si>
  <si>
    <t>與確診者同框 歐盟執委會主席宣佈自我隔離</t>
    <phoneticPr fontId="1" type="noConversion"/>
  </si>
  <si>
    <t>與 確診 者 同 框 歐盟 執委會 主席 宣佈 自我 隔離</t>
    <phoneticPr fontId="1" type="noConversion"/>
  </si>
  <si>
    <t>金門 設立 計程車 消毒站 第一線 防疫 再 升級</t>
    <phoneticPr fontId="1" type="noConversion"/>
  </si>
  <si>
    <t>消毒 計程車 遊覽車 肺炎 金門</t>
    <phoneticPr fontId="1" type="noConversion"/>
  </si>
  <si>
    <t>疫情 打亂 計畫 傳 蘋果 供應 鏈 趕 工 生產 iphone se 2</t>
    <phoneticPr fontId="1" type="noConversion"/>
  </si>
  <si>
    <t>金門 校園 防疫 升級 5 大 措施 全面 戒備</t>
    <phoneticPr fontId="1" type="noConversion"/>
  </si>
  <si>
    <t>臺灣 疫情 迅速 擴大 金門 防疫 全面 超前 部署 縣府 今天 再 敲 定 5 大 因應 措施 進一步 強化 校園 防疫 即 起 持續 進行 至 6 月 8 日 確保 師生 的 健康 縣府 教育處 擬訂 的 5 大 防疫 措施 如下 一 禁止 校外 人士 進入 校園 含 周 間 與 週末</t>
    <phoneticPr fontId="1" type="noConversion"/>
  </si>
  <si>
    <t>臺灣 疫情 迅速 擴大 金門 防疫 全面 超前 部署 縣府 今天 再 敲 定 5 大 因應 措施 進一步 強化 校園 防疫 即 起 持續 進行 至 6 月 8 日 確保 師生 的 健康 縣府 教育處 擬訂 的 5 大 防疫 措施 如下 一 禁止 校外 人士 進入 校園 含 周 間 與 週末 洽 公 人員 由 學校 造冊 量 體溫 戴 口罩 家長 接送 以至 校門 口 為 原則 二 縣 立 各級 學校 室內 體育場館 及 游泳池 不 對外開放 三 全面禁止 學校 各項 赴 台 活動 競賽 四 暫停 臺灣 相關 學校 團體 來 金進行 校際 交流 五 各 校 畢業典禮 縮 小規模 避免 群 聚 遵守 防疫 規範 如 疫情 持續 擴大 將 改 采 線 上 辦理</t>
    <phoneticPr fontId="1" type="noConversion"/>
  </si>
  <si>
    <t>基隆 增 1 例 死亡 個案 累計 15 名 養護 機構 住 民 病逝</t>
    <phoneticPr fontId="1" type="noConversion"/>
  </si>
  <si>
    <t>2 公尺 還 不夠 滑 流 作用 讓 病毒 飛 更 遠 模擬 圖 秒 看 懂</t>
    <phoneticPr fontId="1" type="noConversion"/>
  </si>
  <si>
    <t>雖然 宅 在家 減少 出門 最 能 達到 防疫 效果 但是 天氣 不錯 的 時候 總 還 是 會 想要 出門 走走 到 戶外 空曠 處 騎單車 跑步 總比 在 街上 走路 好多 了 吧 一 項 非正式 研究 提出 觀察 看法 建議 民眾 在 運動 時 也 該 保持 適當 的 安全 距離</t>
    <phoneticPr fontId="1" type="noConversion"/>
  </si>
  <si>
    <t>疫情 燒 不止 英相 強生 入院 仍 能 視事</t>
    <phoneticPr fontId="1" type="noConversion"/>
  </si>
  <si>
    <t>基金 肺炎 英國 億 英鎊 規模</t>
    <phoneticPr fontId="1" type="noConversion"/>
  </si>
  <si>
    <t>美利達 瑪姬斯 單車</t>
    <phoneticPr fontId="1" type="noConversion"/>
  </si>
  <si>
    <t>蝙蝠 俠 躲 肺炎 停工 巨石 強 森 新片 也 喊 卡</t>
    <phoneticPr fontId="1" type="noConversion"/>
  </si>
  <si>
    <t>停 拍 肺炎 洛基 劇組 全數</t>
    <phoneticPr fontId="1" type="noConversion"/>
  </si>
  <si>
    <t>全球 僅 6 國 沒 停課 台 也 在 其中 網 驚 不敢相信</t>
    <phoneticPr fontId="1" type="noConversion"/>
  </si>
  <si>
    <t>蔡英文 曝光 陳時中 辦公室 網友 看 完 哭 了</t>
    <phoneticPr fontId="1" type="noConversion"/>
  </si>
  <si>
    <t>az 接種 極 罕見 不良反應 gbs 急性 多發性 神經炎</t>
    <phoneticPr fontId="1" type="noConversion"/>
  </si>
  <si>
    <t>檢驗 量 能 擴大 至 近 4 8萬 件 量 能 全開 每日 可 驗 8萬 件</t>
    <phoneticPr fontId="1" type="noConversion"/>
  </si>
  <si>
    <t>工商 社論 全球 疫情 肆虐 下 的 新 台幣 匯率 展望</t>
    <phoneticPr fontId="1" type="noConversion"/>
  </si>
  <si>
    <t>央行 降息 新 台幣 對 美元匯率 貨幣</t>
    <phoneticPr fontId="1" type="noConversion"/>
  </si>
  <si>
    <t>何時 可 打到 莫德納 陳時中 吐 五 字 真心話</t>
    <phoneticPr fontId="1" type="noConversion"/>
  </si>
  <si>
    <t>mlb 洋基 首日 非正式 春 訓 教練 直言 超 怪</t>
    <phoneticPr fontId="1" type="noConversion"/>
  </si>
  <si>
    <t>日 感染者 出院 後 嗅覺 未 能 完全恢復</t>
    <phoneticPr fontId="1" type="noConversion"/>
  </si>
  <si>
    <t>台 確診 32 人 喪失 嗅 味覺 醫 永久性 傷害</t>
    <phoneticPr fontId="1" type="noConversion"/>
  </si>
  <si>
    <t>川普 防疫 秘方 拼命 洗手 別碰 扶手</t>
    <phoneticPr fontId="1" type="noConversion"/>
  </si>
  <si>
    <t>洗手 美國 川普 肺炎 抱怨</t>
    <phoneticPr fontId="1" type="noConversion"/>
  </si>
  <si>
    <t>女星 赴 日 滑雪 用 中文 溝通 曝 日本 人 直覺反應 超 傷人</t>
    <phoneticPr fontId="1" type="noConversion"/>
  </si>
  <si>
    <t>開學 抗 疫情 平鎮 警民 合作 助 防疫</t>
    <phoneticPr fontId="1" type="noConversion"/>
  </si>
  <si>
    <t>雲縣 工藝師 鼠年 創作 邀 民眾 賞藝 抗 疫</t>
    <phoneticPr fontId="1" type="noConversion"/>
  </si>
  <si>
    <t>磐石 艦 5 發燒 官兵 驗 出 3 人 有 抗體 疑 上 船 前 就 感染</t>
    <phoneticPr fontId="1" type="noConversion"/>
  </si>
  <si>
    <t>中 市 9 日 起 搭 大眾 運輸 不 戴 口罩 最高 罰 1 5萬 元</t>
    <phoneticPr fontId="1" type="noConversion"/>
  </si>
  <si>
    <t>疫情 嚴峻 台中 市長 盧秀燕 7 日 宣佈 從 9 日 開始 市府 就 會 要求 市民 朋友 或者 是 遊客 搭乘 大眾 運輸系統 的 時候 要 強制 戴 口罩 乘客 如果 不 戴 口罩 會 先行 勸導 勸導 不 聽 即 開 罰 3000 元 到 1萬5000 元 盧秀燕 今日 上午 在 市政</t>
    <phoneticPr fontId="1" type="noConversion"/>
  </si>
  <si>
    <t>中職 帶 旺 運 彩 英國 也 開盤</t>
    <phoneticPr fontId="1" type="noConversion"/>
  </si>
  <si>
    <t>肺炎 賠 率 總分 中職 賽事</t>
    <phoneticPr fontId="1" type="noConversion"/>
  </si>
  <si>
    <t>日 買超 缺口 肺炎 強者 恒 強 台積電</t>
    <phoneticPr fontId="1" type="noConversion"/>
  </si>
  <si>
    <t>加州 加速 解 封重啟 經濟 美 媒 用 生命 搏 自由</t>
    <phoneticPr fontId="1" type="noConversion"/>
  </si>
  <si>
    <t>加州 州長 紐森 週二 將 宣佈 加速 解除 防疫 封鎖 在 開放 零售 製造 物流 與 休閒 公共場所 後 再 新增 餐廳 開放 現場 用餐 已 長 時間 封鎖 的 民眾 開始 逐步 恢復正常 生活 洛杉磯 民眾 更 早於 週末 就 按 耐不住 湧上 街頭 表達 對 自由 嚮往</t>
    <phoneticPr fontId="1" type="noConversion"/>
  </si>
  <si>
    <t>最 精彩 的 隔離 日記 白靈 貼 窗 曬太陽 大 泄 春光</t>
    <phoneticPr fontId="1" type="noConversion"/>
  </si>
  <si>
    <t>華裔 女星 白靈 在 墮胎 師 中 深刻 詮釋 遊 走 法律 邊緣 的 墮胎 手 以 此片 入圍 第 57 屆 金馬獎 最佳 女 主角獎 定居 洛杉磯 的 她 將 出席 金馬 頒獎典禮 盛會 因此 早早 來 台 要 先 挺 過 隔離 這一關 對 個性 活潑 大膽 愛 熱鬧 的 白靈 來說</t>
    <phoneticPr fontId="1" type="noConversion"/>
  </si>
  <si>
    <t>華裔 女星 白靈 在 墮胎 師 中 深刻 詮釋 遊 走 法律 邊緣 的 墮胎 手 以 此片 入圍 第 57 屆 金馬獎 最佳 女 主角獎 定居 洛杉磯 的 她 將 出席 金馬 頒獎典禮 盛會 因此 早早 來 台 要 先 挺 過 隔離 這一關 對 個性 活潑 大膽 愛 熱鬧 的 白靈 來說 被 關住 是 頗 辛苦 的 事情 因此 她 開始 在 社 群 更新 隔離 日記 如今 已 進入 第 4 天 只能 說 天天 都 是 活色生香 堪稱 最 好看 的 隔離 日記 白靈為 參加 本屆 金馬獎 頒獎典禮 先行 來 台 接受 隔離 如今已是 第 4 天 但 她 表示 已 完全 不 清楚 到 了 第 幾 天 因為 已 完全 失去 時間 概念 很 快 地 我 就 忘 了 我 叫 什麼 名字 了 吧 或是 忘 了 我 為什麼 在 這家 酒店 待 這麼久 的 時間 她 隨 文 附上 今天 的 照片 穿 著 桃 紅色 半截 小 背心 搭配 同色系 印花 瑜 珈 褲 的 她 在 大大的 落地窗 前 或 盤腿 或 擺 pose 享受 晴朗 的 陽光 但 比起 豔陽 她 胸前 激 凸 大 泄 春光 反倒 吸睛 白靈 說 今天 非常 美好 因此 分享 三 張 自己 從 房間 俯瞰 臺北市 的 美麗 照片 我 在 21 樓 幾乎 能 看到 整個 城市 車水馬龍 交通 相當 繁忙 但 白靈 覺得 如果 日日夜夜 看 著 這 景致 也 會 變 得 一般 如今 覺得 又 熱 又 缺乏 新鮮空氣 臺北 仍 處於 夏天 如果 我 能 跳出 窗外 乘 著 空氣 去 擁擠 的 北市 美食 廣場 吃 點 臺灣 小吃 就 太 美好 了 可惜 玻璃 太 厚 我 也 不 想 打破 啦 從 窗臺 往 下 看 還 是 很 嚇人 的 不能 出 門 的 白靈 只能 想像 自己 到 沙灘 踏 浪 呼吸 新鮮空氣 很 想 開開 窗戶 好 想 週末 走 在 臺北 當地 小巷 弄 吃 小吃 而 不是 獨自 待 在 飯店 房間 還 說 員警 每天 都 會 打 給 她 但 她 又 不能 見到 對方 也 見 不 到 問 她 體溫 送 餐 的 這些 每天 跟 她 交談 的 人 而 平時 的 週末 她 大多 會 跟 朋友 出門 吃飯 或 看場 電影 如今 只能 撒嬌 跟 粉絲 說 今天 是 週末 你 能來 帶 我 出去 走走 嗎 而 本 日 隔離 日記 最後 白靈 分享 了 內心 感受 生活 是 個 禮物 可能 的話 盡情 享受 它 吧 因為 失去 它 時 你會 很 想念 沒什麼 比 自由 行走 與 呼吸 新鮮空氣 來得 重要 了</t>
    <phoneticPr fontId="1" type="noConversion"/>
  </si>
  <si>
    <t>通信網 路 捲入 友訊 經營權 風暴 佳 世 達 溢 價 收購 明 泰漲 停</t>
    <phoneticPr fontId="1" type="noConversion"/>
  </si>
  <si>
    <t>佳 世 達 明泰 友訊 無線 寬 頻 網路 仲琦</t>
    <phoneticPr fontId="1" type="noConversion"/>
  </si>
  <si>
    <t>配合 防疫 新北 市 休閒 農場 暫停營業</t>
    <phoneticPr fontId="1" type="noConversion"/>
  </si>
  <si>
    <t>休閒 農場 農業局 新北 市 業者 休閒 農業</t>
    <phoneticPr fontId="1" type="noConversion"/>
  </si>
  <si>
    <t>臺灣 單周 3 度 零 確診 更 擔憂 楊志良 未來 很 不 樂觀</t>
    <phoneticPr fontId="1" type="noConversion"/>
  </si>
  <si>
    <t>楊志良 大陸 臺灣 恢復 疫情</t>
    <phoneticPr fontId="1" type="noConversion"/>
  </si>
  <si>
    <t>王文彥 肺炎 天 前 桃園 醫院 小 紅包</t>
    <phoneticPr fontId="1" type="noConversion"/>
  </si>
  <si>
    <t>李富城 怒 還要 死 多少 人 政府 才會 給 疫苗</t>
    <phoneticPr fontId="1" type="noConversion"/>
  </si>
  <si>
    <t>業績 光電 大 立 光 3 月 拉 貨 動能 比 2 月 好 是否 修正 待 觀察</t>
    <phoneticPr fontId="1" type="noConversion"/>
  </si>
  <si>
    <t>社論 別 糟蹋 了 陳時中</t>
    <phoneticPr fontId="1" type="noConversion"/>
  </si>
  <si>
    <t>幾 番 論辯 再 幾 番 互 踢皮球 大甲鎮 瀾 宮 終於 決定 延期 舉行 媽祖 繞 境 進香 活動 就 防疫 角度看 這 是 應當 之舉 相信 媽祖 也 不 希望 信徒 冒 生命危險 進香 並且 把 危險 散播 給 更 多 人 問題 是 如此 簡單 明白 的 一 件 事 蔡 政府 卻 不敢 出</t>
    <phoneticPr fontId="1" type="noConversion"/>
  </si>
  <si>
    <t>決策 陳時中 政治 肺炎 繞 境</t>
    <phoneticPr fontId="1" type="noConversion"/>
  </si>
  <si>
    <t>10 月 5 日 至 10 月 18 日 維持 疫情 警戒 標準 為 第二 級</t>
    <phoneticPr fontId="1" type="noConversion"/>
  </si>
  <si>
    <t>名導金吉德染新冠肺炎59歲辭世</t>
    <phoneticPr fontId="1" type="noConversion"/>
  </si>
  <si>
    <t>肺炎 名導 拍攝 韓國 金吉德</t>
    <phoneticPr fontId="1" type="noConversion"/>
  </si>
  <si>
    <t>中美關係 降到 冰點 外患 新 冷戰 儼然 成形</t>
    <phoneticPr fontId="1" type="noConversion"/>
  </si>
  <si>
    <t>斷 鏈 中 美 新 冷戰 美國 成形</t>
    <phoneticPr fontId="1" type="noConversion"/>
  </si>
  <si>
    <t>全台 首 座 金門 機場 增置 智慧 清 消 門 自 動量 溫 殺菌</t>
    <phoneticPr fontId="1" type="noConversion"/>
  </si>
  <si>
    <t>金門 縣府 在 尚義 機場 建置 的 快 篩 站 昨天 因 中央 撤銷 快 篩 令 公告 遭到 拆除 但 縣府 今天下午 馬上 架設 全國 機場 首 座 可 自動 對 到站 旅客量 測 額 溫和 全面 性 消 殺 病菌 的 智慧 安全 防疫 門 清 消 門 楊鎮 浯 縣長 強調 防疫 工作</t>
    <phoneticPr fontId="1" type="noConversion"/>
  </si>
  <si>
    <t>南 投 縣 查獲 8 家 夾 娃娃 機 違規 營業 最高 可 罰 30萬</t>
    <phoneticPr fontId="1" type="noConversion"/>
  </si>
  <si>
    <t>新型 冠狀 肺炎 疫情 升溫 南 投 縣政府 公告 自助 選 物 販賣機 店 夾 娃娃 機 暫停營業 至 5 月 28 日 仍 有 許多 業者 繼續 插 電 營業 南 投 警 分局 配合 防疫 政策 查獲 7 家 埔裡 警 分局 查獲 1 家 依 傳染病 防治法 移交 主管機關 裁 罰</t>
    <phoneticPr fontId="1" type="noConversion"/>
  </si>
  <si>
    <t>老人 不 想 打 就 別 擋路 醫 罕見 說 重話 有 這種 心態 談 什麼 解封</t>
    <phoneticPr fontId="1" type="noConversion"/>
  </si>
  <si>
    <t>老人 年輕人 擋路 接種 疫苗</t>
    <phoneticPr fontId="1" type="noConversion"/>
  </si>
  <si>
    <t>電通 集團 ceo 唐 心慧 新書 發表</t>
    <phoneticPr fontId="1" type="noConversion"/>
  </si>
  <si>
    <t>作為 一 位 成就 非凡 的 女性 領導者 同時 還 必須 扮演 好 母親 妻子 女兒 與 媳婦 等 角色 電通 行銷 傳播 集團 臺灣 執行長 唐 心慧 jennifer tang 在 出版 了 人生 我 選擇 以上 皆 是 的 第一 本 暢銷書 之後 最新 著作 人生 有 所謂</t>
    <phoneticPr fontId="1" type="noConversion"/>
  </si>
  <si>
    <t>無所 畏 父親 唐 心慧 決斷 選擇</t>
    <phoneticPr fontId="1" type="noConversion"/>
  </si>
  <si>
    <t>醫護 遭 砍 成 重傷 賴清德 拜 讬 給 醫護 多 點 溫暖 不 要 讓 彼此 成為 敵人</t>
    <phoneticPr fontId="1" type="noConversion"/>
  </si>
  <si>
    <t>新北 增 6 例 3 例 在 永和 衛生局 與 先前 永和社區 感染 無關</t>
    <phoneticPr fontId="1" type="noConversion"/>
  </si>
  <si>
    <t>新北 市 16 日 新增 6 例 確診 個案 因 有 3 例 是 永和 外界 擔心 是否 跟 先前 永和 某 社區 大樓 5 例 確診 有關 新北 市 衛生局長 陳 潤 秋 表示 根據 疫 調 沒 關聯 這次 主要 家族 8 名 人員 跟 2 名 朋友 到 花蓮 旅遊 他們 自己 開車 入住 民 宿 有 同 車</t>
    <phoneticPr fontId="1" type="noConversion"/>
  </si>
  <si>
    <t>北市 永和 例 確診 新北 陳潤秋</t>
    <phoneticPr fontId="1" type="noConversion"/>
  </si>
  <si>
    <t>蔡英文 見 工商 團體 會 允 解決 缺 電 疫苗 問題</t>
    <phoneticPr fontId="1" type="noConversion"/>
  </si>
  <si>
    <t>蔡英文 今日 在 官邸 接見 包括 工 總 理事長 王文淵 三三 會 理事長 許勝雄 工商 協進會 理事長 林伯豐 臺灣 商業 聯合 總會 理事長 張平沼 商總 主席 賴正鎰 工業區 廠商 聯合 總會 榮譽 理事長 秦嘉鴻 等 工商 團體 負責人 就 疫苗 紓困 以及 缺</t>
    <phoneticPr fontId="1" type="noConversion"/>
  </si>
  <si>
    <t>生 策 會 三大 因應 策略 減緩 醫護 壓力 減少 國人 恐慌</t>
    <phoneticPr fontId="1" type="noConversion"/>
  </si>
  <si>
    <t>三 名 共和黨 參議員 確診 參院 停 擺 美 新 紓困 案 短期 難 通過</t>
    <phoneticPr fontId="1" type="noConversion"/>
  </si>
  <si>
    <t>雖然 美國眾議院 議長 裴洛西 上周 與 財長 穆努欽 密集 談判 力爭 新 紓困 案 能 早日 通過 但 鑒於 近來 已 有 三 名 共和黨 參議員 確診 參議院 多數 党 領袖 麥康納 mitch mcconnell 上週末 已 宣佈 參議院 將 暫停 立法 工作 直到 19 日 這 也 意</t>
    <phoneticPr fontId="1" type="noConversion"/>
  </si>
  <si>
    <t>共和黨 參議員 參議院 三 名 民主黨 新 紓困 案</t>
    <phoneticPr fontId="1" type="noConversion"/>
  </si>
  <si>
    <t>賭場 藏身 新 店 三合院 逮 30 名 賭客 查獲 44萬 賭 資</t>
    <phoneticPr fontId="1" type="noConversion"/>
  </si>
  <si>
    <t>新北 市 新 店 警 分局 獲 報 新 店 區 安豐路 某 老 舊 三合院 內藏 有 職業 賭場 警方 跟 監 多時 於今 14 日 淩晨 1 時許 前往 取締 當場 逮捕 61 歲 張姓 負責人 及 44 歲 周姓 發 牌 員 賭客 共 33 人 查獲 抽頭 金 3800 元 賭 資 44萬2600 元 等 證物 警</t>
    <phoneticPr fontId="1" type="noConversion"/>
  </si>
  <si>
    <t>新 店 賭客 警方 賭博 賭場</t>
    <phoneticPr fontId="1" type="noConversion"/>
  </si>
  <si>
    <t>談 防疫 融資 華銀 主動出擊 紓困 廠商</t>
    <phoneticPr fontId="1" type="noConversion"/>
  </si>
  <si>
    <t>香港 華銀 大陸 營運 肺炎</t>
    <phoneticPr fontId="1" type="noConversion"/>
  </si>
  <si>
    <t>防疫 不分 你 我 他 警 友站 熱心 捐贈 防疫 面罩</t>
    <phoneticPr fontId="1" type="noConversion"/>
  </si>
  <si>
    <t>疫情 升溫 更 見 善心 台中市政府 警察局 第 四 分局 黎明 警 友 站長 陳蓀裕 亦 是 目前 惠蓀 開發 建設 及 小 王子 教育 事業 等 公司 負責人 有感于 員警 人員 身處 防疫 最 前線 為 守護 全民 杜絕 疫情 傳播 堅守 著 第一 道 防線 除 須 打擊犯罪</t>
    <phoneticPr fontId="1" type="noConversion"/>
  </si>
  <si>
    <t>研究 病毒 醫學 臺灣 吳清源</t>
    <phoneticPr fontId="1" type="noConversion"/>
  </si>
  <si>
    <t>林濁水 前後 70萬 劑 疫苗 自己 買到 只 有 11萬 採購 能力 太 驚嚇</t>
    <phoneticPr fontId="1" type="noConversion"/>
  </si>
  <si>
    <t>拼 北市 醫護人員 第 3 劑 覆蓋率 蔡炳坤 明年 1 月底 將 達 95</t>
    <phoneticPr fontId="1" type="noConversion"/>
  </si>
  <si>
    <t>國內 疫情 因 中研院 案 再起波瀾 加上 春節 返台 人潮 多 臺北市 決定 展開 疫苗 第 3 劑 施打計 畫 副 市長 蔡炳坤 15 日 指出 目前 符合 第 3 劑 施打 資格 的 多 為 第 1 類 醫 事 人員 醫院 方 會 儘快 在 明年 1 月 達 95 的 目標 診所 則 會 與 工會 合作</t>
    <phoneticPr fontId="1" type="noConversion"/>
  </si>
  <si>
    <t>第 3 劑 北市 蔡炳坤 疫苗 施打</t>
    <phoneticPr fontId="1" type="noConversion"/>
  </si>
  <si>
    <t>為 何全 歐洲 都 大贊 臺灣 法國 人 曝 主因 驚呼 欣慰 住 在 臺灣</t>
    <phoneticPr fontId="1" type="noConversion"/>
  </si>
  <si>
    <t>陳時中 收治 醫院 侯友宜 社區</t>
    <phoneticPr fontId="1" type="noConversion"/>
  </si>
  <si>
    <t>疫情 告急 韓 砸 16 兆 韓元 補助 紓困</t>
    <phoneticPr fontId="1" type="noConversion"/>
  </si>
  <si>
    <t>肺炎 減稅 韓國 韓 股 紓困</t>
    <phoneticPr fontId="1" type="noConversion"/>
  </si>
  <si>
    <t>防疫 零 缺口 澎湖縣 率先 全國 成立 居家 檢疫 報到 站</t>
    <phoneticPr fontId="1" type="noConversion"/>
  </si>
  <si>
    <t>檢疫 居家 澎 湖 防疫 到站</t>
    <phoneticPr fontId="1" type="noConversion"/>
  </si>
  <si>
    <t>又 是 印尼 輸入 今 新 増 2 印尼 移 工 檢疫 期滿 後 確診</t>
    <phoneticPr fontId="1" type="noConversion"/>
  </si>
  <si>
    <t>讓 陸 撿 槍 cnn 川普 應對 示威 毀 了 挺 港 力道</t>
    <phoneticPr fontId="1" type="noConversion"/>
  </si>
  <si>
    <t>川普 香港 國安法 美國 中國 大陸</t>
    <phoneticPr fontId="1" type="noConversion"/>
  </si>
  <si>
    <t>壽險 oiu 疫 落 千 丈 保費 近 腰斬</t>
    <phoneticPr fontId="1" type="noConversion"/>
  </si>
  <si>
    <t>五 家 進帳 保單 人員 解 編</t>
    <phoneticPr fontId="1" type="noConversion"/>
  </si>
  <si>
    <t>陸 專家 疫情 下降 轉折 已 現 小心 反 升 拐 點</t>
    <phoneticPr fontId="1" type="noConversion"/>
  </si>
  <si>
    <t>打噴嚏 咳嗽 ng 動作 名醫 曝 很多 人 都 這樣</t>
    <phoneticPr fontId="1" type="noConversion"/>
  </si>
  <si>
    <t>打噴嚏 咳嗽 口罩 ng 動作 清明連 假</t>
    <phoneticPr fontId="1" type="noConversion"/>
  </si>
  <si>
    <t>水神 終於 來 了 鹿 港 公所 後 9 號 倉庫 平日 每天 三 時段 供 領取</t>
    <phoneticPr fontId="1" type="noConversion"/>
  </si>
  <si>
    <t>迎 春節 返鄉 潮 嘉 市 防疫 旅館 供不應求</t>
    <phoneticPr fontId="1" type="noConversion"/>
  </si>
  <si>
    <t>因應 農曆 春節 返鄉 潮 嘉義 市 防疫 旅館 自 9 日 起 已 從 50 間 增加 到 66 間 不過 需求量 相當 大 明年 1 月 1 日 至 24 日 已 全數 訂 全滿 25 日 至 31 日 訂 房 率 也 達 9 成 雖 市府 希望 更 多 業者 能 加入 春節 防疫 旅館 行列 因 交通部 國旅 券 補助 到 明年</t>
    <phoneticPr fontId="1" type="noConversion"/>
  </si>
  <si>
    <t>因應 農曆 春節 返鄉 潮 嘉義 市 防疫 旅館 自 9 日 起 已 從 50 間 增加 到 66 間 不過 需求量 相當 大 明年 1 月 1 日 至 24 日 已 全數 訂 全滿 25 日 至 31 日 訂 房 率 也 達 9 成 雖 市府 希望 更 多 業者 能 加入 春節 防疫 旅館 行列 因 交通部 國旅 券 補助 到 明年 4 月底 加上 國旅 出遊 商 機 已 湧現 造成 排擠 效應 市府 已向 中央 反映 建議 釋出 部分 集中 檢疫所 以 因應 春節 短期 防疫 需求 嘉義 市政府 觀光 新聞 處 觀光旅遊 科科長 林 志榮 表示 之前 就 觀察 到 春節 防疫 旅館 訂 房 需求 大增 提前 協調 業者 把 房間數 從 既 有 50 間 增加 到 60 間 還 是 無法 滿足 返鄉 國人 防疫 住宿 需求 詢問 度 居高不下 雖 曾向旅 宿 業者 協調 盼 更 多 旅 宿業 加入 春節 防疫 旅館 行列 但 過程 並不 順利 根據 旅 宿 業者 說法 交通部觀光局 的 國旅 券 補助 是從 即日起 到 明年 4 月底 同時 觀光局 也 規定 申請 防疫 旅館 者不得 申請 國旅 補助 業者 從 經營 角度 評估 當然 會 爭取 為期 較 長 的 國旅 商機 而 不是 僅 有 春節 1 個 月 的 防疫 旅館 需求 加上 國旅 大 爆發 即使 沒有 國旅 券 嘉義 市 訂 房 率 也 已 回溫 在 此 衝突 下 觀光 新聞 處 強調 仍 會 努力 與 業者 溝通 衛生局 也 向 衛生 福利 部 醫 福 會 反應 請 其 釋出 集中 檢疫所 多管齊下 增加 防疫 量 能</t>
    <phoneticPr fontId="1" type="noConversion"/>
  </si>
  <si>
    <t>不敢公佈打疫苗大官名單？港媒預言：民進黨這次慘了</t>
    <phoneticPr fontId="1" type="noConversion"/>
  </si>
  <si>
    <t>虎林市場攤商確診封攤3天 曾赴臺北府城隍廟</t>
    <phoneticPr fontId="1" type="noConversion"/>
  </si>
  <si>
    <t>虎林 市場 攤 商 確診 封 攤 3 天 曾赴 臺北 府 城隍廟</t>
    <phoneticPr fontId="1" type="noConversion"/>
  </si>
  <si>
    <t>臺北市 公佈 1 例 確診 個案 足跡 案 15874 在 8 月 6 日 確診 初 判 可能 感染 源 尚 待 厘 清 而 該 確診 者 為 虎林 市場 的 攤 商 8 月 3 至 5 日 早上 6 點 到 11 點 都 在 虎林 市場 擺攤 個案 工作 場 域 已 做 清 消 8 月 7 日 至 9 日 封 攤 3 天 北市 衛生局 確診 足跡</t>
    <phoneticPr fontId="1" type="noConversion"/>
  </si>
  <si>
    <t>臺北市 公佈 1 例 確診 個案 足跡 案 15874 在 8 月 6 日 確診 初 判 可能 感染 源 尚 待 厘 清 而 該 確診 者 為 虎林 市場 的 攤 商 8 月 3 至 5 日 早上 6 點 到 11 點 都 在 虎林 市場 擺攤 個案 工作 場 域 已 做 清 消 8 月 7 日 至 9 日 封 攤 3 天 北市 衛生局 確診 足跡 公佈 顯示 案 15874 在 8 月 4 日 上午 11 點 30 分至 40 分 曾 到 松山區 虎林 街 臺北 府 城隍廟 目前 也 已 做 清 消 7 日 停止 對外 開放 1 天</t>
    <phoneticPr fontId="1" type="noConversion"/>
  </si>
  <si>
    <t>印度 變異 株 傳染 力 強 莊人祥 國內 驗 出 3 例</t>
    <phoneticPr fontId="1" type="noConversion"/>
  </si>
  <si>
    <t>其他 電子 陸 復工 緩慢 影響 營 收 鴻 海量 增 價 跌</t>
    <phoneticPr fontId="1" type="noConversion"/>
  </si>
  <si>
    <t>造紙 股 正隆 助 抗 疫 竹北 廠 免費 提供 消毒水</t>
    <phoneticPr fontId="1" type="noConversion"/>
  </si>
  <si>
    <t>正隆 消毒水 竹北 廠 免費 接觸</t>
    <phoneticPr fontId="1" type="noConversion"/>
  </si>
  <si>
    <t>雲林 17 日 無 新 增 確診 個案 外縣市 確診 足跡 1 案</t>
    <phoneticPr fontId="1" type="noConversion"/>
  </si>
  <si>
    <t>雲 林縣 17 日 無 新 增 確診 個案 但有 外縣市 確診 至 本縣 足跡 案 1 例 案 13619 為 男性 21 歲 平時 于雲 林縣 麥寮 鄉 六 輕工業 區 上班 11 日 返回 桃園 住家 曾 與 確診 個案 足跡 重疊 15 日前 往 醫院 采 檢 結果 陽性 16 日 確診 目前 由 桃園</t>
    <phoneticPr fontId="1" type="noConversion"/>
  </si>
  <si>
    <t>雲 林縣 17 日 無 新 增 確診 個案 但有 外縣市 確診 至 本縣 足跡 案 1 例 案 13619 為 男性 21 歲 平時 于雲 林縣 麥寮 鄉 六 輕工業 區 上班 11 日 返回 桃園 住家 曾 與 確診 個案 足跡 重疊 15 日前 往 醫院 采 檢 結果 陽性 16 日 確診 目前 由 桃園 市 安排 前往 集中 檢疫所 隔離 治療 雲 林縣 政府 表示 案 13619 在 本月 2 至 4 日 7 至 11 日 的 活動 範圍 均 在 六 輕工業 區內 早上 到 福利 大樓 拿 早餐 後 前往 上班 地點 晚上 到 福利 大樓 拿 便當 後 回 宿舍 9 日 曾 到 醫務室 求 診 均 是 步行 移動 有 戴 口罩 另外 案 13619 在 桃園 的 同 住 家 人 有 相關 症狀 15 日 檢驗 為 陽性 目前 匡列 居家 隔離 26 人 縣政府 指出 目前 掌握 地點 皆 已 通知 相關 單位 進行 清 消 確診 者 的 足跡 是 透過 疫情 調查 詢問 確診 者 由 確診 者 回溯 這 段 期間 的 活動 地點 停留時間 等 可能 會 有 回溯 上 的 偏差 會 持續 調查 更新</t>
    <phoneticPr fontId="1" type="noConversion"/>
  </si>
  <si>
    <t>桃 機 旅 運量 創 10 年 來 新低</t>
    <phoneticPr fontId="1" type="noConversion"/>
  </si>
  <si>
    <t>肺炎 新低 旅 運量 黃正聰 觀光 產業</t>
    <phoneticPr fontId="1" type="noConversion"/>
  </si>
  <si>
    <t>3 日 湖北省人民政府 副 省長 楊雲彥 在 發佈會 上 表示 目前 湖北省 各地 市 危重症 床位 配置 已 基本 能 滿足 重症 病人 的 救治 需求 武漢市 通過 加快 建設 重症 救治 床位 由 人 等 床 轉變 為 床 等 人 截至 3 月 2 日 同濟 光 穀 協和醫院</t>
    <phoneticPr fontId="1" type="noConversion"/>
  </si>
  <si>
    <t>世界 肺 炎日 醫 界 五大 團體 籲 接種 肺炎 疫苗 遠離 致死 威脅</t>
    <phoneticPr fontId="1" type="noConversion"/>
  </si>
  <si>
    <t>今日 世界 肺 炎日 李慶雲 兒童 感染 暨 疫苗 發展 醫學 文教 基金會 攜手 中華民國 糖尿病 學會 臺灣 家庭 醫學 醫學會 財團法人 中華民國 心臟 基金會 及 財團法人 腎臟 病防治 基金會 現場 共同 呼籲 應 積極 採取 保護措施 控制 自身 慢性病</t>
    <phoneticPr fontId="1" type="noConversion"/>
  </si>
  <si>
    <t>家人 曾 去 過 萬 華 竹市 1 歲 男童 一 采 陰 二 采 陽性 確診</t>
    <phoneticPr fontId="1" type="noConversion"/>
  </si>
  <si>
    <t>柯 社區 感染 遲早 發生 但要 維持 零星 個案</t>
    <phoneticPr fontId="1" type="noConversion"/>
  </si>
  <si>
    <t>行政院長 蘇貞昌 修正 3 11 決策 過程 專案 報告 從 原先 讚歎 臺灣 防疫 有成 軟化 為 向 死者 道歉 對此 轉變 蘇貞昌 今 赴 立院 報告 前 表示 他 的 期望 只 有 希望 政府 不 要 空轉 人民 納稅錢 不要 浪費 行政院長 蘇貞昌 上週五 赴 立院</t>
    <phoneticPr fontId="1" type="noConversion"/>
  </si>
  <si>
    <t>新聞透視》NBA陷新冠風暴！顧隱私或止謠言 公佈名單陷兩難</t>
    <phoneticPr fontId="1" type="noConversion"/>
  </si>
  <si>
    <t>nba 美國 球員 人員 名單</t>
    <phoneticPr fontId="1" type="noConversion"/>
  </si>
  <si>
    <t>陸 新增 確診 31 例 其中 30 例 境外 輸入</t>
    <phoneticPr fontId="1" type="noConversion"/>
  </si>
  <si>
    <t>少碰 電梯 交談 保持 3 公尺</t>
    <phoneticPr fontId="1" type="noConversion"/>
  </si>
  <si>
    <t>肺炎 電梯 交談 傳播 做 好</t>
    <phoneticPr fontId="1" type="noConversion"/>
  </si>
  <si>
    <t>台積 躍 全球 最 受 尊崇 企業 第 六</t>
    <phoneticPr fontId="1" type="noConversion"/>
  </si>
  <si>
    <t>丹納 十 名 企業 網 飛 肺炎</t>
    <phoneticPr fontId="1" type="noConversion"/>
  </si>
  <si>
    <t>通信網 路 智邦 5 月 營 收 雙增 12 員工 確診 生產 出 貨 正常</t>
    <phoneticPr fontId="1" type="noConversion"/>
  </si>
  <si>
    <t>福建省 立法 全面 禁食 野味 即日起 實施</t>
    <phoneticPr fontId="1" type="noConversion"/>
  </si>
  <si>
    <t>賣 劣質 口罩 到 義 大利 黑心 企業 遭 起 底 竟 有 台資</t>
    <phoneticPr fontId="1" type="noConversion"/>
  </si>
  <si>
    <t>買不到 蘇貞昌 政府 查辦 囤積 口罩</t>
    <phoneticPr fontId="1" type="noConversion"/>
  </si>
  <si>
    <t>口罩 蘇貞昌 產能 政府 防護衣</t>
    <phoneticPr fontId="1" type="noConversion"/>
  </si>
  <si>
    <t>九 把 刀 岳母 死因 同 小鬼 他 親自 回應</t>
    <phoneticPr fontId="1" type="noConversion"/>
  </si>
  <si>
    <t>專家傳真－公私協力解題：口罩app與總統盃駭客松</t>
    <phoneticPr fontId="1" type="noConversion"/>
  </si>
  <si>
    <t>專家 傳真 公私 協力 解題 口罩 app 與 總統 杯 駭客 松</t>
    <phoneticPr fontId="1" type="noConversion"/>
  </si>
  <si>
    <t>工具 資源 數位 工具 政策 作法 作法</t>
    <phoneticPr fontId="1" type="noConversion"/>
  </si>
  <si>
    <t>陳建仁 透露 夫妻 皆 參與 國產 疫苗 二期 人體實驗 未 出現 不適</t>
    <phoneticPr fontId="1" type="noConversion"/>
  </si>
  <si>
    <t>陳建仁 疫苗 人體實驗 國產 疫苗 高端</t>
    <phoneticPr fontId="1" type="noConversion"/>
  </si>
  <si>
    <t>不 甩 封鎖 令 紐 衛生部長 騎 越野車 被 活 逮 道歉</t>
    <phoneticPr fontId="1" type="noConversion"/>
  </si>
  <si>
    <t>明知故犯 紐西蘭 上月 底 宣佈 為期 1 個 月 的 全境 封鎖 要 民眾 儘量 待在家裡 但 衛生部 克拉克 竟然 帶頭 違規 無視於 政府 要求 的 即使 運動 也 要 在 住家 附近 的 規定 駕車 到 2 公里 外 的 空曠 公園 騎 越野車 沒 想到 他 停 在 公園 的 廂 型 車</t>
    <phoneticPr fontId="1" type="noConversion"/>
  </si>
  <si>
    <t>明知故犯 紐西蘭 上月 底 宣佈 為期 1 個 月 的 全境 封鎖 要 民眾 儘量 待在家裡 但 衛生部 克拉克 竟然 帶頭 違規 無視於 政府 要求 的 即使 運動 也 要 在 住家 附近 的 規定 駕車 到 2 公里 外 的 空曠 公園 騎 越野車 沒 想到 他 停 在 公園 的 廂 型 車 2 日 被 一 位 路過 民眾 拍下 並 向 媒體 爆 料 灰頭土臉 的 克拉克 當天 稍後 向總理 阿爾登 道歉 被 拍下 的 那 輛 廂 型 車 外觀 有 克拉克 的 名字 和 照片 想 賴也 賴 不掉 阿爾登 今天 發佈 聲明 表示 克拉克 坦承 開車 出門 運動 並 向 她 道歉 阿爾登 強調 她 對 內閣 部長 的 期許 是 訂 下 標準 並 要求 民眾 遵守 民眾 如有 必要 可以 出門 呼吸 新鮮空氣 開 短程 到 附近 但 我們 要求 民眾 必須 避免 高風險 或 可能 受傷 的 活動 即使 部長 也 應該 遵循 這些 準則 克拉克 則 在 聲明 中 解釋 那是 自己 在 白天 唯一 的 運動 時間 而且 車道 並 不難 騎 他 很 清楚 此時 不該 進行 高風險 運動 他不 希望 外界 認為 自己 沒 把 規定 當回事 克拉克 強調 此事 提醒 他 在 進行 最 適合 的 運動 時 要 更加 謹慎 儘管 克拉克 的 舉動 引發 要 他 辭職 的 聲浪 但 財政部長 羅伯森 認為 道歉 已 足夠</t>
    <phoneticPr fontId="1" type="noConversion"/>
  </si>
  <si>
    <t>批 陸新冠 試劑 準確度 僅 40 挨 轟 菲國 認錯 了</t>
    <phoneticPr fontId="1" type="noConversion"/>
  </si>
  <si>
    <t>新北 增 13 例 確診 曾赴 三 重 百貨 廣場 三峽 全聯</t>
    <phoneticPr fontId="1" type="noConversion"/>
  </si>
  <si>
    <t>紐西蘭 要求 所有 入境 旅客 即日起 自主 隔離 14 天</t>
    <phoneticPr fontId="1" type="noConversion"/>
  </si>
  <si>
    <t>穩 192萬 人 就業機會 政 院 拍板 百萬 自 營業 者 可 月 領 萬元 3 個 月</t>
    <phoneticPr fontId="1" type="noConversion"/>
  </si>
  <si>
    <t>行政院 今天 舉行 臨時 院會 正式 通過 紓 特別 條例 修正案 政 院 並 說明 整體 1 兆 500億 紓困 方案 政務委員 龔明鑫 表示 第 2 波 方案 特別 針對 就業 將 以 千億 穩住 192萬 人 就業 自 營業 者 將 協助 100萬 人 每人 每月 1萬 元 可獲 3 個 月 補</t>
    <phoneticPr fontId="1" type="noConversion"/>
  </si>
  <si>
    <t>陳時中 稱 高端 在 做 市場 監測 柯 p 酸 他 說法 像 藥廠 業務 代表</t>
    <phoneticPr fontId="1" type="noConversion"/>
  </si>
  <si>
    <t>永康 探索 公園 傳 長者 群 聚 未戴 口罩 警方 前往 勸導</t>
    <phoneticPr fontId="1" type="noConversion"/>
  </si>
  <si>
    <t>台 南市 永康 探索 公園 昨天 傳 有 長者 聚集 且 未 配戴 口罩 為 免 防疫 出現 破 口 管轄 的 永康 警 分局 除 先行 派員 勸導 請 現場 民眾 確實 戴好 口罩 外 市府 得知 此事 也 相當 重視 責成 永康 警 分局 永康 派出所 員警 17 日 配合 永康 區公所 副 區</t>
    <phoneticPr fontId="1" type="noConversion"/>
  </si>
  <si>
    <t>妹妹 的 比較 好 喬治小 王子 吃醋 了</t>
    <phoneticPr fontId="1" type="noConversion"/>
  </si>
  <si>
    <t>恒生指數 曾 創 七 周新高 現 漲幅 收 窄</t>
    <phoneticPr fontId="1" type="noConversion"/>
  </si>
  <si>
    <t>恒生指數 上午 現 漲 收 窄 來 新高</t>
    <phoneticPr fontId="1" type="noConversion"/>
  </si>
  <si>
    <t>自主 管理 期 至 立院 開會 洪 孟 楷 皆 遵守 相關 防疫 規範</t>
    <phoneticPr fontId="1" type="noConversion"/>
  </si>
  <si>
    <t>國民黨 立 委 洪孟楷 從 英國 返台 後 目前 仍 在 7 天 自主 健康 管理 期 今 卻 到 立 法院 參與 記者會 挨批 防疫 破 口 對此 洪孟楷 強調 根據 衛福部 防疫 指引 自主 管理 期 無 症狀 可 正常 生活 皆 依循 防疫 規定 嚴格要求 洪孟楷 表示 經</t>
    <phoneticPr fontId="1" type="noConversion"/>
  </si>
  <si>
    <t>北市 餐廳 又 有 確診 足跡 曾 赴 天母 義 面 屋 早餐 店</t>
    <phoneticPr fontId="1" type="noConversion"/>
  </si>
  <si>
    <t>臺北市 今日 公佈 確診 個案 足跡 其中 案 15891 在 8 月 8 日 確診 初 判 可能 感染 源 尚 待 厘 清 個案 8 月 5 日 下午 1 點 20 分 曾 到 過 天母 的 義 面 屋 停留 1 小時 8 日 已 完成 清 消 8 9 8 11 停業 6 日 早上 9 點 50 分至 10 點 30 分 曾 到 過 北投區 仟 人 活</t>
    <phoneticPr fontId="1" type="noConversion"/>
  </si>
  <si>
    <t>臺北市 今日 公佈 確診 個案 足跡 其中 案 15891 在 8 月 8 日 確診 初 判 可能 感染 源 尚 待 厘 清 個案 8 月 5 日 下午 1 點 20 分 曾 到 過 天母 的 義 面 屋 停留 1 小時 8 日 已 完成 清 消 8 9 8 11 停業 6 日 早上 9 點 50 分至 10 點 30 分 曾 到 過 北投區 仟 人 活力 早餐 店 8 9 已 完成 清 消 8 9 8 11 停業 另 一 名 個案 15892 在 8 日 確診 初 判 可能 感染 源 尚 待 厘 清 個案 曾 在 8 月 4 日 上午 4 點 半 到 7 點 到 過 北市 大安區 國聯大 飯店 9 日 已 完成 清 消</t>
    <phoneticPr fontId="1" type="noConversion"/>
  </si>
  <si>
    <t>興達港魚市週末湧7000人擠爆 高雄巿怒令休巿清消</t>
    <phoneticPr fontId="1" type="noConversion"/>
  </si>
  <si>
    <t>興達港 魚市 週末 湧 7000 人 擠爆 高雄 市 怒 令 休 市 清 消</t>
    <phoneticPr fontId="1" type="noConversion"/>
  </si>
  <si>
    <t>高雄市 茄 定 興達港 觀光 魚市 上周 假日 擠滿 人潮 兩 天 湧入 7000 名 遊客 網友 質疑 難道 是 已 自行 微 解封 擔心 成為 防疫 破 口 對此 主管機關 高 市府 經 發 局 今 12 日 勒令 即日起 休 市 並 全面 清 消 並 進行 防疫 管制 計畫 檢討 改善</t>
    <phoneticPr fontId="1" type="noConversion"/>
  </si>
  <si>
    <t>新增 1 確診 為 案 34 同 病房 不同 病 室 已 出院 病 患</t>
    <phoneticPr fontId="1" type="noConversion"/>
  </si>
  <si>
    <t>身體 肺炎 康復 山姆史密斯 羅琳</t>
    <phoneticPr fontId="1" type="noConversion"/>
  </si>
  <si>
    <t>陳其邁 唐鳳 討論 口罩 實 名 制 2 0 更 便民 買 口罩</t>
    <phoneticPr fontId="1" type="noConversion"/>
  </si>
  <si>
    <t>雙北 防疫 有心 結 侯友宜 新北 一定 要 走 在 最 前面</t>
    <phoneticPr fontId="1" type="noConversion"/>
  </si>
  <si>
    <t>防疫 新北 市 侯友宜 臺北市 心 結</t>
    <phoneticPr fontId="1" type="noConversion"/>
  </si>
  <si>
    <t>az 混打 mrna 陳時中 鬆口 11 月 可能性 高</t>
    <phoneticPr fontId="1" type="noConversion"/>
  </si>
  <si>
    <t>混打 az mrna 莫德納 輝瑞 bnt</t>
    <phoneticPr fontId="1" type="noConversion"/>
  </si>
  <si>
    <t>超前 部署 國旅 把 危機 變 轉機</t>
    <phoneticPr fontId="1" type="noConversion"/>
  </si>
  <si>
    <t>國旅 肺炎 國人 便宜 超前 部署</t>
    <phoneticPr fontId="1" type="noConversion"/>
  </si>
  <si>
    <t>感謝 過去 投入 的 防疫 工作 蔡英文 拜 讬 護理 師 與 政府 一起 守 住 疫情</t>
    <phoneticPr fontId="1" type="noConversion"/>
  </si>
  <si>
    <t>蔡英文 總統 今天上午 以 錄 影 方式為 110 年 國際 護 師 節 聯合 慶祝大會 致詞 感謝 護理 師 過去 一年多來 全力 投入 防疫 工作 現在 疫情 還 沒有 結束 不能 有 任何 鬆懈 她 拜 讬 護理 師 們 持續 與 政府 一起 守 住 疫情 守護 臺灣 每年 5 月</t>
    <phoneticPr fontId="1" type="noConversion"/>
  </si>
  <si>
    <t>疫情 期間 美 信用卡 詐騙案 暴 增</t>
    <phoneticPr fontId="1" type="noConversion"/>
  </si>
  <si>
    <t>詐騙 肺炎 詐欺 案件 詐欺 疫情</t>
    <phoneticPr fontId="1" type="noConversion"/>
  </si>
  <si>
    <t>被譽為 世界 藥房 印度 為何 落到 疫苗 不夠 窘境</t>
    <phoneticPr fontId="1" type="noConversion"/>
  </si>
  <si>
    <t>譜 瑞 -ky 美金 趙捷 產能 居家 辦公</t>
    <phoneticPr fontId="1" type="noConversion"/>
  </si>
  <si>
    <t>北市 疫苗 施打 紀錄 誤 植逾 3千 筆 上百人 預約 第 2 劑 受阻</t>
    <phoneticPr fontId="1" type="noConversion"/>
  </si>
  <si>
    <t>專題報告 座談 病毒 肺炎 氣候變化</t>
    <phoneticPr fontId="1" type="noConversion"/>
  </si>
  <si>
    <t>最 悲慘 耶誕節 聖誕 老公公 驚喜 現 身後 18 老人 喪命</t>
    <phoneticPr fontId="1" type="noConversion"/>
  </si>
  <si>
    <t>港 佛堂 經書 跪 墊 有 病毒 確認 二 代 傳播</t>
    <phoneticPr fontId="1" type="noConversion"/>
  </si>
  <si>
    <t>香港 北角 福 慧 精 舍 爆 疫 未 停 衛生防護 中心 驗 出 佛堂 兩 個 環境 樣本 對 病毒 呈 陽性 包括 水龍頭 手柄 樣本 以及 參拜 位置 樣本 後者 樣本 源自 經書 及 跪 墊 等 北角 佛堂 確診 群 組 至 昨天 增至 7 人 昨 新增 者 是 55 歲 肯德基 kfc 女</t>
    <phoneticPr fontId="1" type="noConversion"/>
  </si>
  <si>
    <t>香港 北角 福 慧 精 舍 爆 疫 未 停 衛生防護 中心 驗 出 佛堂 兩 個 環境 樣本 對 病毒 呈 陽性 包括 水龍頭 手柄 樣本 以及 參拜 位置 樣本 後者 樣本 源自 經書 及 跪 墊 等 北角 佛堂 確診 群 組 至 昨天 增至 7 人 昨 新增 者 是 55 歲 肯德基 kfc 女 員工 她 於 本月 初 連續 6 日 到 佛堂 病 發 後 仍 上班 其 24 歲 兒子 無 去 過 佛堂 亦 確診 令 佛堂 第二 代 傳播 增至 兩 人 據 港 媒 報導 北角 福 慧 精 舍 本月 19 日 首 現 確診 其後 曾 清潔 但 衛生防護 中心 2 月 23 日 再 到場 抽取 33 個 環境 樣本 化驗 仍 驗 出 兩 個 樣本 呈 陽性 第 一個 樣本 取自 經 書面 覆蓋 經書 的 布及 跪 墊 另 一樣 本 取自 洗手間 的 水龍頭 手柄 衛生防護 中心 傳染病 處 主任 張 竹君 說 兩 個 陽性 樣本 未必 是 一個 活 病毒 公共 衛生 化驗 服務處 會 嘗試 培植 看 病毒基因 與 之前 個案 有無 關係 截至 昨日 中午 該 中心 已 收到 153 人 報 稱 曾 到 佛堂 當中 22 人 會 安排 檢疫 另 有 百 多 人 接受 醫學 監測 另 7 人 稱 有 病徵 當中 二 人 已 確診 其 餘 測試 呈 陰性 張稱 暫時 確診 個案 與 佛堂 有關 暫 未 需要 隔離 美 輪 大廈 住戶 但 會 密切 留意 食 環 署 稱 一 名 在 金鐘 政府 合署 45 樓 工作 的 員工 曾在 2 月中 到 佛堂 現 正 隔離 與 該 員工 在 同一 辦公室 工作 的 其他 員工 則 在家 辦公</t>
    <phoneticPr fontId="1" type="noConversion"/>
  </si>
  <si>
    <t>南韓 新增 235 人 確診 重症 病 患 2 周暴增 11 倍</t>
    <phoneticPr fontId="1" type="noConversion"/>
  </si>
  <si>
    <t>趙寅成 爆 住院 公司 急 證實 病因</t>
    <phoneticPr fontId="1" type="noConversion"/>
  </si>
  <si>
    <t>趙寅成 電影 住院 治療 經紀 公司</t>
    <phoneticPr fontId="1" type="noConversion"/>
  </si>
  <si>
    <t>通信網 路 智邦 去年 獲利 登頂 今年 訂單 能見度 優</t>
    <phoneticPr fontId="1" type="noConversion"/>
  </si>
  <si>
    <t>智邦 獲利 交換器 邊緣 運算 人工智慧</t>
    <phoneticPr fontId="1" type="noConversion"/>
  </si>
  <si>
    <t>避免 群 聚 感染 東吳 規定 中午 暫停 餐廳 內 用餐</t>
    <phoneticPr fontId="1" type="noConversion"/>
  </si>
  <si>
    <t>當然 可以 反 時中 媒體 人 提醒 彰 化 縣 要 有 2 前提</t>
    <phoneticPr fontId="1" type="noConversion"/>
  </si>
  <si>
    <t>彰 化 縣 陳時中 陳東 豪 無 症狀 感染 衛生局</t>
    <phoneticPr fontId="1" type="noConversion"/>
  </si>
  <si>
    <t>第 7 類 人員 沒 全部 打完 台 鐵 郵局 第一 線 自嘲 只 打到 安慰 獎</t>
    <phoneticPr fontId="1" type="noConversion"/>
  </si>
  <si>
    <t>本報 本月 13 日 16 日 兩 度 報導 中華 郵政 人員 雖 被 列入 第 7 類 施打 對象 但 隨 著 預約 平臺 出現 後 郵局 視窗 人員 卻 被 要求 自行 去 預約 等同 被 放生 不料 台鐵 也 發生 一模一樣 的 情況 台鐵 產業 工會 今 23 日 向 本報 表示 第一</t>
    <phoneticPr fontId="1" type="noConversion"/>
  </si>
  <si>
    <t>郵局 台鐵 安慰 獎 第 7 類 造冊</t>
    <phoneticPr fontId="1" type="noConversion"/>
  </si>
  <si>
    <t>有 心血管 疾病 吃 抗 凝血劑 的 長者 可以 打 az 疫苗 嗎</t>
    <phoneticPr fontId="1" type="noConversion"/>
  </si>
  <si>
    <t>日本 贈送 我國 的 124萬 劑 az 疫苗 開 打 長 照 機構 住 民 照顧 者 及 75 歲 以上 長者 都 在 優先 施打 對象 中 但 az 疫苗 在 歐洲 屢 傳 血栓 副作用 讓 許多 有 心血管 疾病 服用 抗凝 血 藥物 的 長者 對 接種 az 疫苗 有 疑慮 醫師 表示 有 心血管 疾病</t>
    <phoneticPr fontId="1" type="noConversion"/>
  </si>
  <si>
    <t>國際 經濟 重 啟 防疫 封鎖 印度 7 月 製造業 加速 衰退</t>
    <phoneticPr fontId="1" type="noConversion"/>
  </si>
  <si>
    <t>國 土法 爭議 林淑芬 開啟 讓 民間 業者 彈性 變更 的 巧 門</t>
    <phoneticPr fontId="1" type="noConversion"/>
  </si>
  <si>
    <t>半 導體 鈺 太 今年 營 收 拼 增 3 成 eps 上 看 7 元</t>
    <phoneticPr fontId="1" type="noConversion"/>
  </si>
  <si>
    <t>鈺 太 廣達 nb 第 三 季營 收 chromebook</t>
    <phoneticPr fontId="1" type="noConversion"/>
  </si>
  <si>
    <t>澳門18日起 禁止陸港臺以外非本地居民入境</t>
    <phoneticPr fontId="1" type="noConversion"/>
  </si>
  <si>
    <t>澳門 18 日 起 禁止 陸 港臺 以外 非 本地 居民 入境</t>
    <phoneticPr fontId="1" type="noConversion"/>
  </si>
  <si>
    <t>台商 房間 旅館 莊人祥 肺炎</t>
    <phoneticPr fontId="1" type="noConversion"/>
  </si>
  <si>
    <t>市場 商品 趨勢 新 興國 搶 反彈 v 型 復蘇 有 撐</t>
    <phoneticPr fontId="1" type="noConversion"/>
  </si>
  <si>
    <t>疫苗 肺炎 反彈 全球 經濟 刺激</t>
    <phoneticPr fontId="1" type="noConversion"/>
  </si>
  <si>
    <t>疫情 不斷擴大 新北 開放 申請 暫時 提供 免洗餐具</t>
    <phoneticPr fontId="1" type="noConversion"/>
  </si>
  <si>
    <t>因應 特殊 傳染性 肺炎 疫情 新北 市 轄內 政府部門 學校 百貨公司 業 及 購物 中心 量販店 業 自即日起 可向 新北 環保局 傳真 或 email 申請 90 日內 暫時 提供 免洗餐具 環保局 表示 因應 近日 疫情 嚴峻 為 確保 飲食 安全 及 防止 疫情 擴</t>
    <phoneticPr fontId="1" type="noConversion"/>
  </si>
  <si>
    <t>因應 特殊 傳染性 肺炎 疫情 新北 市 轄內 政府部門 學校 百貨公司 業 及 購物 中心 量販店 業 自即日起 可向 新北 環保局 傳真 或 email 申請 90 日內 暫時 提供 免洗餐具 環保局 表示 因應 近日 疫情 嚴峻 為 確保 飲食 安全 及 防止 疫情 擴散 新北 市環保局 依 環保 署 去年 5 月 7 日 訂 定 嚴重 特殊 傳染性 肺炎 流行 疫情 期間 餐飲業者 得 暫時 提供 免洗餐具 核定 作業 原則 同意 本市 轄內 政府部門 學校 百貨公司 業 及 購物 中心 量販店 業 得 向 環保局 提出 申請 並 自 申請 日 起 90 日內 暫時 提供 免洗餐具 環保局 強調 惟 仍 應 遵守 免洗餐具 限制 使用 物件 及 實施 方式 公告 事項 規定 不得 提供 塑膠 類 杯 碗 盤 碟 餐盒 餐盒 內 盤 盛裝 食物 之內 盤 等 塑膠 類 免洗餐具 環保局 提醒 因應 防疫 請 申請 業者 依 申請表 上 傳真電話 或 email 進行 申請 即可 但 仍 請 電話 向 承辦 人員 確認 是否 已 完成 申請 程式 以免 申請表 未 送達 而 違法 受罰 另 餐飲業者 清洗 餐具 應 遵守 衛生 福利 部 食品 藥物 管理署 餐具 清洗 良好 作業 指引 並 定期 進行 環境 清潔 及 消毒 作業 以 確保 飲食衛生 安全 也 呼籲 民眾 自備 環保 餐具 以 共同 守護 環保 及 飲食衛生 安全</t>
    <phoneticPr fontId="1" type="noConversion"/>
  </si>
  <si>
    <t>美 華裔 病毒 學者 遇害 警方 桃色糾紛 與 病毒 無關</t>
    <phoneticPr fontId="1" type="noConversion"/>
  </si>
  <si>
    <t>戴 手套 防疫 更 安全 英國 醫 拍 影片 整天 累積 更 多 病菌</t>
    <phoneticPr fontId="1" type="noConversion"/>
  </si>
  <si>
    <t>全台 三級 警戒 延長 至 6 28 這 波 疫情 嚴峻 不少 民眾 外出 除了 戴 口罩 之外 也 會 戴 手套 防疫 但 英國 國民 保健 署 醫生 拉傑 近日 拍 影片 表示 戴 手套 整天 累積 的 病菌 很 可觀 如果 沒有 妥善 清潔 恐 比 常 洗手 的 人 還 更 髒 而 國家 衛生 研</t>
    <phoneticPr fontId="1" type="noConversion"/>
  </si>
  <si>
    <t>全台 三級 警戒 延長 至 6 28 這 波 疫情 嚴峻 不少 民眾 外出 除了 戴 口罩 之外 也 會 戴 手套 防疫 但 英國 國民 保健 署 醫生 拉傑 近日 拍 影片 表示 戴 手套 整天 累積 的 病菌 很 可觀 如果 沒有 妥善 清潔 恐 比 常 洗手 的 人 還 更 髒 而 國家衛生研究院 感 疫 所 副 研究員 郭書辰 也 說 戴 手套 不會 比較 乾淨 反而 產生 錯誤 安全感 還是 勤洗手 為 上 英國 國民 保健 署 醫生 拉傑 karan raj 近日 拍攝 抖 音 tiktok 影片 分享 許多 以為 手套 可以 隔絕 病菌 但 卻 忘 了 自己 戴著 手套 摸 過 很多 地方 如果 沒有 清潔 就 觸摸 自己 的 口 鼻 甚至 在 脫手 套 的 時 忘記 清潔 手部 反而 會 讓 細菌 傳染 到 自己 身上 拉傑 表示 當 人們 沒有 戴 手套 的 時候 會 擔心 自己 摸到 細菌 因此 恐 會 提高 警覺 勤洗手 而 這樣 對 防疫 的 效果 其實 很 好 他 解釋 整天 下來 摸到 的 東西 很多 累積 的 病菌 也 非常 可觀 如果 都 沒有 妥善清潔 手部 戴 手套 恐 比 常 洗手 的 人 更 髒 因此 其實 不 需要 多此一舉 戴 手套 勤洗手 就是 防疫 最好 的 辦法 另 根據 德國 之 聲 報導 戴 手套 防疫 恐 讓 人 產生 欺騙 性 的 安全感 許多 人 戴 上 手套 之後 常常 忘記 不要 觸摸 自己 的 臉 因而 使 接觸傳染 的 風險 增加 且 外出 長 時間 戴 手套 手部 容易 出 汗 而 溫暖 潮濕 的 環境 恰 是 病菌 最 喜歡 的 地方 脫下 手套 後 若 忘記 消毒 恐 成為 細菌 聚集 的 地方 另 根據 tvbs 報導 國家衛生研究院 感 疫 所 副 研究員 郭書辰 也 說 戴 手套 不會 比較 乾淨 一般 人 沒 戴 手套 摸到 髒東西 會 立刻 去 洗手 但 戴 手套 後會 產生 錯誤 安全感 覺得 手套 髒 了 也 不 用 管 結果 手套 上 就 沾滿 病菌 然後 又 去 摸 鼻子 眼睛 不知不覺 病毒 全 弄 到 自己 身上 了</t>
    <phoneticPr fontId="1" type="noConversion"/>
  </si>
  <si>
    <t>川普敦促陸公佈新冠肺炎病毒來源資訊</t>
    <phoneticPr fontId="1" type="noConversion"/>
  </si>
  <si>
    <t>看 完 道歉 聲明 音樂 人為 張上淳 心痛</t>
    <phoneticPr fontId="1" type="noConversion"/>
  </si>
  <si>
    <t>解封 靠 3 關鍵 陳時中 鬆口 放寬 餐廳 內 用</t>
    <phoneticPr fontId="1" type="noConversion"/>
  </si>
  <si>
    <t>恐慌性 掃 貨 爆 搶購潮 吳 鳳 人類 自私 的 一面</t>
    <phoneticPr fontId="1" type="noConversion"/>
  </si>
  <si>
    <t>超 大方 三 重 先 嗇 宮 贈 2千 公斤 洗手 乳 6千 公升 次氯酸 水</t>
    <phoneticPr fontId="1" type="noConversion"/>
  </si>
  <si>
    <t>先 嗇 宮 學校 防疫 次氯酸 氯酸 水</t>
    <phoneticPr fontId="1" type="noConversion"/>
  </si>
  <si>
    <t>最 危險 的 不是 出門 專家 曝 不是 少去 公共場合 就 沒事</t>
    <phoneticPr fontId="1" type="noConversion"/>
  </si>
  <si>
    <t>國內 今 29 日 新增 486 例 本土 病例 確診 個案 中 新增 21 死 再創 單日 新 高 面對 疫情 嚴峻 許多 人 嚇到 不敢 出門 但 不少 大 賣 場 還 是 出現 搶 買 人潮 各 地 也 陸續 被 檢舉 有 室內 打 麻將 等 5 人 以上 聚會 毒理學 專家 招名威 警告 近來 確</t>
    <phoneticPr fontId="1" type="noConversion"/>
  </si>
  <si>
    <t>美 反 口罩 示威 捍衛 自由 戴 口罩 害 進入 大腦 的 氧 氣量 降低</t>
    <phoneticPr fontId="1" type="noConversion"/>
  </si>
  <si>
    <t>隨 著 美國 疫情 似 有 捲土重來 之 勢 部分 地區 政府 已 強制執行 口罩 令 或 建議 民眾 在 公共場所 戴 口罩 不過 中北部 的 俄亥俄州 不在 此 範圍 內 在 俄 州 首府 哥倫布 的 州 議會 大廈 前 數 百 名 反 口罩 的 示威者 18 日 發起 名為 為 美國 挺</t>
    <phoneticPr fontId="1" type="noConversion"/>
  </si>
  <si>
    <t>隨 著 美國 疫情 似 有 捲土重來 之 勢 部分 地區 政府 已 強制執行 口罩 令 或 建議 民眾 在 公共場所 戴 口罩 不過 中北部 的 俄亥俄州 不在 此 範圍 內 在 俄 州 首府 哥倫布 的 州 議會 大廈 前 數 百 名 反 口罩 的 示威者 18 日 發起 名為 為 美國 挺身而出 的 運動 抗議 州 內 部分 地區 強制 命令 民眾 戴 口罩 除了 反 口罩 人士 這項 集會 也 吸引 了 反 政府 控制 的 組織 他們 認為 政府 只是 想 藉 著 強迫 他們 戴 口罩 控制 民眾 的 人身自由 數 百 人 當然 都 沒 戴 口罩 且 還 有 大批 武裝 民兵 團團 保護 他們 這 群 示威者 有的 手 持 國旗 及 力挺 川普 的 標語 批評 地方 政府 強制 戴 口罩 命令 太 超過 也 表達 對 封鎖 措施 的 不滿 男子 迪克曼 高舉 標語 上頭 寫 著 戴 口罩 會 減少 進入 大腦 的 氧 氣量 會 阻礙 溝通 且 沒 證據 顯示 有效 防疫 另 一 群 女孩 的 標語 寫 著 口罩 跟 我們 州長 一樣 沒用 恐懼 才 是 真正 的 病毒 到底 是 病毒 還是 想 控制 我們 一 名 女子 強調 他們 不 需要 口罩 我們 是 自由 的 我 相信 自己 我 就 是 科學 抗議 活動 的 插曲 是 支持 黑人 的 命 也 是 命 運動 的 團體 也 在 同 地點 發動 反 種族主義 集會 為 避免 雙方 擦槍 走火 警方 疲於奔命 還 得 把 雙方 分開</t>
    <phoneticPr fontId="1" type="noConversion"/>
  </si>
  <si>
    <t>牛津 唱 衰 陸 經濟 成長 跌破 5</t>
    <phoneticPr fontId="1" type="noConversion"/>
  </si>
  <si>
    <t>大陸 肺炎 牛津 經濟 研究院 經濟 成長 經濟</t>
    <phoneticPr fontId="1" type="noConversion"/>
  </si>
  <si>
    <t>金管會 庫藏 股 實施 上 看 611億</t>
    <phoneticPr fontId="1" type="noConversion"/>
  </si>
  <si>
    <t>大陸 上市 櫃 肺炎 會計師 張振山</t>
    <phoneticPr fontId="1" type="noConversion"/>
  </si>
  <si>
    <t>玉山 銀行 董事長 黃男 州 領 軍 決戰 數位 金融</t>
    <phoneticPr fontId="1" type="noConversion"/>
  </si>
  <si>
    <t>肺炎 銀行業 玉山 金融業 帶來 準備</t>
    <phoneticPr fontId="1" type="noConversion"/>
  </si>
  <si>
    <t>武漢 70 個 無 疫 社區 因 無 症狀 感染者 等 原因 被 摘 牌</t>
    <phoneticPr fontId="1" type="noConversion"/>
  </si>
  <si>
    <t>豬 價 創 新低 農委會 3 月中 前 淘汰 2 3萬 頭 母豬 因應</t>
    <phoneticPr fontId="1" type="noConversion"/>
  </si>
  <si>
    <t>長 榮 機師 確診 北市 匡列 24 人 采 檢 陰性 2 人 等 結果</t>
    <phoneticPr fontId="1" type="noConversion"/>
  </si>
  <si>
    <t>長 榮 已 有 3 名 機師 1 名 機師 兒 確診 其中 有 1 名 機師 還是 感染 印度 變異 株 delta 臺北市 匡列 了 26 名 接觸 者 並 安排 采 檢 臺北市衛生局 5 日 表示 截至 上午 一共 24 人 采 檢 陰性 剩 餘 2 人 采 檢 結果 仍 在 追蹤 中 臺北市衛生局 4 日 於</t>
    <phoneticPr fontId="1" type="noConversion"/>
  </si>
  <si>
    <t>長 榮 已 有 3 名 機師 1 名 機師 兒 確診 其中 有 1 名 機師 還是 感染 印度 變異 株 delta 臺北市 匡列 了 26 名 接觸 者 並 安排 采 檢 臺北市衛生局 5 日 表示 截至 上午 一共 24 人 采 檢 陰性 剩 餘 2 人 采 檢 結果 仍 在 追蹤 中 臺北市衛生局 4 日 於 防疫 記者會 中 指出 居住 臺北市 第 1 層 的 接觸 者 有 10 位 第 2 層 接觸 者 16 位 共有 26 人 被 匡列 並 被 安排 采 檢 北市 衛生 局 5 日 受訪 時 表示 匡列 的 26 名 接觸 者 截至 5 日 上午 共有 24 人 采 檢 結果 為 陰性 尚 餘 2 位 追蹤 采 檢 結果 中</t>
    <phoneticPr fontId="1" type="noConversion"/>
  </si>
  <si>
    <t>南京 本土 疫情 不止 將 第二 輪普 篩</t>
    <phoneticPr fontId="1" type="noConversion"/>
  </si>
  <si>
    <t>爸 到 確診 者 家 裝 冷氣 慘遭 隔離 女 大生 痛 批 隱匿 自私</t>
    <phoneticPr fontId="1" type="noConversion"/>
  </si>
  <si>
    <t>臺灣 歷史博物館 10 周年 館 慶 超夯 兩 天 湧 進 逾 5萬 人潮</t>
    <phoneticPr fontId="1" type="noConversion"/>
  </si>
  <si>
    <t>基隆 成功 市場 再 增 1 攤 商 確診 感染 源 不明 延至 6 月 3 日 複市</t>
    <phoneticPr fontId="1" type="noConversion"/>
  </si>
  <si>
    <t>基隆 市 成功 市場 又 有 1 攤 商 案 5208 確診 市府 成立 專案 調查 迄今已有 8 人 淪陷 其中 3 人 為 攤 商 市長 林右昌 表示 有 2 攤 商 是 隔壁 攤販 但 與 率先 中標 的 攤 商 案 2564 是否 有 關聯 仍 待 厘 清 此外 市場 也 自主 停業 至 6 月 3 日</t>
    <phoneticPr fontId="1" type="noConversion"/>
  </si>
  <si>
    <t>oecd omicron 變種 病毒 或 加劇 供應 短缺 和 通 膨</t>
    <phoneticPr fontId="1" type="noConversion"/>
  </si>
  <si>
    <t>根據 外 媒 報導 經濟合作與發展組織 oecd 今 12 1 天 公佈 其 最新 預測 稱 omicron 變種 病毒 有 可能 加劇 全球 經濟 增長 放緩 和 通貨膨脹 的 不 平衡 並 推遲 全球 經濟 恢復正常 的 時間 該 報告 預測 2022 年 全球 經濟 將 繼續 呈 復蘇</t>
    <phoneticPr fontId="1" type="noConversion"/>
  </si>
  <si>
    <t>omicron 變種 病毒 全球 經濟 oecd 加劇</t>
    <phoneticPr fontId="1" type="noConversion"/>
  </si>
  <si>
    <t>菅義偉 習近平 將 如 預定 訪 日</t>
    <phoneticPr fontId="1" type="noConversion"/>
  </si>
  <si>
    <t>川普 危機四伏 巴西 駐 美 大使 中 鏢 曾 與 他 共 進 晚宴</t>
    <phoneticPr fontId="1" type="noConversion"/>
  </si>
  <si>
    <t>法國 上週末 新增 4萬5 422 例 單日 確診 數飆 新高</t>
    <phoneticPr fontId="1" type="noConversion"/>
  </si>
  <si>
    <t>法國 確診 數 上週末 新增 單日 確診</t>
    <phoneticPr fontId="1" type="noConversion"/>
  </si>
  <si>
    <t>義 大利 酒 窗 17 世紀 透過 販 售</t>
    <phoneticPr fontId="1" type="noConversion"/>
  </si>
  <si>
    <t>疫病 戰 美中 下 一 波 交鋒</t>
    <phoneticPr fontId="1" type="noConversion"/>
  </si>
  <si>
    <t>美中 政治 中國 川普 美國</t>
    <phoneticPr fontId="1" type="noConversion"/>
  </si>
  <si>
    <t>采 檢 擴大 外國人 自費 自主 健康 管理</t>
    <phoneticPr fontId="1" type="noConversion"/>
  </si>
  <si>
    <t>戰 狼 變 身 暖 男 趙立堅 陸為韓 日 疫情 送暖</t>
    <phoneticPr fontId="1" type="noConversion"/>
  </si>
  <si>
    <t>中國 大陸 外交部 發言人 趙立堅 今日 在 例行 記者會 上 從前 幾 日 的 對 美 戰 狼 變 身 對 韓日 暖 男 他 就 中國 大陸 提供 日 韓 兩 國抗 疫 物資 一 事 表示 中方 對 韓日 兩國政府 與 人民 為 中國 抗擊 疫情 提供支援 和 幫助 深表 感謝 在 韓國</t>
    <phoneticPr fontId="1" type="noConversion"/>
  </si>
  <si>
    <t>何時 解除 三級 警戒 柯文哲 依 科學 標準 決定</t>
    <phoneticPr fontId="1" type="noConversion"/>
  </si>
  <si>
    <t>和 看不見 的 敵人 戰鬥 日方 未 承諾 付 東奧 追加 費用</t>
    <phoneticPr fontId="1" type="noConversion"/>
  </si>
  <si>
    <t>費用 東京 奧運 延期 承諾 東奧</t>
    <phoneticPr fontId="1" type="noConversion"/>
  </si>
  <si>
    <t>連 假 墾 丁 大街 被 擠爆 台人 劣根性 擋不住 醫護 爆 氣 講 不 聽</t>
    <phoneticPr fontId="1" type="noConversion"/>
  </si>
  <si>
    <t>墾 丁 大街 擠爆 醫護 台人 劣根性 清明連 假</t>
    <phoneticPr fontId="1" type="noConversion"/>
  </si>
  <si>
    <t>疫情 確診 今 攀升 賴清德 喊話 全力 保護 積極 照顧</t>
    <phoneticPr fontId="1" type="noConversion"/>
  </si>
  <si>
    <t>旺 旺 全球 捐 水神 邀 蕭敬騰 同 做 公益</t>
    <phoneticPr fontId="1" type="noConversion"/>
  </si>
  <si>
    <t>新北 市 幼稚園 群 聚 持續 延 燒 新北 市長 侯友宜 今天 表示 截至 目前 共 采 檢 785 人 除了 先前 的 陽性 個案 今日 上午 又 驗 出 一 名 非 住戶 裝修 工人 pcr 陽性 也 是 在 b 棟 不同 樓層 感染 源 跟 本案 有無 關係 仍 在 追查 中 是 今日 早上 驗 出</t>
    <phoneticPr fontId="1" type="noConversion"/>
  </si>
  <si>
    <t>34 例 的 院內 感染 誰 傳 誰 陳時中 仍 在 厘 清</t>
    <phoneticPr fontId="1" type="noConversion"/>
  </si>
  <si>
    <t>接種 3 劑 bnt 仍 突破性 感染 20 多 歲 女 自 美 返台 確診</t>
    <phoneticPr fontId="1" type="noConversion"/>
  </si>
  <si>
    <t>觀光 股 雅 茗 q 2 近 損 平 拼 q 3 轉 盈 躍進</t>
    <phoneticPr fontId="1" type="noConversion"/>
  </si>
  <si>
    <t>雅 茗 雅 茗 -ky 營 收 毛利率 營益 率</t>
    <phoneticPr fontId="1" type="noConversion"/>
  </si>
  <si>
    <t>沒 戴 口罩 站 自家 陽臺 遭 無 罩 女 嗆 報警 網 歹 年 冬 搞 蕭郎</t>
    <phoneticPr fontId="1" type="noConversion"/>
  </si>
  <si>
    <t>各式各樣 的 檢舉 魔 人 正義 魔 人 相當 多 但 有時 行為 實在 矯枉過正 一 名 網友 分享 老婆 抱 小孩 站 在 自家 陽臺 看 風景 因 認為 是 在 自家 所以 沒 戴 口罩 豈料 竟 有 一 名 站 在 路邊 同樣 沒 戴 口罩 的 陌生 女子 吼叫 還 不 抱進去 嗎</t>
    <phoneticPr fontId="1" type="noConversion"/>
  </si>
  <si>
    <t>網 兜售 莫德納 一 劑 6000 媒體 人 爆 診所 鑽 漏洞 牟利</t>
    <phoneticPr fontId="1" type="noConversion"/>
  </si>
  <si>
    <t>不少 民眾 仍 在 苦 等 第二 劑 莫德納 疫苗 今 傳出 網路上 有 民眾 以 一 劑 6000 元 的 價格 兜售 莫德納 施打 地點 在 臺北 萬 華區 某 診所 對此 北市 衛生局 表示 正在 進行 調查 預計 下午 說明 調查結果 有 民眾 發現 網友 在 社 群 平臺 發文</t>
    <phoneticPr fontId="1" type="noConversion"/>
  </si>
  <si>
    <t>防疫 不 出門 電子 支付 激增</t>
    <phoneticPr fontId="1" type="noConversion"/>
  </si>
  <si>
    <t>肺炎 電子 付款 paypal 激增 交易</t>
    <phoneticPr fontId="1" type="noConversion"/>
  </si>
  <si>
    <t>疫情 看見 曙光 前 衛生 署長 5 月底 前 可 達到 毎 日本 土 病例 個 位數</t>
    <phoneticPr fontId="1" type="noConversion"/>
  </si>
  <si>
    <t>美 失業率 飆 新高 超越 大 蕭條 防疫 亟需 銀彈 歐盟 取消 預算赤字 上限</t>
    <phoneticPr fontId="1" type="noConversion"/>
  </si>
  <si>
    <t>負 成長 美國 大 蕭條 預算赤字 全球 經濟</t>
    <phoneticPr fontId="1" type="noConversion"/>
  </si>
  <si>
    <t>座談 反思 肺炎 臺灣 報告</t>
    <phoneticPr fontId="1" type="noConversion"/>
  </si>
  <si>
    <t>只 剩 摔 角 了 北美 體育 寸草不生</t>
    <phoneticPr fontId="1" type="noConversion"/>
  </si>
  <si>
    <t>ufc 格鬥 mma 綜合 格鬥 摔 角 狂熱</t>
    <phoneticPr fontId="1" type="noConversion"/>
  </si>
  <si>
    <t>超眾 下半年 展望 樂觀</t>
    <phoneticPr fontId="1" type="noConversion"/>
  </si>
  <si>
    <t>成長 超眾 肺炎 林志仁 熱板</t>
    <phoneticPr fontId="1" type="noConversion"/>
  </si>
  <si>
    <t>半 導體 同 欣 電 q 2 營 收 遇 逆風 拼 獲利 續揚</t>
    <phoneticPr fontId="1" type="noConversion"/>
  </si>
  <si>
    <t>同 欣 電 6271 2020 年 首季 營 收 表現 符合 預期 公司 原對 第二 季 樂觀 看待 但因 疫情 造成 菲律賓 廠 短暫 關廠 影響 短期 營 收 動能 投 顧 法人 預期 第二 季營 收 恐 較 首季 衰退 但 看好 產品組合 轉 佳 可望 帶動 毛利率 提升 抵銷 營 收下 滑</t>
    <phoneticPr fontId="1" type="noConversion"/>
  </si>
  <si>
    <t>同 欣 電 營運 展望 股價 菲律賓</t>
    <phoneticPr fontId="1" type="noConversion"/>
  </si>
  <si>
    <t>農會 嗆 政府 深 掘 最 軟 心頭 肉 朱立倫 籲 優先 紓困 農 漁民</t>
    <phoneticPr fontId="1" type="noConversion"/>
  </si>
  <si>
    <t>行政院 推動 紓困 方案 基層 農 漁會 卻 指 未 被 紓困 轟 政府 軟 土 深 掘 前 國民黨 主席 朱立倫 指出 農 漁民 的 工作 型態 就 是 自主 營運 卻 被 政府 排除 在 自營 作業者 或 無 一定 雇主 範圍 外 無法 領取 3萬 元 現金 補助 加上 漁 工 薪資</t>
    <phoneticPr fontId="1" type="noConversion"/>
  </si>
  <si>
    <t>紓困 農 漁民 朱立倫 洪孟楷 富 基 漁港</t>
    <phoneticPr fontId="1" type="noConversion"/>
  </si>
  <si>
    <t>美德 元首 關係 冷淡</t>
    <phoneticPr fontId="1" type="noConversion"/>
  </si>
  <si>
    <t>峰會 華盛頓 川普 肺炎 疫情</t>
    <phoneticPr fontId="1" type="noConversion"/>
  </si>
  <si>
    <t>川普 夫婦 確診 環 時 總編 胡錫進 說話 了 忽視 疫情 付出代價</t>
    <phoneticPr fontId="1" type="noConversion"/>
  </si>
  <si>
    <t>從沒 喜歡 過 連 假 醫 無奈 吐 一 句 沉不住氣 全盤皆輸</t>
    <phoneticPr fontId="1" type="noConversion"/>
  </si>
  <si>
    <t>民進黨團 立 法院 黨團 今 召開 記者會 表示 目前 國際 上 疫苗 短缺 競爭 激烈 臺灣 不能 很 清楚 透明 地 公開 說 什麼 時間 點 疫苗 進來 及 接種 理由 很 簡單 大家 都 在 搶 任何 時候 都 可能 被 攔腰 攔路 打劫 搶走 民進黨團 書記</t>
    <phoneticPr fontId="1" type="noConversion"/>
  </si>
  <si>
    <t>民進黨團 立 法院 黨團 今 召開 記者會 表示 目前 國際 上 疫苗 短缺 競爭 激烈 臺灣 不能 很 清楚 透明 地 公開 說 什麼 時間 點 疫苗 進來 及 接種 理由 很 簡單 大家 都 在 搶 任何 時候 都 可能 被 攔腰 攔路 打劫 搶走 民進黨團 書記長 羅致 政 強調 所以 臺灣 在 這 方面 非常 的 辛苦 這 也 是 為什麼 在 很多 情況 下 必須 等到 疫苗 上 飛機 離開 地面 後 才敢 對 外 公佈 他 說 歐盟 最近 要 提 告 az 公司 因 他們 訂 3億 劑 疫苗 只 拿 到 3000萬 劑 據 當時 合約 歐盟 希望 第一 季能 提供 9000萬 劑 疫苗 但 az 僅 提供 3000萬 劑 凸顯 國際 疫苗 在 生產 速度 以及 供應 延宕 臺灣 就 是 在 這種 嚴重 情況 下 爭取 更 多 疫苗 進口 他 說 歐盟 對 az 提 告 及 指控 理由 之一 就 是 歐盟 訂 那麼 多 貨 az 卻 把 疫苗 先 提供 給 訂 量 少 疫情 相對 沒 那麼 嚴重 的 國家 他 說 歐盟 這些 國家 在 當地 生產 都 拿 不到 臺灣 可以 捷足先登 拿 到 一些 進來 事實上 就 是 跟 國際競爭 有 市場 因素 也 有 政治 因素 他 強調 因為 政治 因素 很多 事 只 能 做 不能 事先 公開 說 例如 義 大利 真相 報 今天 報導 中國 施壓 德國 禁止 bnt 來 台 中國 打 壓 臺灣 本來 就 不是 秘密 在 這次 疫情 中 也 很 看 清楚 中國 打 壓 無所不在</t>
    <phoneticPr fontId="1" type="noConversion"/>
  </si>
  <si>
    <t>臺北車站打莫德納送全聯100元禮券 限這5天</t>
    <phoneticPr fontId="1" type="noConversion"/>
  </si>
  <si>
    <t>臺北 車站 打 莫德納 送 全聯 100 元禮 券 限 這 5 天</t>
    <phoneticPr fontId="1" type="noConversion"/>
  </si>
  <si>
    <t>遭 陳時中 判定 為 感染 源 帛 琉 政府 感到 不解</t>
    <phoneticPr fontId="1" type="noConversion"/>
  </si>
  <si>
    <t>帛 琉 陳時中 敦睦 艦隊 感染 源 海軍</t>
    <phoneticPr fontId="1" type="noConversion"/>
  </si>
  <si>
    <t>疫情 意外 效應 nasa 最 新大陸 二氧化碳 衛星 對比 圖 超 清澈</t>
    <phoneticPr fontId="1" type="noConversion"/>
  </si>
  <si>
    <t>美 再 提 臺灣 社區 傳播 817 氣 噗 噗</t>
    <phoneticPr fontId="1" type="noConversion"/>
  </si>
  <si>
    <t>南市議員集體宣佈推行「不跑攤」防疫措</t>
    <phoneticPr fontId="1" type="noConversion"/>
  </si>
  <si>
    <t>大陸 疫情 陳明璋 經濟 臺灣</t>
    <phoneticPr fontId="1" type="noConversion"/>
  </si>
  <si>
    <t>通信網 路 神 腦 q 4 吃 蘋果 補血 明年 靠 5 g 跑 贏 今年</t>
    <phoneticPr fontId="1" type="noConversion"/>
  </si>
  <si>
    <t>神 腦 2450 今 年前 三 季 受到 疫情 影響 累計 營 收 年 減 一 成 左右 第 四季 預估 在 新 蘋果 iphone 帶 度 下 營 收 將 出現 明顯 回溫 全年 獲利 也 會 比 去年 好 展望 2021 年 神 腦 總裁 林保雍 表示 看好 明年 在 5 g 帶動 下 營運 可望 較 今年 好</t>
    <phoneticPr fontId="1" type="noConversion"/>
  </si>
  <si>
    <t>金融 5 月 刷 卡 金額 回升 前 5 月 仍 衰退 1 成</t>
    <phoneticPr fontId="1" type="noConversion"/>
  </si>
  <si>
    <t>金管會 信用卡 刷 卡 簽 帳 金額 衰退</t>
    <phoneticPr fontId="1" type="noConversion"/>
  </si>
  <si>
    <t>印度 神童 示 警 12 月 再 爆 大規模 疫情 危機 點 名 4 國 最 危險</t>
    <phoneticPr fontId="1" type="noConversion"/>
  </si>
  <si>
    <t>血漿 抗體 武田 製藥 藥 商 血漿 療法</t>
    <phoneticPr fontId="1" type="noConversion"/>
  </si>
  <si>
    <t>同心 防疫 靈鷲 山 捐 新北 市府 1000 份 愛心 防疫 包</t>
    <phoneticPr fontId="1" type="noConversion"/>
  </si>
  <si>
    <t>靈鷲 山 愛心 防疫 包 防疫 新北</t>
    <phoneticPr fontId="1" type="noConversion"/>
  </si>
  <si>
    <t>疫情 警戒 期間 新興 分局 聯手 金融機構 2 個 月 反 詐 16 件</t>
    <phoneticPr fontId="1" type="noConversion"/>
  </si>
  <si>
    <t>詐騙 新興 分局 金融機構 民眾 期間</t>
    <phoneticPr fontId="1" type="noConversion"/>
  </si>
  <si>
    <t>棉 棒 插 鼻孔 15 秒 轉 5 圈 2 款 破 千 元 居家 檢測 試劑 藥師 推 更 準確</t>
    <phoneticPr fontId="1" type="noConversion"/>
  </si>
  <si>
    <t>居家 快 篩 棉 棒 藥師 1922 核 可</t>
    <phoneticPr fontId="1" type="noConversion"/>
  </si>
  <si>
    <t>bvi 經濟 實質 要求 暫 采 彈性</t>
    <phoneticPr fontId="1" type="noConversion"/>
  </si>
  <si>
    <t>台商 經濟 實質 bvi 肺炎 資 誠</t>
    <phoneticPr fontId="1" type="noConversion"/>
  </si>
  <si>
    <t>3 11 成 疫情 破 口 卻 注 記 萬 華人 鍾 小 平 怒 告 陳時中 違憲 瀆職</t>
    <phoneticPr fontId="1" type="noConversion"/>
  </si>
  <si>
    <t>不以人廢言 防疫 經驗 價值連城</t>
    <phoneticPr fontId="1" type="noConversion"/>
  </si>
  <si>
    <t>大陸 中國 形成 肺炎 人 廢 言</t>
    <phoneticPr fontId="1" type="noConversion"/>
  </si>
  <si>
    <t>宅 配 通 股利 1 2 元 今年 獲利 估 大增</t>
    <phoneticPr fontId="1" type="noConversion"/>
  </si>
  <si>
    <t>關廠 防疫 汽車產業 恐 損失 逾 千億 美元 營 收</t>
    <phoneticPr fontId="1" type="noConversion"/>
  </si>
  <si>
    <t>不滿 譚德 賽 控 遭 臺灣 攻擊 網 紅 嗆 我們 就 是 歧視 你</t>
    <phoneticPr fontId="1" type="noConversion"/>
  </si>
  <si>
    <t>譚 德塞 丹 妮婊 姐 世界衛生組織 who 譚 德塞</t>
    <phoneticPr fontId="1" type="noConversion"/>
  </si>
  <si>
    <t>對比 星韓 超前 部署 淪 口號 檢測 慢 半 拍 恐 有 防疫 黑 數</t>
    <phoneticPr fontId="1" type="noConversion"/>
  </si>
  <si>
    <t>本土 劇 女神 打 az 曬 絕 美 床 照 曝 副作用 太苦 躺 到 渙散</t>
    <phoneticPr fontId="1" type="noConversion"/>
  </si>
  <si>
    <t>17 歲 就 參加 甄選 被 發掘 簽下 的 女星 蘇晏霈 擁有 甜美 陽光外 型 在 本土 劇 圈 耕耘 多年 深獲 觀眾 喜愛 近來 更 接拍 我 的 婆婆 怎麼 那麼 可愛 擔任 第二 女 主角 拓展 演藝事業 版圖 人氣 直線 上升 中 而 她 經常 透過 社 群 跟 粉絲 分</t>
    <phoneticPr fontId="1" type="noConversion"/>
  </si>
  <si>
    <t>蔡英文 簽署 紓困 條例 籲 600億 預算 也 能 盡 速 通過</t>
    <phoneticPr fontId="1" type="noConversion"/>
  </si>
  <si>
    <t>英國 在 台 辦事處 轉引 牛津大學 詹納 研究所 jenner institute 成果 指出 牛津冠 狀 病毒 疫苗 產生 強烈 免疫 反應 沒有 早期 安全 隱憂 相關 成果 已經 發表 在 科學雜誌 柳葉刀 the lancet 牛津大學 發表 的 第 一期 第 二期 pha</t>
    <phoneticPr fontId="1" type="noConversion"/>
  </si>
  <si>
    <t>疫情 狂 爆 川普 支持者 卻 拒 戴 口罩 原因 讓 宅 神 看 傻 智商 瞬間 少 100</t>
    <phoneticPr fontId="1" type="noConversion"/>
  </si>
  <si>
    <t>口罩 川普 上帝 朱學 恒 美國</t>
    <phoneticPr fontId="1" type="noConversion"/>
  </si>
  <si>
    <t>高雄驚 傳 確診 2 人 感染 源 未 明 1 人 曾 與 北部 友人 聚會</t>
    <phoneticPr fontId="1" type="noConversion"/>
  </si>
  <si>
    <t>高雄 28 日 驚 傳 1 例 本土 確診 個案 案 15725 出現 相關 症狀 後 在 27 日 自 行前 往 醫院 被 采 檢 確診 疑 似是 被 同住者 傳染 市府 接 獲 通報 後 緊急 匡列 31 位 相關 接觸 者 該 名 同住者 也 被 采 檢 確診 其 餘 30 人 快 篩 均 呈 陰性 pcr 還 在 等待</t>
    <phoneticPr fontId="1" type="noConversion"/>
  </si>
  <si>
    <t>萬華 家樂福 桂林 店 7 員工 確診 明 複業 北市 衛生局 有 做好 適當 措施 就 可以</t>
    <phoneticPr fontId="1" type="noConversion"/>
  </si>
  <si>
    <t>第15輪混打何時宣佈？陳時中：今天或明天</t>
    <phoneticPr fontId="1" type="noConversion"/>
  </si>
  <si>
    <t>第 15 輪 混打 何時 宣佈 陳時中 今天 或 明天</t>
    <phoneticPr fontId="1" type="noConversion"/>
  </si>
  <si>
    <t>拿 浙江 台商 抗體 救人 張上淳 給 答案</t>
    <phoneticPr fontId="1" type="noConversion"/>
  </si>
  <si>
    <t>大陸 最近 在 試驗 性 的 使用 血漿 療法 許多 人 好奇 是否 能用 浙江 台商 的 血液 來 做 血漿 療法 台大 副 校長 抗 sars 專家 張上淳 表示 目前 暫不 考慮 因其 體內 的 抗體 不足 若要 用 也 是 用 已 出院者 的 血漿 療法 是 把 康復者 的 血液 注射 到</t>
    <phoneticPr fontId="1" type="noConversion"/>
  </si>
  <si>
    <t>大陸 最近 在 試驗 性 的 使用 血漿 療法 許多 人 好奇 是否 能用 浙江 台商 的 血液 來 做 血漿 療法 台大 副 校長 抗 sars 專家 張上淳 表示 目前 暫不 考慮 因其 體內 的 抗體 不足 若要 用 也 是 用 已 出院者 的 血漿 療法 是 把 康復者 的 血液 注射 到 病 患 的 體內 但 時間 與 劑量 都 需 拿 捏 得當 因此 操作 不易 近日 大陸 武漢市 的 醫院 已 開始 在 病 患 身上 實施 血漿 療法 臨床 報告 的 結果 也 振奮人心 但 許多 專家 認為 該 療法 仍 需 更 多 的 實驗 與 研究 來 支持 對此 張上淳 今 下午 在 記者會 上 表示 目前 暫不 考慮 用 浙江 台商 的 抗體 做 血漿 療法 因為 其中 的 抗體 量 不足 若 真 的 要 嘗試 這個 試驗 性 療法 會 考慮 使用 已經 出院 復原 的 患者 但 整體 的 狀況 仍 在 討論 中</t>
    <phoneticPr fontId="1" type="noConversion"/>
  </si>
  <si>
    <t>養生 健康 血漿 療法 抗體 浙江 台商</t>
    <phoneticPr fontId="1" type="noConversion"/>
  </si>
  <si>
    <t>慢性病 確診 者 接續 離 世 侯友宜 哽咽 中央 不要 再 刁難 民間 買 疫苗</t>
    <phoneticPr fontId="1" type="noConversion"/>
  </si>
  <si>
    <t>雙北 疫情 延 燒 新北 市長 侯友宜 30 日 疫情 記者會 表示 越來越 多 長者 因為 有 慢性病 原本 輕 症 瞬間 轉 重症 送 去 icu 一下 就 走 了 他 哽咽 說 現在 是 跟 時間 賽跑 他們 都 是 我 的 新北 市民 都 是 我 的 親人 新北 除 了 不 斷開 病房</t>
    <phoneticPr fontId="1" type="noConversion"/>
  </si>
  <si>
    <t>雙北 疫情 延 燒 新北 市長 侯友宜 30 日 疫情 記者會 表示 越來越 多 長者 因為 有 慢性病 原本 輕 症 瞬間 轉 重症 送 去 icu 一下 就 走 了 他 哽咽 說 現在 是 跟 時間 賽跑 他們 都 是 我 的 新北 市民 都 是 我 的 親人 新北 除 了 不 斷開 病房 出來 也 呼籲 中央 疫苗 才 是 重點 有 很多 民間 企業 宗教團體 要買 疫苗 盼 中央 不要 再 刁難 希望 可以 快 一點 侯友宜 在 記者會 一 開始 用 台語 向 鄉親 喊話 今天 開 的 集中 檢疫 中心 馬上 就 滿 新北 市 病床 開到 1330 床 還是 不夠 他 認為 疫苗 才 是 最 重要 的 紓 解 方式 侯友宜 說 他 跟 中央 拜 讬 民間團體 有 這個 心要 協助 買 疫苗 不要 再 刁難 要 快 一點 再慢 進來 不 知道 要 走 多少 人 這樣 醫療 量 才能 撐住</t>
    <phoneticPr fontId="1" type="noConversion"/>
  </si>
  <si>
    <t>臺灣 2020 年度 代表 字 出爐 前 10 名 從 黑暗 中 看見 希望</t>
    <phoneticPr fontId="1" type="noConversion"/>
  </si>
  <si>
    <t>臺灣 2020 年度 代表 字 今天 出爐 結果 襲卷 全球 的 疫 字 獲得 壓倒 性 勝利 從 66 個 字 中 脫穎而出 拿下 總 票 數 82631 票 中的 28441 票 票數 幾乎 是 第 2 名 蓄 字 的 2 倍 此外 值得注意 的 是 今年 入選 前 10 名 的 候選 字 中 有 5 個 是 正</t>
    <phoneticPr fontId="1" type="noConversion"/>
  </si>
  <si>
    <t>歐陽娜 娜 展示 房間 證實 已 返台 曝 未來 動向 竟 被 罵 翻</t>
    <phoneticPr fontId="1" type="noConversion"/>
  </si>
  <si>
    <t>歐陽龍 與 傅娟 所生 的 三 千金 都 往 演藝圈 發展 其中 二女兒 歐陽娜 娜 於 人氣 及 知名度 上 算是 三 姊妹 中 最高 的 曾 被選為 95 後 新 四小花旦 而 有別於 大 姊 妮妮 娜娜 近年 將 演藝 重心 放在 大陸 甚至 公開 高喊 我 是 中國人</t>
    <phoneticPr fontId="1" type="noConversion"/>
  </si>
  <si>
    <t>歐陽龍 與 傅娟 所生 的 三 千金 都 往 演藝圈 發展 其中 二女兒 歐陽娜 娜 於 人氣 及 知名度 上 算是 三 姊妹 中 最高 的 曾 被選為 95 後 新 四小花旦 而 有別於 大 姊 妮妮 娜娜 近年 將 演藝 重心 放在 大陸 甚至 公開 高喊 我 是 中國人 而今 疫情 高漲 歐陽娜 娜 曝光 了 最新 vlog 證實 人 返台 住 臺北 但 卻 稱 只 是 暫時 目前 因 念 大學 及 工作 而 在 美國 中國 大陸 兩邊 跑 的 歐陽娜 娜 近日 在 個人 youtube 頻道 分享 最新 vlog 主題 是 room tour 根據 內容 描述 她 疑 似 因 疫情 而 回到 臺北 同屋 的 還有 姊 姊 歐陽 妮妮 而 娜娜 表示 她 在 美國 時 一直 有 網友 敲 碗 她 拍 room tour 但 她 始終 沒 答應 因為 覺得 房間 是 私 密 的 個人空間 也 比較 雜亂 所以 不 方便 分享 然 這次 卻 大方 分享 了 臺灣 的 房間 她 直言 是因為 這間 房間 我 只 是 暫時 回來 住 嘛 我 之後 還 是 可能 會 回 北京 或者 是去 別的 地方 多次 強調 僅 暫住 等於 說 我 走 了 之後 這個 房間 還 是 會 歸回 原樣 歐陽娜 娜 在 敏感時期 返台 加上 暫住 說 因 此 被 臺灣 網友 認為 就是 回 臺灣 避難 等 疫情 過去 就 會 離開 因此 酸 言 祖國 有 難 怎麼 跑 回來 臺灣 你 家鄉 又 不在 這 中國 不是 0 確診 嘛 幹 嘛 不 回去 自己 的 國家 而 陸 網友 大多 表示 看見 她 平安 就 放心 了</t>
    <phoneticPr fontId="1" type="noConversion"/>
  </si>
  <si>
    <t>美 疾 管局 不 建議 搭 郵輪 到 亞洲 仍 將 臺灣 列為 社區 傳播 地區</t>
    <phoneticPr fontId="1" type="noConversion"/>
  </si>
  <si>
    <t>台中 開 豪 宅 趴 釀 3 人 確診 家教 男 曾 到 萬華 疑為 感染 源</t>
    <phoneticPr fontId="1" type="noConversion"/>
  </si>
  <si>
    <t>揮刀 砍 3 護理 師 雙和 醫院 繼續 治 惡 男 竟 還 故意 吐 痰 辱駡</t>
    <phoneticPr fontId="1" type="noConversion"/>
  </si>
  <si>
    <t>新北 市 洪姓 確診 男子 上月 31 日 情緒 失控 在 雙和 醫院 持 刀 砍 傷 3 名 護理 師 其中 一 名 護理 師 手部 4 韌帶 2 神經 全斷 複健 期 至少 半 年 雙和 醫院 秉 持 專業 繼續 醫治 洪男 竟 還 故意 對 醫護人員 吐 痰 並用 言語 羞辱 醫護人員 在 醫護 人</t>
    <phoneticPr fontId="1" type="noConversion"/>
  </si>
  <si>
    <t>林夢萍</t>
    <phoneticPr fontId="1" type="noConversion"/>
  </si>
  <si>
    <t>秘魯 祖孫 帶病毒 返台 家屬 爆 機場 送別 曾 擁抱 健康狀況 曝光</t>
    <phoneticPr fontId="1" type="noConversion"/>
  </si>
  <si>
    <t>delta 印度 變異 株 進入 屏東社區 自 秘魯 返台 的 祖孫 遭 質疑 將 變種 病毒 帶回 台 不過 家屬 卻 表示 當初 持有 3 天 前 陰性 pcr 證明 且 在 秘魯 機場 也 有 和 家人 擁抱 送機 至今 未 傳出 身體 不適 抵達 台後 便 回到 屏 東 居家 檢疫 期間 足 不</t>
    <phoneticPr fontId="1" type="noConversion"/>
  </si>
  <si>
    <t>墾 丁成 疫情 重災區 大街 人潮 稀落 攤 商 叫苦</t>
    <phoneticPr fontId="1" type="noConversion"/>
  </si>
  <si>
    <t>上周 清明連 假 屏 東 墾 丁 大街 湧現 人潮 中央 也 緊急 發出 國家級 警報 本 週末 縣府 加強 大街 防疫 週五 六 晚上 實施 人 車 分離 管制 人流 戴 口罩 量 體溫 等 措施 不過 受到 國家 警報 影響 墾 丁 週末 住房 率 不 到 2 成 大街 十分 空 蕩</t>
    <phoneticPr fontId="1" type="noConversion"/>
  </si>
  <si>
    <t>疫情 不只 城市 受 影響 嘉 明湖 向陽 山 屋 住宿 也 減半</t>
    <phoneticPr fontId="1" type="noConversion"/>
  </si>
  <si>
    <t>疫苗 只 經 eua 就 上市 引發 不良反應 誰 負責 柯文哲 政府 要 賠償</t>
    <phoneticPr fontId="1" type="noConversion"/>
  </si>
  <si>
    <t>全國 接種 疫苗 後 嚴重 不良反應 人數 持續 增加 雖然 不 一定 皆 有 因果 關係 但 外界 也 響起 放寬 救濟 給付 審議 標準 的 呼聲 臺北市 長 柯文哲 8 日 指出 既然 臺灣 有 藥害 救濟 基金 制度 有 做 完整 臨床 三期 的 藥物 賠 給 民眾 的 錢就 從 該 基</t>
    <phoneticPr fontId="1" type="noConversion"/>
  </si>
  <si>
    <t>全國 接種 疫苗 後 嚴重 不良反應 人數 持續 增加 雖然 不 一定 皆 有 因果 關係 但 外界 也 響起 放寬 救濟 給付 審議 標準 的 呼聲 臺北市 長 柯文哲 8 日 指出 既然 臺灣 有 藥害 救濟 基金 制度 有 做 完整 臨床 三期 的 藥物 賠 給 民眾 的 錢就 從 該 基金 去 支出 若 沒有 就 由 政府 出錢 賠償 但 兩者 審查 標準 要 一樣 北 市府 下午 舉行 防疫 記者會 柯文哲 指出 藥物 進行 完整 臨床 三級 試驗 取得 藥 證 拿到 市面 兜售 時 要 提供 一定 比例 的 錢 給 藥害 救濟 基金 將來 用藥 出現 問題 時 只要 醫生 有 判定 這 是 因 藥物 引起 的 不良反應 即 可 使用 該 基金 來 補償 病人 他 過去 曾 擔任 藥害 救濟 基金 的 委員 因 此 很 清楚 程式 柯文哲 解釋 eua 緊急 使用 授權 是 疫苗 沒有 完整 做 完 的 臨床 三級 試驗 國家 基於 緊急 需要 特許 該 疫苗 在 沒 做 完整 試驗 的 情況 下 上市 倘若 出現 因 藥物 引起 的 副作用 特別 是 嚴重 不良反應 到底 是 誰 要 賠 這筆 錢 答案 是 政府 賠 柯文哲 認為 既然 臺灣 有 藥害 救濟 基金 制度 有 做 完整 臨床 三期 的 藥物 賠 給 民眾 的 錢就 從 該 基金 去 支出 若 藥物 沒有 做 完 臨床 三期 而是 用 eua 去 授權 使用 如果 出現 副作用 就 直接 由 政府 來 付錢 但 兩者 審查 標準 可以 一樣 意 即 出錢 單位 不同 但 使用 相同 的 審查 標準 制度</t>
    <phoneticPr fontId="1" type="noConversion"/>
  </si>
  <si>
    <t>蓋茲 談 疫情 復工 的 5 要件 缺一不可</t>
    <phoneticPr fontId="1" type="noConversion"/>
  </si>
  <si>
    <t>接受 過 多 資訊 民眾 焦慮 上身</t>
    <phoneticPr fontId="1" type="noConversion"/>
  </si>
  <si>
    <t>肺炎 大量 焦慮 感染 民眾</t>
    <phoneticPr fontId="1" type="noConversion"/>
  </si>
  <si>
    <t>出席 黨中央 研討會 侯友宜 目前 須先 專心 防疫 工作</t>
    <phoneticPr fontId="1" type="noConversion"/>
  </si>
  <si>
    <t>新北 市長 侯友宜 22 日 被 媒體 問到 是否 會 出席 黨中央 舉辦 的 研討會 侯友宜 表示 現在 都 一心一意 對抗 疫情 對 其他 事情 沒想 太 多 把 市長 的 工作 做好 這 才是 最 重要 的 侯友宜 強調 新北 市 有 許多 歸國 學子 他 必須 要 先 將 這些 人</t>
    <phoneticPr fontId="1" type="noConversion"/>
  </si>
  <si>
    <t>新北 市長 侯友宜 22 日 被 媒體 問到 是否 會 出席 黨中央 舉辦 的 研討會 侯友宜 表示 現在 都 一心一意 對抗 疫情 對 其他 事情 沒想 太 多 把 市長 的 工作 做好 這 才是 最 重要 的 侯友宜 強調 新北 市 有 許多 歸國 學子 他 必須 要 先 將 這些 人 照顧 好 媒體 再 追問 會派 人 代表 參加 嗎 侯僅 簡短 回應 我 現在 以 防疫 為 最 重要</t>
    <phoneticPr fontId="1" type="noConversion"/>
  </si>
  <si>
    <t>侯友宜 工作 市長 國民黨 研討會</t>
    <phoneticPr fontId="1" type="noConversion"/>
  </si>
  <si>
    <t>金馬 奇幻 影展 4 月 登場 曾 敬驊 登 開幕 片</t>
    <phoneticPr fontId="1" type="noConversion"/>
  </si>
  <si>
    <t>大戰 肺炎 名字 林嘉欣 陳昊 森</t>
    <phoneticPr fontId="1" type="noConversion"/>
  </si>
  <si>
    <t>協商 失敗 以色列 逾 百萬 劑 輝瑞 疫苗 恐 被迫 銷毀</t>
    <phoneticPr fontId="1" type="noConversion"/>
  </si>
  <si>
    <t>疫情 受 控 瑞德西韋 在 陸 臨床 試驗 喊停</t>
    <phoneticPr fontId="1" type="noConversion"/>
  </si>
  <si>
    <t>美國 吉利 德 公司 研發 的 抗 病毒 藥物 瑞德西韋 remdesivir 已經 停止 了 在 大陸 的 2 項 臨床 試驗 成人 重症 試驗 和 成人 輕 症 和 中度 症狀 組 的 臨床 試驗 原因 是 疫情 已 受 控 已 無 符合條件 患者 加入 澎湃 新聞報導 臨床實驗 網站 cli</t>
    <phoneticPr fontId="1" type="noConversion"/>
  </si>
  <si>
    <t>第二 波 疫情 與 鮭魚 有 關? 張上淳 打 臉 機會 很 小</t>
    <phoneticPr fontId="1" type="noConversion"/>
  </si>
  <si>
    <t>境外 基金 規模 6 年 新低</t>
    <phoneticPr fontId="1" type="noConversion"/>
  </si>
  <si>
    <t>投資人 境外 基金 基金 新低 贖回</t>
    <phoneticPr fontId="1" type="noConversion"/>
  </si>
  <si>
    <t>川普 十月 驚奇 美國 拜登 總統大選</t>
    <phoneticPr fontId="1" type="noConversion"/>
  </si>
  <si>
    <t>百萬 劑 莫德納 明天 抵 台 陳時中 曝 最 快 開 打 時間</t>
    <phoneticPr fontId="1" type="noConversion"/>
  </si>
  <si>
    <t>拜登 來 新高 日經指數 指數 大 漲 疫 苖</t>
    <phoneticPr fontId="1" type="noConversion"/>
  </si>
  <si>
    <t>對 緊急 事態 宣言 麻痹 日本 街頭 依舊 人潮 洶湧</t>
    <phoneticPr fontId="1" type="noConversion"/>
  </si>
  <si>
    <t>緊急 事態 宣言 知事 大 阪 府 全國 民眾</t>
    <phoneticPr fontId="1" type="noConversion"/>
  </si>
  <si>
    <t>徐國勇 拼 了 老 骨頭 下海 拍 防疫 動 茲 動</t>
    <phoneticPr fontId="1" type="noConversion"/>
  </si>
  <si>
    <t>真的 那麼 安心 連 假人 潮 傾巢而出 林 氏 璧 驚 14 天內 就 知道 了</t>
    <phoneticPr fontId="1" type="noConversion"/>
  </si>
  <si>
    <t>中秋節 連 假 迎來 尾聲 不少 民眾 趁 著 4 天 假日 到 外地 出遊 前臺 大 感染 科 醫師 林氏 璧 坦言 被 這 波 傾巢而出 的 人潮 給 嚇到 直 呼 大家 好像 是 不是 都 忘記 還 在 二級 目前 delta 群 聚 看似 匡住 但 仍 沒有 完全 收尾 難保 社區 沒有 任何</t>
    <phoneticPr fontId="1" type="noConversion"/>
  </si>
  <si>
    <t>中秋 連 假 林氏 璧 出遊 14 天 delta</t>
    <phoneticPr fontId="1" type="noConversion"/>
  </si>
  <si>
    <t>ikea 開 賣 自組 棺材 網瘋 傳 官方 證實 惡 搞</t>
    <phoneticPr fontId="1" type="noConversion"/>
  </si>
  <si>
    <t>ikea 棺材 組裝 自組 瑞典</t>
    <phoneticPr fontId="1" type="noConversion"/>
  </si>
  <si>
    <t>金門 金正好 購 商品 專區 上架 縣長 直播 客串 叫賣 哥</t>
    <phoneticPr fontId="1" type="noConversion"/>
  </si>
  <si>
    <t>錢多 利率 低 新 基金 募集 熱</t>
    <phoneticPr fontId="1" type="noConversion"/>
  </si>
  <si>
    <t>今年 國內 投 信業 者 新 基金 募集 多元 不但 檔 數 增加 成效 也 佳 重現 2016 年 國內 高 收益 債 基金 募集 熱潮 導致 多 檔 基金 公告 額 滿 暫停 申購 的 情況 不只 年初 再現 柏瑞 esg 量化 基金 公告 暫停 申購 日前 募集 只 有 五 天 即 宣告 額 滿 的 中信</t>
    <phoneticPr fontId="1" type="noConversion"/>
  </si>
  <si>
    <t>額 滿 公告 首 見 基金 投 信</t>
    <phoneticPr fontId="1" type="noConversion"/>
  </si>
  <si>
    <t>國際 經濟 疫情 趨 緩 義 大利 5 月 4 日 起 逐步 解封</t>
    <phoneticPr fontId="1" type="noConversion"/>
  </si>
  <si>
    <t>爆 陳時中 沒 搞 清楚 狀況 藍委 臺灣 代工 疫苗 慢 半 拍</t>
    <phoneticPr fontId="1" type="noConversion"/>
  </si>
  <si>
    <t>國衛院 6 月 28 日 宣佈 政府 有意 透過 國衛院 向 莫德納 尋求 疫苗 代 工 機會 對此 藍委李 貴 敏 表示 她 在 5 月 時 就 曾在 立院 質詢 衛福 部長 陳時中 關於 mrna 疫苗 代 工 問題 當時 陳 回應 臺灣 的 技術 還 不 成熟 沒到 代 工 的 程度 但 臺灣</t>
    <phoneticPr fontId="1" type="noConversion"/>
  </si>
  <si>
    <t>51 歲 自信 全裸 身 珍妮佛羅 培 茲 新 單曲 封面 太 驚人</t>
    <phoneticPr fontId="1" type="noConversion"/>
  </si>
  <si>
    <t>珍妮佛羅 培 茲 翹 臀 珍 新 單 曲 封面 全裸</t>
    <phoneticPr fontId="1" type="noConversion"/>
  </si>
  <si>
    <t>暗 諷 澳 鬧 衛生紙 荒 小報 貼心 印 8 頁 空白 供 急用</t>
    <phoneticPr fontId="1" type="noConversion"/>
  </si>
  <si>
    <t>抱 遊戲機 大 單 台積 7 奈 米 備戰</t>
    <phoneticPr fontId="1" type="noConversion"/>
  </si>
  <si>
    <t>超 微 半 客 制 化 架構 微軟 運算</t>
    <phoneticPr fontId="1" type="noConversion"/>
  </si>
  <si>
    <t>風濕 也 是 肺炎 高風險 群 醫 籲 病友 這樣 抗 疫</t>
    <phoneticPr fontId="1" type="noConversion"/>
  </si>
  <si>
    <t>免疫 感染 病 患 肺炎 風濕科</t>
    <phoneticPr fontId="1" type="noConversion"/>
  </si>
  <si>
    <t>京元電 爆 群 聚 案 勞動部 其 移 工 不得 任意 外出</t>
    <phoneticPr fontId="1" type="noConversion"/>
  </si>
  <si>
    <t>香港 新高 失業率 難 扭轉 經濟 疲弱</t>
    <phoneticPr fontId="1" type="noConversion"/>
  </si>
  <si>
    <t>黃珊珊 本土 delta 個案 北市 最速 處理</t>
    <phoneticPr fontId="1" type="noConversion"/>
  </si>
  <si>
    <t>基隆 男 高中生 媽媽 確診 為 美 香 齋 餅 店 員工</t>
    <phoneticPr fontId="1" type="noConversion"/>
  </si>
  <si>
    <t>基隆 市 昨 有 一 名 男 高中生 案 1554 確診 中央 匡列 66 人 居家 隔離 今 采 檢 結果 出爐 其 母親 案 1826 為 陽性 市政府 進一步 公佈 男 高中生 媽媽 足跡 她 是 美 香 齋 餅 店員 工 店家 位 在 仁五路 51 號 5 月 1 日 至 5 月 9 日 5 月 13 日 5</t>
    <phoneticPr fontId="1" type="noConversion"/>
  </si>
  <si>
    <t>基隆 市 昨 有 一 名 男 高中生 案 1554 確診 中央 匡列 66 人 居家 隔離 今 采 檢 結果 出爐 其 母親 案 1826 為 陽性 市政府 進一步 公佈 男 高中生 媽媽 足跡 她 是 美 香 齋 餅 店員 工 店家 位 在 仁五路 51 號 5 月 1 日 至 5 月 9 日 5 月 13 日 5 月 14 日 皆 有 上班 呼籲 民眾 這 段 時間 有 前往 需注意 自身 健康狀況 市長 林右昌 表示 男 高中生 的 家屬 采 檢 出爐 其父 親 姊 姊 為 陰性 媽媽 則 是 呈現 陽性 經 衛生局 疫 調 媽媽 是 美 香 齋 餅 店員 工 5 月 1 日 至 5 月 9 日 早上 8 點 到 下午 8 點 上班 5 月 13 日 14 日 早上 8 點 到 下午 6 點 上班 林右昌 進一步 公佈 男 高中生 足跡 他 說 個案 在 5 月 2 日 下午 4 點 到 6 點 到 過 孝二路 63 號 3 樓貓 腳印 卡 牌 店 與 同學 玩 桌 遊 當日 晚上 6 點 到 7 點 半 在 基隆 皇冠 大樓 6 樓兩 餐 餐廳 用餐 5 月 8 號 下午 3 點 到 5 點 與 同學 在 愛 四 路 45 號 福勝亭 用餐 用 完 餐 再 前往 愛 三 路 87 號 1 樓初沐 飲料店 買 飲料 另外 5 月 10 日 早上 11 點 半 到 下午 1 點 男 高中生 與 家人 位於 中山二路 65 巷 105 號 虎仔 山 休閒 咖啡館 用餐 當天 下午 4 點 到 6 點 與 9 名 家人 包括 父母 姊 姊 以及 外公 外婆 等 人 前往 孝四路 7 號 三 姊妹 熱 炒 店 用餐 5 月 13 日 下午 4 點 半 到 晚上 8 點 在 仁二路 191 號 4 樓 明日 卡 牌 與 同學 玩 桌 5 月 14 日 早上 11 點 50 分到 下午 2 點 在 愛 三 路 116 號 麥當勞 用餐 當天 下午 4 點 15 分到 6 點 15 分在 貓 腳印 卡 牌 店 玩 桌 遊</t>
    <phoneticPr fontId="1" type="noConversion"/>
  </si>
  <si>
    <t>李克強 取消 妨礙 復工 複產 的 不合理 規定</t>
    <phoneticPr fontId="1" type="noConversion"/>
  </si>
  <si>
    <t>美 承諾 贈 台 75萬 劑 疫苗 真 的 要來 了 高官 證實 非常 短 時間 內 送出</t>
    <phoneticPr fontId="1" type="noConversion"/>
  </si>
  <si>
    <t>故鄉情！南投縣同鄉總會鳳還巢 1200人齊聚埔裡歡唱</t>
    <phoneticPr fontId="1" type="noConversion"/>
  </si>
  <si>
    <t>故 鄉情 南 投 縣 同鄉 總會 鳳還巢 1200 人 齊聚 埔裡 歡唱</t>
    <phoneticPr fontId="1" type="noConversion"/>
  </si>
  <si>
    <t>臺灣區 南 投 縣 同鄉 會 聯合 總會 6 日 在 埔裡 鎮 帝 一 村 餐廳 熱鬧 舉行 一年一度 的 鳳還巢 返鄉 活動 及 全國 鄉親 歌唱 總 決賽 由 總 會長 陳文 質 主持 來自 全台 逾 1200 位 旅外 南 投 同鄉 熱烈 到場 參與 縣長 林明溱 特別 到場 致意 歡迎 鄉親 回 南</t>
    <phoneticPr fontId="1" type="noConversion"/>
  </si>
  <si>
    <t>南 投 縣 同鄉 總會 振興 五 倍 券 振興 券 五 倍 券 相關 新聞</t>
    <phoneticPr fontId="1" type="noConversion"/>
  </si>
  <si>
    <t>日本 救 經濟 追加 1 1 兆 美元</t>
    <phoneticPr fontId="1" type="noConversion"/>
  </si>
  <si>
    <t>衰退 方案 肺炎 日本 經濟 支出</t>
    <phoneticPr fontId="1" type="noConversion"/>
  </si>
  <si>
    <t>鴻 海 台積電 陳時中 輝瑞 bnt 疫苗</t>
    <phoneticPr fontId="1" type="noConversion"/>
  </si>
  <si>
    <t>全台 供 電 吃緊 產 發 局 會 確保 快 篩 站 穩定 供電</t>
    <phoneticPr fontId="1" type="noConversion"/>
  </si>
  <si>
    <t>全台 持續 飆 高溫 居家 辦公 人數 增加 使用 電 拉 警報 外界 憂心 快 篩 站 一旦 停電 快 篩 恐 停 擺 為 確保 快 篩 站 正常 運作 北市 產 發 局 協調 台電 把 快 篩 站 排 出 在 分區 停電 組別 外 另 遇到 其他 緊急 用電 需求 萬華 區公所 也 會 提供 協助</t>
    <phoneticPr fontId="1" type="noConversion"/>
  </si>
  <si>
    <t>全台 持續 飆 高溫 居家 辦公 人數 增加 使用 電 拉 警報 外界 憂心 快 篩 站 一旦 停電 快 篩 恐 停 擺 為 確保 快 篩 站 正常 運作 北市 產 發 局 協調 台電 把 快 篩 站 排 出 在 分區 停電 組別 外 另 遇到 其他 緊急 用電 需求 萬華 區公所 也 會 提供 協助 確保 快 篩 站 供電 穩定 正常 近日 全台 供 電 不 穩定 依據 台電公司 目前 最新 停電 分組 下 一 組 停電 規 畫 為 e f 組 經查 北市 萬 華區 西園 醫院 就 被 列為 下 一 波 停電 的 e 組 產 發 局 公用事業 科長 何明育 指出 配合 防疫 需求 已 與 台電公司 臺北市 區 營業處 協調 如 啟動 分區 輪流 停電 時 將 原屬 於 e 組 的 西園 醫院 排除 以利 快 篩 站 作業 能 持續 此外 其他 包括 北市 聯合醫院 和平 院區 中興 院區 及 剝 皮 寮 和平 青草 園 等 其他 4 處 快 篩 站 都 已 排除 在 停電 分區 外 他 表示 另 與 萬華 區公所 保持聯繫 如 快 篩 站 有 緊急 用電 需求 除 可 商請 消防局 調派 消防車 前往 協助 外 產業 局 也 會 協調 台電 協助 此外 產業 局 19 日 己 以 電話 或電子郵件 通知 北市 800 kw 以上 工商業者 加強 節電 措施</t>
    <phoneticPr fontId="1" type="noConversion"/>
  </si>
  <si>
    <t>蔡英文 年輕 支持 度 為何 下滑 民進 党 元老 曝 2 關鍵因素</t>
    <phoneticPr fontId="1" type="noConversion"/>
  </si>
  <si>
    <t>中職 火腿 確診 數 暴 增 比賽 取消 王柏融 吳念庭 危險</t>
    <phoneticPr fontId="1" type="noConversion"/>
  </si>
  <si>
    <t>杯 面 沒 喝 完 的 湯 怎 辦 日清 曝 超 省 吃法</t>
    <phoneticPr fontId="1" type="noConversion"/>
  </si>
  <si>
    <t>日清 泡 面 杯 面 美食 生活 巧 思 銷魂 吃法</t>
    <phoneticPr fontId="1" type="noConversion"/>
  </si>
  <si>
    <t>巴西 川普 趴 趴 走 練肖話 人 終 須一 死</t>
    <phoneticPr fontId="1" type="noConversion"/>
  </si>
  <si>
    <t>病毒 肺炎 一 死 死亡 累計</t>
    <phoneticPr fontId="1" type="noConversion"/>
  </si>
  <si>
    <t>恐 夏天 才 重返 唐甯街 英 相 強生 進 icu 最新 病況 曝光</t>
    <phoneticPr fontId="1" type="noConversion"/>
  </si>
  <si>
    <t>高 醫大 防疫 超前 部署 百 人 以上 改為 線 上 授課</t>
    <phoneticPr fontId="1" type="noConversion"/>
  </si>
  <si>
    <t>金門 婦人 掉落 大 排 摸黑 搶救 順利 脫困</t>
    <phoneticPr fontId="1" type="noConversion"/>
  </si>
  <si>
    <t>金門 徐姓 婦人 昨 8 日 晚餐 後 偕 老公 出門 散步 因 天色 昏暗 不慎 掉落 水深 及 膝 的 大 排水溝 縣 消防 局 據 報 火速 派員 趕到 現場 將 全身 癱軟 無力 的 她 送醫 急診 完成 一 樁 緊急 救援 任務 昨晚 19 時 25 分 許 51 歲 徐姓 婦人 和 老公 走 在</t>
    <phoneticPr fontId="1" type="noConversion"/>
  </si>
  <si>
    <t>金門 徐姓 婦人 昨 8 日 晚餐 後 偕 老公 出門 散步 因 天色 昏暗 不慎 掉落 水深 及 膝 的 大 排水溝 縣 消防 局 據 報 火速 派員 趕到 現場 將 全身 癱軟 無力 的 她 送醫 急診 完成 一 樁 緊急 救援 任務 昨晚 19 時 25 分 許 51 歲 徐姓 婦人 和 老公 走 在 金沙鎮 何 浦 國小 前方 產業 道路 因 天色 昏暗 照明 不 佳 不慎 掉落 大 排水溝 縣 消防 局 據 報 出動 金沙 金湖 2 分隊 幹員 趕 抵 現場 由於 大 排水溝 水深 及 膝 情況 頗為 危急 在 小隊長 李 正義 現場 指揮 下 包括 隊員 周君全 吳國輝 及 林練富 役男 王 羿凱 等 人 通力合作 運用 雙節 梯 下水 確認 再 吊 掛 雙腳 癱軟 腰部 疼痛 的 徐婦 脫離 水面 因 徐婦 在 3 月 18 日 剛 從 大陸 老家 返 金 救難 人員 還 特地 讓 她 戴 上 口罩 切實做好 相關 防疫 作業 後 再 送 往 金門 醫院 急救 縣 消防 局 指出 大 排水溝 現場 雜草叢生 又 佈滿 青苔 增加 救援 的 困難 度 還好 消防人員 平日 常有 摸 擬 演練 救難 過程 中 展現 精 實 專業技能 獲得 家屬 和 當地 民眾 肯定 和 好評</t>
    <phoneticPr fontId="1" type="noConversion"/>
  </si>
  <si>
    <t>水溝 排水溝 大 排水溝 現場 消防 局</t>
    <phoneticPr fontId="1" type="noConversion"/>
  </si>
  <si>
    <t>金融 股 台企 銀 紓困 小攤 商 首日 核准 逾 千萬 元</t>
    <phoneticPr fontId="1" type="noConversion"/>
  </si>
  <si>
    <t>台企 銀 台企 銀 攤 商 小規模 營業 人</t>
    <phoneticPr fontId="1" type="noConversion"/>
  </si>
  <si>
    <t>居家 辦公 卻 奔 陽明 山 遊玩 恐 觸 法 律師 最重 判 7 年</t>
    <phoneticPr fontId="1" type="noConversion"/>
  </si>
  <si>
    <t>全國 疫情 進入 三級 警戒 一再 宣導 民眾 減少 外出 但 上週末 陽明 山 國家公園 的 停車場 仍 車潮 不斷 氣 得 臺北市 長 柯文哲 說 重話 讓 公務員 居家 辦公 不是 讓 你 全家 開車 上山 曾任 檢察官 的 律師 翁 偉倫 指出 上班時間 公務員</t>
    <phoneticPr fontId="1" type="noConversion"/>
  </si>
  <si>
    <t>全國 疫情 進入 三級 警戒 一再 宣導 民眾 減少 外出 但 上週末 陽明 山 國家公園 的 停車場 仍 車潮 不斷 氣 得 臺北市 長 柯文哲 說 重話 讓 公務員 居家 辦公 不是 讓 你 全家 開車 上山 曾任 檢察官 的 律師 翁 偉倫 指出 上班時間 公務員 若 人 在 外面 卻 填寫 在 家裡 恐 涉 公務員 登載 不實 罪 最重 7 年 刑 私人企業 員工 則 可能 觸犯 業務 登載 不實 最重 3 年 刑 上週末 是 全國 進入 三級 警戒 的 第 一個 週末 然而 根據 陽明山 國家公園 即時 影像 發現 二 子 坪 擎 天 崗 小 油 坑 等 處 停車場 不但 有 許多 車輛 進出 甚至 一度 出現 排隊 的 狀況 可見 遊客 眾多 這樣 的 狀況 氣 得 臺北市 長 柯文哲 在 周日 的 防疫 記者會 上 說 重話 表示 給 同學 停課 不是 叫 你 去 開 party 給 公務員 居家 辦公 也 不是 叫 你 全家 開車 到 陽明山 就 連新聞 台主 播 房業涵 在 播報 陽明山 遊客 新聞 時 也 不禁 脫口而出 真 的 不 知道 在 想 什麼 曾 任 檢察官 的 律師 翁 偉倫 接受 自由 時報 採訪 他 表示 登載 員工 出勤 紀錄 除了 有 行政責任 還 涉及 刑責 也就是說 除了 機關 公司 的 記過 懲戒 等 處分 員工 還 可能 吃上官司 翁 偉倫 解釋 線 上 簽 到時 若 公務員 人 在 外面 卻 填寫 在家 可能 觸犯 刑法 第 213 條 公務員 登載 不實 罪 可 處 1 7 年 刑 如果 是 私人企業 的 員工 則 可能 觸犯 同 法 第 215 條 的 業務 登載 不實 罪 最重 3 年 刑 不過 另 有 法官 指出 居家 辦公 者 若 先 在家 簽到 之後 才 跑出去 等同 蹺 班 應該 就 不 涉 刑責 但 無法 避免 行政 懲處</t>
    <phoneticPr fontId="1" type="noConversion"/>
  </si>
  <si>
    <t>獨 五 股 獅子 會 現任 會長 傳訊 要 去 當兵 了 疑 確診</t>
    <phoneticPr fontId="1" type="noConversion"/>
  </si>
  <si>
    <t>美國 知名 節目 艾倫秀 主持人 艾倫 狄珍妮 ellen degeneres 近期 負面新聞 不 斷 一向 給 人 親 民 形象 的 他 遭 工作人員 指控 是 雙面 人 之外 更 被 爆 料 艾倫 的 工作 團隊 有 惡劣 的 職 場 文化 內部 高層 涉及 種族歧視 性騷擾 下屬</t>
    <phoneticPr fontId="1" type="noConversion"/>
  </si>
  <si>
    <t>6 月 寒 停課 收入 歸零 補 教 業 呼籲 政府 從優 從速 從寬 紓困</t>
    <phoneticPr fontId="1" type="noConversion"/>
  </si>
  <si>
    <t>全台 大 停課 包括 補習班 課後 才藝 安親班 等 補 教 業 收入 歸零 除了 要 支付 房租 薪資 還要 退費 給 學生 勉強 撐過 5 月 6 月 已 危在旦夕 補 教 業者 表示 與其 讓 安親 才藝 倒 光光 政府 再 去 養 失業 老師 不如 從寬 讓 補習班 專案 貸</t>
    <phoneticPr fontId="1" type="noConversion"/>
  </si>
  <si>
    <t>大家都開什麼線上商店？樂天市場公佈疫情下新店趨勢</t>
    <phoneticPr fontId="1" type="noConversion"/>
  </si>
  <si>
    <t>大家 都開 什麼 線 上 商店 樂天 市場 公佈 疫情 下 新 店 趨勢</t>
    <phoneticPr fontId="1" type="noConversion"/>
  </si>
  <si>
    <t>樂天 市場 數位 轉型 線 上 開 店 統計 網 購</t>
    <phoneticPr fontId="1" type="noConversion"/>
  </si>
  <si>
    <t>菲 有望 解禁 杜特蒂 將 親 審 對 台 旅行 禁令</t>
    <phoneticPr fontId="1" type="noConversion"/>
  </si>
  <si>
    <t>零 症狀 到 不能 走路 僅 幾 小時 她 曝 發病 恐怖 經過</t>
    <phoneticPr fontId="1" type="noConversion"/>
  </si>
  <si>
    <t>美國 政府 日前 宣佈 入境 新 規 11 月 8 日 起 必須 要 有 完整 的 疫苗 接種 才 准入 境 國民黨 立 委 蔣 萬安 今天 質詢 時 要求 衛福部 應盡 速 研 擬 緊急 第二 劑 疫苗 的 補救 方案 讓 有 迫切 赴美 需求 的 國人 能夠 接種 對此 衛福 部長 陳時中 當面 允諾</t>
    <phoneticPr fontId="1" type="noConversion"/>
  </si>
  <si>
    <t>NBA》勇士宣佈格林與榜眼新秀懷斯曼得新冠肺炎</t>
    <phoneticPr fontId="1" type="noConversion"/>
  </si>
  <si>
    <t>李翊君 愛 女王 敏淳 自 美 返台 引 網友 開戰 公司 回應 尊重 網友 發言</t>
    <phoneticPr fontId="1" type="noConversion"/>
  </si>
  <si>
    <t>王敏淳 檢場 李翊君 破 洞 臺灣</t>
    <phoneticPr fontId="1" type="noConversion"/>
  </si>
  <si>
    <t>彰 化 國 中生 打 bnt 右腿 失去知覺 急診 住院</t>
    <phoneticPr fontId="1" type="noConversion"/>
  </si>
  <si>
    <t>默克 抗 疫 口服藥 簽約 中 莊人祥 未來 輕 症 可 在家 隔離 吃藥</t>
    <phoneticPr fontId="1" type="noConversion"/>
  </si>
  <si>
    <t>港媒揭露陸政府未公開檔　早在11月中旬就有新冠肺炎病例</t>
    <phoneticPr fontId="1" type="noConversion"/>
  </si>
  <si>
    <t>北市 聯 醫 陽明 院區 爆 群 聚 8 工作人員 pcr 陽性</t>
    <phoneticPr fontId="1" type="noConversion"/>
  </si>
  <si>
    <t>實 名 制 口罩 自動 販賣 系統 北市 試辦 開 賣</t>
    <phoneticPr fontId="1" type="noConversion"/>
  </si>
  <si>
    <t>居酒 屋 關起門 9 人 無 罩 k 歌 中 市 警 上門 還 辯稱 親友 聚會</t>
    <phoneticPr fontId="1" type="noConversion"/>
  </si>
  <si>
    <t>隨 著 國內 疫情 嚴峻 台中 市 早 在 15 日 宣佈 酒店 舞廳 等 11 大 行業 暫停營業 台中 市北 屯 區 一家 居酒 屋 卻 無視 規定 25 日 淩晨 關起門來 k 歌 帆布 掩蓋 的 門面 卻 傳出 陣陣 歡唱 聲 警方 獲 報 上門 訝 然 發現 裡頭 9 名 男女 聚 在 一起 飲酒</t>
    <phoneticPr fontId="1" type="noConversion"/>
  </si>
  <si>
    <t>隨 著 國內 疫情 嚴峻 台中 市 早 在 15 日 宣佈 酒店 舞廳 等 11 大 行業 暫停營業 台中 市北 屯 區 一家 居酒 屋 卻 無視 規定 25 日 淩晨 關起門來 k 歌 帆布 掩蓋 的 門面 卻 傳出 陣陣 歡唱 聲 警方 獲 報 上門 訝 然 發現 裡頭 9 名 男女 聚 在 一起 飲酒 k 歌 還有 多 人 沒 戴 口罩 當場 開立 紀錄 表 並 移 請 相關 單位 依法 裁 罰 遏止 疫情 破 口 產生 台中 市 第 五 警 分局 四平 所 員警 25 日 4 時獲 報 環中路 某 居酒 屋 有 違反 防疫 禁令 情形 警方 抵達 現場 後 見 居酒 屋 以 帆布 掩蓋 店面 但 屋內 卻 仍 傳出 陣陣 歡唱 聲 室內 霓虹燈 閃爍 隨即 入門 查緝 看到 警方 上門 34 歲 居酒 屋 林姓 店東 還 辯稱 沒有 在 營業 大家 都 是 親友 啦 但 現場 含 負責人 共有 9 人 已 超過 中央 防疫 三級 警戒 規範 全面禁止 室內 5 人 以上 室外 10 人 以上 聚會 尤其 9 名 男女 還有 多 人 未戴 口罩 現場 桌上 擺放 小吃 酒類 以及 麥克風 皆 來不及 收 十 顯然 有 繼續 營業 及 違法 群 聚 情事 警方 現場 立即 開立 紀錄 表 將 依 違反 防疫 規定 配戴 口罩 禁止 室內 5 人 以上 群 聚 禁止 現場 飲食 店 內 未 落實 實 聯 制 等 四 項 規定 移 請 市政府 相關 目的 事業 主管機關 裁處 分局長 林沐弘 表示 疫情 警戒 第 三級 期間 餐飲業 禁止 提供 現場 飲食 依 傳染病 防治法 可 處 3000 元 至 1萬5000 元 罰 鍰 另 違規 群 聚 也 將 依法 開 罰 6萬 至 30萬 元 籲 業者 勿 心存僥倖 以身試法 中 時 新聞網 關心 您 喝酒 過量 有礙 健康 中 時 新聞網 提醒您 酒後 不 開車 安全 有 保障</t>
    <phoneticPr fontId="1" type="noConversion"/>
  </si>
  <si>
    <t>官兵 敦睦 艦隊 一中 商 圈 軍方 商家</t>
    <phoneticPr fontId="1" type="noConversion"/>
  </si>
  <si>
    <t>跟進 中央 柯文哲 拍板 北市 明起 室外運動 室內外 拍照 免 戴 口罩</t>
    <phoneticPr fontId="1" type="noConversion"/>
  </si>
  <si>
    <t>世衛 專家 論壇 病毒 新 名稱 反 汙名 化 18 月 內 推出 疫苗</t>
    <phoneticPr fontId="1" type="noConversion"/>
  </si>
  <si>
    <t>林秉樞 遭 爆 7 月 用 特權 打 莫德納 網 想起 高嘉瑜 一 句 話 很 好笑</t>
    <phoneticPr fontId="1" type="noConversion"/>
  </si>
  <si>
    <t>涉嫌 施暴 綠 委 高嘉瑜 的 男子 林秉樞 今 遭 爆 料 在 今年 7 月 用 特權 接種 莫德納 疫苗 北 市府 證實 此 爆 料 為 真 對此 有 網友 表示 一直 覺得 高嘉瑜 當時 回應 禾馨 事件 很 詭異 回想 高 當時 曾說 過 男人 都 不能 相信 就 感到 很 好笑 粉</t>
    <phoneticPr fontId="1" type="noConversion"/>
  </si>
  <si>
    <t>林秉樞 莫德納 徐巧芯 陳時中 禾馨</t>
    <phoneticPr fontId="1" type="noConversion"/>
  </si>
  <si>
    <t>好 消息 瑞德西韋 治療 神效 道 瓊期 狂 噴 了</t>
    <phoneticPr fontId="1" type="noConversion"/>
  </si>
  <si>
    <t>台中 國家 歌劇院 微 解封 餐廳 提供 限 時 外帶 外 送</t>
    <phoneticPr fontId="1" type="noConversion"/>
  </si>
  <si>
    <t>台中 國家 歌劇院 微 解封 雖不 開放 觀眾 進場 但 駐 店 餐廳 維持 營運 提供 限 時 外帶 外 送 服務 並 結合 線 上 餐 點 訂購 平臺 擴大 服務 效益 台中 國家 歌劇院 表示 目前 嚴格 控管 歌劇院 各 空間 容留 人數 出入口 管制 工作人員 動 線</t>
    <phoneticPr fontId="1" type="noConversion"/>
  </si>
  <si>
    <t>無 接觸 台中 國家 歌劇院 微 解封 餐廳 限 時</t>
    <phoneticPr fontId="1" type="noConversion"/>
  </si>
  <si>
    <t>北 北 基 桃 首都 生活 圈 破裂 林右昌 要求 重視 基隆 人民</t>
    <phoneticPr fontId="1" type="noConversion"/>
  </si>
  <si>
    <t>為 何不 廣 設普 篩 陳其邁 重申 2 關鍵</t>
    <phoneticPr fontId="1" type="noConversion"/>
  </si>
  <si>
    <t>高雄 市政府 防疫 會議 會後 記者會 媒體 再度 問及 高市 不 廣設普 篩 的 原因 市長 陳其邁 再度 重申 2 條件 一個 是 社區 流行 盛行 率 高時 其次 是 要 針對 特定 的 群 聚 感染 快 篩 在 盛行 率 過 低 時 篩 出 的 偽 陽性 偏 高 會 增加 後端 醫療 不必</t>
    <phoneticPr fontId="1" type="noConversion"/>
  </si>
  <si>
    <t>電鍋 蒸 口罩 也 可 幫助 歐美 網 答案 一面倒</t>
    <phoneticPr fontId="1" type="noConversion"/>
  </si>
  <si>
    <t>電鍋 蒸 口罩 外國人 陳時中 幫助 歐美 蒸 口罩</t>
    <phoneticPr fontId="1" type="noConversion"/>
  </si>
  <si>
    <t>雙北宣佈高中以下停課 若雇主不給家長請假最高可罰30萬</t>
    <phoneticPr fontId="1" type="noConversion"/>
  </si>
  <si>
    <t>雙北 宣佈 高中 以下 停課 若 雇主 不 給 家長 請假 最高 可 罰 30萬</t>
    <phoneticPr fontId="1" type="noConversion"/>
  </si>
  <si>
    <t>國內 疫情 嚴重 惡化 雙北 升為 第 三級 警戒 臺北市 長 柯文哲 坦言 今天 確診 比 昨天 多 宣佈 高中 以下 停課 為 避免 12 歲 以下 學童 無 人 照顧 家長 可 請 家庭 照顧 假 若 雇主 不 給 假 最高 可 罰 30萬 柯文哲 表示 北 市府 一早 先 宣佈</t>
    <phoneticPr fontId="1" type="noConversion"/>
  </si>
  <si>
    <t>權威 胸腔 醫師 曝 防疫 守則 高文 音 特殊 髮型 成 最佳 示範</t>
    <phoneticPr fontId="1" type="noConversion"/>
  </si>
  <si>
    <t>約基奇 中 了 nba 複賽 蒙 陰影</t>
    <phoneticPr fontId="1" type="noConversion"/>
  </si>
  <si>
    <t>名 球員 肺炎 球員 位 球員 球隊</t>
    <phoneticPr fontId="1" type="noConversion"/>
  </si>
  <si>
    <t>南投埔裡家庭群聚4確診 今起3天啟動兩醫院快篩專案</t>
    <phoneticPr fontId="1" type="noConversion"/>
  </si>
  <si>
    <t>南 投 埔裡 家庭 群 聚 4 確診 今 起 3 天啟 動 兩 醫院 快 篩 專案</t>
    <phoneticPr fontId="1" type="noConversion"/>
  </si>
  <si>
    <t>順 時 中 百貨 龍頭 購物 節 四一 開跑 已 超 錢 部署</t>
    <phoneticPr fontId="1" type="noConversion"/>
  </si>
  <si>
    <t>疫情 百貨 購物 節 到 府 業者</t>
    <phoneticPr fontId="1" type="noConversion"/>
  </si>
  <si>
    <t>宅 經濟 發酵 友 銓 連 六月 傳 佳音</t>
    <phoneticPr fontId="1" type="noConversion"/>
  </si>
  <si>
    <t>女裝品牌 肺炎 有限 表現 宅 經濟</t>
    <phoneticPr fontId="1" type="noConversion"/>
  </si>
  <si>
    <t>疫情 中的 惡毒 言語</t>
    <phoneticPr fontId="1" type="noConversion"/>
  </si>
  <si>
    <t>修 昔 底 德 陷阱 一 詞 讓 博羅 奔 尼 撒 戰爭史 更 受到 重視 在 這本 史書 中 記錄 了 古 希臘 時期 雅典 與 斯 巴達 之間 20 多 年 的 戰爭 在 這 期間 其中 一個 重要 的 轉捩點 就 是 雅典 城內 突然 爆發 嚴重 瘟疫 造成 死傷 慘重 影響 當時</t>
    <phoneticPr fontId="1" type="noConversion"/>
  </si>
  <si>
    <t>修昔底 德 語言 詞彙 病毒 肺炎</t>
    <phoneticPr fontId="1" type="noConversion"/>
  </si>
  <si>
    <t>盤中 解析 大 立 光 引 殺機 多空 激戰 12100</t>
    <phoneticPr fontId="1" type="noConversion"/>
  </si>
  <si>
    <t>郭台銘 疫苗 送 件 完成 鄭文燦 非常 佩服</t>
    <phoneticPr fontId="1" type="noConversion"/>
  </si>
  <si>
    <t>鴻海集團 與 永齡 基金會 創辦 人 郭台銘 出手 購買 500萬 劑 bnt 疫苗 1 日 向 衛福部 遞 件 完成 桃園 市長 鄭文燦 不 諱言 各國 都 把 疫苗 當作 非常 重要 的 戰略物資 疫苗 大廠 又 非常 有限 贊 郭 我 非常 的 佩服 相信 中央會 仔細 看 檔</t>
    <phoneticPr fontId="1" type="noConversion"/>
  </si>
  <si>
    <t>疫苗 分配 高雄竟 比 新北 多 陳時中 解釋 看 一 數字</t>
    <phoneticPr fontId="1" type="noConversion"/>
  </si>
  <si>
    <t>分配 高雄市 接種 新北 市 疫苗</t>
    <phoneticPr fontId="1" type="noConversion"/>
  </si>
  <si>
    <t>疫情 讓 菜 銷 不 出去 新北 推 保證 銷售 價格 助 農友</t>
    <phoneticPr fontId="1" type="noConversion"/>
  </si>
  <si>
    <t>蔬菜 新北 農友 有機 新北 市</t>
    <phoneticPr fontId="1" type="noConversion"/>
  </si>
  <si>
    <t>業績 電子零件 毅嘉 q 1 稅 前 淨利 創 6 年 同期 新高 q 2 拼回 溫</t>
    <phoneticPr fontId="1" type="noConversion"/>
  </si>
  <si>
    <t>創新 技術 基本 面 利多 特斯拉 輝 達 耶誕 行情 響叮噹</t>
    <phoneticPr fontId="1" type="noConversion"/>
  </si>
  <si>
    <t>喬治亞州 肺炎 美 股 輝 達 亮麗</t>
    <phoneticPr fontId="1" type="noConversion"/>
  </si>
  <si>
    <t>北市7家醫院PCR揪4人確診 柯公佈奇怪個案：3採陰後竟確診</t>
    <phoneticPr fontId="1" type="noConversion"/>
  </si>
  <si>
    <t>北市 7 家 醫院 pcr 揪 4 人 確診 柯 公佈 奇怪 個案 3 采 陰後 竟 確診</t>
    <phoneticPr fontId="1" type="noConversion"/>
  </si>
  <si>
    <t>產業 疫 後來 台 旅遊 振興 觀光局 超前 部署</t>
    <phoneticPr fontId="1" type="noConversion"/>
  </si>
  <si>
    <t>交通部觀光局 14 日 舉行 2020 全球 推廣 行銷 線 上 會議 由 局長 張錫聰 親自 主持 全球 駐外 辦事處 不分 時區 同時 上線 會議 聚焦 討論 疫 後 市場 振興 策略 及 開放 邊境 後 即 應 啟動 各項 振興 作為 以 盡 速 恢復 來 台 市場 規模 臺灣 觀光</t>
    <phoneticPr fontId="1" type="noConversion"/>
  </si>
  <si>
    <t>觀光局 張錫聰 駐外 辦事處 全球 海外</t>
    <phoneticPr fontId="1" type="noConversion"/>
  </si>
  <si>
    <t>美國銀行 預警 5 g iphone 受 疫情 影響 將 延後 發表</t>
    <phoneticPr fontId="1" type="noConversion"/>
  </si>
  <si>
    <t>備受 期待 的 5 g iphone 還 得 等 更 久 在 競爭對手 都 紛紛 推出 5 g 手機 搶市 的 環境 下 由於 技術 尚未 成熟 市場 也 尚未 準備 好 蘋果 apple inc 在 2019 年 秋季 並未 推出 支援 5 g 的 手機 而 一般 預料 5 g iphone 將 會 在 2020</t>
    <phoneticPr fontId="1" type="noConversion"/>
  </si>
  <si>
    <t>5 giphone 2020 iphone 蘋果 美國銀行 預測</t>
    <phoneticPr fontId="1" type="noConversion"/>
  </si>
  <si>
    <t>為何 大陸 量 腕 溫? 臺灣 網友 原來如此</t>
    <phoneticPr fontId="1" type="noConversion"/>
  </si>
  <si>
    <t>三級 警戒 延長 為何 停課 不停 班? 陳時中 曝 背 後 2 考量</t>
    <phoneticPr fontId="1" type="noConversion"/>
  </si>
  <si>
    <t>快 打 疫苗 北市 擬 推 健康 通行證 打 2 劑 就 可 一起 吃飯</t>
    <phoneticPr fontId="1" type="noConversion"/>
  </si>
  <si>
    <t>臺北市 長 柯文哲 16 日 宣佈 臺北 通 已 和 健 保 資料庫 連結 打過 2 劑 的 市民 就 會 顯示 綠色 1 劑 顯示 黃色 未 施 打過 疫苗 則 是 紅色 讓 餐廳 內 用 區民 活動 可以 執行 只要 中央 同意 就 可以 上路 北市 疫苗 涵蓋 率 第 1 劑 56</t>
    <phoneticPr fontId="1" type="noConversion"/>
  </si>
  <si>
    <t>台積 電抗 疫 非 產 線 員工 可 在家 上班</t>
    <phoneticPr fontId="1" type="noConversion"/>
  </si>
  <si>
    <t>員工 營運 肺炎 上班 台積電</t>
    <phoneticPr fontId="1" type="noConversion"/>
  </si>
  <si>
    <t>都發 局長 居家 自主 管理 中 市府 回 應 了</t>
    <phoneticPr fontId="1" type="noConversion"/>
  </si>
  <si>
    <t>台中 市 都發 局長 黃文彬 的 兒子 18 日 自 美國 返回 臺灣 傳出 身體 不適 情況 醫院 以其 有 出國 旅遊 史 提高 警覺 要求 直接 收容 觀察 3 天 並 進行 檢驗 黃文彬 表示 兒子 沒有 發燒 自己 也 未 與 兒子 有 任何 接觸 新聞 局長 黃國 瑋 說 黃</t>
    <phoneticPr fontId="1" type="noConversion"/>
  </si>
  <si>
    <t>陸警 3千 裡 押解 嫌犯 竟是 無 症狀 感染者 逾 90 人 隔離</t>
    <phoneticPr fontId="1" type="noConversion"/>
  </si>
  <si>
    <t>四川 警方 日前 從 吉林省 延邊州 延吉市 押解 一 名 犯罪嫌疑人 回 四川 瀘州 古藺縣 只不過 沒 想到 該 嫌犯 竟是 1 名 無 症狀 感染者 此次 路途 3000 多 公里 還 途經 長春 北京 等 地 超過 逾 93 名 密切接觸 者 居家 隔離 中 新 京 報 指出</t>
    <phoneticPr fontId="1" type="noConversion"/>
  </si>
  <si>
    <t>隔離 四川 肺炎 延吉市 檢測</t>
    <phoneticPr fontId="1" type="noConversion"/>
  </si>
  <si>
    <t>疫情 嚴峻 屏 縣長 照 安 養 業者 盼 縣府 下令 禁 訪</t>
    <phoneticPr fontId="1" type="noConversion"/>
  </si>
  <si>
    <t>外 送 員 沒 將 餐 點 送 上樓 竟 接到 警方 通知 你 被告 了</t>
    <phoneticPr fontId="1" type="noConversion"/>
  </si>
  <si>
    <t>世衛 認證 陸 病例 兩 周降 80</t>
    <phoneticPr fontId="1" type="noConversion"/>
  </si>
  <si>
    <t>前往 湖北 武漢市 視察 後 世界衛生組織 who 專家 團隊 24 日 指出 中國 所 採取 的 策略 改變 新增 確診 病例 快速 攀升 的 曲線 兩 周前 團隊 剛 抵達 大陸 時 每天 新 報告 的 確診 病例 逾 2000 例 當 聯合 考察團 結束任務 23 日 報告 的確 診病</t>
    <phoneticPr fontId="1" type="noConversion"/>
  </si>
  <si>
    <t>口罩 診病 肺炎 病毒 考察 組</t>
    <phoneticPr fontId="1" type="noConversion"/>
  </si>
  <si>
    <t>小英 520 演說 兩岸 維持 8 字 箴言</t>
    <phoneticPr fontId="1" type="noConversion"/>
  </si>
  <si>
    <t>距離 520 只 剩下 10 天 總統府 今 將 召開 記者會 說明 總統 就職典禮 活動 內容 蔡英文 總統 預計 當天 在 府 內 宣誓就職 後 上午 10 點 移師 至 臺北 賓館 發表 就職 演說 對 外界 關注 的 兩岸 論述 將 維持 年初 勝 選 演說 拋 出 的 和平 對等 民</t>
    <phoneticPr fontId="1" type="noConversion"/>
  </si>
  <si>
    <t>大陸 冒進 宣誓就職 疫情 肺炎</t>
    <phoneticPr fontId="1" type="noConversion"/>
  </si>
  <si>
    <t>防疫 今 解封 賴清德 籲 輕鬆 生活 參與 戶外活動</t>
    <phoneticPr fontId="1" type="noConversion"/>
  </si>
  <si>
    <t>好 好聽 紐約 被迫 按 下 暫停 鍵 美國 現況 如 何?</t>
    <phoneticPr fontId="1" type="noConversion"/>
  </si>
  <si>
    <t>疫情 重創 紐約 確診 及 死亡 人數 高居 全美 它 是 美國 的 武漢 除了 衝擊 股市 經濟 崩潰 更 影響 數 百萬 計 紐約 人 的 食衣住行 日常生活 暫時 停 擺 冬眠 的 紐約 何時 能 迎來 人們 夢境 中的 春天 說 到 紐約 想到 的 不外乎 是 車水</t>
    <phoneticPr fontId="1" type="noConversion"/>
  </si>
  <si>
    <t>東京 進 緊急狀態 資深 女 優 直接 不 玩 他 曝 成人界 陷 恐慌 慘 況</t>
    <phoneticPr fontId="1" type="noConversion"/>
  </si>
  <si>
    <t>av 女 優 東京 av 達人 一 劍 浣 春秋 緊急狀態</t>
    <phoneticPr fontId="1" type="noConversion"/>
  </si>
  <si>
    <t>知性 抗 疫 陸 紛 出版 預防 手冊</t>
    <phoneticPr fontId="1" type="noConversion"/>
  </si>
  <si>
    <t>delta 變種 病毒 再 升級 delta 已 蔓延 10 國 恐 抵擋 抗體</t>
    <phoneticPr fontId="1" type="noConversion"/>
  </si>
  <si>
    <t>二級 警戒 再 延長 跨 年 大型活動 規範 出爐 指定 區外 禁 飲食</t>
    <phoneticPr fontId="1" type="noConversion"/>
  </si>
  <si>
    <t>國際金融 美 出現 首例 感染 源 不明 確診 病例 美 股 期貨 走跌</t>
    <phoneticPr fontId="1" type="noConversion"/>
  </si>
  <si>
    <t>全台疫苗施打懶人包 臺北今早8點預約、新北裡長公告</t>
    <phoneticPr fontId="1" type="noConversion"/>
  </si>
  <si>
    <t>全台 疫苗 施打 懶 人 包 臺北 今 早 8 點 預約 新 北裡 長 公告</t>
    <phoneticPr fontId="1" type="noConversion"/>
  </si>
  <si>
    <t>日本 贈與 臺灣 的 124萬 劑 az 疫苗 其中 50 多 萬 劑 已 配發 至 各縣市 新北 市 桃園 市 台 南市 高雄市 12 日 下午 率先 開 打 臺北市 和 其他 縣 市 都 照 原 計 畫 15 日 起 陸續 接種 臺北市 今天上午 8 點 開放 85 歲 以上 長者 預約 新北 市 則 透過 裡</t>
    <phoneticPr fontId="1" type="noConversion"/>
  </si>
  <si>
    <t>查詢 流感疫苗 疾 管署 竟是 2019 年 資料</t>
    <phoneticPr fontId="1" type="noConversion"/>
  </si>
  <si>
    <t>今年 公費 流感疫苗 10 月 5 日 就要 開 打 由 衛福部 疾 管署 開發 的 疾 管家 對 其 輸入 流感疫苗 詢問 相關 問題 竟然 還 跳出 2019 年 11 月 的 訊息 民眾 質疑 難道 領 防疫 獎 就 不用 顧 流感 了 嗎 疾 管署 螺絲 簡直 掉 滿地 疾 管署 原 強</t>
    <phoneticPr fontId="1" type="noConversion"/>
  </si>
  <si>
    <t>公費 流感疫苗 更新 疾 管署 資訊 資料</t>
    <phoneticPr fontId="1" type="noConversion"/>
  </si>
  <si>
    <t>全球 為 何都 輸給 delta 重症 醫 1 圖 揭 真相 人類 敗 在 說謊</t>
    <phoneticPr fontId="1" type="noConversion"/>
  </si>
  <si>
    <t>delta 肆虐 全球 各國 狂 打 疫苗 提升 覆蓋率 對此 胸腔 暨 重症 醫師 黃軒 表示 面對 delta 病毒 第二 劑 疫苗 的 覆蓋率 至少 要 達 80 但 目前 還 沒有 任何 國家 達成 且 許多 國家 的 領導人 還 會 將 第一 劑 與 第二 劑 的 資料 相加 算 出 一個</t>
    <phoneticPr fontId="1" type="noConversion"/>
  </si>
  <si>
    <t>湯姆漢克 奧斯卡 影帝 麗塔威爾遜 澳洲</t>
    <phoneticPr fontId="1" type="noConversion"/>
  </si>
  <si>
    <t>美 攔截 20萬 個 口罩 德 官員 批 現代 海盜</t>
    <phoneticPr fontId="1" type="noConversion"/>
  </si>
  <si>
    <t>歎 很多 朋友 跑 出 門運動 男 星 揭 關鍵 作為 疫情 降溫 絕對 快 很 多</t>
    <phoneticPr fontId="1" type="noConversion"/>
  </si>
  <si>
    <t>食 藥 署 核准 逾 87萬 劑 高端 超過 1萬 劑 疾 管署 不收</t>
    <phoneticPr fontId="1" type="noConversion"/>
  </si>
  <si>
    <t>紐約確診一夜倍增 下周恐破千！市長宣佈緊急狀態</t>
    <phoneticPr fontId="1" type="noConversion"/>
  </si>
  <si>
    <t>紐約 確診 一 夜 倍增 下 周 恐 破 千 市長 宣佈 緊急狀態</t>
    <phoneticPr fontId="1" type="noConversion"/>
  </si>
  <si>
    <t>4 月 dram 合約 價 續 揚</t>
    <phoneticPr fontId="1" type="noConversion"/>
  </si>
  <si>
    <t>伺服器 標準型 肺炎 dram 模 組</t>
    <phoneticPr fontId="1" type="noConversion"/>
  </si>
  <si>
    <t>驚呆 西班牙 封城 防疫 街頭 驚見 4 肢 著 地 人 裝狗</t>
    <phoneticPr fontId="1" type="noConversion"/>
  </si>
  <si>
    <t>確診 人數 暴 增 防疫 保單 詢問 度 熱 隔離 最高 賠 5萬</t>
    <phoneticPr fontId="1" type="noConversion"/>
  </si>
  <si>
    <t>本土 疫情 嚴峻 連續 兩 日 確診 人數 都達 3 位數 防疫 保單 的 詢問 熱度 大增 目前 銷售 中的 保單 隔離 最高 理賠 5萬 元 確診 最高 理賠 6萬 元 住院 理賠 最高 為 每日 5000 元 為 減少 實體 接觸 保險 公司 呼籲 想 投保 的 民眾 可 透過 官網 或 專</t>
    <phoneticPr fontId="1" type="noConversion"/>
  </si>
  <si>
    <t>本土 疫情 嚴峻 連續 兩 日 確診 人數 都達 3 位數 防疫 保單 的 詢問 熱度 大增 目前 銷售 中的 保單 隔離 最高 理賠 5萬 元 確診 最高 理賠 6萬 元 住院 理賠 最高 為 每日 5000 元 為 減少 實體 接觸 保險 公司 呼籲 想 投保 的 民眾 可 透過 官網 或 專線 查詢 根據 金管會 統計 截至 5 月 12 日 為止 產險 防疫 保單 熱銷 前 3 名 為 臺灣 產險 富 邦 產險 與 國泰 產險 不過 台產 保單 已 暫停 銷售 富 邦 產險 保單 年 保費 為 1509 元 以及 2515 元 隔離 以及 確診 補償 保險金 都 是 3萬 元 及 5萬 元 萬一 確診 住院 每天 可賠 3000 元 及 5000 元 最高 可 領 45 天 國泰 產險 的 保費 則 從 888 元 至 2100 元 隔離 的 理賠 金額 為 1 2萬 元 確診 理賠 金額 為 3 6萬 元 萬一 確診 住 負 壓 隔離病房 每日 給付 為 1200 1500 元 旺 旺 友聯 的 防疫 險 保費 相對 親 民 為 841 元 及 1167 元 隔離 保險 給付 最高 2萬 元 確診 補償 保險金 最高 為 6萬 元 兆 豐產 險 的 隔離 確診 補償 保險金 最高 則 分別 為 2萬 元 5萬 元 除了 產險 公司 的 保單 外 壽險 公司 也 有 防疫 保單 主要 保障 在 住院 每日 給 付 部分 國泰人壽 的 住院日 額 保險金 為 1000 元 起 南山人壽 為 1 倍 日 額 想 投保 的 民眾 可 查詢 瞭解 相關 投保 條件 選擇 適合 自己 的 保單 另外 疫苗 保單 的 詢問 度 也 很 高 目前 有 安達 產險 與 富 邦 產險 兩 家業 者 推出 保費 均 不 到 400 元 萬一 接種 疫苗 後 身體 不適 住院 每日 有 3000 元 至 5000 元 的 保障</t>
    <phoneticPr fontId="1" type="noConversion"/>
  </si>
  <si>
    <t>新北 外籍 看護 工 確診 後 失 聯 躲 龜 山 民宅 落網 急 送 檢疫所</t>
    <phoneticPr fontId="1" type="noConversion"/>
  </si>
  <si>
    <t>新北 市政府 衛生局 日前 通報 刑事員警 大隊 協 尋 1 名 逃逸 外籍 移 工 為 失 聯 確診 物件 刑事員警 隊 立即 組成 專案小組 積極 追查 行蹤 所幸 不 到 二 天 即 循線 至 桃園 市 龜 山區 1 處 社區 掌握 藏匿 住所 經協 請 桃園 市政府 衛生局 龜 山 分局 等 單</t>
    <phoneticPr fontId="1" type="noConversion"/>
  </si>
  <si>
    <t>口罩 解禁 太 著 急 正反 兩 派 想法 兩極 掀 論戰</t>
    <phoneticPr fontId="1" type="noConversion"/>
  </si>
  <si>
    <t>疫情 趨 緩 臺灣 本土 確診 出現 多 日 0 似乎 看見 回到 原本 生活 的 一線 曙光 然而 delta 變種 病毒 的 威脅 依然 存在 政府 遂 宣佈 延長 二級 警戒 至 10 月 18 日 不過 在 遵守 防疫 規範 的 情況 下 可以 適度 在 特定 場 域 口罩 微 解封</t>
    <phoneticPr fontId="1" type="noConversion"/>
  </si>
  <si>
    <t>熱門 族群 macbook pro 剪刀 腳 鍵盤 威 概念 股 吃 補</t>
    <phoneticPr fontId="1" type="noConversion"/>
  </si>
  <si>
    <t>茂林 -ky 科 嘉 -ky 全新 精 元 鍵盤</t>
    <phoneticPr fontId="1" type="noConversion"/>
  </si>
  <si>
    <t>omicron 變異 毒 株 在 香港 成功 培養 將 用於 生產 新 疫苗</t>
    <phoneticPr fontId="1" type="noConversion"/>
  </si>
  <si>
    <t>實驗室 外泄 病毒 究 責 柯文哲 擺 出 究 責 態度 大家 就 忙 著 湮滅證據</t>
    <phoneticPr fontId="1" type="noConversion"/>
  </si>
  <si>
    <t>北部 那 所 高中生 確診 家長 上班族 答案 呼之欲出</t>
    <phoneticPr fontId="1" type="noConversion"/>
  </si>
  <si>
    <t>指 南宮 祈福 法會 眾 宮廟 齊心 參拜</t>
    <phoneticPr fontId="1" type="noConversion"/>
  </si>
  <si>
    <t>指南 宮 呂仙 肺炎 祈福 消 災 真經</t>
    <phoneticPr fontId="1" type="noConversion"/>
  </si>
  <si>
    <t>金融 國銀 紓困 振興 貸款 半 年 增 1 78 兆元</t>
    <phoneticPr fontId="1" type="noConversion"/>
  </si>
  <si>
    <t>天天 接 小姐 電話 問 能 不能 休息 飯店 員工 怒 1 天 不 連結 會 死</t>
    <phoneticPr fontId="1" type="noConversion"/>
  </si>
  <si>
    <t>八大 行業 全 歇業 但 敵不過 生理需求 和 經濟 需求 各式各樣 的 人 與 人 連結 依舊 持續 發生 一 名 飯店 員工 上網 爆 料 表示 天天 都 接到 小姐 打電話 來 詢問 可不可以 休息 氣 得 他 忍不住 怒 轟 一 天 不 打炮 會 死 是不是 這 名 網友</t>
    <phoneticPr fontId="1" type="noConversion"/>
  </si>
  <si>
    <t>panasonic 冰箱 三大 保鮮 科技</t>
    <phoneticPr fontId="1" type="noConversion"/>
  </si>
  <si>
    <t>料理 電冰箱 食 材 三大 保鮮 科技</t>
    <phoneticPr fontId="1" type="noConversion"/>
  </si>
  <si>
    <t>全台 首位 男 高端 混打 bnt 闖 關成功 嗨 喊 打到 第 三 劑 啦</t>
    <phoneticPr fontId="1" type="noConversion"/>
  </si>
  <si>
    <t>twice 檢測 結果 出爐 她 得 隔離 其他 成員 正常 活動</t>
    <phoneticPr fontId="1" type="noConversion"/>
  </si>
  <si>
    <t>國際 經濟 日本 3 月 製造業 活動 近 11 年 來 最慘</t>
    <phoneticPr fontId="1" type="noConversion"/>
  </si>
  <si>
    <t>日本 製造業 pmi 指數 新低</t>
    <phoneticPr fontId="1" type="noConversion"/>
  </si>
  <si>
    <t>澳政府 下令 疫情 沒 停 不准 去 東奧</t>
    <phoneticPr fontId="1" type="noConversion"/>
  </si>
  <si>
    <t>澳洲 奧會 aoc 雖 未 採取 加拿大 奧 會 的 強硬態度 但 他們 也 支持 把 東京 奧運 延 後 1 年 aoc 在 23 日 發佈 聲明 澳洲 運動員 應該 把 東奧 時程 預 設為 2021 年 北半球 的 夏季 換言之 aoc 認為 東京 奧運 在 今年 辦不成 了 總理 莫里森 s</t>
    <phoneticPr fontId="1" type="noConversion"/>
  </si>
  <si>
    <t>ioc scott morrison 澳洲 aoc 東京 奧運</t>
    <phoneticPr fontId="1" type="noConversion"/>
  </si>
  <si>
    <t>空服 員 機師 確診 長 榮 台中</t>
    <phoneticPr fontId="1" type="noConversion"/>
  </si>
  <si>
    <t>口罩 奇缺 美 麻州 球隊 專機 赴 深圳 載 回 120萬 片</t>
    <phoneticPr fontId="1" type="noConversion"/>
  </si>
  <si>
    <t>美國 各州 面臨 醫療 物資 緊缺 聯邦 政府 不只 幫不上忙 還 加入 搶 物資 的 混戰 當中 美 麻塞 諸塞州 乾脆 自求多福 主動 對外 採購 同時 為 解決 緊迫 的 運輸 問題 州長 還情 商 該州 代表性 的 美 式 橄欖球 新 英格 愛國者 new england pat</t>
    <phoneticPr fontId="1" type="noConversion"/>
  </si>
  <si>
    <t>美國 各州 面臨 醫療 物資 緊缺 聯邦 政府 不只 幫不上忙 還 加入 搶 物資 的 混戰 當中 美 麻塞 諸塞州 乾脆 自求多福 主動 對外 採購 同時 為 解決 緊迫 的 運輸 問題 州長 還情 商 該州 代表性 的 美 式 橄欖球 新 英格 愛國者 new england patriots 派出 私人 專機 在 中國 大陸 官方 協助 下 專程前往 深圳 載 回 120萬 片 n 95 口罩 據 觀察 者 網 報導 美國聯邦政府 處理 醫療 物資 短缺 問題 飽受 各州 政府 的 批評 甚至 還 要 與 聯邦 官員 攀 關係 才買得 到手 有些 州 自行 對外 尋求 協助 進行 採購 麻塞 諸塞州 在 決定 在 大陸 採購 170萬 張 n 95 口罩 後 經過 多方 聯絡 與 協調 在 大陸 駐 美 使領館 協助 與 陸企 配合 下 該州 通過 職業 橄欖 球隊 新英格蘭 愛國者 的 私人 飛機 從 深圳 運回 了 首 批 120萬 張 口罩 報導 指出 這 架 漆 有 patriot 字樣 的 私人 波音 767 噴射客機 於 週三 清晨 抵達 深圳 寶安 機場 穿 著防護 服 的 工作人員 將 一 箱箱 物資 運 進 艙內 3 個 小時 後 飛機 再度 起飛 離境 於 美東 時間 週四 抵達 麻州 波士頓市 的 洛根 國際機場 這 架 私人 飛機 所有者 是 喬納森·克拉夫特 jonathan kraft 他 是 美國 麻州 職業 橄欖 球隊 新英格蘭 愛國者 主席 這 架飛機 平時 用於 運送 球隊 隊員 機身 漆有 6 xchampion 字樣 意 指 球隊 曾 6 次 獲 美國 超級 杯 大賽 冠軍 據 美 媒 華爾街日報 報導 兩 周前 麻州 州長 貝克 charlie baker 擔憂 醫療 物資 緊缺 計畫 從 大陸 採購 170萬 張 口罩 雖然 訂購 了 口罩 但 在 當前 的 情況 下 如何 確保 從 大陸 及時 運回 物資 成為 難題 加上 大陸 已於 上月 底 限制 各國 航班 每週 每 地 每家 公司 只 開放 一 班 州長 只好 找 上 新英格蘭 愛國者 隊 老闆 幫忙 專程 為 麻州 運 回 大批 醫用 口罩 報導 說 麻州 訂購 了 170萬 只 n 95 口罩 加上 後勤 運輸 與 飛機 的 各種 費用 共約 400萬 美元 新英格蘭 愛國者 球隊 老闆 克拉夫特 家族 支付 了 其中 200萬 美元 麻州 州長 還 表示 由於 對 約 州 疫情 嚴重 州長 科 莫 應對 疫情 的 表現 讓 他 很 感動 經 雙方 溝通 後 飛機 上 的 30萬 張 口罩 將 贈 給 紐約州</t>
    <phoneticPr fontId="1" type="noConversion"/>
  </si>
  <si>
    <t>員警打卡在武漢市場稱「帶好料回去」 遭罰20萬還丟了工作</t>
    <phoneticPr fontId="1" type="noConversion"/>
  </si>
  <si>
    <t>員警 打 卡 在 武漢 市場 稱 帶好 料 回去 遭 罰 20萬 還 丟了 工作</t>
    <phoneticPr fontId="1" type="noConversion"/>
  </si>
  <si>
    <t>說 年輕人 防疫 鬆懈 台 大妹 爆 氣 49 字 杠 陳時中 3千 網 狂 贊</t>
    <phoneticPr fontId="1" type="noConversion"/>
  </si>
  <si>
    <t>劉樂妍 心願 達成 飛 回 上海 花 300 住 防疫 旅館 一 開門 驚 呆 了</t>
    <phoneticPr fontId="1" type="noConversion"/>
  </si>
  <si>
    <t>劉樂 妍 愛犬 上海 臺灣 隔離</t>
    <phoneticPr fontId="1" type="noConversion"/>
  </si>
  <si>
    <t>娛樂 圈 大姐 大 見 疫情 期 亂象 怒 了 公開 照片 整 根 樹枝 纏 滿 開罵</t>
    <phoneticPr fontId="1" type="noConversion"/>
  </si>
  <si>
    <t>今年 73 歲 的 資深 影星 汪明荃 出道 以來 演出 過 許多 經典 戲劇 作品 甚至 開過 演唱會 是 香港 演藝圈 的 大姐 大 地位 無 人 能 取代 她 的 老公 羅家 英 在 圈 內 也 備受 景仰 而 夫妻倆 即使 名利雙收 但 對 社會 仍 相當 關心 近日 她 到 郊外 散</t>
    <phoneticPr fontId="1" type="noConversion"/>
  </si>
  <si>
    <t>美 主 播 批 請 大陸 為 肺炎 道歉 賭 王兒 轟 吃 屎 吧</t>
    <phoneticPr fontId="1" type="noConversion"/>
  </si>
  <si>
    <t>中壢 超級 傳播 者 已 插管 難 疫 調 衛生局長 可能 還 有 漏掉 的</t>
    <phoneticPr fontId="1" type="noConversion"/>
  </si>
  <si>
    <t>中壢 超級 傳播 者 案 13091 在 短短 2 周內 釀 近 20 人 確診 其中 包括 中壢 旅 宿王 案 14590 桃園 市 衛生局長 王文彥 坦言 他 最初 供 出 的 20 名 友人 有的 沒 電話 有的 複雜 市府 只 找到 18 人 可能 還 有 漏掉 的 但因 他 已 插管</t>
    <phoneticPr fontId="1" type="noConversion"/>
  </si>
  <si>
    <t>中壢 超級 傳播 者 王文彥 插管 旅 宿</t>
    <phoneticPr fontId="1" type="noConversion"/>
  </si>
  <si>
    <t>1週二度0確診！漢來點燈「＋0」豪送住宿</t>
    <phoneticPr fontId="1" type="noConversion"/>
  </si>
  <si>
    <t>1 週二 度 0 確診 漢來 點燈 0 豪 送 住宿</t>
    <phoneticPr fontId="1" type="noConversion"/>
  </si>
  <si>
    <t>日本 相撲 力士 出現 確診 首例</t>
    <phoneticPr fontId="1" type="noConversion"/>
  </si>
  <si>
    <t>日本 相撲 協會 10 日 公佈 有 1 名 幕 下 力士 感染 新型 病毒 經 病毒檢測 確診 為 陽性 這 是 日本 相撲 力士 確診 的 首例 該 協會 指出 這 名 力士 4 日 發燒 後來 2 天 退 了 燒 又 再 發高燒 還 出現 倦怠感 呼吸困難 咳 血 痰 等 症狀 他 於 8 日 接</t>
    <phoneticPr fontId="1" type="noConversion"/>
  </si>
  <si>
    <t>日本 相撲 協會 10 日 公佈 有 1 名 幕 下 力士 感染 新型 病毒 經 病毒檢測 確診 為 陽性 這 是 日本 相撲 力士 確診 的 首例 該 協會 指出 這 名 力士 4 日 發燒 後來 2 天 退 了 燒 又 再 發高燒 還 出現 倦怠感 呼吸困難 咳 血 痰 等 症狀 他 於 8 日 接受 簡易 檢查 醫院 先 說 是 陽性 後來 又 說 檢查 結果 有誤 應該 是 陰性 由於 力士 本身 患有 宿疾 為 慎重 起見 9 日 再 到 東京都 的 醫院 住院 檢查 才 確診 這 名 力士 隸屬 的 相撲 部 屋 有 多 位 力士 都 身體 不適 但 目前 只 有 1 名 力士 接受 過 病毒檢測 該部 屋 已 停止 相撲 訓練 同一 部 屋 的 力士 和 工作人員 都 將 接受 病毒檢測</t>
    <phoneticPr fontId="1" type="noConversion"/>
  </si>
  <si>
    <t>力士 相撲 確診 病毒檢測 檢查</t>
    <phoneticPr fontId="1" type="noConversion"/>
  </si>
  <si>
    <t>北市 14 天 無 本土 不明 感染 源 柯文哲 接近 降到 一級 標準</t>
    <phoneticPr fontId="1" type="noConversion"/>
  </si>
  <si>
    <t>臺北市 今 舉辦 防疫 記者會 市長 柯文哲 指出 北市 有 14 天 沒有 不明 感染 源 接近 降到 一級 標準 剩下 就 是 最 快 速度 把 疫苗 覆蓋率 打 起來 柯文哲 指出 中央 公佈 本土 案例 1 例 境外 7 例 臺灣 疫情 趨 緩 但 世界 蠻 嚴重 每天 有 40</t>
    <phoneticPr fontId="1" type="noConversion"/>
  </si>
  <si>
    <t>成都出臺33條措施 助力今年目標達成</t>
    <phoneticPr fontId="1" type="noConversion"/>
  </si>
  <si>
    <t>成都 出臺 33 條 措施 助力 今年 目標 達成</t>
    <phoneticPr fontId="1" type="noConversion"/>
  </si>
  <si>
    <t>意見 企業 應急 成都 建立</t>
    <phoneticPr fontId="1" type="noConversion"/>
  </si>
  <si>
    <t>年假 車 潮 估 增 3 成 考驗 交通 維 運</t>
    <phoneticPr fontId="1" type="noConversion"/>
  </si>
  <si>
    <t>營運 肺炎 交通局 規 畫 出國</t>
    <phoneticPr fontId="1" type="noConversion"/>
  </si>
  <si>
    <t>各國 下 修 gdp 最 快 夏季 恢復 常軌</t>
    <phoneticPr fontId="1" type="noConversion"/>
  </si>
  <si>
    <t>伺服器 降息 肺炎 好轉 夏季</t>
    <phoneticPr fontId="1" type="noConversion"/>
  </si>
  <si>
    <t>龐德 女郎 蕾 雅瑟 杜 打完 2 劑 疫苗 仍 確診 坎城影展 行程 恐 喊 卡</t>
    <phoneticPr fontId="1" type="noConversion"/>
  </si>
  <si>
    <t>坎城影展 檢測 影展 蕾 雅瑟 杜 活動</t>
    <phoneticPr fontId="1" type="noConversion"/>
  </si>
  <si>
    <t>新北 花 蓮 旅遊團 6 確診 5 人 在 北市 工作 北市 急 匡列 210 人</t>
    <phoneticPr fontId="1" type="noConversion"/>
  </si>
  <si>
    <t>新北 市 親友 旅遊團 爆發 6 人群 聚 感染 臺北市衛生局 表示 其中 5 人 在 北市 工作 現 已 匡列職 場 與 相關 場 域 接觸 者 210 人 107 人 采 檢 陰性 其中 有 名 個案 雖 在 8 日 父親節 到 過 信義 區 知名 餐廳 饗 饗 但 其 用餐 時段 不在 可 傳染期</t>
    <phoneticPr fontId="1" type="noConversion"/>
  </si>
  <si>
    <t>你 知道 我 在 等 你 嗎 台哥 大 拖累 新 壽 去年 表現</t>
    <phoneticPr fontId="1" type="noConversion"/>
  </si>
  <si>
    <t>你 知道 我 在 等 你 股價 回升 嗎 新光 金 控 18 日 舉行 法 說 會 揭露 子公司 新光人壽 2020 年底 淨值 項下 金融資產 未 實現 獲利 僅 16億 元 主因 就是 臺灣 大 未 填息 造成 新 壽 股票投資 出現 大量 未 實現 評價 虧損 至於 未來 要 不 要 處 份 台哥</t>
    <phoneticPr fontId="1" type="noConversion"/>
  </si>
  <si>
    <t>新光 金 開發 金 大量 臺灣 大 新 壽</t>
    <phoneticPr fontId="1" type="noConversion"/>
  </si>
  <si>
    <t>wha 閉幕 今年 國際 支持 臺灣 呼聲 更 明確 強烈</t>
    <phoneticPr fontId="1" type="noConversion"/>
  </si>
  <si>
    <t>世界衛生 大會 今天 閉幕 今年 國際 更 明確 力挺 臺灣 除 14 友邦 支持 外 美國 加拿大 等 5 國 發言 更 直接 提及 臺灣 加上 德國 紐西蘭 等 多國 間接 聲援 讓 中國 多次 指 挑戰 一中 別 有 居心 第 74 屆 世界衛生 大會 wha 自 5 月 24 日</t>
    <phoneticPr fontId="1" type="noConversion"/>
  </si>
  <si>
    <t>wha 參加 wha 譚 德塞 審議</t>
    <phoneticPr fontId="1" type="noConversion"/>
  </si>
  <si>
    <t>南非 omicron 疫情 爆 超 不 尋常 趨勢 專家 前所未見</t>
    <phoneticPr fontId="1" type="noConversion"/>
  </si>
  <si>
    <t>告別 檢疫所 這些 台商 還要 自主 健康 管理 14 日</t>
    <phoneticPr fontId="1" type="noConversion"/>
  </si>
  <si>
    <t>首 批 從 武漢 包機 返台 的 台商 有 69 名 於 2 月 3 日 入住 位 台中 市 檢疫所 隔離 18 日 已 期滿 返家 其中 有 16 位 設 籍 台中 台中 市長 盧秀燕 特別 準備 了 一 份 包含 口罩 和 幹 洗手 液 由 區公所 和 衛生局 人員 致贈 並 附上 溫馨 關懷 單 提醒 他們 返家 後</t>
    <phoneticPr fontId="1" type="noConversion"/>
  </si>
  <si>
    <t>首 批 從 武漢 包機 返台 的 台商 有 69 名 於 2 月 3 日 入住 位 台中 市 檢疫所 隔離 18 日 已 期滿 返家 其中 有 16 位 設 籍 台中 台中 市長 盧秀燕 特別 準備 了 一 份 包含 口罩 和 幹 洗手 液 由 區公所 和 衛生局 人員 致贈 並 附上 溫馨 關懷 單 提醒 他們 返家 後 14 天內 仍 應 進行 自主 健康 管理 台中 市 衛生局長 曾 梓 展 指出 18 日 清晨 由 中央 派車 將 69 名 台商 分別 送 到 高鐵 以及 客運站 針對 16 名 台中 市民 則 由 家屬 接回 如 需 自行 返家 者 則 派車 一 人 一 車 送回 他 強調 市長 盧秀燕 非常 關心 隔離 期滿 返家 的 台中 市民 特地 準備 了 一 份 包含 口罩 和 幹 洗手 液 的 貼心 禮物 由 區公所 和 衛生局 人員 親 送 致贈 並 附上 溫馨 關懷 單 提醒 市民 返家 後 14 天內 仍 應 進行 自主 健康 管理 應 儘量避免 外出 如果 需要 外出 應 全程 配戴 外科 口罩 落實 呼吸道 衛生 及 咳嗽 禮節 每天 早晚 都需各 量 1 次 體溫 期間 如果 出現 不適 症狀 要 立刻 撥 打 1922 防疫 專線 或 衛生局 防疫 專線 0928912578 依 指示 就醫</t>
    <phoneticPr fontId="1" type="noConversion"/>
  </si>
  <si>
    <t>鄭文燦 視察 護理 之家 鼓勵 施打 流感疫苗</t>
    <phoneticPr fontId="1" type="noConversion"/>
  </si>
  <si>
    <t>遊客 不敢 坐船 小琉球 住房 率 低</t>
    <phoneticPr fontId="1" type="noConversion"/>
  </si>
  <si>
    <t>喊話 肺炎 船艙 小琉球 清明連 假</t>
    <phoneticPr fontId="1" type="noConversion"/>
  </si>
  <si>
    <t>防 列管 民眾 趴 趴 走 強化 指揮 體系 3 月 上路</t>
    <phoneticPr fontId="1" type="noConversion"/>
  </si>
  <si>
    <t>災難 預言 預測 占星術 印度</t>
    <phoneticPr fontId="1" type="noConversion"/>
  </si>
  <si>
    <t>疫情 未滅 大水 來 亂 密西 根 2 水壩 潰 堤 萬 人 疏散</t>
    <phoneticPr fontId="1" type="noConversion"/>
  </si>
  <si>
    <t>民眾 新營 蔡育輝 衛生所 施打</t>
    <phoneticPr fontId="1" type="noConversion"/>
  </si>
  <si>
    <t>今 增 287 人 確診 校正 回歸 170 例 6 人 死亡</t>
    <phoneticPr fontId="1" type="noConversion"/>
  </si>
  <si>
    <t>鍾 南山 團隊 預測 疫情 嚴格 防控 至 4 月底</t>
    <phoneticPr fontId="1" type="noConversion"/>
  </si>
  <si>
    <t>願意 桃園 學生 接種 bnt 疫苗</t>
    <phoneticPr fontId="1" type="noConversion"/>
  </si>
  <si>
    <t>原住民 歲 時 祭 儀 停辦 夷 將 原鄉 沒有 確診</t>
    <phoneticPr fontId="1" type="noConversion"/>
  </si>
  <si>
    <t>東京 奧運 因 疫情 停辦 會 如何 旅 台日人 鼠 定 了</t>
    <phoneticPr fontId="1" type="noConversion"/>
  </si>
  <si>
    <t>戰 疫 鐵人 部長 陳時中 臺灣 抗 疫 英雄</t>
    <phoneticPr fontId="1" type="noConversion"/>
  </si>
  <si>
    <t>新北 學生 22 日 接種 bnt 接種 後 學校 采 線 上 授課</t>
    <phoneticPr fontId="1" type="noConversion"/>
  </si>
  <si>
    <t>新北 市長 侯友宜 今 13 日 下午 主持 疫情 說明會 針對 轄內 17萬 學生 接種 bnt 疫苗 侯友宜 表示 已 與 各 校長 充分 溝通 接種 後 全校 采 居家 線 上 授課 1 至 2 日 確保 學生 身體健康 若 學生 仍 有 不適 可 續 請 疫苗 假 不 列入 出 缺勤 紀錄</t>
    <phoneticPr fontId="1" type="noConversion"/>
  </si>
  <si>
    <t>新北 市長 侯友宜 今 13 日 下午 主持 疫情 說明會 針對 轄內 17萬 學生 接種 bnt 疫苗 侯友宜 表示 已 與 各 校長 充分 溝通 接種 後 全校 采 居家 線 上 授課 1 至 2 日 確保 學生 身體健康 若 學生 仍 有 不適 可 續 請 疫苗 假 不 列入 出 缺勤 紀錄 侯友宜 說 大家 都 很 關心 孩子 打 疫苗 的 事情 轄內 有 17萬 學生 將 在 22 日 入校 集中 接種 市府 擔心 學生 陸續 接種 後 的 身體 變化 已 與 各 校 校長 討論 接種 後 全校 采 線 上 授課 讓 家長 可以 隨時 關心 孩子 的 身體狀況 另外 他 也 呼籲 校方 注意 幾 點 包括 接種 bnt 佈置 友善 接種 環境 說明 接種 程式 及 衛教 宣 導 適時 安撫 情緒 接種 後 留 觀 休息 30 分鐘 接種 後 2 周內 避免 劇烈運動 侯友宜 說 校方 面對 疫苗 接種 除了 要 更 應該 戒慎 恐懼 外 也 要 做好 演練 安排 避免 任何 狀況 發生</t>
    <phoneticPr fontId="1" type="noConversion"/>
  </si>
  <si>
    <t>類 股 前景 發光 水泥 指數 狂 飆 4</t>
    <phoneticPr fontId="1" type="noConversion"/>
  </si>
  <si>
    <t>產業 疫情 影響 電腦展 延期 至 9 月</t>
    <phoneticPr fontId="1" type="noConversion"/>
  </si>
  <si>
    <t>瑞智 營運 報喜 今日 舉辦 法 說 會</t>
    <phoneticPr fontId="1" type="noConversion"/>
  </si>
  <si>
    <t>醫院 疫情 歇業 肺炎 影響</t>
    <phoneticPr fontId="1" type="noConversion"/>
  </si>
  <si>
    <t>迎接 東奧 運 彩 推 新 投 注 新 活動 每 奪金牌 一面 即 加碼 百萬 現金</t>
    <phoneticPr fontId="1" type="noConversion"/>
  </si>
  <si>
    <t>東京 奧運 即 將 7 月 下旬 開幕 臺灣 運彩 已 獲 主管機關 體育 署 政策 支持 放寬 獎金 支出 率 上限 未來 將 開出 逾 16 種 投 注 專案 臺灣 運彩 表示 為了 力挺 國手 為 國爭 國 及 炒熱 投 注 氣氛 運彩 推出 新 力 挺 辦法 從即日起 到 8 月 8 日 日 台</t>
    <phoneticPr fontId="1" type="noConversion"/>
  </si>
  <si>
    <t>全新 臺灣 運彩 投 注 項目 獎金</t>
    <phoneticPr fontId="1" type="noConversion"/>
  </si>
  <si>
    <t>為 一 袋 衛生紙 3 女 在 超市 開戰 上演 綜合 格鬥</t>
    <phoneticPr fontId="1" type="noConversion"/>
  </si>
  <si>
    <t>疫情 蔓延 的 恐慌 下 各國 開始 出現 日用品 搶購潮 像是 美國 好 市 多 貨架 被 清 空 瘋狂 搶購 物資 以備 未來 宅 在家 使用 最近 澳洲 更 發生 一起 超市 鬥毆 事件 一 名 黑人 女子 伸手 拿 了 別人 推 車裡 一 袋 衛生紙 被 當事人 抓 包想 拿 回來</t>
    <phoneticPr fontId="1" type="noConversion"/>
  </si>
  <si>
    <t>超市 黑人 衛生紙 貨架 推 車</t>
    <phoneticPr fontId="1" type="noConversion"/>
  </si>
  <si>
    <t>名 球員 nba 肺炎 球員 溜 馬</t>
    <phoneticPr fontId="1" type="noConversion"/>
  </si>
  <si>
    <t>別輸 在 最後 一 哩 路 他 曝 單日 爆 增 8 例 關鍵</t>
    <phoneticPr fontId="1" type="noConversion"/>
  </si>
  <si>
    <t>輸 在 最後 漂 浪 島嶼 munch 關鍵 生活 臺灣</t>
    <phoneticPr fontId="1" type="noConversion"/>
  </si>
  <si>
    <t>滯留 湖北 台人 個別 返台 陸委會 仍 須 包機 檢疫</t>
    <phoneticPr fontId="1" type="noConversion"/>
  </si>
  <si>
    <t>陸委會 今 19 日 下午 召開 記者會 媒體 問到 滯留 湖北 臺灣人 何時 可以 返台 陸委會 發言人 邱垂正 表示 仍然 維持 須 包機 返台 集中 檢疫 的 政策 不 變 媒體 問到 滯留 湖北 臺灣人 的 注 記 可否 取消 可否 從 武漢 離開 可否 入境 法</t>
    <phoneticPr fontId="1" type="noConversion"/>
  </si>
  <si>
    <t>他 喊 端午 連 假 開車 返鄉 行 了 吧 網 戳 防疫 盲點 嗆 你 確定 身上 沒 病毒</t>
    <phoneticPr fontId="1" type="noConversion"/>
  </si>
  <si>
    <t>返鄉 端午 連 假 病毒 開車</t>
    <phoneticPr fontId="1" type="noConversion"/>
  </si>
  <si>
    <t>國家隊 連 爆 假 口罩 卻 被 感謝 原因 曝光 網 笑 加利 尷尬 了</t>
    <phoneticPr fontId="1" type="noConversion"/>
  </si>
  <si>
    <t>口罩 國家隊 接連 爆出 假 mit 事件 引發 民眾 退貨 潮 不過 竟然 有 網友 表示 要 感謝 第 一個 被 抓到 做假 mit 口罩 的 加利 科技 廠商 引起 網友 好奇 原因 曝光 後 網友 笑 說 太 尷尬 了 吧 原 po 在 ptt 貼 文 指出 口罩 國家隊 近來 接連</t>
    <phoneticPr fontId="1" type="noConversion"/>
  </si>
  <si>
    <t>口罩 國家隊 接連 爆出 假 mit 事件 引發 民眾 退貨 潮 不過 竟然 有 網友 表示 要 感謝 第 一個 被 抓到 做假 mit 口罩 的 加利 科技 廠商 引起 網友 好奇 原因 曝光 後 網友 笑 說 太 尷尬 了 吧 原 po 在 ptt 貼 文 指出 口罩 國家隊 近來 接連 遭 踢 爆 混 充假 mit 口罩 但 他 卻說 其實 認真 說 起來 是不是 應該 要 感謝 加利 他 認為 是 因為 加利 被 查 到 之後 政府 開始 積極 介入 調查 才 發現 有 這麼 多 不肖 廠商 進一步 往後 查 到 更 多 家 貼 文 曝光 後 引起 網友 熱 議 紛紛 回應 確實 加利 是 引爆 點 但 說 要 感謝 也 太 尷尬 了 吧 說 起來 也 尷尬 沒 爆出 第一 間 也 真的 不會 查出 後面 的 支持 政府 繼續 查 下去 但 不至於 到 感謝 也 有人 嗆 那 有 沒有 想 過 都 不 要 做 這些 事 就 好 哪 需要 查成 這樣 政府 要 檢討 管制 措施 不是 每次 都 要 出事 才在徹 查 有 啥 用 第一 家 被 查出 mit 混充 大陸 制 口罩流入 實 名 制 市場 的 是 加利 科技 但 負責人 林明進 受訪 時 強調 品質 比 臺灣 制 的 還好 政府 下令 徹 查 後 又 查出 豪 品 及 勤 達 醫藥 器材 公司 都 有 混充 大陸 制 口罩 及 偽標 狀況</t>
    <phoneticPr fontId="1" type="noConversion"/>
  </si>
  <si>
    <t>口罩 國家隊 加利 假 mit 假 口罩 豪 品</t>
    <phoneticPr fontId="1" type="noConversion"/>
  </si>
  <si>
    <t>速食店 打工 11 年 從未 生病 他 曝 驚人 原因</t>
    <phoneticPr fontId="1" type="noConversion"/>
  </si>
  <si>
    <t>盤後 解析 台積 擺尾 周 線 2 連紅</t>
    <phoneticPr fontId="1" type="noConversion"/>
  </si>
  <si>
    <t>台積電 鴻 海 大 立 光 聯發 科 長 榮</t>
    <phoneticPr fontId="1" type="noConversion"/>
  </si>
  <si>
    <t>陳時中 24 小時 未 闔眼 被 問 有無 休息 大笑 回 4 字</t>
    <phoneticPr fontId="1" type="noConversion"/>
  </si>
  <si>
    <t>陳時中 台師大 師大 類 包機 24 小時</t>
    <phoneticPr fontId="1" type="noConversion"/>
  </si>
  <si>
    <t>川普重大宣佈 恐結束對陸審慎策略</t>
    <phoneticPr fontId="1" type="noConversion"/>
  </si>
  <si>
    <t>川普 重大 宣佈 恐 結束 對 陸 審慎 策略</t>
    <phoneticPr fontId="1" type="noConversion"/>
  </si>
  <si>
    <t>台東 11 鄉鎮 設 快 篩 站 每日 15 名額 今 起 開放 電話 預約</t>
    <phoneticPr fontId="1" type="noConversion"/>
  </si>
  <si>
    <t>安排 立 委 考察 醫院 惹 議 邱 泰源 辦公室 有 征得 醫療 院所 同意</t>
    <phoneticPr fontId="1" type="noConversion"/>
  </si>
  <si>
    <t>立 法院 社會福利 及 衛生 環境 委員會 安排 3 月 16 日 週一 考察 北部 地區 醫療 院所 防疫 整備 狀況 引發 爭議 衛環 委員會 召 委 邱 泰源 辦公室 發聲明 表示 安排 過程 十分 用心 謹慎 不但 徵求 相關 單位 的 意見 也 皆 先 與 拜訪 醫療 院所 之</t>
    <phoneticPr fontId="1" type="noConversion"/>
  </si>
  <si>
    <t>新竹 縣 開學日 量 體溫 秩序 良好</t>
    <phoneticPr fontId="1" type="noConversion"/>
  </si>
  <si>
    <t>竹北 舊 市區 的 竹仁 國小 25 日 開學 首日 校方 以 三角 椎 設置 防疫 通道 學生 排隊 經過 體溫 檢測站 校方 以 專業 大型 額 溫槍 檢測 學生 體溫 比 小型 要 接觸 額頭 的 額 溫槍 還 快速 家長 們 也 很 配合 讓 小朋友 戴 口罩 與其 他 學校 一樣 秩序</t>
    <phoneticPr fontId="1" type="noConversion"/>
  </si>
  <si>
    <t>死亡 新增 17 例 最 年輕 40 多 歲 張上淳 到 醫院 時間 慢 了 點</t>
    <phoneticPr fontId="1" type="noConversion"/>
  </si>
  <si>
    <t>國際 經濟 中韓 星 公司 債 增加 最 快 疫情 影響 償債 能力</t>
    <phoneticPr fontId="1" type="noConversion"/>
  </si>
  <si>
    <t>澳盛銀行 亞洲 經濟體 南韓 中國</t>
    <phoneticPr fontId="1" type="noConversion"/>
  </si>
  <si>
    <t>匯率 期貨 趨勢 專欄 疫情 再起 避險 貨幣 抬頭</t>
    <phoneticPr fontId="1" type="noConversion"/>
  </si>
  <si>
    <t>歐元 期貨 回升 美國 紓 解 肺炎</t>
    <phoneticPr fontId="1" type="noConversion"/>
  </si>
  <si>
    <t>什麼 時候 能 打開 國門 疫苗 每年 都 要 打 陸 感染 科 權威 來 解答</t>
    <phoneticPr fontId="1" type="noConversion"/>
  </si>
  <si>
    <t>北京日報 用戶 端 3 日 報導 全球 什麼 時候 能夠 恢復正常 人員 往來 中國 什麼 時候 能夠 打開 國門 大陸 網 紅 醫生 復旦大學附屬華山醫院 感染 科 主任 張文宏 作出 最新 判斷 指 中國 在 2022 年 上半年 可以 有 條件 地 跟 一些 國家 恢</t>
    <phoneticPr fontId="1" type="noConversion"/>
  </si>
  <si>
    <t>撐不住 了 香港 10 天 飆 升 數 千 例 港版 方 艙 醫院 緊急 啟用</t>
    <phoneticPr fontId="1" type="noConversion"/>
  </si>
  <si>
    <t>清明節 連 假期 間 國人 高興 出遊 雖然 發佈 國家級 警報 仍 不 敵 部分 民眾 的 玩 興 對此 重症 暨 胸腔 科 醫師 黃軒 表示 17 年前 sars 爆發 高峰 就是 在 清明節 過 後 黃軒 在 談話 性 節目 驚 爆 新聞 線 中 表示 2003 年 那 一 年 他 在 第</t>
    <phoneticPr fontId="1" type="noConversion"/>
  </si>
  <si>
    <t>清明節 連 假 sars 黃軒 群 聚 感染</t>
    <phoneticPr fontId="1" type="noConversion"/>
  </si>
  <si>
    <t>羅東 博愛醫院 發現 嬰幼兒 肺炎 輕 化</t>
    <phoneticPr fontId="1" type="noConversion"/>
  </si>
  <si>
    <t>疫情停課標準宣佈 台大教授：這學校恐第一個遭殃</t>
    <phoneticPr fontId="1" type="noConversion"/>
  </si>
  <si>
    <t>疫情 停課 標準 宣佈 台 大 教授 這 學校 恐 第 一個 遭殃</t>
    <phoneticPr fontId="1" type="noConversion"/>
  </si>
  <si>
    <t>停課 台大 徐丞志 學校 機 率</t>
    <phoneticPr fontId="1" type="noConversion"/>
  </si>
  <si>
    <t>1 分鐘 讀 財經 踹 下 航海王 4 檔 半導體 搶 進 當 沖 10 強</t>
    <phoneticPr fontId="1" type="noConversion"/>
  </si>
  <si>
    <t>正新 建大 全國 長 榮 敦 泰</t>
    <phoneticPr fontId="1" type="noConversion"/>
  </si>
  <si>
    <t>無 旅遊 史 完蛋 了 sars 指揮官 恐 一發不可收 十</t>
    <phoneticPr fontId="1" type="noConversion"/>
  </si>
  <si>
    <t>mlb 疫情 影響 賽季 延宕 球員 也 慌 了</t>
    <phoneticPr fontId="1" type="noConversion"/>
  </si>
  <si>
    <t>劉樂妍 崩潰 怕 確診 親睹 河北 樓下 鄰居 驚 悚 一 幕</t>
    <phoneticPr fontId="1" type="noConversion"/>
  </si>
  <si>
    <t>戰戰兢兢 紐約州 一 周 內 依 各地 條件 陸續 開放</t>
    <phoneticPr fontId="1" type="noConversion"/>
  </si>
  <si>
    <t>美國 疫情 最 嚴重 的 紐約州 州長 科 莫 andrew cuomo 表示 紐約州 的 部分 地區 可能 會 在 一 周 內 重新 開放 但 各地 在 重新 開放 前 必須 詳細 檢 視 是否 具備 足夠 的 條件 包括 新 增 確診 病例 數 醫療 體系 負荷 能力 診斷 與 病毒檢測 能力 與</t>
    <phoneticPr fontId="1" type="noConversion"/>
  </si>
  <si>
    <t>美國 疫情 最 嚴重 的 紐約州 州長 科 莫 andrew cuomo 表示 紐約州 的 部分 地區 可能 會 在 一 周 內 重新 開放 但 各地 在 重新 開放 前 必須 詳細 檢 視 是否 具備 足夠 的 條件 包括 新 增 確診 病例 數 醫療 體系 負荷 能力 診斷 與 病毒檢測 能力 與 追蹤 接觸 者 的 系統 運作 能力 美國 有線電視 新聞網 cnn 報導 科 莫 表示 正在 為 5 月中 旬 重新 開放 紐約州 做 準備 在 重新 開放 某些 地區 之前 大約 還有 一 周 的 時間 該州 各 地區 之間 的 重新 開放 條件 有 些 差異 必須 根據 各地 的 實際 狀況 決定 開放 的 時間 科 莫在 疫情 發 佈 會上 說 紐約州 所轄 地區 將 不 會 同時 重新 開放 該州 將 監測 新增 確診 病例 數 醫療 體系 能力 檢測 能力 和 接觸 者 追蹤 能力 等 4 個 核心 因素 後 才 決定 某個 地區 是否 能 重新 開放 科 莫說 紐約州 將 從 疫情 較 輕 的 地區 開始 分 階段 恢復 商業活動 並 放鬆 對 日常生活 的 限制 包括建築 製造業 和 部分 零售 商店 可能 在 第一 階段 重新 開業 第二 階段 將 包括 金融 行政 房地產 等 行業 第 三 階段 開放 餐飲 酒店 服務 和 藝術 娛樂 等 休閒 設施 最後 開放 教育 機構 科 莫 指出 紐約州 重新 開放 將 遵循 美國疾控中心 cdc 的 指南 包括 1 以 3 日 滾 動 平均值 計算 住院 和 死亡 總數 必須 連續 14 天 下降 2 以 3 日 滾 動 平均值 計算 不能 超過 15 例 新增 病例 或 5 例 死亡 3 每 10萬 居民 必須 少於 2 名 新增 確診 患者 4 至少 有 30 可 使用 的 空 病床 與 加 護 病床 要 開放 以防 病例 突然 暴 增 5 醫院 至少 90 天 的 個人 防護 設備 儲量 據 紐約時報 統計 截至 當地 時間 5 日 17 點 59 分 紐約州 累計 確診 326659 例 較 前 一 日 新增 2302 例 累計 死亡 25028 例 較 前 一 日 新增 死亡 病例 240 例</t>
    <phoneticPr fontId="1" type="noConversion"/>
  </si>
  <si>
    <t>製造困擾的都先處理！柯宣佈遊民也先打疫苗</t>
    <phoneticPr fontId="1" type="noConversion"/>
  </si>
  <si>
    <t>製造 困擾 的 都先 處理 柯 宣佈 遊民 也 先 打 疫苗</t>
    <phoneticPr fontId="1" type="noConversion"/>
  </si>
  <si>
    <t>北市 爆發 士 林 養護 機構 與 北農 群 聚 感染 臺北市 長 柯文哲 21 日 在 議會 表示 養護 之家 原本 確診 都送 去 收治 怎 料 還有 潛伏 者 發作 感染 因此 對於 養護 之家 洗 腎 機構 甚至 是 遊民 他 都 認為 全部 先 打 疫苗 凡是 製造 困擾 太 難處</t>
    <phoneticPr fontId="1" type="noConversion"/>
  </si>
  <si>
    <t>北農 群 聚 疫苗 遊民 柯文哲</t>
    <phoneticPr fontId="1" type="noConversion"/>
  </si>
  <si>
    <t>疫情 持續 升溫 侯友宜 新北 進入 准 四級 準備</t>
    <phoneticPr fontId="1" type="noConversion"/>
  </si>
  <si>
    <t>雙北 疫情 持續 升溫 新北 市長 侯友宜 17 日 下午 舉行 防疫 記者會 時 表示 現在 已經 要 慢慢 走 到 第 四級 已經 開始 強化 三級 防疫 非必要 活動 還 有 相關 規定 都 要 嚴格執行 已經 沒有 勸導 期 視同 走 到 准 四級 拜 讬 市民 努力 配合 一起</t>
    <phoneticPr fontId="1" type="noConversion"/>
  </si>
  <si>
    <t>雙北 疫情 持續 升溫 新北 市長 侯友宜 17 日 下午 舉行 防疫 記者會 時 表示 現在 已經 要 慢慢 走 到 第 四級 已經 開始 強化 三級 防疫 非必要 活動 還 有 相關 規定 都 要 嚴格執行 已經 沒有 勸導 期 視同 走 到 准 四級 拜 讬 市民 努力 配合 一起 作戰 儘快恢復 新形態 安全 生活 侯友宜 說 新北 市 已 做好 準備 社區 無法控制 下 的 高度 管制 生活 請 市民 心理 要 有 準備 強度 管制 會 越來越 高 對 市民 真的 很 抱歉 疫情 不斷 上升 一起 面對 大家 要 有 耐心 疫情 不可能 一 天 就 過 給 他們 時間 對於 中央 第 四級 標準 不 清 侯友宜 說 中央標準 沒有 詳細 說明 新北 板橋 已經 連續 3 天 超過 20 例 如果 標準 是 全國 100 個 那 新北 市 是否 只要 連續 14 天 超過 20 例 就要 進入 四級 管制 人口數 沒有 一定 標準 這 部分 要 趕快 討論 侯友宜 也 說 中央 是否 要 授權 給 地方 視 情況 全權處理 只 要 採取 高密度 管制 強度 就 會 很 高 采取 低密度 活動 這 部分 要 中央 要 彈性 給 授權 給 地方 侯友宜 說 這 兩 天 很 謝謝 新北 市民 朋友 基本 所有 餐廳 暫停營業 馬路上 很多 店 全部 關門 了 民眾 自律性 是 非常 高 未來 往上升 要 滾 動式 檢討 該 封 就要 封 不能 等待 侯友宜 強調 不能 拘泥於 一個 標準 手段 要 有效 控制 這 傳播 鍊 會 越來越快 尊重 cdc 同心 齊力 會 跟 熱區 的 區長 討論 隨時 準備 升到 第 四級 當然 事前 要 向 民眾 作好 宣 導</t>
    <phoneticPr fontId="1" type="noConversion"/>
  </si>
  <si>
    <t>疫情 照妖鏡 住院 醫師 請 長假 台大醫院 院長 批 無情 且 傲慢</t>
    <phoneticPr fontId="1" type="noConversion"/>
  </si>
  <si>
    <t>住院 醫師 吳明賢 台大醫院 請假 無情</t>
    <phoneticPr fontId="1" type="noConversion"/>
  </si>
  <si>
    <t>醫學 權威 期刊 刺 胳 針 各國 政要 可學 陸 防疫 經驗</t>
    <phoneticPr fontId="1" type="noConversion"/>
  </si>
  <si>
    <t>上海 新增 來自 臺灣 陸籍 確診 案例 集中 隔離 觀察 出現 症狀</t>
    <phoneticPr fontId="1" type="noConversion"/>
  </si>
  <si>
    <t>感染 源 采 檢 接觸 者 翁章梁 超 商</t>
    <phoneticPr fontId="1" type="noConversion"/>
  </si>
  <si>
    <t>旺 旺 志 工 演唱會 新北 開 唱 千 位 志 工 樂 嗨 嗨</t>
    <phoneticPr fontId="1" type="noConversion"/>
  </si>
  <si>
    <t>新北 市政府 與 旺 旺 文教 基金會 共同 舉辦 讓 奉獻 成為 一 種 榮耀 榮耀 二十 志 力 傳承 公益 演唱會 13 日 下午 在 新北 市政府 多功能 集 會堂 舉辦 邀請 多 位 民歌 知名 藝人 齊聚獻 唱 向 在場 社 福 文化 與 環保 志 工 致敬 新北 市 社會局 副</t>
    <phoneticPr fontId="1" type="noConversion"/>
  </si>
  <si>
    <t>旺 旺 志 工 演唱會 新北 市 新北 市政府 歌手 旺 旺 文教 基金會</t>
    <phoneticPr fontId="1" type="noConversion"/>
  </si>
  <si>
    <t>全球 晶圓 設備 支出 找回 繁榮</t>
    <phoneticPr fontId="1" type="noConversion"/>
  </si>
  <si>
    <t>成長 肺炎 投資 增長 支出</t>
    <phoneticPr fontId="1" type="noConversion"/>
  </si>
  <si>
    <t>這個 罪犯 確診 美國 人 全都 怒 了</t>
    <phoneticPr fontId="1" type="noConversion"/>
  </si>
  <si>
    <t>彰 化 賣 水果 家族 康復 出院 盼 別 再有 確診 者 遭 汙名 化</t>
    <phoneticPr fontId="1" type="noConversion"/>
  </si>
  <si>
    <t>疫苗 接種 半 年 後 應 否 補 打 第 3 針 專家 應 視 免疫 記憶 是否 增強</t>
    <phoneticPr fontId="1" type="noConversion"/>
  </si>
  <si>
    <t>近期 因 數量 較 多 的 接種 疫苗 者 遭 變種 病毒感染 的 案例 發生 有 專家建議 補 打 第 3 劑 加強 針 的 說法 極 受 重視 大陸 疾 控 中心 專家 表示 疫苗 接種 後 幾 個 月 抗體 水準 會 有所 下降 但 仍然 有 相當 的 保護 力 是否 補 打 第 3 針 還 需要 開展 相關</t>
    <phoneticPr fontId="1" type="noConversion"/>
  </si>
  <si>
    <t>江蘇 確診 者 僅剩 一 人 未 出院 全省 清 零 差 一 步</t>
    <phoneticPr fontId="1" type="noConversion"/>
  </si>
  <si>
    <t>《臺北股市》振興政策激勵 餐廳、零售業復甦看俏</t>
    <phoneticPr fontId="1" type="noConversion"/>
  </si>
  <si>
    <t>臺北 股市 振興 政策 激勵 餐廳 零售業 復蘇 看俏</t>
    <phoneticPr fontId="1" type="noConversion"/>
  </si>
  <si>
    <t>電子零件 毅嘉 10 月 營 收 年 增 1 成 寫 今年 次高</t>
    <phoneticPr fontId="1" type="noConversion"/>
  </si>
  <si>
    <t>美國 混打 250萬 莫德納 az</t>
    <phoneticPr fontId="1" type="noConversion"/>
  </si>
  <si>
    <t>斯洛伐克 贈 台 16萬 劑 az 效期 曝光</t>
    <phoneticPr fontId="1" type="noConversion"/>
  </si>
  <si>
    <t>連三天 0 桃醫 19 日 恢復 營運</t>
    <phoneticPr fontId="1" type="noConversion"/>
  </si>
  <si>
    <t>買 郵輪 綜合險 不怕 突發狀況</t>
    <phoneticPr fontId="1" type="noConversion"/>
  </si>
  <si>
    <t>罹 患 旅遊 肺炎 被保險人 保險</t>
    <phoneticPr fontId="1" type="noConversion"/>
  </si>
  <si>
    <t>同 島 一 命 你 我 都 不是 局外人 捐贈 防疫 物資 為 一線 工作人員 加油</t>
    <phoneticPr fontId="1" type="noConversion"/>
  </si>
  <si>
    <t>東奧 疫情 連環 爆 奧運 未 開幕 已 累積 5 選手 確診 退 賽</t>
    <phoneticPr fontId="1" type="noConversion"/>
  </si>
  <si>
    <t>離 東京 奧運 開幕 只 剩 最後 一 天 的 時間 了 世界 各國 好手 都 陸續 抵達 日本 東京 備戰 中華隊 好手 有的 也 開始 展開 賽前 訓練 目前 都 平安無事 相信 接下來 他們 會 全力 將 目標 放在 奪 牌 上面 不過 有 幾 位 選手 可 沒 那麼 好 過 了 繼 昨天 傳</t>
    <phoneticPr fontId="1" type="noConversion"/>
  </si>
  <si>
    <t>三級 何時 解封 柯文哲 疫苗 覆蓋率 需 達 7 成 以上</t>
    <phoneticPr fontId="1" type="noConversion"/>
  </si>
  <si>
    <t>疫苗 覆蓋率 群體 免疫 柯文哲 7 成</t>
    <phoneticPr fontId="1" type="noConversion"/>
  </si>
  <si>
    <t>房市 剛性 需求 強 安新建 經 建議 買房 跟 著 交通 建設 大型 企業 走</t>
    <phoneticPr fontId="1" type="noConversion"/>
  </si>
  <si>
    <t>政府 持續 出手 打 炒 房 各部 會 接連 出 招 加上 股市 表現 熱絡 引發 投資 圈 是否 棄 房轉 股 的 討論 安新建 經 表示 目前 自 住 置 產 的 買 盤還 在 房市 剛性 需求 不衰 建議 首 購 族 與 換屋 族 應 持續 關注 市場 維持 敏感度 長期投資</t>
    <phoneticPr fontId="1" type="noConversion"/>
  </si>
  <si>
    <t>建議 安新建 經 大型 企業 建設 劉易昌</t>
    <phoneticPr fontId="1" type="noConversion"/>
  </si>
  <si>
    <t>溫布頓正式宣佈 取消今年賽事</t>
    <phoneticPr fontId="1" type="noConversion"/>
  </si>
  <si>
    <t>溫布 頓 正式 宣佈 取消 今年 賽事</t>
    <phoneticPr fontId="1" type="noConversion"/>
  </si>
  <si>
    <t>一 關鍵 錯誤 讓 美 實際 確診 率 偏 低 cdc 認 了</t>
    <phoneticPr fontId="1" type="noConversion"/>
  </si>
  <si>
    <t>半 導體 京元電 疫 外 擴大 聯發 科 估 營 收 6 月 有 壓 全年 成長 依舊</t>
    <phoneticPr fontId="1" type="noConversion"/>
  </si>
  <si>
    <t>聯發 科 京元 電子 京元電 停工 第二 季</t>
    <phoneticPr fontId="1" type="noConversion"/>
  </si>
  <si>
    <t>義 黑手黨 沒 閑 著 趁 抗 疫 送暖</t>
    <phoneticPr fontId="1" type="noConversion"/>
  </si>
  <si>
    <t>肺炎 黑手黨 黑幫 警告 疫情</t>
    <phoneticPr fontId="1" type="noConversion"/>
  </si>
  <si>
    <t>檢疫 7 7 匆忙 上線 變種 病毒 肆虐 機師 歎 混合 派 飛 風險 極 高</t>
    <phoneticPr fontId="1" type="noConversion"/>
  </si>
  <si>
    <t>中央 6 月中 公佈 機組員 居 檢 加 嚴 政策 未 施打 疫苗 或 第一 劑 未 滿兩周 檢疫 天數 將 調整 為 7 7 有 長 榮 機師 坦言 目前 長 榮 已 有 9 成 以上 機組員 完成 接種 疫苗 但因 政府 政策 過於 匆忙 加上 delta 變種 病毒 肆虐 班表 不斷 調整 7</t>
    <phoneticPr fontId="1" type="noConversion"/>
  </si>
  <si>
    <t>中央 6 月中 公佈 機組員 居 檢 加 嚴 政策 未 施打 疫苗 或 第一 劑 未 滿兩周 檢疫 天數 將 調整 為 7 7 有 長 榮 機師 坦言 目前 長 榮 已 有 9 成 以上 機組員 完成 接種 疫苗 但因 政府 政策 過於 匆忙 加上 delta 變種 病毒 肆虐 班表 不斷 調整 7 月 的 班表 到 昨天 才 出來 另 中央 規定 機組員 可于 居 檢 派 飛 派 飛 前 若 快 篩 陰性 即可 出勤 令 機師 無奈 的 說 混合 派 飛 風險 極 高 機組員 7 7 政策 於 今天 正式 上線 長 榮 機師 表示 長 榮 機師 約 1300 名 目前 只 剩下 70 人 左右 尚未 施打 大家 都 在 等待 接種 第二 劑 疫苗 若 血清 抗體 檢測 為 陽性 則 返台 不 需 隔離 但 打 了 第一 劑 尚未 滿兩周 的 機師 仍 占多數 又 因 delta 變種 病毒 肆虐 取消 了 部分 飛往 倫敦 及 雅加達 的 航班 導致 排 班上 造成 了 巨大 變動 直言 中央 看 待機 組員 的 角度 有 偏頗 沒有 顧慮到 實際 執行 的 困難 度 也 從未 考量 若 突如其來 的 事件 發生 會 導致 航空 公司 難以 作業 機師 坦言 機組員 一直 到 6 月 30 日前 都還 不 知道 班表 如何 安排 明天 要 幹 嘛 7 月 上班時間 為何 導致 家庭 生活 的 行程 也 難以 計畫 考量 每天 疫苗 接種 進度 都 有 變化 公司 排 班表 的 人員 也 都 加班 處理 相關 事項 除 了 政府 繁複 規定 外 又 因 外界 變種 病毒 的 變動 需要 隨 著 外界 局勢 重新 調整 另 中央 宣佈 長 程 航班 的 機組員 若 采 快 篩 陰性 居檢 期間 可 派 飛 長 榮 機師 提到 現在 機師 有 分 多 種 狀況 包含 未 施打 疫苗 者 有 施 打 疫苗 者 施 打完 是否 滿兩周 是否 施打 兩劑 施打 兩劑 者 血清 抗體 是否 陽性 機師 直言 在 這樣 多 分類 的 情況 下 混合 派 飛 風險 極大 當初 也 有 建議 政府 8 月 再 實施 7 7 政策 否則 政策 匆忙 飛行員 緩衝 時間 不夠 大家 對 政策 仍 霧 煞 煞</t>
    <phoneticPr fontId="1" type="noConversion"/>
  </si>
  <si>
    <t>機組員 機師 7 7 變種 病毒 班表</t>
    <phoneticPr fontId="1" type="noConversion"/>
  </si>
  <si>
    <t>口罩 新 制 上路 高雄 藥局 人龍 綿延 10 家 店</t>
    <phoneticPr fontId="1" type="noConversion"/>
  </si>
  <si>
    <t>口罩 新 制 今 9 日 上路 14 天 可 購買 9 片 成人 口罩 高雄 1 家 藥局 下午 3 時 起開 賣 排隊 人龍 已 綿延 10 家 店 距離 約莫 30 多 人 排隊 等候 排 第 1 位 的 陳姓 男子 說 今天 比 往日 多 3 倍 人潮 雖然 14 天 可 買 9 片 但 仍 不敷 使用 最好 是 1 天</t>
    <phoneticPr fontId="1" type="noConversion"/>
  </si>
  <si>
    <t>口罩 新 制 今 9 日 上路 14 天 可 購買 9 片 成人 口罩 高雄 1 家 藥局 下午 3 時 起開 賣 排隊 人龍 已 綿延 10 家 店 距離 約莫 30 多 人 排隊 等候 排 第 1 位 的 陳姓 男子 說 今天 比 往日 多 3 倍 人潮 雖然 14 天 可 買 9 片 但 仍 不敷 使用 最好 是 1 天 能 1 片 也 有 阿伯 搬 來 紅色 塑膠 椅 帶 漫畫 來 打發 時間 認為 新 制 好不好 政府 看 大家 排 成 這樣 應該 就 知道 了 陳 姓 男子 說 一家 4 口 有 3 位 身分 證 尾數 是 雙號 1 位 單號 之前 要 想 辦法 排 兩 次 隊 但 之前 排 半 小時 而已 人 也 沒 今天 這麼 多 今天 自己 剛好 休假 與 老婆 兩 個 人 前來 要 領取 全家 4 個 人 的 口罩 量 陳 男 直說 雖然 現在 推行 網路 預購 口罩 但 實際操作 仍 不 太 方便 他 寧願 到家 附近 的 這家 藥局 排隊 今天 約 2 時 到場 2 時 45 分發 號碼牌 3 時開 賣 但 2 時 30 分 許 人龍 已經 排到 隔壁 的 10 家 店 外 相當 誇張 針對 近來 口罩 援外 陳男 認為 國人 自己 14 天 9 片 口罩 都 不夠 了 可以 說 自顧不暇 了 應該 是 先 把 國內 需求 搞 定 再來 幫助 其他 國家 否則 像是 自己 的 小孩 要 上百人 以上 的 補習班 為了 要 防疫 也 不能 省 口罩 還是 要 每天 更換 70 歲 劉姓 阿伯 也 在 豔陽 下等 候 特地 搬 來 塑膠 椅 以及 漫畫 書 他 說 14 天 9 片 不夠 啦 只能 儘量 節省 重複 用 蒸 的 還是 不 放心 希望 政府 能 想 出 更 便民 的 方式</t>
    <phoneticPr fontId="1" type="noConversion"/>
  </si>
  <si>
    <t>口罩 藥局 今天 新 制 自己</t>
    <phoneticPr fontId="1" type="noConversion"/>
  </si>
  <si>
    <t>疫情 結束 求 國家 分配 男友 網 激 喊 女 護士 來 臺灣 吧</t>
    <phoneticPr fontId="1" type="noConversion"/>
  </si>
  <si>
    <t>拉警報！2臺北巿民曾赴枋寮 和疑似Delta確診親戚近距離接觸</t>
    <phoneticPr fontId="1" type="noConversion"/>
  </si>
  <si>
    <t>拉 警報 2 臺北 市民 曾赴 枋寮 和 疑 似 delta 確診 親戚 近 距離 接觸</t>
    <phoneticPr fontId="1" type="noConversion"/>
  </si>
  <si>
    <t>國內 爆 9 例 突破性 感染 莊人祥 都 是 打 az</t>
    <phoneticPr fontId="1" type="noConversion"/>
  </si>
  <si>
    <t>突破性 感染 az 嬌 生 冰島 研究 莊人祥</t>
    <phoneticPr fontId="1" type="noConversion"/>
  </si>
  <si>
    <t>好友 突 患 漸 凍 症 王力宏 譜曲 捐 出 所 有 收益 號召 粉 獻 愛</t>
    <phoneticPr fontId="1" type="noConversion"/>
  </si>
  <si>
    <t>基亞 新藥 開發 雙喜臨門</t>
    <phoneticPr fontId="1" type="noConversion"/>
  </si>
  <si>
    <t>基亞 3176 新藥 開發 雙喜臨門 除了 與 義大 癌 治療 醫院 nk 自然 殺手 細胞 治療 將 啟動 外 與 日本 oncolys biopharma 共同開發 的 溶 瘤 病毒 新藥 obp- 301 授權 夥伴 中外 製藥 應用 於 合併 放射線 治療 食道癌 的 臨床 二期 試驗 也 正式</t>
    <phoneticPr fontId="1" type="noConversion"/>
  </si>
  <si>
    <t>新藥 obp- 301 基亞 製藥 oncolys</t>
    <phoneticPr fontId="1" type="noConversion"/>
  </si>
  <si>
    <t>這裡 好 毒 nba 與 nhl 半數 確診 來 過</t>
    <phoneticPr fontId="1" type="noConversion"/>
  </si>
  <si>
    <t>久違 零 確診 說好 的 連 假 大 爆發 呢 網 揭 關鍵 真相</t>
    <phoneticPr fontId="1" type="noConversion"/>
  </si>
  <si>
    <t>口罩 零 確診 大 爆發 清明連 假 疫情</t>
    <phoneticPr fontId="1" type="noConversion"/>
  </si>
  <si>
    <t>疫苗 調閱 小組 竟 只 開過 一 次 會 藥師 一 聽 忍不住 喊 6 字</t>
    <phoneticPr fontId="1" type="noConversion"/>
  </si>
  <si>
    <t>民眾黨 立 委 高虹 安 昨日 7 痛 批 立法 院 疫苗 調閱 小組 4 月 29 日 開過 一 次 會後 至今 尚未 再 開過 會 就 在 5 月 31 日 結束 了 下次 再 重新 組成 得 等 到 9 月底 對此 藥師 林士峰 直言 實在太 多 疑點 認為 執政 黨 在 整個 疫苗 採購 疑</t>
    <phoneticPr fontId="1" type="noConversion"/>
  </si>
  <si>
    <t>雲林 超前 部署 縣 務 會議 改 視 訊 並 籌備 臨時 辦公 中心</t>
    <phoneticPr fontId="1" type="noConversion"/>
  </si>
  <si>
    <t>連 28 天 沒 本土 病例 陳時中 520 總統 就職 會 建議 放寬 人數</t>
    <phoneticPr fontId="1" type="noConversion"/>
  </si>
  <si>
    <t>疫情 本土 28 天 陳時中 放寬</t>
    <phoneticPr fontId="1" type="noConversion"/>
  </si>
  <si>
    <t>聯合醫院傳有醫護被匡列？陳時中：不會公佈特定醫院</t>
    <phoneticPr fontId="1" type="noConversion"/>
  </si>
  <si>
    <t>聯合醫院 傳 有 醫護 被 匡列 陳時中 不會 公佈 特定 醫院</t>
    <phoneticPr fontId="1" type="noConversion"/>
  </si>
  <si>
    <t>醫護 醫院 院區 聯合醫院 匡列</t>
    <phoneticPr fontId="1" type="noConversion"/>
  </si>
  <si>
    <t>公文 跑 比 病毒 慢 藍委怒 轟 陳時中 徹底 的 x 話</t>
    <phoneticPr fontId="1" type="noConversion"/>
  </si>
  <si>
    <t>原定 赴 立 法院 備詢 的 衛福 部長 陳時中 臨時 請假 由 政務 次長 薛瑞 元代 打 薛 證實 是因為 華航群 聚 感染 惡化 對此 藍委 李德維 表示 病毒 當然 是 唯一 的 敵人 傲慢 卻是 更 大 的 危機 李 痛 批 然後 陳時中 說 公文 沒有 跑 得 比 病</t>
    <phoneticPr fontId="1" type="noConversion"/>
  </si>
  <si>
    <t>緊急命令 湖北 孝感 禁 居民 外出 生活 物資 官方 配送</t>
    <phoneticPr fontId="1" type="noConversion"/>
  </si>
  <si>
    <t>楊志良 批 春節 10 4 是 對 台商 有 恨 陳時中 妙 回 是 有 愛 吧</t>
    <phoneticPr fontId="1" type="noConversion"/>
  </si>
  <si>
    <t>陳時中 表達 有 意願 接 機 bnt 無 保留 劑量 但書 全部 無償 捐贈</t>
    <phoneticPr fontId="1" type="noConversion"/>
  </si>
  <si>
    <t>bnt 陳時中 疫苗 採購 郭台銘</t>
    <phoneticPr fontId="1" type="noConversion"/>
  </si>
  <si>
    <t>人民日報 點名 痛 批 張雅琴 安幼琪 電視臺 回應 了</t>
    <phoneticPr fontId="1" type="noConversion"/>
  </si>
  <si>
    <t>人民日報 海外版 今 26 日 以 一 場 疫情 撕下 台當局 畫皮 為題 公開 點名 近來 叫 台商 吃 蝙蝠 的 年代 資深 主 播 張雅琴 安幼琪 等 人 痛 批 因為 人 的 出身 種族 身份 而 擁有 淩辱 別人 的 權利 或 只能 被 別人 淩辱 這 是 納粹 還是 民主</t>
    <phoneticPr fontId="1" type="noConversion"/>
  </si>
  <si>
    <t>張雅琴 安幼琪 人民日報 年代 新聞 台商</t>
    <phoneticPr fontId="1" type="noConversion"/>
  </si>
  <si>
    <t>武漢 門診 新增 病例 爆 危險 信號</t>
    <phoneticPr fontId="1" type="noConversion"/>
  </si>
  <si>
    <t>肺炎 防控 社區 武漢 新增 病例</t>
    <phoneticPr fontId="1" type="noConversion"/>
  </si>
  <si>
    <t>禁 高中 以下 師生 出國 王浩宇 苗博雅 互 杠</t>
    <phoneticPr fontId="1" type="noConversion"/>
  </si>
  <si>
    <t>高 科技 與 半導體 產業 板塊 挪 移</t>
    <phoneticPr fontId="1" type="noConversion"/>
  </si>
  <si>
    <t>板塊 挪 移 肺炎 陸美 貿易戰 加速 高科技</t>
    <phoneticPr fontId="1" type="noConversion"/>
  </si>
  <si>
    <t>寒假 變長 嘉義 縣 市 紛 推 線 上 學習</t>
    <phoneticPr fontId="1" type="noConversion"/>
  </si>
  <si>
    <t>川普 對 who 通牒 信 出 包? 醫學期刊 刺 胳 針 揭 真相</t>
    <phoneticPr fontId="1" type="noConversion"/>
  </si>
  <si>
    <t>已 有 一 死 義 大利 突 成 重災區 一 天 增 17 病例</t>
    <phoneticPr fontId="1" type="noConversion"/>
  </si>
  <si>
    <t>新竹 縣 竹東 2 長 照 機構 新增 10 個案 確診 產婦 新生兒 為 陰性</t>
    <phoneticPr fontId="1" type="noConversion"/>
  </si>
  <si>
    <t>新竹 縣 17 日 新增 10 個 確診 者 均 為 先前 爆發 確診 的 2 長 照 機構 其中 b 長 照 機構 新增 8 名 確診 者 c 長 照 機構 則 有 2 人 由於 接觸 者 均 已 匡列 不再 重複 匡列 縣長 楊文科 也 強調 對於 2 機構 會 加強 監控 均 為 第 3 次 采 檢 後 的 新增 確診</t>
    <phoneticPr fontId="1" type="noConversion"/>
  </si>
  <si>
    <t>黃立民 采 檢 基隆 病毒 肺炎</t>
    <phoneticPr fontId="1" type="noConversion"/>
  </si>
  <si>
    <t>半 導體 聯發 科 天璣 820 現身 劍 指 中高 端 5 g 智慧 機</t>
    <phoneticPr fontId="1" type="noConversion"/>
  </si>
  <si>
    <t>聯發 科 2454 5 g 再 添 新兵 聯發 科 今日 最新 發表 5 g 系統 單晶 片 soc 新品 天璣 820 採用 7 奈 米制 程 瞄準 中高 端 5 g 智慧 型 手機 聯發 科 在 5 g 的 佈局 上 自 去年 起 就 持續 展現 高度 企圖 心 透過 多元 的 產品 佈局 力求 搶 啖 更 多 的 市</t>
    <phoneticPr fontId="1" type="noConversion"/>
  </si>
  <si>
    <t>聯發 科 高通 5 g 天璣 1000 天璣 800</t>
    <phoneticPr fontId="1" type="noConversion"/>
  </si>
  <si>
    <t>歐洲第 2 國 淪陷 這裡 確認 出現 omicron 病例</t>
    <phoneticPr fontId="1" type="noConversion"/>
  </si>
  <si>
    <t>冰島 普 篩 成功 抗 疫</t>
    <phoneticPr fontId="1" type="noConversion"/>
  </si>
  <si>
    <t>磐石 艦 僅 爆 31 確診 張上淳 指 海軍 這 件 事 做 對了</t>
    <phoneticPr fontId="1" type="noConversion"/>
  </si>
  <si>
    <t>海軍 張上淳 磐石 艦 我國 軍艦</t>
    <phoneticPr fontId="1" type="noConversion"/>
  </si>
  <si>
    <t>急症 纏身 grace 喊話 阿翔 欲望 沒 得到 平衡</t>
    <phoneticPr fontId="1" type="noConversion"/>
  </si>
  <si>
    <t>阿翔 grace 浩 角 翔 起 謝忻 急性 蕁麻疹</t>
    <phoneticPr fontId="1" type="noConversion"/>
  </si>
  <si>
    <t>獲取 越南 超級 國家 秘方 台 東男 張貼 假 訊息 被 移送</t>
    <phoneticPr fontId="1" type="noConversion"/>
  </si>
  <si>
    <t>youtube 舉辦 全球 電影節 聯手 20 大 影展 線 上 免費 看片</t>
    <phoneticPr fontId="1" type="noConversion"/>
  </si>
  <si>
    <t>嘉義 警 打 az 後 爆 多發性 血栓 兩 度 開刀 仍 命 危</t>
    <phoneticPr fontId="1" type="noConversion"/>
  </si>
  <si>
    <t>從警 36 年 的 嘉義 市 警察局 55 歲 吳姓 小隊長 6 月 19 日 接種 az 疫苗 後 出現 發燒 腳麻 等 症狀 本月 8 日 身體 極度 不 舒服 就醫 發現 有 多發性 血栓 轉送 台中 榮 總 醫院 開刀 2 次 取出 約 5 公分 血栓 目前 仍 在 加 護 病房 觀察 親友 沉痛 籲</t>
    <phoneticPr fontId="1" type="noConversion"/>
  </si>
  <si>
    <t>從警 36 年 的 嘉義 市 警察局 55 歲 吳姓 小隊長 6 月 19 日 接種 az 疫苗 後 出現 發燒 腳麻 等 症狀 本月 8 日 身體 極度 不 舒服 就醫 發現 有 多發性 血栓 轉送 台中 榮 總 醫院 開刀 2 次 取出 約 5 公分 血栓 目前 仍 在 加 護 病房 觀察 親友 沉痛 籲請 政府 重視 注射 疫苗 的 不良反應 事件 吳 小隊長 的 親友 說明 吳 小隊長 沒有 糖尿病 無 慢性 疾病 血糖 有時 偏 高 有 長期 慢 跑 習慣 6 月 19 日 接種 疫苗 後 陸續 出現 發燒 腳麻 症狀 他 也 曾 到 醫院 看 診 服藥 但 服 藥 後 症狀 仍未 改善 到 了 本月 8 日 吳 小隊長 身體 非常 不 舒服 緊急 送醫 經 心臟 外科 醫師 診斷 其 下 半 身 包括 腹 主動脈 右腎 動脈 左 股 和 右 股 動脈 有 多發性 血栓 動手術 急救 後 再 轉送 台中 榮 民 總 醫院 10 日 又 發生 血栓 再次 動手術 約 7 小時 取出 多 條 血栓 其中 1 條 血栓 長 達 約 5 公分 血管 完全 被 塞 住 吳 的 親友說 吳姓 小隊長 至今 仍 在 加 護 病房 觀察 情況危急 他們 認為 應 與 注射 az 疫苗 後 的 不良反應 有關 吳 的 友人 表示 吳小隊長 是 和 同事 一起 接種 az 疫苗 大部分 同事 會 發燒 不適 但 吳 出現 嚴重 血栓 接種 疫苗 以來 各 地 發生 不良反應 案例 但 政府 及 有關 單位 低調 應對 希望 疫苗 不良反應 能 獲得 更 多 重視 也 提醒 大家 接種 疫苗 要 慎重 嘉義 市 警察局 表示 本月 8 日 將 吳員 疑 似 與 接種 az 疫苗 後 不良反應 有關 的 情形 通報 內政部警政署 匯 辦 並 持續 關心 吳員 治療 狀況 也 透過 衛生局 促請 台中 榮 民 總院 全力 醫 救</t>
    <phoneticPr fontId="1" type="noConversion"/>
  </si>
  <si>
    <t>入境 大陸 護照 慘 被 當 垃圾 銷毀 韓國 人 崩潰</t>
    <phoneticPr fontId="1" type="noConversion"/>
  </si>
  <si>
    <t>一 組 31 人 的 韓國團 4 日 入境 北京 隔離 期間 交出 的 護照 竟 意外 被 大陸 工作人員 誤以為 是 垃圾 銷毀 陸方 已經 向 韓方 道歉 並 承諾 不 收取 隔離 費用 也 會 免費 重 發 簽證 但是 部 份 還要 轉 往 美國 的 韓國 旅客 相當 崩潰 因為 相關 簽證 也</t>
    <phoneticPr fontId="1" type="noConversion"/>
  </si>
  <si>
    <t>一 組 31 人 的 韓國團 4 日 入境 北京 隔離 期間 交出 的 護照 竟 意外 被 大陸 工作人員 誤以為 是 垃圾 銷毀 陸方 已經 向 韓方 道歉 並 承諾 不 收取 隔離 費用 也 會 免費 重 發 簽證 但是 部 份 還要 轉 往 美國 的 韓國 旅客 相當 崩潰 因為 相關 簽證 也 已經 連帶 被 銷毀 韓國大使館 痛 批 這 起 疏失 是 場 災難 香港 南華早報 馬來西亞 星洲 日報 引述 韓國 日報 韓聯社 等 報導 指出 4 日 一 批 31 人 組成 的 韓國團 入境 北京 並 在 飯店 展開 為期 21 天 隔離 隔離 期間 大陸 防疫 人員 以 填寫 檔 需要 護照 影本 為由 收 走 所有人 的 護照 後續 卻 遲遲 未 歸還 最後 才 告知 他們 護照 不 小心 被 銷毀 令 韓國 旅客 相當 憤怒 消息人士 指出 由於 護照 是從 韓國 攜 入 必須 消毒 陸方 防疫 人員 便 將 護照 集中 放在 塑膠袋 內 準備 消毒 不料 卻 遭 其他 工作人員 誤認 成 垃圾 將 一整 袋 護照 連同 其他 垃圾 一起 運往 垃圾 處理廠 焚燒 南韓 駐 北京 大使館 官員 形容 這 是 一 場 不該 發生 的 災難 指出 韓國政府 已經 聯繫 大陸 官員 儘量 降低 對 31 名 旅客 帶來 的 不便 南韓 駐 北京 大使館 也 已經 向 大陸 外交部 表達 抗議 後者 則 對 這 起 尷尬 事件 表示 抱歉 大陸 官方 也 承諾 31 名 韓國人 不必 繳 交 每人 1321 美元 約 新 台幣 36716 元 的 隔離 旅館 費用 陸方 也 將 另 發 簽證 並且 不 向 韓國 旅客 收費 韓國 方面 也 已經 加速 為 這 31 人 重新 辦理 護照 不過 目前 仍 不 清楚 這 團 韓國 團 能否 在 25 日 隔離 期滿 前 收到 新 護照 當 中部 份 旅客 之後 還要 前往 美國 等 其他 國家 護照 被 銷毀 讓 他們 相當 崩潰 因為 相關 簽證 也 連同 護照 一併 被 焚毀</t>
    <phoneticPr fontId="1" type="noConversion"/>
  </si>
  <si>
    <t>雲縣 超前 部署 盼 臺灣 平安</t>
    <phoneticPr fontId="1" type="noConversion"/>
  </si>
  <si>
    <t>安心 口罩 醫療 用 肺炎 檢疫</t>
    <phoneticPr fontId="1" type="noConversion"/>
  </si>
  <si>
    <t>新竹 今 增 1 確診 為 京元電 員工 足跡 曝光 連續 4 日 到 苗栗 用餐</t>
    <phoneticPr fontId="1" type="noConversion"/>
  </si>
  <si>
    <t>全球 疫情 前 半 年 臺灣 如 世外桃源 黃暐瀚 示 警 了</t>
    <phoneticPr fontId="1" type="noConversion"/>
  </si>
  <si>
    <t>臺灣 戴 口罩 川普 黃暐瀚 美國</t>
    <phoneticPr fontId="1" type="noConversion"/>
  </si>
  <si>
    <t>罩 顧健康 動手做 巧 藝 志 工 布 口罩 diy 教學</t>
    <phoneticPr fontId="1" type="noConversion"/>
  </si>
  <si>
    <t>BNT疫苗中秋前後「每週到貨7、80萬劑」 爭取明年3000萬劑</t>
    <phoneticPr fontId="1" type="noConversion"/>
  </si>
  <si>
    <t>由 台積電 慈濟 永齡 基金 會合 購 1500萬 劑 bnt 疫苗 其中 印有 複 必 泰 標籤 的 200萬 劑 預計 9 月初 抵 台 剩 餘 疫苗 到貨 時程 今 29 晚 也 傳出 好 消息 估計 自 中秋 節後 至 11 月 每週 將 有 70 80萬 劑 bnt 疫苗 到貨 更 有 機會 保留 明年 300</t>
    <phoneticPr fontId="1" type="noConversion"/>
  </si>
  <si>
    <t>bnt 到貨 郭台銘 臺灣 疫苗</t>
    <phoneticPr fontId="1" type="noConversion"/>
  </si>
  <si>
    <t>臺北市 長 柯文哲 24 日 下午 召開 防疫 記者會 對於 北 捷 有人 確診 副 市長 黃珊珊 表示 有 1 名 保 全員 確診 3 人 為 快 篩 陽性 22 號 已 啟動 全站 清 消 北市 副 市長 黃珊珊 24 日 在 防疫 記者會 上 說明 臺北捷運 公司 龍山寺 有 1 名 保 全員</t>
    <phoneticPr fontId="1" type="noConversion"/>
  </si>
  <si>
    <t>其他 股 三能 2019 年 eps 挑戰 3 元 今年 恐 受 疫情 干擾 下滑</t>
    <phoneticPr fontId="1" type="noConversion"/>
  </si>
  <si>
    <t>三能 -ky 6671 2019 年 受 中 美 貿易戰 影響 使得 大陸 內需 市場 低迷 拖累 營 收 微 減 受惠 訂制 類產品 自動化 效率 提升 帶動 毛利率 微幅 增加 與 無錫 高薪 企業 優惠 稅率 等 因素 獲利 恢復 成長 動能 法人 預估 三能 2019 年 稅 後 盈 餘 將 在 1</t>
    <phoneticPr fontId="1" type="noConversion"/>
  </si>
  <si>
    <t>sbl 因應 防疫 升級 總 冠軍賽 采 閉門 比賽</t>
    <phoneticPr fontId="1" type="noConversion"/>
  </si>
  <si>
    <t>球王 喬柯 維奇 novak djokovic 似乎 差點 就要 放棄 美 網 了 但 他 最後 還是 到達 美國紐約 我 差點 就 放棄 有 很 多 不 確定 因素 現在 也 是 一樣 我 想 打球 所以 我 來 了 我 個人 不 害怕 處在 充滿 健康 風險 的 環境 喬柯 維奇 已經 得</t>
    <phoneticPr fontId="1" type="noConversion"/>
  </si>
  <si>
    <t>喬柯 維奇 美 網 atp 大 滿貫 紐約</t>
    <phoneticPr fontId="1" type="noConversion"/>
  </si>
  <si>
    <t>異地 辦公 國民黨 準備 好 了</t>
    <phoneticPr fontId="1" type="noConversion"/>
  </si>
  <si>
    <t>傾向 打 滿 2 劑 就 不 管制 柯文哲 驚弓之鳥 過 生活 撐 不了 幾 年</t>
    <phoneticPr fontId="1" type="noConversion"/>
  </si>
  <si>
    <t>簡訊 實 聯 制 柯文哲 采 檢 疫苗</t>
    <phoneticPr fontId="1" type="noConversion"/>
  </si>
  <si>
    <t>40萬 劑 az 疫苗 今 抵 台 賴清德 呼籲 儘快 施打</t>
    <phoneticPr fontId="1" type="noConversion"/>
  </si>
  <si>
    <t>簡訊 疫苗 40萬 az 賴清德</t>
    <phoneticPr fontId="1" type="noConversion"/>
  </si>
  <si>
    <t>高雄 春天 藝術節 創新 舞 筵 自然 不受 疫情 影響</t>
    <phoneticPr fontId="1" type="noConversion"/>
  </si>
  <si>
    <t>因應 疫情 許多 藝 文 表演 延期 取消 高雄 春天 藝術節 創新 嘗試 的 舞 筵 自然 環境 舞蹈 系列 由於 在 戶外 開闊 處 演出 21 日 將 如期舉行 走 出 廳堂 與 環境 共 舞 高 市文化局 表示 工作人員 會 自主 執行 防疫 措施 也 歡迎 民眾 戴 口罩</t>
    <phoneticPr fontId="1" type="noConversion"/>
  </si>
  <si>
    <t>亞東 醫院 爆 院內 感染 17 日 1 名 86 歲 確診 者 病逝 18 日 下午 新增 2 名 護理 師 19 日 上午 再 發現 1 名 病人 1 名 病人 家屬 1 名 看護 二 次 采 檢 時 呈 陽性反應 目前 累計 14 人 確診 院方 表示 已於 今日 上午 陸續 對 匡列者 進行 第 3 次 采 檢 亞</t>
    <phoneticPr fontId="1" type="noConversion"/>
  </si>
  <si>
    <t>滯 湖北 台商 散客 式 返台 恐 生 防疫 漏洞</t>
    <phoneticPr fontId="1" type="noConversion"/>
  </si>
  <si>
    <t>滯留 湖北 台人 的 兩岸 包機 協商 卡 關 有 湖北 台商 指出 苦 等 不是 辦法 現在 有人 尋找 另 個 途徑 看 是否 能 從 目前 僅剩 開放 兩岸 航班 的 北京 上海 成都 廈門 等 4 地 返台 據 瞭解 若是 以此 散客 方式 返台 只 需 居家 檢疫 14 天</t>
    <phoneticPr fontId="1" type="noConversion"/>
  </si>
  <si>
    <t>滯留 湖北 台人 的 兩岸 包機 協商 卡 關 有 湖北 台商 指出 苦 等 不是 辦法 現在 有人 尋找 另 個 途徑 看 是否 能 從 目前 僅剩 開放 兩岸 航班 的 北京 上海 成都 廈門 等 4 地 返台 據 瞭解 若是 以此 散客 方式 返台 只 需 居家 檢疫 14 天 也 不 用 送到 專門 的 隔離 所 隔離 但 台商 直言 這種 方式 非常 蠢 明明 有 大陸 現成 的 包機 不用 還 可能 造成 防疫 漏洞 陸委會 法政 處長 蔡志儒 近日 說 滯留 湖北 的 國人 是 政府 最 優先 處理 的 對象 目前 兩岸 仍 有 5 個 航點 可讓 在 陸 國人 返台 這 段 說法 引起 湖北 台商 圈 關注 解讀 這 是 在 暗示 他們 可 設法 前往 目前 仍 開放 兩岸 航班 的 北京 上海 成都 廈門 等 4 地 再 自行 買 機票 返台 而 4 地中 離 湖北 最近 的 為 上海 一 位 湖北 台商 指出 若 包機 真的 無望 這 不失為 一 種 變通 方式 但因 當地 封城 或 許可 麻煩 地方 台辦 協助 安排 有意 願 以 此 方式 返台 者 先 搭 機 或 搭 車 從 湖北 到 上海 再 自行 購票 從 上海 返台 據 瞭解 若 循 此 途徑 以 散客 方式 返台 只要 居家 檢疫 14 天 不用 像 首 架 包機 那般 大 陣 仗 檢疫 也 無須 被 送 到 專門 的 隔離 所 不過 有 台商 直言 這種 方式很 愚蠢 明明 有 現成 又 最 快 可 返台 的 大陸 班機 可 搭 卻 舍而 不用 感覺 臺灣政府 在 耍賴 他 認為 臺灣 因 堅持 用 撤 僑 模式 造成 雙方 協商 僵持 但 對 滯留 者 而言 能 趕快 回家 才是 最 要緊 的 即便 臺灣 真的 派 醫護人員 事先 檢疫 也 未必 能 完全 查出 潛伏期 患者 是否 確診 他 認為 若 用 散客 方式 返台 只有 居家 檢疫 恐 造成 防疫 漏洞 最後 出事 又 發現 確診 病例 到時候 還 會 害 台商 更 被 臺灣 社會 汙名 化</t>
    <phoneticPr fontId="1" type="noConversion"/>
  </si>
  <si>
    <t>倫敦 爆發 數 千 人 反 防疫 示威 警 拘捕 10 人</t>
    <phoneticPr fontId="1" type="noConversion"/>
  </si>
  <si>
    <t>台東林 家小 館 確診 再 5 另 有 1 彰 化 確診 足跡</t>
    <phoneticPr fontId="1" type="noConversion"/>
  </si>
  <si>
    <t>台東 29 日 新增 5 例 確診 個案 為 太 麻裡 林 家小 館 餐 宴 案 延伸 台東 確診 累計 至 今 13 例 縣長 饒 慶鈴 提醒 民眾 快 篩 陰性 仍 須在家 做好 自我 健康 監測 並 嚴詞 強調 居家 隔離 者 則 請 依 規定 待 在 家中 怒斥 如果 真有 需要 可以 送 你 去 防</t>
    <phoneticPr fontId="1" type="noConversion"/>
  </si>
  <si>
    <t>台東 29 日 新增 5 例 確診 個案 為 太 麻裡 林 家小 館 餐 宴 案 延伸 台東 確診 累計 至 今 13 例 縣長 饒 慶鈴 提醒 民眾 快 篩 陰性 仍 須在家 做好 自我 健康 監測 並 嚴詞 強調 居家 隔離 者 則 請 依 規定 待 在 家中 怒斥 如果 真有 需要 可以 送 你 去 防疫 旅館 饒 慶鈴 今日 下午 召開 記者會 說明 縣 內 新增 5 例 台 東 確診 個案 皆 為 金峰鄉 人 為 林 家小 館 餐 宴 案 相關 及 延伸 另 有 1 例 彰 化 確診 案 來 台東 案 7551 女 40 多 歲 7552 女 50 多 歲 7553 女 40 多 歲 曾於 15 日 參加 林 家小 館 餐 宴 延 伸出 的 案 7815 女 約 20 歲 與 7816 男 約 10 歲 為 同 住 家人 感染 5 案 足跡 多於 住家 附近 活動 案 7815 曾 於 5 25 26 到 台東市 洽 公 另 一 案 彰 化 確診 者 5 24 出現 發燒 症狀 期間 於 外縣市 活動 5 27 到 太麻裡鄉 外帶 早餐 並於 台 東市區 拜訪 親戚 饒 慶鈴 表示 全縣 13 個 鄉鎮 社區 快 篩 站 累計 至 28 日 共 248 人 快 篩 3 人 陽性 其中 1 人 pcr 結果 為 陰性 2 人 pcr 陽性 分別 為 案 7815 與 7816 而 快 篩 陰性 也 不 代表 沒有 感染 可能 因 病毒 數 不足 或 潛伏期 無法 驗 出 仍 須在家 做好 自我 健康 監測 勿 群 聚 避免 出入 公共場所 饒 慶鈴 也 感謝 縣 內 許多 熱心 民眾 農友 及 村裡 長 配合 自主 協助 村裡 進行 環境 清潔 與 消毒 和 環保局 一起 對抗 疫情 此外 為 減少 不必要 的 外出 縣 內 各 醫院 及 鄉 鎮 衛生所 至 6 月 14 日前 提供 視 訊 診療 服務 慢性病 複診 病人 經 醫師 評估 病情 穩定 則 可 采 電話 問診</t>
    <phoneticPr fontId="1" type="noConversion"/>
  </si>
  <si>
    <t>獲 授權 口服藥物 肺炎 最終 委員會</t>
    <phoneticPr fontId="1" type="noConversion"/>
  </si>
  <si>
    <t>經營炸豬排店 日新冠確診者自願公佈店名 讓消費者安心</t>
    <phoneticPr fontId="1" type="noConversion"/>
  </si>
  <si>
    <t>炸 豬排 旭川 日本 北海道 確診</t>
    <phoneticPr fontId="1" type="noConversion"/>
  </si>
  <si>
    <t>友達彭雙浪：疫情下迎商機</t>
    <phoneticPr fontId="1" type="noConversion"/>
  </si>
  <si>
    <t>友達 彭 雙浪 疫情 下 迎 商 機</t>
    <phoneticPr fontId="1" type="noConversion"/>
  </si>
  <si>
    <t>友達 會 更 好 暢旺 面板 產業 補貼</t>
    <phoneticPr fontId="1" type="noConversion"/>
  </si>
  <si>
    <t>1 分鐘 看 世界 白宮 官員 戴 上 mit 口罩 佛 奇 警告 早 解封 下場 慘</t>
    <phoneticPr fontId="1" type="noConversion"/>
  </si>
  <si>
    <t>世衛 譚 德塞 陸 首次 無 新 增 病例 是 驚人 成就 啊</t>
    <phoneticPr fontId="1" type="noConversion"/>
  </si>
  <si>
    <t>臺裔美籍企業家楊安澤 宣佈競選紐約市長</t>
    <phoneticPr fontId="1" type="noConversion"/>
  </si>
  <si>
    <t>台裔 美籍 企業家 楊安澤 宣佈 競選 紐約 市長</t>
    <phoneticPr fontId="1" type="noConversion"/>
  </si>
  <si>
    <t>美國有線電視新聞網 cnn 報導 曾 角逐 民主黨 黨內 總統 初選 的 台裔 第二 代 企業家 楊安澤 13 日 正式 宣佈 已 完成 填表 登記 將 競選 紐約 市長 身 為 臺灣 移民 之 子 擁有 長春 藤 名校 學歷 的 楊安澤 若 成功 當選 將 會 紐約市 首位 亞裔 市</t>
    <phoneticPr fontId="1" type="noConversion"/>
  </si>
  <si>
    <t>農產 成功 拓銷 蔡英文 雞蛋 不放 同一 籃 方向 正確</t>
    <phoneticPr fontId="1" type="noConversion"/>
  </si>
  <si>
    <t>臺灣 鳳梨 萵苣 成功 開拓 外銷 市場 蔡英文 總統 今天 表示 雖然 國內 正 在 防疫 但是 我們 的 農產品 外銷 工作 依然 沒有 停止 最近 終於 突破 檢疫 障礙 把 鳳梨 丶 萵苣 丶 柑橘 外銷 到 各地 證明 不 把 雞蛋 都 放在 同一個 籃子 裡 的 方向 正</t>
    <phoneticPr fontId="1" type="noConversion"/>
  </si>
  <si>
    <t>臺灣 外銷 萵苣 農產品 鳳梨</t>
    <phoneticPr fontId="1" type="noConversion"/>
  </si>
  <si>
    <t>影 後 爆粗 女兒 發燒 被 英國 放生 黃安 虧 糗 了 吧</t>
    <phoneticPr fontId="1" type="noConversion"/>
  </si>
  <si>
    <t>英國 女兒 鮑起靜 發燒 黃安</t>
    <phoneticPr fontId="1" type="noConversion"/>
  </si>
  <si>
    <t>接種 第 3 劑 民眾 金門 追加 劑</t>
    <phoneticPr fontId="1" type="noConversion"/>
  </si>
  <si>
    <t>零 症狀 到 癱軟 無力 僅 數 小時 染病 女 醫師 歷經 生死 恍如隔世</t>
    <phoneticPr fontId="1" type="noConversion"/>
  </si>
  <si>
    <t>零 症狀 癱軟 無力 染病 女 醫師 恍如隔世</t>
    <phoneticPr fontId="1" type="noConversion"/>
  </si>
  <si>
    <t>汐止 月子 中心 員工 確診 肺結核 院方 發佈 6 點 聲明</t>
    <phoneticPr fontId="1" type="noConversion"/>
  </si>
  <si>
    <t>新北 市 汐止 區 馨 生 產後 護理 之家 傳 出 1 名 員工 肺結核 確診 經 新北市衛生局 證實 5 月底 接 獲 通知 後 已 匡列 26 個 嬰孩 均 安排 x 光 檢查 及 預防 性 投藥 9 個 月 第 12 個 月 後會 再 安排 1 次 x 光 檢查 產後 護理 之家 今 13 日 發佈 6 點 聲明</t>
    <phoneticPr fontId="1" type="noConversion"/>
  </si>
  <si>
    <t>苗栗 肺炎 居家 檢疫 男 外 出戰 酒店 開 罰 30萬 元</t>
    <phoneticPr fontId="1" type="noConversion"/>
  </si>
  <si>
    <t>一 名 住 在 苗栗 地區 的 在家 檢疫 男子 卻 在 檢疫 期間 按 奈 不住 無聊 搭乘 白 牌 計程車 道 鬧區 戰 酒家 苗栗縣 衛生局 開出 首例 裁 罰 這 名 疫 男 30萬 元 據 指出 這 名 趴 趴 走 的 男子 是從 大陸 地區 返國 依 規定 必須 居家 檢疫</t>
    <phoneticPr fontId="1" type="noConversion"/>
  </si>
  <si>
    <t>聯電 締造 史 上 最旺 2 月</t>
    <phoneticPr fontId="1" type="noConversion"/>
  </si>
  <si>
    <t>疫情 疫苗 運輸 肺炎 聯電</t>
    <phoneticPr fontId="1" type="noConversion"/>
  </si>
  <si>
    <t>竟然 不是 鮭魚 北京 疫情 意外 揭穿 進口 魚 背後 真相</t>
    <phoneticPr fontId="1" type="noConversion"/>
  </si>
  <si>
    <t>北京 北京市 鮭魚 鱒魚 淡水魚</t>
    <phoneticPr fontId="1" type="noConversion"/>
  </si>
  <si>
    <t>收 陸韓 包裹 恐 染病 這 2 動作 別省</t>
    <phoneticPr fontId="1" type="noConversion"/>
  </si>
  <si>
    <t>武漢 包機 包裹 飛 沫 唐鳳 口罩 實 名 制 2 0</t>
    <phoneticPr fontId="1" type="noConversion"/>
  </si>
  <si>
    <t>急診醫護納補助 蘇貞昌感謝防疫英雄：申請細節下周公佈</t>
    <phoneticPr fontId="1" type="noConversion"/>
  </si>
  <si>
    <t>急診 醫護 納 補助 蘇貞昌 感謝 防疫 英雄 申請 細節 下 周 公佈</t>
    <phoneticPr fontId="1" type="noConversion"/>
  </si>
  <si>
    <t>肺炎 比 晚 嚴管 接好</t>
    <phoneticPr fontId="1" type="noConversion"/>
  </si>
  <si>
    <t>看 到 高雄 這 一 幕 陳致中 心急如焚 連 po 7 張 照片</t>
    <phoneticPr fontId="1" type="noConversion"/>
  </si>
  <si>
    <t>台南 端午 返鄉 車票 退票 獎勵 金 修訂 搭 高鐵 到 嘉義 站 也 納入</t>
    <phoneticPr fontId="1" type="noConversion"/>
  </si>
  <si>
    <t>台南 市政府 為 減少 旅外 市民 返鄉 慶祝 端午 導致 疫情 擴散 全台 首創 推出 端午 返鄉 車票 退票 獎勵 金 200 元 政策 後 由於 溪北 地區 市民 搭乘 高鐵多 利用 嘉義 站 出入 引發 溪北 地區 民眾 及 民 代 的 不滿 對此 市府 交通局 8 日 特別 修訂</t>
    <phoneticPr fontId="1" type="noConversion"/>
  </si>
  <si>
    <t>台南 市政府 為 減少 旅外 市民 返鄉 慶祝 端午 導致 疫情 擴散 全台 首創 推出 端午 返鄉 車票 退票 獎勵 金 200 元 政策 後 由於 溪北 地區 市民 搭乘 高鐵多 利用 嘉義 站 出入 引發 溪北 地區 民眾 及 民 代 的 不滿 對此 市府 交通局 8 日 特別 修訂 獎勵 金 機制 不僅 適用範圍 擴大 到 以 台南 市 以外 地區 為 起點 針對 迄 站 為 高鐵 嘉義 站 的 民眾 只要 附上 個人 或 親友 戶籍地 在 台 南市 境內 的 資料 佐證 也 將 從寬 認定 發給 獎勵 金 市府 交通局 表示 為 減少 旅外 市民 返鄉 慶 端午 造成 疫情 擴散 市府 再 加碼 放寬 端午 返鄉 車票 退票 獎勵 金 200 元 的 申請 發放 條件 將 原本 限定 起點 為 台中 以北 的 適用範圍 擴大 到 以 台南 市 以外 地區 為 起點 同時 也 讓 利用 高鐵 嘉義 站 返鄉 的 市民 也 可以 共同 支持 退票 活動 同心 抗 疫 交通 局長 王銘德 表示 為 鼓勵 旅 外市 民 不 要 返鄉 與 家人 團聚 慶 端午 市府 特別 放寬 端午 返鄉 車票 退票 獎勵 金 申請 條件 只要 符合 6 月 5 日前 訂購 台 鐵 高鐵 國道 客運 預售票 並 已 付款 者 預售票 搭乘 日 為 6 月 11 日 至 14 日 以 台南 市 以外 地區 為 起點 以 台南 境內 為 迄 點 的 返鄉 車票 從 6 月 6 日 起 辦理 台鐵 高鐵 國道 客運 預售票 退票 並 保留 相關 憑證 等 3 個 要件 均 能 向 台南 市政府 申請 退票 獎勵 金 200 元 其中 如果 以 高鐵 嘉義 站 為 迄 點 者 只要 檢 附 個人 或 親友 戶籍地 在 台 南市 境內 的 資料 佐證 也 可 申請 交通局 說 此次 獎勵 金 申請 方式 有 二 種 一 是 網路 與 郵寄 申請 交通局 將 於 市府 一 站 式 整合 服務平臺 設計 網頁 預計 1 周後 完成 民眾 可 上網 申請 或 下載 填寫 後 檢 附 證明文件 郵寄 至 台南 市政府 交通局 二 是 現場 申請 從 8 月 1 日 起至 12 月 31 日 止 的 上班 期間 向 台南 市 各 區公所 申請 至於 相關 申請 文件 該局 也 將 盡 速 研 擬後 公佈</t>
    <phoneticPr fontId="1" type="noConversion"/>
  </si>
  <si>
    <t>每 10 小時 新增 一起 調 查案 陸 已成 美 情報界 三大 威脅 之一</t>
    <phoneticPr fontId="1" type="noConversion"/>
  </si>
  <si>
    <t>網路 安全 駭 客 資 安 新興 科技 中國 大陸</t>
    <phoneticPr fontId="1" type="noConversion"/>
  </si>
  <si>
    <t>南市 善 化 分局 做 公益 募 240 袋 補 血庫</t>
    <phoneticPr fontId="1" type="noConversion"/>
  </si>
  <si>
    <t>善 化 台 南市 員警 節 捐 血 血庫</t>
    <phoneticPr fontId="1" type="noConversion"/>
  </si>
  <si>
    <t>川普 拜登 不 握手 免 寒暄 首場 辯論 將 單刀直入 打 罩 門</t>
    <phoneticPr fontId="1" type="noConversion"/>
  </si>
  <si>
    <t>鍾 南山 陸 疫情 防控 策略 正確</t>
    <phoneticPr fontId="1" type="noConversion"/>
  </si>
  <si>
    <t>中國工程院 院士 大陸 防疫 專家 鍾 南山 在 接受 大陸 媒體 訪問 時 總結 兩 個 多 月 在 防控 一線 的 日子 表示 大陸 在 疫情 防控 策略 是 很 正確 的 早期 實施 上游 堵截 把 武漢 傳染源 截斷 在 全國 開展 群防群治 後來 上升 為 聯防 聯控 什麼</t>
    <phoneticPr fontId="1" type="noConversion"/>
  </si>
  <si>
    <t>連續 5 日 嘉玲 揚州 今日 65萬 人 重 啟 核酸 檢測</t>
    <phoneticPr fontId="1" type="noConversion"/>
  </si>
  <si>
    <t>日本 與 加拿大 接連 挺 台 參與 who 外交部 表達 感謝</t>
    <phoneticPr fontId="1" type="noConversion"/>
  </si>
  <si>
    <t>日本 安倍 首相 于 前天 及 昨日 分別 在 日本 眾 參 兩院 預算 委員會 答詢 時 表示 已向 who 秘書長 譚 德塞 反應 臺灣 參與 世界衛生組織 who 的 問題 加拿大 副 總理 方慧蘭 於 渥太華 時間 昨日 也 在 加國 聯邦 眾議院 表示 加國 支持 臺灣 以 觀察員</t>
    <phoneticPr fontId="1" type="noConversion"/>
  </si>
  <si>
    <t>優雅 好 騎 yamaha limi 上市 zi 帥氣 助陣</t>
    <phoneticPr fontId="1" type="noConversion"/>
  </si>
  <si>
    <t>臺灣 山葉 售價 新款 助陣 優雅</t>
    <phoneticPr fontId="1" type="noConversion"/>
  </si>
  <si>
    <t>阻擋 飛 沫 食 藥 署 布制 口罩 也 ok</t>
    <phoneticPr fontId="1" type="noConversion"/>
  </si>
  <si>
    <t>食 藥 署 今 26 日 表示 研究 調查 發現 一些 市 售 的 布 口罩 具有 阻擋 飛 沫 的 效果 健康 民眾 在 通風 環境 或 開放 空間 與 人 距離 一 公尺 以上 時 不 需要 佩戴 口罩 如果 還是 想要 佩戴 口罩 這個 時候 就 可以 考慮 選用 布 口罩 食</t>
    <phoneticPr fontId="1" type="noConversion"/>
  </si>
  <si>
    <t>疫情 重 挫 愛迪達 業務 飛 雅 特 克萊斯勒 陸廠 將 全面 複產</t>
    <phoneticPr fontId="1" type="noConversion"/>
  </si>
  <si>
    <t>衰退 美國 川普 肺炎 患難見真情</t>
    <phoneticPr fontId="1" type="noConversion"/>
  </si>
  <si>
    <t>別 走 到 封城 那 一 天</t>
    <phoneticPr fontId="1" type="noConversion"/>
  </si>
  <si>
    <t>封城 美國 檢疫 病毒 肺炎</t>
    <phoneticPr fontId="1" type="noConversion"/>
  </si>
  <si>
    <t>兩岸 比 一比 防疫 工作 誰 最 透明</t>
    <phoneticPr fontId="1" type="noConversion"/>
  </si>
  <si>
    <t>兩岸 防疫 大陸 臺灣 副 總統</t>
    <phoneticPr fontId="1" type="noConversion"/>
  </si>
  <si>
    <t>被 酸 民 留言 詛咒 希望 你 確診 名 嘴 嗆 不怕 我 找 你 索命 嗎</t>
    <phoneticPr fontId="1" type="noConversion"/>
  </si>
  <si>
    <t>不 普 篩 疑雲重重</t>
    <phoneticPr fontId="1" type="noConversion"/>
  </si>
  <si>
    <t>疑雲重重</t>
    <phoneticPr fontId="1" type="noConversion"/>
  </si>
  <si>
    <t>陳時中 社區 感染 死亡 人數 肺炎 衛福部</t>
    <phoneticPr fontId="1" type="noConversion"/>
  </si>
  <si>
    <t>加強 防疫 台中 高 中職 以下 學校 室內 場地 暫不 外借</t>
    <phoneticPr fontId="1" type="noConversion"/>
  </si>
  <si>
    <t>揪團歐洲行惹議 新北民政局：裡長不會領居家檢疫補償金</t>
    <phoneticPr fontId="1" type="noConversion"/>
  </si>
  <si>
    <t>揪 團 歐洲 行 惹 議 新北 民政局 裡長 不 會 領 居家 檢疫 補償 金</t>
    <phoneticPr fontId="1" type="noConversion"/>
  </si>
  <si>
    <t>50 多 歲 女 未 出國 曾 住院 感染 源 不明</t>
    <phoneticPr fontId="1" type="noConversion"/>
  </si>
  <si>
    <t>印度 撤 僑 包機 9 人 有 症狀 采 檢 後 回去 集中 檢疫</t>
    <phoneticPr fontId="1" type="noConversion"/>
  </si>
  <si>
    <t>由 外交部 等 單位 協調 的 華航 專機 從 印度 搭載 129 名 旅客 其中 包括 114 名 國人 及 在 台 工作 的 15 名 外籍人士 今天 淩晨 返台 其中 9 人 因 過去 14 天 曾有 輕微 咳嗽 等 症狀 在 機場 進行 采 檢 隨後 全數 搭乘 遊覽車 至 檢疫所 集中 檢疫 14 天</t>
    <phoneticPr fontId="1" type="noConversion"/>
  </si>
  <si>
    <t>返台 9 人 采 檢 集中 檢疫 14 天</t>
    <phoneticPr fontId="1" type="noConversion"/>
  </si>
  <si>
    <t>水洗 義 大利 面 外包裝 麵條 竟 隔 袋 發 黑 真相 讓 婆媽 震驚</t>
    <phoneticPr fontId="1" type="noConversion"/>
  </si>
  <si>
    <t>輸出 口罩 不 合格 遭 收回 陸 駐 荷 大使 盼 勿 政治化 解讀</t>
    <phoneticPr fontId="1" type="noConversion"/>
  </si>
  <si>
    <t>大陸 近期 頻頻 輸出 口罩 防護 服 等 醫療 物資 協助 歐洲抗 疫 不過 在 給 荷蘭 的 口罩 中 卻 被 荷蘭 檢測 發現 品質 不 合格 下令 將 60萬 個 口罩 收回 大陸 駐 荷蘭 大 使 徐宏 30 日 對此 回應 他 稱 合作 過程 中 即使 出現 一些 問題 也 是 正常 的</t>
    <phoneticPr fontId="1" type="noConversion"/>
  </si>
  <si>
    <t>大陸 近期 頻頻 輸出 口罩 防護 服 等 醫療 物資 協助 歐洲抗 疫 不過 在 給 荷蘭 的 口罩 中 卻 被 荷蘭 檢測 發現 品質 不 合格 下令 將 60萬 個 口罩 收回 大陸 駐 荷蘭 大 使 徐宏 30 日 對此 回應 他 稱 合作 過程 中 即使 出現 一些 問題 也 是 正常 的 可以 實事求是 地 加以解決 而 不應 作 政治化 解讀 荷蘭 國家電視臺 nos 28 日 報導 稱 荷蘭 衛生部 宣佈 下令 收回 已 發 往 醫療機構 的 約 60萬 個 大陸 進口 口罩 因為 這 批 口罩 不 符合 安全 品質檢驗 標準 荷蘭 衛生部 決定 收回 並 把 剩 餘 的 部分 凍結 起來 等待 處理 荷蘭 當局 指 這 批 口罩 存在 不能 正確 地 覆蓋 佩戴 者 的 臉部 或 捕獲 病毒 粒子 的 膜狀 物 不能 正確 運作 的 問題 大陸 駐 荷蘭 大 使 徐宏 30 日 對 此 表示 高度 關注 此事 並 在 當晚 第一時間 與 荷蘭 外交部 衛生部 聯繫 瞭解 核實 有關 情況 也 應約 與 荷蘭 醫療 護理 大臣 范萊恩 通話 他 稱 關於 荷 方從 中國 採購 的 部分 口罩 不 適宜 重症 病房 醫護人員 佩戴 的 問題 荷 方正 在 進一步 厘 清 有關 情況 俟 有 結果 將 第一時間 向 中方 通報 希望 這 一 孤立 事件 不 會 影響 兩 國 在 抗擊 疫情 領域 的 友好合作 徐宏 還 強調 病毒 無國界 國際 社會 唯有 加強團結 互助 才能 戰勝 疫情 中國 支持 包括 荷蘭 在內 的 各國 抗 疫 的 目的 非常簡單 就是 要 努力 挽救 更 多 的 生命 不 存在 某些 人 所說 的 地緣 政治 考慮 合作 過程 中 即使 出現 一些 問題 也 是 正常 的 可以 實事求是 地 加以解決 而 不應 作 政治化 解讀 他 期待 荷 方 關於 口罩 品質 問題 的 進一步 調查結果 如有 需要 中方 將 本 著 客觀 公正 的 原則 依法 協助 開展調查 中方 也 將 繼續 全力支持 荷 方 的 抗 疫 努力</t>
    <phoneticPr fontId="1" type="noConversion"/>
  </si>
  <si>
    <t>2020 年 才過 3 個 月 就 已 陸續 有 多 位 名人 過世 還 爆發 嚴重 的 流行性 疫病 至 今 更 造成 上萬 人 死亡 但 星座 專家 唐綺陽 日前 透露 預測 顛覆 現狀 的 星象 今年 將 有 3 波 目前 只 是 第 1 波 後面 接續 還有 2 波 大家 要 做好 心理準備</t>
    <phoneticPr fontId="1" type="noConversion"/>
  </si>
  <si>
    <t>新 台幣 續 升 買 歐元 人民幣 撿便宜</t>
    <phoneticPr fontId="1" type="noConversion"/>
  </si>
  <si>
    <t>字頭 終場 買點 新 台幣 高點</t>
    <phoneticPr fontId="1" type="noConversion"/>
  </si>
  <si>
    <t>不要 大 疫 南 投 縣府 走訪 黃昏 市場 逐 攤 提醒</t>
    <phoneticPr fontId="1" type="noConversion"/>
  </si>
  <si>
    <t>防 群 聚 感染 多 個 宗教團體 暫停 活動</t>
    <phoneticPr fontId="1" type="noConversion"/>
  </si>
  <si>
    <t>嗆 川普 不是 真 男人 國會 女王 曝 美 遲 不 強制 戴 口罩 內幕</t>
    <phoneticPr fontId="1" type="noConversion"/>
  </si>
  <si>
    <t>血友病 童母 發言 惹 議 張雅琴 播報 爆粗 口</t>
    <phoneticPr fontId="1" type="noConversion"/>
  </si>
  <si>
    <t>滯留 大陸 湖北 武漢 的 血友病 童 與 母親 昨晚 搭 機 返台 下機 後 隨即 被 載往 醫院 隔離 采 檢 不過 對於 臺灣政府 費盡心力 送藥 仍 遭 病童 母親 痛 批 無能 除了 引發 大批 網友 不滿 外 連主 播 張雅琴 也 看不下去 播 新聞 時 直接 爆粗 口</t>
    <phoneticPr fontId="1" type="noConversion"/>
  </si>
  <si>
    <t>滯留 大陸 湖北 武漢 的 血友病 童 與 母親 昨晚 搭 機 返台 下機 後 隨即 被 載往 醫院 隔離 采 檢 不過 對於 臺灣政府 費盡心力 送藥 仍 遭 病童 母親 痛 批 無能 除了 引發 大批 網友 不滿 外 連主 播 張雅琴 也 看不下去 播 新聞 時 直接 爆粗 口 血友病 童 母親 昨晚 順利 抵 台 不過 種種 行徑 早 引發 網友 不滿 先是 未 搭上 首 班 返台 專機 對 臺灣政府 喊話 救命 藥劑 將 用 罄 希望 伸出 援手 能 早日 返台 就醫 不過 被 抓 包 發文 第一時間 沒 感謝 臺灣政府 接 著 又 被 衛福 部長 陳時中 打 臉 早 已經 千 裡 送藥 而且 夠 用 到 3 28 這 讓 主 播 張雅琴 揚言 看不下去 認為 不能 夠吃 臺灣 的 用 臺灣 健 保 卻 又 反 罵 臺灣 怒斥 血友病 童 母親 很 貝戈戈 此外 有 網友 起 底 這 名 病童 母親 身分 過去 幾 年 從事 直銷 僅 花 10 個 月 時間 就 升到 資深 總監 月 收 更 高 達 46萬 這 讓 網友 怒斥 如此 高 收入 在 大陸 怎 會 買不到 藥 怒 嗆 她 不夠格 使用 臺灣 健 保 對此 張雅琴 則 緩 頰 符合規定 都 可以 用 健 保 畢竟 臺灣 是 民主 社會</t>
    <phoneticPr fontId="1" type="noConversion"/>
  </si>
  <si>
    <t>line 提供 政府 機關 申請 公共服務 帳 號 防疫 期 傳遞 正確 資訊</t>
    <phoneticPr fontId="1" type="noConversion"/>
  </si>
  <si>
    <t>line 公共服務 防疫 正確 資訊 假消息</t>
    <phoneticPr fontId="1" type="noConversion"/>
  </si>
  <si>
    <t>臺灣 何時 會 封 城 陳時中 會 預先 公告</t>
    <phoneticPr fontId="1" type="noConversion"/>
  </si>
  <si>
    <t>很多 國家 開始 封城 臺灣 在 什麼樣 的 情況 下 也 會 這樣 做 陳時中 表示 進一步 動作 我們 希望 大家 有 一點 準備 的 時間 基本上 預先 公告 為 原則 有時 突發 的 情況 沒 辦法 在 我們 掌握 內 臺灣 離 這個 情況 還 很 遠</t>
    <phoneticPr fontId="1" type="noConversion"/>
  </si>
  <si>
    <t>臺灣 情況 封城 陳時中 還 很 遠</t>
    <phoneticPr fontId="1" type="noConversion"/>
  </si>
  <si>
    <t>大馬 最 正 辣 媽 amanda 呼籲 防疫 胸前 大 痣 卡 事業 線</t>
    <phoneticPr fontId="1" type="noConversion"/>
  </si>
  <si>
    <t>來自 馬來西亞 的 辣 媽 amanda seet 在 網上 人氣 超高 從 過去 在 模特 兒 圈 就 因 澎 派 身材 引發 關注 但 最讓人 印象 深刻 的 其實 是 她 胸前 超 醒目 的 一 顆 痣 如同 標記 一樣 恰恰 好在 胸口 正中間 的 位置 讓 大批 粉絲 看 了 狂 贊 果真 是 胸</t>
    <phoneticPr fontId="1" type="noConversion"/>
  </si>
  <si>
    <t>馬來西亞 amanda 大馬 正 妹 性感 防疫</t>
    <phoneticPr fontId="1" type="noConversion"/>
  </si>
  <si>
    <t>臺灣 4 月 疫情 會 如 何? 命 理 師解簽 後 宅 神 驚 問 一 句</t>
    <phoneticPr fontId="1" type="noConversion"/>
  </si>
  <si>
    <t>川普痊癒了？白宮禦醫公佈最新病毒檢測結果</t>
    <phoneticPr fontId="1" type="noConversion"/>
  </si>
  <si>
    <t>川普 痊癒 了 白宮 御醫 公佈 最新 病毒檢測 結果</t>
    <phoneticPr fontId="1" type="noConversion"/>
  </si>
  <si>
    <t>中研院 確診 女 2 度 被 鼠 咬 黃珊珊 揭 關鍵日 沒 做 快 篩</t>
    <phoneticPr fontId="1" type="noConversion"/>
  </si>
  <si>
    <t>業績 電腦設備 友通 6 月 q 2 h 1 營 收 齊 登 同期 新高</t>
    <phoneticPr fontId="1" type="noConversion"/>
  </si>
  <si>
    <t>友通 營 收 成長 同期 新高 並購</t>
    <phoneticPr fontId="1" type="noConversion"/>
  </si>
  <si>
    <t>新藥 點火 生 醫 基金 看漲</t>
    <phoneticPr fontId="1" type="noConversion"/>
  </si>
  <si>
    <t>研發 表現 肺炎 疫苗 技術 通過</t>
    <phoneticPr fontId="1" type="noConversion"/>
  </si>
  <si>
    <t>az 第二 劑 擴大 至 52 歲 以上 9 29 開 打</t>
    <phoneticPr fontId="1" type="noConversion"/>
  </si>
  <si>
    <t>ufc 複賽 失敗 復活 兩 天 就 被 勸退</t>
    <phoneticPr fontId="1" type="noConversion"/>
  </si>
  <si>
    <t>4 月 11 日 更新 ufc 的 複賽 計 畫 馬上 就 破滅 了 雖然 老總 懷特 雄心勃勃 最後 還是 被 轉播 單位 勸退 目前 ufc 所有 比賽 都 是 無限期 停賽 原文 ufc 終極 格鬥 聯盟 準備 複賽 了 老總 懷特 dana white 決定 於 本月 18 日 舉行 ufc 249</t>
    <phoneticPr fontId="1" type="noConversion"/>
  </si>
  <si>
    <t>複賽 mma ufc 終極 格鬥 綜合 格鬥</t>
    <phoneticPr fontId="1" type="noConversion"/>
  </si>
  <si>
    <t>衛生所 打 疫苗 女 移 工 接種 疫苗 失 聯</t>
    <phoneticPr fontId="1" type="noConversion"/>
  </si>
  <si>
    <t>居家 快 篩 最 快 本 周 鋪 貨 侯友宜 搭配 社區 快 篩 找 隱形 傳播</t>
    <phoneticPr fontId="1" type="noConversion"/>
  </si>
  <si>
    <t>衛福部 食 藥 署 核准 居家 抗原 或 核酸 快 篩 世紀 最 快 本 周 業者 就 能 陸續 鋪 貨 對此 新北 市長 侯友宜 表示 快 篩 劑 準確率 高 又 有 國家 品質 認證 鼓勵 民眾 居家 快 篩 搭配 社區 快 篩 站 合作 一起 找 出 隱形 傳播 鏈 這 才 是 脫離 社區 感</t>
    <phoneticPr fontId="1" type="noConversion"/>
  </si>
  <si>
    <t>衛福部 食 藥 署 核准 居家 抗原 或 核酸 快 篩 世紀 最 快 本 周 業者 就 能 陸續 鋪 貨 對此 新北 市長 侯友宜 表示 快 篩 劑 準確率 高 又 有 國家 品質 認證 鼓勵 民眾 居家 快 篩 搭配 社區 快 篩 站 合作 一起 找 出 隱形 傳播 鏈 這 才 是 脫離 社區 感染 的 重要 方向 侯友宜 說 居家 快 篩 是 自我 居家 監測 方式 鼓勵 大家 居家 快 篩 現在 快 篩 準確率 蠻高 的 又 經過 國家 品質 認證 更 沒 問題 至於 社區 快 篩 站 檢測 是 搭配 居家 快 篩 有 居家 快 篩 社區 快 篩 一起 努力 找 出 隱形 傳播 鏈 這 才是 最 重要 的 方向 只有 找 出 更 多 傳播 鏈 才 可能 脫離 社區 感染 危害</t>
    <phoneticPr fontId="1" type="noConversion"/>
  </si>
  <si>
    <t>全台 移 工 體檢 勞動部 針對 百 人 移 工 宿舍 聯合 訪視</t>
    <phoneticPr fontId="1" type="noConversion"/>
  </si>
  <si>
    <t>產業 疫情 重 擊 台南 大 億 麗 致 6 月底 熄燈</t>
    <phoneticPr fontId="1" type="noConversion"/>
  </si>
  <si>
    <t>逆 時 中 有 壓力 柯文哲 侯友宜 互推 麥克風</t>
    <phoneticPr fontId="1" type="noConversion"/>
  </si>
  <si>
    <t>雙北 論壇 26 日 登場 當 臺北市 長 柯文哲 和 侯友宜 被 問到 是否 有 順 時中者 生 逆 時 中 者 亡 的 壓力 2 人 互推 麥克風 後 侯向柯 你是 地主 先 答 柯 表示 沒有 那麼 嚴重 啦 我們 都 擁護 中央政府 特別 在 疫情 期間 政治 口水 少</t>
    <phoneticPr fontId="1" type="noConversion"/>
  </si>
  <si>
    <t>雙北 論壇 26 日 登場 當 臺北市 長 柯文哲 和 侯友宜 被 問到 是否 有 順 時中者 生 逆 時 中 者 亡 的 壓力 2 人 互推 麥克風 後 侯向柯 你是 地主 先 答 柯 表示 沒有 那麼 嚴重 啦 我們 都 擁護 中央政府 特別 在 疫情 期間 政治 口水 少 一點 侯也 說 我們 大家 都 認真 做事 雙 北 合作 交流平臺 今 早 在 北 市政府 舉行 柯侯 被 問到 對於 順 時中者 生 逆 時 中 者 亡 是否 有 壓力 支持 改 順 貞昌 兩 人 先是 互推 麥克風 侯友宜 則 打趣 向柯稱 你是 地主 柯 接下 麥克風 表示 不要 講 那麼 嚴重 啦 我們 都 擁護 中央 順 貞昌模 問題 啊 我們 都 很 認真 做事 特別 在 疫情 期間 政治 口水 少 一點 他 原本 很 愛 講話 現在 都 不 講話 認真 做事 就是 不 要 造成 紛擾 柯文哲 表示 最近 確診 病例 每天 都 20 個 20 個 感到 毛毛 的 還是 要 先 撐過去 1 個 月 候 要 口 水戰 再來 國家 有 危險 的 時候 我們 還 是 成熟 應戰 侯友宜 接 著 表示 大家 認真 做事 柯 市長 都是一 步 一 腳印 防疫 事情 做 好 並 做 到位 每天 都 遵照 應變 指揮 有 狀況 馬上 處理 有 特殊性 會 跟 柯 市長 保持 密切合作 共同 防疫 他 強調 雙北 這次 疫情 緊張 不管 居家 檢疫 或 隔離 都 要 全力以赴 柯 市長 也 不是 打 什麼 口 水戰 他 都 認真 在 做事 大家 要 並肩作戰</t>
    <phoneticPr fontId="1" type="noConversion"/>
  </si>
  <si>
    <t>陳時中 說 疫苗 接種 順序 中央 說 得 算 柯文哲 回 應 了</t>
    <phoneticPr fontId="1" type="noConversion"/>
  </si>
  <si>
    <t>衛福 部長 陳時中 今日 指出 疫苗 施打 順序 為 中央 說 得 算 地方 若 自行 調整 將 減 配 疫苗 對此 臺北市 長 柯文哲 回應 北市 從來沒 說 不 照 中央 順序 施打 有 問題 也 會 舉手 反應 如 日前 長 照 機構 出現 群 聚 才會 將 機構 人員 接種 順序 往 前</t>
    <phoneticPr fontId="1" type="noConversion"/>
  </si>
  <si>
    <t>疫情 6 月底 前 結束 陳時中 開示 了</t>
    <phoneticPr fontId="1" type="noConversion"/>
  </si>
  <si>
    <t>拜登 就職 蕭美琴 參加 嗎 外交部 還 沒要 到 票</t>
    <phoneticPr fontId="1" type="noConversion"/>
  </si>
  <si>
    <t>力抗 疫情 衝擊 高雄 將 推 第二 波 紓困 計畫</t>
    <phoneticPr fontId="1" type="noConversion"/>
  </si>
  <si>
    <t>高雄 第二 波 紓困 新聞 局 計畫</t>
    <phoneticPr fontId="1" type="noConversion"/>
  </si>
  <si>
    <t>plg 個人 決定 出走 領航 猿 宣告 沃倫 離隊</t>
    <phoneticPr fontId="1" type="noConversion"/>
  </si>
  <si>
    <t>plg 第 1 位 離隊 的 洋將 出爐 了 桃園 領航 猿 突然 在 29 日 宣佈 洋將 沃倫 因為 個人 決定 提前結束 合約 離隊 且 在 28 日 就 已 搭 機 返美 接下來 領航 猿 將 會 僅剩 傑克 裡德 兩 名 洋將 繼續 跟 新 臺灣人 大衛斯 組成 三洋 將 陣容 拼 戰 是否</t>
    <phoneticPr fontId="1" type="noConversion"/>
  </si>
  <si>
    <t>plg 洋將 沃倫 領航 猿 離隊</t>
    <phoneticPr fontId="1" type="noConversion"/>
  </si>
  <si>
    <t>羽球 雙重 打擊 伊瑟儂 母親 去世 父親 確診 退出 2 大賽</t>
    <phoneticPr fontId="1" type="noConversion"/>
  </si>
  <si>
    <t>泰國 羽球 女子 好手 伊 瑟儂 ratchanok intanon 因為 是 我國 好手 戴 資 穎 死敵 兼 好友 受到 更 多 關注 她 在 本屆 東京 奧運 與 戴資穎 的 對 決 堪稱 經典 兩 人 不但 一路 死 纏 對手 雙方 拼到 同時 倒地 的 畫面 也 永留 人心 最後 戴資穎 以 非常 小</t>
    <phoneticPr fontId="1" type="noConversion"/>
  </si>
  <si>
    <t>48 卷 訂成 48 箱 澳洲 女 收到 嚇 傻 卻 被 人 羡慕</t>
    <phoneticPr fontId="1" type="noConversion"/>
  </si>
  <si>
    <t>衛生紙 48 卷 羡慕 澳洲 買 錯</t>
    <phoneticPr fontId="1" type="noConversion"/>
  </si>
  <si>
    <t>本土 暴 增 633 例 11 人 死亡 創 新高</t>
    <phoneticPr fontId="1" type="noConversion"/>
  </si>
  <si>
    <t>獨 大馬 男 星 光榮 回鄉 卻 被 羨 住 臺灣 提前 返台 幸運 躲 過 封 城</t>
    <phoneticPr fontId="1" type="noConversion"/>
  </si>
  <si>
    <t>演出 netflix 影集 彼岸 之 嫁 爆 紅 的 田士廣 最近 初嘗 走紅 滋味 日前 他 剛受 國際 知名品牌 coach 吉隆玻 旗艦 店 之 邀 回到 故鄉 馬來西亞 出席 活動 衣錦還鄉 的 他 全程 受到 高 規格 接待 不過 才 返台 兩 天 田士廣 就 驚聞 馬國 已 宣佈</t>
    <phoneticPr fontId="1" type="noConversion"/>
  </si>
  <si>
    <t>談 疫 色 變 救護車 當 免費 小 黃變 少</t>
    <phoneticPr fontId="1" type="noConversion"/>
  </si>
  <si>
    <t>去 醫院 肺炎 叫 救護車 醫院 消防 員</t>
    <phoneticPr fontId="1" type="noConversion"/>
  </si>
  <si>
    <t>第一 金 投 信 機器人 投資 價值 再 升級</t>
    <phoneticPr fontId="1" type="noConversion"/>
  </si>
  <si>
    <t>國際 機器人 協會 ifr 發佈 最新 報告 指出 全球 工業 機器人 累計 運作 數量 已 達 270萬 台 創 歷史 新 高 法人 指出 在 製造業 現代化 升級 數位 轉型 需求 拉動 下 未來 三 年 新增 安裝 量 將 逐年 成長 為 機器人 產業 醞釀 估 值 再 提升 的 多</t>
    <phoneticPr fontId="1" type="noConversion"/>
  </si>
  <si>
    <t>成長 新 訂單 運作 新增 安裝 量 累計</t>
    <phoneticPr fontId="1" type="noConversion"/>
  </si>
  <si>
    <t>中央 開放 企業 快 篩 柯 p 轟亂 撒 錢 亂弄</t>
    <phoneticPr fontId="1" type="noConversion"/>
  </si>
  <si>
    <t>基金 台新 投 信 新興 短期 高 收益 債券 基金 18 日 開 募</t>
    <phoneticPr fontId="1" type="noConversion"/>
  </si>
  <si>
    <t>新興 全球 台新 投 信 短期 高 收益 債券 基金 台新</t>
    <phoneticPr fontId="1" type="noConversion"/>
  </si>
  <si>
    <t>陳時中 揚言 對 地方 減 配 疫苗 網友 笑 稱 減 減 看 啊</t>
    <phoneticPr fontId="1" type="noConversion"/>
  </si>
  <si>
    <t>衛福 部長 陳時中 針對 疫苗 施打 順序 強調 當然 是 中央 說了算 若 地方 未 根據 中央 的 目標 群 施打 我們 會 減 配 疫苗 對此 網友 笑 稱 好 大 的 官威 最好 敢 對 竹科 也 這麼 硬 笑 你 不敢 減 減 看 阿 行政院長 蘇貞昌</t>
    <phoneticPr fontId="1" type="noConversion"/>
  </si>
  <si>
    <t>衛福 部長 陳時中 針對 疫苗 施打 順序 強調 當然 是 中央 說了算 若 地方 未 根據 中央 的 目標 群 施打 我們 會 減 配 疫苗 對此 網友 笑 稱 好 大 的 官威 最好 敢 對 竹科 也 這麼 硬 笑 你 不敢 減 減 看 阿 行政院長 蘇貞昌 衛福 部長 陳時中 今 8 日 到 立 法院 報告 並 備 質詢 針對 疫苗 施打 順序 陳時中 強調 當然 是 中央 說了算 若 地方 未 根據 中央 的 目標 群 施打 我們 會 減 配 疫苗 時代 力量 立 委 王婉諭 質詢 時 提到 雙 北市 台南 市 都曾 表示 要 自行 調整 公費 疫苗 施打 順序 到底 誰 說了算 陳時中 表示 當然 是 中央 說了算 如果 地方 沒有 根據 中央 的 目標 施打群 施打 將 減 配 疫苗 對此 網友 笑 稱 好 大 的 官威 剛愎自用 好 啊 你 減 配 看看 還 當 自己 是 賽揚 王牌 這 是 在 威脅 嗎 好凶 喔 最好 敢 對 竹科 也 這麼 硬 笑 你 不敢 減 減 看 阿</t>
    <phoneticPr fontId="1" type="noConversion"/>
  </si>
  <si>
    <t>半 導體 精 材 q 3 營 收 戰新高 q 4 審慎 樂觀</t>
    <phoneticPr fontId="1" type="noConversion"/>
  </si>
  <si>
    <t>精 材 營運 展望 陳家湘 台積電</t>
    <phoneticPr fontId="1" type="noConversion"/>
  </si>
  <si>
    <t>護照 無法 辨識 大陸 旅遊 史 政 院 外交部 19 日 已 提 應急 做法</t>
    <phoneticPr fontId="1" type="noConversion"/>
  </si>
  <si>
    <t>針對 國人 使用 臺胞 證 以致 護照 無法 辨識 往來 中國 紀錄 行政院長 蘇貞昌 今天 表示 政府 很 希望 想 出 辦法 來 能 讓 世界 上 瞭解 臺灣 跟 中國 是 不 一樣 的 行政院 發言人 kolas yotaka 表示 外交部 19 日 已 提出 應急 做法 可 協助 辨識 有</t>
    <phoneticPr fontId="1" type="noConversion"/>
  </si>
  <si>
    <t>針對 國人 使用 臺胞 證 以致 護照 無法 辨識 往來 中國 紀錄 行政院長 蘇貞昌 今天 表示 政府 很 希望 想 出 辦法 來 能 讓 世界 上 瞭解 臺灣 跟 中國 是 不 一樣 的 行政院 發言人 kolas yotaka 表示 外交部 19 日 已 提出 應急 做法 可 協助 辨識 有無 中國 旅遊 史 kolas 說 外交部 19 日 已 對外 說明 移民署 從 本月 14 日 開始 有 一些 應急 做法 也 就 是 國民 若 在 外國 可去 駐外 館 處 申請 離 台後 及 抵 台前 最後 一 次 入 出境 紀錄 如果 在 國內 可去 移民署 申請 上次 出發 回台 地點 以及 即將 去 哪裡 協助 海關人員 進行 辨識 政 院 表示 由於 若干 國家 要求 國人 需 檢 附 14 天內 未曾 至 中國 的 入 出境 證明 外交部 已 請 內政 部 移民署 在 今年 2 月 14 日 開放 旅 外國人 可於 駐外 館 處 申請 入 出境 紀錄 紀錄 載明 其 離 台 的 第 一個 抵達 點 以及 抵 台 的 前 一個 出發點 以 做 證明 政 院 也 請 外交部 立即 通知 駐外 各 館 處 配合 辦理 在 國內 的 國人 則 可 自行 向 該署 申請 詳情 可 洽 詢 移民署</t>
    <phoneticPr fontId="1" type="noConversion"/>
  </si>
  <si>
    <t>中國 外交部 移民 紀錄 行政院</t>
    <phoneticPr fontId="1" type="noConversion"/>
  </si>
  <si>
    <t>獨》44名洗腎患者AZ只打1／5劑量 大裡仁愛醫院13期恢復疫苗接種</t>
    <phoneticPr fontId="1" type="noConversion"/>
  </si>
  <si>
    <t>獨 44 名 洗 腎 患者 az 只 打 1 5 劑量 大裡 仁愛 醫院 13 期 恢復 疫苗 接種</t>
    <phoneticPr fontId="1" type="noConversion"/>
  </si>
  <si>
    <t>鑽石 公主 號 全員 采 檢 陰性 且 健康 良好 19 日後 下船</t>
    <phoneticPr fontId="1" type="noConversion"/>
  </si>
  <si>
    <t>現金 買 20 斤 大面 怎 提 營 收 證明 朱立倫 簡化 紓困 申請 流程</t>
    <phoneticPr fontId="1" type="noConversion"/>
  </si>
  <si>
    <t>朱立倫 彰 化 中小企業 早餐會 臺灣 早安</t>
    <phoneticPr fontId="1" type="noConversion"/>
  </si>
  <si>
    <t>陳培哲 辭 疫苗 審查 委員 賴士葆 歎 政治 黑手 伸 入 科研</t>
    <phoneticPr fontId="1" type="noConversion"/>
  </si>
  <si>
    <t>中研院 院士 陳培哲 請 辭 食 藥 署 疫苗 審查 委員 並 直指 組織 難以 維持 獨立性 與 專業性 國民黨 立 委 賴士葆 感歎 政治 的 黑手 一直 伸 入 要 掌 控 科學 研究 讓 人 為 科學家 的 境遇 感歎 中研院 院士 陳培哲 五月 底 請 辭 國產 疫苗 審查 委員 的 職</t>
    <phoneticPr fontId="1" type="noConversion"/>
  </si>
  <si>
    <t>定期 快 篩 會 更 安全 柯文哲 pcr 才能 做 最後 確認</t>
    <phoneticPr fontId="1" type="noConversion"/>
  </si>
  <si>
    <t>快 篩 pcr 疫苗 柯文哲 最後 確認</t>
    <phoneticPr fontId="1" type="noConversion"/>
  </si>
  <si>
    <t>新竹 台 大 分院 獲 贈 3 台超 紫 光 滅菌 機器人</t>
    <phoneticPr fontId="1" type="noConversion"/>
  </si>
  <si>
    <t>醫院 開刀房 加 護 病房 以 人工 消毒 至少 要 花 2 個 小時 以上 群 聯 電子 與 鼎 眾 公司 17 日 贈送 新竹 台 大 分院 3 台 專業 醫療 級 的 超 紫光 滅菌 機器人 只 要 5 到 10 分鐘 就 能 快速 消滅 抗藥性 細菌 達 99 為 第一 線 醫護人員 增添 防疫 利器</t>
    <phoneticPr fontId="1" type="noConversion"/>
  </si>
  <si>
    <t>超 紫 光 滅菌 機器人 加 護 病房 新竹 消毒 台大 分院</t>
    <phoneticPr fontId="1" type="noConversion"/>
  </si>
  <si>
    <t>中和 工業區 某 公司 被 爆 員工 確診 老闆 要求 所有人 照常上班</t>
    <phoneticPr fontId="1" type="noConversion"/>
  </si>
  <si>
    <t>吹 哨 者 李文亮 美 參議員 也 要 提案 紀念</t>
    <phoneticPr fontId="1" type="noConversion"/>
  </si>
  <si>
    <t>吳京捐 負 壓 救護車 韓寒 以 讀者 名 送 防疫 物資</t>
    <phoneticPr fontId="1" type="noConversion"/>
  </si>
  <si>
    <t>吳京 韓寒 河南 湖北 負 壓 救護車</t>
    <phoneticPr fontId="1" type="noConversion"/>
  </si>
  <si>
    <t>林口 三井 outlet 無 預 停業 3 天 業者 內部 大 清 消</t>
    <phoneticPr fontId="1" type="noConversion"/>
  </si>
  <si>
    <t>博世Ridecare解決方案 讓共用汽車保持最佳狀態</t>
    <phoneticPr fontId="1" type="noConversion"/>
  </si>
  <si>
    <t>博世 ridecare 解決 方案 讓 共用 汽車 保持 最佳 狀態</t>
    <phoneticPr fontId="1" type="noConversion"/>
  </si>
  <si>
    <t>使用 共用 汽車 服務 的 人 都 希望 租用 的 車輛 能 順利 上路 車內 亦 沒有 惱人 煙 味 當 共用 車輛 被 刮 傷 有 凹 痕 或 有人 在 車內 吸煙 時 總 讓 人 感到 相當 困擾 博世 正 為 車隊 經營業 者 和 交通 移動 服務 商 開發 全新 ridecare 解決 方案 希望</t>
    <phoneticPr fontId="1" type="noConversion"/>
  </si>
  <si>
    <t>精確 全球 全新 車輛 損壞</t>
    <phoneticPr fontId="1" type="noConversion"/>
  </si>
  <si>
    <t>英國 疫情 太 嚇人 大批 波蘭 人 逃 回祖國</t>
    <phoneticPr fontId="1" type="noConversion"/>
  </si>
  <si>
    <t>搶救 高雄 觀光 韓國 瑜 開 直播 促銷 旅館 秒 殺 搶光</t>
    <phoneticPr fontId="1" type="noConversion"/>
  </si>
  <si>
    <t>臺灣 是 個 國家 他 曝 法 最 大 電視臺 這樣 評價 臺灣</t>
    <phoneticPr fontId="1" type="noConversion"/>
  </si>
  <si>
    <t>臺灣 的 防疫 成績 世界 有目共睹 外 媒 也 爭相 報導 現 連 法國 最 大 電視臺 也 給予 肯定 這 讓 來自 法國 的 網 紅 路易 很 感動 迫不及待 要 和 大家 分享 差點 要 落淚 了 法國 最 大 電視臺 法國 電視 一 台 tf 1 在 黃金時段 新聞 中 以 對</t>
    <phoneticPr fontId="1" type="noConversion"/>
  </si>
  <si>
    <t>臺灣 電視臺 法國 國家 tf 1</t>
    <phoneticPr fontId="1" type="noConversion"/>
  </si>
  <si>
    <t>台東 2 官兵 傳 打 az 後 不適 士官 長 一度 危急 裝 葉克 膜 搶救</t>
    <phoneticPr fontId="1" type="noConversion"/>
  </si>
  <si>
    <t>台南 畢旅 不 停辦 禁 到 高風險 區域</t>
    <phoneticPr fontId="1" type="noConversion"/>
  </si>
  <si>
    <t>畢旅 鄭新 輝 學校 台南 停辦</t>
    <phoneticPr fontId="1" type="noConversion"/>
  </si>
  <si>
    <t>疫苗 英國 醫療 國家 biontech</t>
    <phoneticPr fontId="1" type="noConversion"/>
  </si>
  <si>
    <t>美 債 etf 抗 波動 危機 入市 首選</t>
    <phoneticPr fontId="1" type="noConversion"/>
  </si>
  <si>
    <t>投資人 美 債 etf 肺炎 美 債 避險 型</t>
    <phoneticPr fontId="1" type="noConversion"/>
  </si>
  <si>
    <t>采 檢 民眾 要 自主 隔離 多久 陳時中 新增 健康 存摺 系統 儘快 通知</t>
    <phoneticPr fontId="1" type="noConversion"/>
  </si>
  <si>
    <t>台微 體 4152 子公司 盈 擘 醫藥 26 日 宣佈 最新 一 篇 描述 ispm 21 與 ispm 19 的 潛 在 優勢 的 科學 摘要 獲 國際 醫學 氣霧劑 學 協會 isam 的 科學 委員會 接受 並 將 於 第 23 屆 isam 大會 中 發表 盈 擘 專注 於微 脂 體 吸 入 劑型 藥物 開發 此次</t>
    <phoneticPr fontId="1" type="noConversion"/>
  </si>
  <si>
    <t>吸 入 大會 海報 微 脂 體 氣霧劑</t>
    <phoneticPr fontId="1" type="noConversion"/>
  </si>
  <si>
    <t>賣 魚郎 助陣 石斑魚 訂單 飆 破 百萬</t>
    <phoneticPr fontId="1" type="noConversion"/>
  </si>
  <si>
    <t>paypal 電子 支付 營 收 獲利 eps</t>
    <phoneticPr fontId="1" type="noConversion"/>
  </si>
  <si>
    <t>海上 郵輪 超 好玩 行家 答案 一面倒</t>
    <phoneticPr fontId="1" type="noConversion"/>
  </si>
  <si>
    <t>部長 波蘭 肺炎 檢測 隔離</t>
    <phoneticPr fontId="1" type="noConversion"/>
  </si>
  <si>
    <t>航空業確診案例 未來不排除公佈航班資訊</t>
    <phoneticPr fontId="1" type="noConversion"/>
  </si>
  <si>
    <t>航空 業 確診 案例 未來 不 排除 公佈 航班 資訊</t>
    <phoneticPr fontId="1" type="noConversion"/>
  </si>
  <si>
    <t>南京 零 新增 揚州 連 7 天 破 30 例</t>
    <phoneticPr fontId="1" type="noConversion"/>
  </si>
  <si>
    <t>大陸 揚州 主城區 疫情 南京市</t>
    <phoneticPr fontId="1" type="noConversion"/>
  </si>
  <si>
    <t>南美 首例 巴西 病例 確診 六大 洲 無一倖免</t>
    <phoneticPr fontId="1" type="noConversion"/>
  </si>
  <si>
    <t>誰 說 陸 不 給 進 譚德 賽 世衛 專家 今 將 訪 武漢</t>
    <phoneticPr fontId="1" type="noConversion"/>
  </si>
  <si>
    <t>3 件 接種 疫苗 後 死亡 檢察官 決定 2 具 不 剖 了</t>
    <phoneticPr fontId="1" type="noConversion"/>
  </si>
  <si>
    <t>捐 血 領 口罩 引爆 熱血沸騰 排隊 畫面 全場 傻眼 血 荒 還 口罩 荒 啊</t>
    <phoneticPr fontId="1" type="noConversion"/>
  </si>
  <si>
    <t>雲縣 發 口罩 學生 每人 2 盒</t>
    <phoneticPr fontId="1" type="noConversion"/>
  </si>
  <si>
    <t>口罩 雲 林縣 肺炎 每人 學生</t>
    <phoneticPr fontId="1" type="noConversion"/>
  </si>
  <si>
    <t>萬華 板橋 民眾 禁 入 馬偕 衛長 防 院內 感染</t>
    <phoneticPr fontId="1" type="noConversion"/>
  </si>
  <si>
    <t>抗 疫 100 天 張上淳 感謝 民眾 媒體 比 sars 當年 水準 高 很 多</t>
    <phoneticPr fontId="1" type="noConversion"/>
  </si>
  <si>
    <t>媒體 謝謝 張上淳 民眾 抗 疫 百 天</t>
    <phoneticPr fontId="1" type="noConversion"/>
  </si>
  <si>
    <t>國際 社會 疫情 發燒 澳洲 首度 關閉 學校 警告 治療 經費 恐 破 10億 澳元</t>
    <phoneticPr fontId="1" type="noConversion"/>
  </si>
  <si>
    <t>南韓 陷 社區 傳播 旅遊 疫情 建議 升級 至 第一 級 注意</t>
    <phoneticPr fontId="1" type="noConversion"/>
  </si>
  <si>
    <t>南韓 第 一級 當地 社區 傳播 旅遊 疫情 建議</t>
    <phoneticPr fontId="1" type="noConversion"/>
  </si>
  <si>
    <t>支持 現金 紓困 民 調 曝光 洪 孟 楷 蔡 政府 還要 慢 幾 拍</t>
    <phoneticPr fontId="1" type="noConversion"/>
  </si>
  <si>
    <t>洪孟楷 普發 現金 民意 民 調 蔡 政府</t>
    <phoneticPr fontId="1" type="noConversion"/>
  </si>
  <si>
    <t>陳宜民 盼 與 柯 p 討論 北市 三期 臨床 圈選 接種</t>
    <phoneticPr fontId="1" type="noConversion"/>
  </si>
  <si>
    <t>國產 疫苗 還 沒 做 臨床 三期 就 被 蔡 總統 欽 點 表示 7 月底 可望 開 打 引發 爭議 國政 基金會 永續 發展組 召集人 陳宜 民建 議 可以 讓 國產 疫苗 在 雙北 疫區 做 三期 試驗 引發 熱 議 臺北市 長 柯文哲 4 日 下午 在 防疫 記者會 中 指出 在 台</t>
    <phoneticPr fontId="1" type="noConversion"/>
  </si>
  <si>
    <t>臺灣 輸出 60 例 確診 到 世界 莊 人 祥 對 國內 疫情 無 影響</t>
    <phoneticPr fontId="1" type="noConversion"/>
  </si>
  <si>
    <t>上海市 衛健 委 今天 指 有 一 名 在 台 工作 的 陸籍 人士 17 日 從 臺灣 出發 入境 上海 在 隔離 期間 出現 症狀 20 日 確診 這 是 上海 第 5 例 從 臺灣 來 的 確診 個案 中央 流行 疫情 中心 發言人 莊人祥 表示 目前 已 連系 對岸 但 對方 尚未 回 覆 並 統</t>
    <phoneticPr fontId="1" type="noConversion"/>
  </si>
  <si>
    <t>上海3至5歲兒童今啟動疫苗接種 暫不包括港澳臺人士</t>
    <phoneticPr fontId="1" type="noConversion"/>
  </si>
  <si>
    <t>上海 3 至 5 歲 兒童 今 啟動 疫苗 接種 暫不 包括 港澳臺 人士</t>
    <phoneticPr fontId="1" type="noConversion"/>
  </si>
  <si>
    <t>綠媒稱臺胞被半強迫打疫苗 國台辦斥：用心卑劣</t>
    <phoneticPr fontId="1" type="noConversion"/>
  </si>
  <si>
    <t>綠 媒 稱 臺胞 被 半 強迫 打 疫苗 國 台辦 斥 用心 卑劣</t>
    <phoneticPr fontId="1" type="noConversion"/>
  </si>
  <si>
    <t>bbc 整理 譚 德塞 公開 發言 網 罵 翻 白目</t>
    <phoneticPr fontId="1" type="noConversion"/>
  </si>
  <si>
    <t>公費 流感疫苗 開 打 不分 順序 趕快 接種</t>
    <phoneticPr fontId="1" type="noConversion"/>
  </si>
  <si>
    <t>流感疫苗 開 打 南 投 縣 衛生局 5 日前 進 名間鄉 松柏 嶺 集會 所 由 副 縣長 陳正升 率先 示範 接種 疫苗 衛生局長 黃昭郎 表示 今年 公費 疫苗 施打 物件 取消 先後 排序 因此 請 符合條件 民眾 就近 到 衛生所 或 醫療 院所 施打 陳正升 表示</t>
    <phoneticPr fontId="1" type="noConversion"/>
  </si>
  <si>
    <t>omicron 衝擊 跨 年 活動 陳時中 大家 要 有 心理準備</t>
    <phoneticPr fontId="1" type="noConversion"/>
  </si>
  <si>
    <t>omicron 跨 年 陳時中 大型活動 衝擊</t>
    <phoneticPr fontId="1" type="noConversion"/>
  </si>
  <si>
    <t>肺炎 警示 燈號 感染 警示 疫情</t>
    <phoneticPr fontId="1" type="noConversion"/>
  </si>
  <si>
    <t>北美 半 導體 設備 出 貨 3 個 月 新高</t>
    <phoneticPr fontId="1" type="noConversion"/>
  </si>
  <si>
    <t>新高 帶動 semi</t>
    <phoneticPr fontId="1" type="noConversion"/>
  </si>
  <si>
    <t>新 天地 教主 李萬熙 下跪 道歉 身旁 神秘 女子 成 焦點 身分 遭 起 底</t>
    <phoneticPr fontId="1" type="noConversion"/>
  </si>
  <si>
    <t>近 6 成 人民 等 不 到 第一 劑 預約 通知 鄭麗文 狠 嗆 蔡 政府 一 句</t>
    <phoneticPr fontId="1" type="noConversion"/>
  </si>
  <si>
    <t>mwc 取消 華為 2 24 舉辦 線 上 發表會 新 折疊機 有望 亮相</t>
    <phoneticPr fontId="1" type="noConversion"/>
  </si>
  <si>
    <t>mwc 華為 線 上 直播 可 折疊 螢 幕 手機</t>
    <phoneticPr fontId="1" type="noConversion"/>
  </si>
  <si>
    <t>桃園 增 4 例 皆 為 確診 者 接觸 者 足跡 包含 汽車 旅館 菜市場 3 量販店</t>
    <phoneticPr fontId="1" type="noConversion"/>
  </si>
  <si>
    <t>桃園 市 新增 4 確診 本土 案例 年齡 為 20 多 歲 至 40 多 歲 之間 皆 為 確診 者 接觸 者 桃園 市政府 公佈 確診 者 足跡 包含 汽車 旅館 好事 多 家樂福 全聯 菜市場 等 確診 者 累計 898 人 目前 居家 隔離 人數 為 411 人 桃園 市 新聞 處 資料</t>
    <phoneticPr fontId="1" type="noConversion"/>
  </si>
  <si>
    <t>確診 者 案 156 接觸 者 家樂福 桃園 市</t>
    <phoneticPr fontId="1" type="noConversion"/>
  </si>
  <si>
    <t>伊恩 和 蜜雪兒·霍恩 ian and michelle horne 結婚 近 10 年 兩 人 無話不談 可說是 靈魂 伴侶 約會 第一 天 伊恩 就 要求 吻 未來 的 妻子 而 她 也 答應 了 當 兩 人 結婚 時 由於 蜜雪兒 最愛 紫色 於是 伊恩 特別 打 了 紫 領帶 然而</t>
    <phoneticPr fontId="1" type="noConversion"/>
  </si>
  <si>
    <t>廣州 發現 廣東 首例 境外 輸入 omicron 陽性 病例</t>
    <phoneticPr fontId="1" type="noConversion"/>
  </si>
  <si>
    <t>大陸 央 視 新聞報導 廣州市 疫情 防控 14 日 下午 舉行 新聞 發佈會 繼 天津 發現 中國 首例 omicron 陽性 病例 之後 廣州 也 發現 廣東 首例 境外 輸入 奧 密克 戎 omicron 陽性 病例 病例 男 67 歲 家住 越秀區 華 樂街 天勝村 65 號 11 月 27</t>
    <phoneticPr fontId="1" type="noConversion"/>
  </si>
  <si>
    <t>天津 中國 首例 境外 輸入 omicron 陽性 病例</t>
    <phoneticPr fontId="1" type="noConversion"/>
  </si>
  <si>
    <t>僑 外資企業 入手 新北 工業 地產 掀 熱潮</t>
    <phoneticPr fontId="1" type="noConversion"/>
  </si>
  <si>
    <t>全球 廠辦 五 股 新北 僑 外資</t>
    <phoneticPr fontId="1" type="noConversion"/>
  </si>
  <si>
    <t>看好 第 四季 中菲 行 11 月 航空 貨運 運價 漲 定 了</t>
    <phoneticPr fontId="1" type="noConversion"/>
  </si>
  <si>
    <t>近來 歐美 確診 人數 飆 升 疫情 恐怕 捲土重來 在 疫苗 問世 之前 復蘇 之路 遙遙無期 根據 國際航空運輸協會 iata 預測 2024 年 才有 可能 回到 疫情 前 航空 業 的 水準 在 航班 停 飛 航空 公司 紛紛 祭出 裁員 令 之際 貨運 成為 航空 公</t>
    <phoneticPr fontId="1" type="noConversion"/>
  </si>
  <si>
    <t>大 聯大 國巨 華碩 緯 創 巧 新</t>
    <phoneticPr fontId="1" type="noConversion"/>
  </si>
  <si>
    <t>北市 接種 率 疫苗 40萬 柯文哲</t>
    <phoneticPr fontId="1" type="noConversion"/>
  </si>
  <si>
    <t>躲 疫 買 億萬 屋 2 擁 老 豪 宅 36 年 一代 妖 姬 遭 控 風波不斷</t>
    <phoneticPr fontId="1" type="noConversion"/>
  </si>
  <si>
    <t>王 大陸 和 王 爸爸 買 下一代 妖 姬 崔 苔 菁 的 愛 巢 是 她 在 1984 年 以 每 層 樓約 兩百萬 元 購入 並 使用 頂樓 平臺 當作 花園 然而 在 崔 苔 菁 擁有 該樓 中樓 時 惱人 風波 卻 不 斷 二○一四 年 崔 苔 菁 被 鄰居 控告 侵佔 停車位 對方 請求 返還 每</t>
    <phoneticPr fontId="1" type="noConversion"/>
  </si>
  <si>
    <t>王 大陸 和 王 爸爸 買 下一代 妖 姬 崔 苔 菁 的 愛 巢 是 她 在 1984 年 以 每 層 樓約 兩百萬 元 購入 並 使用 頂樓 平臺 當作 花園 然而 在 崔 苔 菁 擁有 該樓 中樓 時 惱人 風波 卻 不 斷 二○一四 年 崔 苔 菁 被 鄰居 控告 侵佔 停車位 對方 請求 返還 每月 租金 九千 元 的 不當得利 北 院 一審 判決 崔 苔 菁 勝訴 隔 年 住戶 與 管委會 再度 提 告 崔 苔 菁 認為 七 樓 以上 都 是 違章建築 並 要求 崔 苔 菁 歸還 頂樓 平臺 避免 影響 住戶 逃生 雙方 纏訟 近 三 年 後 二○一八 年 高院 判決 指出 崔 苔 菁 購買 的 樓 中樓 為 建 商 大地 建設公司 在 一九七七 年 合法 興建 的 建物 並非 該 大樓 領 用 使用 執照 後 才 違法 增 改 建 的 建物 此外 當年 建 商 銷售 房屋 時 已 約定 頂樓 平臺 由 樓 中樓 住戶 專用 因此 法院 認定 崔 苔 菁 有 權 使用 判 她 勝訴 免 拆 屋 至於 通往 平臺 的 一道 鋁門 崔 苔 菁 從 未 上 鎖 並 不 會 阻礙 全體 住戶 緊急 避難 與 逃生 有 住戶 透露 該處 近年 已 無人居住 只 有 崔 苔 菁 的 兒子 偶爾 會 回來 看 一下 一 名 房 仲 業者 表示 王家 父子 入手 的 社區 公設 比例 低 鄰近 熱鬧 繁華 的 東區 商 圈 生活 機能 相當 完善 步行 到 捷 運 忠孝 復興 站 僅 約 四 分鐘 加上 周邊 還有 大安 森林公園 學 區 是 明星 學校 仁愛 國小 稱得上 是 夢幻 逸 品 對 王 大陸 來說 捷 運 公園 或 學 區 可能 不是 吸引 他 購屋 的 主因 但 在 黃金地段 置 產 投資 或 自 住 還 能 與 好 兄弟 柯震東 比鄰而居 卻是 很 大 的 吸引力 更 多 ctwant 報導</t>
    <phoneticPr fontId="1" type="noConversion"/>
  </si>
  <si>
    <t>高雄 特殊 交友 圈 開 趴 再 1 密切接觸 5 天 後 發病 最新 足跡 曝光</t>
    <phoneticPr fontId="1" type="noConversion"/>
  </si>
  <si>
    <t>退休 高官 確診 嫌 醫院 爛 開 3 條件 要 住 單人房</t>
    <phoneticPr fontId="1" type="noConversion"/>
  </si>
  <si>
    <t>飛機 又 成破口 桃園 女 染 delta 負責 機上 清潔</t>
    <phoneticPr fontId="1" type="noConversion"/>
  </si>
  <si>
    <t>16 北海道 札幌 市 第 三 波 新增 確診</t>
    <phoneticPr fontId="1" type="noConversion"/>
  </si>
  <si>
    <t>安盛生科 Q4推出新冠智慧抗原快篩 5分鐘內有結果</t>
    <phoneticPr fontId="1" type="noConversion"/>
  </si>
  <si>
    <t>安盛生科（6734）在美國Future of Health 2020宣佈該公司規劃在今年第四季推出安必測新型冠狀肺炎智慧抗原快篩（PixoTest POCT COVID-19 Antigen Test）與數位健康通行證（PixoHealth Pass）。安必測新冠肺炎智能抗</t>
    <phoneticPr fontId="1" type="noConversion"/>
  </si>
  <si>
    <t>pixotest 受 測 肺炎 應用 快 篩</t>
    <phoneticPr fontId="1" type="noConversion"/>
  </si>
  <si>
    <t>被 楊志良 嗆 不 適合 當 總統 馬英九 笑 回 9 字 全場 傻眼</t>
    <phoneticPr fontId="1" type="noConversion"/>
  </si>
  <si>
    <t>自 購 疫苗 今 到貨 45 8萬 劑 az 下午 抵 台</t>
    <phoneticPr fontId="1" type="noConversion"/>
  </si>
  <si>
    <t>疫苗 az 混打 45 7萬 劑</t>
    <phoneticPr fontId="1" type="noConversion"/>
  </si>
  <si>
    <t>陸新冠 疫苗 效果 如何 感染 科 專家 張文 宏 再 等 3 個 月 才 知道</t>
    <phoneticPr fontId="1" type="noConversion"/>
  </si>
  <si>
    <t>由於 媒體 傳出 已 有 部 份 藥廠 開始 提供 試用 疫苗 上海華山醫院 知名 感染 科 醫生 張文宏 在 答詢 時 表示 要 再 等 三 個 月 才 知道 疫苗 效果 好不好 總的 趨勢 來說 國際 疫情 還 在 蔓延 連 第一 波 都 還 沒有 過去 呼籲 民眾 要 有 耐心 同時 保</t>
    <phoneticPr fontId="1" type="noConversion"/>
  </si>
  <si>
    <t>張文 宏 傳染病 感染 科 醫生 疫苗</t>
    <phoneticPr fontId="1" type="noConversion"/>
  </si>
  <si>
    <t>蓬佩 奧 楊潔篪 通話 強調 抗 疫 透明 重要性</t>
    <phoneticPr fontId="1" type="noConversion"/>
  </si>
  <si>
    <t>中共中央 機關報 人民日報 16 日 報導 中共中央政治局 委員 中央 外事 工作委員會辦公室 主任 楊潔篪 應約 同 美國 國務卿 蓬佩 奧 通電話 時 指出 在 全球 抗 疫 大 背景 下 處理 好 陸 美 關係 保持 兩國關係 健康 穩定 發展 至關重要 美</t>
    <phoneticPr fontId="1" type="noConversion"/>
  </si>
  <si>
    <t>校正 回歸 網 罵 翻 鄉民 吃 早餐 神 比喻</t>
    <phoneticPr fontId="1" type="noConversion"/>
  </si>
  <si>
    <t>奇 美 醫學 中心 防疫 升級 住院病人 需 pcr 陰性</t>
    <phoneticPr fontId="1" type="noConversion"/>
  </si>
  <si>
    <t>不滿 陽明山 停車場 擠爆 人潮 最 純 主 播 脫口 一 句 話 泄 真性情</t>
    <phoneticPr fontId="1" type="noConversion"/>
  </si>
  <si>
    <t>王子 李康生 追逐 槍戰 臨 喊 卡 拍 電影 無奈 遭 疫情 攪局</t>
    <phoneticPr fontId="1" type="noConversion"/>
  </si>
  <si>
    <t>雙北 防疫 升級 15 日 至 第 3 級 影響 不只 戲院 關閉 就 連 電影 劇組 也 因此 停止 拍攝 由 金馬影 帝 李康生 主演 的 電影 山中 森林 就此 停工 他 原本 當晚 要 與 王子 邱勝翊 謝承均 在 臺北 市府 前 展開 動作 追逐 槍戰 劇組 早已 借來 重型 機</t>
    <phoneticPr fontId="1" type="noConversion"/>
  </si>
  <si>
    <t>雙北 防疫 升級 15 日 至 第 3 級 影響 不只 戲院 關閉 就 連 電影 劇組 也 因此 停止 拍攝 由 金馬影 帝 李康生 主演 的 電影 山中 森林 就此 停工 他 原本 當晚 要 與 王子 邱勝翊 謝承均 在 臺北 市府 前 展開 動作 追逐 槍戰 劇組 早已 借來 重型 機車 和 價值 850萬 的 瑪莎拉蒂休 旅 車 並且 封路 6 線道 準備 開拍 豈料 卻 碰上 疫情 升溫 無奈 喊 卡 導演 姜甯 表示 除 了 這 場 戲 取消 外 本來 在 夜市 飯店 都會 有 百 人 以上 的 場面 拍攝 現在 也 都 暫緩 一切 都 以 防疫 安全 為主 也 很 感謝 劇組 幕前幕後 的 演員 工作人員 都 盡全力 配合 接下來 延後 檔 期 今 明 2 天 本來 拍攝 陳德容 李千那 的 戲份 也 都得 重新安排 此外 近日 受 影響 的 電影 還有 selina 任家萱 主演 的 頭 七 黃仲崑 林秀玲 的 空 巢 2 部 片 本 在 近日 開拍 都因 疫情 順延 周興哲 李沐 主演 的 我 吃 了 那 男孩 一 整年 的 早餐 則 已 完成 主要演員 的 拍攝 僅剩 空 景和 配角 的 戲份 目前 預計 下 周順利 殺青</t>
    <phoneticPr fontId="1" type="noConversion"/>
  </si>
  <si>
    <t>花木蘭 日 韓 因 疫情 延 檔 影迷 寫信 求 007 延後 上映</t>
    <phoneticPr fontId="1" type="noConversion"/>
  </si>
  <si>
    <t>商品 期貨 趨勢 專欄 油價 上漲 有限 中性 偏 多</t>
    <phoneticPr fontId="1" type="noConversion"/>
  </si>
  <si>
    <t>限制 超過 原油 肺炎 減產</t>
    <phoneticPr fontId="1" type="noConversion"/>
  </si>
  <si>
    <t>非本 國籍 明 零 時 起 限制 入境 柯文哲 這 政策 是 對 的</t>
    <phoneticPr fontId="1" type="noConversion"/>
  </si>
  <si>
    <t>台 防疫 僅 贏 在 起跑 點 民族性 使然 網 曝 無奈 真相</t>
    <phoneticPr fontId="1" type="noConversion"/>
  </si>
  <si>
    <t>臺灣 無奈 起跑 點 一 開始 民族性</t>
    <phoneticPr fontId="1" type="noConversion"/>
  </si>
  <si>
    <t>經濟 防疫 鬆綁 在即 蘇貞昌 預先 規 畫 振興 準備</t>
    <phoneticPr fontId="1" type="noConversion"/>
  </si>
  <si>
    <t>害怕 疫情 這些 大廠 都 退出 全球 行動 通訊 大會 遭 取消</t>
    <phoneticPr fontId="1" type="noConversion"/>
  </si>
  <si>
    <t>抗 delta 大戰 變調 cdc 警告 美 民眾 打 不 打 疫苗 都 散播 得 一樣 快</t>
    <phoneticPr fontId="1" type="noConversion"/>
  </si>
  <si>
    <t>不怕 疫情 北 韓 今年 光復節 和 建黨 日 將 表演 這個</t>
    <phoneticPr fontId="1" type="noConversion"/>
  </si>
  <si>
    <t>韓聯社 報導 專門 經營 赴 北 韓 旅遊 業務 的 高麗 旅行社 koryo tour 今天 援引 北 韓 內部消息 稱 北 韓 今年 仍 將 舉行 大型 團體操 表演 迎接 8 月 的 光復節 和 10 月 的 建黨 75 周年 紀念日 團體操 表演 最 多 動員 10萬 人 用來 展現 制度 優越性</t>
    <phoneticPr fontId="1" type="noConversion"/>
  </si>
  <si>
    <t>北 韓 團體 光復節 建黨 排練</t>
    <phoneticPr fontId="1" type="noConversion"/>
  </si>
  <si>
    <t>對 政府 無聲 抗議 江 啟臣 回應 熄燈 一 分鐘 悼 確診 亡 者</t>
    <phoneticPr fontId="1" type="noConversion"/>
  </si>
  <si>
    <t>臺灣 本土 疫情 死亡率 超過 世界 平均值 前 衛生 署長 楊志良 發起 熄燈 一 分鐘 喚醒 陳時中 活動 邀 民眾 於 6 日 晚上 8 點 一起 熄燈 一 分鐘 國民黨 主席 江啟臣 今 也 響應 此 活動 貼出 熄燈 照片 這 一 分鐘 是 無聲 的 抗議 是 悲痛 的</t>
    <phoneticPr fontId="1" type="noConversion"/>
  </si>
  <si>
    <t>特殊 新加坡 航空展 最 搶手 紀念品 是 這個</t>
    <phoneticPr fontId="1" type="noConversion"/>
  </si>
  <si>
    <t>大陸 拼 年底 前 8 成 接種 群體 免疫 達標</t>
    <phoneticPr fontId="1" type="noConversion"/>
  </si>
  <si>
    <t>大陸 疫苗 衛健 委 接種 目標</t>
    <phoneticPr fontId="1" type="noConversion"/>
  </si>
  <si>
    <t>急診 醫 揭 混打 唯一 副作用 痛 整晚 比 首 劑 az 更 嚴重</t>
    <phoneticPr fontId="1" type="noConversion"/>
  </si>
  <si>
    <t>混打 疫苗 效果 好 但 副作用 恐 會 更 大 對此 兒科 急診 醫師 吳昌騰 分享 昨天 完成 混打 疫苗 唯一 不 舒服 的 感覺 應該 是 手 舉 高會 疼痛 尤其 到 了 晚上 更 明顯 但 聽說 混打 會 像 被 卡車 輾 過去 一樣 因此 他 也 提早 備 好 藥物 與 開 水</t>
    <phoneticPr fontId="1" type="noConversion"/>
  </si>
  <si>
    <t>嘉義 市 買 菜 分流 攤販 叫 客人 今天 多 買 些 明天 不 要來</t>
    <phoneticPr fontId="1" type="noConversion"/>
  </si>
  <si>
    <t>嘉義 市政府 鼓勵 民眾 依 身分 證 字型大小 尾數 單 雙號 分流 到 傳統 市場 買 菜 嘉義 市 共和 攤販 協會 理事長 陳志全 坦言 出入口 有 10 多 個 很 難 強制 管制 倒是 攤 商 向 客人 道德 勸說 今天 多 買 些 明天 不 要來 比較 有用 今天 人流 約 減少</t>
    <phoneticPr fontId="1" type="noConversion"/>
  </si>
  <si>
    <t>產 地直 送 德國 bnt 執行長 證實 提供 臺灣 疫苗 來自 歐洲 工廠</t>
    <phoneticPr fontId="1" type="noConversion"/>
  </si>
  <si>
    <t>上海 複 星 醫藥 發出 公告 子公司 複星實業 分別 與 台積電 鴻 海 永齡 基金會 及 裕利 醫藥 簽約 將 提供 共 1000萬 劑 bnt 疫苗 給 臺灣 德國 bnt 首席 執行長 證實 這 批 疫苗 符合 臺灣 要求 在 歐洲 工廠 生產 直接 出 貨 給 臺灣 根據 外 媒 報</t>
    <phoneticPr fontId="1" type="noConversion"/>
  </si>
  <si>
    <t>bnt 疫苗 鴻 海 台積電 永齡</t>
    <phoneticPr fontId="1" type="noConversion"/>
  </si>
  <si>
    <t>nba 魔術 老闆 花 200萬 美元 照顧 停 擺 員工</t>
    <phoneticPr fontId="1" type="noConversion"/>
  </si>
  <si>
    <t>鴻海、台積電證實 採購BNT疫苗正進行簽約法定程式</t>
    <phoneticPr fontId="1" type="noConversion"/>
  </si>
  <si>
    <t>鴻 海 台積電 證實 採購 bnt 疫苗 正 進行 簽約 法定程式</t>
    <phoneticPr fontId="1" type="noConversion"/>
  </si>
  <si>
    <t>1千萬 劑 輝 端 bnt 進口 臺灣 不再 只 聞 樓梯 響 鴻 海 與 台積電 今日 雙雙 證實 積極 努力 許久 採購 bnt 疫苗 已 正式 進入 簽約 程式 惟 因 簽約 當事人 有 多方 一旦 程式 完備 即 對 外 進行 公告 永齡 基金會 執行長 劉宥彤 也 表示</t>
    <phoneticPr fontId="1" type="noConversion"/>
  </si>
  <si>
    <t>疫情 重傷 美 就業 市場 1 個 半 月 3千萬 人 丟 工作</t>
    <phoneticPr fontId="1" type="noConversion"/>
  </si>
  <si>
    <t>高雄男 打 bnt 全身 血 疹 血 便 血小板 急降 衛生局 回應 了</t>
    <phoneticPr fontId="1" type="noConversion"/>
  </si>
  <si>
    <t>查爾斯王儲確診新冠肺炎 起底荒唐情史！為卡蜜拉逼走戴安娜</t>
    <phoneticPr fontId="1" type="noConversion"/>
  </si>
  <si>
    <t>查理斯 王子 查理斯 王儲 卡 蜜 拉 戴安娜 戴安娜 王妃</t>
    <phoneticPr fontId="1" type="noConversion"/>
  </si>
  <si>
    <t>新聞 透視 操 弄 防疫 抗 陸 深化 兩岸 敵意</t>
    <phoneticPr fontId="1" type="noConversion"/>
  </si>
  <si>
    <t>大陸 肺炎 敵意 返台 兩岸</t>
    <phoneticPr fontId="1" type="noConversion"/>
  </si>
  <si>
    <t>國產 疫苗 提前 量 產 楊 志 良 提 5 大 理由 讓 高端 下 架</t>
    <phoneticPr fontId="1" type="noConversion"/>
  </si>
  <si>
    <t>雙和 醫院 護理 師 歎 踏 進 醫院 備感 壓力 感性 發文 拜 讬 待在家裡</t>
    <phoneticPr fontId="1" type="noConversion"/>
  </si>
  <si>
    <t>理賠 班機 申請 以色列 遣返</t>
    <phoneticPr fontId="1" type="noConversion"/>
  </si>
  <si>
    <t>防疫 在家 上班 很 輕鬆 ol 曝 悲慘 現況</t>
    <phoneticPr fontId="1" type="noConversion"/>
  </si>
  <si>
    <t>醫用 口罩 納 邊境 查驗 7 7 起 口罩 進口 要 抽查</t>
    <phoneticPr fontId="1" type="noConversion"/>
  </si>
  <si>
    <t>文化 大學 猛 暴 性 群 聚 快 篩 206 人 13 人 陽性</t>
    <phoneticPr fontId="1" type="noConversion"/>
  </si>
  <si>
    <t>商情 國際 油價 跌 估 下 周 國內 汽油 不 調整</t>
    <phoneticPr fontId="1" type="noConversion"/>
  </si>
  <si>
    <t>口罩 產能 催 落去 蔡英文 宣示 日產 2000萬 片</t>
    <phoneticPr fontId="1" type="noConversion"/>
  </si>
  <si>
    <t>聯合國 警告 疫情 可能 引爆 50 年 來 最 嚴重 的 糧食 危機</t>
    <phoneticPr fontId="1" type="noConversion"/>
  </si>
  <si>
    <t>近 2千 人 確診 僅 個 位數 死亡 德國 防疫 做 了 什麼</t>
    <phoneticPr fontId="1" type="noConversion"/>
  </si>
  <si>
    <t>德國 義 大利 死亡率 歐洲 國家</t>
    <phoneticPr fontId="1" type="noConversion"/>
  </si>
  <si>
    <t>烏克蘭 美女 在 台打 免費 疫苗 接種 後 卻 痛哭 我 後悔 了</t>
    <phoneticPr fontId="1" type="noConversion"/>
  </si>
  <si>
    <t>專車 來回 1 5 小時 接送 台南 南化 偏 鄉 關 山裡 3 位 長輩 接種 疫苗</t>
    <phoneticPr fontId="1" type="noConversion"/>
  </si>
  <si>
    <t>駭 客 趁 疫 打劫 全球 網路 攻擊 暴 增</t>
    <phoneticPr fontId="1" type="noConversion"/>
  </si>
  <si>
    <t>安全 攻擊 肺炎 駭 客 資料</t>
    <phoneticPr fontId="1" type="noConversion"/>
  </si>
  <si>
    <t>信 民 播 客 龍 觀點 兩 只 黑 天鵝 相遇 全球 大 蕭條 近在眼前</t>
    <phoneticPr fontId="1" type="noConversion"/>
  </si>
  <si>
    <t>英國 確診 男 病毒 量 超高 將 比對 是否 染 變種 病毒</t>
    <phoneticPr fontId="1" type="noConversion"/>
  </si>
  <si>
    <t>阿緯 順利 打完 2 劑 az 疫苗 網友 坦言 不敢 打 他 貼心 回應</t>
    <phoneticPr fontId="1" type="noConversion"/>
  </si>
  <si>
    <t>台大醫院 昨日 新增 1 名 確診 案例 外傳 該案 身分 為 麻醉 護理 師 醫院 也 在 昨日 證實 關閉 開刀房 進行 清 消 並 把 接觸 者 召回 采 檢 台大醫院 企業 工會 今 表示 完全 同 理 感 控 人員 的 辛勞 但 不可否認 的 是 事發 當下 仍 有 許多 員工 直到</t>
    <phoneticPr fontId="1" type="noConversion"/>
  </si>
  <si>
    <t>台大 醫院 麻醉 護 師 員工 家人</t>
    <phoneticPr fontId="1" type="noConversion"/>
  </si>
  <si>
    <t>旅美 高球 好手 潘政琮 好 暖 不 搭 機 返台 保護 寶島</t>
    <phoneticPr fontId="1" type="noConversion"/>
  </si>
  <si>
    <t>美國 高爾夫 潘政琮 防疫 搭 機</t>
    <phoneticPr fontId="1" type="noConversion"/>
  </si>
  <si>
    <t>5月起山川琉璃吊橋 週一免費入場攝影</t>
    <phoneticPr fontId="1" type="noConversion"/>
  </si>
  <si>
    <t>5 月 起 山川 琉璃 吊橋 週一 免費入場 攝影</t>
    <phoneticPr fontId="1" type="noConversion"/>
  </si>
  <si>
    <t>遊客 數 肺炎 拍攝 攝影 吊橋</t>
    <phoneticPr fontId="1" type="noConversion"/>
  </si>
  <si>
    <t>武漢 今 解 封 76 天 封 城 告終 276 班 列車 四散 全境</t>
    <phoneticPr fontId="1" type="noConversion"/>
  </si>
  <si>
    <t>經費 疫苗 陳時中 13 5億 元</t>
    <phoneticPr fontId="1" type="noConversion"/>
  </si>
  <si>
    <t>新聞 早班車 英 首相 強森 今日 復工</t>
    <phoneticPr fontId="1" type="noConversion"/>
  </si>
  <si>
    <t>小 編 精選 中國時報 5 件 不可 不知 大事 帶 讀者 掌握 今天 27 日 新聞 重點 1 英 首相 強森 今日 復工 英國首相 辦公室 發言人 昨天 證實 英國首相 強 森 boris johnson 治療 加 休養 整整 超過 3 周後 27 日 將 重返 工作崗位 比</t>
    <phoneticPr fontId="1" type="noConversion"/>
  </si>
  <si>
    <t>萬金石 開 第一 槍 新北 鐵道 馬拉松 也 確定 延期</t>
    <phoneticPr fontId="1" type="noConversion"/>
  </si>
  <si>
    <t>五 一連 假 盧 祭 鐵腕 人流 如 管制 困難 必要 時 關 景點</t>
    <phoneticPr fontId="1" type="noConversion"/>
  </si>
  <si>
    <t>五 一連 假 即 將來 民眾 宅 在家 悶 太 久 出遊 情況 憂心 成 防疫 口 台中 市長 盧秀燕 28 日 強調 適當 出遊 固然 有益 身心 但 防疫 更 重要 她 已 授權 相關 首長 區長 民眾 若 不 接受 適當 疏散 指揮 必要 的 時候 得 關閉 景點 盧秀燕 今日 在</t>
    <phoneticPr fontId="1" type="noConversion"/>
  </si>
  <si>
    <t>五 一連 假 即 將來 民眾 宅 在家 悶 太 久 出遊 情況 憂心 成 防疫 口 台中 市長 盧秀燕 28 日 強調 適當 出遊 固然 有益 身心 但 防疫 更 重要 她 已 授權 相關 首長 區長 民眾 若 不 接受 適當 疏散 指揮 必要 的 時候 得 關閉 景點 盧秀燕 今日 在 市政 會議 中 表示 台中 市 受到 敦睦 艦隊 確 疹 案例 衝擊 度過 驚 滔 駭浪 的 一 周 大家 疲 奔命 的 應變 跟 善後 將 疫情 適當 的 控制 住 本 周 又 有 更 大 的 挑戰 因為 這 禮拜 要 開始 五一 的 連 假 那 連續 假日 有 相當 多 的 民眾 可能 會 出遊 可能 因 疫情 兩 個 多 月 大家 想 出外 走走 很多 民眾 會 利用 連續 假日 來 出遊 盧秀燕 呼籲 市民 朋友 還有 外地 的 遊客 防疫 也 要 做 台中 市 配合 行政院長 蘇貞昌 的 政策 鼓勵 大家 多 在 家 休息 小心 出門 不 要 去 人 擠 人 出遊 固然 有益 身心 但是 防疫 更 重要 台中 市府 提出 重要 景點 甚至 包括 宮廟 規 畫人 潮 影像 現況 可 供 查閱 大家 在 出門時 候 可能 要 看看 這些 即時 的 影像 如果 人 太 多 了 儘量避免 前往 如果 你 到 現場 重要 景點 或是 場 域 或者 是 相關 公共 場 域 進行 人流 管制 盧秀燕 指出 人流 管理 就 是 適當 的 出入 如果 景點 人數 管制 已經 額 滿 很 抱歉 就 沒有 辦法 再 去 了 但 如果 大家 人 擠 人 沒有 辦法 疏散 的 情形 民眾 硬 要 進去 造成 人流 管制 困難 她 今日 在 首長 會議 已 授權 局 處 區長 等等 相關 的 首長 必要 的 時候 得 關閉 景點 她 強調 有時候 民眾 沒有 辦法 接受 適當 疏散 指揮 造成 壅 擠 不 利於 疫情 在 連 假期 間 如有 碰到 這種 狀況 的話 授權 主管 可以 關閉 景點 疫情 期間 造成 不 方便 要 請 大家 多多的 體諒 台中 市 為 守護 我們 市民 朋友 的 健康 這些 管制 措施 一定 要 做</t>
    <phoneticPr fontId="1" type="noConversion"/>
  </si>
  <si>
    <t>景點 盧秀燕 五 一連 假 管制 出遊</t>
    <phoneticPr fontId="1" type="noConversion"/>
  </si>
  <si>
    <t>台鐵 愛心 長輩 火車 肺炎</t>
    <phoneticPr fontId="1" type="noConversion"/>
  </si>
  <si>
    <t>臺北夫妻自行開車回嘉義溪口老家確診 曾去過大林全聯</t>
    <phoneticPr fontId="1" type="noConversion"/>
  </si>
  <si>
    <t>臺北 夫妻 自行 開車 回 嘉義 溪口 老家 確診 曾去 過 大林 全聯</t>
    <phoneticPr fontId="1" type="noConversion"/>
  </si>
  <si>
    <t>嘉義 縣 截至 目前為止 僅 1 例 本土 確診 個案 嘉義 縣長 翁章梁 28 日 直播 時 表示 有 2 名 臺北 的 確診 個案 案 7022 及 7023 曾 與 萬華 朋友 接觸 26 日 自行 開車 南下 溪口 老家 空 屋 自行 就醫 采 檢 2 人 昨天 雙雙 確診 足跡 為 大林 的 全聯 縣府</t>
    <phoneticPr fontId="1" type="noConversion"/>
  </si>
  <si>
    <t>嘉義 縣 截至 目前為止 僅 1 例 本土 確診 個案 嘉義 縣長 翁章梁 28 日 直播 時 表示 有 2 名 臺北 的 確診 個案 案 7022 及 7023 曾 與 萬華 朋友 接觸 26 日 自行 開車 南下 溪口 老家 空 屋 自行 就醫 采 檢 2 人 昨天 雙雙 確診 足跡 為 大林 的 全聯 縣府 目前 已 完成 個案 老家 及 全聯清 消 翁章梁 表示 該 夫妻 的 萬華 朋友 電話 通知 他們 他 已 確診 兩 人 因 曾 與 該 朋友 接觸 害怕 北部 醫療 資源 不足 26 日 下午 2 點 左右 自行 回到 溪口 老家 空 屋 下午 3 點 自行 開車 至 某 醫院 做 采 檢 離開 後 至 大林 全聯 採買 全程 皆 有 配戴 口罩 昨天 確診 趙紋華 指出 這 兩 案 的 足跡 相對 單純 在 全聯 採買 時 是 由 妻子 下車 採買 丈夫 在 車 上等 全程 都 有 戴 口罩 提醒 大家 若 曾有 熱區 活動 史 外出 一定 要 戴好 口罩 等 防護 措施 並 注意 自己 的 健康狀況 翁章梁 強調 雙北 疫情 嚴峻 大家 都 呼籲 儘量 不 要 移動 站 在 兩 夫妻 的 立場 沒有 不對 但 站 在 防疫 立場 這樣 不太好 僅管 再 怎麼 小心 病毒 還是 難 防 幸好 目前 掌握 的 足跡 還算 單純</t>
    <phoneticPr fontId="1" type="noConversion"/>
  </si>
  <si>
    <t>張上淳 症狀 出現 漱 口水 喉嚨</t>
    <phoneticPr fontId="1" type="noConversion"/>
  </si>
  <si>
    <t>影 新北 二級 漸 解封 侯友宜 籲 隨時 戴 口罩 病毒 不 會 到</t>
    <phoneticPr fontId="1" type="noConversion"/>
  </si>
  <si>
    <t>新北 侯友宜 ktv 複業 疫情</t>
    <phoneticPr fontId="1" type="noConversion"/>
  </si>
  <si>
    <t>陸 外交部 境外 輸入 留學生 占 4 成 盼 留學生 和 家長 權衡利弊</t>
    <phoneticPr fontId="1" type="noConversion"/>
  </si>
  <si>
    <t>曝 高端 最重 大 副作用 台 大 醫 揭 猝死 機 率</t>
    <phoneticPr fontId="1" type="noConversion"/>
  </si>
  <si>
    <t>確診 女 吸 不到 空氣 隔離 在家 求助無門 護理 師 見 訊息 崩潰</t>
    <phoneticPr fontId="1" type="noConversion"/>
  </si>
  <si>
    <t>澳門生想回臺上課 陳時中：可能要等3月中</t>
    <phoneticPr fontId="1" type="noConversion"/>
  </si>
  <si>
    <t>澳門 生 想 回台 上課 陳時中 可能 要 等 3 月中</t>
    <phoneticPr fontId="1" type="noConversion"/>
  </si>
  <si>
    <t>澳門 陳時中 十四 天 三月中 上課</t>
    <phoneticPr fontId="1" type="noConversion"/>
  </si>
  <si>
    <t>桃園 男子 猝死 前 發高燒 檢 警 采 檢 體 送驗</t>
    <phoneticPr fontId="1" type="noConversion"/>
  </si>
  <si>
    <t>桃園 男子 猝死 發高燒 檢 警</t>
    <phoneticPr fontId="1" type="noConversion"/>
  </si>
  <si>
    <t>新北 市長 侯友宜 今 13 日 下午 主持 疫情 說明會 他 表示 新北 市 新增 1 確診 個案 為 居隔 陰轉 陽性 個案 與 幼稚園 群 聚 感染 無關 這個 個案 是 臺北 某國 中學生 確診 後 匡列 的 長輩 之一 是 確診 學生 的 外婆 居住 在 板橋 區 ct 值 3</t>
    <phoneticPr fontId="1" type="noConversion"/>
  </si>
  <si>
    <t>板橋 幼稚園 爆發 群 聚 感染 delta 因應 疫情 升溫 新北 市 教育 局 今晚 表示 依 教育部 規定 新北 公立 幼稚園 9 日 起 停辦 跨 班級 課後 留 園 至 9 月底 請 學校 盡 速 通知 家長 並 妥善 溝通 教育局 指出 鼓勵 家長 課後 時段 將 幼兒 接回 自行 照</t>
    <phoneticPr fontId="1" type="noConversion"/>
  </si>
  <si>
    <t>delta 停辦 課後 留 園 新北 幼稚園</t>
    <phoneticPr fontId="1" type="noConversion"/>
  </si>
  <si>
    <t>基隆 小姑娘 群 聚 感染 再 添 7 例 老闆娘 家族 幾乎 確診</t>
    <phoneticPr fontId="1" type="noConversion"/>
  </si>
  <si>
    <t>逾 3百 人 打 疫苗 死亡 藍委 脫 口 一 句 怒 嗆 蔡 政府</t>
    <phoneticPr fontId="1" type="noConversion"/>
  </si>
  <si>
    <t>敦睦 艦隊 秘密 行程 曝光 經 新加坡 而 不入 竟是 為了</t>
    <phoneticPr fontId="1" type="noConversion"/>
  </si>
  <si>
    <t>北市 診所 可 打 疫苗 新北市衛生局 已 和 203 家 診所 簽約</t>
    <phoneticPr fontId="1" type="noConversion"/>
  </si>
  <si>
    <t>gogolook 攜 美玉 姨 擴大 防 詐 領域</t>
    <phoneticPr fontId="1" type="noConversion"/>
  </si>
  <si>
    <t>新創 公司 gogolook 宣佈 攜手 可疑 訊息 查證 機器人 美玉 姨 共同 防範 通訊 軟 體 上 的 潛 在 詐騙 威脅 並 幫助 民眾 第一時間 查證 可疑 訊息 美玉 姨 將 於 19 日 推出 全新 版本 擴大 比對 臺灣 事實 查核 平臺 cofacts 真的假 的 臺灣 事實 查核 中</t>
    <phoneticPr fontId="1" type="noConversion"/>
  </si>
  <si>
    <t>全新 防 詐 gogolook 可疑 美玉</t>
    <phoneticPr fontId="1" type="noConversion"/>
  </si>
  <si>
    <t>美 仇恨 亞裔 暴力事件 頻 傳 李彥秀 自 爆 開車 上路 被 比 中指</t>
    <phoneticPr fontId="1" type="noConversion"/>
  </si>
  <si>
    <t>估 值 偏 低 政策 作 多 a 股 後市 不 看淡</t>
    <phoneticPr fontId="1" type="noConversion"/>
  </si>
  <si>
    <t>大陸 政策 作 多 肺炎 滬 深 疫情</t>
    <phoneticPr fontId="1" type="noConversion"/>
  </si>
  <si>
    <t>新北 又 見 0 戶外 有望 脫 罩 侯友宜 這樣 說</t>
    <phoneticPr fontId="1" type="noConversion"/>
  </si>
  <si>
    <t>採訪 音樂家 遭 隔離 藝 文 記者 歎 人情冷暖</t>
    <phoneticPr fontId="1" type="noConversion"/>
  </si>
  <si>
    <t>葛民輝 閃電 搬離 月 租 47萬 豪 宅 主因 曝光 網 贊 良心 有錢 人</t>
    <phoneticPr fontId="1" type="noConversion"/>
  </si>
  <si>
    <t>業績 生 醫 疫情 侵蝕 消 費力 達爾 膚 q 1 營 收 年 減 29</t>
    <phoneticPr fontId="1" type="noConversion"/>
  </si>
  <si>
    <t>55 歲 男 愛 吃 生魚片 數 月 後 嚇 傻 器官 變 這樣</t>
    <phoneticPr fontId="1" type="noConversion"/>
  </si>
  <si>
    <t>生魚片 鮭魚 生 鮭魚 寄生蟲 細菌 感染</t>
    <phoneticPr fontId="1" type="noConversion"/>
  </si>
  <si>
    <t>北市宣佈Delta停課標準 匡列者全班停課5天 確診全校停14天</t>
    <phoneticPr fontId="1" type="noConversion"/>
  </si>
  <si>
    <t>北市 宣佈 delta 停課 標準 匡列者 全班 停課 5 天 確診 全校 停 14 天</t>
    <phoneticPr fontId="1" type="noConversion"/>
  </si>
  <si>
    <t>新北 幼稚園 群 聚 案 基因 定 序 確定 是 delta 北市 副 市長 蔡炳坤 8 日 表示 關於 北市 校園 delta 病毒 停課 指引 如 校園 有 師生 出現 delta 病毒 的 確診 個案 原則 上 將 進行 全校 停課 14 天 並 進行 全校 消毒 若 有 確診 病例 的 接觸 者 出現 該</t>
    <phoneticPr fontId="1" type="noConversion"/>
  </si>
  <si>
    <t>新北 幼稚園 群 聚 案 基因 定 序 確定 是 delta 北市 副 市長 蔡炳坤 8 日 表示 關於 北市 校園 delta 病毒 停課 指引 如 校園 有 師生 出現 delta 病毒 的 確診 個案 原則 上 將 進行 全校 停課 14 天 並 進行 全校 消毒 若 有 確診 病例 的 接觸 者 出現 該 班級 會 啟動 1 至 5 天 的 預防 性 停課 幼稚園 則 是 全園 啟動 1 至 5 天 預防 性 停課 且 採用 遠 距 線 上 學習 臺北市 長 柯文哲 表示 因 新北 幼稚園 案 北市 已 有 7 所 學校 預防 性 居隔 247 人 停課 643 人 其中 包括 4 所 幼稚園 3 所 國小 另外 還有 2 名 跟 新北 幼稚園 有關 的 家長 分別 在 士 林 內 湖 區 的 職 場 上班 北市 要 做 疫 調 隔離 匡列 目前 已 匡列 居隔 12 人 並 做 場 域 消毒 蔡炳坤 說 如 校園 有 師生 出現 delta 個案 原則 上 將 進行 全校 停課 14 天 但 也 須 依據 防疫 醫生 會議 作 最後 決定 蔡炳坤 說 學校 要 落實 防疫作為 要 做 校 安 通報 教育局 衛生局 等 督促 清 消 班上 若 有 確診 的 師生 啟動 14 天 居家 隔離 因 新北 幼稚園 影響 北市 目前 有 4 個 幼稚園 3 所 小學 預防 性 停課 經 衛生局 疫 調 會 對 病例 接觸 者 開出 居 隔 通知書 蔡炳坤 說 學校 若 有 居 隔 個案 或 感染 源 不 明 的 高風險 傳染 者 經 教育局 同意 班級 啟動 1 至 5 天 預防 性 停課 幼稚園 則 是 全園 1 至 5 天 預防 性 停課 停課 期間 采 線 上 教學 教育局 會 視 疫情 變化 需要 啟動 停課 預防 性 居隔 的 delta 第二 圈 接觸 者 若 5 天 後 采 檢 陰性 則 解隔</t>
    <phoneticPr fontId="1" type="noConversion"/>
  </si>
  <si>
    <t>衛生所 加入 賣 口罩 南市 兒童 口罩 銷量 差</t>
    <phoneticPr fontId="1" type="noConversion"/>
  </si>
  <si>
    <t>口罩 衛生所 民眾 兒童 肺炎</t>
    <phoneticPr fontId="1" type="noConversion"/>
  </si>
  <si>
    <t>口罩 數量 大增 為何 排隊 隊伍 變更 長 網 揭 原因 超現實</t>
    <phoneticPr fontId="1" type="noConversion"/>
  </si>
  <si>
    <t>口罩 排隊 隊伍 數量 實 名 制 3 0</t>
    <phoneticPr fontId="1" type="noConversion"/>
  </si>
  <si>
    <t>李明依 訴 長者 打 疫苗 多 人 猝死 歎 難道 只 剩 數字 網 炮轟</t>
    <phoneticPr fontId="1" type="noConversion"/>
  </si>
  <si>
    <t>台人 紛紛 出國 打 疫苗 醫 曝 恐怖 致命 點 感染 風險 更 高</t>
    <phoneticPr fontId="1" type="noConversion"/>
  </si>
  <si>
    <t>臺灣 疫情 嚴峻 不少 民眾 為此 赴美國 施打 疫苗 新加坡 防疫 醫師 林韋地 認為 無論 去 哪裡 打 疫苗 坐 飛機 本身 就 是 一個 超 高風險 的 行為 因為 你 不可能 知道 機上 哪個 乘客 是 變種 病毒 帶 原者 呼籲 儘量 留在 家裡 等待 能 施打 疫苗 的</t>
    <phoneticPr fontId="1" type="noConversion"/>
  </si>
  <si>
    <t>佛 系 防疫 拖累 瑞典 上半年 死亡數 創 150 年 新高</t>
    <phoneticPr fontId="1" type="noConversion"/>
  </si>
  <si>
    <t>疫情 趨 緩 北市 10 1 起 開放 長 照 機構 探視</t>
    <phoneticPr fontId="1" type="noConversion"/>
  </si>
  <si>
    <t>日前 因 新北 幼稚園 為 delta 感染 臺北市 9 月 8 日 起 緊急 取消 長 照 機構 探視 近日 疫情 趨 緩 對於 何時 恢復 訪 客 探視 北市 衛生局 今 表示 中央 有 公文 提到 北 北 基 桃 從 10 月 1 日 開始 可 開放 訪 客 探視 衛生局 專 委 歐佳齡 表示 中央</t>
    <phoneticPr fontId="1" type="noConversion"/>
  </si>
  <si>
    <t>探視 北市 開放 訪 客 公文</t>
    <phoneticPr fontId="1" type="noConversion"/>
  </si>
  <si>
    <t>柯 p 談 開放 疫苗 嗆 搞 我 就 慢 兩 天 打 陳時中 回 應 了</t>
    <phoneticPr fontId="1" type="noConversion"/>
  </si>
  <si>
    <t>實 聯 制 將 執行 到 明年 中 陳時中 降級 初期 要 先 挺 住</t>
    <phoneticPr fontId="1" type="noConversion"/>
  </si>
  <si>
    <t>歐美 疫情 不退 13 檔 防疫 概念 股 交投 熱</t>
    <phoneticPr fontId="1" type="noConversion"/>
  </si>
  <si>
    <t>美國 新增 確診 人數 再創 高 已 超過 96萬 人 全球 累計 確診 超 296萬 人 全球 防疫 需求 大增 口罩 不織布 清潔用品 監測 體溫 的 額 溫槍 耳 溫槍 快 篩 試劑 等 需求 大幅 增加 包括 台康生 技 6589 康那香 9919 等 13 檔 防疫</t>
    <phoneticPr fontId="1" type="noConversion"/>
  </si>
  <si>
    <t>防疫 概念 股 口罩 醫療 用 美國 企業</t>
    <phoneticPr fontId="1" type="noConversion"/>
  </si>
  <si>
    <t>盤後 解析 權王 穩 盤勢 拿 月 線 還 得 加把勁</t>
    <phoneticPr fontId="1" type="noConversion"/>
  </si>
  <si>
    <t>台積電 大 立 光 鴻 海 聯發 科 面板 雙虎</t>
    <phoneticPr fontId="1" type="noConversion"/>
  </si>
  <si>
    <t>南韓 明起 限制 口罩 幹 洗手 出口 大 邱 現 搶購 人龍</t>
    <phoneticPr fontId="1" type="noConversion"/>
  </si>
  <si>
    <t>《商情》料產量增 週二馬來西亞棕櫚油走低</t>
    <phoneticPr fontId="1" type="noConversion"/>
  </si>
  <si>
    <t>商情 料 產量 增 週二 馬來西亞 棕櫚油 走 低</t>
    <phoneticPr fontId="1" type="noConversion"/>
  </si>
  <si>
    <t>中醫大 抗冠 研究成果 刊登 國際 學術期刊 受 關注</t>
    <phoneticPr fontId="1" type="noConversion"/>
  </si>
  <si>
    <t>非必要 不要 前往 旅遊 警示 升至 3 級 27 日 起 自 韓 返台 須 居家 檢疫</t>
    <phoneticPr fontId="1" type="noConversion"/>
  </si>
  <si>
    <t>瞄準 富商 藝人 日 業者 推 疫苗 團 觀光 或 留學 隨 選</t>
    <phoneticPr fontId="1" type="noConversion"/>
  </si>
  <si>
    <t>接種 留學 觀光 打 疫苗 藝人</t>
    <phoneticPr fontId="1" type="noConversion"/>
  </si>
  <si>
    <t>新光 醫院 倡 健 檢 別 因 疫情 耽誤 病情</t>
    <phoneticPr fontId="1" type="noConversion"/>
  </si>
  <si>
    <t>2021 臺灣 醫療 科技展 2 日 開幕 新光 醫院 今年 以 卓越 體驗 永續 新光 主題 推出 6 大 展區 特別 規 畫 健康 達人 講座 新光 醫院 副 院長 洪子仁 帶頭 開講 面對 omicron 的 威脅 呼籲 大眾 給 醫 界 時間 不要 太 害怕 也 提醒 民眾 別</t>
    <phoneticPr fontId="1" type="noConversion"/>
  </si>
  <si>
    <t>健檢 病情 洪子仁 新光 疫情</t>
    <phoneticPr fontId="1" type="noConversion"/>
  </si>
  <si>
    <t>員榮 醫療 體系 員 榮 醫院 推動 國際 醫療 不 遺 餘 力 自 2016 年 開始 跨 海 到 蒙古 義診 但 礙於 疫情 關係 2020 年 開始 停 擺 今年 員榮 醫院 改用 視 訊 設備 透過 最 先進 的 5 g 智慧 眼鏡 遠 距 傳遞 臨床 照 護 經驗 並 持續 為 當地 民眾 診療 及 醫師 教</t>
    <phoneticPr fontId="1" type="noConversion"/>
  </si>
  <si>
    <t>疫情轉嚴峻 西雅圖宣佈緊急狀態</t>
    <phoneticPr fontId="1" type="noConversion"/>
  </si>
  <si>
    <t>疫情 轉 嚴峻 西雅圖 宣佈 緊急狀態</t>
    <phoneticPr fontId="1" type="noConversion"/>
  </si>
  <si>
    <t>降級 首日 重症 醫 直擊 民眾 1 行為 歎 風雲 恐 再起</t>
    <phoneticPr fontId="1" type="noConversion"/>
  </si>
  <si>
    <t>今日 是 全國 疫情 警戒 降 二級 第一 天 胸腔 暨 重症 醫師 黃軒 指出 一早 看到 不少 人 過 馬路 或 等 紅綠燈 時 都 拉下 口罩 叼 著 煙 令 他 直 搖頭 才 降級 鬆動 的 行為 就 馬上 出現 了 提醒 民眾 仍要 戴 好 口罩 徹底 洗手 及 保持 安全 距離 不</t>
    <phoneticPr fontId="1" type="noConversion"/>
  </si>
  <si>
    <t>從 日本 等 地區 進京 需 隔離 14 天</t>
    <phoneticPr fontId="1" type="noConversion"/>
  </si>
  <si>
    <t>中國 嚴防 肺炎 北京 輸入</t>
    <phoneticPr fontId="1" type="noConversion"/>
  </si>
  <si>
    <t>驚 悚 紐約市 死亡 過多 無人 島 改 建 千 人 塚 畫面 曝光</t>
    <phoneticPr fontId="1" type="noConversion"/>
  </si>
  <si>
    <t>東馬 取消 只 留 職業 跑 者 參賽 資格 明年 仍 可用 但要 再 付 報名 費</t>
    <phoneticPr fontId="1" type="noConversion"/>
  </si>
  <si>
    <t>86 歲 脫線 罹 肺炎 康復 出院 感人 po 文 謝 老伴</t>
    <phoneticPr fontId="1" type="noConversion"/>
  </si>
  <si>
    <t>北京 下 調防 控 等級 五一 假期 機票 秒 殺</t>
    <phoneticPr fontId="1" type="noConversion"/>
  </si>
  <si>
    <t>今天 29 日 下午 北京市 宣 佈 公共 衛生 應急 回應 級別 下調 至 二級 這 意味著 大陸 國內 低 風險 地區 進京 出差 返京 人員 不再 要求 居家 隔離 14 天 北京 五一 出行 的 需求 應聲 上漲 據 去 哪兒 網 平臺 資料 顯示 消息 發 佈 的 半</t>
    <phoneticPr fontId="1" type="noConversion"/>
  </si>
  <si>
    <t>今天 29 日 下午 北京市 宣 佈 公共 衛生 應急 回應 級別 下調 至 二級 這 意味著 大陸 國內 低 風險 地區 進京 出差 返京 人員 不再 要求 居家 隔離 14 天 北京 五一 出行 的 需求 應聲 上漲 據 去 哪兒 網 平臺 資料 顯示 消息 發 佈 的 半 小時 內 去 哪兒 網 機票 搜索 量 迅速 攀升 北京 出發 機票 預訂量 較 上 一時 段 暴漲 15 倍 度假 酒店 等 其他 旅遊 產品 搜索 量 也 上漲 3 倍 據 去 哪兒 網 資料 顯示 截至 目前 北京 至 成都 重慶 上海 杭州 長沙 成為 預訂量 最 多 的 5 個 航線 深圳 昆明 廣州 西安 廈門 三亞 也 成為 預訂量 大 漲 的 熱門 目的地 去 哪兒 網 旅遊 專家 表示 目前 北京 出港 航班 還有 大量 1 折 左右 特價機票 但 未來 價格 將 可能 出現 大幅 上升 有 五一 出行 計 畫 的 遊客 需 儘快 購 票 此前 京津 冀 地區 健康 狀態 互 認 之後 北京 五一 期間 至 京津 冀 地區 的 高鐵 車票 預定 應聲 上漲 多 條 高 鐵 線路 車票 快速售 罄</t>
    <phoneticPr fontId="1" type="noConversion"/>
  </si>
  <si>
    <t>謠傳有確診病例害診所遭霸淩 被迫停業14天！ 衛生局痛批：獵巫</t>
    <phoneticPr fontId="1" type="noConversion"/>
  </si>
  <si>
    <t>謠傳 有 確診 病例 害 診所 遭 霸 淩 被迫 停業 14 天 衛生局 痛 批 獵 巫</t>
    <phoneticPr fontId="1" type="noConversion"/>
  </si>
  <si>
    <t>富 市 台中 新 好 生活 盧秀燕 展現 持續 建設 台中 決心</t>
    <phoneticPr fontId="1" type="noConversion"/>
  </si>
  <si>
    <t>台中 市長 盧秀燕 5 日 在 市 議會 進行 施政 總 報告 逐步 完善 各項 重大 建設 要 給 市民 更 好 的 生活 盧秀燕 說 市府 積極 推動 各項政策 包括 市民 期盼 已久 的 水 湳 國際會展中心 台中 綠 美 圖 捷 運 綠 線 將 於 今年底 通車 營運 等 今</t>
    <phoneticPr fontId="1" type="noConversion"/>
  </si>
  <si>
    <t>富 市 台中 新 好 生活 8 大 核心 價值 12 大 發展 策略 台中</t>
    <phoneticPr fontId="1" type="noConversion"/>
  </si>
  <si>
    <t>1 分鐘 看 世界 全球 死亡 破 十萬 who 駁 台 警告 未 提 人 傳人</t>
    <phoneticPr fontId="1" type="noConversion"/>
  </si>
  <si>
    <t>川普 將 成立 經濟 工作組 來 重 啟 美國 經濟</t>
    <phoneticPr fontId="1" type="noConversion"/>
  </si>
  <si>
    <t>外出 不 肯 戴 口罩 村民 遭 反 綁 教訓 你 不 活 百姓 還 想 活</t>
    <phoneticPr fontId="1" type="noConversion"/>
  </si>
  <si>
    <t>黃秋生 見 臺灣 疫情 大 爆炸 列 4 大點 信心 喊話 一月 內 必可 控</t>
    <phoneticPr fontId="1" type="noConversion"/>
  </si>
  <si>
    <t>興 櫃 股 八 貫 3 大 動能 加 持 明年 業績 續 攀</t>
    <phoneticPr fontId="1" type="noConversion"/>
  </si>
  <si>
    <t>股價指數 期貨 贏 家 專欄 歐 疫情 升溫 生 技 醫療 錢景俏</t>
    <phoneticPr fontId="1" type="noConversion"/>
  </si>
  <si>
    <t>肺炎 臺灣 生 技 歐洲 疫情</t>
    <phoneticPr fontId="1" type="noConversion"/>
  </si>
  <si>
    <t>她 開箱 美國政府 救濟金 支票 驚見 這 金額</t>
    <phoneticPr fontId="1" type="noConversion"/>
  </si>
  <si>
    <t>二級 警戒 延長 至 10 月 2 大 行業 哭 了 完整 指引 曝光</t>
    <phoneticPr fontId="1" type="noConversion"/>
  </si>
  <si>
    <t>二級 警戒 八大 行業 酒店 小姐 二級 警戒 指引 疫苗</t>
    <phoneticPr fontId="1" type="noConversion"/>
  </si>
  <si>
    <t>疫情 衝擊 觀光業 中 市府 力 挺 勞資 困境</t>
    <phoneticPr fontId="1" type="noConversion"/>
  </si>
  <si>
    <t>紐 時 記者 來 台 專訪 長文 介紹 中職 開 打</t>
    <phoneticPr fontId="1" type="noConversion"/>
  </si>
  <si>
    <t>中職 領先 全球 開 打 吸引 國內外 媒體 爭相 報導 2 日 美國 權威 報紙 紐約時報 特別 派 記者 至 桃園 球場 採訪 當日 正好 是 樂天桃 猿 隊 史千勝 今日 以 長 篇幅 刊登 中職 以 無 觀眾 方式 在 疫情 期間 順利 開 打 也 提到 中職 近期 將 開放 觀眾</t>
    <phoneticPr fontId="1" type="noConversion"/>
  </si>
  <si>
    <t>百事 北京 大興 磁 魏 路廠 8 名 員工 確診 已 停工 停產</t>
    <phoneticPr fontId="1" type="noConversion"/>
  </si>
  <si>
    <t>北市公佈2確診者足跡 曾搭捷運到小巨蛋、西門及江子翠</t>
    <phoneticPr fontId="1" type="noConversion"/>
  </si>
  <si>
    <t>北市 公佈 2 確診 者 足跡 曾 搭 捷 運到 小 巨蛋 西門 及 江子翠</t>
    <phoneticPr fontId="1" type="noConversion"/>
  </si>
  <si>
    <t>臺北市 今 公佈 2 例 確診 者 足跡 案 16078 案 16095 皆 為 新北 市 個案 28 日 確診 而 案 16078 感染 源 為 家戶 感染 案 16095 感染 源 尚 待 厘 清 個案 曾 搭乘 的 捷 運 已 完成 清 消 北市 衛生局 指出 案 16078 案 16095 曾 在 25 日 中午 12 點 搭乘</t>
    <phoneticPr fontId="1" type="noConversion"/>
  </si>
  <si>
    <t>臺北市 今 公佈 2 例 確診 者 足跡 案 16078 案 16095 皆 為 新北 市 個案 28 日 確診 而 案 16078 感染 源 為 家戶 感染 案 16095 感染 源 尚 待 厘 清 個案 曾 搭乘 的 捷 運 已 完成 清 消 北市 衛生局 指出 案 16078 案 16095 曾 在 25 日 中午 12 點 搭乘 捷 運 從 板橋 站 到 臺北 小 巨蛋 站 並 在 下午 1 點 22 分 從 捷 運 臺北 小 巨蛋 站 搭 到 府 中站 另外 26 日 兩 人 曾在 下午 2 點 搭乘 捷 運 從江 子 翠 到 西門 站 並 在 下午 4 點 搭乘 捷 運 從 西門 站 返回 江子翠 站</t>
    <phoneticPr fontId="1" type="noConversion"/>
  </si>
  <si>
    <t>爆 料 稱 iphone 12 pro 支援 120 hz 更新 率 與 3 倍 光學 變 焦</t>
    <phoneticPr fontId="1" type="noConversion"/>
  </si>
  <si>
    <t>iphone 12 pro 爆 料 everythingappplepro 120 hz 螢 幕 更新 率</t>
    <phoneticPr fontId="1" type="noConversion"/>
  </si>
  <si>
    <t>為何 要 政風 處 撤 查? 陳時中 曝 病 患 一 句 話 是 關鍵 主因</t>
    <phoneticPr fontId="1" type="noConversion"/>
  </si>
  <si>
    <t>歐洲 前所未見 的 擴散 速度 丹麥 病例 2 天 暴 增 10 倍</t>
    <phoneticPr fontId="1" type="noConversion"/>
  </si>
  <si>
    <t>揭 日本 防疫 漏洞 反 害 友人 遭 公審 歐陽靖 相當 抱歉</t>
    <phoneticPr fontId="1" type="noConversion"/>
  </si>
  <si>
    <t>日出現第1家撐不過疫情宣佈破產的旅館</t>
    <phoneticPr fontId="1" type="noConversion"/>
  </si>
  <si>
    <t>日 出現 第 1 家 撐 不 過 疫情 宣佈 破產 的 旅館</t>
    <phoneticPr fontId="1" type="noConversion"/>
  </si>
  <si>
    <t>用 疫情 和 臺灣人 開玩笑 夏春湧 辣 嗆 陳時中 真有種</t>
    <phoneticPr fontId="1" type="noConversion"/>
  </si>
  <si>
    <t>國內 近日 頻 出現 外籍人士 返國 後 確診 包括 日本 女 留學生 泰籍移 工 比利時 工程師 等 人 這些 案例 在 臺灣 及 國外 采 檢 結果 兩 樣 情 引起 民眾 疑慮 但 中央 流行 疫情 指揮官 陳時中 仍 認為 臺灣 不用 普 篩 對此 名 經紀人 夏春湧 忍 不</t>
    <phoneticPr fontId="1" type="noConversion"/>
  </si>
  <si>
    <t>疫情幹擾 台灣高鐵Q1營收6年新低</t>
    <phoneticPr fontId="1" type="noConversion"/>
  </si>
  <si>
    <t>疫情 干擾 臺灣 高鐵 q 1 營 收 6 年 新低</t>
    <phoneticPr fontId="1" type="noConversion"/>
  </si>
  <si>
    <t>盤 面上 美國 肺炎 內需 抗跌</t>
    <phoneticPr fontId="1" type="noConversion"/>
  </si>
  <si>
    <t>大考 中心 12 日 證實 大學 指定 科目 考試 指 考 確定 延期 至 7 月 3 日 5 日 舉行 這 是 史上 頭一回 大學 指 考因 疫情 延期 另 陸配 子女 有 條件 返台 引發 國人 反彈 衛福 部長 陳時中 12 日 宣佈 考量 防疫 周全 與 社會 觀感 政策 將 轉彎</t>
    <phoneticPr fontId="1" type="noConversion"/>
  </si>
  <si>
    <t>陳時中 延期 社會 觀感 居家 陸 配子 女</t>
    <phoneticPr fontId="1" type="noConversion"/>
  </si>
  <si>
    <t>女星 想 訂 大 飯店 外 送 餐 被 富 尪 一 句 話 點 醒 秒 取消 真心 敬佩 你</t>
    <phoneticPr fontId="1" type="noConversion"/>
  </si>
  <si>
    <t>臺灣 疫情 仍 嚴峻 全台 三級 警戒 目前 延長 至 6 28 當局 也 積極 呼籲 民眾 端午 別 返鄉 平時 非必要 不要 外出 餐飲業 也 全面 停止 內 用 改 外帶 外 送 或 宅 配 女星 陸明君 就 在 網路上 看到 許多 知名 大 飯店 甚至 星級 餐廳 推出 冷凍 餐 點</t>
    <phoneticPr fontId="1" type="noConversion"/>
  </si>
  <si>
    <t>降級 不解 封 農委會 批發市場 仍 依 防疫 指引 處理</t>
    <phoneticPr fontId="1" type="noConversion"/>
  </si>
  <si>
    <t>降級 不解 封 農委會 批發市場 場 域 垂釣</t>
    <phoneticPr fontId="1" type="noConversion"/>
  </si>
  <si>
    <t>國內 累計 9 人 出院 未來 采 檢 3 陰 才能 解除 隔離</t>
    <phoneticPr fontId="1" type="noConversion"/>
  </si>
  <si>
    <t>排水溝 環境 消毒 公園 水位</t>
    <phoneticPr fontId="1" type="noConversion"/>
  </si>
  <si>
    <t>國軍 桃園 總 醫院 804 醫院 看護 全院 采 檢 病 患</t>
    <phoneticPr fontId="1" type="noConversion"/>
  </si>
  <si>
    <t>首 廟 天壇 法會 黃偉哲 帶頭 祈福</t>
    <phoneticPr fontId="1" type="noConversion"/>
  </si>
  <si>
    <t>肺炎 比 中央 祈福 天壇 台南</t>
    <phoneticPr fontId="1" type="noConversion"/>
  </si>
  <si>
    <t>陸港 觀盤 政策 趨向 利多 a 股 中資股</t>
    <phoneticPr fontId="1" type="noConversion"/>
  </si>
  <si>
    <t>溫和 美國 中國 美 股 肺炎</t>
    <phoneticPr fontId="1" type="noConversion"/>
  </si>
  <si>
    <t>國產 疫苗 沒 三期 試驗 就 下單 柯文哲 沒 辦法 支持 中央 很多 說法</t>
    <phoneticPr fontId="1" type="noConversion"/>
  </si>
  <si>
    <t>臺灣 本土 疫情 嚴峻 中央 有意 採購 二期 臨床 試驗 尚未 解 盲 的 國產 疫苗 引發 外界 疑慮 臺北市 長 柯文哲 說 他 支持 臺灣 疫苗 與 本土 生 技 產業 但 感染 已 滲透 整個 北市 人流 管制 撐 不了 多久 建議 購買 國際 認證 疫苗 擋 一下 比較 好</t>
    <phoneticPr fontId="1" type="noConversion"/>
  </si>
  <si>
    <t>疫情 衝擊 洋 桔梗 價格 重 挫 每 把 剩 20 多 元</t>
    <phoneticPr fontId="1" type="noConversion"/>
  </si>
  <si>
    <t>洋 桔梗 重 挫 林惠振 價格 新港鄉</t>
    <phoneticPr fontId="1" type="noConversion"/>
  </si>
  <si>
    <t>惠普 全錄 hp 放棄 並購</t>
    <phoneticPr fontId="1" type="noConversion"/>
  </si>
  <si>
    <t>尪 解 隔離 後 二 度 確診 她 爆 防疫 漏洞 崩潰 為 何不 檢查 就 放 出來</t>
    <phoneticPr fontId="1" type="noConversion"/>
  </si>
  <si>
    <t>到底 有 誰 可以 幫助 我們 這種 小市民 一 名 女子 表示 日前 老公 有 一點 咳嗽 本 以為 是 小 感冒 但 隔日 起床 出現 發燒 症狀 趕緊 到 醫院 做 快 篩 及 pcr 檢驗 結果 都 是 陽性 確診 入住 集中 檢疫所 解 隔離 返家 前 又 再次 做 采 檢 沒</t>
    <phoneticPr fontId="1" type="noConversion"/>
  </si>
  <si>
    <t>基因 定 序 出爐 確定 delta 新北 餐飲 將 取消 內 用</t>
    <phoneticPr fontId="1" type="noConversion"/>
  </si>
  <si>
    <t>板橋 確診 個案 基因 定 序 為 delta 新北 市 某 日照 中心 今 緊急通知 所有 學員 家屬 有 訊息 指出 新北 市長 侯友宜 指示 板橋 區 有 確診 個案 的 基因 定 序 結果 是 delta 因應 疫情 升溫 決議 板橋 日照 服務 暫停 14 天 要求 學員 儘量 不</t>
    <phoneticPr fontId="1" type="noConversion"/>
  </si>
  <si>
    <t>板橋 確診 個案 基因 定 序 為 delta 新北 市 某 日照 中心 今 緊急通知 所有 學員 家屬 有 訊息 指出 新北 市長 侯友宜 指示 板橋 區 有 確診 個案 的 基因 定 序 結果 是 delta 因應 疫情 升溫 決議 板橋 日照 服務 暫停 14 天 要求 學員 儘量 不 要 外出 由於 當初 侯友宜 曾 指示 新北 只要 有 一 例 delta 餐飲 內 用 就 取消 新北 市內 用 恐 於 今天 取消 另外 公有 場館 包括 運動 中心 藝 文 場館 等 都將 同步 宣佈 關閉 新北市衛生局 表示 無法 證實 內容 由於 侯友宜 今日 下午 前往 該 社區 視察 清 空 情形 相關 資訊 由 市長 統一 說明</t>
    <phoneticPr fontId="1" type="noConversion"/>
  </si>
  <si>
    <t>打 疫苗 有 多 痛 哈 孝遠 空姐 妻 驚呼 像 剖腹產 傷口</t>
    <phoneticPr fontId="1" type="noConversion"/>
  </si>
  <si>
    <t>本世紀 最 大 經濟 挑戰 來 了</t>
    <phoneticPr fontId="1" type="noConversion"/>
  </si>
  <si>
    <t>降息 肺炎 中國 大陸 全球 經濟 產業</t>
    <phoneticPr fontId="1" type="noConversion"/>
  </si>
  <si>
    <t>衛福部 公開 招募 疫苗 受試者 藍 委 批 帶頭 遊 走 法律 邊緣</t>
    <phoneticPr fontId="1" type="noConversion"/>
  </si>
  <si>
    <t>台大 碩士 曝 唐鳳 不為人知 的 一面 3 件 事 令 人 震撼</t>
    <phoneticPr fontId="1" type="noConversion"/>
  </si>
  <si>
    <t>政務委員 唐 鳳 榮登 疫情 期間 好評 影響力 排行 第一 名 勝過 衛福 部長 陳時中 在 此次 臺灣 防疫 中 扮演 舉足輕重 角色 曾 與 唐 同台 直播 的 台大 碩士 楊涵婷 表示 其 有別 傳統 政治 人物 的 謙沖 自 牧 誠懇 細膩 當時 便 震撼 了 自己 而 造</t>
    <phoneticPr fontId="1" type="noConversion"/>
  </si>
  <si>
    <t>政務委員 唐 鳳 榮登 疫情 期間 好評 影響力 排行 第一 名 勝過 衛福 部長 陳時中 在 此次 臺灣 防疫 中 扮演 舉足輕重 角色 曾 與 唐 同台 直播 的 台大 碩士 楊涵婷 表示 其 有別 傳統 政治 人物 的 謙沖 自 牧 誠懇 細膩 當時 便 震撼 了 自己 而 造就 了 天才 唐鳳 的 唐家尤 令 人 無比 震撼 楊 涵婷 甫 拿到 台大 國家 發展研究所 碩士 上月 中旬 即 受 國家 展望 文教 基金會 彭百顯 董事長 全彩 論壇 領銜人 學者 吳統雄 之 邀 與 唐鳳 就 言論自由 資訊 流通 反假 訊息 媒體 自律 與 社會 責任 議題 進行 直播 對談 楊也 以 個人 研究 社會 經濟學 和 經營 社 群 平臺 的 觀察 向唐 提出 相關 問題 楊 涵婷 回憶 這 場 活動 開始 前 團隊 光 行前 會議 就 開 了 兩 次 整整 從 下午 三 點 一路 談 到 晚上 九 點 彭百顯 與 吳統雄 除了 討論 活動 進程 更 針砭 時政 還 構思 出 促進 臺灣 與 周邊 政權 維持 穩定 和平 的 概念 我 永遠 不 會 忘記 楊 表示 這 足 見 團隊 對 與 唐鳳 對談 的 重視 也 令 他 懷著 緊張 忐忑 的 心情 實際 互動 楊涵婷 卻 被 唐鳳 的 談吐 態度 所 顛覆 楊 直言 唐 鳳政委 相當 有禮貌 我 在 訪談 中 由於 過度 緊張 忘記 用 敬稱 但他卻 從頭到尾 都用 您 來 稱呼 大家 楊 更 坦言 政委 出乎 政治 人物 常理 的 細心 解答 我們 的 疑問 在 我 某個 靈光 一 閃 的 提問 中 他 竟然 回 我 近 600 多 字 我 覺得 相當 感動 此外 楊涵婷 感歎 當 自己 面對 擁有 天才 it 大臣 世界 百大 天才 頭腦 種種 盛譽 頭銜 及 跨 性別 反 文憑 身份 的 唐鳳 其實 內心 無比 震撼 而 這種 震撼 是 帶 著 欽佩 與 羡慕 的 想起 自己 小時候 曾 做 網頁 父母 卻 連 仔細 看 都 沒有 就 一味 誤會 指責 他 是 在 玩 電動 最終 甚至 沒收 了 網路 資料機 若 不是 唐家 的 自由民主 可能 世上 根本 不 會 有 天才 唐鳳 此 般 自由民主 的 家風 讓 生長 在 傳統 框架 的 孩子 望塵莫及 多少 自由 奔放 的 靈魂 早已 被 食古不化所 抹殺 在 防疫 讓 唐鳳 走上 神壇 的 同時 楊涵婷 盼 以 親身經歷 帶 大眾 以 不 一樣 的 視角 去 看 唐 鳳 也 以 與其 互動 的 心得 對 臺灣 長久 的 家庭 教育 價值觀 提出 省 思 我 外公 受 日本 教育 嚴謹 有 條 影響 頗深 連帶 我家 人 也 理所當然 認為 就 該是 這樣 但 看到 唐鳳 在 自由民主 的 家庭 仍 可 將 自己 打造 得 如此 優異 難道真 的 有 什麼 一定 是 對 的 嗎</t>
    <phoneticPr fontId="1" type="noConversion"/>
  </si>
  <si>
    <t>唐鳳 楊涵婷 臺灣 全球 大陸</t>
    <phoneticPr fontId="1" type="noConversion"/>
  </si>
  <si>
    <t>防疫 再 升級 東海 校園 本學期 謝絕 訪 客</t>
    <phoneticPr fontId="1" type="noConversion"/>
  </si>
  <si>
    <t>空頭 來 了 全球股市 四 天 蒸發 3 3 兆 美元</t>
    <phoneticPr fontId="1" type="noConversion"/>
  </si>
  <si>
    <t>斯洛伐克 總理 彼得·佩萊格裡尼 peter pellegrini 上週末 因為 上呼吸道感染 伴有 高燒 症狀 緊急 住院 斯洛伐克 2 月 29 日 即將 舉行 國會 選舉 佩萊格裡尼 這 幾 天 原本 安排 了 滿檔 的 競選 行程 包含 電視 辯論會 都 不得已 取消</t>
    <phoneticPr fontId="1" type="noConversion"/>
  </si>
  <si>
    <t>雙北 確診 個案 要 破百 了 外界 關心 是否 短 時間 內 要 封城 控制 陳時中 表示 每個 階段 要 實施 的 措施 要 多 強 不是 越 強 越 好 太強 就 撐 不 久 就 會 提早 潰 堤 怎樣 叫做 最 適當 要 考慮 很多 場合 的 情況 國外 實施 各種 情況 可以 參考</t>
    <phoneticPr fontId="1" type="noConversion"/>
  </si>
  <si>
    <t>場 演出 肆虐 肺炎 延期 場 演唱會</t>
    <phoneticPr fontId="1" type="noConversion"/>
  </si>
  <si>
    <t>因 颱風 延期 宜 蘭 民眾 施打 疫苗 撲空 抱怨 連連</t>
    <phoneticPr fontId="1" type="noConversion"/>
  </si>
  <si>
    <t>中台 煙花 行徑 詭異 且 龜 速 也 打亂 了 大家 的 許多 因應 準備 其中 也 包括 了 疫苗 施打 作業 今 23 日 上午 有 一些 宜蘭 縣民 陸陸續續 前往 溪北 溪 南 兩 個 疫苗 接種 中心 要 施打 疫苗 到 了 現場 才 得知 因為 颱風 因素 暫停 施打 兩 天 相當</t>
    <phoneticPr fontId="1" type="noConversion"/>
  </si>
  <si>
    <t>專家 沒 證據 顯示 戶外 要 強制 戴 口罩</t>
    <phoneticPr fontId="1" type="noConversion"/>
  </si>
  <si>
    <t>澳洲 墨爾本 封 城 2 周後 疫情 趨 緩 11 日 正式 解封 不過 仍 維持 室外 須戴 口罩 等 規定 專家 表示 沒有 證據 顯示 應該 強制 民眾 在 室外 也 戴 上 口罩 認為 風會 吹 散 病毒 只 有 近 距離 聊天 時才 要 戴 上 口罩 澳洲 維多利亞州 在 出現 源自 於</t>
    <phoneticPr fontId="1" type="noConversion"/>
  </si>
  <si>
    <t>陳時中 曝 代工 az 破 局 原因 林濁水 分析 臺灣 防疫 被 切 成 三 塊</t>
    <phoneticPr fontId="1" type="noConversion"/>
  </si>
  <si>
    <t>衛福 部長 陳時中 昨 10 日 在 立院 備詢 時 坦承 az 疫苗 原廠 曾 找 過 臺灣 代工 生產 疫苗 但因 有人 不 太 喜歡 這 樣子 且 az 希望 臺灣 至少 代工 3億 劑 我方 則 希望 代工 1億 劑 故 最終 破 局 前 立 委 林濁水 分析 現在 臺灣 防疫 被 切 成 3 個</t>
    <phoneticPr fontId="1" type="noConversion"/>
  </si>
  <si>
    <t>疫情 又 回溫 粵 港 澳 健康 碼 政策 恐 再 延宕</t>
    <phoneticPr fontId="1" type="noConversion"/>
  </si>
  <si>
    <t>日前 粵 港 澳 三 地 曾 打算 共同 推動 跨 境 健康 碼 來 讓 需要 再三 地 流動 的 商務人士 免 於 14 日 隔離 檢疫 香港食物及衛生局 日前 透露 已 大致 完成 但 今 早 又 傳出 變數 香港食物及衛生局 副 秘書長 陳偉基 表示 粵 港 澳 三 地 政府 共同 商</t>
    <phoneticPr fontId="1" type="noConversion"/>
  </si>
  <si>
    <t>日前 粵 港 澳 三 地 曾 打算 共同 推動 跨 境 健康 碼 來 讓 需要 再三 地 流動 的 商務人士 免 於 14 日 隔離 檢疫 香港食物及衛生局 日前 透露 已 大致 完成 但 今 早 又 傳出 變數 香港食物及衛生局 副 秘書長 陳偉基 表示 粵 港 澳 三 地 政府 共同 商討 的 政策 框架 已 草擬 完畢 但 目前 因 疫情 未 完全 受 控 粵 港 澳政府 處理 跨境 認證 要 非常 小心 陳偉基 還 提到 目前 還 沒到 完全 開放 的 時候 香港立法會 一個 小組 委員會 在 今 早 審議 的 幾 條 因應 防疫 而 推行 的 附屬 法 條 有 議員 關注 跨境 互 認 健康 碼 的 籌備 進度 陳偉基 回應 目前 粵 港 澳政府 要 非常 小心 謹慎 控制 人流 否則 疫情 防控 可能 會 出現 漏洞 他 強調 框架 雖 商量 好 但 還 未 到 完全 開放 的 時候 有 議員 提到 健康 碼 申請 收費 高昂 的 問題 稱 消息 指 1000 港元 以上 才能 進行 檢測 陳 表示 香港 的 核酸 檢測 化驗 費用 比 澳門 及 大陸 高昂 但 認為 當 市場需求 會 增加 競爭 也 會 加大 屆時 價錢 有 機會 下調 該 議員 又 要求 港 府 放寬 防疫 措施 食物及衛生局 副 局長 徐德義 回應 因應 本港 疫情 的 發展 過去 推行 的 防疫 措施 目前 正 逐步 放寬</t>
    <phoneticPr fontId="1" type="noConversion"/>
  </si>
  <si>
    <t>風光 不再 mwc 出 疫 外</t>
    <phoneticPr fontId="1" type="noConversion"/>
  </si>
  <si>
    <t>非蘋 陣營 重要 肺炎 風光 現階段</t>
    <phoneticPr fontId="1" type="noConversion"/>
  </si>
  <si>
    <t>無 症狀 檢疫 期滿 接觸 者 入境 來 台</t>
    <phoneticPr fontId="1" type="noConversion"/>
  </si>
  <si>
    <t>開 第一 槍 長 照 機構 禁止 探視</t>
    <phoneticPr fontId="1" type="noConversion"/>
  </si>
  <si>
    <t>視 訊 探視 機構 住宿 式 長 照 肺炎</t>
    <phoneticPr fontId="1" type="noConversion"/>
  </si>
  <si>
    <t>尖點 臺灣 產能 全開 支援 大陸</t>
    <phoneticPr fontId="1" type="noConversion"/>
  </si>
  <si>
    <t>大陸 肺炎 規模 疫情 尖點</t>
    <phoneticPr fontId="1" type="noConversion"/>
  </si>
  <si>
    <t>武漢 在 院 患者 歸零 綏芬河 嚴峻</t>
    <phoneticPr fontId="1" type="noConversion"/>
  </si>
  <si>
    <t>日 發佈 肺炎 多 地 市民 歸零</t>
    <phoneticPr fontId="1" type="noConversion"/>
  </si>
  <si>
    <t>醫療 人員 便當 曝光 慘 輸 台商 隔離 所 她 歎 根本 吃不飽</t>
    <phoneticPr fontId="1" type="noConversion"/>
  </si>
  <si>
    <t>美國 疫情 複 燃 疫苗 接種 率 低 的 地區 病例 激增</t>
    <phoneticPr fontId="1" type="noConversion"/>
  </si>
  <si>
    <t>地區 美國 疫苗 接種 率 瓦倫斯基 確診</t>
    <phoneticPr fontId="1" type="noConversion"/>
  </si>
  <si>
    <t>乘客 少 8 成 新北 藍色 公路 業者 苦 撐</t>
    <phoneticPr fontId="1" type="noConversion"/>
  </si>
  <si>
    <t>新北 市交通局 航運 日 航 申請 協助</t>
    <phoneticPr fontId="1" type="noConversion"/>
  </si>
  <si>
    <t>7 月 棄 打 莫德納 張亞中 今 現身 接種 bnt 親 曝 原因</t>
    <phoneticPr fontId="1" type="noConversion"/>
  </si>
  <si>
    <t>bnt 張亞中 國民黨 黨主席 選戰 莫德納</t>
    <phoneticPr fontId="1" type="noConversion"/>
  </si>
  <si>
    <t>何晶 封城 延長 6 月 1 日 珍珠 奶茶</t>
    <phoneticPr fontId="1" type="noConversion"/>
  </si>
  <si>
    <t>成大 組 創新 聯盟 邁向 工業 4 0</t>
    <phoneticPr fontId="1" type="noConversion"/>
  </si>
  <si>
    <t>國立 成功 大學 結合 產 官 學界 10 日 宣佈 在 沙侖 智慧 產業 創新 園區 組成 創新 聯盟 受 邀 與會 的 行政院 副 院長 陳其邁 羡慕 沙侖 智慧 產業 園區 有成 大 提供 頂尖 研發 能量 是 發展 大 南方 計 畫 的 核心 未來 將 帶領 臺灣 邁向 工業 4 0 時</t>
    <phoneticPr fontId="1" type="noConversion"/>
  </si>
  <si>
    <t>智慧 產業 聯盟 大 南方 計畫 陳其邁</t>
    <phoneticPr fontId="1" type="noConversion"/>
  </si>
  <si>
    <t>日本 單日 確診 首度 破 2萬 醫師 協會 呼籲 快 這麼 做</t>
    <phoneticPr fontId="1" type="noConversion"/>
  </si>
  <si>
    <t>酒店 女 確診 如何 找 接觸 史?老 司機 曝 食物鏈 知 端倪</t>
    <phoneticPr fontId="1" type="noConversion"/>
  </si>
  <si>
    <t>確診 女 公關 北市 酒店 症狀</t>
    <phoneticPr fontId="1" type="noConversion"/>
  </si>
  <si>
    <t>英國106歲嬤2度戰勝新冠肺炎 曝長壽秘訣：全脂牛奶＋威士卡</t>
    <phoneticPr fontId="1" type="noConversion"/>
  </si>
  <si>
    <t>新聞 早班車 回國 14 天內 發燒 就要 采 驗</t>
    <phoneticPr fontId="1" type="noConversion"/>
  </si>
  <si>
    <t>新聞 早班車</t>
    <phoneticPr fontId="1" type="noConversion"/>
  </si>
  <si>
    <t>防疫 最 該 吃 什麼 專家 黏膜 是 第一 道 防線</t>
    <phoneticPr fontId="1" type="noConversion"/>
  </si>
  <si>
    <t>本土 又 破百 例 新增 104 確診 24 人 死亡</t>
    <phoneticPr fontId="1" type="noConversion"/>
  </si>
  <si>
    <t>都 是 作戲 憂 傷害 美 陸 關係 傳 川普 不 願 制裁 林鄭 等 高官</t>
    <phoneticPr fontId="1" type="noConversion"/>
  </si>
  <si>
    <t>制裁 川普 實施 陸官 實施 制裁</t>
    <phoneticPr fontId="1" type="noConversion"/>
  </si>
  <si>
    <t>生肖 疫苗 孤兒 意願 登記 az 莫德納</t>
    <phoneticPr fontId="1" type="noConversion"/>
  </si>
  <si>
    <t>抗體 美國 肺炎 印度 檢測</t>
    <phoneticPr fontId="1" type="noConversion"/>
  </si>
  <si>
    <t>女星 飛 韓批 貨 返台 想 按摩 遭 嗆 沒 隔離 別 來 害人 夫 氣炸 是 在 哈 囉</t>
    <phoneticPr fontId="1" type="noConversion"/>
  </si>
  <si>
    <t>錦 鯉 女王 po 文解 疫苗 採購 難題 2 2萬 人 狂 贊 網友 戰 翻</t>
    <phoneticPr fontId="1" type="noConversion"/>
  </si>
  <si>
    <t>東奧 會徽 與 病毒 結合 組委會 抗議 侵權</t>
    <phoneticPr fontId="1" type="noConversion"/>
  </si>
  <si>
    <t>為 員警 健康 把關 生 技 公司 贈 南市 警 4680 瓶 幹 洗手 液</t>
    <phoneticPr fontId="1" type="noConversion"/>
  </si>
  <si>
    <t>防疫 公司 洗手 液 幹 洗手 肺炎</t>
    <phoneticPr fontId="1" type="noConversion"/>
  </si>
  <si>
    <t>北市 推行 疫苗 護照 擬 採納 科興 國藥 兩 款 大陸 疫苗 臺北市 長 柯文哲 昨天 主張 與 世界衛生組織 who 接軌 認可 大陸 疫苗 效力 衛福 部長 陳時中 今天 則 說 疫苗 護照 原則 上 與 who 接軌 但 還要 考量 我國 核發 的 緊急 使用 授權 eu</t>
    <phoneticPr fontId="1" type="noConversion"/>
  </si>
  <si>
    <t>嗆 蘇 最 聰明 醫師 深夜 再 放 話 反 遭 親 兒 嗆 死不認錯</t>
    <phoneticPr fontId="1" type="noConversion"/>
  </si>
  <si>
    <t>孔繁錦 蘇貞昌 聰明 醫師 兒子</t>
    <phoneticPr fontId="1" type="noConversion"/>
  </si>
  <si>
    <t>彰 化 縣 40 多 歲 肝癌 女 發病 67 天 死亡 全縣 最 年輕 案例</t>
    <phoneticPr fontId="1" type="noConversion"/>
  </si>
  <si>
    <t>彰 化 縣 死亡 案例 最 年輕 開放 肝癌</t>
    <phoneticPr fontId="1" type="noConversion"/>
  </si>
  <si>
    <t>電腦設備 微星 奪 三 項 2020 德國 if 設計 大獎</t>
    <phoneticPr fontId="1" type="noConversion"/>
  </si>
  <si>
    <t>MSI微星(2377)今日宣佈其三款最新產品因出色的設計贏得了2020年德國iF設計大獎。微星榮獲2020德國iF設計獎的產品為：MSI GS66 Stealth電競筆電、MSI MPG SEKIRA 500X電競機殼、MSI MPG SEKIRA 500G多工電腦機殼。獲</t>
    <phoneticPr fontId="1" type="noConversion"/>
  </si>
  <si>
    <t>msi 微星 2377 今日 宣佈 其三 款 最新 產品 因 出色 的 設計 贏得 了 2020 年 德國 if 設計 大獎 微星 榮獲 2020 德國 if 設計獎 的 產品 為 msi gs 66 stealth 電 競 筆 電 msi mpg sekira 500 x 電 競 機殼 msi mpg sekira 500 g 多 工 電腦 機殼 獲</t>
    <phoneticPr fontId="1" type="noConversion"/>
  </si>
  <si>
    <t>微星 程惠正 2020 if 復工 供應 鏈</t>
    <phoneticPr fontId="1" type="noConversion"/>
  </si>
  <si>
    <t>打完 az 金槍不倒 醫 搞 笑 曝 bnt 鄉野 傳說 女網友 激動 了</t>
    <phoneticPr fontId="1" type="noConversion"/>
  </si>
  <si>
    <t>第 13 輪 打 bnt az 預約 日 出爐 再 開 50 歲 以上 打 az 第一 劑</t>
    <phoneticPr fontId="1" type="noConversion"/>
  </si>
  <si>
    <t>az bnt 第 13 輪 接種 預約</t>
    <phoneticPr fontId="1" type="noConversion"/>
  </si>
  <si>
    <t>全台 電影院 第一 槍 朝代 戲院 將 暫停營業</t>
    <phoneticPr fontId="1" type="noConversion"/>
  </si>
  <si>
    <t>確診 學生 單日 增 28 人 各級 學校 累計 達 405 人</t>
    <phoneticPr fontId="1" type="noConversion"/>
  </si>
  <si>
    <t>北京 百事 分廠 傳 疫情 關 廠 停工</t>
    <phoneticPr fontId="1" type="noConversion"/>
  </si>
  <si>
    <t>分廠 新發 地 北京 工廠 疫情</t>
    <phoneticPr fontId="1" type="noConversion"/>
  </si>
  <si>
    <t>半 導體 聯發 科 蔡力行 喊話 h 1 營 收看 增 1 成 h 2 繼續 努力</t>
    <phoneticPr fontId="1" type="noConversion"/>
  </si>
  <si>
    <t>聯發 科 蔡力行 蔡明介 5 g ai</t>
    <phoneticPr fontId="1" type="noConversion"/>
  </si>
  <si>
    <t>國人 對 公共 衛生 師 這個 名詞 都 相當 陌生 民眾黨 立 委 蔡壁如 表示 目前 臺灣 在 防疫 上 仍 缺乏 公共 衛生 師 然而 疫情 期間 公 衛師 角色 相當 重要 她 將 在 立 法院 全力 推動 公共 衛生 師 立法 臺灣 的 醫療 擁有 世界 水準 民眾 應都</t>
    <phoneticPr fontId="1" type="noConversion"/>
  </si>
  <si>
    <t>公衛 蔡壁如 公共 衛生 臺灣 疫情</t>
    <phoneticPr fontId="1" type="noConversion"/>
  </si>
  <si>
    <t>大陸 中國 求職者 延後 臺灣</t>
    <phoneticPr fontId="1" type="noConversion"/>
  </si>
  <si>
    <t>校園 解禁 苗栗縣 5 月 30 日 開放 民眾 運動</t>
    <phoneticPr fontId="1" type="noConversion"/>
  </si>
  <si>
    <t>苗栗 徐耀昌 校園 開放 運動</t>
    <phoneticPr fontId="1" type="noConversion"/>
  </si>
  <si>
    <t>謝忻 金援 小甜甜 翻白眼 回應 有 需要 我會 幫 你</t>
    <phoneticPr fontId="1" type="noConversion"/>
  </si>
  <si>
    <t>謝忻 去年 和 人夫 阿翔 爆出 婚外 情 事業 一落千丈 還 被 媒體 拍到 在 咖啡 廳 打工 被 指 經濟 上 可能 有 困難 不過 小甜甜 表示 謝忻 能 借 1萬 塊 給 她 財力 方面 應該 沒 問題 謝忻 也 為 金援 小甜甜 做出 回應 了 謝忻 15 日 在 ig 貼出 兩 張和</t>
    <phoneticPr fontId="1" type="noConversion"/>
  </si>
  <si>
    <t>謝忻 去年 和 人夫 阿翔 爆出 婚外 情 事業 一落千丈 還 被 媒體 拍到 在 咖啡 廳 打工 被 指 經濟 上 可能 有 困難 不過 小甜甜 表示 謝忻 能 借 1萬 塊 給 她 財力 方面 應該 沒 問題 謝忻 也 為 金援 小甜甜 做出 回應 了 謝忻 15 日 在 ig 貼出 兩 張和 小甜甜 的 合 照 有趣 的 是 她們 一起 丟 下 包袱 對 著 鏡頭 大 翻白眼 謝忻 寫道 你有 需要 的 時候 我會 幫 你 但 你 做錯事 的 時候 我會 指責 你 短短的 兩 句 話 見證 了 兩 人 的 閨 密 之 情 小甜甜 日前 自 認 演藝 工作 受到 疫情 影響 新 戲 無限期 停 拍 為了 多 賺 點 外 塊 還 到 路邊 打零工 一 想到 有 10 幾 萬 卡 債 車 貸 與 房 貸 每月 需 20萬 生活費 她 喊話 歡迎 各種 打工 上 門</t>
    <phoneticPr fontId="1" type="noConversion"/>
  </si>
  <si>
    <t>接回 鑽石 公主 20 台人 華航 機長 15 秒 廣播 讓 乘客 淚 崩 了</t>
    <phoneticPr fontId="1" type="noConversion"/>
  </si>
  <si>
    <t>華航 機長 廣播 乘客 鑽石 公主 號</t>
    <phoneticPr fontId="1" type="noConversion"/>
  </si>
  <si>
    <t>好 市 多 爆發 搶購潮 網 驚呼 這 4 樣 食物 末日 必備</t>
    <phoneticPr fontId="1" type="noConversion"/>
  </si>
  <si>
    <t>賣 場 泡 面 罐頭 衛生紙 屯糧</t>
    <phoneticPr fontId="1" type="noConversion"/>
  </si>
  <si>
    <t>阿妹 工作 按 暫停 鍵 陳 鎮 川 找事 做 代言 名車</t>
    <phoneticPr fontId="1" type="noConversion"/>
  </si>
  <si>
    <t>代言 工作 肺炎 名車 音樂</t>
    <phoneticPr fontId="1" type="noConversion"/>
  </si>
  <si>
    <t>台商 戴 口罩 仍 傳染 司機 網 曝 關鍵</t>
    <phoneticPr fontId="1" type="noConversion"/>
  </si>
  <si>
    <t>白 牌 車 司機 口罩 ptt 時事 臺灣</t>
    <phoneticPr fontId="1" type="noConversion"/>
  </si>
  <si>
    <t>萬金石 馬拉松 吸引 7500 名 跑 者 金山 警 發揮 巧 思 替 選手 加油</t>
    <phoneticPr fontId="1" type="noConversion"/>
  </si>
  <si>
    <t>新北 市 萬金石 馬拉松 今 21 日 開跑 儘管 賽前 1 名 20 多 歲 肯亞 籍 女 選手 采 檢 確診 送醫 但 7500 名 跑 者 不受 影響 照常進行 賽事 金山 警 分局 除 負責 沿線 維 安 及 交通 疏導 外 各 派出所 也 發揮 巧 思 出動 員警 娃娃 等 替 選手 們 加油打氣</t>
    <phoneticPr fontId="1" type="noConversion"/>
  </si>
  <si>
    <t>新北 市 萬金石 馬拉松 今 21 日 開跑 儘管 賽前 1 名 20 多 歲 肯亞 籍 女 選手 采 檢 確診 送醫 但 7500 名 跑 者 不受 影響 照常進行 賽事 金山 警 分局 除 負責 沿線 維 安 及 交通 疏導 外 各 派出所 也 發揮 巧 思 出動 員警 娃娃 等 替 選手 們 加油打氣 金山 警 分局 表示 賽事 沿線 野 柳 派出所 結合 員警 娃娃 野 柳 地質 公園 女王 頭 娃娃 與 薆 悅 渡假 酒店 的 海洋 女王 為 挑戰 馬 選手 加油 大 鵬 派出所 與 中 角 派出所 則 結合 在 地 名勝 景點 金山 財神廟 在 賽道 前 由 員警 娃娃 穿 著 財神爺 裝束 幫 全馬 參賽者 打氣 希望 每 一 位 參賽者 都能 順利 完賽 金山 警 分局長 林詮峰 指出 賽事 警力 于 淩晨 4 時即 完成 布崗 維 安 勤務 全程 預計 將 超過 10 小時 對 同仁 是 體力 上 的 一大 考驗 分局 已 備 妥 員警 補給站 與 隨身 補給品 於 賽前 及 賽中發 給 同仁 補給品 此外 也 特別 訂制 天燈 造型 的 小鹽 燈 結合 野 柳 景點 女王 頭 造型 的 提袋 並 印上 新北 警 局長 阿仁哥 人民 最 大 基層 優先 的 治安 理念 於 賽後 頒發 給 勤務 中 有 特殊 優良 表現 的 同仁 慰勉 辛勞</t>
    <phoneticPr fontId="1" type="noConversion"/>
  </si>
  <si>
    <t>誰 是 下 個 鬆綁 台 旅客 入境 的 國家 這 兩 國 被 點 名</t>
    <phoneticPr fontId="1" type="noConversion"/>
  </si>
  <si>
    <t>疫情再現 澳門6日淩晨起關閉部分娛樂場所</t>
    <phoneticPr fontId="1" type="noConversion"/>
  </si>
  <si>
    <t>疫情 再現 澳門 6 日 淩晨 起 關閉 部分 娛樂場所</t>
    <phoneticPr fontId="1" type="noConversion"/>
  </si>
  <si>
    <t>who 義 大利 西班牙 疫情 有 趨 穩 跡象</t>
    <phoneticPr fontId="1" type="noConversion"/>
  </si>
  <si>
    <t>野村 砍 單 才剛 開始 蘋概 股 業績 有 壓</t>
    <phoneticPr fontId="1" type="noConversion"/>
  </si>
  <si>
    <t>野村證券 調查 發現 蘋果 iphone 第二 季 砍 單 20 科技產業 分析 師李佳 伶 指出 經驗 顯示 蘋果 砍 單 通常 是 一系列 的 動作 未來 幾 個 月 仍 須 持續 提防 同時 iphone 供應 鏈 上半年 營運 將 低於 預期 第 三 季 變數 居高不下 風險 無 法</t>
    <phoneticPr fontId="1" type="noConversion"/>
  </si>
  <si>
    <t>蘋果 肺炎 iphone 野村 蘋果</t>
    <phoneticPr fontId="1" type="noConversion"/>
  </si>
  <si>
    <t>熱門 股 懷特 放 量 漲 停 挑 戰前 高</t>
    <phoneticPr fontId="1" type="noConversion"/>
  </si>
  <si>
    <t>新 適應症 受體 t 細胞 病毒 挑 戰前 高</t>
    <phoneticPr fontId="1" type="noConversion"/>
  </si>
  <si>
    <t>金在中 韓國 東方 神 起 jyj 解約</t>
    <phoneticPr fontId="1" type="noConversion"/>
  </si>
  <si>
    <t>返台隔離14天何時可鬆綁？前臺大醫曝最快時間點</t>
    <phoneticPr fontId="1" type="noConversion"/>
  </si>
  <si>
    <t>返台 隔離 14 天 何時 可 鬆綁 前臺 大 醫 曝 最 快 時間 點</t>
    <phoneticPr fontId="1" type="noConversion"/>
  </si>
  <si>
    <t>邊境 鬆綁 林氏 璧 隔離 14 天 疫苗 覆蓋率</t>
    <phoneticPr fontId="1" type="noConversion"/>
  </si>
  <si>
    <t>確診 外籍 看護 曾 到 龍山寺 北 車 今 全面 大 消毒</t>
    <phoneticPr fontId="1" type="noConversion"/>
  </si>
  <si>
    <t>消毒 區域 地下街 公共 周邊</t>
    <phoneticPr fontId="1" type="noConversion"/>
  </si>
  <si>
    <t>恐怖 美 估 24萬 人 死 道 瓊又重 挫 近 千 點</t>
    <phoneticPr fontId="1" type="noConversion"/>
  </si>
  <si>
    <t>南 投 縣 疫苗 配 撥 2萬3800 劑 7 月 3 日 起 開放 74 歲 至 85 歲 接種</t>
    <phoneticPr fontId="1" type="noConversion"/>
  </si>
  <si>
    <t>長者 打 疫苗 利大於弊 重症 醫 喊 行前 注意 三 個 不</t>
    <phoneticPr fontId="1" type="noConversion"/>
  </si>
  <si>
    <t>5 倍 券 網路 民 調 曝光 許淑華 可見 蘇貞昌 的 結論 荒謬</t>
    <phoneticPr fontId="1" type="noConversion"/>
  </si>
  <si>
    <t>國內 疫情 持續 延 燒 但 已 呈現 趨 緩 行政院 研 擬 推出 5 倍 券 來 振興 經濟 不過 據 網 媒 昨 所 做 的 網路 民 調 顯示 83 網友 認為 發放 現金 對 振興 經濟 較 有 幫助 若 能 領取 現金 46 的 網友 將 會 在 最 短 時間 1 個 月 內 消費 完畢 對此 藍</t>
    <phoneticPr fontId="1" type="noConversion"/>
  </si>
  <si>
    <t>許淑華 網友 網路 民 調 蘇貞昌 5 倍 券</t>
    <phoneticPr fontId="1" type="noConversion"/>
  </si>
  <si>
    <t>勝 選 演說 猛 咳 嚇死人 拜登 認 了 染病</t>
    <phoneticPr fontId="1" type="noConversion"/>
  </si>
  <si>
    <t>莫德納 要來 了 108萬 劑 明天 抵 台</t>
    <phoneticPr fontId="1" type="noConversion"/>
  </si>
  <si>
    <t>近日 臺灣 有 不少 疫苗 到貨 獨 缺 莫德納 疫苗 讓 很多 7 月 已 接種 莫德納 第一 劑 的 民眾 十分 焦慮 擔心 第二 劑 遲遲 打 不 到 恐 影響 保護 力 據 瞭解 我 自 購 的 108萬 劑 莫德納 疫苗 將 于 明天 17 日 到貨 紓 解 國內 的 莫德納 荒 此外 明</t>
    <phoneticPr fontId="1" type="noConversion"/>
  </si>
  <si>
    <t>莫德納 疫苗 az 到貨 臺灣</t>
    <phoneticPr fontId="1" type="noConversion"/>
  </si>
  <si>
    <t>法會 疫情 平臺 全球 直播</t>
    <phoneticPr fontId="1" type="noConversion"/>
  </si>
  <si>
    <t>恩主公翻版？台中大裡仁愛醫院打錯AZ劑量 40多人遭殃</t>
    <phoneticPr fontId="1" type="noConversion"/>
  </si>
  <si>
    <t>恩 主公 翻版 台中 大裡 仁愛 醫院 打 錯 az 劑量 40 多 人 遭殃</t>
    <phoneticPr fontId="1" type="noConversion"/>
  </si>
  <si>
    <t>az 恩 主公 大裡 仁愛 醫院 台中 疫苗</t>
    <phoneticPr fontId="1" type="noConversion"/>
  </si>
  <si>
    <t>金門 新款 鹿茸酒 上市 抗 疫 期間 補 一下</t>
    <phoneticPr fontId="1" type="noConversion"/>
  </si>
  <si>
    <t>防疫 禁 廳 內 用餐 美 麥當勞 遭 女 客 槍擊 2 員工 受傷</t>
    <phoneticPr fontId="1" type="noConversion"/>
  </si>
  <si>
    <t>好日子 快來 了 印度 神童 預言 這天 起 回歸 正常 生活</t>
    <phoneticPr fontId="1" type="noConversion"/>
  </si>
  <si>
    <t>印度 神童 阿南德 好日子 回歸 正常 生活 經濟 復蘇</t>
    <phoneticPr fontId="1" type="noConversion"/>
  </si>
  <si>
    <t>中央 下令 酒店 舞廳 全關 高雄 金 芭 黎 說話 了</t>
    <phoneticPr fontId="1" type="noConversion"/>
  </si>
  <si>
    <t>星展 透過 視 訊 送暖 心 食 袋 照顧 獨居 老人</t>
    <phoneticPr fontId="1" type="noConversion"/>
  </si>
  <si>
    <t>獨居 星展 獨居 老人 老人 銀行</t>
    <phoneticPr fontId="1" type="noConversion"/>
  </si>
  <si>
    <t>本土 疫情 升溫 林務局 新北 桃竹 苗森林 育樂 場 暫停 開放</t>
    <phoneticPr fontId="1" type="noConversion"/>
  </si>
  <si>
    <t>防疫 滴水不漏 吳 鳳科大 宿舍 安裝 智慧 聲 控 電梯</t>
    <phoneticPr fontId="1" type="noConversion"/>
  </si>
  <si>
    <t>台中 市 83 名 打 az 不良反應 3 住院 3 死 長者 現 緩 打 潮</t>
    <phoneticPr fontId="1" type="noConversion"/>
  </si>
  <si>
    <t>抗體 肺炎 血液 快 篩 定量</t>
    <phoneticPr fontId="1" type="noConversion"/>
  </si>
  <si>
    <t>義 大利 成 歐洲 防疫 破 口 網 曝 失控 關鍵</t>
    <phoneticPr fontId="1" type="noConversion"/>
  </si>
  <si>
    <t>台南 市政府 疫情 因應 小組 減緩 經濟 衝擊</t>
    <phoneticPr fontId="1" type="noConversion"/>
  </si>
  <si>
    <t>經濟 產業 台 南市 衝擊 中央</t>
    <phoneticPr fontId="1" type="noConversion"/>
  </si>
  <si>
    <t>who 若 不是 傲慢 回 收到 了 黃創 夏 感歎 喊 10 字</t>
    <phoneticPr fontId="1" type="noConversion"/>
  </si>
  <si>
    <t>阿嬤 買 霰彈 槍 媽媽 推 嬰兒車 逛 槍 店 美國 到底 怎麼 了</t>
    <phoneticPr fontId="1" type="noConversion"/>
  </si>
  <si>
    <t>竹市增2確診 1例曾搭高鐵通勤 皆有萬華、臺北活動史</t>
    <phoneticPr fontId="1" type="noConversion"/>
  </si>
  <si>
    <t>竹市 增 2 確診 1 例 曾 搭 高鐵 通勤 皆 有 萬 華 臺北 活動 史</t>
    <phoneticPr fontId="1" type="noConversion"/>
  </si>
  <si>
    <t>北市 跨 年限 8萬 人 疫情 未 爆 彈 許淑華 市府 態度 令人擔憂</t>
    <phoneticPr fontId="1" type="noConversion"/>
  </si>
  <si>
    <t>獨 肺炎 疫情 威脅 男性 申請 育 嬰 留職停薪 情況 大增</t>
    <phoneticPr fontId="1" type="noConversion"/>
  </si>
  <si>
    <t>高市添1例海軍確診 足跡不公佈原因曝光</t>
    <phoneticPr fontId="1" type="noConversion"/>
  </si>
  <si>
    <t>高市添 1 例 海軍 確診 足跡 不 公佈 原因 曝光</t>
    <phoneticPr fontId="1" type="noConversion"/>
  </si>
  <si>
    <t>高雄 市長 韓國瑜 今 26 日 早上 主持 防疫 記者會 他 提到 敦睦 艦隊 事件 確診 累計 14 例 自主 隔離 有 255 位 自主 健康 管理 3929 位 昨 新增 1 例 確診 個案 市府 卻 未 對 外 公佈 足跡 衛生局長 林立人 解釋 這 位 確診 個案 的 活動 史</t>
    <phoneticPr fontId="1" type="noConversion"/>
  </si>
  <si>
    <t>最新 疫 調 高雄 確診 海軍 曾 到 新營 麥當勞 用餐</t>
    <phoneticPr fontId="1" type="noConversion"/>
  </si>
  <si>
    <t>王浩宇 罕見 贊許 韓國 瑜 只為 修理 柯文哲 到 高雄 趴 趴 走</t>
    <phoneticPr fontId="1" type="noConversion"/>
  </si>
  <si>
    <t>中年 男 大 鬧 急診室 醫 喊 他 超 疫苗 護理 師 會意 秒 懂</t>
    <phoneticPr fontId="1" type="noConversion"/>
  </si>
  <si>
    <t>雙和 醫院 護理 師 遭 確診 男 砍 傷勢 嚴重 學姊 不 舍 20 幾 歲 韌帶 都 斷 了</t>
    <phoneticPr fontId="1" type="noConversion"/>
  </si>
  <si>
    <t>新北 市 雙和 醫院 62 歲 洪姓 確診 男子 昨 31 日 上午 持 水果刀 砍 傷 病房 內 3 名 女 護理 師 事後 受傷 護理 師 緊急 送 往 急診室 救治 警方 獲 報 後 已 立即 將 男子 帶 回 然 有 受傷 護理 師 的 學姊 在 ig 透露 其中 一 名 20 幾 歲 的 護理 師 右手 韌帶</t>
    <phoneticPr fontId="1" type="noConversion"/>
  </si>
  <si>
    <t>說好的「同進退」呢？ 法國高官宣佈不抵制北京冬奧</t>
    <phoneticPr fontId="1" type="noConversion"/>
  </si>
  <si>
    <t>說好 的 同 進退 呢 法國 高官 宣佈 不 抵制 北京 冬奧</t>
    <phoneticPr fontId="1" type="noConversion"/>
  </si>
  <si>
    <t>法國 24 電視臺 france 24 報導 法國 教育部長 9 日 表示 法國 不會 跟隨 美國 澳洲 英國 等 國家 的 腳步 對 北京 冬季 奧運會 進行 外交 抵制 與 該國 先前 聲稱 希望 整個 歐盟 同 進退 的 態度 相 違背 法國 教育部長 布朗凱 je</t>
    <phoneticPr fontId="1" type="noConversion"/>
  </si>
  <si>
    <t>北京 冬奧 中國 大陸 歐盟 法國 外交 抵制</t>
    <phoneticPr fontId="1" type="noConversion"/>
  </si>
  <si>
    <t>大 寮 家庭 群 聚 案 再 添 一 例 陳其邁 拜 讬 端午節 減少 移動</t>
    <phoneticPr fontId="1" type="noConversion"/>
  </si>
  <si>
    <t>高雄市 1 日 新增 一 名 肺炎 確診 案例 為 大 寮 家庭 群 聚 案 相關 案例 由於 隔離 確實 無 相關 足跡 及 匡列 物件 面對 12 日 即將來臨 的 端午節 連 假 陳其邁 拜 讬 市民 儘量減少 移動 用 視 訊 取代 探親 高市 今日 新增 一 名 個案 為 案 8621 77</t>
    <phoneticPr fontId="1" type="noConversion"/>
  </si>
  <si>
    <t>血庫 告急 鄭文燦 號召 捐 血</t>
    <phoneticPr fontId="1" type="noConversion"/>
  </si>
  <si>
    <t>安全 儲備 量 血庫 社團 捐 血 中心</t>
    <phoneticPr fontId="1" type="noConversion"/>
  </si>
  <si>
    <t>船上 醫官 隱匿 醫 曝 前線 真相 不可能</t>
    <phoneticPr fontId="1" type="noConversion"/>
  </si>
  <si>
    <t>勞動 基 金前 7 月 逆轉 勝 小 賺 282億 元</t>
    <phoneticPr fontId="1" type="noConversion"/>
  </si>
  <si>
    <t>陳時中 現場 幹 蒸 口罩 8 分鐘 戴 了 大贊 熱熱 的 不錯</t>
    <phoneticPr fontId="1" type="noConversion"/>
  </si>
  <si>
    <t>現場 示範 幹 蒸 口罩 電鍋 陳時中</t>
    <phoneticPr fontId="1" type="noConversion"/>
  </si>
  <si>
    <t>國內 累計 432 人 確診 6 人 死亡 324 人 解除 隔離</t>
    <phoneticPr fontId="1" type="noConversion"/>
  </si>
  <si>
    <t>霸王 條款 惹 議 藍 委 籲 發佈 緊急命令</t>
    <phoneticPr fontId="1" type="noConversion"/>
  </si>
  <si>
    <t>全球 疫情 發燒 許多 國家 進行 封城 鎖國 措施 政府 也 禁止 高中 以下 師生 出國 並 對 故意 前往 第 三級 疫區 的 人士 開 罰 外界 質疑 缺乏 法 源 依據 指揮官 陳時中 昨 搬 出 特別 條例 第 7 條 的 應變 權 作為 回應 但 國民黨 立 委 費 鴻泰 認為 沒</t>
    <phoneticPr fontId="1" type="noConversion"/>
  </si>
  <si>
    <t>發佈 緊急命令 特別 條例 第 必要 肺炎 指揮官</t>
    <phoneticPr fontId="1" type="noConversion"/>
  </si>
  <si>
    <t>關曉彤 全副武裝 現身 醫院 發燒 門診 真相 揭曉</t>
    <phoneticPr fontId="1" type="noConversion"/>
  </si>
  <si>
    <t>半 導體 信 驊 h 1 樂觀 董座 林鴻明 喊 封 測 最 缺</t>
    <phoneticPr fontId="1" type="noConversion"/>
  </si>
  <si>
    <t>信 驊 5274 在 bmc 伺服器 遠 端 管理 晶 片 領域 持續 坐 穩 高市 占 占比營 收 目前 95 董事長 林鴻明 表示 今年 對於 信 驊 營運 樂觀 看待 目前 看到 第一 季 已經 比 去年 第 四季 動能 持平 第二 季 應該 也 不錯 面對 半 導體 產能 缺 聲 連連</t>
    <phoneticPr fontId="1" type="noConversion"/>
  </si>
  <si>
    <t>信 驊 5274 在 bmc 伺服器 遠 端 管理 晶 片 領域 持續 坐 穩 高市 占 占比營 收 目前 95 董事長 林鴻明 表示 今年 對於 信 驊 營運 樂觀 看待 目前 看到 第一 季 已經 比 去年 第 四季 動能 持平 第二 季 應該 也 不錯 面對 半 導體 產能 缺 聲 連連 他 表示 信 驊 在 晶圓 上 目前 狀況 還好 比較 緊張 的 是 封 測 產能 林鴻明 表示 以 新 台幣 匯率 28 來 預估 今年 信 驊 希望 bmc 產品 營 收有 15 的 成長 新 事業 部 的 cupola 360 視 訊 晶 片 則 有 5 的 成長 他 強調 非 bmc 領域 的 成長 不是 來自 於 bmc 產品 出 貨 的 減少 而是 兩者 規模 同步 放大 整體 產品 規模 的 放大 且 毛利率 部分 今年 確定 會 比 去年 更 好 主要 原因 包含 bmc 產品 的 經濟 規模 成長 與 供應 鏈 的 更具 談判 籌碼 加上 非 bmc 領域 的 成長 目前 b b 值 book-to-bill ratio 訂單 出 貨 比 大於 2 林鴻明 表示 以 現階段訂單 狀況 來說 去年 因為 疫情 關係 自 去年 第 四季 就 有 很多 大陸 訂單 都 開始 進來 美 系 訂單 則 是 穩定 成長 信 驊 今年 會 走 出 一個 更 靈活 更 高 附加 價值 的 商業模式 另外 也 看到 bmc 領域 有 走向 open bmc 發展 的 趨勢 信 驊 也 在 努力 打造 更 多 的 商用 模式 談到 業 界 普遍 面臨 的 問題 即 半 導體 上游 產能 緊張 林鴻明 說 已經 晶圓 來說 因為 信 驊 有 一定 的 客戶 做 支撐 所以 目前 看到 的 狀況 是 還好 反倒 是 在 封 測 上 比較 緊張 以 前 2 周 的 排 程 現在 最 長 一度 要到 3 個 月 是 比較 緊張 的 部分 面對 上游 原料 喊 漲 是否 有 漲價 計 畫 林鴻明 表示 目前 確實 有 和 供應商 討論 價格 現在 狀況 還好 短期 內 沒有 漲價 計 畫 整體 評估 林鴻明 表示 今年 攸 關 營運 的 幾 大 關鍵 包括 有 匯率 目前 信 驊 都 是 以 新 台幣 兌 美元 28 來看 再來 就是 供應 鏈 問題 尤其 是 封裝</t>
    <phoneticPr fontId="1" type="noConversion"/>
  </si>
  <si>
    <t>信 驊 晶圓 封 測 半導體 bmc</t>
    <phoneticPr fontId="1" type="noConversion"/>
  </si>
  <si>
    <t>竹市 3 個 親 子 館 14 日 起 實 名 制 重新 開館</t>
    <phoneticPr fontId="1" type="noConversion"/>
  </si>
  <si>
    <t>幼稚園 群 聚 感染 關鍵 在 通風 專家建議 監測 二氧化碳 濃度</t>
    <phoneticPr fontId="1" type="noConversion"/>
  </si>
  <si>
    <t>興 櫃 股 法 德 藥 代理 利巴韋林 吸 入 劑 向陸 nmpa 申請 緊急 註冊</t>
    <phoneticPr fontId="1" type="noConversion"/>
  </si>
  <si>
    <t>jhvl 麥寮 黑馬 突圍 直 落 三 奪 隊 史首冠</t>
    <phoneticPr fontId="1" type="noConversion"/>
  </si>
  <si>
    <t>109 學年度 jhvl 男子組 冠軍賽 上演 黑馬 傳奇 以 複賽 第 6 名 踏 進 新莊 體育館 決賽圈 的 麥寮 高 中國 中部 不但 先 在 6 強 決賽 先後 擊敗 臺北市 明湖國中 與 雲 林縣 馬 光 國 中 隊 史 首度 闖進 冠軍 賽後 今天 更 展現 強悍 霸氣 以 25 比 23 2</t>
    <phoneticPr fontId="1" type="noConversion"/>
  </si>
  <si>
    <t>排球 麥寮 高中 國 中部 新園 國 中 球員</t>
    <phoneticPr fontId="1" type="noConversion"/>
  </si>
  <si>
    <t>拜登 為何 禁用 中國 病毒 黃暐瀚 揭 背後 原因 當初 還 遭 網 軍 攻擊</t>
    <phoneticPr fontId="1" type="noConversion"/>
  </si>
  <si>
    <t>yonex 泰國 羽球 公開賽 今天 從 32 強 賽事 點燃 戰火 原本 在 參賽 名單 的 印度 前世 界 球 後 賽娜 saina nehwal 在 最新 一 次 的 病毒 采 檢 呈 陽性反應 在 大會 建議 下 退 賽 她 的 丈夫 卡 夏普 parupalli kashyap 也 是 這次 參賽選手 之一</t>
    <phoneticPr fontId="1" type="noConversion"/>
  </si>
  <si>
    <t>羽球 賽娜 確診 泰國 羽球 公開賽</t>
    <phoneticPr fontId="1" type="noConversion"/>
  </si>
  <si>
    <t>長 庚 試驗 第 3 劑 混打 醫護人員 踴躍報名</t>
    <phoneticPr fontId="1" type="noConversion"/>
  </si>
  <si>
    <t>中時專欄：鬱慕明》親陸、富台、強中的新道路</t>
    <phoneticPr fontId="1" type="noConversion"/>
  </si>
  <si>
    <t>中 時 專欄 鬱慕明 親 陸 富 台 強 中的 新 道路</t>
    <phoneticPr fontId="1" type="noConversion"/>
  </si>
  <si>
    <t>美國 臺灣 新 時代 大陸 對抗</t>
    <phoneticPr fontId="1" type="noConversion"/>
  </si>
  <si>
    <t>基層診所苦等疫苗處置費 陳時中宣佈下週一發放</t>
    <phoneticPr fontId="1" type="noConversion"/>
  </si>
  <si>
    <t>普 拿 疼 一 天 可 吃 幾 顆 她 打完 az 爆 痛 醫 揭 這時 吃 最 有效</t>
    <phoneticPr fontId="1" type="noConversion"/>
  </si>
  <si>
    <t>日前 有 女 大生 打完 az 疫苗 後 連 吞 6 顆 普 拿 疼 仍 止不住 身 爆 痛 引起 許多 人 好奇 詢問 普 拿 疼 一 天 最 多 可以 吃 幾 顆 家 醫科 醫師 許書 華表 示 止痛 退燒藥 的 主要 成分 是 乙醯胺 酚 一般 建議 最 大 日 劑量 不 超過 4000 毫克 並且 在 黃</t>
    <phoneticPr fontId="1" type="noConversion"/>
  </si>
  <si>
    <t>普 拿 疼 打 疫苗 一 天 吃 幾 顆 許書華 黃金 1 小時</t>
    <phoneticPr fontId="1" type="noConversion"/>
  </si>
  <si>
    <t>臺灣 權王 永豐 金 證券 蘋概 股利 多 用權 證 推 升 獲利</t>
    <phoneticPr fontId="1" type="noConversion"/>
  </si>
  <si>
    <t>蘋果 權 證 川普 肺炎 暫停</t>
    <phoneticPr fontId="1" type="noConversion"/>
  </si>
  <si>
    <t>彰化衛生局公佈最新足跡 正彰化肉圓、得記麻辣火鍋都列入</t>
    <phoneticPr fontId="1" type="noConversion"/>
  </si>
  <si>
    <t>彰 化 衛生局 公佈 最新 足跡 正 彰 化 肉 圓 得 記 麻辣 火鍋 都 列入</t>
    <phoneticPr fontId="1" type="noConversion"/>
  </si>
  <si>
    <t>北 市長 照 中心 再 爆 4 確診 這次 竟是 社會局 管轄 的 機構</t>
    <phoneticPr fontId="1" type="noConversion"/>
  </si>
  <si>
    <t>竹縣 老 街 6 月 1 日 解除 分流 管制</t>
    <phoneticPr fontId="1" type="noConversion"/>
  </si>
  <si>
    <t>肺炎餐廳卻爆滿 員警看驚見全是人頭</t>
    <phoneticPr fontId="1" type="noConversion"/>
  </si>
  <si>
    <t>肺炎 餐廳 卻 爆滿 員警 看 驚見 全是 人頭</t>
    <phoneticPr fontId="1" type="noConversion"/>
  </si>
  <si>
    <t>翹 班 接 兒 高官 行程 曝光 網 驚 立院 慘 了</t>
    <phoneticPr fontId="1" type="noConversion"/>
  </si>
  <si>
    <t>確診 官員 兒子 觀光局 立 法院</t>
    <phoneticPr fontId="1" type="noConversion"/>
  </si>
  <si>
    <t>美 股 迎 12 年 最糟 財 報 季 那 指 反向 創 歷史 新高</t>
    <phoneticPr fontId="1" type="noConversion"/>
  </si>
  <si>
    <t>內蒙古 疫情 延 燒 多 地 防控 升級</t>
    <phoneticPr fontId="1" type="noConversion"/>
  </si>
  <si>
    <t>香港 內蒙古 肺炎 高風險 確診 病例</t>
    <phoneticPr fontId="1" type="noConversion"/>
  </si>
  <si>
    <t>半 導體 wifi 6 前景 佳 良率升 立 積 11 月 營 收 拼 站 新高</t>
    <phoneticPr fontId="1" type="noConversion"/>
  </si>
  <si>
    <t>立 積 穩 懋 宏 捷 科 台積電 高通</t>
    <phoneticPr fontId="1" type="noConversion"/>
  </si>
  <si>
    <t>馬英九 探視 呂 若瑟 神父 自 爆 幼年 受 天主教 照顧</t>
    <phoneticPr fontId="1" type="noConversion"/>
  </si>
  <si>
    <t>臺灣 馬英九 天主教 照顧 呂 若瑟</t>
    <phoneticPr fontId="1" type="noConversion"/>
  </si>
  <si>
    <t>危機 入市 壽險 主權 基金 看好 台開 洄 瀾 灣</t>
    <phoneticPr fontId="1" type="noConversion"/>
  </si>
  <si>
    <t>公頃 台開 新 天堂 旅館 新 天堂 樂園</t>
    <phoneticPr fontId="1" type="noConversion"/>
  </si>
  <si>
    <t>旅美 30 年 確診 才 返台 網 7 點 還原 當年</t>
    <phoneticPr fontId="1" type="noConversion"/>
  </si>
  <si>
    <t>旅美 30 年 確診 返台 臺灣</t>
    <phoneticPr fontId="1" type="noConversion"/>
  </si>
  <si>
    <t>佳淩調配產線 為疫後急單備戰</t>
    <phoneticPr fontId="1" type="noConversion"/>
  </si>
  <si>
    <t>佳 淩 調配 產 線 為 疫 後 急 單備戰</t>
    <phoneticPr fontId="1" type="noConversion"/>
  </si>
  <si>
    <t>肺炎 佳 淩 調配 產 線 訂單</t>
    <phoneticPr fontId="1" type="noConversion"/>
  </si>
  <si>
    <t>車上 防疫 不 馬虎 專家 3 動作 改善 車內 空氣</t>
    <phoneticPr fontId="1" type="noConversion"/>
  </si>
  <si>
    <t>車內 開 窗 空氣 戴 口罩 迴圈</t>
    <phoneticPr fontId="1" type="noConversion"/>
  </si>
  <si>
    <t>大陸 研發 滅 活疫苗 大陸 國資 委 生物製品</t>
    <phoneticPr fontId="1" type="noConversion"/>
  </si>
  <si>
    <t>阿嬤進 超 商 喊 不 識字 拒絕 實 聯 制 店員 幫忙 遭 嗆 你們 都得 肺炎</t>
    <phoneticPr fontId="1" type="noConversion"/>
  </si>
  <si>
    <t>臺灣 疫情 升至 三級 警戒 舉凡 進入 店家 都得 實施 實 聯 制 近日 一 名 超 商店 員 表示 一 名 阿嬤 說 要 繳費 卻 不 會 使用 實 聯 制 只好 教 對方 用 手 寫 沒 想到 對 方竟 嗆 我 不會 甚至 大聲 嗆 店員 你們 都會 得 肺炎 該 名 超 商 員工</t>
    <phoneticPr fontId="1" type="noConversion"/>
  </si>
  <si>
    <t>疫情 擴散 擔心 街 友 資深 藝人 劉尚謙 艋 舺 公園 發 便當</t>
    <phoneticPr fontId="1" type="noConversion"/>
  </si>
  <si>
    <t>半 導體 智慧 機 電視 需求 轉 弱 外資 降 聯 詠 評等 目標價</t>
    <phoneticPr fontId="1" type="noConversion"/>
  </si>
  <si>
    <t>亞 系 外資 針 對聯 詠 3034 出具 最新 研究 報告 指出 在 疫情 衝擊 下 智慧 型 手機 和 電視 相關 出 貨 前景 轉 趨 保守 故 一舉 將 聯 詠 評等 持有 調 降 至 減 碼 目標價 由 193 元下 修到 144 元 亞 系 外資 指出 聯 詠 的 智慧 型 手機 和 電視 相關 產品 占</t>
    <phoneticPr fontId="1" type="noConversion"/>
  </si>
  <si>
    <t>沒 負 壓 救護車 宜縣 鎖定 負 壓艙</t>
    <phoneticPr fontId="1" type="noConversion"/>
  </si>
  <si>
    <t>消防 局 sars 疫情 肺炎 徐松奕 負 壓</t>
    <phoneticPr fontId="1" type="noConversion"/>
  </si>
  <si>
    <t>各縣市 微 解封 標準 不一 惹 民怨 陳時中 回 應 了</t>
    <phoneticPr fontId="1" type="noConversion"/>
  </si>
  <si>
    <t>微 解封 強度 各縣市 標準 民怨</t>
    <phoneticPr fontId="1" type="noConversion"/>
  </si>
  <si>
    <t>公司 科技 合作 美國 肺炎</t>
    <phoneticPr fontId="1" type="noConversion"/>
  </si>
  <si>
    <t>慘 淪 疫區 全球 4 國 限制 日本 人 入境</t>
    <phoneticPr fontId="1" type="noConversion"/>
  </si>
  <si>
    <t>高雄 仁武 家庭 群 聚 恩 主公 醫院 疫 調</t>
    <phoneticPr fontId="1" type="noConversion"/>
  </si>
  <si>
    <t>工商 團體 松 一口氣 4 月 電價 連 四 凍 機會 大</t>
    <phoneticPr fontId="1" type="noConversion"/>
  </si>
  <si>
    <t>調 漲 肺炎 台電 新 電價 每桶</t>
    <phoneticPr fontId="1" type="noConversion"/>
  </si>
  <si>
    <t>考量 防疫 森林 遊樂區 自然 步道 微 解封 範圍 縮減</t>
    <phoneticPr fontId="1" type="noConversion"/>
  </si>
  <si>
    <t>13 日 起 防疫 微 解封 林務局 表示 經 與 部落 社區 協調 決定 戶 外場 域 開放 範圍 縮減 太 平山 森林 遊樂區 鎮西 堡 巨 木群 步道 等 仍 暫停 開放 松雪樓 奧 萬 大 山莊 等 住宿 人數 則 降 載 5 成 林務局 今天 表示 經 與 當地 部落 社區 協調</t>
    <phoneticPr fontId="1" type="noConversion"/>
  </si>
  <si>
    <t>業績 其他 鈺 齊 首季 稅 後 淨利 3 54億 元 寫 同期 高</t>
    <phoneticPr fontId="1" type="noConversion"/>
  </si>
  <si>
    <t>冷 區 金山 突 增 6 人家 族群 聚 侯友宜 明派 快 篩 隊 進駐</t>
    <phoneticPr fontId="1" type="noConversion"/>
  </si>
  <si>
    <t>新北 市 今日 確診 者 有 65 人 新北 市長 侯友宜 15 日 表示 新北 已 連續 3 天 人數 在 百 人 以下 但 絕對 不要 放鬆 今天 金山 有 出現 6 例 是因為 家 族群 聚 市府 明日 將 派出 機動 快 篩 隊 呼籲 有 疑慮 的 金山區 民眾 一起 出來 快 篩 希望 把 冷 區</t>
    <phoneticPr fontId="1" type="noConversion"/>
  </si>
  <si>
    <t>新北 市 今日 確診 者 有 65 人 新北 市長 侯友宜 15 日 表示 新北 已 連續 3 天 人數 在 百 人 以下 但 絕對 不要 放鬆 今天 金山 有 出現 6 例 是因為 家 族群 聚 市府 明日 將 派出 機動 快 篩 隊 呼籲 有 疑慮 的 金山區 民眾 一起 出來 快 篩 希望 把 冷 區 的 個案 採取 堅壁清野 精准 打擊 侯友宜 說 今天 比 以往 少 新 店 10 例 跟 昨天 差不多 三 重 9 例 其中 金山 6 例 最 特殊 主要 是 1 例 確診 後 因為 家 族群 聚 又 造成 6 例 侯友宜 說 為 有效 控制 住 明天 將 派出 金山 機動 快 篩 隊 呼籲 金山 地區 有 疑慮 的 全部 快 篩 侯友宜 說 對於 金山 汐止 三峽 與 淡水 個案 數 少 的 區 一定 要 採取 堅壁清野 模式 而 熱區 則 是 要 採取 圍堵 壓制 才 能夠 有效 把 疫情 控制 下來 確診 數位 降溫 侯友宜 說 大家 絕對 不要 放鬆 新北 目前為止 確診 個案 5780 人 是 全國 最高 還是 要 提醒 大家 病毒 隱藏 在 看 不 到 的 地方 唯有 不斷 廣 篩 才能 精准 打擊</t>
    <phoneticPr fontId="1" type="noConversion"/>
  </si>
  <si>
    <t>防疫 守門員 中 市 交大 啟用 自動 測 溫 除 菌 門</t>
    <phoneticPr fontId="1" type="noConversion"/>
  </si>
  <si>
    <t>自己 先 做 好 防疫 安全 才能 保護 人民 交通 員警 大隊 增設 自動 測 溫 除 菌 門 民眾 申請 交通 事故 資料 及 辦理 計程車 審驗 事宜 以及 執勤 同仁 都 要 經過 這 道門 殺菌 多 一 層 防護 的 保障 大大降低 感染 風險 每 位 同仁 都 說 贊 考</t>
    <phoneticPr fontId="1" type="noConversion"/>
  </si>
  <si>
    <t>清冠 中藥 治癒 21 人 7 月 進軍 歐美</t>
    <phoneticPr fontId="1" type="noConversion"/>
  </si>
  <si>
    <t>治療 指引 進軍 歐美 肺炎 輕 症 陰性</t>
    <phoneticPr fontId="1" type="noConversion"/>
  </si>
  <si>
    <t>旅遊 肺炎 縮短 取消 理賠</t>
    <phoneticPr fontId="1" type="noConversion"/>
  </si>
  <si>
    <t>微 解封 後 部分 健身房 扣繳 月費 消基會 籲 應 完整 開放 才能 收費</t>
    <phoneticPr fontId="1" type="noConversion"/>
  </si>
  <si>
    <t>彰化新增6確診 衛生局20日下午再公佈最新8足跡</t>
    <phoneticPr fontId="1" type="noConversion"/>
  </si>
  <si>
    <t>彰 化 新增 6 確診 衛生局 20 日 下午 再 公佈 最新 8 足跡</t>
    <phoneticPr fontId="1" type="noConversion"/>
  </si>
  <si>
    <t>彰 化 縣 衛生局 20 日 下午 再次 公佈 確診 個案 公共場所 活動 史 包括 了 溪湖 的 五星級 平價 鍋 物 嬉遊 郵局 員林 高中和 墊 腳 石 圖書 等 文化廣場 衛生局 強調 看 足跡 也 要 比對 時間 這 段 時間 內 有 到 過 這些 地方 出現 身體 不適症 況 就</t>
    <phoneticPr fontId="1" type="noConversion"/>
  </si>
  <si>
    <t>一 日 農夫 開 直播 行銷 金 鑽 鳳梨</t>
    <phoneticPr fontId="1" type="noConversion"/>
  </si>
  <si>
    <t>直播 一 日 農夫 邱于軒 開 直播 肺炎</t>
    <phoneticPr fontId="1" type="noConversion"/>
  </si>
  <si>
    <t>政治 人物 應該 最後 打 疫苗 王 世堅 喊 臺灣 2300萬 人 打完 我 再 打</t>
    <phoneticPr fontId="1" type="noConversion"/>
  </si>
  <si>
    <t>疫苗準備追加第3劑 蘇貞昌：適當時機對外公佈</t>
    <phoneticPr fontId="1" type="noConversion"/>
  </si>
  <si>
    <t>疫苗 準備 追加 第 3 劑 蘇貞昌 適當 時機 對外 公佈</t>
    <phoneticPr fontId="1" type="noConversion"/>
  </si>
  <si>
    <t>桃園 市長 鄭文燦 昨 宣佈 固 安計 畫 守 住 移 工 馬其諾 防線 今 起 700 個 宿舍 工廠 5 天內 完成 分 艙 分流 檢查 並 針對 移 工 普 篩 12 個 聯合 快 篩 站 1 站 1 醫院 負責 會 跟 工業區 廠 聯會 合作 另外 141 家 大型 工廠 和 宿舍 則 采 機動 入 廠 篩</t>
    <phoneticPr fontId="1" type="noConversion"/>
  </si>
  <si>
    <t>高雄 小港 今 增 1 確診 ct 值 僅 17 感染 源 不明 曾 到 7 11 50 嵐</t>
    <phoneticPr fontId="1" type="noConversion"/>
  </si>
  <si>
    <t>nba 緊急 停賽 球員 還有 薪水 嗎</t>
    <phoneticPr fontId="1" type="noConversion"/>
  </si>
  <si>
    <t>nba 停賽 薪水 季後 賽 例行 賽</t>
    <phoneticPr fontId="1" type="noConversion"/>
  </si>
  <si>
    <t>見蔡政府回應民間全都有這2字 遊盈隆忍不住了：不吐不快</t>
    <phoneticPr fontId="1" type="noConversion"/>
  </si>
  <si>
    <t>見 蔡 政府 回應 民間 全都 有 這 2 字 遊 盈 隆 忍不住 了 不 吐 不快</t>
    <phoneticPr fontId="1" type="noConversion"/>
  </si>
  <si>
    <t>鴻 海 與 台積電 宣佈 完成 各 500萬 劑 的 bnt 疫苗 簽約 採購 行政院 發言人 羅秉成 昨 12 日 舉行 記者會 表示 政府 全力支援 捐贈 單位 全力 奉獻 才能 在 完成 這項 重要 的 捐贈 案 對此 臺灣 民意 基金會 董事長 游盈隆 認為 常聽到 政府</t>
    <phoneticPr fontId="1" type="noConversion"/>
  </si>
  <si>
    <t>遊盈隆 bnt 鴻 海 民間 企業 蔡 政府</t>
    <phoneticPr fontId="1" type="noConversion"/>
  </si>
  <si>
    <t>北市 一級 開設 標準 黃珊珊 中央 開 我 就 開</t>
    <phoneticPr fontId="1" type="noConversion"/>
  </si>
  <si>
    <t>日 大臣 得意 秀 鑽石 公主 船 內 防疫 照 網 一 看 氣炸 難怪會 失控</t>
    <phoneticPr fontId="1" type="noConversion"/>
  </si>
  <si>
    <t>美 疫情 到底 多 嚴重 cdc 透露 實際 確診 數 最高 恐 24 倍</t>
    <phoneticPr fontId="1" type="noConversion"/>
  </si>
  <si>
    <t>無懼 疫情 長 榮 文苑 開幕</t>
    <phoneticPr fontId="1" type="noConversion"/>
  </si>
  <si>
    <t>抽獎 開幕 肺炎 住房 率 研議</t>
    <phoneticPr fontId="1" type="noConversion"/>
  </si>
  <si>
    <t>誤會 大 了 以為 確診 者 去 過 全聯 台中 2 門市 今 停業</t>
    <phoneticPr fontId="1" type="noConversion"/>
  </si>
  <si>
    <t>非洲 將 會 大 流行 納米比亞 與 盧安達 出現 病例</t>
    <phoneticPr fontId="1" type="noConversion"/>
  </si>
  <si>
    <t>美食 -ky 最壞 已 過 瑞 信 喊 買</t>
    <phoneticPr fontId="1" type="noConversion"/>
  </si>
  <si>
    <t>瑞信 證券 指出 美食 -ky 2723 受惠 優化 成本 與 產品升級 的 結構性 利多 以及 重 啟 經濟 的 迴圈性 層面 利多 2022 2023 年 獲利 年 複合 成長率 將 是 極為 強勁 的 25 初次 納入 研究 範圍 給予 優於 大盤 投資 評等 推測 合理 股價 估</t>
    <phoneticPr fontId="1" type="noConversion"/>
  </si>
  <si>
    <t>同 店 銷售 提高 瑞信 肺炎 獲利</t>
    <phoneticPr fontId="1" type="noConversion"/>
  </si>
  <si>
    <t>林佳龍 戴 口罩 才能 搭 大眾 運輸 網友 譁然</t>
    <phoneticPr fontId="1" type="noConversion"/>
  </si>
  <si>
    <t>戴 口罩 大眾 運輸 高鐵 台鐵 口罩</t>
    <phoneticPr fontId="1" type="noConversion"/>
  </si>
  <si>
    <t>和 逆 時 中派 對壘 莊 人 祥 防疫 界 823 炮 戰 盼 點到為止</t>
    <phoneticPr fontId="1" type="noConversion"/>
  </si>
  <si>
    <t>防疫 八二三 炮 戰 莊人祥 逆 時 中 彰 化</t>
    <phoneticPr fontId="1" type="noConversion"/>
  </si>
  <si>
    <t>留學生 不來 撐不住 了 澳洲 爆 大學 裁員 潮 1 1萬 人 慘 丟 工作</t>
    <phoneticPr fontId="1" type="noConversion"/>
  </si>
  <si>
    <t>後遺症</t>
    <phoneticPr fontId="1" type="noConversion"/>
  </si>
  <si>
    <t>新 店 渡口 清淤 浮筒 自行車道 重 啟</t>
    <phoneticPr fontId="1" type="noConversion"/>
  </si>
  <si>
    <t>新北 市 新 店 渡 碼頭 去年 受 米 塔臺 風 衝擊 淤積 嚴重 影響 人力 擺渡 營運 水利局 今年 2 月 起 封閉 周圍 浮筒 自行車 牽引 道 進行 渡船 碼頭 周邊 清淤 工程 如今 工程 順利 完工 浮筒 自行車 牽引 道 也 於 11 日 重新 開放 提供 民眾 更 舒適 的 休</t>
    <phoneticPr fontId="1" type="noConversion"/>
  </si>
  <si>
    <t>牽引 道 營運 水利局 新 店 新店溪</t>
    <phoneticPr fontId="1" type="noConversion"/>
  </si>
  <si>
    <t>指標 調查 調查結果 健康 樂觀</t>
    <phoneticPr fontId="1" type="noConversion"/>
  </si>
  <si>
    <t>網路 謠傳 屏 東 做 大 通鋪 臨時 醫院 潘孟安 斥 消息 假 得 離譜</t>
    <phoneticPr fontId="1" type="noConversion"/>
  </si>
  <si>
    <t>世衛宣佈 新冠肺炎全球風險上調非常高</t>
    <phoneticPr fontId="1" type="noConversion"/>
  </si>
  <si>
    <t>肺炎 病毒 德塞 傳播 追蹤</t>
    <phoneticPr fontId="1" type="noConversion"/>
  </si>
  <si>
    <t>自費 檢驗 費用 大 不同 臺灣 價格 竟 高出 13 倍</t>
    <phoneticPr fontId="1" type="noConversion"/>
  </si>
  <si>
    <t>全國 自費 檢驗 檢驗 醫院 約 新 台幣</t>
    <phoneticPr fontId="1" type="noConversion"/>
  </si>
  <si>
    <t>換 義 大利 恐慌 了 戴 口罩 排隊 搶購 民生 用品</t>
    <phoneticPr fontId="1" type="noConversion"/>
  </si>
  <si>
    <t>北市 死亡 個案 校正 回歸 遭 陳時中 說 重話 衛生局 初 判為 系統 問題</t>
    <phoneticPr fontId="1" type="noConversion"/>
  </si>
  <si>
    <t>系統 個案 資料 通報 死亡 個案</t>
    <phoneticPr fontId="1" type="noConversion"/>
  </si>
  <si>
    <t>美 6 月 非農 就業 暴 增 480萬 人</t>
    <phoneticPr fontId="1" type="noConversion"/>
  </si>
  <si>
    <t>就業</t>
    <phoneticPr fontId="1" type="noConversion"/>
  </si>
  <si>
    <t>狀態 大增 疫情 資料 肺炎</t>
    <phoneticPr fontId="1" type="noConversion"/>
  </si>
  <si>
    <t>2020 美 大選 川普 警訊 40 年 鐵 粉 反感 4 成認美 走 錯 了</t>
    <phoneticPr fontId="1" type="noConversion"/>
  </si>
  <si>
    <t>這 恐怕 能 視為 川普 連任 警訊 路透社 的 民 調 指出 川普 上任 以來 現在 是 共和黨 支持者 對 未來 最 悲觀 的 時候 40 年 共和黨 鐵 粉 表示 對 川普 感到 厭惡 另外 將近 4 成 支持者 相信 美國 走 錯 道路 路透社 易普索 reuters ipsos 6 月初</t>
    <phoneticPr fontId="1" type="noConversion"/>
  </si>
  <si>
    <t>冬季 專案 8 大類 場所 強制 戴 口罩 主要 原因 曝光</t>
    <phoneticPr fontId="1" type="noConversion"/>
  </si>
  <si>
    <t>疫情 後 川普 首度 辦 造 勢 竟 選 在 種族 大屠殺 地點</t>
    <phoneticPr fontId="1" type="noConversion"/>
  </si>
  <si>
    <t>入境 集中 管制 南非 六 國 列 高風險</t>
    <phoneticPr fontId="1" type="noConversion"/>
  </si>
  <si>
    <t>采 檢 重點 檢疫 鬆綁 返台</t>
    <phoneticPr fontId="1" type="noConversion"/>
  </si>
  <si>
    <t>南市 1 6萬 劑 疫苗 開 打 郭信良 建議 開放 部分 給 年長 及 病 弱者 施打</t>
    <phoneticPr fontId="1" type="noConversion"/>
  </si>
  <si>
    <t>台南 市 新近 獲 分配 的 1萬6000 劑 疫苗 2 日 開 打 台南 市 議長 郭信良 除 肯定 市府 先前 的 施打 效率 外 也 建議 開放 部分 疫苗 給 年長 及 病 弱者 施打 郭信良 表示 台 南市 5 月 27 日 獲 配 1萬3000 劑 疫苗 5 月 30 日 就 全數 施打 完畢 顯示 市府 衛</t>
    <phoneticPr fontId="1" type="noConversion"/>
  </si>
  <si>
    <t>橡 塑膠 產業 訂單 加 持 台 穩 營運 報喜</t>
    <phoneticPr fontId="1" type="noConversion"/>
  </si>
  <si>
    <t>中部 知名 產業 機械 大型 齒輪 憑 藉 著 肺炎</t>
    <phoneticPr fontId="1" type="noConversion"/>
  </si>
  <si>
    <t>默沙東 抗 疫 口服藥 可 降低 50 住院 或 死亡 風險</t>
    <phoneticPr fontId="1" type="noConversion"/>
  </si>
  <si>
    <t>who 回應 川普 中國 病毒 說 不應 把 病毒 同 種族 相 聯繫</t>
    <phoneticPr fontId="1" type="noConversion"/>
  </si>
  <si>
    <t>三寶 媽 確診 四肢 截肢 才 保 命 悲痛 心聲 曝光</t>
    <phoneticPr fontId="1" type="noConversion"/>
  </si>
  <si>
    <t>餐飲 禁止 內 用 提早 解禁 侯友宜 這樣 回應</t>
    <phoneticPr fontId="1" type="noConversion"/>
  </si>
  <si>
    <t>近來 疫情 獲得 控制 對於 餐飲 禁止 內 用 到 15 日 是否 考慮 提早 解禁 新北 市長 侯友宜 今 主持 疫情 說明會 表示 現在 疫情 還是 在 觀察 期間 我們 應該 戒慎 恐懼 嚴陣以待 來 面對 第一 波 入侵 新北 的 delta 病毒 目前 仍 在 嚴密 觀測 掌</t>
    <phoneticPr fontId="1" type="noConversion"/>
  </si>
  <si>
    <t>疫情 餐飲 禁止 內 用 提早 解禁</t>
    <phoneticPr fontId="1" type="noConversion"/>
  </si>
  <si>
    <t>直播 藍委 控 造謠 吳釗燮 立院 報告 口罩 援外</t>
    <phoneticPr fontId="1" type="noConversion"/>
  </si>
  <si>
    <t>吳釗燮 敦睦 艦隊 口罩 立院 外交部</t>
    <phoneticPr fontId="1" type="noConversion"/>
  </si>
  <si>
    <t>勞動部 砸 5億 無 薪 假 員工 最 多 可 領 1萬9</t>
    <phoneticPr fontId="1" type="noConversion"/>
  </si>
  <si>
    <t>山富 3 月 上櫃 長期 營運 動能 強</t>
    <phoneticPr fontId="1" type="noConversion"/>
  </si>
  <si>
    <t>成長 優於 前 擴大 營運 動能 肺炎 山富</t>
    <phoneticPr fontId="1" type="noConversion"/>
  </si>
  <si>
    <t>李毓芬 防疫 沒 穿衣 一 條 毛毯 裹 裸體 網 噴鼻血</t>
    <phoneticPr fontId="1" type="noConversion"/>
  </si>
  <si>
    <t>快 篩 陽性 應 視同 pcr 確診 柯文哲 下令 加速 匡列</t>
    <phoneticPr fontId="1" type="noConversion"/>
  </si>
  <si>
    <t>臺北市 長 柯文哲 今日 上午 舉行 北市 防疫 會議 會議 中 下令 要 將 快 篩 陽性 應 視同 pcr 確診 加速 檢驗 流程 以 盡 速 匡 列 確診 者 同時 也 因 高齡 確診 者 死亡率 高 未來 會 加強 健康 照 護 柯文哲 表示 快 篩 陽性 的 case 如何 在 最 短 時間</t>
    <phoneticPr fontId="1" type="noConversion"/>
  </si>
  <si>
    <t>臺北市 長 柯文哲 今日 上午 舉行 北市 防疫 會議 會議 中 下令 要 將 快 篩 陽性 應 視同 pcr 確診 加速 檢驗 流程 以 盡 速 匡 列 確診 者 同時 也 因 高齡 確診 者 死亡率 高 未來 會 加強 健康 照 護 柯文哲 表示 快 篩 陽性 的 case 如何 在 最 短 時間 處理 所有 系統 從 今日 開始 只要 快 篩 陽性 就 要 在 最 短 時間 內 做 pcr 方法 必須 出來 聯合醫院 副 總 院長 璩 大 成也 附和 指 快 篩 陽性 視同 pcr 陽性 流程 上 快速 許多 第 2 個 才 加上 症狀 與否 這樣 速度 就 會 很 快 柯也再 重申 快 篩 陽性 視同 為 pcr 陽性 除非 後面 有 再 改變 原則 上 還是 想 辦法 儘快 做 出來 因為 這 會 決定 匡列 速度 再來 就是 症狀 和 年齡 這 2 個 因素 決定</t>
    <phoneticPr fontId="1" type="noConversion"/>
  </si>
  <si>
    <t>崴 立 多管齊下 降低 疫情 衝擊</t>
    <phoneticPr fontId="1" type="noConversion"/>
  </si>
  <si>
    <t>肺炎 產能 多 管齊 三 廠 崴 立 機電</t>
    <phoneticPr fontId="1" type="noConversion"/>
  </si>
  <si>
    <t>日和歌山縣知事： 因院內感染案例遭全國霸淩</t>
    <phoneticPr fontId="1" type="noConversion"/>
  </si>
  <si>
    <t>日 和歌 山 縣知事 因 院內 感染 案例 遭 全國 霸 淩</t>
    <phoneticPr fontId="1" type="noConversion"/>
  </si>
  <si>
    <t>鮑爾 復蘇 有 挑戰 首 重 控制 疫情</t>
    <phoneticPr fontId="1" type="noConversion"/>
  </si>
  <si>
    <t>聯 准會 fed 主席 鮑爾 與 美國 財長 穆努欽 30 日前 往 眾議院 金融服務 委員會 作證 鮑爾 在 預先 準備 的 書面 證詞 表示 美國 重 啟 經濟 的 時間 比 他們 預期 來得快 但 解封 也 帶來 風險 像是 數 州 確診 病例 升高 鮑爾 表示 我們 已 進入</t>
    <phoneticPr fontId="1" type="noConversion"/>
  </si>
  <si>
    <t>商業 圓桌會議 營運 執行長 肺炎 計畫</t>
    <phoneticPr fontId="1" type="noConversion"/>
  </si>
  <si>
    <t>宅 在家 防疫 雪 隧 蘇花 改 車流 稀疏 有望 創 單日 車流量 最低</t>
    <phoneticPr fontId="1" type="noConversion"/>
  </si>
  <si>
    <t>這個 週末 是 全台 進入 第 三級 疫情 警戒 的 第 一個 周 休 二 日 假期 大家 有 沒有 聽話 乖乖 宅 在家 防疫 透過 國道 五 號 雪山 隧道 及 蘇花 改 的 車流量 監測 結果 答案 是 肯定 的 國道 五 號 南下 車道 今 22 日 上午 始終 保持 順暢 車流</t>
    <phoneticPr fontId="1" type="noConversion"/>
  </si>
  <si>
    <t>novavax 疫苗 英國 試驗 防護力 約 89</t>
    <phoneticPr fontId="1" type="noConversion"/>
  </si>
  <si>
    <t>防護力 瓦克斯 試驗 諾瓦 新 變種 病毒</t>
    <phoneticPr fontId="1" type="noConversion"/>
  </si>
  <si>
    <t>抹 茶 草莓 成長 烘焙 愛 買</t>
    <phoneticPr fontId="1" type="noConversion"/>
  </si>
  <si>
    <t>國產 疫苗 中和 抗體 效價 為何 和 az 相比 陳時中 因 國內 現在 只 有 打 az</t>
    <phoneticPr fontId="1" type="noConversion"/>
  </si>
  <si>
    <t>快訊！侯友宜宣佈：畢業典禮、畢業旅行皆可舉辦　下周起第二階段解封</t>
    <phoneticPr fontId="1" type="noConversion"/>
  </si>
  <si>
    <t>快訊 侯友宜 宣佈 畢業典禮 畢業 旅行 皆 可 舉辦 下 周起 第二 階段 解封</t>
    <phoneticPr fontId="1" type="noConversion"/>
  </si>
  <si>
    <t>新北 市 侯友宜 解封 畢業典禮 畢業 旅行</t>
    <phoneticPr fontId="1" type="noConversion"/>
  </si>
  <si>
    <t>強化防制疫情 川普宣佈延後復工</t>
    <phoneticPr fontId="1" type="noConversion"/>
  </si>
  <si>
    <t>強化 防制 疫情 川普 宣佈 延後 復工</t>
    <phoneticPr fontId="1" type="noConversion"/>
  </si>
  <si>
    <t>死亡 人數 川普 美國 肺炎 死亡</t>
    <phoneticPr fontId="1" type="noConversion"/>
  </si>
  <si>
    <t>同樣 染 delta 幼稚園 老師 社區 卻 沒 清 空 張上淳 曝 原因</t>
    <phoneticPr fontId="1" type="noConversion"/>
  </si>
  <si>
    <t>delta 社區 幼稚園 老師 張上淳 清 空</t>
    <phoneticPr fontId="1" type="noConversion"/>
  </si>
  <si>
    <t>印尼 移 工 單日 爆 增 20 例 前 藍委 鄭文燦 可能 要 升 官 了</t>
    <phoneticPr fontId="1" type="noConversion"/>
  </si>
  <si>
    <t>女 廚工 陳屍 高雄 85 大樓 日 租 套房 檢測 結果 出爐</t>
    <phoneticPr fontId="1" type="noConversion"/>
  </si>
  <si>
    <t>高雄市 85 大樓 內 的 日 租 套房 發生 1 名 女 租 客 陳屍 屋內 47 歲 蔣姓 女子 因 2 天 沒有 出門 打掃 的 房務 人員 4 日 直覺 有異 向 警方 報案 警 消 獲 報 破門 發現 蔣女 倒 在 門後 嘴角 滲 血 已 死亡 多時 經過 檢測 後 呈現 陰性 檢 方將 擇期 解</t>
    <phoneticPr fontId="1" type="noConversion"/>
  </si>
  <si>
    <t>華航新增1機師染疫 足跡公佈！去過海真私房菜</t>
    <phoneticPr fontId="1" type="noConversion"/>
  </si>
  <si>
    <t>出國 玩 有望 日本 擬 開放 團 客 入境 臺灣 可望 列 首 波 名單</t>
    <phoneticPr fontId="1" type="noConversion"/>
  </si>
  <si>
    <t>日本 開放 觀光團 臺灣 入境</t>
    <phoneticPr fontId="1" type="noConversion"/>
  </si>
  <si>
    <t>防疫 少 出門 新北 推 宗教 線 上 祈福</t>
    <phoneticPr fontId="1" type="noConversion"/>
  </si>
  <si>
    <t>女鬼 橋 不畏 疫情 全台 賣 破 2300萬 奪冠</t>
    <phoneticPr fontId="1" type="noConversion"/>
  </si>
  <si>
    <t>3 天 0 確診 八大 行業 急 盼 重 啟 停業 令 牽連 25萬 人 拖 愈久 治安 愈差</t>
    <phoneticPr fontId="1" type="noConversion"/>
  </si>
  <si>
    <t>立 委 ktv 停業 疫情 確診</t>
    <phoneticPr fontId="1" type="noConversion"/>
  </si>
  <si>
    <t>疫情 後 全球 經濟 斷 鏈 後 科技產業 的 新 挑戰</t>
    <phoneticPr fontId="1" type="noConversion"/>
  </si>
  <si>
    <t>斷 鏈 爆發 中國 肺炎 時刻</t>
    <phoneticPr fontId="1" type="noConversion"/>
  </si>
  <si>
    <t>市場 修正 後 高 收 債 新興 債 價值 面 誘人</t>
    <phoneticPr fontId="1" type="noConversion"/>
  </si>
  <si>
    <t>信用 利差 降息 新興 市場 主權 債 水準 價值 面</t>
    <phoneticPr fontId="1" type="noConversion"/>
  </si>
  <si>
    <t>建立 自主 防疫 供應 鏈 是 首 務</t>
    <phoneticPr fontId="1" type="noConversion"/>
  </si>
  <si>
    <t>全球 全新 專利 藥物 授權</t>
    <phoneticPr fontId="1" type="noConversion"/>
  </si>
  <si>
    <t>傳 產 紡 拓 會 董事長 王文淵 3 度 接任</t>
    <phoneticPr fontId="1" type="noConversion"/>
  </si>
  <si>
    <t>紡 拓 會 董事長 王文淵 紡織業 發展</t>
    <phoneticPr fontId="1" type="noConversion"/>
  </si>
  <si>
    <t>《臺北股市》新冠衝擊台股 三招趨吉避凶</t>
    <phoneticPr fontId="1" type="noConversion"/>
  </si>
  <si>
    <t>陳其邁 臺灣 模式 防疫 歐美 都 想 取經</t>
    <phoneticPr fontId="1" type="noConversion"/>
  </si>
  <si>
    <t>美國硬漢高球手染新冠去世 美網宣佈資格賽閉門</t>
    <phoneticPr fontId="1" type="noConversion"/>
  </si>
  <si>
    <t>英國 情侶 可 領 防疫 補助金 陳時中 給 答案</t>
    <phoneticPr fontId="1" type="noConversion"/>
  </si>
  <si>
    <t>聯合 聲明 疫苗 藥 商 政治 施壓 fda</t>
    <phoneticPr fontId="1" type="noConversion"/>
  </si>
  <si>
    <t>企業 疫情 防控 肺炎 中國 大陸 湖北</t>
    <phoneticPr fontId="1" type="noConversion"/>
  </si>
  <si>
    <t>戰況 緊急 不能 再 拖 一個 禮拜 柯文哲 籲 中央 盡 速 發 疫苗 給 地方</t>
    <phoneticPr fontId="1" type="noConversion"/>
  </si>
  <si>
    <t>臺北市 長 柯文哲 21 日 表示 北市 的 疫苗 會 進行 管制 先 讓 醫療 院所 防疫 旅館 等 第一 線 作戰 人員 施打 其他 須施 打 人員 以 造冊 批次 施 打的 方式 管制 與 防疫 有關 的 防疫 巴士 防疫 計程車 救護車 人員 也 都可施 打 以 確保 防疫 戰</t>
    <phoneticPr fontId="1" type="noConversion"/>
  </si>
  <si>
    <t>臺北市 長 柯文哲 21 日 表示 北市 的 疫苗 會 進行 管制 先 讓 醫療 院所 防疫 旅館 等 第一 線 作戰 人員 施打 其他 須施 打 人員 以 造冊 批次 施 打的 方式 管制 與 防疫 有關 的 防疫 巴士 防疫 計程車 救護車 人員 也 都可施 打 以 確保 防疫 戰線 安全 柯文哲 表示 目前 戰況 緊急 昨 收到 的 41萬 劑 疫苗 中央 不能 再 拖 一個 禮拜 要 趕快 走 完 流程 盡 速 發給 地方 柯並 再度 強調 防線 不能 被 突破 對 市府 部分 單位 傳出 有 確診 者 黃珊珊 表示 會 匡 列 接觸 者 並 全面 進行 清 消 也 有 規 畫 異地 辦公 等 措施 市府 不會 停 擺 黃並 透露 她 曾 接觸 過 確診 的 裡長 太太 後來 檢疫 是 陰性 只要 個人 防護 做好 不是 接觸 就 會 被 傳染</t>
    <phoneticPr fontId="1" type="noConversion"/>
  </si>
  <si>
    <t>cnn 主 播 庫柏 為 台 發聲 防疫 耀眼 who 刻意 忽視</t>
    <phoneticPr fontId="1" type="noConversion"/>
  </si>
  <si>
    <t>獨家 中和 某國 小 學童 pcr 陽性 一 關鍵 判斷 與 幼稚園 群 聚 關連 低</t>
    <phoneticPr fontId="1" type="noConversion"/>
  </si>
  <si>
    <t>新北 疫情 持續 升溫 繼 板橋 某 間 幼稚園 爆發 群 聚 感染 中和 區 某國 小 學童 pcr 陽性 校方 昨天 深夜 緊急通知 今 起 停課 3 天 由於 學童 ct 值 32 研 判 感染 已久 屬於 獨立 個案 與 板橋 某 幼稚園 關連性 不大 但 市府 仍 將 採取 預防 性 措施</t>
    <phoneticPr fontId="1" type="noConversion"/>
  </si>
  <si>
    <t>中和 某國 小 學童 pcr 陽性 停課</t>
    <phoneticPr fontId="1" type="noConversion"/>
  </si>
  <si>
    <t>疫苗 終於 供過於求 了 盧秀燕 曝 2萬 劑 高端尚 無 人 預約</t>
    <phoneticPr fontId="1" type="noConversion"/>
  </si>
  <si>
    <t>高端 盧秀燕 台中 供過於求 疫苗</t>
    <phoneticPr fontId="1" type="noConversion"/>
  </si>
  <si>
    <t>開學日 護 童 勤務 竹市 警 強化 各國 小 學童 人身安全</t>
    <phoneticPr fontId="1" type="noConversion"/>
  </si>
  <si>
    <t>北市 增 1 本土 個案 ct 值 低 曾 前往 桃園 華泰 名品 城</t>
    <phoneticPr fontId="1" type="noConversion"/>
  </si>
  <si>
    <t>疫苗 未 打 前 柯 籲 台 一定 程度 鎖國</t>
    <phoneticPr fontId="1" type="noConversion"/>
  </si>
  <si>
    <t>民眾黨 疫苗 肺炎 鎖國 柯文哲</t>
    <phoneticPr fontId="1" type="noConversion"/>
  </si>
  <si>
    <t>國產 疫苗 若 通過 二期 衛 長 掛 保證 安全</t>
    <phoneticPr fontId="1" type="noConversion"/>
  </si>
  <si>
    <t>田寮 健康 友善 社區 揭牌 大家 相約 活到 120 歲</t>
    <phoneticPr fontId="1" type="noConversion"/>
  </si>
  <si>
    <t>為 照顧 更 多 老人 與 民眾 岡山 秀 傳 醫院 與 高雄市 衛生局 協力 到 田寮 區 成立 健康 友善 社區 衛生局長 照 中心 說 希望 未來 高雄市 每 裡 都 能 有 一 處 健康 友善 社區 服務 各 地區 的 老人 秀 傳 醫院院長 趙昭欽 與 長輩 們 相約 活到 120 歲</t>
    <phoneticPr fontId="1" type="noConversion"/>
  </si>
  <si>
    <t>幼稚園 廚工 確診 中 市府 一早 完成 西屯 泰安 國小 消毒</t>
    <phoneticPr fontId="1" type="noConversion"/>
  </si>
  <si>
    <t>新北 確診 婦 南 送 嘉義 治療 拒絕 插管 靠 親情 喚醒 求生 意念</t>
    <phoneticPr fontId="1" type="noConversion"/>
  </si>
  <si>
    <t>嘉基 新北 親情 插管 治療 確診</t>
    <phoneticPr fontId="1" type="noConversion"/>
  </si>
  <si>
    <t>北京 降低 疫情 防控 等級 陸 境內 低 風險區 進 京 4 30 起 免 隔離</t>
    <phoneticPr fontId="1" type="noConversion"/>
  </si>
  <si>
    <t>在 大陸 公佈 兩會 舉行 時間 的 同一天 北京市 政府 宣佈 從 4 月 30 日 起 北京 的 防控 疫情 等級 從 一級 降為 二級 大陸 境內 低 風險 地區 進京 出差 返京 人員 不再 要求 居家 隔離 14 天 正 在 隔離 觀察 的 可以 解除 觀察 北京市 29 日 的 新</t>
    <phoneticPr fontId="1" type="noConversion"/>
  </si>
  <si>
    <t>大安區 某 防疫 旅館 1 男 死亡 北 市府 回 應 了</t>
    <phoneticPr fontId="1" type="noConversion"/>
  </si>
  <si>
    <t>mlb 韋藍德 偕 辣 妻 發聲 薪水 全捐抗 疫情</t>
    <phoneticPr fontId="1" type="noConversion"/>
  </si>
  <si>
    <t>韋藍德 阿普頓 薪資 辣 妻 捐 錢</t>
    <phoneticPr fontId="1" type="noConversion"/>
  </si>
  <si>
    <t>采 最 嚴格 管 控 措施 揚州 主城區 取消 居民 外出 許可 統一 足不出戶</t>
    <phoneticPr fontId="1" type="noConversion"/>
  </si>
  <si>
    <t>江蘇 揚州 採取 了 疫情 以來 最 嚴格 的 社區 管控 措施 澎湃 新聞 今天 14 日 報導 8 月 13 日 揚州 發佈公告 要求 疫情 重點 管控 區域 內 的 封閉 社區 封控 管理 社區 均 嚴格執行 足不出戶 此前 揚州 已對 主城區 低 風險 社區 實施 了</t>
    <phoneticPr fontId="1" type="noConversion"/>
  </si>
  <si>
    <t>華西街黑幫公祭取消 兄弟與員警都鬆一口氣</t>
    <phoneticPr fontId="1" type="noConversion"/>
  </si>
  <si>
    <t>華西街 黑幫 公祭 取消 兄弟 與 員警 都松 一口氣</t>
    <phoneticPr fontId="1" type="noConversion"/>
  </si>
  <si>
    <t>萬華 華西街 幫 某 大哥 父親 日前 病逝 原定 預定 22 日本 週六 下午 將 在 第一 殯儀館 舉辦 告別式 並 廣發 訃聞 給 全國 各幫派 分子 及 殯葬 業者 預計 將 有 1200 人 到場 參加 消息 上周 傳出 後 令 負責 對 幫派 活動 進行 蒐證 的 第一線 員 警 憂心 不</t>
    <phoneticPr fontId="1" type="noConversion"/>
  </si>
  <si>
    <t>餐飲業 禁內 用 到底 有 多 慘 網點 名 1 類型 一定 先 倒</t>
    <phoneticPr fontId="1" type="noConversion"/>
  </si>
  <si>
    <t>宜蘭 新 增 2 確診 1 人 與 羅東 遊藝場 有關 1 人 赴 台中 進香團</t>
    <phoneticPr fontId="1" type="noConversion"/>
  </si>
  <si>
    <t>疫情 升溫 臺灣 人壽 推 三大 關懷 服務措施</t>
    <phoneticPr fontId="1" type="noConversion"/>
  </si>
  <si>
    <t>竹縣 兒科 醫 建議 加強 孩童 保 謢 力 兒科 醫</t>
    <phoneticPr fontId="1" type="noConversion"/>
  </si>
  <si>
    <t>9 月 1 日 開學 縣市政府 為 開學 做 防疫 準備 中醫大 新竹 附設 醫院 兒科 主任 陳思融 遇到 很多 焦慮 家長 詢問 擔心 孩子 在 未 打 疫苗 的 情況 下 是否 能 上學 陳思融 建議 5 歲 以下 孩童 除了 公費 13 價 肺炎 鏈球菌 疫苗 外 可 在 6 到 12 個 月 自費 施</t>
    <phoneticPr fontId="1" type="noConversion"/>
  </si>
  <si>
    <t>兒科 陳思 保護 力 疫苗 病毒</t>
    <phoneticPr fontId="1" type="noConversion"/>
  </si>
  <si>
    <t>日新 威 秀 9 月 吹 響 熄燈號 全台 第 1 個 數位 imax 影 廳</t>
    <phoneticPr fontId="1" type="noConversion"/>
  </si>
  <si>
    <t>位於 西門 町 電影 街 的 日新 威 秀 影城 陪 觀眾 走過 13 個 年頭 因 租約 到期 地主 有意 改建 為 商城 訂 於 9 月 8 日 吹 響 熄燈號 日新 威 秀 影城 前身 為 日新 旗艦 店 威秀 影城 於 2007 年 8 月 3 日 接手 經營 並 耗資 千萬 重新 改裝 2008 年 5 月 引進</t>
    <phoneticPr fontId="1" type="noConversion"/>
  </si>
  <si>
    <t>今日 零 確診 一 分鐘 看 懂 疫情 重點</t>
    <phoneticPr fontId="1" type="noConversion"/>
  </si>
  <si>
    <t>郭董捐 500萬 劑 bnt 疫苗 見 曙光 陳時中 曝 最新 進度</t>
    <phoneticPr fontId="1" type="noConversion"/>
  </si>
  <si>
    <t>鴻海集團 創辦 人 郭台銘 日前 透過 永齡 基金會 向 食 藥 署 遞 件 盼 能 引進 500萬 劑 輝瑞 bnt 疫苗 剛 開始 指揮官 陳時 中指 申請 文件 缺 原廠 授權 書 且 必須 由 政府 簽約 前天 終於 鬆口 只要 藥廠 出具 原廠 資料 民間 可 自行 簽約 今天 陳時</t>
    <phoneticPr fontId="1" type="noConversion"/>
  </si>
  <si>
    <t>美國 11 月 入境 采 新 規 賴士葆 諷 官員 都 不 打 高端 不受 影響</t>
    <phoneticPr fontId="1" type="noConversion"/>
  </si>
  <si>
    <t>雙北 14 人 赴 花蓮 法會 1 人 確診 另 13 人 完成 采 檢</t>
    <phoneticPr fontId="1" type="noConversion"/>
  </si>
  <si>
    <t>雙北 地區 日前 有 14 人 一起 到 花蓮 參加 法會 卻 在 昨日 傳出 有 1 人 確診 新北 市 衛生局長 陳 潤 秋 表示 其 餘 13 人 陸續 完成 采 檢 目前 沒有 新增 個案 持續 掌握 中 新北 市 昨日 公佈 1 名 三 重 男性 在 8 月 12 日 下午 3 時 09 分到 5 時 47 分 從 臺北</t>
    <phoneticPr fontId="1" type="noConversion"/>
  </si>
  <si>
    <t>雙北 地區 日前 有 14 人 一起 到 花蓮 參加 法會 卻 在 昨日 傳出 有 1 人 確診 新北 市 衛生局長 陳 潤 秋 表示 其 餘 13 人 陸續 完成 采 檢 目前 沒有 新增 個案 持續 掌握 中 新北 市 昨日 公佈 1 名 三 重 男性 在 8 月 12 日 下午 3 時 09 分到 5 時 47 分 從 臺北 車站 搭乘 太 魯 閣 號 到 花蓮 鳳林 站 8 月 15 日 晚上 6 時 49 分到 10 時自花 蓮 鳳林 站 搭 自強 號 到 臺北 車站 陳 潤 秋 表示 目前 初步 調查 雙北 地區 民眾 到 花蓮 餐 與 法會 總共 有 14 人 除 了 1 名 確診 者 其他 13 人 完成 采 檢 目前 尚無 新增 個案 會 把 相關 資訊 交給 花蓮 衛生局 一起 合作</t>
    <phoneticPr fontId="1" type="noConversion"/>
  </si>
  <si>
    <t>防 中 鏢 快 學 瘦子 這些 習慣 很 管用</t>
    <phoneticPr fontId="1" type="noConversion"/>
  </si>
  <si>
    <t>體重 熱量 肥胖 國民 健康 署 過 重</t>
    <phoneticPr fontId="1" type="noConversion"/>
  </si>
  <si>
    <t>高雄 92 名 海軍 拒絕 疫 調 陳時中 因 先前 下 命令 別 接 不明 電話</t>
    <phoneticPr fontId="1" type="noConversion"/>
  </si>
  <si>
    <t>疫 調 拒絕 疫情 調查 高雄市 配合</t>
    <phoneticPr fontId="1" type="noConversion"/>
  </si>
  <si>
    <t>這 才 是 航母 殺手 法 戴高樂 號 近 半 確診 戰力全 失</t>
    <phoneticPr fontId="1" type="noConversion"/>
  </si>
  <si>
    <t>雙北 破 千 例 最新 確診 地圖 曝光 台 南市 一 夜 變色</t>
    <phoneticPr fontId="1" type="noConversion"/>
  </si>
  <si>
    <t>臺灣 連續 4 天 本土 確診 數 破 200 例 根據 疾 管署 全國 本土 病例 地理 分佈圖 顯示 我國 從 去年 1 月 累計 至今 共有 1329 例 本土 個案 重災區 雙 北 破 千 例 而 原本 維持 本土 確診 數 0 的 台 南市 也 破 功 出現 2 人 確診 西 半 部 近 8 成縣 市 皆 已</t>
    <phoneticPr fontId="1" type="noConversion"/>
  </si>
  <si>
    <t>臺灣 連續 4 天 本土 確診 數 破 200 例 根據 疾 管署 全國 本土 病例 地理 分佈圖 顯示 我國 從 去年 1 月 累計 至今 共有 1329 例 本土 個案 重災區 雙 北 破 千 例 而 原本 維持 本土 確診 數 0 的 台 南市 也 破 功 出現 2 人 確診 西 半 部 近 8 成縣 市 皆 已 淪陷 僅剩 嘉義 縣 市 和 屏 東縣 維持 零 本土 根據 疾 管署 全國 本土 病例 地理 分佈圖 顯示 從 去年 1 月 至 今 國內 累計 1329 例 本土 個案 其中 以 新北 市 597 人 最 多 接 著 依序是 臺北市 526 人 桃園 市 82 人 彰 化 縣 58 人 宜蘭 縣 21 人 基隆 市 17 人 以上 這 6 個 縣 市 皆 是 紅色警戒 燈號 而 橙色 燈號 的 縣 市 有 4 個 分別 是 高雄市 11 人 台中 市 7 人 以及 新竹 縣 市 各 3 人 黃色 燈號 的 縣 市 僅 台 南市 2 人 淺綠色 燈號 的 是 苗栗縣 和 雲 林縣 這 2 縣 市 目前 都只 有 1 例 本土 個案 截至 目前 仍 維持 0 確診 的 有 9 個 縣 市 包括 嘉義 市 嘉 義縣 南 投 縣 屏 東縣 台 東縣 花蓮縣 金門縣 連江縣 澎湖縣 目前 燈號 仍舊 維持 深 綠色 根據 最新 的 病例 分佈圖 臺灣 西 半 部 多數 的 縣 市 都 已經 淪陷 只 剩下 嘉義 縣 市 和 屏 東縣 沒有 本土 確診 案例 臺灣 昨 新增 267 例 本土 個案 其中 127 例 為 男性 140 例 為 女性 年齡 介於 未 滿 5 歲 至 80 多 歲 居住 縣 市 分別 為 新北 市 129 例 中和 區 26 例 為 多 臺北市 70 例 萬 華區 31 例 為 多 彰 化 縣 28 例 桃園 市 16 例 高雄市 8 例 台中 市 5 例 基隆 市 4 例 宜蘭 縣 3 例 台 南市 及 新竹 市 各 2 例 新增 縣 市 為 台南 市</t>
    <phoneticPr fontId="1" type="noConversion"/>
  </si>
  <si>
    <t>金管會 核准 國泰 產險 移 工 防疫 保險 商品</t>
    <phoneticPr fontId="1" type="noConversion"/>
  </si>
  <si>
    <t>移 工 住院 醫療 費用 covid 19 健康 保險</t>
    <phoneticPr fontId="1" type="noConversion"/>
  </si>
  <si>
    <t>本土 增 2 例 新北 夫妻 確診 匡列 50 人 居家 隔離</t>
    <phoneticPr fontId="1" type="noConversion"/>
  </si>
  <si>
    <t>臺灣 確診 死亡率 為何 高 學者 曝 蔡 政府 3 大 問題</t>
    <phoneticPr fontId="1" type="noConversion"/>
  </si>
  <si>
    <t>莫德納 回來 了 帛 琉 泡泡 10 月 每 航班 提供 30 劑</t>
    <phoneticPr fontId="1" type="noConversion"/>
  </si>
  <si>
    <t>莫德納 帛 琉 10 月 30 劑 輝瑞</t>
    <phoneticPr fontId="1" type="noConversion"/>
  </si>
  <si>
    <t>鳳梨 風暴 大陸 後面 還有 招?港 媒 怒 揭蔡 政府 騙術 看 你們 還 能 頂 多久</t>
    <phoneticPr fontId="1" type="noConversion"/>
  </si>
  <si>
    <t>大陸 因 介殼 蟲 檢疫 從 3 月 1 日 起 暫停 臺灣 鳳梨 輸入 突襲 式 的 動作 對 兩岸 局勢 投下 震撼 彈 港 媒 評論 表示 相較 1 月 禁止 臺灣 將 含 萊克多巴 胺 肉品 輸入 大陸 因 這次 鳳梨 產區 多 在 南 臺灣 綠 營 票 倉 蔡 政府 明顯 反應 更加 強烈 評論 質</t>
    <phoneticPr fontId="1" type="noConversion"/>
  </si>
  <si>
    <t>上海 返台 搭 高鐵 回 高雄 台女 遭 衛生局 堵人 開 罰</t>
    <phoneticPr fontId="1" type="noConversion"/>
  </si>
  <si>
    <t>一 名 領有 臺灣 身分 證 的 女子 昨 14 日 從 上海 搭 機 返台 在 松山機場 入境 並 在 機場 收下 居家 檢疫 通知書 卻 仍 搭乘 高鐵 回 高雄 遭 高雄市 衛生 局 開出 舉 發單 需 在 10 天內 陳述 正當理由 否則 最高 開 罰 15萬 元 據 向 高雄市 衛</t>
    <phoneticPr fontId="1" type="noConversion"/>
  </si>
  <si>
    <t>開 罰 通知書 高雄市 衛生局 舉 發單 15萬 元</t>
    <phoneticPr fontId="1" type="noConversion"/>
  </si>
  <si>
    <t>美擬管製冷媒 15年內供應減85％</t>
    <phoneticPr fontId="1" type="noConversion"/>
  </si>
  <si>
    <t>美 擬 管 製冷 媒 15 年內 供應 減 85</t>
    <phoneticPr fontId="1" type="noConversion"/>
  </si>
  <si>
    <t>拜登 政府 為了 向 全球 展示 美國 對抗 氣候變遷 的 決心 積極 推動 立法 加速 減 碳 而 最新 目標 轉向 冷媒 美國 環保 署 epa 近日 頒佈 新法 目標 在 未來 15 年 將 冷媒 採用 的 氫 氟 碳化物 hfcs 供應量 減少 85 去年 12 月 美國國會 通過</t>
    <phoneticPr fontId="1" type="noConversion"/>
  </si>
  <si>
    <t>企業 美國 新法 規 最終 版本 碳化物</t>
    <phoneticPr fontId="1" type="noConversion"/>
  </si>
  <si>
    <t>飛 特立 航空 16 人 打 特權 疫苗 民航 局 將 開 罰</t>
    <phoneticPr fontId="1" type="noConversion"/>
  </si>
  <si>
    <t>飛 特立 航空 遭 檢舉 安排 非 編制 內 員工 施打 疫苗 交通部 民用 航空局 漏 夜 比對 員工 名冊 健 保 資料 等 相關 事 證 後 確認 疫苗 施打 名冊 中 有 16 位非 現有 編制 員工 因 此舉 已 違反規定 將 依 違反 傳染病 防治法 移 請 主管機關 從嚴 處罰</t>
    <phoneticPr fontId="1" type="noConversion"/>
  </si>
  <si>
    <t>星國 疫情 延 燒 波及 蕭敬騰 韋禮安 演唱會</t>
    <phoneticPr fontId="1" type="noConversion"/>
  </si>
  <si>
    <t>疫情 衝擊 坪林 社區 桶 柑 加工 果乾 打 品牌</t>
    <phoneticPr fontId="1" type="noConversion"/>
  </si>
  <si>
    <t>肺炎 採收 加工 社區 疫情</t>
    <phoneticPr fontId="1" type="noConversion"/>
  </si>
  <si>
    <t>delta 變種 病毒 肆虐 雪梨 擴大 封城 2 周</t>
    <phoneticPr fontId="1" type="noConversion"/>
  </si>
  <si>
    <t>疫情 掀 醫藥 革命 生 醫 基金 俏</t>
    <phoneticPr fontId="1" type="noConversion"/>
  </si>
  <si>
    <t>新藥 疫苗 肺炎 製藥 技術</t>
    <phoneticPr fontId="1" type="noConversion"/>
  </si>
  <si>
    <t>台中 首例 重症 死亡 個案 盧秀燕 全力 協助 家屬 度過難關</t>
    <phoneticPr fontId="1" type="noConversion"/>
  </si>
  <si>
    <t>火化 死亡 吳世 瑋 遺體 處理</t>
    <phoneticPr fontId="1" type="noConversion"/>
  </si>
  <si>
    <t>大陸 國家 衛健 委 21 日 公佈 資料 顯示 6 月 20 日 0 24 時 31 個 省 自治區 直轄市 和 新疆生產建設兵團 報告 新增 確診 病例 26 例 其中 境外 輸入 病例 1 例 在 福建 本土 病例 25 例 北京 22 例 河北 3 例 無 新 增 死亡 病例 新增 疑</t>
    <phoneticPr fontId="1" type="noConversion"/>
  </si>
  <si>
    <t>確診 病例 現有 疑似病例 死亡 病例 治癒 出院</t>
    <phoneticPr fontId="1" type="noConversion"/>
  </si>
  <si>
    <t>可 赴 陸 調查 武漢 實驗室 who 回 覆 超 意外</t>
    <phoneticPr fontId="1" type="noConversion"/>
  </si>
  <si>
    <t>即使 陸 官方 一再強調 早已 第一時間 通報 世界衛生組織 疫情 訊息 但 至今 仍 遭 多 個 國家 懷疑 隱瞞 資訊 美方 更 揚言 要 對 可能 是 病毒 起源 的 武漢 病毒 研究所 展開 實地調查 至於 who 是否 會 對 該 研究所 調查 who 駐 陸 代表 高立 gauden</t>
    <phoneticPr fontId="1" type="noConversion"/>
  </si>
  <si>
    <t>國 台辦 也 要 捐 疫苗 蘇貞昌 法律 規定 不能 進來</t>
    <phoneticPr fontId="1" type="noConversion"/>
  </si>
  <si>
    <t>人員 興家 社區 7 月 封控</t>
    <phoneticPr fontId="1" type="noConversion"/>
  </si>
  <si>
    <t>國內 疫情 不斷 升溫 繼 18 日 新增 確診 數 0 後 20 日 新增 5 例 確診 包括 東海大學 朝陽 科大 潭子 沙鹿 等 5 人 確診 幸 疫 調 都有 國內 熱區 旅遊 史 其中 東海大學 大一 男生 和 萬華來 的 朋友 吃 飯後 即 發燒 經 采 檢 確診 但 先前 大</t>
    <phoneticPr fontId="1" type="noConversion"/>
  </si>
  <si>
    <t>國內 疫情 不斷 升溫 繼 18 日 新增 確診 數 0 後 20 日 新增 5 例 確診 包括 東海大學 朝陽 科大 潭子 沙鹿 等 5 人 確診 幸 疫 調 都有 國內 熱區 旅遊 史 其中 東海大學 大一 男生 和 萬華來 的 朋友 吃 飯後 即 發燒 經 采 檢 確診 但 先前 大裡 確診 2 例 感染 源 不 明 的 68 歲 豆漿 伯 45 歲 食品 業務 檢 體 送 昆陽 實驗室 證實 是 偽 陽性 已 解 隔離 台中市政府 也 將 在 下午 三 點 記者會 公佈 確診 者 足跡 台中 新增 2 名 大學生 確診 東海大學 住校 大一 學生 因 曾和 萬 華來 的 朋友 用餐 18 日 淩晨 高燒 到 39 度 緊急 救 醫 采 檢 確診 目前 已 收治 在 負 壓 隔離病房 治療 但 因為 他 是 住宿生 所以 確診 消息 傳出 後 整個 宿舍 生 都 相當 恐慌 朝陽 大學 女 學生 則 是 17 日 因為 喉嚨 疼痛 難 耐 就醫 被 確診 校方 稍 早 已經 證實 學生 確診 並 啟動 防疫 政策 而 19 日 新增 的 病例 還有 潭子 沙鹿 有 旅遊 接觸史 的 個案 目前 都 收治 在 隔離病房 病況 穩定 另 稍 早 傳出 平等 國小 女籃 隊 47 人 曾入 住 萬華 一 間 飯店 今 將 進行 快 篩 有 關平 國 國小 女籃 隊 一行 人 在 萬華 的 相關 足跡 與 疫情 調查結果 台中 市 衛生局 將 在 下午 3 點 防疫 會議 中 回應 而 平等 國小 女籃 隊 5 月 9 日 至 12 日 代表 台中 市 參加 教育部 全國 國小 籃球聯賽 一行 47 人 在 上周 曾 入 住 萬華 一 間 飯店 其中 5 人 出現 症狀 台中 市 衛生局 強調 目前 並未 確診 中 由 衛生局 副 局長 陳南松 率 組 防疫 小組 率領 防疫 醫療 團隊 到 梨山 組成 前進指揮所 將 針對 全校 師生 與 相關 接觸 家長 進行 快 篩</t>
    <phoneticPr fontId="1" type="noConversion"/>
  </si>
  <si>
    <t>萬華 確診 東海大學 沙鹿 潭子</t>
    <phoneticPr fontId="1" type="noConversion"/>
  </si>
  <si>
    <t>不減 薪 就 滾 足球隊 為 疫 砍 9 人</t>
    <phoneticPr fontId="1" type="noConversion"/>
  </si>
  <si>
    <t>疫情 干擾 盧廣仲 春季 巡演 4 場 全 喊 卡 粉絲 挺 我們 等 你</t>
    <phoneticPr fontId="1" type="noConversion"/>
  </si>
  <si>
    <t>陸 被迫 加入 wha 疫情 決議 提案 趙立堅 無稽之談</t>
    <phoneticPr fontId="1" type="noConversion"/>
  </si>
  <si>
    <t>美 研究 接種 第 3 劑 bnt 對 長者 效益 更 好</t>
    <phoneticPr fontId="1" type="noConversion"/>
  </si>
  <si>
    <t>26 5萬 劑 az 到貨 主要 供 擴大 第一 劑</t>
    <phoneticPr fontId="1" type="noConversion"/>
  </si>
  <si>
    <t>700萬 口罩 捐 歐洲 駐 德 代表 眼淚 不爭氣 地 流</t>
    <phoneticPr fontId="1" type="noConversion"/>
  </si>
  <si>
    <t>刑事 局 1 偵查員 確診 又 1 新進 警官 不適 就醫 快 篩 陽性</t>
    <phoneticPr fontId="1" type="noConversion"/>
  </si>
  <si>
    <t>新興 年增率 領航 億 美 單月 新高</t>
    <phoneticPr fontId="1" type="noConversion"/>
  </si>
  <si>
    <t>nba 德拉蒙 打 賞 1000 美元 餐廳 女 侍 感動 流淚</t>
    <phoneticPr fontId="1" type="noConversion"/>
  </si>
  <si>
    <t>現 效力 騎士隊 的 籃板 王 德拉蒙 andre drummond 是 個 很 大方 的 人 德拉蒙 在 佛州 棕櫚 灘 的 一家 餐館 給 小費 出手 居然 高達 1000 美元 約 台幣 3萬 相 較之 下 他 只 吃 了 164 美元 的 餐 點 拿到 小費 的 女 侍 kasandra diaz 興奮 得 不知所措</t>
    <phoneticPr fontId="1" type="noConversion"/>
  </si>
  <si>
    <t>德拉蒙 小費 騎士 nba nfl</t>
    <phoneticPr fontId="1" type="noConversion"/>
  </si>
  <si>
    <t>禿子 漢子 燕子 合體 入 黨中央 侯 這樣 說</t>
    <phoneticPr fontId="1" type="noConversion"/>
  </si>
  <si>
    <t>國民黨 主席 江啟臣 18 日 主持 中常會 決議 邀請 禿子 漢子 燕子 高雄 市長 韓國瑜 新北 市長 侯友宜 台中 市長 盧秀燕 三 人 優先 進入 黨中央 11 人 決策 小組 平臺 決定 國民黨 未來 與 方向 新北 市長 侯友宜 19 日 回應 抱歉 目前</t>
    <phoneticPr fontId="1" type="noConversion"/>
  </si>
  <si>
    <t>國民黨 主席 江啟臣 18 日 主持 中常會 決議 邀請 禿子 漢子 燕子 高雄 市長 韓國瑜 新北 市長 侯友宜 台中 市長 盧秀燕 三 人 優先 進入 黨中央 11 人 決策 小組 平臺 決定 國民黨 未來 與 方向 新北 市長 侯友宜 19 日 回應 抱歉 目前 沒有 接到 消息 現在 致力 於 防疫 謝謝 大家 關心</t>
    <phoneticPr fontId="1" type="noConversion"/>
  </si>
  <si>
    <t>侯友宜 國民黨 新北 市長 韓國 瑜 盧秀燕</t>
    <phoneticPr fontId="1" type="noConversion"/>
  </si>
  <si>
    <t>鐘南山 陸已 進入 低 風險 階段 社交 仍 需 保持 距離</t>
    <phoneticPr fontId="1" type="noConversion"/>
  </si>
  <si>
    <t>大陸 四川 成都 一 名 機場 工作人員 在 未 接觸 確診 者 的 情況 下 感染 delta 變異 株 事後 衛生 單位 疫 調 發現 他 曾摸 過 確診 者 摸 過 的 電 扶梯 扶手 兩 人 之間 相隔 105 分鐘 且 經 基因 定 序 後 發現 為 同一個 感染 源 根據 大陸 週刊 瞭 望</t>
    <phoneticPr fontId="1" type="noConversion"/>
  </si>
  <si>
    <t>歐洲 足球 盛事 延賽</t>
    <phoneticPr fontId="1" type="noConversion"/>
  </si>
  <si>
    <t>uefa 肺炎 歐洲 國家 杯 億 歐 取消</t>
    <phoneticPr fontId="1" type="noConversion"/>
  </si>
  <si>
    <t>高雄 19 日 新增 7 確診 相關 足跡 曝光</t>
    <phoneticPr fontId="1" type="noConversion"/>
  </si>
  <si>
    <t>cba 林書豪 秀 新 投籃 姿勢 嗆 聲 換 周董</t>
    <phoneticPr fontId="1" type="noConversion"/>
  </si>
  <si>
    <t>林書豪 投籃 大陸 嗆 聲 cba</t>
    <phoneticPr fontId="1" type="noConversion"/>
  </si>
  <si>
    <t>行政院 拍板 全國 三級 警戒 延長 至 6 月 28 日</t>
    <phoneticPr fontId="1" type="noConversion"/>
  </si>
  <si>
    <t>美國 美國 暴動 非裔 黑人 佛洛伊德</t>
    <phoneticPr fontId="1" type="noConversion"/>
  </si>
  <si>
    <t>肺炎 亞太 經濟 大陸 經濟 穆迪</t>
    <phoneticPr fontId="1" type="noConversion"/>
  </si>
  <si>
    <t>從 韓 返台 打 疫苗 遭 拒 媽 控訴 淪 醫療 人 球 醫 怒 轟 急 個 屁</t>
    <phoneticPr fontId="1" type="noConversion"/>
  </si>
  <si>
    <t>又 傳 竹 市府 停 班 假 訊息 市府 澄清 將 查辦</t>
    <phoneticPr fontId="1" type="noConversion"/>
  </si>
  <si>
    <t>嘉義 縣 水上鄉 某 鋁業 工廠 爆發 10 人 確診 的 群 聚 感染 其中 50 多 歲 工廠 老闆娘 案 15760 曾 到 嘉義 市 拜廟 30 多 歲 男員工 案 15766 曾 來 嘉義 市 耐 斯 百貨 家樂福 北 門 店 順發 3 c 量販店 等 5 處 趴 趴 走 嘉義 市政府 今天 公佈 此 2 例 確診 者 活</t>
    <phoneticPr fontId="1" type="noConversion"/>
  </si>
  <si>
    <t>嘉義 縣 水上鄉 某 鋁業 工廠 爆發 10 人 確診 的 群 聚 感染 其中 50 多 歲 工廠 老闆娘 案 15760 曾 到 嘉義 市 拜廟 30 多 歲 男員工 案 15766 曾 來 嘉義 市 耐 斯 百貨 家樂福 北 門 店 順發 3 c 量販店 等 5 處 趴 趴 走 嘉義 市政府 今天 公佈 此 2 例 確診 者 活動 足跡 案 15760 為 50 多 歲 女性 7 月 28 日 晚間 9 時 38 分到 嘉義 市 天 旨 佛 天宮 於廟 埕 參拜 停留 約 10 分鐘 後 立即 返家 全程 佩戴 口罩 且 沒有 其他 本市 足跡 案 15766 為 30 多 歲 男性 7 月 25 日 曾至 嘉義 市 光 南 大 批發 順發 3 c 老 k 牌 彈簧床 耐 斯 廣場 8 樓 未 到 耐 斯 大 飯店 短暫 停留 全程 佩戴 口罩 7 月 28 日 下午 12 時 39 分 到 家樂福 北 門 店 購物 全程 佩戴 口罩 未 於 飲食 區 飲食 獨自 前往 過程 中 未 與 他人 交談 採買 約 40 分鐘 後 返家</t>
    <phoneticPr fontId="1" type="noConversion"/>
  </si>
  <si>
    <t>基隆 增 本土 14 例 小姑娘 快樂 城 小吃店 群 聚 案 擴大 各 傳 3 人 確診</t>
    <phoneticPr fontId="1" type="noConversion"/>
  </si>
  <si>
    <t>中央 流行 疫情 中心 今日 公佈 基隆 新增 14 名 確診 個案 其中 包含 成功 市場 攤販 妻子 小姑娘 小吃店 1 員工 2 消費者 另 家 快樂 城 小吃部 也 有 3 名 員工 確診 群 聚 感染 仍 在 發生 基隆 市長 林右昌 也 呼籲 期望 近期 有 到 小吃店 工作 消</t>
    <phoneticPr fontId="1" type="noConversion"/>
  </si>
  <si>
    <t>登 富比 士 傑出 防疫 領導人 蔡英文 關鍵 在 國人 團結一心</t>
    <phoneticPr fontId="1" type="noConversion"/>
  </si>
  <si>
    <t>嬰兒 沒 口罩 衛生局 籲 大人 戴 好 戴 滿</t>
    <phoneticPr fontId="1" type="noConversion"/>
  </si>
  <si>
    <t>王文彥 口罩 衛生 肺炎 擔憂</t>
    <phoneticPr fontId="1" type="noConversion"/>
  </si>
  <si>
    <t>6 搶 1 若 延 中職 改 328 開 打</t>
    <phoneticPr fontId="1" type="noConversion"/>
  </si>
  <si>
    <t>中職</t>
    <phoneticPr fontId="1" type="noConversion"/>
  </si>
  <si>
    <t>嘉玲 沒了 新北 今 增 2 例 本土 全在 這 區</t>
    <phoneticPr fontId="1" type="noConversion"/>
  </si>
  <si>
    <t>新北 市 今日 新增 2 例 打破 了 昨日 睽 違 96 天 迎來 的 零 確診 新北 市 市長 侯友宜 昨日 在 防疫 記者會 上 強調 面對 疫情 起伏 應持 平常心 一 日 的 零 不 代表 日後 都 會 是 零 也 拿 出 將 病毒 阻絕 於 境外 的 決心 召集 市內 26 間 防疫 旅館業 者</t>
    <phoneticPr fontId="1" type="noConversion"/>
  </si>
  <si>
    <t>西方 不敢 跟進 臺灣 防疫 宅 神 曝 秘辛</t>
    <phoneticPr fontId="1" type="noConversion"/>
  </si>
  <si>
    <t>對於 臺灣 目前 自豪 的 防疫 措施 包括 追蹤 手機 移動 足跡 發送 簡訊 管理 居家 隔離 朱學 恒 不厭其煩 指出 西方 世界 都 不敢 跟進 因為 這 侵犯 個 資 太 過 嚴重 到時候 會 有 違憲 國賠 的 問題 啊 英國倫敦 智 庫 深入 認知 deep kno</t>
    <phoneticPr fontId="1" type="noConversion"/>
  </si>
  <si>
    <t>新北 推 加倍 券 最高 加碼 曝光 5千 可 換 1萬</t>
    <phoneticPr fontId="1" type="noConversion"/>
  </si>
  <si>
    <t>新北 確診 數 為何 降 不 下來 陳時中 揭 關鍵 原因</t>
    <phoneticPr fontId="1" type="noConversion"/>
  </si>
  <si>
    <t>長 榮 機師 delta 群 聚 案 密切接觸 空姐 三 采 陰解 隔</t>
    <phoneticPr fontId="1" type="noConversion"/>
  </si>
  <si>
    <t>為何 美國 疫情 突然 噴發 網 分析 爆 3 大 致命 關鍵</t>
    <phoneticPr fontId="1" type="noConversion"/>
  </si>
  <si>
    <t>北市 高中 五專 9 22 疫苗 開 打 國 中 9 30 開始 接種</t>
    <phoneticPr fontId="1" type="noConversion"/>
  </si>
  <si>
    <t>臺北市 長 柯文哲 6 日 在 防疫 記者會 上 宣佈 關於 校園 接種 計 畫 國 高中會 在校 打 疫苗 高中 五專 是 9 月 22 日 至 29 日 開 打 國中 是 30 日 至 10 月 6 日 開 打 醫院 會 跟 學校 造冊 聯絡 時間 訂好 疫苗 就 送 到 哪 校 會用 2 周來 配對 柯文哲</t>
    <phoneticPr fontId="1" type="noConversion"/>
  </si>
  <si>
    <t>臺北市 長 柯文哲 6 日 在 防疫 記者會 上 宣佈 關於 校園 接種 計 畫 國 高中會 在校 打 疫苗 高中 五專 是 9 月 22 日 至 29 日 開 打 國中 是 30 日 至 10 月 6 日 開 打 醫院 會 跟 學校 造冊 聯絡 時間 訂好 疫苗 就 送 到 哪 校 會用 2 周來 配對 柯文哲 說 北市 還 有 很多 外國 學校 都 要 比照 公立學校 辦理 自學 在家 怎 處理 會 再 詳細 規定 零碎 的 部分 有些 學生 若 身體 不 適合 打 給 北 市府 2 周 時間 把 辦法 弄 起來 會 由 副 市長 蔡炳坤 教育局 衛生局 來 想 辦法 處理</t>
    <phoneticPr fontId="1" type="noConversion"/>
  </si>
  <si>
    <t>不 戴 口罩 就 躺 棺材 印尼 推 防疫 新 規</t>
    <phoneticPr fontId="1" type="noConversion"/>
  </si>
  <si>
    <t>印尼 雅加達 東部 公共秩序 局 satpol pp 宣佈 將 停止 實施 引發 爭議 的 違反 防疫 規定 懲罰 措施 也 就 是 強迫 未 在 公共場所 配戴 口罩 的 民眾 躺 入 未 蓋 棺 蓋 的 棺材 中 從 1 數 到 100 以 感受 死亡 的 威脅 日前 在 雅加達 東部 pas</t>
    <phoneticPr fontId="1" type="noConversion"/>
  </si>
  <si>
    <t>疫情 意外 收穫 莿 桐鄉 農會 蒜頭 精 爆 紅</t>
    <phoneticPr fontId="1" type="noConversion"/>
  </si>
  <si>
    <t>防疫 優等生 何必 跟 放牛 班 起鬧</t>
    <phoneticPr fontId="1" type="noConversion"/>
  </si>
  <si>
    <t>美國 影音 串流 平 台網 飛 netflix 製作 的 影集 指定 倖存者 designated survivor 第 2 季 影集 有 一 段 劇情 是 說 南卡 羅 萊州 爆發 不明 流感 地方 隱匿 疫情 由於 南卡 居民 以 黑人 為 多 隱匿 疫情 是 出於 種族歧視 2019 年 播出 的</t>
    <phoneticPr fontId="1" type="noConversion"/>
  </si>
  <si>
    <t>美國 中國 肺炎 病毒 世界</t>
    <phoneticPr fontId="1" type="noConversion"/>
  </si>
  <si>
    <t>黃安 返台 搶 口罩 高 大成 把 臺灣 當 堡壘 酸 爆</t>
    <phoneticPr fontId="1" type="noConversion"/>
  </si>
  <si>
    <t>洪秀柱 吳斯懷 談 防疫 與 戰爭 超前 部署 籲 要 法律依據</t>
    <phoneticPr fontId="1" type="noConversion"/>
  </si>
  <si>
    <t>前 國民黨 主席 洪秀柱 開闢 的 護憲 保 台 論壇 柱 姐 開講 昨天 邀 國民黨 立 委 唯一 具有 軍事 專業 背景 的 吳斯懷 探討 當前 疫情 對 國防 安全 的 影響 及 對 政府 提出 超前 部署 的 真相 認為 應在 有 法律依據 下 更 具體 與 完整 的 行動 方案</t>
    <phoneticPr fontId="1" type="noConversion"/>
  </si>
  <si>
    <t>前 國民黨 主席 洪秀柱 開闢 的 護憲 保 台 論壇 柱 姐 開講 昨天 邀 國民黨 立 委 唯一 具有 軍事 專業 背景 的 吳斯懷 探討 當前 疫情 對 國防 安全 的 影響 及 對 政府 提出 超前 部署 的 真相 認為 應在 有 法律依據 下 更 具體 與 完整 的 行動 方案 而非 以 喊 口號 的 文青 式 執政 對於 目前 許多 國家 在 防疫 上 都已 動用 到 軍隊 若 我國 在 控制 疫情 方面 決定 動用 軍隊 投入 防疫 洪秀柱 認為 國家 安全 的 經費 分配 和 法 源 依據 在 蔡英文 總統 一直 不 肯 宣佈 緊急命令 負起 責任 下 是否 有 法 源 依據 動用 國家 軍隊 人力 經費 的 分配 是否 會 影響 戰力 吳斯懷 明確 提到 在 人力 部署 方面 若 沒有 明確 的 統一 指揮權 將 造成 中央 和 地方 政府 在 軍方 人力 的 指揮 上 模糊不清 針對 台海 區域 安全 兩 人 也 談 到 今年 3 月 美國在台協會 主席 莫健 對 臺灣 提出 示 警 需要 做 好 戰爭 的 準備 而 蔡英文 曾 在 總統大選 勝 選 的 公開 演講 表示 已 做 好 戰爭 的 準備 這 是 十分 具有 挑釁 意味 地 宣示 連前 副 總統 呂秀蓮 都 看到 兩岸 戰雲 密佈 已經 達到 越過 海峽 中線 的 危機 下 朝野 都 需要 考量 臺灣 2300 多 萬人 的 安全 應以 追求 區域 和平 為 目標 而非 將 國家 推向 戰爭 的 險峻 情勢 造成 兩岸關係 更加 緊張不安 洪 吳也 憂心 倘若 真 的 兩岸 發生 戰爭 很 明顯 地 政府 沒有 準備 好 這樣 人民 能 準備 好 嗎</t>
    <phoneticPr fontId="1" type="noConversion"/>
  </si>
  <si>
    <t>惡化 全球 首次 100 小時 內 增 百萬 確診 單日 確診 美 包辦 1 3</t>
    <phoneticPr fontId="1" type="noConversion"/>
  </si>
  <si>
    <t>紘 康松翰 3 月 營 收 攀峰 q 2 續沖</t>
    <phoneticPr fontId="1" type="noConversion"/>
  </si>
  <si>
    <t>微控制器 mcu 廠 紘 康 6457 及 松翰 5471 雙雙 公告 3 月 合併 營 收 皆 改寫 單月 歷史 新高 大 啖 額 溫槍 訂單 商 機 法人 表示 目前 兩 大廠 訂單 能見度 已經 看到 今 年中 後續 月 營 收 將 可望 持續 改寫 新高 表現 此外 紘 康 目前 更</t>
    <phoneticPr fontId="1" type="noConversion"/>
  </si>
  <si>
    <t>成長 法人 肺炎 額 溫槍 松翰</t>
    <phoneticPr fontId="1" type="noConversion"/>
  </si>
  <si>
    <t>義 境外 輸入 浙江 新增 7 確診</t>
    <phoneticPr fontId="1" type="noConversion"/>
  </si>
  <si>
    <t>萬景 藝苑 董事長 敦請 喇嘛 舉行 除 疫 息 災 法會</t>
    <phoneticPr fontId="1" type="noConversion"/>
  </si>
  <si>
    <t>藝苑 法會 肺炎 疫情 彰 化</t>
    <phoneticPr fontId="1" type="noConversion"/>
  </si>
  <si>
    <t>裡長發文病毒不分顏色 求行政院承諾放寬協助各界取得疫苗</t>
    <phoneticPr fontId="1" type="noConversion"/>
  </si>
  <si>
    <t>裡長 發文 病毒 不分 顏色 求 行政院 承諾 放寬 協助 各界 取得 疫苗</t>
    <phoneticPr fontId="1" type="noConversion"/>
  </si>
  <si>
    <t>南韓 確診 檢驗 又 快 又 多 神人 解密</t>
    <phoneticPr fontId="1" type="noConversion"/>
  </si>
  <si>
    <t>為何 不能 因 防疫 禁止 媽祖 繞 境 活動 學者 直喊 4 字</t>
    <phoneticPr fontId="1" type="noConversion"/>
  </si>
  <si>
    <t>花蓮 縣府 女 員工 與 家族 共 5 人 確診 社 福 館 緊急 關閉</t>
    <phoneticPr fontId="1" type="noConversion"/>
  </si>
  <si>
    <t>川普 盛讚 俄 贈 大量 援助 物資 俄 媒 酸 還 沒 宣佈 呢</t>
    <phoneticPr fontId="1" type="noConversion"/>
  </si>
  <si>
    <t>內政 部 政務 次 陳宗彥 任 疫情 中心 副 指揮官</t>
    <phoneticPr fontId="1" type="noConversion"/>
  </si>
  <si>
    <t>疫情 衝擊 租 屋 市場 專家 6 大 房 型 要 小心</t>
    <phoneticPr fontId="1" type="noConversion"/>
  </si>
  <si>
    <t>影響 租 屋 學生 sway 大樓</t>
    <phoneticPr fontId="1" type="noConversion"/>
  </si>
  <si>
    <t>外出 運動 戴 口罩 就 安全 嗎 這些 狀況 有 風險 嚴重 恐 猝死</t>
    <phoneticPr fontId="1" type="noConversion"/>
  </si>
  <si>
    <t>疫情 嚴峻 全民 防疫 如今 戶外 都 必須 戴 口罩 運動 也 不 例外 不過 自 疫情 以來 國內外 陸續 傳出 有人 運動 時戴 口罩 昏倒 甚至 猝死 的 案例 到底 戶外運動 戴 口罩 時 需注意 什麼 使用 口罩 支架 會 比較 好 嗎 有 氣閥 的 口罩 能夠 防</t>
    <phoneticPr fontId="1" type="noConversion"/>
  </si>
  <si>
    <t>業者 口罩 政策 應 避免 矯枉過正</t>
    <phoneticPr fontId="1" type="noConversion"/>
  </si>
  <si>
    <t>口罩 許可證 廠商 國家隊 口罩 業</t>
    <phoneticPr fontId="1" type="noConversion"/>
  </si>
  <si>
    <t>第 三 劑 今 開 打 只 供 莫德納 這些 人 可 接種</t>
    <phoneticPr fontId="1" type="noConversion"/>
  </si>
  <si>
    <t>美 捐贈 疫苗 抵 台 ait 展現 美國 對 臺灣 的 承諾</t>
    <phoneticPr fontId="1" type="noConversion"/>
  </si>
  <si>
    <t>美國政府 捐贈 的 疫苗 抵達 臺灣 美國在台協會 今天 表示 美國 深知 臺灣 此時此刻 迫切需要 疫苗 的 援助 本次 疫苗 捐贈 展現 了 美國 對 臺灣 的 承諾 臺灣 是 可信賴 的 朋友 也 是 重要 的 安全 夥伴 美 台 關係 長久以來 奠基 於 雙邊 人民 之間</t>
    <phoneticPr fontId="1" type="noConversion"/>
  </si>
  <si>
    <t>英國 爆 新 變種 病毒 專家 看好 現有 疫苗 效力</t>
    <phoneticPr fontId="1" type="noConversion"/>
  </si>
  <si>
    <t>防疫 部署 外交部 規劃 異地 遠 距 分組 辦公</t>
    <phoneticPr fontId="1" type="noConversion"/>
  </si>
  <si>
    <t>曾 搭 公車 捷 運 火車 去 過 3 車站 確診 看護 足跡 遍 雙 北</t>
    <phoneticPr fontId="1" type="noConversion"/>
  </si>
  <si>
    <t>采 檢 捷 運 肺炎 樹林 非法</t>
    <phoneticPr fontId="1" type="noConversion"/>
  </si>
  <si>
    <t>g 7 視 訊 峰會 聯手 救 經濟</t>
    <phoneticPr fontId="1" type="noConversion"/>
  </si>
  <si>
    <t>g 7 領袖 川普 肺炎 領袖 行動</t>
    <phoneticPr fontId="1" type="noConversion"/>
  </si>
  <si>
    <t>德國 口罩 賣 天價 網 揭露 背後 關鍵</t>
    <phoneticPr fontId="1" type="noConversion"/>
  </si>
  <si>
    <t>國中女 為 引 關注 抖 音 傳 臺灣 感染 肺炎 百 死 假 訊息</t>
    <phoneticPr fontId="1" type="noConversion"/>
  </si>
  <si>
    <t>終於 川普 戴 口罩 畫面 曝光 了</t>
    <phoneticPr fontId="1" type="noConversion"/>
  </si>
  <si>
    <t>7 旬 嬤 施 打 az 後 洗 腎 時 猝死 台中 晚間 新增 2 死 皆 為 洗 腎病 患</t>
    <phoneticPr fontId="1" type="noConversion"/>
  </si>
  <si>
    <t>台中 市 15 日 開放 前 6 類 人員 施打 az 疫苗 台中 市 衛生局長 曾 梓 展 17 日 指出 有 3 人 在 接種 疫苗 後 死亡 另 60 歲 男子 因 腎臟 癌 及 糖尿病 病史 醫師 判定 死因 為 重症 引發 急性 呼吸衰竭 晚間 再 新增 2 例 猝死 個案 其中 1 名 大雅 區 72 歲 的 阿</t>
    <phoneticPr fontId="1" type="noConversion"/>
  </si>
  <si>
    <t>台中 市 15 日 開放 前 6 類 人員 施打 az 疫苗 台中 市 衛生局長 曾 梓 展 17 日 指出 有 3 人 在 接種 疫苗 後 死亡 另 60 歲 男子 因 腎臟 癌 及 糖尿病 病史 醫師 判定 死因 為 重症 引發 急性 呼吸衰竭 晚間 再 新增 2 例 猝死 個案 其中 1 名 大雅 區 72 歲 的 阿嬤 在 診所 洗 腎 時 突然 猝死 截至 目前 共 5 例 在 接種 疫苗 後 死亡 個案 台中 市 衛生局 指出 大裡 區 72 歲 阿公 為 居家 腹膜 透 析 洗 腎 的 患者 並 有 3 高及 冠狀動脈 心臟病 等 慢性病 病史 16 日 上午 接種 az 疫苗 後 返家 17 日 下午 在 家 出現 昏迷 現象 約 15 時 由 119 送 急診 搶救無效 另 1 位 大雅 區 72 歲 的 阿嬤 長期 在 洗 腎 診所 洗 腎 於 15 日 接種 az 疫苗 17 日 於洗 腎 時 出現 昏迷 現象 洗 腎 診所 人員 立即 施予 急救 並 由 消防 局 119 送 急診 搶救 後 仍 無效 衛生局 表示 這 2 名 長者 皆 有 進行 快 篩 結果 為 陰性 為 厘 清 死亡 原因 與 疫苗 相關性 將 協助 家屬 提出 預防接種 受害 救濟 申請 協助 收集 相關 病歷 資料 提送 中央 審議 如 經 審議 後 確定 因 預防接種 致 死者 最高 將 給 付 600萬 元 救濟金</t>
    <phoneticPr fontId="1" type="noConversion"/>
  </si>
  <si>
    <t>高風險 打 不 到 第二 劑 前 疾 管局 副 局長 批 亂七八糟</t>
    <phoneticPr fontId="1" type="noConversion"/>
  </si>
  <si>
    <t>az 第二 劑 第 8 輪 施文 儀 莊人祥</t>
    <phoneticPr fontId="1" type="noConversion"/>
  </si>
  <si>
    <t>救治 演算法 死亡 人數 醫院 治癒</t>
    <phoneticPr fontId="1" type="noConversion"/>
  </si>
  <si>
    <t>《國際社會》批WHO助中國隱匿疫情 川普宣佈美國暫斷金援</t>
    <phoneticPr fontId="1" type="noConversion"/>
  </si>
  <si>
    <t>國際 社會 批 who 助 中國 隱匿 疫情 川普 宣佈 美國 暫 斷金 援</t>
    <phoneticPr fontId="1" type="noConversion"/>
  </si>
  <si>
    <t>金融 股 高雄銀 去年 獲利 登 次高 強身 增量 戰 逆風</t>
    <phoneticPr fontId="1" type="noConversion"/>
  </si>
  <si>
    <t>高雄銀 淨 收 益 獲利 eps 成長</t>
    <phoneticPr fontId="1" type="noConversion"/>
  </si>
  <si>
    <t>業績 其他 2 因素 干擾 中 租 1 月 營 收 仍 登 同期 高</t>
    <phoneticPr fontId="1" type="noConversion"/>
  </si>
  <si>
    <t>中 租 中 租 -ky 營 收 成長 同期 新高</t>
    <phoneticPr fontId="1" type="noConversion"/>
  </si>
  <si>
    <t>民 調 太 高 遭 綠 營 圍剿 港 媒 忍不住 問侯 友 宜一 句 話</t>
    <phoneticPr fontId="1" type="noConversion"/>
  </si>
  <si>
    <t>本土 疫情 不斷擴大 死亡 人數 已 超過 300 人 疫情 最 嚴峻 的 新北 市 成 各界 關注 焦點 新北 市 市長 侯友宜 過去 多 次 蟬聯 各 大民 調 冠軍 市政 上 採取 務實 儘量 不 與 蔡 政府 對抗 的 路線 然 這 波 疫情 卻 仍 難 逃 綠 營 圍剿 港 媒 評論 直言</t>
    <phoneticPr fontId="1" type="noConversion"/>
  </si>
  <si>
    <t>本土 疫情 不斷擴大 死亡 人數 已 超過 300 人 疫情 最 嚴峻 的 新北 市 成 各界 關注 焦點 新北 市 市長 侯友宜 過去 多 次 蟬聯 各 大民 調 冠軍 市政 上 採取 務實 儘量 不 與 蔡 政府 對抗 的 路線 然 這 波 疫情 卻 仍 難 逃 綠 營 圍剿 港 媒 評論 直言 這 證明 了 態度 不 硬 起來 就 會 被 綠 營 當 軟 柿子 吃 掉 侯友宜 肯 扛起 藍 營 領頭羊 重任 了 嗎 根據 香港媒體 中 評 社 今日 10 評論 指出 侯友宜 擔任 新北 市長 後 就 堅持 走 專心 市政 路線 對 政治 敏感 議題 與 藍綠口 水戰 幾乎 都 不 加入 這 為 自己 創造 了 跨越 黨派 的 優秀 支持 度 甚至 屢次 蟬聯 各 大民 調 冠軍 被 視為 藍 營 新 共主 熱門 人選 卻 也 讓 藍營 支持者 認為 其 與 國民黨 距離 太 遠 評論 強調 像 這 波 疫苗 之 亂 數 個 藍營 地方 首長 都 聯名 希望 蔡 政府 能夠 開放 地方 政府 疫苗 採購 許可權 但 侯友宜 身為 最 大 諸侯 又 是 當前 重災區 卻 僅 表示 配合 中央 防疫 政策 讓 藍營 縣 市 串聯 討 疫苗 的 氣勢 弱 了 一大 截 侯在 不少 防疫 政策 上 皆 超前 蔡 政府 這 點 讓 侯 的 民 調 與 支持 度 不 至 因 新北 市 確診 數 全台 最 多 而 受 影響 但 近期 綠 營 支持者 卻 開始 在 網路 攻擊 侯 甚至 在 市場 分流 政策 上 還 被 總統 蔡英文 點名 應 配合 中央 種種 跡象 顯示 只要 態度 不 硬 起來 就 會 被 綠 營 當作 軟 柿子 吃 掉 對此 評論 表示 全台 22 縣 市 中 藍營 執政 占 14 個 但 從 2018 年 勝 選 至今 卻 一直 未 善加 發揮 此 優勢 這 與 國民黨中央 缺乏 一 呼 即 應 的 強勢 整合 能力 以及 侯友宜 選擇 獨善其身 有關 2022 年 縣市長 大選 在即 這 波 疫情 也許 能 讓 侯 體會 到 與 綠 營 對抗 只有 打群架 才 有 機會 能 贏 屆時 是否 能夠 改變 心態 扛起 領頭羊 的 角色 受 各界 矚目</t>
    <phoneticPr fontId="1" type="noConversion"/>
  </si>
  <si>
    <t>李 四川 514 字 道破 臺灣人 要 疫苗 心聲 網 淚 喊 說 到 心坎 裡 了</t>
    <phoneticPr fontId="1" type="noConversion"/>
  </si>
  <si>
    <t>工商 社論 後 疫情 時代 企業 的當 為 與 不當 為</t>
    <phoneticPr fontId="1" type="noConversion"/>
  </si>
  <si>
    <t>趨勢 疫情 時代 企業 共同</t>
    <phoneticPr fontId="1" type="noConversion"/>
  </si>
  <si>
    <t>疫苗 不是 金鐘罩 delta 降臨 醫 揭 現階段 防疫 重點</t>
    <phoneticPr fontId="1" type="noConversion"/>
  </si>
  <si>
    <t>防疫 升級 日 擬 拒 陸韓 人士 入境</t>
    <phoneticPr fontId="1" type="noConversion"/>
  </si>
  <si>
    <t>日本共同社 報導 日本政府 今 5 日 已 開始 規劃 暫停 已經 向 來自 大陸 韓國 的 旅客 發放 簽證 的 效力 未來 還 計畫 要求 來自 兩 國 的 遊客 暫時 不 要 前往 日本 路透社 也 引述 讀賣新聞 指出 日本政府 正在 考慮 中止 已經 發給 來自 陸</t>
    <phoneticPr fontId="1" type="noConversion"/>
  </si>
  <si>
    <t>多國 港口 陸續 解封 臺灣 遠洋 漁民 也 想 優先 打 疫苗</t>
    <phoneticPr fontId="1" type="noConversion"/>
  </si>
  <si>
    <t>近來 臺灣 鮪 延 繩 釣 協會 接 獲 逾 百 名 漁民 陳情 直指 遠洋漁業 是 邊境 防疫 一 環 漁民 應 列入 優先 打 疫苗 類別 因 目前 有 多國 港口 開放 停靠 而 船長 年齡 偏 長 有 慢性病 若無 疫苗 防護 除 增加 感染 風險 還 會 因 海上 醫療 資源 匱乏 而有</t>
    <phoneticPr fontId="1" type="noConversion"/>
  </si>
  <si>
    <t>漁民 疫苗 停靠 臺灣 鮪 延 繩 釣 協會 船長</t>
    <phoneticPr fontId="1" type="noConversion"/>
  </si>
  <si>
    <t>空前 翻 盤 美海軍 要 航母 艦長 複職</t>
    <phoneticPr fontId="1" type="noConversion"/>
  </si>
  <si>
    <t>美國 航母 艦長 海軍 複職</t>
    <phoneticPr fontId="1" type="noConversion"/>
  </si>
  <si>
    <t>越南 名 媛 秀 半球 赴 gucci ysl 時裝 秀 確診 所幸 臺灣 無 人 到場</t>
    <phoneticPr fontId="1" type="noConversion"/>
  </si>
  <si>
    <t>黃士 修 每天 200萬 片 的 口罩 黑洞 怎麼 產生 的</t>
    <phoneticPr fontId="1" type="noConversion"/>
  </si>
  <si>
    <t>delta 太 狂 打完 2 劑 疫苗 確診 病毒 量 和 未 接種 一樣 高</t>
    <phoneticPr fontId="1" type="noConversion"/>
  </si>
  <si>
    <t>接種 疫苗 delta 病毒 量 完整 接種</t>
    <phoneticPr fontId="1" type="noConversion"/>
  </si>
  <si>
    <t>癌症 病友 連線 治療 中 病人 爭 優先 施打 疫苗</t>
    <phoneticPr fontId="1" type="noConversion"/>
  </si>
  <si>
    <t>善用 大 資料 增強 防治 力 道</t>
    <phoneticPr fontId="1" type="noConversion"/>
  </si>
  <si>
    <t>力道 肺炎 蘇益仁 概念 大 資料</t>
    <phoneticPr fontId="1" type="noConversion"/>
  </si>
  <si>
    <t>國際 經濟 13 季來首 見 日本 q 4 資本 支出 轉 跌</t>
    <phoneticPr fontId="1" type="noConversion"/>
  </si>
  <si>
    <t>台新 美 股 逢 回皆 買點</t>
    <phoneticPr fontId="1" type="noConversion"/>
  </si>
  <si>
    <t>企業 肺炎 買點 美 股 基本 面 優</t>
    <phoneticPr fontId="1" type="noConversion"/>
  </si>
  <si>
    <t>三峽 家庭 群 聚 案 其中 5 例 是 學生 新北 教育局 回 應 了</t>
    <phoneticPr fontId="1" type="noConversion"/>
  </si>
  <si>
    <t>陸新冠 死亡 3248 人 累計 確診 8 09萬 例</t>
    <phoneticPr fontId="1" type="noConversion"/>
  </si>
  <si>
    <t>全家 確診 這 位 wnba 球星 好 悲 情</t>
    <phoneticPr fontId="1" type="noConversion"/>
  </si>
  <si>
    <t>抗 疫 打到 下 半 場 數位 科技 成 關鍵</t>
    <phoneticPr fontId="1" type="noConversion"/>
  </si>
  <si>
    <t>雲林 第 7 例 確診 者 為 工程 公司 老闆 妻子 19 日 確診 他 成 漏網之魚</t>
    <phoneticPr fontId="1" type="noConversion"/>
  </si>
  <si>
    <t>決策 三 階段 哈恩 疫苗 人體 試驗</t>
    <phoneticPr fontId="1" type="noConversion"/>
  </si>
  <si>
    <t>中西醫 抗 疫 傷寒論 舊 方新治</t>
    <phoneticPr fontId="1" type="noConversion"/>
  </si>
  <si>
    <t>傷寒論 中西醫 結合 療效 收治 效果</t>
    <phoneticPr fontId="1" type="noConversion"/>
  </si>
  <si>
    <t>復工 有 影 15 檔 概念 股 動 起 來</t>
    <phoneticPr fontId="1" type="noConversion"/>
  </si>
  <si>
    <t>台資 大陸 廠 自 10 日 起 力拼 復工 包括 台積電 聯電 國巨 華 新科 玉晶光 等 指標性 電子 大廠 陸續 啟動 復工 提 振 市場 信心 15 檔 復工 概念 股 動 起來 統計 10 11 日 公告 復工 或 部分 復工 的 上市 櫃 企業 大陸 廠 區 家數 已 逾 70 家 台</t>
    <phoneticPr fontId="1" type="noConversion"/>
  </si>
  <si>
    <t>大陸 廠 概念 股 企業 國巨 電子 大廠</t>
    <phoneticPr fontId="1" type="noConversion"/>
  </si>
  <si>
    <t>陸 西兩國 外長 通電 陸 承諾 提供 疫情 援助</t>
    <phoneticPr fontId="1" type="noConversion"/>
  </si>
  <si>
    <t>華爾街 示 警 美國 恐 陷 肺炎 衰退</t>
    <phoneticPr fontId="1" type="noConversion"/>
  </si>
  <si>
    <t>成長 衰退 美國 肺炎 華爾街</t>
    <phoneticPr fontId="1" type="noConversion"/>
  </si>
  <si>
    <t>桃園一天確診暴增！全台169例分佈圖曝光</t>
    <phoneticPr fontId="1" type="noConversion"/>
  </si>
  <si>
    <t>桃園 一 天 確診 暴 增 全台 169 例 分佈圖 曝光</t>
    <phoneticPr fontId="1" type="noConversion"/>
  </si>
  <si>
    <t>確診 全台 桃園 3 22 最 多</t>
    <phoneticPr fontId="1" type="noConversion"/>
  </si>
  <si>
    <t>外資 今年 賣 超逾 6 000億 創紀錄</t>
    <phoneticPr fontId="1" type="noConversion"/>
  </si>
  <si>
    <t>賣 超 大軍 肺炎 日 拋 外資</t>
    <phoneticPr fontId="1" type="noConversion"/>
  </si>
  <si>
    <t>崩潰 媽媽 搶到 18 包 衛生紙 下 秒 被 幼童 丟 進 變 紙漿</t>
    <phoneticPr fontId="1" type="noConversion"/>
  </si>
  <si>
    <t>衛生紙 丟 進 紙漿 浴缸 18</t>
    <phoneticPr fontId="1" type="noConversion"/>
  </si>
  <si>
    <t>新任 武漢市委 書記 要 續建 方 艙 醫院 增 床位</t>
    <phoneticPr fontId="1" type="noConversion"/>
  </si>
  <si>
    <t>博通 q 4 財 報 可望 優於 預期</t>
    <phoneticPr fontId="1" type="noConversion"/>
  </si>
  <si>
    <t>蘋果 財 報 上 季 晶 片 獲利</t>
    <phoneticPr fontId="1" type="noConversion"/>
  </si>
  <si>
    <t>看圖回顧2020》今年人心不安元兇：新冠襲捲全球</t>
    <phoneticPr fontId="1" type="noConversion"/>
  </si>
  <si>
    <t>再 撐 2 天 林右昌 連續 14 天 0 就 評估 開放 籃球場</t>
    <phoneticPr fontId="1" type="noConversion"/>
  </si>
  <si>
    <t>疫情 逐漸 趨 緩 全國 陸續 解封 但 基隆 市 在 防疫 上 仍 採取 較 嚴格 措施 市長 林右昌 今天下午 宣佈 好 消息 基隆 已 連續 12 天 嘉玲 若 接下來 2 天 持續 零 確診 將 評估 開放 籃球場 兒童 遊戲場 大武 侖 沙灘 游泳 及 家人 在外 共 餐 等</t>
    <phoneticPr fontId="1" type="noConversion"/>
  </si>
  <si>
    <t>疫情 逐漸 趨 緩 全國 陸續 解封 但 基隆 市 在 防疫 上 仍 採取 較 嚴格 措施 市長 林右昌 今天下午 宣佈 好 消息 基隆 已 連續 12 天 嘉玲 若 接下來 2 天 持續 零 確診 將 評估 開放 籃球場 兒童 遊戲場 大武 侖 沙灘 游泳 及 家人 在外 共 餐 等 他 說 連續 14 天 無 個案 代表 疫情 已 穩定 控制 基隆 籃球場 尚未 開放 民眾 打球 但 其他 縣 市 已 陸續 解封 許多 市民 盼 能 放寬 規定 另外 中山區 大武 侖 沙灘 目前 也 只 提供 民眾 看 海 踏 浪 還 不能 下水 游泳 市府 日前 表示 現 疫情 雖然 趨 緩 但 若 發生 違規 情形 很 難 處理 考慮 到 管理 問題 還是 暫定 封閉 市府 會 密集 觀察 疫情 狀況 滾 動式 檢討 今天 終於 傳出 好 消息 林右昌 決定 若 連續 14 天 無 確診 個案 將 陸續 放寬政策 他 說 以 14 天 作為 標準 代表 市府 不是 無條件 開放 也 顯示 本市 疫情 已 穩定 控制 並且 進入 新 的 里程碑 將 會 安全 穩健 的 帶 大家 回復 正常 生活 林右昌 說 基隆 防疫 有成 會 適時 的 解封 開放 包括 打 籃球 兒童 游具 街頭 藝人 表演 以及 大武 侖 沙灘 游泳 至於 中央 宣佈 家人 在外 共 餐 可以 不 用 隔板 也 將 等到 連續 14 天 無 確診 案例 後 一併 評估 開放 此外 基隆 市政府 指出 原訂 8 月 25 日 起 針對 85 歲 以上 長輩 施打 第二 劑 疫苗 由於 中央 尚未 撥發 疫苗 施打 時間 將 視 疫苗 到位 時間 進行 規 畫 只要 接 到 中央 通知 會 立即 規 畫 期 程 並 通知 符合 資格 的 長輩 前往 接種 林右昌 進一步 提及 基隆 自 6 月 27 日 首度 零 確診 以來 截至 今日 為止 58 天內 有 48 天 零 確診 並 已 連續 12 天 嘉玲 他 說 這樣 的 成果 得來不易 感謝 所有 市民 朋友 配合 以及 第一 線 防疫 人員 的 努力</t>
    <phoneticPr fontId="1" type="noConversion"/>
  </si>
  <si>
    <t>連續 14 天 林右昌 疫情 基隆</t>
    <phoneticPr fontId="1" type="noConversion"/>
  </si>
  <si>
    <t>高市添 1 例 漢 他 出血熱 密切 監控 至 6 29</t>
    <phoneticPr fontId="1" type="noConversion"/>
  </si>
  <si>
    <t>不用 去 藥局 買 了 陳時中 考慮 在 學校 配送 口罩 企業 采 預約</t>
    <phoneticPr fontId="1" type="noConversion"/>
  </si>
  <si>
    <t>政府 施行 口罩 限量 實 名 採購 制 以來 許多 都會區 民眾 仍 須要 排 很 久 的 隊 才能 買到 或 甚至 買不到 但 隨 著 口罩 產量 日增 衛福 部長 陳時中 今天 表示 考慮 在 學校 配送 口罩 讓 家長 不用 去 外面 藥局 買 此外 也 考慮 針對 企業 施行 預約 制</t>
    <phoneticPr fontId="1" type="noConversion"/>
  </si>
  <si>
    <t>萬元之 亂 龔明 鑫 新北 中央 有 共識 要 合作</t>
    <phoneticPr fontId="1" type="noConversion"/>
  </si>
  <si>
    <t>張理國 臺北 報導 萬元 紓困 之 亂 新北 市 一度 將 送 9000 件 案件 送到 衛福部 審核 政務委員 龔明鑫 今天 表示 衛福 部長 陳時中 不止一次 與 新北 市長 侯友宜 通電 雙方 的 共識 就要 趕快 合作 萬元 紓困 之 亂 新北 市 曾 把 案件 交 由 衛福部</t>
    <phoneticPr fontId="1" type="noConversion"/>
  </si>
  <si>
    <t>張理國 臺北 報導 萬 元 紓困 之 亂 新北 市 一度 將 送 9000 件 案件 送到 衛福部 審核 政務委員 龔明鑫 今天 表示 衛福 部長 陳時中 不止一次 與 新北 市長 侯友宜 通電 雙方 的 共識 就要 趕快 合作 萬 元 紓困 之 亂 新北 市 曾 把 案件 交 由 衛福部 審核 引發 中央 地方 不 同調 的 質疑 龔明鑫 表示 事實上 陳時中 跟 侯友宜 彼此 通電話 不止一次 好多 次 了 他 知道 是 大家 都 有 共識 就 是 中央 跟 地方 還 是 要 趕快 合作 儘量 把 事情 完成 把 這些 錢 撥給 需要 的 人 龔明鑫 並說 紓困 問題 政府 是 一體 的 中央 跟 地方 最 重要 是 分工合作 儘快 把 紓困 經費 撥給 需要 的 人</t>
    <phoneticPr fontId="1" type="noConversion"/>
  </si>
  <si>
    <t>雙北World Gym屢爆確診足跡 臺北大安店也淪陷</t>
    <phoneticPr fontId="1" type="noConversion"/>
  </si>
  <si>
    <t>雙北 world gym 屢 爆 確診 足跡 臺北 大安 店 也 淪陷</t>
    <phoneticPr fontId="1" type="noConversion"/>
  </si>
  <si>
    <t>world gym 世界 健身 俱樂部 屢 爆 確診 者 足跡 迄今 累計 臺北站 前 店 長春 店 內 湖 店 新北 板橋 雙 十 店 蘆洲 店 永和 店 永和 民權 店 均 淪陷 最新 傳出 臺北 大安 店 也 有 確診 足跡 已於 1 日 晚間 8 時至 4 日 暫停營業 5 日 將 重新 開放</t>
    <phoneticPr fontId="1" type="noConversion"/>
  </si>
  <si>
    <t>廖人帥宣佈打完第2劑疫苗 曬圖籲台灣人小心：不然又要封了</t>
    <phoneticPr fontId="1" type="noConversion"/>
  </si>
  <si>
    <t>廖人帥 宣佈 打完 第 2 劑 疫苗 曬圖 籲 臺灣人 小心 不然 又 要 封 了</t>
    <phoneticPr fontId="1" type="noConversion"/>
  </si>
  <si>
    <t>臺灣 權王 營 收 逆 增 譜 瑞 立 積 買 盤 青睞</t>
    <phoneticPr fontId="1" type="noConversion"/>
  </si>
  <si>
    <t>立 積 譜 瑞 肺炎 無畏 強勢</t>
    <phoneticPr fontId="1" type="noConversion"/>
  </si>
  <si>
    <t>抗 疫 天王 慘 了 紐約州 長 被 曝 施壓 竄改 疫情報告</t>
    <phoneticPr fontId="1" type="noConversion"/>
  </si>
  <si>
    <t>新 力 旺 奈 米 銅 離子 口罩 防護力 強</t>
    <phoneticPr fontId="1" type="noConversion"/>
  </si>
  <si>
    <t>口罩 實驗室 美國 病毒 新 力 旺</t>
    <phoneticPr fontId="1" type="noConversion"/>
  </si>
  <si>
    <t>九份 驚人 畫面 曝光 員 警 揭 人 都 跑 到 這裡 了</t>
    <phoneticPr fontId="1" type="noConversion"/>
  </si>
  <si>
    <t>傳統 市場 瑞芳 警 分局 採買 人潮 九份</t>
    <phoneticPr fontId="1" type="noConversion"/>
  </si>
  <si>
    <t>又有員警確診 全國員警機關累計至39人</t>
    <phoneticPr fontId="1" type="noConversion"/>
  </si>
  <si>
    <t>又 有 員 警 確診 全國 員警機關 累計 至 39 人</t>
    <phoneticPr fontId="1" type="noConversion"/>
  </si>
  <si>
    <t>北市 大同 分局 傳出 警備隊 勤 指 中心 兩 名 員 警 確診 後 4 日 又 發現 延平北路 派出所 一 名 員警 也 確診 警方 緊急 將 全所 30 人 隔離 並 進行 快 篩 也 暫時 將 派出所 關閉 清 消 警政署 統計 今日 又 新增 兩 人 確診 使 總 人數 達 39 人 此外</t>
    <phoneticPr fontId="1" type="noConversion"/>
  </si>
  <si>
    <t>北市 大同 分局 傳出 警備隊 勤 指 中心 兩 名 員 警 確診 後 4 日 又 發現 延平北路 派出所 一 名 員警 也 確診 警方 緊急 將 全所 30 人 隔離 並 進行 快 篩 也 暫時 將 派出所 關閉 清 消 警政署 統計 今日 又 新增 兩 人 確診 使 總 人數 達 39 人 此外 居家 隔離 86 人 自主 健康 管理 41 人 確診 的 員警 單位 中 以北 市 22 人 最 多 新北 市 14 人 次之 其 餘 單位 都 未 增加 或 傳出 疫情</t>
    <phoneticPr fontId="1" type="noConversion"/>
  </si>
  <si>
    <t>陸 公益 組織 呼籲 建立 防疫 期 大陸 全國性 寵物 隔離 制度</t>
    <phoneticPr fontId="1" type="noConversion"/>
  </si>
  <si>
    <t>大陸 澎湃 新聞 17 日 報導 江西省 上饒市 信州區 一 防疫 封 控 區內 的 寵物 狗 被 防疫 人員 無害化 處理 撲 殺 一 事 持續 發酵 連日來 多 家 公益 組織 呼籲 建立 大陸 全國性 家養 寵物 隔離 制度 15 日 中國 小 動物 保護 協會 公開 表示</t>
    <phoneticPr fontId="1" type="noConversion"/>
  </si>
  <si>
    <t>寵物 隔離 進行 上饒市 寵物 主人</t>
    <phoneticPr fontId="1" type="noConversion"/>
  </si>
  <si>
    <t>稍 早 湖 人 傳出 壞 消息 巨星 詹姆斯 lebron james 因 觸發 聯盟 健康 與 安全 協議 確定 缺席 對陣 國王 的 比賽 而 tmz 驚 傳 他 有 確診 狀況 接受 三 次 檢測 兩 次 呈 陽性反應 無 任何 症狀 球隊 已 安排 私人 飛機 載 他 回 洛杉磯 據 沃</t>
    <phoneticPr fontId="1" type="noConversion"/>
  </si>
  <si>
    <t>陸 學者 美軍 未 因 疫情 而 放鬆 攪動 南海</t>
    <phoneticPr fontId="1" type="noConversion"/>
  </si>
  <si>
    <t>南海 陸美 貿易 科技 產業鏈 供應 鏈</t>
    <phoneticPr fontId="1" type="noConversion"/>
  </si>
  <si>
    <t>福建 新增 22 例 本土 病例 1 例 無 症狀 感染者 由 臺灣 輸入</t>
    <phoneticPr fontId="1" type="noConversion"/>
  </si>
  <si>
    <t>據 大陸 福建省 衛生 健康 委員會 通報 12 日 0 24 時 福建省 新增 22 例 本土 病例 另 新增 境外 輸入 無 症狀 感染者 2 例 包括 由 臺灣 輸入 1 例 福州市 報告 英國 輸入 1 例 廈門市 報告 截至 12 日 24 時 福建省 累計 報告 境外 輸入 確診</t>
    <phoneticPr fontId="1" type="noConversion"/>
  </si>
  <si>
    <t>據 大陸 福建省 衛生 健康 委員會 通報 12 日 0 24 時 福建省 新增 22 例 本土 病例 另 新增 境外 輸入 無 症狀 感染者 2 例 包括 由 臺灣 輸入 1 例 福州市 報告 英國 輸入 1 例 廈門市 報告 截至 12 日 24 時 福建省 累計 報告 境外 輸入 確診 病例 503 例 目前 住院 32 例 無 死亡 病例 現有 報告 境外 輸入 疑似病例 0 例 現有 報告 境外 輸入 無 症狀 感染者 尚 在 接受 集中 隔離 醫學觀察 27 例 福建省 12 日 新增 本土 確診 病例 22 例 廈門市 報告 1 例 泉州市 報告 6 例 莆田市 報告 15 例 其中 無 症狀 感染者 轉 確診 2 例 報告 新增 本土 無 症狀 感染者 13 例 均 為 莆田 市報 告 自 9 月 10 日 以來 福建省 累計 報告 本土 確診 病例 43 例 目前 住院 43 例 廈門市 1 例 泉州市 7 例 莆田市 35 例 無 死亡 病例 現有 本土 無 症狀 感染者 尚 在 接受 集中 隔離 醫學觀察 32 例 莆田市 32 例 目前 密切接觸 者 已 解除 醫學觀察 29154 人 尚有 1406 人 正在 接受 醫學觀察</t>
    <phoneticPr fontId="1" type="noConversion"/>
  </si>
  <si>
    <t>泰山 高中 研發 無人 自 駕 消毒 車 減輕 教師 消毒 負擔</t>
    <phoneticPr fontId="1" type="noConversion"/>
  </si>
  <si>
    <t>疫情 嚴峻 全國 學校 停課 不 停學 校園 在 有限 人力 下 仍 須 每日 進行 消毒 工作 泰山 高中 師生 共同 發展 無人 自 駕 消毒 車 自 駕 消毒 車 清晨 6 點 會 自動 巡迴 消毒 校園 減輕 清 消 人力 負擔 校長 李立泰 表示 泰山 高中 去年 繼 研發 校</t>
    <phoneticPr fontId="1" type="noConversion"/>
  </si>
  <si>
    <t>防疫 全境 封鎖 外籍 旅客 無法 入境 錯愕</t>
    <phoneticPr fontId="1" type="noConversion"/>
  </si>
  <si>
    <t>入境 臺灣 規定 旅客 新加坡</t>
    <phoneticPr fontId="1" type="noConversion"/>
  </si>
  <si>
    <t>ikea 高雄 店 前 主管 返回 馬來西亞 確診 離 台前 住 鼓山區</t>
    <phoneticPr fontId="1" type="noConversion"/>
  </si>
  <si>
    <t>ikea 馬來西亞 高雄 確診 采 檢</t>
    <phoneticPr fontId="1" type="noConversion"/>
  </si>
  <si>
    <t>報導 臺灣 隔離 是 監獄 外交部 澄清 英 情侶 指控 bbc 刪 貼 文 了</t>
    <phoneticPr fontId="1" type="noConversion"/>
  </si>
  <si>
    <t>侯向 受難者 致意 籲 用 愛 包容</t>
    <phoneticPr fontId="1" type="noConversion"/>
  </si>
  <si>
    <t>出席 小朋友 肺炎 受難者 及 家屬 侯友宜</t>
    <phoneticPr fontId="1" type="noConversion"/>
  </si>
  <si>
    <t>科技 防疫 以色列 用電 腦 算 出 可能 帶 原者</t>
    <phoneticPr fontId="1" type="noConversion"/>
  </si>
  <si>
    <t>黃百璐 嫁 德國 8 年 曝 與 丈夫 分居 發文 歎 想 回 臺灣 取暖</t>
    <phoneticPr fontId="1" type="noConversion"/>
  </si>
  <si>
    <t>大陸 專注 抗 疫 兩會 延 後 舉行</t>
    <phoneticPr fontId="1" type="noConversion"/>
  </si>
  <si>
    <t>全國人大 會議 常委會 肺炎 次 會議 委員長</t>
    <phoneticPr fontId="1" type="noConversion"/>
  </si>
  <si>
    <t>美國 70 名 大學生 無視 禁 足 令 包機 度假 44 人 返國 確診</t>
    <phoneticPr fontId="1" type="noConversion"/>
  </si>
  <si>
    <t>武漢 地鐵 重 啟 首日 載客 超 12萬 乘 次</t>
    <phoneticPr fontId="1" type="noConversion"/>
  </si>
  <si>
    <t>3 月 28 日 清晨 5 時 25 分 武漢 地鐵 2 號 線 常青 車輛 段 隨 著 一 聲 清脆 的 鳴笛 編號 為 b 68 的 頭班車 緩緩 啟動 呼嘯 著 開進 地鐵 隧道 沉寂 了 2 個 多 月 的 武漢 地鐵 重 啟 約 1 小時 後 6 條 線路 184 座 車站 同步 恢復 運營 截至 17 時 線網</t>
    <phoneticPr fontId="1" type="noConversion"/>
  </si>
  <si>
    <t>川普 讚美 防疫 棒 火大 不知 感激 州長</t>
    <phoneticPr fontId="1" type="noConversion"/>
  </si>
  <si>
    <t>甲魚 料理 臺灣 少見 老饕 揭 致命 關鍵</t>
    <phoneticPr fontId="1" type="noConversion"/>
  </si>
  <si>
    <t>臺灣 有 來自 世界各地 的 美食 也 有 不少 在 地 小吃 但 有些 料理 因 食 材 關係 所以 相當 少見 先前 有 民眾 注意 到 臺灣 養殖 漁業 盛行 其中 養 甲魚 技術 好 甲魚 又 有益 身體 但 卻 無法 成為 主流 料理 有 老饕 秒 解惑 直言 煮法 不對</t>
    <phoneticPr fontId="1" type="noConversion"/>
  </si>
  <si>
    <t>臺灣 甲魚 老饕 煮法 料理</t>
    <phoneticPr fontId="1" type="noConversion"/>
  </si>
  <si>
    <t>返台 女 確診 足跡 跨 5 縣 市 北市 急 發 493 封 細胞 簡訊</t>
    <phoneticPr fontId="1" type="noConversion"/>
  </si>
  <si>
    <t>臺北市 今 新增 2 例 本土 個案 其中 案 16254 為 士 林區 20 多 歲 女性 在 19 日 采 檢 為 陽性 ct 值 34 衛生局 說明 案 16254 曾 在 去年 9 月 在 國外 確診 治癒 在 3 月 和 7 月 都 有 回國 當時 采 檢 都 是 陰性 並 在 6 月 24 日 接種 過 第一 劑 bnt 疫苗 因</t>
    <phoneticPr fontId="1" type="noConversion"/>
  </si>
  <si>
    <t>桃園 1 確診 者 80 歲 老母 猝死 家中 衛生局 解釋 未 被 匡列 原因</t>
    <phoneticPr fontId="1" type="noConversion"/>
  </si>
  <si>
    <t>8 日 桃園 2 起 確診 者 相關 死亡 案件 傳出 桃園 衛生局長 王文彥 對此 做出 說明 其中 一 案 死亡 男性 有 多重 慢性病 且 持續 就醫 另 一 死亡 案件 為 一 名 80 歲 婦人 並且 是 確診 者 家人 並 解釋 之所以 未 被 匡列 是 因 確診 者 表示 症狀 前 3 天 未接</t>
    <phoneticPr fontId="1" type="noConversion"/>
  </si>
  <si>
    <t>8 日 桃園 2 起 確診 者 相關 死亡 案件 傳出 桃園 衛生局長 王文彥 對此 做出 說明 其中 一 案 死亡 男性 有 多重 慢性病 且 持續 就醫 另 一 死亡 案件 為 一 名 80 歲 婦人 並且 是 確診 者 家人 並 解釋 之所以 未 被 匡列 是 因 確診 者 表示 症狀 前 3 天 未 接觸 家人 疫情 升溫 確診 死亡 案件 頻 傳 人心惶惶 近日 桃園 也 傳出 2 起 確診 者 相關 死亡 案例 王文彥 表示 其中 一起 死亡 案例 具 多重 慢性病 史 且 持續 就醫 另 一起 則 是 一 名 80 歲 婦人 且 有 個 確診 者 的 兒子 王文彥 解釋 之所以 婦人 未 被 匡列 是因為 兒子 在 疫 調 時 明確 表示 症狀 前 3 天 未 和 婦人 有所 接觸 王文彥 也 指出 目前 80 歲 婦人 的 死因 正 在 檢驗 且 2 案 的 接觸 者 目前 都 在 居家 隔離 中 另 2 日 也 發生 一 名 急診 快 篩 發現 陽性 確診 案例 王 說明 這 位 患者 2 日 發生 車禍 自行 就醫 經過 2 間 醫院 1 間 診所 並於 6 日到 長庚醫院 時 是 發現 有 發燒 的 但 患者 自 認為 發燒 原因 應 與 傷口發炎 有關 故 被 列為 沒有 症狀 雖 患者 自 認 發燒 與 疫情 無關 但 王文彥 表示 患者 胸部 的 x 光 確實 有 浸潤 的 現象 並 指出 目前 已 匡列 的 人 包括 就醫 的 3 間 醫療 院所 以及 患者 的 家人</t>
    <phoneticPr fontId="1" type="noConversion"/>
  </si>
  <si>
    <t>焦糖 打 第 2 劑 高端 煩惱 打 滿 3 劑 要 去 哪國 玩 ptt 洗版 笑 瘋</t>
    <phoneticPr fontId="1" type="noConversion"/>
  </si>
  <si>
    <t>焦糖 哥哥 陳 嘉行今 1 日 打完 高端 第二 劑 並 po 文 表示 我 要 煩惱 該 去 哪個 國家 玩 了 嗎 一席話 引爆 網友 論戰 貼 文 轉發 至 ppt 後 鄉民 瘋狂 洗 板 吐 槽 只有 印尼 能 去 而已 焦糖 哥哥 今 早 9 點 前往 臺北市 新光 醫院 施打</t>
    <phoneticPr fontId="1" type="noConversion"/>
  </si>
  <si>
    <t>不服新冠封鎖 尼泊爾數千民眾與員警街頭大戰</t>
    <phoneticPr fontId="1" type="noConversion"/>
  </si>
  <si>
    <t>亞洲 古國 尼泊爾 向來 給 人 靜謐 祥和 的 感覺 但 3 日 在 首都 加德滿都 以南 的 藝術 之 都 拉 利特普爾 爆發 數 千 民眾 與 員警 衝突 的 混亂 場面 造成數 人 受傷 原來 都 是 為了 印度教 和 佛教 一年一度 的 重頭戲 戰車 節 rato machindranat</t>
    <phoneticPr fontId="1" type="noConversion"/>
  </si>
  <si>
    <t>25 人 遭打 未 稀釋 bnt 醫 濃度 破 表 第 2 劑 得 改 打 這款 疫苗</t>
    <phoneticPr fontId="1" type="noConversion"/>
  </si>
  <si>
    <t>bnt 未 稀釋 濃度 恩主 宮 醫院 az</t>
    <phoneticPr fontId="1" type="noConversion"/>
  </si>
  <si>
    <t>瑞典 佛 系 防疫 估 首都 1 3 人口 將 被 感染</t>
    <phoneticPr fontId="1" type="noConversion"/>
  </si>
  <si>
    <t>電子零件 5 g 基站 及 蘋果 新機 助攻 勤 凱 業績 旺 到 明年</t>
    <phoneticPr fontId="1" type="noConversion"/>
  </si>
  <si>
    <t>導電 漿 料廠 勤 凱 4760 佈 局 5 g 相關 介質 濾波器 導電 漿 有成 順利 通過 大廠 認證 目前 已 開始 出 貨 5 g 基站 成為 公司 營運 成長 新 動能 受惠 於 被動 元件 太陽能 及 5 g 相關 應用 需求 強勁 勤 凱 目前 產能 滿載 業績 可望 自 9 月 起 展現 強</t>
    <phoneticPr fontId="1" type="noConversion"/>
  </si>
  <si>
    <t>勤 凱 被動 元件 國巨 奇 力 新 台達電</t>
    <phoneticPr fontId="1" type="noConversion"/>
  </si>
  <si>
    <t>國內 確診 首度 破百 今 暴 增 23 例</t>
    <phoneticPr fontId="1" type="noConversion"/>
  </si>
  <si>
    <t>全聯 板橋 長江 店 今 閉店清 消 明 恢復 營業</t>
    <phoneticPr fontId="1" type="noConversion"/>
  </si>
  <si>
    <t>新北 市 公佈 今 7 日 確診 案例 其中 案 16153 於 9 月 3 日 的 19 00 至 19 15 和 9 月 4 日 的 17 00 至 17 15 曾至 板橋 區 民生 路 的 全聯 長 江店 全聯福利中心 回應 針對 政府 公佈 確診 者 到 過 的 門市 皆 會 使用 高 規格 專業 食 安級清 消 作業</t>
    <phoneticPr fontId="1" type="noConversion"/>
  </si>
  <si>
    <t>全聯 清 消 長江路 新北 高 規格</t>
    <phoneticPr fontId="1" type="noConversion"/>
  </si>
  <si>
    <t>觀光 股 疫情 衝擊 前所未見 晶 華潘思 亮 籲 租稅 減免 加碼</t>
    <phoneticPr fontId="1" type="noConversion"/>
  </si>
  <si>
    <t>台大 首度 線 上 畢典 管中閔 道別 畢業生 要 小心 喔</t>
    <phoneticPr fontId="1" type="noConversion"/>
  </si>
  <si>
    <t>臺灣大學 今 26 日 首度 舉辦 線 上 畢業典禮 校長 管中閔 以 預 錄 影片 發表 致詞 時 提到 對於 正 在 醫療 前線 奮戰 的 眾多 醫護人員 務必 心存 感念 他們 是 真正 的 英雄 只要 大家 共同努力 疫情 終 會 過去 我們 一定 會 贏得 抗 疫 的 最後</t>
    <phoneticPr fontId="1" type="noConversion"/>
  </si>
  <si>
    <t>股利 觀光 漢來 美食 決 配 息 7 元 開源節流 抗 逆風</t>
    <phoneticPr fontId="1" type="noConversion"/>
  </si>
  <si>
    <t>漢來 美食 股東會 股利 營 收 獲利</t>
    <phoneticPr fontId="1" type="noConversion"/>
  </si>
  <si>
    <t>全國 防疫 3 級 警戒 景區 活動 關閉 資訊 一 次 看</t>
    <phoneticPr fontId="1" type="noConversion"/>
  </si>
  <si>
    <t>放棄 治療 剛稱 國人 恐 面臨 生死 分離 英 要 讓 民眾 染病 獲 免疫</t>
    <phoneticPr fontId="1" type="noConversion"/>
  </si>
  <si>
    <t>21 天 前 曾 施打 bnt 桃園 15 歲 特教 生 體育課 突 昏迷 不治</t>
    <phoneticPr fontId="1" type="noConversion"/>
  </si>
  <si>
    <t>15 歲 葉姓 特教 生 15 日 在 學校 上 體育課 時 突然 身體 不適 陷入 昏迷 護理 師 立即 cpr 但 消防 員獲 報到 場 已 失去 生命 跡象 緊急 送醫 仍 宣告 不治 葉姓 少女 21 天 前 曾 施打 bnt 疫苗 警方 已 報請 檢 方相 驗 初步 研 判 是 神經 異常 引發 的 休克</t>
    <phoneticPr fontId="1" type="noConversion"/>
  </si>
  <si>
    <t>15 歲 葉姓 特教 生 15 日 在 學校 上 體育課 時 突然 身體 不適 陷入 昏迷 護理 師 立即 cpr 但 消防 員獲 報到 場 已 失去 生命 跡象 緊急 送醫 仍 宣告 不治 葉姓 少女 21 天 前 曾 施打 bnt 疫苗 警方 已 報請 檢 方相 驗 初步 研 判 是 神經 異常 引發 的 休克 詳細 死因 仍 待 厘 清 葉 姓 特教 生 10 月 15 日 一早 在校 上 體育 課時 在 走廊 跑步 健 行 30 分鐘 後 突然 身體 不適 坐在 樓梯 間 休息 體育老師 發現 她 面色 有異 通知 學校 護理 師 到場 並 立即 施作 cpr 同時 呼叫 救護車 但 消防 員 抵達 時已 失去 生命 跡象 以 aed 電擊 數次 仍未 有 反應 送醫 後 仍 宣告 不治 因 葉姓 特教 生 9 月 24 日 曾施 打 第一 劑 bnt 疫苗 衛生局 目前 尚未 接 獲 疫苗 不良反應 通報 或 傷害 救濟 仍 將 主動 跟 校方 聯繫 瞭解 相關 狀況 警方 已 報請 檢 方相 驗 初步 研 判 是 神經 異常 引發 的 休克 詳細 死因 仍 待 厘 清</t>
    <phoneticPr fontId="1" type="noConversion"/>
  </si>
  <si>
    <t>semi 矽 晶圓 出 貨 強到 2024</t>
    <phoneticPr fontId="1" type="noConversion"/>
  </si>
  <si>
    <t>國際 半導體 產業 協會 semi 19 日 公佈 發佈 年度 半導體 產業 矽 晶圓 出 貨 預測 報告 看好 全球 矽 晶圓 產業 前景 預測出 貨 量 2021 年 將 創下 歷史 新高 且 成長 力 道 一路 走 強 延續 到 2024 年 業 界 預期 矽 晶圓 供不應求 且 價格 持續 調 漲 法</t>
    <phoneticPr fontId="1" type="noConversion"/>
  </si>
  <si>
    <t>成長 調 漲 矽 晶圓 出貨量 延續 矽 晶圓</t>
    <phoneticPr fontId="1" type="noConversion"/>
  </si>
  <si>
    <t>台鐵 1 人 中 鏢 全台 淪陷 1500 名 司機員 自發性 不 出國</t>
    <phoneticPr fontId="1" type="noConversion"/>
  </si>
  <si>
    <t>北市 高中生 確診 班級 停課 家長 狂 問 要 上課 嗎 校方 回 應 了</t>
    <phoneticPr fontId="1" type="noConversion"/>
  </si>
  <si>
    <t>高中生 確診 確診 北市 停課 家長</t>
    <phoneticPr fontId="1" type="noConversion"/>
  </si>
  <si>
    <t>bnt 第 八 輪 接種 疫苗 342萬</t>
    <phoneticPr fontId="1" type="noConversion"/>
  </si>
  <si>
    <t>為何 第 2 劑 疫苗 副作用 更 嚴重 專家 揭 原因</t>
    <phoneticPr fontId="1" type="noConversion"/>
  </si>
  <si>
    <t>5 天 零 確診 無 本土 病例 滿月</t>
    <phoneticPr fontId="1" type="noConversion"/>
  </si>
  <si>
    <t>國際 護 師 節 護士節 5 天 零 確診 臺灣 本土 病例</t>
    <phoneticPr fontId="1" type="noConversion"/>
  </si>
  <si>
    <t>乘 聯會 新 能源 車 銷量 拼 增 6 成</t>
    <phoneticPr fontId="1" type="noConversion"/>
  </si>
  <si>
    <t>看好 大陸 車市 需求 提升 與 官方 政策 扶持 大陸 乘 聯會 25 日 上調 年初 時 的 預估 預料 2021 年 大陸 新 能源 車 銷量 可望 達到 220萬 輛 這項 估計 較 2020 年 大陸 新 能源 車 銷量 增長 逾 六 成 顯見 對 今年 大陸 新 能源 車 前景 看 佳 新浪 財經 25 日</t>
    <phoneticPr fontId="1" type="noConversion"/>
  </si>
  <si>
    <t>大陸 新 能源 汽車 萬 輛 車企 新 能源 車 大陸 新 能源 車</t>
    <phoneticPr fontId="1" type="noConversion"/>
  </si>
  <si>
    <t>肺炎 影響 留學 返台 男友 狂 嗆 流鶯 曝 真相 嫩 妹 喊 分手</t>
    <phoneticPr fontId="1" type="noConversion"/>
  </si>
  <si>
    <t>留學 英文 流鶯 留英 肺炎</t>
    <phoneticPr fontId="1" type="noConversion"/>
  </si>
  <si>
    <t>pga 首 位 高 球員 確診 接觸 者 全 陰性</t>
    <phoneticPr fontId="1" type="noConversion"/>
  </si>
  <si>
    <t>高爾夫 瓦尼 pga 選手 比賽</t>
    <phoneticPr fontId="1" type="noConversion"/>
  </si>
  <si>
    <t>從 戴 口罩 看出 臺灣人 自律 關鍵 原因 曝 網 真的 笑 死</t>
    <phoneticPr fontId="1" type="noConversion"/>
  </si>
  <si>
    <t>臺灣 自 5 月中 爆發 大規模 社區 疫情 單日 本土 新增 確診 連續 破百 震驚全國 但 自從 升級 三級 警戒 後 靠 著 疫苗 施打 及 全民 努力 配合 防疫 終於 再度 控制 疫情 將 本土 疫情 再度 壓回 個 位 數 一 位 網友 佩服 表示 臺灣人 非常 自律</t>
    <phoneticPr fontId="1" type="noConversion"/>
  </si>
  <si>
    <t>臺灣 自 5 月中 爆發 大規模 社區 疫情 單日 本土 新增 確診 連續 破百 震驚全國 但 自從 升級 三級 警戒 後 靠 著 疫苗 施打 及 全民 努力 配合 防疫 終於 再度 控制 疫情 將 本土 疫情 再度 壓回 個 位 數 一 位 網友 佩服 表示 臺灣人 非常 自律 和 歐美國家 相比 戴 口罩 防疫 更是 一流 背後 關鍵 原因 引起 熱 議 沒 想到 臺灣人 的 口罩 自律 很 高 一 名 ptt 網友 發文 表示 沒 想到 臺灣人 非常 自律 大家 出門 都戴 口罩 且 大多數 人 都守法 怕 罰 錢 相對 下來 其他 國家 就 很 淒慘 破 千 甚至 破 萬 人 確診 都有 原因 就 在於 人民 自律 程度 很 差 不 愛戴 口罩 原 po 認為 臺灣人 水準 真 的 高 口罩 防疫 一流 加上 高風險 的 民眾 也 都 打 了 疫苗 所以 現在 臺灣 整體 是 很 安全 每天 個 位數 確診 想必 讓 歐美 大國 都 很 羡慕 此文 一 出 網友 無奈 表示 因為 沒 疫苗 啊 只能 自救 要 罰 錢 啊 笑 死 怕 死 x 怕 罰 錢 o 沒 戴會 被 拍照 po 上網 說 個 笑話 臺灣人 自律 不 罰 錢 我 看 會 多 自律 怕 罰 錢 貪財 怕 染病 怕 死 但 不少 人 指出 戴 口罩 好處 很多 習慣 養成 後 也 沒有 壞處 臺灣 就 是 靠 人民 自主 防疫 和 醫護 撐起來 去年 疫情 沒 嚴重 時 就 滿街 一 堆 人 戴 口罩 到底 哪 一 國人 不 貪生怕死 戴 口罩 不只 可 防疫 防空 汙 也 很 好 用 阿 換 個 角度 想 是 大家 珍惜 生命 外國 一 堆 想 證明 肺炎 是 感冒 的</t>
    <phoneticPr fontId="1" type="noConversion"/>
  </si>
  <si>
    <t>戴 口罩 罰 錢 自律 防疫 臺灣人</t>
    <phoneticPr fontId="1" type="noConversion"/>
  </si>
  <si>
    <t>市府 中心 感染 陳時中 社區 感染</t>
    <phoneticPr fontId="1" type="noConversion"/>
  </si>
  <si>
    <t>義甲 不怕死 被 停賽 又 偷 踢 6 場</t>
    <phoneticPr fontId="1" type="noConversion"/>
  </si>
  <si>
    <t>義甲 停賽 英超 足球 閉門</t>
    <phoneticPr fontId="1" type="noConversion"/>
  </si>
  <si>
    <t>外館 防疫 大 作戰</t>
    <phoneticPr fontId="1" type="noConversion"/>
  </si>
  <si>
    <t>外館 駐外 館 處 外交人員 外交部 病毒</t>
    <phoneticPr fontId="1" type="noConversion"/>
  </si>
  <si>
    <t>石油 戰爭 誰 受 創</t>
    <phoneticPr fontId="1" type="noConversion"/>
  </si>
  <si>
    <t>國際 油價 跌跌 不休 首當其衝 將 是 規模較 小 的 石油 生產國 國際 能源 署 iea 警告 油價 崩 跌 恐 讓 脆弱 產油國 的 石油 收入 銳減 高 達 85 the paris-based agency said that countries such as ecuador iraq and niger</t>
    <phoneticPr fontId="1" type="noConversion"/>
  </si>
  <si>
    <t>油價 崩 盤 奈及利亞 肺炎 因應 準備</t>
    <phoneticPr fontId="1" type="noConversion"/>
  </si>
  <si>
    <t>2020 年 就醫 王是 他 1 年 就診 839 次 掛號 人數 爆 多 是 這 3 科</t>
    <phoneticPr fontId="1" type="noConversion"/>
  </si>
  <si>
    <t>now 健康 就醫 王 就醫 次數 頭痛 關節炎</t>
    <phoneticPr fontId="1" type="noConversion"/>
  </si>
  <si>
    <t>苦 苓 曝 4 種 人 排隊 買 口罩 杏仁 哥 拋 一 問 網 感歎</t>
    <phoneticPr fontId="1" type="noConversion"/>
  </si>
  <si>
    <t>慧 洋 2 月 每股 虧損 0 09 元</t>
    <phoneticPr fontId="1" type="noConversion"/>
  </si>
  <si>
    <t>虧損</t>
    <phoneticPr fontId="1" type="noConversion"/>
  </si>
  <si>
    <t>稅 前 虧損 回升 肺炎 累計 前 慧 洋</t>
    <phoneticPr fontId="1" type="noConversion"/>
  </si>
  <si>
    <t>業績 生 醫 防疫 加 宅 配 杏 一 首季 營 收 年 增 逾 17</t>
    <phoneticPr fontId="1" type="noConversion"/>
  </si>
  <si>
    <t>影 為 封城 做 準備 柯文哲 下禮拜 將 桌上 演習</t>
    <phoneticPr fontId="1" type="noConversion"/>
  </si>
  <si>
    <t>業績 化工 轉 單 效應 永 捷 首季 營 收 年 增 4 成</t>
    <phoneticPr fontId="1" type="noConversion"/>
  </si>
  <si>
    <t>寶格麗 生產 抗 菌 洗手 凝 膠 未來 兩 個 月 內 達到 20萬 瓶</t>
    <phoneticPr fontId="1" type="noConversion"/>
  </si>
  <si>
    <t>黃珊珊 防疫 房 數 沒 辦法 跟上 新增 病例</t>
    <phoneticPr fontId="1" type="noConversion"/>
  </si>
  <si>
    <t>mlb 劉致榮 紅 襪 春 訓 營 報到 先 隔離 獨居 一 周</t>
    <phoneticPr fontId="1" type="noConversion"/>
  </si>
  <si>
    <t>疫苗 空 窗 期 爆 民怨 蔡英文 一舉 動 被 他 質疑 掩護 高端</t>
    <phoneticPr fontId="1" type="noConversion"/>
  </si>
  <si>
    <t>中華 代表團 近日 在 東京 奧運 奪下 好 成績 選手 群 表現 亮 眼 更 讓 全台 掀起 東奧熱 總統 蔡英文 更 頻頻 致電 恭喜 選手 對此 藍委 李德維 直言 疫苗 空 窗 期 已經 山雨欲來 這 或許 就 解釋 了 蔡英文 為什麼 要 化身 蔡主 播 全民</t>
    <phoneticPr fontId="1" type="noConversion"/>
  </si>
  <si>
    <t>大甲鎮 瀾 宮 媽祖 繞 境 複 辦 陳時中 我 不 贊成</t>
    <phoneticPr fontId="1" type="noConversion"/>
  </si>
  <si>
    <t>繞 境 鄭銘坤 出發 大甲鎮 瀾 宮 媽祖 複 辦</t>
    <phoneticPr fontId="1" type="noConversion"/>
  </si>
  <si>
    <t>南 投 新增 3 確診 皆 為 東方紅 傳播 鏈 衛生局長 籲 端午節 別 來 南 投</t>
    <phoneticPr fontId="1" type="noConversion"/>
  </si>
  <si>
    <t>南 投 縣 6 月 9 日 新增 3 例 確診 個案 皆 為 東方 紅案 5450 之 同住者 分別 為 案 12029 男性 88 歲 案 12030 女性 84 歲 及 案 12031 女性 53 歲 由於 3 位 為 5 月 24 日 至 6 月 7 日 居家 隔離 期間 之 第 2 次 核酸 pcr 檢測 確診 固無 公共場所 活動 史 縣府</t>
    <phoneticPr fontId="1" type="noConversion"/>
  </si>
  <si>
    <t>雙北 不 同調 柯稱 力 不可 用盡 侯友宜 屆時 想 救 都 沒 機會</t>
    <phoneticPr fontId="1" type="noConversion"/>
  </si>
  <si>
    <t>雙北研 議 共同 防疫 但 從 防疫 旅館 關閉 場館 等 種種 措施 都 不 同調 新北 市長 侯友宜 今 出席 活動 時更 重申 沒有 所謂 資源 要 不 要用 盡 的 問題 關鍵時刻 就是 要 用盡 全部 力量 否則 大規模 社區 一旦 感染 發生 得了 病 想 救 都 沒 機會</t>
    <phoneticPr fontId="1" type="noConversion"/>
  </si>
  <si>
    <t>1 分鐘 看 世界 疫情 重 擊 美 經濟 土耳其 貨船 遭 襲擊</t>
    <phoneticPr fontId="1" type="noConversion"/>
  </si>
  <si>
    <t>三星 追 單 神 盾 出 貨 放 量 到 3 月</t>
    <phoneticPr fontId="1" type="noConversion"/>
  </si>
  <si>
    <t>中國 肺炎 神 盾 三星 追 單</t>
    <phoneticPr fontId="1" type="noConversion"/>
  </si>
  <si>
    <t>24 歲 女 打 az 眼前 一 片 黑 嚇壞 醫 曝 暫時性 失明 原因</t>
    <phoneticPr fontId="1" type="noConversion"/>
  </si>
  <si>
    <t>年輕 族群 陸續 接種 疫苗 一 名 24 歲 的 女網友 上午 打完 az 後 晚上 開始 出現 發燒 全身 酸痛 等 症狀 隔 天 清晨 要 上 廁所 時 突然 眼前 一 片 黑 甚至 失去 意識 嚇 得 她 在 好轉 後 趕緊 到 醫院 檢查 貼 文一 出 引起 熱 議 許多 處在 搖 滾 區 的</t>
    <phoneticPr fontId="1" type="noConversion"/>
  </si>
  <si>
    <t>年輕 族群 陸續 接種 疫苗 一 名 24 歲 的 女網友 上午 打完 az 後 晚上 開始 出現 發燒 全身 酸痛 等 症狀 隔 天 清晨 要 上 廁所 時 突然 眼前 一 片 黑 甚至 失去 意識 嚇 得 她 在 好轉 後 趕緊 到 醫院 檢查 貼 文一 出 引起 熱 議 許多 處在 搖 滾 區 的 朋友 也 分享 打完 az 後 的 症狀 一 名 網友 昨 12 日 在 dcard 發文 表示 24 歲 沒 任何 疾病 的 她 當天 早上 11 點 半 打完 az 後 大約 晚上 8 點 半 開始 發燒 到 38 度 到 了 半夜 甚至 發燒 得 更 嚴重 還 全身 酸痛 忽冷忽熱 會 突然 大 爆 汗 結果 在 清晨 6 點 半 原 po 要 上 廁所 時 突然 頭暈 眼前 一 片 黑 什麼 都 看不到 也 聽 不到 大概 持續 了 5 分鐘 在 以為 要 昏倒 的 時候 我 慢慢 恢復 意識 但 還是 看不到 我 呼喊 還 在 睡覺 的 室友 幸好 室友 有 醒來 然後 我 慢慢 看 得 到 也 恢復正常 了 原 po 因為 不 太 放心 於是 到 大 醫院 檢查 而 醫生 給 她 打完 點滴 後 表示 應該 是 缺水 的 緣故 並 提醒 大家 若 施 打 疫苗 需 多喝水 然後 可以 買 寶礦力 舒 跑 補充 電解質 打 疫苗 前 可以 多 吃 維他命 c 還有 吃 奇異 果 等 貼 文一 出 引起 討論 喝 很多 水 不 代表 不 會 缺水 喔 反而 會 因為 上 太 多 次 廁所 導致 電解質 失衡 我 男友 前 幾 天 跟 你 一樣 他 也 是 突然 暈 眩 一 天 大概 有 兩 次 之後 阿姨 帶 他 去 急診 我 有 跟去 醫生 也 是 說 水 喝 不夠 我 退燒 後 開始 出現 嘔吐 跟 頭痛 還有 爆 冷汗 打完 az 現在 第 四 天頭 還 會 一直 不時 抽 痛 是 正常 的 嗎 打完 第 4 天 沒有 發燒 了 但 頭 就 是 會 痛 特別 是 彎腰 打噴嚏 那種 大 動作 會 特別 痛</t>
    <phoneticPr fontId="1" type="noConversion"/>
  </si>
  <si>
    <t>az 疫苗 失去 意識 昏倒 發燒</t>
    <phoneticPr fontId="1" type="noConversion"/>
  </si>
  <si>
    <t>彰 化 連續 嘉玲 後 今 添 1 確診 男子 社交圈 跨 3 縣 市 10 人 遭 匡列</t>
    <phoneticPr fontId="1" type="noConversion"/>
  </si>
  <si>
    <t>別 再說 疫 調 不實 璩 大 成 曝 北市 疫 調 秘辛 1 天 僅 能 做 3 份</t>
    <phoneticPr fontId="1" type="noConversion"/>
  </si>
  <si>
    <t>本土 疫情 趨 緩 傳染病 防治 網 臺北區 副 指揮官 臺北市立聯合醫院 總院 副總 院長 璩 大 成 今天 出席 疾病 管制 署 感染 管制 與 防治 策略 研討會 談 到 5 月中 旬 北市 爆發 大規模 本土 疫情 時 團隊 認知 到 過去 習慣 的 傳統 疫 調 已 無 法</t>
    <phoneticPr fontId="1" type="noConversion"/>
  </si>
  <si>
    <t>台新 投 信 新興 短期 高 收益 債 成 最佳 資金 避風港</t>
    <phoneticPr fontId="1" type="noConversion"/>
  </si>
  <si>
    <t>新興 全球 短 高 收 美國 最 大 跌幅</t>
    <phoneticPr fontId="1" type="noConversion"/>
  </si>
  <si>
    <t>巨 城 斥資 百萬 添 購 熱像儀 體溫 走過 就 現形</t>
    <phoneticPr fontId="1" type="noConversion"/>
  </si>
  <si>
    <t>他 住 華南 海鮮 市場 全家 靠 做 3 件 事 躲 過 感染</t>
    <phoneticPr fontId="1" type="noConversion"/>
  </si>
  <si>
    <t>檢測 試劑 90 病毒 靈敏度</t>
    <phoneticPr fontId="1" type="noConversion"/>
  </si>
  <si>
    <t>準備 施打 疫苗 新北 共有 23 處 大 中型 接種 站</t>
    <phoneticPr fontId="1" type="noConversion"/>
  </si>
  <si>
    <t>習近平 為 抗 疫 與 法 埃 英 領袖 通電話</t>
    <phoneticPr fontId="1" type="noConversion"/>
  </si>
  <si>
    <t>翻 爆 午間 精選 堵住 疫情 漏洞 防疫 車隊 上路</t>
    <phoneticPr fontId="1" type="noConversion"/>
  </si>
  <si>
    <t>堵住 疫情 漏洞 防疫 車隊 上路 交通部長 林佳龍 2 日 於臉書 宣佈 目前 陸 港 澳 韓 義 伊朗 等 國家 入境 旅客 都 需要 居家 檢疫 14 天 從 機場 入境 後 就 不能 搭乘 客運 軌道 運輸 等 大眾 運輸工具 長 程 旅客 如何 返家 才 不 會</t>
    <phoneticPr fontId="1" type="noConversion"/>
  </si>
  <si>
    <t>武漢 封城 局部 解禁 滯留 在 武漢 外地人 可 分批 出 城</t>
    <phoneticPr fontId="1" type="noConversion"/>
  </si>
  <si>
    <t>美 delta 疫情 飆 升 佛 奇 警告 走 錯 方向</t>
    <phoneticPr fontId="1" type="noConversion"/>
  </si>
  <si>
    <t>被 搶光 這 國 買斷 瑞德西韋 未來 3 個 月 產量</t>
    <phoneticPr fontId="1" type="noConversion"/>
  </si>
  <si>
    <t>3 月 營 收 52 檔 創 新高</t>
    <phoneticPr fontId="1" type="noConversion"/>
  </si>
  <si>
    <t>肺炎 新高 台積電 創 新高 合併 營 收 創</t>
    <phoneticPr fontId="1" type="noConversion"/>
  </si>
  <si>
    <t>近4500例91死 法國總理： 別無選擇 宣佈封鎖</t>
    <phoneticPr fontId="1" type="noConversion"/>
  </si>
  <si>
    <t>近 4500 例 91 死 法國總理 別無選擇 宣佈 封鎖</t>
    <phoneticPr fontId="1" type="noConversion"/>
  </si>
  <si>
    <t>三星 galaxy note 20 共 2 款 高階款 支援 120 hz 更新 率</t>
    <phoneticPr fontId="1" type="noConversion"/>
  </si>
  <si>
    <t>三星 samsung 今年 下半年 預計 推出 的 galaxy note 20 系列 到底 有 幾 款 先前 曾經 爆 料 指出 蘋果 不 會 在 新 一代 iphone 中 採用 ltpo 低溫 多晶矽 氧化物 技術 的 display supply chain consultant dscc ceo ross young</t>
    <phoneticPr fontId="1" type="noConversion"/>
  </si>
  <si>
    <t>酒店 女 公關 疫 調 為 何大 轉彎 莊人祥 曝 原因</t>
    <phoneticPr fontId="1" type="noConversion"/>
  </si>
  <si>
    <t>國台辦：搭民航赴陸臺胞 可在大陸接種疫苗</t>
    <phoneticPr fontId="1" type="noConversion"/>
  </si>
  <si>
    <t>國 台辦 搭 民航 赴 陸 臺胞 可 在 大陸 接種 疫苗</t>
    <phoneticPr fontId="1" type="noConversion"/>
  </si>
  <si>
    <t>第 56 屆 金鐘獎 頒獎典禮 於 2 日 舉行 電視劇 斯卡羅 的 導演 曹瑞原 擔任 本屆 金鐘獎 擔任 評審委員會 主委 以及 金鐘 典禮 頒獎人 他 在 頒發 最後 2 個 獎項 時 向衛福 部長 陳時中 喊話 希望 找 衛福部 來 拍 片 對此 陳時中 回應 找 羅</t>
    <phoneticPr fontId="1" type="noConversion"/>
  </si>
  <si>
    <t>斯卡羅 曹瑞原 拍 片 陳時中 金鐘獎</t>
    <phoneticPr fontId="1" type="noConversion"/>
  </si>
  <si>
    <t>恩 主公 醫院 成標 靶 護理部 主任 給 同仁 的 信 忍 住 憤怒 堅守崗位</t>
    <phoneticPr fontId="1" type="noConversion"/>
  </si>
  <si>
    <t>伊 拉客 街頭 跳 跳 拉人 萬華</t>
    <phoneticPr fontId="1" type="noConversion"/>
  </si>
  <si>
    <t>擔心 出國 遭 汙名 化 警員 蜜月旅行 變 環島</t>
    <phoneticPr fontId="1" type="noConversion"/>
  </si>
  <si>
    <t>az 擋不住 delta 病毒 醫 揭 最新 研究 資料</t>
    <phoneticPr fontId="1" type="noConversion"/>
  </si>
  <si>
    <t>az delta 變種 病毒 疫苗 bnt</t>
    <phoneticPr fontId="1" type="noConversion"/>
  </si>
  <si>
    <t>賈永婕 首 動員 全家 送 便當 兒子 口罩 裡 表情 被 抓 包</t>
    <phoneticPr fontId="1" type="noConversion"/>
  </si>
  <si>
    <t>女星 賈永婕 持續 為 臺灣 醫護 送暖 昨 21 日 不畏 高溫 帶 著 全家人 駕車 到 基隆 礦工 醫院 送 餐 和 飲料 賈永婕 表示 這 是 第一 次 全家 一起 出動 兒子 因 可 多 玩 一 小時 電動 終於 加入 行列 雖然 有 在 幫忙 不過 被 媽媽 抓 包 表情 不 太 對</t>
    <phoneticPr fontId="1" type="noConversion"/>
  </si>
  <si>
    <t>越南 禁 所有 國際航班 入境 徵召 醫科 學生 與 退休 醫護 共同 抗 疫</t>
    <phoneticPr fontId="1" type="noConversion"/>
  </si>
  <si>
    <t>航空 雙雄 獲 臺灣 企業 永續獎</t>
    <phoneticPr fontId="1" type="noConversion"/>
  </si>
  <si>
    <t>臺灣 企業 永續 學院 主辦 的 2020 年 第 13 屆 臺灣 企業 永續獎 tcsa 今 進行 頒獎 中華 航空 連續 7 年 摘 下 臺灣 企業 永續獎 長 榮 航空 則 再次 拿 到 企業 永續 報告 類 運輸業 白 金獎 並 首度 獲 頒 企業 永續 綜合 績效 類 臺灣 top</t>
    <phoneticPr fontId="1" type="noConversion"/>
  </si>
  <si>
    <t>防疫 推 外帶 特價 優惠 廣告 字體 卻 讓 人 發毛</t>
    <phoneticPr fontId="1" type="noConversion"/>
  </si>
  <si>
    <t>廣告 折價 防疫 行銷 古印 體</t>
    <phoneticPr fontId="1" type="noConversion"/>
  </si>
  <si>
    <t>影 明天 會 更 好 睽 違 35 年 大合唱 22 位 人氣 youtuber 傳遞 溫暖</t>
    <phoneticPr fontId="1" type="noConversion"/>
  </si>
  <si>
    <t>過去 曾 在 1983 1985 年 非洲 衣索比亞大 饑荒 為 援助 饑民 美國 歌手 推出 合唱 歌曲 we are the world 天下一家 將 專輯 版稅 捐 作 賑災 用途 隔 年 1985 年 臺灣光復 節 40 周年 召集 臺灣 60 位 華語 歌手 共同 錄 唱 明天 會 更 好 並 推出</t>
    <phoneticPr fontId="1" type="noConversion"/>
  </si>
  <si>
    <t>nfl 偷 帶 女人 進 飯店 海 鷹 隊 球員 遭 開除</t>
    <phoneticPr fontId="1" type="noConversion"/>
  </si>
  <si>
    <t>新北 疫情 再 0 侯友宜 國外 疫情 嚴峻 必須 要 阻絕 於 境外</t>
    <phoneticPr fontId="1" type="noConversion"/>
  </si>
  <si>
    <t>新北 市 侯友宜 今 26 日 主持 疫情 說明會 全市 新增 0 例 確診 居家 列管 數 55 人 今天 可 解 隔 2 人 目前 新北 市 疫情 近 2 周多為 0 但 也 不能 太 輕忽 疫情 侯 強調 國外 疫情 仍 嚴峻 必須 要 阻絕 於 境外 要 戒慎 恐懼 面對 疫情 侯友宜</t>
    <phoneticPr fontId="1" type="noConversion"/>
  </si>
  <si>
    <t>侯友宜 阻絕 於 境外 疫情 戒慎 國外 疫情</t>
    <phoneticPr fontId="1" type="noConversion"/>
  </si>
  <si>
    <t>46 歲 唐玲 消失 2 年 竟 爆 罹 胃癌 醫院 量 能 超載 不敢 回診</t>
    <phoneticPr fontId="1" type="noConversion"/>
  </si>
  <si>
    <t>確診 校友 曾 到校 屏 大 消毒 全面 暫停 社團</t>
    <phoneticPr fontId="1" type="noConversion"/>
  </si>
  <si>
    <t>桃 機 旅 服 中心 員工 確診 無 出國 紀錄 疑 似 在 機場 遭到 傳染</t>
    <phoneticPr fontId="1" type="noConversion"/>
  </si>
  <si>
    <t>打 第 3 劑 間隔時間 縮短 為 8 至 12 周?莊 人 祥 鬆口 會 討論</t>
    <phoneticPr fontId="1" type="noConversion"/>
  </si>
  <si>
    <t>omicron 莊人祥 接種 縮短 討論</t>
    <phoneticPr fontId="1" type="noConversion"/>
  </si>
  <si>
    <t>半 導體 q 2 可期 h 2 動能 佳 鈺 太 前景 不 淡</t>
    <phoneticPr fontId="1" type="noConversion"/>
  </si>
  <si>
    <t>鈺 太 6679 第二 季 營運 受惠 疫情 下 帶動 的 居家 商 機 nb 市場 活絡 有助於 鈺 太 mems 微機 電 系統 麥克風 出 貨 長線 也 在 窄 邊框 nb 滲透 率 看俏 下 於 產業界 具有 發展 優勢 除 nb 市場 外 鈺 太 在 無線 藍芽 耳機 tws 遊戲機 以及 智慧 t</t>
    <phoneticPr fontId="1" type="noConversion"/>
  </si>
  <si>
    <t>鈺 太 nb mems tws 智能 tv</t>
    <phoneticPr fontId="1" type="noConversion"/>
  </si>
  <si>
    <t>馬偕醫院「禁萬華、板橋者」遭批歧視 侯友宜：責成衛生局瞭解狀況</t>
    <phoneticPr fontId="1" type="noConversion"/>
  </si>
  <si>
    <t>馬偕 醫院 禁 萬 華 板橋 者 遭 批 歧視 侯友宜 責成 衛生局 瞭解 狀況</t>
    <phoneticPr fontId="1" type="noConversion"/>
  </si>
  <si>
    <t>雙北 本土 病例 大 爆炸 馬偕 醫院 今 起 公告 登記 居住 于萬華 板橋 者 不得 入 內 就醫 但 仍 在 院外 設置 就醫 門診 卻 被 民眾 誤解 為 全面禁止 質疑 馬偕 涉嫌 歧視 對此 新北 市長 侯友宜 今 主持 防疫 會議 受訪 表示 他 目前 沒有 聽說 這</t>
    <phoneticPr fontId="1" type="noConversion"/>
  </si>
  <si>
    <t>雙北 本土 病例 大 爆炸 馬偕 醫院 今 起 公告 登記 居住 于萬華 板橋 者 不得 入 內 就醫 但 仍 在 院外 設置 就醫 門診 卻 被 民眾 誤解 為 全面禁止 質疑 馬偕 涉嫌 歧視 對此 新北 市長 侯友宜 今 主持 防疫 會議 受訪 表示 他 目前 沒有 聽說 這 件 事 但 每間 醫院 都有 責任 收治 所有 病 患 不該 分 來自 板橋 來自 哪裡 侯友宜 說 他 沒有 聽說 馬偕 醫院 這 件 事 但 病 患 沒有 說 來自 板橋 或是 來自 哪裡 每個 醫院 都有 責任 收治 所有 病 患 他 會 責任 衛生局 來 瞭解 狀況</t>
    <phoneticPr fontId="1" type="noConversion"/>
  </si>
  <si>
    <t>立 委 批 疫苗 支票 跳 票 2 成 醫護 還 沒 拿 到 去年 津貼</t>
    <phoneticPr fontId="1" type="noConversion"/>
  </si>
  <si>
    <t>5 g 折疊 新機 升級 版 發表</t>
    <phoneticPr fontId="1" type="noConversion"/>
  </si>
  <si>
    <t>螢 幕 主 打 升級 版 系列 小米</t>
    <phoneticPr fontId="1" type="noConversion"/>
  </si>
  <si>
    <t>湖北 將 解禁 pcb 族群 開 趴</t>
    <phoneticPr fontId="1" type="noConversion"/>
  </si>
  <si>
    <t>中國 大陸 24 日 宣佈 湖北省 除 武漢市 以外 解除 封城 禁令 武漢市 規 畫 4 月 8 日 跟進 法人 指出 陸 官方 解封 顯示 當地 疫情 已 見 減緩 隨 著 對外 交通 恢復 復工 生產 進度 加快 就 供給 端 而言 可望 以 pcb 族群 受惠 程度 最高 搭上 台</t>
    <phoneticPr fontId="1" type="noConversion"/>
  </si>
  <si>
    <t>封城 肺炎 中國 大陸 pcb 湖北</t>
    <phoneticPr fontId="1" type="noConversion"/>
  </si>
  <si>
    <t>京元電 獲 pa 急 單 q 2 營 收看 旺</t>
    <phoneticPr fontId="1" type="noConversion"/>
  </si>
  <si>
    <t>營運 墨西哥 肺炎 封 測 廠 京元電</t>
    <phoneticPr fontId="1" type="noConversion"/>
  </si>
  <si>
    <t>三級 警戒 再 延長 創世 基金會 哀嚎 植物人 成 重災戶</t>
    <phoneticPr fontId="1" type="noConversion"/>
  </si>
  <si>
    <t>1 分鐘 看 世界 金正恩 還 活 著 英 相 今日 復工</t>
    <phoneticPr fontId="1" type="noConversion"/>
  </si>
  <si>
    <t>中 時 新聞網 精選 5 件 不可不 知 的 國際 大事 帶 讀者 掌握 今 27 日 的 國際 新聞 重點 1 生死 成 謎 南韓 總統 顧問 金正恩 依然 健在 北 韓 領導人 金正恩 許久 未公開 露面 生死 行蹤 成 謎 美 媒 盛傳 他 已經 成為 植物人 也 有 報導</t>
    <phoneticPr fontId="1" type="noConversion"/>
  </si>
  <si>
    <t>1 分鐘 看 世界 國際 新聞 全球 新聞 中 時 電子 報 金正恩</t>
    <phoneticPr fontId="1" type="noConversion"/>
  </si>
  <si>
    <t>賈永婕 停 送 愛心 便當 卻 又 捐 了 這個 眾人 感動 哭 全身 都 奉獻</t>
    <phoneticPr fontId="1" type="noConversion"/>
  </si>
  <si>
    <t>案 393 案 384 確診 苦 苓 旅美 夫妻</t>
    <phoneticPr fontId="1" type="noConversion"/>
  </si>
  <si>
    <t>美 1 月 通 膨 低於 fed 目標 所得 創 11 個 月 最 大 增幅</t>
    <phoneticPr fontId="1" type="noConversion"/>
  </si>
  <si>
    <t>肺炎 美國 通 膨 上升 pce 指數</t>
    <phoneticPr fontId="1" type="noConversion"/>
  </si>
  <si>
    <t>裝修工 夫妻 基因 序列 出爐 羅一鈞 和 幼稚園 群 聚 相同</t>
    <phoneticPr fontId="1" type="noConversion"/>
  </si>
  <si>
    <t>救 業績 頂級 餐廳 賣 便當 名廚 菁華 濃縮 盒飯 中</t>
    <phoneticPr fontId="1" type="noConversion"/>
  </si>
  <si>
    <t>病例 境外 死亡 觀察 醫學</t>
    <phoneticPr fontId="1" type="noConversion"/>
  </si>
  <si>
    <t>nba 複賽 具體 賽程 出爐 先 打 3 場 熱身賽</t>
    <phoneticPr fontId="1" type="noConversion"/>
  </si>
  <si>
    <t>the athletic 權威 記者 查拉尼亞 13 日 淩晨 搶先 爆 料 nba 本 季 複賽 具體 賽程 已經 全部 出爐 除了 本 季 例行 賽將 於 7 月 31 日 開 打 總 冠軍賽 預計 也 在 10 月 1 日 到 14 日 期間 進行 不 過 紐約時報 記者 史坦 同時 爆出 各隊 將 先 進行 3</t>
    <phoneticPr fontId="1" type="noConversion"/>
  </si>
  <si>
    <t>sources nba&amp;apos s expected restart dates july 30 -aug 14 seeding games- aug 15 16 play-in tournaments- aug 17 playoffs begin- aug 30 family guests of teams arrive- aug 31 -sept 13 conf semifinals- sept 15 -sept 28 conf finals- sept 30 -oct 13 nba finals the athletic 權威 記者 查拉尼亞 13 日 淩晨 搶先 爆 料 nba 本 季 複賽 具體 賽程 已經 全部 出爐 除了 本 季 例行 賽將 於 7 月 31 日 開 打 總 冠軍賽 預計 也 在 10 月 1 日 到 14 日 期間 進行 不 過 紐約時報 記者 史坦 同時 爆出 各隊 將 先 進行 3 場 熱身賽 提前 備戰 查拉尼亞 爆出 的 複賽 具體 賽程 如下 臺灣 時間 例行 賽 7 月 31 日 到 8 月 15 日 分區 資格 賽 8 月 16 到 17 日 季後 賽 8 月 18 日 開 打 球員 親友 與 球隊 人員 8 月 31 日 抵達 分區 准決賽 9 月 1 日 到 14 日 分區 決賽 9 月 16 日 到 29 日 總 冠軍 賽 10 月 1 日 到 14 日 史 坦 也 在 13 日 報導 目前 參加 複賽 的 22 隊 已 被 告知 將 在 7 月 31 日本 季 複賽 之前 也 就 是 7 月 9 日 到 29 日 期間 各隊 必須 先 在 奧蘭多 的 廣闊 世界 體育 綜合 園區 進行 3 場 熱身賽 然後 6 月 23 日 開始 各隊 總 教練 可以 參加 球員 在 訓練館 進行 的 個人 訓練</t>
    <phoneticPr fontId="1" type="noConversion"/>
  </si>
  <si>
    <t>複賽 nba 例行 賽 季後 賽 奧蘭多</t>
    <phoneticPr fontId="1" type="noConversion"/>
  </si>
  <si>
    <t>宏棋 攜 國防 醫學院 導入 ai 助 疫苗 研發</t>
    <phoneticPr fontId="1" type="noConversion"/>
  </si>
  <si>
    <t>保險 奧斯卡 保險 卓越 獎 起跑 首 納 綠色 金融</t>
    <phoneticPr fontId="1" type="noConversion"/>
  </si>
  <si>
    <t>素有 保險 奧斯卡 由 金管會 及 行政院 消 保 處 指導 保發 中心 主辦 的 第 九 屆 臺灣 保險 卓越 獎 4 日 宣佈 起跑 保發 中心 董事長 桂 先農 表示 2021 年 將 以 綠色 金融 esg 為 新 的 亮點 桂 先農 表示 保卓 獎 是 2005 年 創立 每 二 年 舉辦 一</t>
    <phoneticPr fontId="1" type="noConversion"/>
  </si>
  <si>
    <t>保險 奧斯卡 新興 卓越 獎 桂 先農</t>
    <phoneticPr fontId="1" type="noConversion"/>
  </si>
  <si>
    <t>罷 韓 投票 別 疫 氣 用事</t>
    <phoneticPr fontId="1" type="noConversion"/>
  </si>
  <si>
    <t>中央 選委會 主委 李進勇 在 日前 南下 瞭解 罷 韓 投票 防疫 演練 時 表示 高雄市 要 洽 借 的 國立 大學 國 公營 單位 場所 如果 借 不到 我 這 顆 頭 剁 給 你 在 疫情 仍 持續 緊張 之際 這種 偏頗 情緒 性 的 發言 恐 已 嚴重 傷害 了 中選會 的 獨立</t>
    <phoneticPr fontId="1" type="noConversion"/>
  </si>
  <si>
    <t>投票 高雄 市長 超過 肺炎 主委</t>
    <phoneticPr fontId="1" type="noConversion"/>
  </si>
  <si>
    <t>新加坡 移 工 淪 未 爆 彈 肺炎 確診 暴 增 22 倍</t>
    <phoneticPr fontId="1" type="noConversion"/>
  </si>
  <si>
    <t>本土 疫情 爆 不停 歐洲 卻 快 解封 網 歎 臺灣 像 笨蛋 考生</t>
    <phoneticPr fontId="1" type="noConversion"/>
  </si>
  <si>
    <t>國內 疫情 持續 升溫 本土 今 20 日 再 新增 286 例 確診 眼看 全國 進入 第 三級 警戒 臺灣 疫情 陷入 水深火熱 一 名 男 網友 拿 目前 歐洲 疫情 當作 對照 直 呼 臺灣 真的 像 一個 笨蛋 考生 引起 熱 議 據 外 媒 報導 歐盟 外交 官員 今天</t>
    <phoneticPr fontId="1" type="noConversion"/>
  </si>
  <si>
    <t>肺炎 鏈球菌 疫苗 亞東 醫院 肺炎 鏈球菌 疫苗 接種</t>
    <phoneticPr fontId="1" type="noConversion"/>
  </si>
  <si>
    <t>口罩 挑 顏色 沒用 業者 揭 密 重點 在 鼻樑 壓條</t>
    <phoneticPr fontId="1" type="noConversion"/>
  </si>
  <si>
    <t>口罩 鼻樑 壓條 中衛 口罩 隔絕 效果</t>
    <phoneticPr fontId="1" type="noConversion"/>
  </si>
  <si>
    <t>新北 24 小時 清 消 悍馬車 登場</t>
    <phoneticPr fontId="1" type="noConversion"/>
  </si>
  <si>
    <t>三 重 動員 消毒 中心 點 物資</t>
    <phoneticPr fontId="1" type="noConversion"/>
  </si>
  <si>
    <t>口罩 大眾 戴 上 口罩 新 生活 感染</t>
    <phoneticPr fontId="1" type="noConversion"/>
  </si>
  <si>
    <t>若 爆 社區 感染 警 恐 成 高風險 群</t>
    <phoneticPr fontId="1" type="noConversion"/>
  </si>
  <si>
    <t>員警 工作 肺炎 考驗 思考 感染</t>
    <phoneticPr fontId="1" type="noConversion"/>
  </si>
  <si>
    <t>可 利亞 臺灣 火鍋 吃到 飽 始祖 和平 店 5 月底 熄燈</t>
    <phoneticPr fontId="1" type="noConversion"/>
  </si>
  <si>
    <t>服務 中心 諮 詢 民眾 新北</t>
    <phoneticPr fontId="1" type="noConversion"/>
  </si>
  <si>
    <t>確診 死者 遭 衛生局 甩 鍋 傳染 3 家人 基層 警 怒 疫情 看不到 盡頭</t>
    <phoneticPr fontId="1" type="noConversion"/>
  </si>
  <si>
    <t>日本餐廳 防疫 新 作法 回轉 壽 司 不 回轉</t>
    <phoneticPr fontId="1" type="noConversion"/>
  </si>
  <si>
    <t>回轉 壽 司 回轉 群 聚 感染 日本 防病毒</t>
    <phoneticPr fontId="1" type="noConversion"/>
  </si>
  <si>
    <t>香港大學 感染 及 傳染病 中心 總監 何柏良 今日 31 日 接受 商台 節目 訪問 提到 潮濕 天氣 或 增加 飛 沫 傳播 的 速度 形容 猶如 超級 跑車 他 稱 若於 不 通風 的 環境 加上 潮濕 天氣 有人 咳嗽 的話 飛 沫 射程 可 遠 至 八 米 猶如 超</t>
    <phoneticPr fontId="1" type="noConversion"/>
  </si>
  <si>
    <t>國際金融 利率 不 變 紐西蘭 央行 加倍 qe</t>
    <phoneticPr fontId="1" type="noConversion"/>
  </si>
  <si>
    <t>紐西蘭 央行 利率 qe 量化 寬鬆</t>
    <phoneticPr fontId="1" type="noConversion"/>
  </si>
  <si>
    <t>nba 爵士 染病 雙 雄 鬧翻 戈貝爾米契爾 握手言和</t>
    <phoneticPr fontId="1" type="noConversion"/>
  </si>
  <si>
    <t>大陸 台商 防疫 之二 delta 疫情 擾亂 陸 經濟 台商 調 策略 因 應變 局</t>
    <phoneticPr fontId="1" type="noConversion"/>
  </si>
  <si>
    <t>近期 大陸 因 delta 變異 病毒 導致 疫情 再起 一度 波及 約 一半 省分 包含 南京 揚州 鄭州 張家界 等 地 都 成為 重點 警戒 城市 同時 也 衝擊 大陸 經濟 專家 研 判 雖然 復蘇 趨勢 不 改 但 勢必會 影響 部分 產業 的 短期 表現 這 也 讓 大陸 台</t>
    <phoneticPr fontId="1" type="noConversion"/>
  </si>
  <si>
    <t>全球 近 幾 周 確診 死亡 新 增</t>
    <phoneticPr fontId="1" type="noConversion"/>
  </si>
  <si>
    <t>轟 艦長 笨蛋 美海軍 部長 被 逼 辭職 終 致歉</t>
    <phoneticPr fontId="1" type="noConversion"/>
  </si>
  <si>
    <t>美國 代理 海軍 部長 莫德里 thomas modly 週一 早上 向 羅斯福 號 uss theodore roosevelt cvn- 71 航母 官兵 發表談話 時 痛 批 被 拔 官 的 前 艦長 克勞齊 brett crozier 是 笨蛋 據 cnn 新聞網 7 日 報導 莫德里 告訴 艦</t>
    <phoneticPr fontId="1" type="noConversion"/>
  </si>
  <si>
    <t>蘇揆 台美 聯合 聲明 將 合作 防疫</t>
    <phoneticPr fontId="1" type="noConversion"/>
  </si>
  <si>
    <t>松翰 h 1 營 收 拼 勝 去年同期</t>
    <phoneticPr fontId="1" type="noConversion"/>
  </si>
  <si>
    <t>成長 法人 中國 大陸 肺炎 松翰</t>
    <phoneticPr fontId="1" type="noConversion"/>
  </si>
  <si>
    <t>隔離 衣 恐 撐 不 過 1 個 月 安泰 醫院 啟用 獨立 采 檢 室</t>
    <phoneticPr fontId="1" type="noConversion"/>
  </si>
  <si>
    <t>臺灣 本土 清零 絕對 可能 醫 貼 一 張 圖 可看 香港 經驗</t>
    <phoneticPr fontId="1" type="noConversion"/>
  </si>
  <si>
    <t>臺灣 疫情 趨 緩 究竟 未來 疫情 會 如何 發展 有 沒有 機會 清零 精神 科 醫師 沈政男 表示 清零 絕對 有 可能 且 內 用 與 清零 並 不 違背 從 香港 經驗 就 可以 看到 他們 從 確診 一萬一千 多 例 目前 已經 本土 零 確診 超過 50 天 更 點出 臺灣 現</t>
    <phoneticPr fontId="1" type="noConversion"/>
  </si>
  <si>
    <t>本土 確診 清零 沈政男 香港 經驗</t>
    <phoneticPr fontId="1" type="noConversion"/>
  </si>
  <si>
    <t>肺炎 財政部 稅收 依 財政部 統計 娛樂 稅</t>
    <phoneticPr fontId="1" type="noConversion"/>
  </si>
  <si>
    <t>觀光 股 豆 府 h 1 擬 新 展 3 店 拓展 腳步 趨 保守</t>
    <phoneticPr fontId="1" type="noConversion"/>
  </si>
  <si>
    <t>bnt 未 稀釋 25 人 打 了 150 人份 疫苗 恩 主公 醫院 曝 原因</t>
    <phoneticPr fontId="1" type="noConversion"/>
  </si>
  <si>
    <t>全台 首例 三峽 恩 主公 醫院 因 醫療 作業 疏失 將 未 稀釋 的 原液 疫苗 bnt 誤認 是 殘 劑 疫苗 原本 可 供 150 人 施 打的 疫苗 變成 25 人 施打 新北市衛生局 獲 報 後 對 醫院 做出 即 起 暫停 疫苗 施打 一 周 的 懲處 恩 主公 醫院 今 表示 因 部分 散裝 疫</t>
    <phoneticPr fontId="1" type="noConversion"/>
  </si>
  <si>
    <t>口罩 打 水漂 歐盟 沒 開放 臺灣 他 歎 快 變 tw need help 了</t>
    <phoneticPr fontId="1" type="noConversion"/>
  </si>
  <si>
    <t>口罩 臺灣 歐盟 taiwan need help taiwan can help</t>
    <phoneticPr fontId="1" type="noConversion"/>
  </si>
  <si>
    <t>全中運 確定 延期 屏 縣長 潘孟安 將 出面 說明</t>
    <phoneticPr fontId="1" type="noConversion"/>
  </si>
  <si>
    <t>新北 市長 侯友宜 今 3 日 主持 防疫 記者會 表示 今天 有 長者 非常 踴躍 施打 2 日 至 3 日 中午 12 時共 預約 4萬8713 人 完成 接種 4萬6385 人 接種 率 達 95 會 依據 年齡 順序 安心 施打 請 長者 安心 到 現場 施打 侯友宜 也 提到 感謝</t>
    <phoneticPr fontId="1" type="noConversion"/>
  </si>
  <si>
    <t>施打 接種 率 侯友宜 踴躍 長者</t>
    <phoneticPr fontId="1" type="noConversion"/>
  </si>
  <si>
    <t>醫師 局長 葉彥伯 戳 破 神話 遭殃</t>
    <phoneticPr fontId="1" type="noConversion"/>
  </si>
  <si>
    <t>聲名大噪 英雄 彰 化 縣 肺炎 食 安</t>
    <phoneticPr fontId="1" type="noConversion"/>
  </si>
  <si>
    <t>北部 醫院 爆 院內 感染 522 人 采 檢 結果 出爐</t>
    <phoneticPr fontId="1" type="noConversion"/>
  </si>
  <si>
    <t>科技 疫情 影響 遞 延 出 貨 h 2 台商 pcb 兩岸 產值 拼 旺季 更 旺</t>
    <phoneticPr fontId="1" type="noConversion"/>
  </si>
  <si>
    <t>老 藥 新用 老 骨頭 變 出 新 把戲</t>
    <phoneticPr fontId="1" type="noConversion"/>
  </si>
  <si>
    <t>藥品 原廠 藥 新藥 美國 名藥</t>
    <phoneticPr fontId="1" type="noConversion"/>
  </si>
  <si>
    <t>通信網 路 宏達電 又 裁員 公司 認 了</t>
    <phoneticPr fontId="1" type="noConversion"/>
  </si>
  <si>
    <t>宏達電 智慧 型 手機 vr vive 虛擬實境</t>
    <phoneticPr fontId="1" type="noConversion"/>
  </si>
  <si>
    <t>新增 1 例案 48 游 英 返國 確診</t>
    <phoneticPr fontId="1" type="noConversion"/>
  </si>
  <si>
    <t>返國 英國 境外 感染 解除 隔離 匡列</t>
    <phoneticPr fontId="1" type="noConversion"/>
  </si>
  <si>
    <t>部立臺北醫院護理師疑確診 急匡列8人隔離採檢</t>
    <phoneticPr fontId="1" type="noConversion"/>
  </si>
  <si>
    <t>部 立 臺北 醫院 護理 師 疑 確診 急 匡列 8 人 隔離 采 檢</t>
    <phoneticPr fontId="1" type="noConversion"/>
  </si>
  <si>
    <t>彰 化 縣 添 1 死 六旬 翁北 上萬 華 群 聚 確診 61 天 後 宣 告 不治</t>
    <phoneticPr fontId="1" type="noConversion"/>
  </si>
  <si>
    <t>號稱 超前 部署 消毒 對策 何必 猶豫</t>
    <phoneticPr fontId="1" type="noConversion"/>
  </si>
  <si>
    <t>大陸 冷凍 食品 肺炎 病毒 衛福部</t>
    <phoneticPr fontId="1" type="noConversion"/>
  </si>
  <si>
    <t>磐石 艦 疫情 何時 結束 陳時中 看 這天</t>
    <phoneticPr fontId="1" type="noConversion"/>
  </si>
  <si>
    <t>磐石 鑒 敦睦 艦隊 陳時中 疫情 過關 臺灣</t>
    <phoneticPr fontId="1" type="noConversion"/>
  </si>
  <si>
    <t>倒 店潮 席捲 英國 逾 一 成 商店 閒置</t>
    <phoneticPr fontId="1" type="noConversion"/>
  </si>
  <si>
    <t>臺灣 蝙蝠 沒有 人 畜 傳染 疑慮</t>
    <phoneticPr fontId="1" type="noConversion"/>
  </si>
  <si>
    <t>身上 誤解 蝙蝠 傳染 肺炎 蝙蝠</t>
    <phoneticPr fontId="1" type="noConversion"/>
  </si>
  <si>
    <t>遠東 新 發行 首 檔 生產 事業 社會 責任 債</t>
    <phoneticPr fontId="1" type="noConversion"/>
  </si>
  <si>
    <t>櫃 買 中心 24 日 表示 遠東 新世紀 公司 1402 領先 國內 生產 事業 發行 首 檔 社會 責任 債券 24 日 於 櫃 買 中心 上櫃 掛牌 該 檔 債券 發行 額度 12億 元 是 目前 發行 規模 最 大 的 社會 責任 債券 也 是 繼 5 月 18 日 中信 銀 凱基 銀 及 永豐 銀髮</t>
    <phoneticPr fontId="1" type="noConversion"/>
  </si>
  <si>
    <t>遠東 新 社會 責任 債券 櫃 買 中心 遠東 新世紀 生產</t>
    <phoneticPr fontId="1" type="noConversion"/>
  </si>
  <si>
    <t>男 堅持 出國 赴 日 理由 曝光 後 網 一面倒 祝福 你</t>
    <phoneticPr fontId="1" type="noConversion"/>
  </si>
  <si>
    <t>與 陸 省市 確診 數 相比 韓列第 7 名</t>
    <phoneticPr fontId="1" type="noConversion"/>
  </si>
  <si>
    <t>香港 醫院 教會 韓國 新 天地</t>
    <phoneticPr fontId="1" type="noConversion"/>
  </si>
  <si>
    <t>產業 加速 導遊 領隊 紓困 觀光局 放寬 認定 條件</t>
    <phoneticPr fontId="1" type="noConversion"/>
  </si>
  <si>
    <t>陸媒：蓬佩奧四處散佈「政治病毒」罪責難逃</t>
    <phoneticPr fontId="1" type="noConversion"/>
  </si>
  <si>
    <t>陸媒 蓬 佩奧 四處 散佈 政治 病毒 罪責難逃</t>
    <phoneticPr fontId="1" type="noConversion"/>
  </si>
  <si>
    <t>潤 娥 公開 私 服 防疫 穿 搭 網 驚 臉 在 哪</t>
    <phoneticPr fontId="1" type="noConversion"/>
  </si>
  <si>
    <t>南韓 29 歲 人氣 女星 潤 娥 近日 公開 私下 外出 時 的 穿 搭 照 不僅 全身 包 緊緊 也 為了 防疫 戴 上 口罩 卻 因此 受到 網友 的 注意 少女時代 出身 的 潤 娥 憑 著 甜美 的 外表 與 清新 的 氣質 受到 大眾 喜愛 近 幾 年 更 將 事業 重心 轉 往 戲劇 圈 發展</t>
    <phoneticPr fontId="1" type="noConversion"/>
  </si>
  <si>
    <t>潤 娥 少女時代 韓星 女星 韓國女 星</t>
    <phoneticPr fontId="1" type="noConversion"/>
  </si>
  <si>
    <t>天 佑 臺灣 春節 專案 第一 天 返台 68 都 選 7 7</t>
    <phoneticPr fontId="1" type="noConversion"/>
  </si>
  <si>
    <t>春節 專案 方案 7 7 omicron 黃珊珊</t>
    <phoneticPr fontId="1" type="noConversion"/>
  </si>
  <si>
    <t>十四五 鳴槍 人才 爭奪戰 開 打</t>
    <phoneticPr fontId="1" type="noConversion"/>
  </si>
  <si>
    <t>大陸 高階 人才 吸引 疫情 競爭</t>
    <phoneticPr fontId="1" type="noConversion"/>
  </si>
  <si>
    <t>疫情 衝擊 觀光 侯友宜 有空 就 到 戶外 走 一 走</t>
    <phoneticPr fontId="1" type="noConversion"/>
  </si>
  <si>
    <t>產業 2020 臺灣 燈會 閉幕 明年 新竹 市 接 棒</t>
    <phoneticPr fontId="1" type="noConversion"/>
  </si>
  <si>
    <t>觀光局 臺灣 燈會 2020 台中 人潮</t>
    <phoneticPr fontId="1" type="noConversion"/>
  </si>
  <si>
    <t>費爸 複出 就 贏球 但 忘 了 新 規則</t>
    <phoneticPr fontId="1" type="noConversion"/>
  </si>
  <si>
    <t>去年 結束 澳洲 網球 公開賽 後 瑞士 特快車 費德勒 因為 動 了 2 次 膝傷 手術 暫 別 賽場 臺北 時間 昨天 淩晨 在 卡達 網球 公開賽 正式 回歸 是 他 暌違 405 天 首 場 比賽 經過 2 小時 24 分鐘 的 3 盤 激戰 7 比 6 10 比 8 3 比 6 7 比 5 力克 英國</t>
    <phoneticPr fontId="1" type="noConversion"/>
  </si>
  <si>
    <t>太 久 沒 澳 網 肺炎 膝傷 新 規</t>
    <phoneticPr fontId="1" type="noConversion"/>
  </si>
  <si>
    <t>連 假 後 疫情 升溫 陳時中 不敢 說 絕對 但 判斷 不會</t>
    <phoneticPr fontId="1" type="noConversion"/>
  </si>
  <si>
    <t>連 假 疫情 升溫 陳時中 判斷 入境者</t>
    <phoneticPr fontId="1" type="noConversion"/>
  </si>
  <si>
    <t>快樂 缺氧 黃軒 肺臟 血液 猝死</t>
    <phoneticPr fontId="1" type="noConversion"/>
  </si>
  <si>
    <t>新北 鬆綁 戶外 免 戴 口罩</t>
    <phoneticPr fontId="1" type="noConversion"/>
  </si>
  <si>
    <t>室內 落實 室外 社交 侯友宜</t>
    <phoneticPr fontId="1" type="noConversion"/>
  </si>
  <si>
    <t>飲食 療養 黃金 比例 舒緩 疫苗 打完 發燒 倦怠 等 不適感</t>
    <phoneticPr fontId="1" type="noConversion"/>
  </si>
  <si>
    <t>施 打完 疫苗 之後 可以 像 做 完 開刀手術 一樣 適度 進 補 並 注意 飲食 將 有助於 身體狀況 的 恢復 完善 的 啟動 身體 的 保護 力 蔓蔓 營養師 表示 施 打完 疫苗 後 的 飲食 主要 可 著 重在 維持 免疫力 和 降 發炎 反應 良好 的 免疫力 有助於 儘早 啟</t>
    <phoneticPr fontId="1" type="noConversion"/>
  </si>
  <si>
    <t>施 打完 疫苗 之後 可以 像 做 完 開刀手術 一樣 適度 進 補 並 注意 飲食 將 有助於 身體狀況 的 恢復 完善 的 啟動 身體 的 保護 力 蔓蔓 營養師 表示 施 打完 疫苗 後 的 飲食 主要 可 著 重在 維持 免疫力 和 降 發炎 反應 良好 的 免疫力 有助於 儘早 啟動 完善 的 保護 力 而 發燒 頭痛 等 副作用 和 發炎 息息相關 降低 發炎 反應 有助 緩和 副作用 避免 不適 因此 建議 施打 疫苗 後 飲食 可 著 重 三大 重點 包括 了 優質 蛋白質 多 色 蔬果 充足 水分 優質 蛋白質 蔓蔓 營養師 指出 蛋白質 為 建造 白血球 抗體 的 主要 成分 份量 一定 要 充足 而 質地 較 軟 的 攝取 來源 可以 避免 增加 腸道 負擔 因此 正如 做 完 手術 開刀 打完 疫苗 後 也 可 喝 點 清淡 的 魚湯 雞湯 雞 精進 補 當中 可先 以 魚肉 優先 其次 可 選擇 雞肉 因為 魚肉 除了 優質 蛋白質 以外 也 含有 omega- 3 脂肪酸 有助 降低 發炎 反應 而 這類 熬 煮 過 的 補品 也 有 個 好處 術 後 打完 疫苗 後 不僅 往往 身體虛弱 也 變 得 會 沒 食欲不振 這些 補品 內含 的 蛋白質 分子 比較 小 容易 吸收 液態 也 容易 下 嚥 因此 建議 在 打完 疫苗 後 可以 適度 補充 有助 加速 營養 吸收 調節 身體 機能 其他 也 可 選擇 豆腐 蒸 蛋 等 多 色 蔬果 蔬果 方面 建議 以 蔬果 579 的 方式 進行 也 就 是 小孩 5 份 成年 女性 7 份 成年 男性 9 份 蔓蔓 營養師 表示 蔬果 除了 有 各種 不同 的 維生素 礦物質 更 有 蔬果 特有 的 各種 植化素 國內外 皆 有 不少 研究 指出 充足 的 攝取 蔬果 對於 抗 病毒 抗 發炎 抗 氧化 都 有 非常 出色 的 幫助 且 蔬果 當中 也 有 膳食 纖維 有助 調節 腸道 菌 叢生 態 增加 益菌 使 腸道 健康 人體 有 7 成 的 免疫 細胞 位於 腸道 周圍 腸道 健康 免疫力 自然 就 好 也 提醒 民眾 蔬菜 和 水果 皆 有 各自 的 營養 不可 互相 取代 攝取 時 應以 多 色 為 佳 以利 攝取 各種 不同 的 植化素 充足 水分 至於 水分 攝取 也 相當 重要 蔓蔓 營養師 表示 身體 水分 充足 有助 促進 新陳代謝 身體 代謝 好 便 有助於 緩解 不適 打完 疫苗 後 發燒 流汗 等 狀況 皆 可能 使得 身體 出現 體液 不 平衡 缺水 的 情況 應 留意 水分 補充 水分 攝取量 建議 以 自身 體重 乘以 40 為 佳 例如 體重 若為 60 kg 一 日 就 喝 2400 ml 毫升 cc 但 注意 一 小時 以 250 300 ml 毫升 cc 為 佳 避免 超過 1000 ml 毫升 cc 以免 加重 腎臟 負擔 接種 疫苗 後 宜 地中海 飲食 菜 澱粉 蛋白質 2 1 1 在 飲食 整體 比例 上 蔓蔓 營養師 建議 蔬菜 澱粉 蛋白質 以 2 1 1 的 比例 攝取 為 佳 可以 地中海 飲食 為主 地中海 飲食 已 連續 蟬聯 4 年 最佳 飲食 方式 其 飲食 特色 就 包括 了 大量 的 蔬果 以及 使用 好 的 油脂 包括 了 橄欖油 堅果 等 蛋白質 也 以 前述 提到 的 雞肉 魚肉 等 白肉 為主 並以 其它 有助 抗 發炎 的 辛 香料 輔佐 攝取 充足 的 水分 搭配 適度 的 運動 整體而言 不論是 對 術 後 施打 疫苗 後 或是 平時 日常 的 健康 保養 都 非常 有 幫助 不過 飲食 調節 健康 需要 時間 通常 約 三 周 左右 就 可以 漸漸 感受 到 改變 就 和 減肥 一樣 提醒 民眾 別 求快 急 著 看見 效果 慢慢 培養 出 習慣 才 是 關鍵</t>
    <phoneticPr fontId="1" type="noConversion"/>
  </si>
  <si>
    <t>來 台 37 年 罕見 麥當勞 雙 北 門市 今 10 30 起 禁內 用</t>
    <phoneticPr fontId="1" type="noConversion"/>
  </si>
  <si>
    <t>2 6萬 人 恐 錯失 莫德納 第 2 劑 22 日 限 時 6 小時 可 提前 預約</t>
    <phoneticPr fontId="1" type="noConversion"/>
  </si>
  <si>
    <t>預約 az 接種 莫德納 10 月</t>
    <phoneticPr fontId="1" type="noConversion"/>
  </si>
  <si>
    <t>防疫 車 直闖 一中 校園 盧秀燕 向 軍方 表達 抗議 譴責</t>
    <phoneticPr fontId="1" type="noConversion"/>
  </si>
  <si>
    <t>國軍 敦睦 艦隊 傳 群 聚 感染 18 日 軍方 緊急 召回 軍艦 官兵 采 檢 隔離 防疫 車 竟 直 駛入 台中 一中 校園 引發 反彈 台中 市長 盧秀燕 21 日 對 軍方 表達 抗議 對 選擇 在 台中 一中 門口 當 集合地點 深表遺憾 今 早 也 在 市政 會議 表揚 阻擋 防</t>
    <phoneticPr fontId="1" type="noConversion"/>
  </si>
  <si>
    <t>新增 170 例 紐約州 首 設 封鎖 區 防 全境 擴散</t>
    <phoneticPr fontId="1" type="noConversion"/>
  </si>
  <si>
    <t>封鎖 區 美國 國民兵 新 羅 紐約州</t>
    <phoneticPr fontId="1" type="noConversion"/>
  </si>
  <si>
    <t>萬華男 搭 公車 不 戴 口罩 還 加碼 辱 警 白癡 判 拘 50 日</t>
    <phoneticPr fontId="1" type="noConversion"/>
  </si>
  <si>
    <t>新聞 透視 有 爆 料 才 承認 磐石 艦 一 天一 種 說法 軍方 擠 牙膏 到底 是 誰 在 說謊</t>
    <phoneticPr fontId="1" type="noConversion"/>
  </si>
  <si>
    <t>說法 軍方 官兵 敦睦 出訪</t>
    <phoneticPr fontId="1" type="noConversion"/>
  </si>
  <si>
    <t>首 波 疫苗 混打 今 登場 副作用 較 強 怎 辦 6 大 qa 一 次 看</t>
    <phoneticPr fontId="1" type="noConversion"/>
  </si>
  <si>
    <t>混打 開 打 莫德納 bnt 副作用</t>
    <phoneticPr fontId="1" type="noConversion"/>
  </si>
  <si>
    <t>入境 檢疫 電子系統 將 上路 四 步驟 做 健康 聲明</t>
    <phoneticPr fontId="1" type="noConversion"/>
  </si>
  <si>
    <t>入境 檢疫 健康 聲明書 資料 系統</t>
    <phoneticPr fontId="1" type="noConversion"/>
  </si>
  <si>
    <t>柯文哲 深夜 曝 真心話 疫情 洪峰 可能 還 沒到 我們 會 撐過去 的</t>
    <phoneticPr fontId="1" type="noConversion"/>
  </si>
  <si>
    <t>臺北市 的 防疫 已經 進入 第 三級 警戒 臺北市 長 柯文哲 16 日 深夜 發文 表示 為了 確保 防疫 的 量 能 足夠 這 幾 天 北 市府 全體 總動員 他 說 政治 的 核心 是 執行 力 現在 就是 考驗 的 時候 臺北市政府 一定 會 扛起來 面對 這 場 突然 爆發 的</t>
    <phoneticPr fontId="1" type="noConversion"/>
  </si>
  <si>
    <t>美 股 貿易戰 衝擊 運動 賽事 喊 卡 nike ua 股價 重 挫</t>
    <phoneticPr fontId="1" type="noConversion"/>
  </si>
  <si>
    <t>nike under armour 股價 運動 賽事</t>
    <phoneticPr fontId="1" type="noConversion"/>
  </si>
  <si>
    <t>勒 瑪 修 洋基 大 聯盟 美國 mlb</t>
    <phoneticPr fontId="1" type="noConversion"/>
  </si>
  <si>
    <t>拜登 禁用 中國 病毒 藍 委 蔡 政府 打 拜登 臉</t>
    <phoneticPr fontId="1" type="noConversion"/>
  </si>
  <si>
    <t>零 確診 能 正常 生活 急診 醫 回不去 了</t>
    <phoneticPr fontId="1" type="noConversion"/>
  </si>
  <si>
    <t>謝 宗學 臺灣 4 天 零 確診 回不去</t>
    <phoneticPr fontId="1" type="noConversion"/>
  </si>
  <si>
    <t>危機 就是 轉機 定期 定額 新興 股市 正逢 時</t>
    <phoneticPr fontId="1" type="noConversion"/>
  </si>
  <si>
    <t>全球 定期 定額 新興 股市 李宏 危機 就是 轉機</t>
    <phoneticPr fontId="1" type="noConversion"/>
  </si>
  <si>
    <t>義 大利 肺炎 增至 17 死 教宗 方濟各 身體 不適</t>
    <phoneticPr fontId="1" type="noConversion"/>
  </si>
  <si>
    <t>朝陽 夜 唱 團 傳播 鏈 擴 及第 3 校 ktv 實 聯 13 人 黑白 寫 遭 重罰</t>
    <phoneticPr fontId="1" type="noConversion"/>
  </si>
  <si>
    <t>經濟部 紓困 3 0 來 了 補貼 員工 薪資 4 成 可 領 3 個 月</t>
    <phoneticPr fontId="1" type="noConversion"/>
  </si>
  <si>
    <t>為了 協助 艱 困 企業 渡過難關 並 維持 員工 生計 經濟部 將 於 9 月 1 日 公告 今 109 年 第 3 季 經濟部 辦理 製造業 及 其 技術 服務業 受 嚴重 特殊 傳染性 肺炎 影響 之 艱 困 事業 薪資 及 營運 資金 補貼 申請 須知 凡 有 稅 籍 登記 的 製造業者 及 提供</t>
    <phoneticPr fontId="1" type="noConversion"/>
  </si>
  <si>
    <t>基隆 女 國 中生 被 安排 48 天 打 bnt 子宮 頸 疫苗 流感疫苗 連 挨 4 針</t>
    <phoneticPr fontId="1" type="noConversion"/>
  </si>
  <si>
    <t>bnt 施打 疫苗 子宮 頸 疫苗 流感疫苗</t>
    <phoneticPr fontId="1" type="noConversion"/>
  </si>
  <si>
    <t>太 毒 拜登 下令 深度 清理 白宮 除去 川普 痕跡</t>
    <phoneticPr fontId="1" type="noConversion"/>
  </si>
  <si>
    <t>疫情 害 慘 陸 大 批 貓狗 恐 餓 死 遭 屠殺</t>
    <phoneticPr fontId="1" type="noConversion"/>
  </si>
  <si>
    <t>紐西蘭 央行 擴大 購 債 規模 至 1 000億 紐 元</t>
    <phoneticPr fontId="1" type="noConversion"/>
  </si>
  <si>
    <t>華南 海鮮 市場 零 號 病人 早于 12 月 11 日 現 症狀</t>
    <phoneticPr fontId="1" type="noConversion"/>
  </si>
  <si>
    <t>陳時中 開放 防疫 新 生活 運動 邊境 臺灣</t>
    <phoneticPr fontId="1" type="noConversion"/>
  </si>
  <si>
    <t>桃園 200 名 防疫 消毒 隊員 完成 疫苗 接種</t>
    <phoneticPr fontId="1" type="noConversion"/>
  </si>
  <si>
    <t>全國 的 第 三級 防疫 警戒 延長 至 6 月 14 日 為 保障 環保局 防疫 消毒 隊員 的 健康 安全 桃園 市政府 日前 已向 中央 爭取 隊員 可 優先 施打 公費 疫苗 目前 200 名 防疫 消毒 隊員 皆 已 完成 疫苗 接種 日後 將 持續 執行 熱點 清潔 消毒 等 繁重 勤務 同</t>
    <phoneticPr fontId="1" type="noConversion"/>
  </si>
  <si>
    <t>美 大學 通知 打 3 認可 疫苗 才能 返校 台 留學生 驚 不 包括 az</t>
    <phoneticPr fontId="1" type="noConversion"/>
  </si>
  <si>
    <t>普 篩 聲浪 再起 鄭照新 歎 當初 譏諷 韓國瑜 的 綠 議員 到 那去 了</t>
    <phoneticPr fontId="1" type="noConversion"/>
  </si>
  <si>
    <t>萬裡雲進軍星國 新據點啟用</t>
    <phoneticPr fontId="1" type="noConversion"/>
  </si>
  <si>
    <t>萬里雲 進軍 星國 新 據點 啟用</t>
    <phoneticPr fontId="1" type="noConversion"/>
  </si>
  <si>
    <t>臺灣 雲端 新創 cloudmile 萬 裡 雲 近期 擴大 營運 觸角 創辦 人 暨 執行長 劉永信 表示 有鑒於 新加坡政府 對 ai 和 雲端 運算 的 重視 和 投入 萬里雲 在 新加坡 設立 新 總部 辦公室 15 日 正式 啟用 劉永信 指出 新 據點 成立 將 成為 萬里雲 推動</t>
    <phoneticPr fontId="1" type="noConversion"/>
  </si>
  <si>
    <t>服務 雲端 運算 劉永信 新加坡政府 萬里雲</t>
    <phoneticPr fontId="1" type="noConversion"/>
  </si>
  <si>
    <t>好萊塢 準備 解封 拍 片</t>
    <phoneticPr fontId="1" type="noConversion"/>
  </si>
  <si>
    <t>第二 批 武漢 包機 蔡英文 籲 中國 大陸 配合 讓 台人 早日 返台</t>
    <phoneticPr fontId="1" type="noConversion"/>
  </si>
  <si>
    <t>護理 治療 大陸 肺炎 醫療</t>
    <phoneticPr fontId="1" type="noConversion"/>
  </si>
  <si>
    <t>防疫 急 趕路 貨車 滿載 幹 洗手 液 起火</t>
    <phoneticPr fontId="1" type="noConversion"/>
  </si>
  <si>
    <t>1 輛 滿載 幹 洗手 液 等 消毒 用品 的 大 貨車 13 日 淩晨 行經 台 61 線 快速道路 台西 鄉 段時 後 車鬥 突然 起火 由於 幹 洗手 液 含有 酒精 火勢 猛烈 經 消防隊 全力 搶救 才將 火勢 撲滅 消防人員 呼籲 民眾 為了 防疫 購買 含有 酒精 的 消毒 用品 載</t>
    <phoneticPr fontId="1" type="noConversion"/>
  </si>
  <si>
    <t>接種 3 大 國際 疫苗 後 心肌 心包 膜 炎 累計 27 人</t>
    <phoneticPr fontId="1" type="noConversion"/>
  </si>
  <si>
    <t>接種 心包 膜 炎 az 莫德納 bnt</t>
    <phoneticPr fontId="1" type="noConversion"/>
  </si>
  <si>
    <t>電視台播「萬華病毒」燃網路認知戰 鄉民心寒：標籤地名根本甩鍋霸淩</t>
    <phoneticPr fontId="1" type="noConversion"/>
  </si>
  <si>
    <t>電視臺 播 萬 華 病毒 燃 網路 認知 戰 鄉民 心寒 標籤 地名 根本 甩 鍋霸 淩</t>
    <phoneticPr fontId="1" type="noConversion"/>
  </si>
  <si>
    <t>電視臺 萬華 病毒 鄉民 ptt</t>
    <phoneticPr fontId="1" type="noConversion"/>
  </si>
  <si>
    <t>陸 配子 女 來 台 鬧 內訌 陳時中 證實 和 陸委會 看法 不同</t>
    <phoneticPr fontId="1" type="noConversion"/>
  </si>
  <si>
    <t>陸 配子 女 回台 政策 從 開 放到 宣佈 撤回 一 日 四 變 兩 度 急轉彎 政策 形成 之前 上演 衛福 部長 陳時中 打 臉 陸委會 主委 陳明 通 的 戲碼 兩 部會 是否 溝通 失效 政府部門 是 專業 還 是 看 風向 來 決定 疫情 走向 陳時中 今天 坦言 兩 個 部會</t>
    <phoneticPr fontId="1" type="noConversion"/>
  </si>
  <si>
    <t>美 第 2 季 gdp 萎縮 33 史上 最慘 經濟 走 入 衰退</t>
    <phoneticPr fontId="1" type="noConversion"/>
  </si>
  <si>
    <t>網友 整理 病例 地圖 北市 確診 最 多</t>
    <phoneticPr fontId="1" type="noConversion"/>
  </si>
  <si>
    <t>臺北市 取得 肺炎 掌握 公開</t>
    <phoneticPr fontId="1" type="noConversion"/>
  </si>
  <si>
    <t>防疫 上緊 發條 中 市府 執行 家中 與 學校 體溫 量 測 雙軌 並行</t>
    <phoneticPr fontId="1" type="noConversion"/>
  </si>
  <si>
    <t>台中 市 教育 局 1 日 表示 上學 前 家長 為 孩子 先量 測體溫 並 記錄 于 自主 健康 管理 表 有助 瞭解 孩童 每日 的 身體健康 狀況 學校 仍 有 量 測體溫 機制 將 督導 校方 加強 查閱 學生 自主 健康 管理 表 透過 量 測 雙軌 制 落實 防疫 措施 教育</t>
    <phoneticPr fontId="1" type="noConversion"/>
  </si>
  <si>
    <t>韓國 再現 omicron 社區 感染 單日 新增 15 例</t>
    <phoneticPr fontId="1" type="noConversion"/>
  </si>
  <si>
    <t>無視 疫情 民宅 聚賭 豐原 警 破門 逮 10 人</t>
    <phoneticPr fontId="1" type="noConversion"/>
  </si>
  <si>
    <t>台中 市 黃姓 男子 於 神岡 區 中山路 一帶 租 屋 處 經營 賭場 常有 不 特定 人士 進出 群 聚 警方 經多日 來 監控 蒐證 19 日 持 搜索 票 進行 查緝 當場 查獲 負責人 黃男 8 名 賭客 及 在場人 人士 1 名 共 10 人 並 查扣 賭具 2 組 賭 資 及 抽頭 金 3萬6200</t>
    <phoneticPr fontId="1" type="noConversion"/>
  </si>
  <si>
    <t>台中 市 黃姓 男子 於 神岡 區 中山路 一帶 租 屋 處 經營 賭場 常有 不 特定 人士 進出 群 聚 警方 經多日 來 監控 蒐證 19 日 持 搜索 票 進行 查緝 當場 查獲 負責人 黃男 8 名 賭客 及 在場人 人士 1 名 共 10 人 並 查扣 賭具 2 組 賭 資 及 抽頭 金 3萬6200 元 全案 依法 移 請 偵 辦 豐原 警 分局長 吳銘淵 表示 警方 接 獲 情 資 59 歲 黃姓 男子 於 神岡 區 中山路 一帶 租 屋 處 經營 賭場 招集 賭客 以 十三 支 麻將 等 方式 聚賭 並 提供 飲食 及 茶水 等 服務 經常 有 不 特定 人士 進出 群 聚 極 可能 成為 防疫 破 口 員 警 經過 多 日 監控 蒐證 確實 掌握 該 賭場 狀況 19 日 下午 4 時許 見 時機成熟 持 台中 地方法院 核發 搜索 票 進行 查緝 員警 守候 俟 屋內 人員 開門 之際 趁 其 不備 沖 入 屋內 當場 查獲 賭場 負責人 黃姓 男子 現場 還有 8 名 賭客 及 在場 人士 1 名 共計 10 人 查扣 麻將 撲克牌 等 賭具 2 組 賭 資及 抽頭 金 3萬6200 元 等 相關 物證 全案 依 賭博罪 社會秩序 維護 法 移 請 偵 辦 並 將 10 人 依 傳染病 防治法 函 請 相關 單位 裁 罰 豐原 警 分局 呼籲 在 此 疫情 嚴峻 時刻 民眾 務必 遵守 政府 防疫 規定 警方 將 持續 嚴加 查 察 各項 不法行為 上緊 治安 發條 維持 轄區 治安 平穩</t>
    <phoneticPr fontId="1" type="noConversion"/>
  </si>
  <si>
    <t>疫情 大 爆發 高雄 284 活動 受 影響</t>
    <phoneticPr fontId="1" type="noConversion"/>
  </si>
  <si>
    <t>1 分鐘 看 世界 國際 新聞 全球 新聞 中 時 電子 報 聯合國</t>
    <phoneticPr fontId="1" type="noConversion"/>
  </si>
  <si>
    <t>星宇沒 航班 飛 張國煒 在 做 啥 照片 曝光 網友 跪 了</t>
    <phoneticPr fontId="1" type="noConversion"/>
  </si>
  <si>
    <t>韓國新 天地 教會 會長 下跪 網 暴動 狂 洗 留言</t>
    <phoneticPr fontId="1" type="noConversion"/>
  </si>
  <si>
    <t>李萬熙 記者會 道歉 留言 韓國</t>
    <phoneticPr fontId="1" type="noConversion"/>
  </si>
  <si>
    <t>伊朗 疫情 死亡 案例 增加 旅遊 警示 升到 第二 級</t>
    <phoneticPr fontId="1" type="noConversion"/>
  </si>
  <si>
    <t>蔡英文 呼籲 國人 端午 不 返鄉 施正鋒 酸 何不 食 肉 糜?</t>
    <phoneticPr fontId="1" type="noConversion"/>
  </si>
  <si>
    <t>今 起 配送 6 3萬 莫德納 疫苗 開放 1 至 3 類 接種</t>
    <phoneticPr fontId="1" type="noConversion"/>
  </si>
  <si>
    <t>國發 基金 擬 認 特別 股 救援 新創</t>
    <phoneticPr fontId="1" type="noConversion"/>
  </si>
  <si>
    <t>新創 事業 方案 國發 基金 特別 股 營運 資金</t>
    <phoneticPr fontId="1" type="noConversion"/>
  </si>
  <si>
    <t>黃偉哲 台南 市 警察局 取締 酒 駕 勤務 照常 執行</t>
    <phoneticPr fontId="1" type="noConversion"/>
  </si>
  <si>
    <t>取締 勤務 員警 台 南市 市 警 局</t>
    <phoneticPr fontId="1" type="noConversion"/>
  </si>
  <si>
    <t>公園 遊樂 設施 何時 開放 陳時中 回 應 了</t>
    <phoneticPr fontId="1" type="noConversion"/>
  </si>
  <si>
    <t>陳時中 公園 遊樂 設施 營養 午餐 學校</t>
    <phoneticPr fontId="1" type="noConversion"/>
  </si>
  <si>
    <t>經濟 經部 所屬 國營事業 租金 紓困 9000 戶 受惠</t>
    <phoneticPr fontId="1" type="noConversion"/>
  </si>
  <si>
    <t>賴香伶籲政府 建單一視窗讓防疫車隊配合防疫旅館</t>
    <phoneticPr fontId="1" type="noConversion"/>
  </si>
  <si>
    <t>賴香伶 籲 政府 建 單一 視窗 讓 防疫 車隊 配合 防疫 旅館</t>
    <phoneticPr fontId="1" type="noConversion"/>
  </si>
  <si>
    <t>賴香伶 民眾黨 防疫 一條龍 防疫 車隊 防疫 旅館</t>
    <phoneticPr fontId="1" type="noConversion"/>
  </si>
  <si>
    <t>8 月底 將 有 一 批 疫苗 運 抵 台 黃暐瀚 爆 數字 非常 大</t>
    <phoneticPr fontId="1" type="noConversion"/>
  </si>
  <si>
    <t>東京都 連續 兩 天 破 單日 確診 最高 紀錄 神奈川縣 也 拉 警報</t>
    <phoneticPr fontId="1" type="noConversion"/>
  </si>
  <si>
    <t>通信網 路 前景 依舊 看好 日 系 外資 挺 全新 目標價 140 元</t>
    <phoneticPr fontId="1" type="noConversion"/>
  </si>
  <si>
    <t>全新 外資 報告 5 g 基礎 建設 3 d 感 測 去 美化</t>
    <phoneticPr fontId="1" type="noConversion"/>
  </si>
  <si>
    <t>鑽石 公主 號 乘客 今 約 500 人 可 下船</t>
    <phoneticPr fontId="1" type="noConversion"/>
  </si>
  <si>
    <t>1萬 元 孩童 家庭 防疫 補貼 6 15 發放 atm 就 可 領</t>
    <phoneticPr fontId="1" type="noConversion"/>
  </si>
  <si>
    <t>行政院 進行 疫情 紓困 對 有 國小 以下 孩童 或 國 高中 特教 學生 的 家庭 規 畫 發放 每 名 孩童 1萬 元 家庭 防疫 補貼 教育部 今天 表示 6 月 15 日 起 開始 發放 將 透過 民眾 生活 上 習慣 及 便利 使用 的 全國 繳費 網 或 atm 等 方式 讓 孩童 的 監護</t>
    <phoneticPr fontId="1" type="noConversion"/>
  </si>
  <si>
    <t>孩童 家庭 防疫 補貼 領取 atm 監護人</t>
    <phoneticPr fontId="1" type="noConversion"/>
  </si>
  <si>
    <t>國民黨 籲 放寬 勞工 紓困 現金 門檻 勞動部 回 應 了</t>
    <phoneticPr fontId="1" type="noConversion"/>
  </si>
  <si>
    <t>泰國 現 屍 傳人 首例 張上淳 接觸 後 碰 口 鼻 恐 傳播</t>
    <phoneticPr fontId="1" type="noConversion"/>
  </si>
  <si>
    <t>鑽石 公主 號 台 魔術師 曝 數 十 位 無 症狀 患者</t>
    <phoneticPr fontId="1" type="noConversion"/>
  </si>
  <si>
    <t>怪 男 持 電鋸 搶劫 要飯 離開 留下 10 片 口罩</t>
    <phoneticPr fontId="1" type="noConversion"/>
  </si>
  <si>
    <t>這 起 詭異 的 搶劫 案 發生 在 日本 北海道 一 名 手持 電鋸 的 男子 闖進 一對 老 夫婦 家 除了 大聲嚷嚷 討飯 吃 之外 還 搶走 現金 離開 時 卻 留下 10 片 口罩 神秘 舉動 引起 網友 討論 認為 很 像 日本 民間故事 更 有人 形容 男子 是 狸貓 變 身</t>
    <phoneticPr fontId="1" type="noConversion"/>
  </si>
  <si>
    <t>這 起 詭異 的 搶劫 案 發生 在 日本 北海道 一 名 手持 電鋸 的 男子 闖進 一對 老 夫婦 家 除了 大聲嚷嚷 討飯 吃 之外 還 搶走 現金 離開 時 卻 留下 10 片 口罩 神秘 舉動 引起 網友 討論 認為 很 像 日本 民間故事 更 有人 形容 男子 是 狸貓 變 身 口罩 神 上個月 29 日中 午 住 在 北海道 的 老 夫婦 家裡 遭 男子 從 後門 闖入 他 拿 著 電鋸 威脅 要 吃 東西 老太太 端 出 飯菜 讓 他 飽餐一頓 接 著 他 開口 向老 夫婦 要錢 奪取 日 幣 2000 元 約 台幣 561 元 並 留下 10 片 口罩 後 離開 嫌犯 當時 穿 著 黑色 衣服 年紀 大約 55 至 60 歲 身高 160 公分 匪夷所思 的 新聞 曝光 後 網友 紛紛 猜測 男子 身分 難道 是 沒有 成功 冬眠 的 熊 他 其實 是 狸貓 吧 可能 是 囤積 太 多 口罩 賣不出去 老 夫婦 賺到 10 片 口罩 在 日本 應該 超過 561 元 關於 口罩 的 都市 傳說 西班牙 的 話 現 賺 10萬 台幣 神明 報恩 座 敷 童子啦</t>
    <phoneticPr fontId="1" type="noConversion"/>
  </si>
  <si>
    <t>北京 消費 季將 重 啟 擬 調整 消費 券 擴大 覆蓋面</t>
    <phoneticPr fontId="1" type="noConversion"/>
  </si>
  <si>
    <t>北京市 商務 局 20 日 表示 在 做好 常態 化 疫情 防控 基礎 上 將 按照 全面 重 啟 適度 調整 線 上 為主 重點 策劃 有序 推進 嚴密 組織 等 原則 重 啟 北京 消費 季 據 北京青年報 報導 北京 消費 季將 延續 至 今年 12 月底 同時 北京市</t>
    <phoneticPr fontId="1" type="noConversion"/>
  </si>
  <si>
    <t>北京 消費 券 消費 旅遊 景區</t>
    <phoneticPr fontId="1" type="noConversion"/>
  </si>
  <si>
    <t>產業 藝 文 衝擊 文化部 疫情</t>
    <phoneticPr fontId="1" type="noConversion"/>
  </si>
  <si>
    <t>發 防疫 財 網路 社團 買 口罩 花 1000 元 來 一 盒 廢紙</t>
    <phoneticPr fontId="1" type="noConversion"/>
  </si>
  <si>
    <t>防疫 財 網路 社團 買 口罩 1000 元</t>
    <phoneticPr fontId="1" type="noConversion"/>
  </si>
  <si>
    <t>桃園 增 19 確診 楊梅 占 5 例 足跡 遍及 全聯 好 市 多 ikea</t>
    <phoneticPr fontId="1" type="noConversion"/>
  </si>
  <si>
    <t>實 聯 制 5 大亂 象 扯 爆 超 商店 員 崩潰 氣 到 快 吐血</t>
    <phoneticPr fontId="1" type="noConversion"/>
  </si>
  <si>
    <t>實 聯 制 5 大亂 象 超 商 店員 氣 到 吐血 疫苗</t>
    <phoneticPr fontId="1" type="noConversion"/>
  </si>
  <si>
    <t>上海 新增 本土 確診 病例 暫時 查不出 感染 源</t>
    <phoneticPr fontId="1" type="noConversion"/>
  </si>
  <si>
    <t>大陸 專家 脫 口罩 恐 要到 明年 下半年</t>
    <phoneticPr fontId="1" type="noConversion"/>
  </si>
  <si>
    <t>口罩 成為 人們 出門 必備 之 物 已 為期 一 年 多 隨 著 疫情 逐漸 有 和緩 的 趨勢 且 大陸 連續 多 日 無 新 增 本土 病例 不少 人 好奇 今年 能 摘 口罩 了 嗎 上海復旦大學 附屬 華山醫院 感染 科 主任 張文宏 表示 依照 目前 還 未 完成 全民 接種</t>
    <phoneticPr fontId="1" type="noConversion"/>
  </si>
  <si>
    <t>口罩 大陸 疫苗 張文 接種</t>
    <phoneticPr fontId="1" type="noConversion"/>
  </si>
  <si>
    <t>白俄羅斯 為 防疫 封鎖 邊界 反對派 怒 嗆 追 殺 異己</t>
    <phoneticPr fontId="1" type="noConversion"/>
  </si>
  <si>
    <t>疫情 衝擊 國發 會 4 策 救 經濟</t>
    <phoneticPr fontId="1" type="noConversion"/>
  </si>
  <si>
    <t>經濟 成長率 提高 執行 國發 會 肺炎</t>
    <phoneticPr fontId="1" type="noConversion"/>
  </si>
  <si>
    <t>莫德納 向 美國 fda 申請 全面 批准 使用 其 疫苗</t>
    <phoneticPr fontId="1" type="noConversion"/>
  </si>
  <si>
    <t>北韓疫情爆發？當局公佈新冠肺炎緊急防疫準測 標準更嚴格</t>
    <phoneticPr fontId="1" type="noConversion"/>
  </si>
  <si>
    <t>北 韓 疫情 防疫 準則 緊急命令 北 韓國慶</t>
    <phoneticPr fontId="1" type="noConversion"/>
  </si>
  <si>
    <t>內衣 女神 拿 棒 狀物 罩 臉 網 笑 最新型 口罩</t>
    <phoneticPr fontId="1" type="noConversion"/>
  </si>
  <si>
    <t>內衣 女神 拐拐 許采晴 從 網 拍 內衣 起家 一路 成立 美 胸 泳裝 品牌 都有 死忠 的 粉絲 緊緊 跟隨 近日 適 逢 春 酒 旺季 她 特地 打 扮成 招 財 象 神 超 浮誇 的 造型 引起 網友 熱 議 連 美 胸 女神 熊熊 卓毓彤 都 忍不住 誇讚</t>
    <phoneticPr fontId="1" type="noConversion"/>
  </si>
  <si>
    <t>內衣 女神 拐拐 許采晴 從 網 拍 內衣 起家 一路 成立 美 胸 泳裝 品牌 都有 死忠 的 粉絲 緊緊 跟隨 近日 適 逢 春 酒 旺季 她 特地 打 扮成 招 財 象 神 超 浮誇 的 造型 引起 網友 熱 議 連 美 胸 女神 熊熊 卓毓彤 都 忍不住 誇讚 你 真的 很 猛 身為 品牌 的 老闆娘 之一 拐拐 立下 春 酒 dress code 主 題為 諸 神 大吉 合 規定 每個 人 都 要 扮演 東西方 的 神明 她 靈機一動 決定 化身 招財象 神 頂 著 頭冠 化 上 泰式 風情 的 妝容 身穿 金色 的 細 肩 帶 深 v 中空 裝 露出 渾圓 的 美 胸 和 平坦 腹部 以及 皮膚 貼 的 紋 身 貼紙 值得一提的是 她 手上 拿 著 一 條 長長的 金色 象 鼻 剛好 貼 合 臉部 拐拐 自豪 的 說 這次 全身 的 服裝 飾品 都 是 手工 訂制 的 尤其 是 我 那只全 金 打造 的 象鼻子 可是 做 了 兩 周 她 也 透露 會 扮 象 神 的 原因 是因為 象 神 代表 智慧 和 財富 在 泰國 是 非常 吉祥 的 一 尊 s dare 2020春 酒 我 是 招財象 神 這次 規定 大家 的 dress code 諸 神 大吉 合 每個 來 的 人 都 扮演 一 位 東西方 的 神明 每次 做 cosplay 我 都 喜歡 挑戰 自己 的 極限 記者 打來 問 我 為什麼 會 想到 扮 象 神 象 神 代表 是 智慧 財富 在 泰國 是 非常 吉祥 的 一 尊 這次 全身 的 服裝 飾品 都 是 手工 訂制 的 尤其 是 我 那只全 金 打造 的 象鼻子 可是 做 了 兩 周 謝謝 服裝 師 @fishkuang 完成 我 的 瘋狂 任務 她 形容 我 是 她 遇到 最 奇妙 的 客戶 也 謝謝 彩妝師 @ivanchangmakeup 跟 髮型 @samq 1020 把 象 神 整體 妝 感 詮釋 的 非常 到 味 @sdare_self 拐拐 sabrina 許采晴 @sabrina 888888 分享 的 貼 文 於 pst 2020 年 2 月 月 10 日 上午 7 15 張貼 拐拐 的 春 酒 造型 一 po 出 讓 網友 看 得 驚 豔 連連 直 呼 只有 拐拐 可以 突破 拐拐 姐姐 太強 又 太 正 了根本 沒有 造型 難得 了 你 耶 還有 人 發揮 想像力 笑 稱 最新型 口罩</t>
    <phoneticPr fontId="1" type="noConversion"/>
  </si>
  <si>
    <t>拐拐 象 神 春 酒 內衣 女神 美 胸</t>
    <phoneticPr fontId="1" type="noConversion"/>
  </si>
  <si>
    <t>營運 暫無 影響 大 立 光 穩住 腳步 玉 晶光 跌 停 形成 兩 樣 情</t>
    <phoneticPr fontId="1" type="noConversion"/>
  </si>
  <si>
    <t>俄國 代表處 同仁 人員 肺炎</t>
    <phoneticPr fontId="1" type="noConversion"/>
  </si>
  <si>
    <t>獨 日 捐 台 az 疫苗 未列 who 緊急 使用 名單 莊人祥 非 必要條件</t>
    <phoneticPr fontId="1" type="noConversion"/>
  </si>
  <si>
    <t>az 疫苗 日本 捐贈 who 緊急 使用 名單</t>
    <phoneticPr fontId="1" type="noConversion"/>
  </si>
  <si>
    <t>柯文哲宣佈免費打疫苗 侯友宜：2天前就知中央有編預算</t>
    <phoneticPr fontId="1" type="noConversion"/>
  </si>
  <si>
    <t>柯文哲 宣佈 免費打 疫苗 侯友宜 2 天 前 就 知 中央 有 編 預算</t>
    <phoneticPr fontId="1" type="noConversion"/>
  </si>
  <si>
    <t>遭 控 小 明 的 故事 源頭 林 奕華 一 句 話 打 臉 高嘉瑜</t>
    <phoneticPr fontId="1" type="noConversion"/>
  </si>
  <si>
    <t>抗 疫 歌曲 fight as one 遭 譙 蔡依林 說話 了</t>
    <phoneticPr fontId="1" type="noConversion"/>
  </si>
  <si>
    <t>蔡依林 日前 攜手 陳奕迅 合唱 公益 歌曲 fight as one 用 全英文 的 溫暖 歌聲 向 全球 醫護 致敬 歌詞 觸動 人心 mv 更 搭配 全球 不分 人種 的 抗 疫 鬥士 溫馨 又 催 淚 不過 卻 意外 掀起 正反 兩 派 論戰 因為 網友 發現 mv 畫面 中 有 小孩</t>
    <phoneticPr fontId="1" type="noConversion"/>
  </si>
  <si>
    <t>蔡依林 mv 陳奕迅 醫護 公益 歌曲</t>
    <phoneticPr fontId="1" type="noConversion"/>
  </si>
  <si>
    <t>半 導體 q 2 不 淡 q 3 可期 瑞 昱 衝鋒 4 字頭</t>
    <phoneticPr fontId="1" type="noConversion"/>
  </si>
  <si>
    <t>瑞昱 tws 乙太 車用 網路 pc 網通</t>
    <phoneticPr fontId="1" type="noConversion"/>
  </si>
  <si>
    <t>不 意外 臺灣 三級 警戒 延長 急診 醫 曝 1 隱憂</t>
    <phoneticPr fontId="1" type="noConversion"/>
  </si>
  <si>
    <t>新鮮 人 快 筆記 疫情 下 zoom 分享 5 招 面試 指南 讓 你 過關斬將</t>
    <phoneticPr fontId="1" type="noConversion"/>
  </si>
  <si>
    <t>新鮮 人 畢業 zoom 面試 視 訊 面試</t>
    <phoneticPr fontId="1" type="noConversion"/>
  </si>
  <si>
    <t>英 情侶 怨 檢疫所 有如 監獄 女作家 嗆 臺灣 沒 欠 你們</t>
    <phoneticPr fontId="1" type="noConversion"/>
  </si>
  <si>
    <t>英國 情侶 吉娜兒 臺灣 檢疫所 監獄</t>
    <phoneticPr fontId="1" type="noConversion"/>
  </si>
  <si>
    <t>提前 自主 解封 7 月 起 太平 山莊 假日 一 房 難 求</t>
    <phoneticPr fontId="1" type="noConversion"/>
  </si>
  <si>
    <t>距離 原訂 的 三級 防疫 管制 解封 日 還有 一個 星期 雖然 對於 是否 能 如期 解封 還 是 個 未知數 但 民眾 已經 紛紛 提前 自主 解封 甚至 開始 為 解封 後 的 出遊 超前 部署 太平 山莊 七 八月 份 的 訂 房 率 不斷 提高 假日 更 是 一 房 難 求 解封</t>
    <phoneticPr fontId="1" type="noConversion"/>
  </si>
  <si>
    <t>苗栗縣 增 1 電子 廠 員工 確診 足跡 曝光 包含 新竹 城隍廟 麥當勞</t>
    <phoneticPr fontId="1" type="noConversion"/>
  </si>
  <si>
    <t>國泰人壽 七彩 盤 保障 缺口 一把抓</t>
    <phoneticPr fontId="1" type="noConversion"/>
  </si>
  <si>
    <t>保障 缺口 肺炎 七彩 國泰人壽 保障</t>
    <phoneticPr fontId="1" type="noConversion"/>
  </si>
  <si>
    <t>觀光 股 雲品 決 派利 2 5 元 蓄 勢 強身 待 復蘇</t>
    <phoneticPr fontId="1" type="noConversion"/>
  </si>
  <si>
    <t>雲品 股東會 股利 營運 展望</t>
    <phoneticPr fontId="1" type="noConversion"/>
  </si>
  <si>
    <t>張上淳 兒子 出國 根本 沒錯 致命 關鍵 曝光 一 堆 人 搞 錯</t>
    <phoneticPr fontId="1" type="noConversion"/>
  </si>
  <si>
    <t>張上淳 張上淳 兒子 兒 出國 張上淳 兒 禁 醫護 出國</t>
    <phoneticPr fontId="1" type="noConversion"/>
  </si>
  <si>
    <t>柯 直言 遲早 社區 感染 重點 在 別 失控</t>
    <phoneticPr fontId="1" type="noConversion"/>
  </si>
  <si>
    <t>去 做 社區 感染 蘇益仁 肺炎 直言</t>
    <phoneticPr fontId="1" type="noConversion"/>
  </si>
  <si>
    <t>奶奶 安厝 協助 家屬 爺爺</t>
    <phoneticPr fontId="1" type="noConversion"/>
  </si>
  <si>
    <t>疫情5月風暴 遊盈隆：指揮中心無人口頭請辭 實在匪夷所思</t>
    <phoneticPr fontId="1" type="noConversion"/>
  </si>
  <si>
    <t>權 證 星光 大道 永豐 金 證券 體質 轉 佳 欣興 抗震</t>
    <phoneticPr fontId="1" type="noConversion"/>
  </si>
  <si>
    <t>封城 先前 肺炎 hdi 欣興</t>
    <phoneticPr fontId="1" type="noConversion"/>
  </si>
  <si>
    <t>晶悅 飯店 吹 熄燈號 原址 將 都更</t>
    <phoneticPr fontId="1" type="noConversion"/>
  </si>
  <si>
    <t>肺炎 資 遣 晶悅 飯店 餐飲 業務</t>
    <phoneticPr fontId="1" type="noConversion"/>
  </si>
  <si>
    <t>任務 完成 武漢 方 艙 醫院 全部 休 艙</t>
    <phoneticPr fontId="1" type="noConversion"/>
  </si>
  <si>
    <t>疫情 衝擊 掃墓 人潮 減少 民政局長 曹桓榮 視察 管制 現況</t>
    <phoneticPr fontId="1" type="noConversion"/>
  </si>
  <si>
    <t>盤中 解析 上有 壓下 有 撐 10900 攻防</t>
    <phoneticPr fontId="1" type="noConversion"/>
  </si>
  <si>
    <t>日本 高校 體育 大會 57 年 首度 停辦</t>
    <phoneticPr fontId="1" type="noConversion"/>
  </si>
  <si>
    <t>日本 停辦 全國 體育 高校</t>
    <phoneticPr fontId="1" type="noConversion"/>
  </si>
  <si>
    <t>全球 大屠殺 川普 火力 全開 再 批 陸 無能 瘋子</t>
    <phoneticPr fontId="1" type="noConversion"/>
  </si>
  <si>
    <t>連 2 天 0 國內 52 天 無 本土 案例</t>
    <phoneticPr fontId="1" type="noConversion"/>
  </si>
  <si>
    <t>有錢 人 跑 去 美國 打 疫苗 回台 確診 柯文哲 7 月 至 今 已 8 例</t>
    <phoneticPr fontId="1" type="noConversion"/>
  </si>
  <si>
    <t>先前 有 不少 人 特地到 國外 接種 疫苗 臺北市 長 柯文哲 9 日 表示 經 疫 調 發現 7 月 至今 有 8 人 去 美國 打 疫苗 回台 結果 確診 他 說 現在 臺灣 比較 安全 了 不必 特別 跑 去 美國 接種 柯文哲 今 午 主持 防疫 記者會 指出 7 月 到 現在 發現 有</t>
    <phoneticPr fontId="1" type="noConversion"/>
  </si>
  <si>
    <t>疫苗 美國 接種 確診 北市</t>
    <phoneticPr fontId="1" type="noConversion"/>
  </si>
  <si>
    <t>新 港 in 病毒 out 抗 疫 唱起來</t>
    <phoneticPr fontId="1" type="noConversion"/>
  </si>
  <si>
    <t>嘉義 縣 新港鄉 防疫 不落人後 日前 退休 校長 王靜文 寫 詞 編 舞 完 成 新 港 in 病毒 out 防疫 舞曲 以 大家 耳熟能詳 的 台語 歌曲 心花 開 改編 未來 將 結合 新港鄉 公所 的 村 廣播系統 播放 將 防疫 深 植 民眾 心中 嘉義 縣政府 教育處</t>
    <phoneticPr fontId="1" type="noConversion"/>
  </si>
  <si>
    <t>新 港 病毒 播放 寫 詞 新港鄉</t>
    <phoneticPr fontId="1" type="noConversion"/>
  </si>
  <si>
    <t>中共 軍 報 指 藉 疫情 抹黑 攻擊 大陸 趁火打劫 者 必 引火自焚</t>
    <phoneticPr fontId="1" type="noConversion"/>
  </si>
  <si>
    <t>降低 連 假 後 社區 傳播 風險 避免 出入 擁擠 場所</t>
    <phoneticPr fontId="1" type="noConversion"/>
  </si>
  <si>
    <t>確保 金門 防疫 成功 中央 攜手 地方 大 作戰</t>
    <phoneticPr fontId="1" type="noConversion"/>
  </si>
  <si>
    <t>防疫 人員 金門 船員 小 三通</t>
    <phoneticPr fontId="1" type="noConversion"/>
  </si>
  <si>
    <t>超前 部署 侯友宜 把 退休 醫護 找回 來</t>
    <phoneticPr fontId="1" type="noConversion"/>
  </si>
  <si>
    <t>臺灣 何時 解封 台 大公 衛 院長 做到 這 件 事 就 能 恢復 常態</t>
    <phoneticPr fontId="1" type="noConversion"/>
  </si>
  <si>
    <t>邊境 管制 解封 檢測 詹長權 追蹤</t>
    <phoneticPr fontId="1" type="noConversion"/>
  </si>
  <si>
    <t>南 投 縣 3 月 9 日 起 10 家 醫院 禁止 探病 陪 病 限 1 人</t>
    <phoneticPr fontId="1" type="noConversion"/>
  </si>
  <si>
    <t>第 七 輪增 23 至 28 歲 打 az 9 3 起 開放 預約</t>
    <phoneticPr fontId="1" type="noConversion"/>
  </si>
  <si>
    <t>首 波 高齡 長者 接種 疫苗 黃偉哲 長輩 接到 通知 再 到 指定 地點 接種</t>
    <phoneticPr fontId="1" type="noConversion"/>
  </si>
  <si>
    <t>台 南市 15 日 起 針對 第一 梯 高齡 長者 85 歲 以上 75 歲 以上 且 具 原 住 民 身分 75 歲 以上 持重 大 傷病 卡 長者 施打 疫苗 台南 市長 黃偉哲 說 為 方便 長者 施打 疫苗 市府 會 個別 發送 接種 通知 請 長者 接到 通知 後 再 到 指定 地點 接種 疫苗</t>
    <phoneticPr fontId="1" type="noConversion"/>
  </si>
  <si>
    <t>台 南市 15 日 起 針對 第一 梯 高齡 長者 85 歲 以上 75 歲 以上 且 具 原 住 民 身分 75 歲 以上 持重 大 傷病 卡 長者 施打 疫苗 台南 市長 黃偉哲 說 為 方便 長者 施打 疫苗 市府 會 個別 發送 接種 通知 請 長者 接到 通知 後 再 到 指定 地點 接種 疫苗 不要 自 行前 往 以免 產生 群 聚 衛生局長 許以霖 指出 明天 起 將 開始 服務台 南市 高 齡 長者 施打 疫苗 戶籍 在外 縣 市 但 居住 在 台南 市 的 長者 請 主動 跟 居住 所在地 區公所 連絡 登記 另 75 歲 以上 領有 重大 傷病 卡 長者 也 請 長輩 先向 所在地 區公所 連絡 登記 市府 會 向健 保 局 勾稽 領 有 重大 傷病 卡 長者 的 清單 因 此 75 歲 以上 的 重大 傷病 長輩 不必 擔心 打 不 到 疫苗 屆時 都會 主動 通知 民政局長 姜淋煌 說 針對 這 一 梯 已 列 冊 長者 將 由 里幹事 或 裡長 個別 發送 接種 通知單 提供 疫苗 施打 時間 與 地點 並 提醒 長輩 記得 攜帶 身分 證 健 保 卡 雙證件 衛生局 強調 台南 市 會 主動 通知 符合 資格 者 前來 注射 避免 民眾 搶 預約 造成 混亂 情況 目前 已 請 各 區公所 掌握 轄區 裡面 可 接種 對象 的 名單 充足 準備 減少 初期 注射 的 混亂 情形</t>
    <phoneticPr fontId="1" type="noConversion"/>
  </si>
  <si>
    <t>總統 下午 電臺 連線跟 鄉親 報告 防疫</t>
    <phoneticPr fontId="1" type="noConversion"/>
  </si>
  <si>
    <t>新聞 早班車 病毒檢測 川普 陰性 彭斯 跟 著 測</t>
    <phoneticPr fontId="1" type="noConversion"/>
  </si>
  <si>
    <t>6 旬 男 打完 疫苗 2 小時 胸 痛 送醫 原因 出爐 不是 心肌炎</t>
    <phoneticPr fontId="1" type="noConversion"/>
  </si>
  <si>
    <t>台中 市 25 到 40 歲 是 被 政府 放棄 的 一 群 台中 市 議會 國民黨 超黨派 及 無黨 等 日前 提案 要求 市府 編 列 預算 採購 疫苗 讓 73 年 次 以後 的 年輕人 可以 施打 疫苗 今天 於市 議會 獲得 三讀通過 但 衛生局長 曾 梓 展 指出 雖然 議會 通過 但</t>
    <phoneticPr fontId="1" type="noConversion"/>
  </si>
  <si>
    <t>等 不 到 解封 那天 西門 星 聚 點 開業 10 年 驚 傳 歇業 退 租</t>
    <phoneticPr fontId="1" type="noConversion"/>
  </si>
  <si>
    <t>星聚 點 歇業 退 租 10 年 停業</t>
    <phoneticPr fontId="1" type="noConversion"/>
  </si>
  <si>
    <t>權 證 星光 大道 永豐 金 證券 宜 特 q 3 旺季 營運 俏</t>
    <phoneticPr fontId="1" type="noConversion"/>
  </si>
  <si>
    <t>檢測 訂單 推進 成長 營運 宜特</t>
    <phoneticPr fontId="1" type="noConversion"/>
  </si>
  <si>
    <t>香港 首 確診 女星 康復 風格 大變 換 性感 高 衩 泳衣 露 逆 天美 腿</t>
    <phoneticPr fontId="1" type="noConversion"/>
  </si>
  <si>
    <t>施匡翹 美 腿 瑜 珈 康復 風格</t>
    <phoneticPr fontId="1" type="noConversion"/>
  </si>
  <si>
    <t>蘇貞昌 續任 鄭文燦 蘇 內閣 有 行動 力 執行 力</t>
    <phoneticPr fontId="1" type="noConversion"/>
  </si>
  <si>
    <t>蔡英文 總統 宣佈 行政院長 蘇貞昌 續任 桃園 市長 鄭文燦 8 日 表示 蘇 內閣 是 一個 有 行動 力 執行 力 的 內閣 希望 未來 蘇 內閣 能夠 把 臺灣 建設 帶領 的 更 好 鄭文燦 8 日 到 議會 總 質詢 接受 媒體 提問 他 說 蘇 內閣 的 5 大 任務 從 疫情 防</t>
    <phoneticPr fontId="1" type="noConversion"/>
  </si>
  <si>
    <t>內閣 鄭文燦 蘇貞昌 行政院 行政院長</t>
    <phoneticPr fontId="1" type="noConversion"/>
  </si>
  <si>
    <t>多國 限制 施打 az 年齡 王鴻薇 批 中央 卻 讓 年輕 族群 消化 疫苗</t>
    <phoneticPr fontId="1" type="noConversion"/>
  </si>
  <si>
    <t>「吃人一口還人一鬥」 宜蘭市長呼籲對義大利伸援手</t>
    <phoneticPr fontId="1" type="noConversion"/>
  </si>
  <si>
    <t>吃 人 一 口 還 人 一 鬥 宜蘭 市長 呼籲 對 義 大利 伸 援手</t>
    <phoneticPr fontId="1" type="noConversion"/>
  </si>
  <si>
    <t>新竹 縣 3 確診 均 為 居隔采 檢 長 照 機構 住 民</t>
    <phoneticPr fontId="1" type="noConversion"/>
  </si>
  <si>
    <t>新竹 縣 19 日 新增 3 例 確診 案例 都 是 長 照 機構 住 民 竹東 c 長 照 機構 的 80 多 歲 老翁 和 老婦 被 匡列 隔離 監控 采 檢 陽性 確診 b 機構 80 多 歲 老翁 被 匡列 隔離 2 次 pcr 采 檢 陰性 但 發燒 嘔吐 就醫 住院 前 第 3 次 采 檢 陽性 確診 3 人 皆 已 收治</t>
    <phoneticPr fontId="1" type="noConversion"/>
  </si>
  <si>
    <t>陸媒 點名 威脅 美 實體 與 個人 對 疫情 濫 訴 必 予 嚴懲</t>
    <phoneticPr fontId="1" type="noConversion"/>
  </si>
  <si>
    <t>大陸 官媒 環球時報 引述 相關 消息人士 表示 大陸 對 美國 內 以 疫情 為 向 中國 大陸 浮 濫 訴訟 極為 不滿 北京 已 著 手 準備 對 一些 炮製 反華 議案 的 國會議員 密蘇里州 以及 美方 相關 個人 和 實體 採取 必要 的 懲戒 措施 大陸 的 美國 專家 甚</t>
    <phoneticPr fontId="1" type="noConversion"/>
  </si>
  <si>
    <t>楊志良 開除 說 柯文哲 罵 完 應給 鼓勵</t>
    <phoneticPr fontId="1" type="noConversion"/>
  </si>
  <si>
    <t>無色覺醒》賴嶽謙：一場病毒抗疫戰爭？美俄網路輿論開打！</t>
    <phoneticPr fontId="1" type="noConversion"/>
  </si>
  <si>
    <t>無色 覺醒 賴嶽謙 一 場 病毒 抗 疫 戰爭 美 俄 網路 輿論 開 打</t>
    <phoneticPr fontId="1" type="noConversion"/>
  </si>
  <si>
    <t>日 不動產 聞 疫 色 變</t>
    <phoneticPr fontId="1" type="noConversion"/>
  </si>
  <si>
    <t>不動產</t>
    <phoneticPr fontId="1" type="noConversion"/>
  </si>
  <si>
    <t>肺炎 沖繩 樂器 疫情 飯店</t>
    <phoneticPr fontId="1" type="noConversion"/>
  </si>
  <si>
    <t>computex 延至 9 月底 舉行</t>
    <phoneticPr fontId="1" type="noConversion"/>
  </si>
  <si>
    <t>肺炎 computex 展覽 展覽 日期 疫情</t>
    <phoneticPr fontId="1" type="noConversion"/>
  </si>
  <si>
    <t>巴菲特 投資者 應該 蘋果 決策</t>
    <phoneticPr fontId="1" type="noConversion"/>
  </si>
  <si>
    <t>桃園 市 環境 清潔 稽查大隊 龜 山區 中隊 3 名 清潔 隊員 確診 29 日 新增 1 名 案例 是 清潔 隊員 的 家人 桃園 市長 鄭文燦 表示 目前 擴大 采 檢 188 人 居家 隔離 185 人 他 說 擴大 隔離 采 檢 是 希望 築 起 防疫 防火牆 讓 事件 獲得 控制 另外</t>
    <phoneticPr fontId="1" type="noConversion"/>
  </si>
  <si>
    <t>桃園 市 環境 清潔 稽查大隊 龜 山區 中隊 3 名 清潔 隊員 確診 29 日 新增 1 名 案例 是 清潔 隊員 的 家人 桃園 市長 鄭文燦 表示 目前 擴大 采 檢 188 人 居家 隔離 185 人 他 說 擴大 隔離 采 檢 是 希望 築 起 防疫 防火牆 讓 事件 獲得 控制 另外 金沙酒店 新增 1 名酒 客 確診 鄭文燦 表示 采 持續 疫 調 采 檢 方式 主要 是 希望 用 精准 疫 調 即 時疫 調 29 日 增加 1 位 清潔 隊員 家人 確診 目前 已經 188 人 擴大 采 檢 居家 隔離 185 位元 部分 pcr 采 檢 會 在 晚上 出爐 目前 龜 山中 隊 3 個 隊部 該 確診 者 的 隊部 已 全數 居家 隔離 希望 這次 隊員 確診 能 擴大 隔離 采 檢 築 起 防疫 防火牆 讓 事件 獲得 控制 也 希望 民眾 放心 衛生局長 王文彥 也 說明 29 日 公佈 12 人中 有 7 人 感染 源 還 在 調查 有 9 人 是 家庭 群 聚 感染 其 餘 10 人 獨立 個案 他 呼籲 傳統 市場 買 菜 避免 久留 不要 講話 登山 健行 步道 工地 職 場 也 要 注意 另外 家庭成員 彼此 儘量 戴 口罩 聊天 吃飯 公筷母匙 王文彥 說明 首 名 確診 隊員 在 24 日 有 咳嗽 發燒 現象 當時 就 立即 隔離 也 因為 他 目前 屬於 中重度 疫 調 還 在 進行 中 對於 感染 源 可能 的 原因 還 在 調查 中 至於 金沙酒店 群 聚 感染 案 王也 說 29 日 新增 1 名 顧客 確診 他 在 原本 的 匡列 名單 中 對於 楊梅 5 起 案例 有 4 人 屬於 家庭 群 聚 是 原本 1 名 長者 確診 全家匡 列 後 4 人 采 檢 確診</t>
    <phoneticPr fontId="1" type="noConversion"/>
  </si>
  <si>
    <t>傳 和 碩 確診 員工 曾 到 華碩 餐廳 2 公司 全面 消毒 遠 距 上班</t>
    <phoneticPr fontId="1" type="noConversion"/>
  </si>
  <si>
    <t>小米 去年 營 收 破 2 000億 人 幣</t>
    <phoneticPr fontId="1" type="noConversion"/>
  </si>
  <si>
    <t>稍 早 行業 肺炎 銳減 銷量</t>
    <phoneticPr fontId="1" type="noConversion"/>
  </si>
  <si>
    <t>講 的 就 是 你 招 名 威 調侃 陸生 網友 痛 譙 歧視 就是 歧視</t>
    <phoneticPr fontId="1" type="noConversion"/>
  </si>
  <si>
    <t>歧視 招名威 納粹 法西斯 中原大學 文翔 政論</t>
    <phoneticPr fontId="1" type="noConversion"/>
  </si>
  <si>
    <t>為何 不 回 美國 打 疫苗 美籍 男 星 曝 留 台 最 大 優點</t>
    <phoneticPr fontId="1" type="noConversion"/>
  </si>
  <si>
    <t>臺灣 本土 疫情 雖 稍微 趨 緩 連續 4 天 維持 2 位 數 確診 但 疫苗 數量 供不應求 不少 民眾 選擇 飛 出國 打 疫苗 在 台 發展 的 美籍 男 星 賈斯汀 justin caleb cooper 是 節目 請問 今晚 住 誰家 主持人 2 分之一 強 班底 他 近日 透露</t>
    <phoneticPr fontId="1" type="noConversion"/>
  </si>
  <si>
    <t>舊 瓶裝 漂白 水 暗藏 危機 醫 礦泉水瓶 最 容易 出事</t>
    <phoneticPr fontId="1" type="noConversion"/>
  </si>
  <si>
    <t>防疫 新北 貢寮 海洋 音樂 祭 今年 停辦</t>
    <phoneticPr fontId="1" type="noConversion"/>
  </si>
  <si>
    <t>瑞德西韋 資料 猶 瞎子摸象 陳時中 不 懂 who 為何 公開</t>
    <phoneticPr fontId="1" type="noConversion"/>
  </si>
  <si>
    <t>助推 台企 復工 複產 浙江省 召開 創業 創新 推進會</t>
    <phoneticPr fontId="1" type="noConversion"/>
  </si>
  <si>
    <t>為 助推 台企 復工 複產 2020 浙江省 台資 企業 創業 創新 推進會 暨 台企 高 品質 復工 複產 座談 交流會 日前 在 浙江 餘 姚市 舉行 會上 發佈 針對 貫徹 浙江省 惠 台 26 條 措施 實施 指南 介紹 5 家 在 浙 台 企 的 應對 疫情 復工 複產 經驗 做法 並</t>
    <phoneticPr fontId="1" type="noConversion"/>
  </si>
  <si>
    <t>為 助推 台企 復工 複產 2020 浙江省 台資 企業 創業 創新 推進會 暨 台企 高 品質 復工 複產 座談 交流會 日前 在 浙江 餘 姚市 舉行 會上 發佈 針對 貫徹 浙江省 惠 台 26 條 措施 實施 指南 介紹 5 家 在 浙 台 企 的 應對 疫情 復工 複產 經驗 做法 並 透過 說明 大陸 中央 和 浙江省 的 惠台 政策措施 等 進一步 增強 台商 台企 紮根 浙江 發展 的 信心 該 會議 中 指出 實際 有 不少 台企 因為 看到 趨勢 行動 快 且 身段 柔軟 及時 調整 市場 佈 局 和 產品 結構 表現 出 更 強 的 抗 風險 能力 在 疫情 期間 反而 獲得 逆勢 增長 例如 寧波安 拓 實業 公司 在 外貿 訂單 下滑 甚至 取消 情況 下 抓住 一帶 一路 與 新 基建 機遇 與 大陸 三一重工 等 企業 合作 轉向 生產 內銷 建築機械 配件 今年 第 2 季 產值 有望 成長 50 以上 此外 浙江 三 榮 塑膠 公司 原來 主營 化妝品 和 食品包 材 等 產品 也 根據 市場需求 在 年初 轉型 生產 消毒 液 包裝 等 產品 預計 今年 訂單 超過 去年 而 參加 會議 的 浙江省 副 省長 朱從玖 表示 浙江 應對 疫情 影響 和 困難 的 邏輯 思路 是 信心 政策 特別 措施 從 政府 到 企業 都 要 堅定信心 並 指出 相關 政策 支持力 道 會 進一步 加大 特別 措施 表示 的 是 省內 每一項 重點 工作 都 將 成立 工作 專 班</t>
    <phoneticPr fontId="1" type="noConversion"/>
  </si>
  <si>
    <t>台企 浙江省 臺灣 全球 大陸</t>
    <phoneticPr fontId="1" type="noConversion"/>
  </si>
  <si>
    <t>大陸 歡迎 盼 伊 推動 wto 必要 改革</t>
    <phoneticPr fontId="1" type="noConversion"/>
  </si>
  <si>
    <t>世貿組織 wto 於 日內 瓦 時間 2 月 15 日 任命 新任 秘書長 伊衛 拉 中國商務部 北京時間 15 日 晚 表示 中方 對 她 擔任 wto 總 幹事 充滿信心 並 期待 她 履 新 後 促進 wto 儘快恢復 正常 功能 推動 必要 改革 新華社 報導 中國商務部 世貿 司</t>
    <phoneticPr fontId="1" type="noConversion"/>
  </si>
  <si>
    <t>功能 大陸 中國 肺炎 必要 改革</t>
    <phoneticPr fontId="1" type="noConversion"/>
  </si>
  <si>
    <t>南韓 成功 壓 疫情 確診 關鍵 數字 曝 網 喊 太 狂</t>
    <phoneticPr fontId="1" type="noConversion"/>
  </si>
  <si>
    <t>疫情 升溫 三 款 兒童 保單 超前 部署</t>
    <phoneticPr fontId="1" type="noConversion"/>
  </si>
  <si>
    <t>事故 傷害 兒童 意外 險 保費 較 肺炎</t>
    <phoneticPr fontId="1" type="noConversion"/>
  </si>
  <si>
    <t>防疫 變 商機 到 旅館 異地 辦公 你 選 哪 一家</t>
    <phoneticPr fontId="1" type="noConversion"/>
  </si>
  <si>
    <t>桃園公佈確診者足跡 業者怨：政府都沒來消毒</t>
    <phoneticPr fontId="1" type="noConversion"/>
  </si>
  <si>
    <t>桃園 公佈 確診 者 足跡 業者 怨 政府 都 沒來 消毒</t>
    <phoneticPr fontId="1" type="noConversion"/>
  </si>
  <si>
    <t>桃園 市政府 17 日 召開 防疫 會議 首度 公佈 確診 者 足跡 其中 位於 桃園 站前 商 圈 的 薄 多義 桃園 店 上榜 轄區 桃園 區 文化 裡裡 長 歐陽瀚 不 諱言 直到 昨天 早上 接到 匿名 電話 才 知悉 轄內 有 確診 足跡 感歎 裡長 都 是 最後 一個 被告</t>
    <phoneticPr fontId="1" type="noConversion"/>
  </si>
  <si>
    <t>桃園 市政府 17 日 召開 防疫 會議 首度 公佈 確診 者 足跡 其中 位於 桃園 站前 商 圈 的 薄 多義 桃園 店 上榜 轄區 桃園 區 文化 裡裡 長 歐陽瀚 不 諱言 直到 昨天 早上 接到 匿名 電話 才 知悉 轄內 有 確診 足跡 感歎 裡長 都 是 最後 一個 被告 知 的 他 也 趕緊 透過 社 群 媒體 告知 鄰長 和 裡民 並 請 防疫 消毒 大隊 下午 來 店 內 和 附近 消毒 雖然 已 事 隔 1 周 但 只能 儘量 做 了 薄 多義 業者 則 不禁 怨 歎 15 日 曾接 獲 桃園 市 衛生局 通知 但 都說 還 在 檢驗 中 政府 沒有 來 消毒 也 沒 告知 店鋪 需要 如何 因應 有 問 才說 他們 只能 自己 先 請 廠商 全面 大 消毒 防範 直到 17 日 透過 媒體 才 知悉 9 日 有 確診 者 足跡 緊急 宣佈 停業 一 日 再度 大 消毒 薄 多義 業者 不 諱言 從 有 確診 足跡 到 真正 獲悉 已 持續 開業 一 周 無間斷 近 20 名 員工 只能 做好 自主 健康 管理 所幸 平時 都有 落實 防疫 規範 顧客 入 內也 要 量 體溫 戴 口罩 同仁 目前 都健康 無 虞 感歎 政府 可能 有 各種 顧慮 業者 只 能 做到 國民 應該 做 的 事 自我 保護 對此 新聞 處長 詹賀舜 不 諱言 第一時間 大規模 清 消 恐 造成 周邊 店家 緊張 因此 多 會 通知 業者 自己 先 消毒 環保局 則 會 在 深夜 或 清晨 人 少時 到 周邊 消毒 若 業者 擔憂 消毒 不 確實 也 能 通知 市府 幫忙 再度 消毒 詹 賀舜 提到 衛生局 同仁 在 第一時間 有 告知 店家 確診 情事 讓 店家 得以 因應 由於 衛生局 同仁 連夜 疫 調 在 說明 上 可能 略有 不 清 造成 店家 誤會 也 請 業者 見諒 並 謝謝 業者 有 良好 的 防疫 措施</t>
    <phoneticPr fontId="1" type="noConversion"/>
  </si>
  <si>
    <t>疫情 攪局 新光 金 延發 特別 股</t>
    <phoneticPr fontId="1" type="noConversion"/>
  </si>
  <si>
    <t>延長 發行 訂價 資本 特別 股</t>
    <phoneticPr fontId="1" type="noConversion"/>
  </si>
  <si>
    <t>京鼎 精密 9 日 啟動 快 篩 將 在 1 天內 完成 610 人</t>
    <phoneticPr fontId="1" type="noConversion"/>
  </si>
  <si>
    <t>目前 有 6 名 外籍 移 工 確診 的 京鼎 精密 公司 9 日 也 對 全棟 大樓 人員 進行 快 篩 包括 了 京鼎 本身 的 430 名 員工 以及 同 棟 大樓 承租 廠房 的 廠商 有 2 家 鴻 躍 及 葉成 另 有 180 名 員工 共 快 篩 610 人 將 在 1 天內 完成 京鼎 精密 科技 公司 隸屬</t>
    <phoneticPr fontId="1" type="noConversion"/>
  </si>
  <si>
    <t>別 怕 第 2 波 疫情 來 襲 墨比爾斯 已 進入 新 牛市</t>
    <phoneticPr fontId="1" type="noConversion"/>
  </si>
  <si>
    <t>雲林 芭 樂 攤 絕地 求生 滿 500 逆 天長 腿 比基尼 辣 模 親 送到 府</t>
    <phoneticPr fontId="1" type="noConversion"/>
  </si>
  <si>
    <t>違反 隔離 規定 會 情婦 英 傳染病 學家 辭職</t>
    <phoneticPr fontId="1" type="noConversion"/>
  </si>
  <si>
    <t>居家 檢疫 趴 趴 走 花女 回家 續 監控</t>
    <phoneticPr fontId="1" type="noConversion"/>
  </si>
  <si>
    <t>台 南市 發生 居家 檢疫 失 聯 事件 21 歲 的 花姓 女子 2 月 4 日 透過 小 三通 回到 臺灣 居家 隔離 到 19 日 期滿 她 卻 在 17 日 突然 失 聯 讓 防疫 人員 遍 尋 不 著 台南 市民 政局 昨日 傍晚 公佈 姓名 盼 全民 協 尋 並轉 介 警方 協助 找 人 警方 循線 追查</t>
    <phoneticPr fontId="1" type="noConversion"/>
  </si>
  <si>
    <t>台 南市 發生 居家 檢疫 失 聯 事件 21 歲 的 花姓 女子 2 月 4 日 透過 小 三通 回到 臺灣 居家 隔離 到 19 日 期滿 她 卻 在 17 日 突然 失 聯 讓 防疫 人員 遍 尋 不 著 台南 市民 政局 昨日 傍晚 公佈 姓名 盼 全民 協 尋 並轉 介 警方 協助 找 人 警方 循線 追查 發現 花女 在 16 日 下午 從 住處 搭 計程車 前往 台南 火車站 當晚 搭車 北上 還用 新手機 拍下 車票 傳 上網 警方 判斷 她 最後 落腳 新竹 17 日 晚間 6 時許 輾轉 聯絡 上 花女 花女 還 2 次 謊報 落腳處 讓 警方 撲空 第 3 次 才 乖乖 到 當地 派出所 等候 帶 回 新竹 警方 通報 消防隊 前來 協助 將 花女 轉送 醫院 進行 采 驗 南市 人員 驅車 北上 在 11 時 左右 到達 院方 原本 準備 將 花女 送往 隔離病房 經 評估 後 因 無 異狀 各項 指數 均 正常 在 18 日 淩晨 由 南市 人員 帶回 住處 面對 防疫 人員 詢問 花女 對 離家 過程 及 去處 一一 交代 對於 惹 出 這麼 大 的 風波 情緒 並 沒有 太 大 起伏 在 回程 車上 因為 太 過 疲 累 一路 睡 回 台南 若 接下來 的 2 天 沒有 狀況 她 將 可以 解除 居家 防疫 但 趴 趴 走 無視 禁令 得 面臨 重罰</t>
    <phoneticPr fontId="1" type="noConversion"/>
  </si>
  <si>
    <t>開箱 居家 檢疫 關懷 包 竟 有 超夯 聯名 口味 跟 防疫 神物</t>
    <phoneticPr fontId="1" type="noConversion"/>
  </si>
  <si>
    <t>洪榮宏 巡演 喊 卡 用 專輯 陪 粉絲 度過 疫情</t>
    <phoneticPr fontId="1" type="noConversion"/>
  </si>
  <si>
    <t>第 4 死 鑽石 公主 號 429 複航</t>
    <phoneticPr fontId="1" type="noConversion"/>
  </si>
  <si>
    <t>南莊鄉長、卓蘭景山裡裡長21日補選 選委會全面防疫</t>
    <phoneticPr fontId="1" type="noConversion"/>
  </si>
  <si>
    <t>南莊 鄉長 卓蘭 景山 裡裡 長 21 日 補選 選委會 全面 防疫</t>
    <phoneticPr fontId="1" type="noConversion"/>
  </si>
  <si>
    <t>南莊 鄉長 與 卓蘭鎮 景山 裡裡 長 補選 將 於 21 日 上午 8 時至 下午 4 時 舉行 投票 苗栗縣 選舉 委員會 為 有效 防止 疫情 將 依 中選會 規定 於 投票 所 外 開設 簡易 檢疫站 並 籲請 選民 配合 相關 防疫 措施 選委會 指出 民眾 應 依照 中央 選舉委員</t>
    <phoneticPr fontId="1" type="noConversion"/>
  </si>
  <si>
    <t>南莊 鄉長 與 卓蘭鎮 景山 裡裡 長 補選 將 於 21 日 上午 8 時至 下午 4 時 舉行 投票 苗栗縣 選舉 委員會 為 有效 防止 疫情 將 依 中選會 規定 於 投票 所 外 開設 簡易 檢疫站 並 籲請 選民 配合 相關 防疫 措施 選委會 指出 民眾 應 依照 中央選舉委員會 規範 投票 時 應 注意 呼吸道 衛生 咳嗽 禮節 有 發燒 咳嗽 呼吸道 症狀 者 應 配戴 口罩 並 與 他人 保持 1 公尺 以上 的 距離 若 有 身體 不 適應 盡 速 就醫 後 在 家 休息 居家 隔離 者 居家 檢疫 者 請 依 傳染病 防治法 規定 辦理 不得 進入 投票 所 投票 及 參觀 開票 21 日南 莊 鄉長 與 卓蘭鎮 景山 裡裡 長 補選 投票 當天 選委會 將 於 投票 所 外 開設 簡易 檢疫站 選民 配合 體溫 測量 幹 洗手 液 等 進行 初步 防疫 選委會 現場 並 提供 適量 口罩 提供 投 開票所 工作人員 及 發燒 孕婦 有 呼吸道 症狀 選舉人 使用 選委會 提醒 觀看 開票 程式 的 民眾 請 配戴 口罩 進入 前 也 需 先量 測體溫 有 發燒 症狀 不得 進入 籲請 投票 民眾 配合</t>
    <phoneticPr fontId="1" type="noConversion"/>
  </si>
  <si>
    <t>選委會 投票 口罩 症狀 發燒</t>
    <phoneticPr fontId="1" type="noConversion"/>
  </si>
  <si>
    <t>中國 美國 肺炎 病毒 墨爾本</t>
    <phoneticPr fontId="1" type="noConversion"/>
  </si>
  <si>
    <t>宏 捷 科 2 月 營 收 創 四 年 新高</t>
    <phoneticPr fontId="1" type="noConversion"/>
  </si>
  <si>
    <t>新 應用 成長 法人 宏 捷 科 強勁</t>
    <phoneticPr fontId="1" type="noConversion"/>
  </si>
  <si>
    <t>戶外運動 免 戴 罩 憂 成 破 口 柯文哲 邊境 管制 好 國內 可 更 鬆綁</t>
    <phoneticPr fontId="1" type="noConversion"/>
  </si>
  <si>
    <t>臺北市 長 柯文哲 曾 主張 打 2 劑 疫苗 可以 不 用 戴 口罩 中央 宣佈 明天 起 戶外運動 可不 戴 口罩 但 目前 第 2 劑 覆蓋率 還 很 低 恐怕 成為 破 口 柯 18 日 表示 臺灣 境內 沒有 什麼 感染 狀況 只要 邊境 管制 好 其實 是 不必 管 那麼 嚴 但要 逐步 微</t>
    <phoneticPr fontId="1" type="noConversion"/>
  </si>
  <si>
    <t>政 院 不是 每種 振興 抵 用 券 都 要 異地 使用</t>
    <phoneticPr fontId="1" type="noConversion"/>
  </si>
  <si>
    <t>政 院 即 將 推出 振興 抵 用 券 但 行政院長 蘇貞昌 日前 表示 不要 限制 異地 消費 比較 好 經濟部長 沈榮津 今天 又 說 只要 民眾 住宿 就 會 發放 外界 愈 聽 愈 花 不 知道 是否 要 異地 消費 行政院 發言人 kolas yotaka 表示 主要 是 抵 用 券 有</t>
    <phoneticPr fontId="1" type="noConversion"/>
  </si>
  <si>
    <t>政 院 即 將 推出 振興 抵 用 券 但 行政院長 蘇貞昌 日前 表示 不要 限制 異地 消費 比較 好 經濟部長 沈榮津 今天 又 說 只要 民眾 住宿 就 會 發放 外界 愈 聽 愈 花 不 知道 是否 要 異地 消費 行政院 發言人 kolas yotaka 表示 主要 是 抵 用 券 有 不同 設計 不是 每種 抵 用 券 都 要 異地 使用 政 院 推出 紓困 振興 上限 600億 的 方案 但 民眾 最 關心 的 就 是 切身 使用 的 振興 抵 用 券 但 對於 目前 政府 官員 的 說明 外界 還是 難以 理解 是不是 要 透過 國民 旅遊 住宿 才能 獲得 抵 用 券 kolas 下午 釋疑 強調 抵 用 券 確定 是 結合 國民 旅遊 但因 抵 用 券 的 使用 有 不同 的 設計 且 涉及 不同 產業 所以 有 不同 的 抵 用 方式 她 表示 不是 每 一 種 抵 用 券 都 一定 要 異地 使用 因為 這次 產業 別 比較 多 所以 抵 用 券 的 使用 也 比較 多元 不是 只 有 一 種 使用 方法</t>
    <phoneticPr fontId="1" type="noConversion"/>
  </si>
  <si>
    <t>串 門子 群 聚 延 燒 高 市 餐飲業 今 起 禁內 用</t>
    <phoneticPr fontId="1" type="noConversion"/>
  </si>
  <si>
    <t>fed 主席 美 經濟 恐 陷 衰退 但 我們 還有 很多 法寶</t>
    <phoneticPr fontId="1" type="noConversion"/>
  </si>
  <si>
    <t>現在 從 日 韓 回來 到底 要 不 要 檢疫 一 張 圖 秒 懂</t>
    <phoneticPr fontId="1" type="noConversion"/>
  </si>
  <si>
    <t>民眾 地區 三級 居家 檢疫 自主 健康 管理</t>
    <phoneticPr fontId="1" type="noConversion"/>
  </si>
  <si>
    <t>病例 越南 疑似病例 疾病 武漢</t>
    <phoneticPr fontId="1" type="noConversion"/>
  </si>
  <si>
    <t>全台 剩 不 到 百萬 人 可 打 莫德納 醫 籲 別 再 等 了 先 打 這個</t>
    <phoneticPr fontId="1" type="noConversion"/>
  </si>
  <si>
    <t>莫德納 疫苗 疫苗 第 九 類 az 混打</t>
    <phoneticPr fontId="1" type="noConversion"/>
  </si>
  <si>
    <t>大陸 權威 解讀 北京 突 爆 疫情 溯源 為何 重要</t>
    <phoneticPr fontId="1" type="noConversion"/>
  </si>
  <si>
    <t>首例 女 機師 莫德納 突破性 感染 2 子女 就讀 學校 緊急 停課 一 天</t>
    <phoneticPr fontId="1" type="noConversion"/>
  </si>
  <si>
    <t>突破性 感染 莫德納 az 華航 機師 諾 富特</t>
    <phoneticPr fontId="1" type="noConversion"/>
  </si>
  <si>
    <t>臺灣 進入 社區 感染 專家 這樣 看</t>
    <phoneticPr fontId="1" type="noConversion"/>
  </si>
  <si>
    <t>東京 確診 有 3 成都 是 年輕人 張上淳 和 疫苗 覆蓋率 低 有關</t>
    <phoneticPr fontId="1" type="noConversion"/>
  </si>
  <si>
    <t>年輕人 確診 張上淳 東京 3 成</t>
    <phoneticPr fontId="1" type="noConversion"/>
  </si>
  <si>
    <t>小黃 每月 補助 2000 元 直接 存 油 卡</t>
    <phoneticPr fontId="1" type="noConversion"/>
  </si>
  <si>
    <t>中油 加油 卡 補貼 肺炎 交通部</t>
    <phoneticPr fontId="1" type="noConversion"/>
  </si>
  <si>
    <t>防疫 小 撇 步 幼稚園 讓 小朋友 吃 點心 更 安全</t>
    <phoneticPr fontId="1" type="noConversion"/>
  </si>
  <si>
    <t>二 侖 鄉 幼稚園 為 預防 小朋友 突如其來 打鬧 口水 噴濺 或 咳嗽 確保 幼童 用餐 安全 日前 以 五顏六色 的 pp 板 作 隔板 小朋友 都 乖乖 配合 二 侖 鄉 立 幼稚園 表示 從 新聞報導 看到 中鋼 餐廳 以 隔板 防疫 決定 用 pp 板 做 用餐 隔板 上月 25 日</t>
    <phoneticPr fontId="1" type="noConversion"/>
  </si>
  <si>
    <t>二 侖 鄉 幼稚園 為 預防 小朋友 突如其來 打鬧 口水 噴濺 或 咳嗽 確保 幼童 用餐 安全 日前 以 五顏六色 的 pp 板 作 隔板 小朋友 都 乖乖 配合 二 侖 鄉 立 幼稚園 表示 從 新聞報導 看到 中鋼 餐廳 以 隔板 防疫 決定 用 pp 板 做 用餐 隔板 上月 25 日 開學 前 做 了 92 組 五顏六色 很 活潑 每 一個 都 貼 上 小朋友 的 名字 放在 固定 位置 用 完就 殺菌 消毒 園 方說 早上 點心 午餐 下午 點心 用餐 三 次 雖然 要 花 時間 組裝 但 非常 實用 有效 防阻 打噴嚏 咳嗽 噴 口水 小朋友 健康 安全 家長 更 安心</t>
    <phoneticPr fontId="1" type="noConversion"/>
  </si>
  <si>
    <t>疫情 續 升溫 美 確診 人數 破 1 100萬 大關</t>
    <phoneticPr fontId="1" type="noConversion"/>
  </si>
  <si>
    <t>陳美鳳 全裸 出 鏡 光溜 溜 泄 防疫 妙招</t>
    <phoneticPr fontId="1" type="noConversion"/>
  </si>
  <si>
    <t>陳美鳳 泡 澡 防疫 妙招 臺灣</t>
    <phoneticPr fontId="1" type="noConversion"/>
  </si>
  <si>
    <t>蔡 政府 要面子 卻 不顧 百姓 洛 杉 基 氣炸 國人 的 口罩 呢</t>
    <phoneticPr fontId="1" type="noConversion"/>
  </si>
  <si>
    <t>口罩 蔡 政府 洛杉基 國內 控管</t>
    <phoneticPr fontId="1" type="noConversion"/>
  </si>
  <si>
    <t>病例逐逼十萬 譚德賽開了宣佈大規模流行條件</t>
    <phoneticPr fontId="1" type="noConversion"/>
  </si>
  <si>
    <t>病例 逐 逼 十萬 譚德 賽 開 了 宣佈 大規模 流行 條件</t>
    <phoneticPr fontId="1" type="noConversion"/>
  </si>
  <si>
    <t>中 市 12 輪 第 1 階段 莫德納 2 劑 施打 免 預約 又 喊 卡</t>
    <phoneticPr fontId="1" type="noConversion"/>
  </si>
  <si>
    <t>接種 預約 快 打 站 市府 市民</t>
    <phoneticPr fontId="1" type="noConversion"/>
  </si>
  <si>
    <t>新北 確診 2 人 都 是 居 隔 轉 陽 侯友宜 今天 可算 0 確診</t>
    <phoneticPr fontId="1" type="noConversion"/>
  </si>
  <si>
    <t>新北 市 14 日 新增 確診 數 為 2 人 新北 市 侯友宜 14 日 表示 這 兩 人 都 是 居家 隔離 轉 陽 的 案件 可說 新北 今天 沒有 新增 個案 新北 市 從 5 月 22 日 的 384 例 用 了 54 天 走 到 今天 這 是 用 民眾 低度 活動 與 嚴重 經濟 衝擊 換來 的 但 他 強調 一 天</t>
    <phoneticPr fontId="1" type="noConversion"/>
  </si>
  <si>
    <t>侯友宜 居家 隔離 新北 市 陰轉陽 今天</t>
    <phoneticPr fontId="1" type="noConversion"/>
  </si>
  <si>
    <t>染 omicron 大多 40 歲 以下 重症 醫 曝 3 大 指標 症狀</t>
    <phoneticPr fontId="1" type="noConversion"/>
  </si>
  <si>
    <t>台中 4 人 打完 疫苗 過世 累計 達 34 人</t>
    <phoneticPr fontId="1" type="noConversion"/>
  </si>
  <si>
    <t>台中 市 連續 2 日 嘉玲 24 日 傳出 4 起疑 施打 疫苗 後 死亡 案例 迄今 累計 34 人 台中 市 衛生局長 曾 梓 展 指出 3 案例 將 通報 中央 厘 清 死亡 與 疫苗 的 相關性 另 公佈 南 投 埔裡 1 確診 個案 在 台中 的 疫 調 足跡 包括 4 家 旅館 及 逢甲 1 間 鞋</t>
    <phoneticPr fontId="1" type="noConversion"/>
  </si>
  <si>
    <t>台中 市 連續 2 日 嘉玲 24 日 傳出 4 起疑 施打 疫苗 後 死亡 案例 迄今 累計 34 人 台中 市 衛生局長 曾 梓 展 指出 3 案例 將 通報 中央 厘 清 死亡 與 疫苗 的 相關性 另 公佈 南 投 埔裡 1 確診 個案 在 台中 的 疫 調 足跡 包括 4 家 旅館 及 逢甲 1 間 鞋 店 請 環保局 派員 前往 清 消 台中 市 衛生局長 曾 梓 展 說 第 1 例 為 新 社區 1 名 85 歲 女性 有失 智 症 高血壓 病史 6 月 16 日 接種 疫苗 後 家人 發現 個案 健康狀況 較為 虛弱 持續 至 22 日 因 劇烈 嘔吐 送 急診 後 住院 23 日 因 低血壓 及 胃腸 道 出血 急救 無效 第 2 例 為 南區 1 名 63 歲 男性 有 洗 腎 3 高 曾因 心肌梗塞 心臟 有 裝 支架 病史 6 月 17 日 接種 疫苗 後 出現 身體 不適 及 抽筋 現象 23 日 家屬 下班 回家 發現 個案 已 過世 通報 119 及 員警 因 個案 已 明顯 死亡 故 未 送醫 救治 第 3 例 為 龍井 區 1 名 61 歲 男性 為 護理 之家 住 民 有 糖尿病 失 智 症 病史 6 月 16 日 接種 疫苗 24 日 機構 人員 發現 個案 吃 早餐 時 失去知覺 緊急 送醫 pcr 檢驗 為 陰性 急救 插管 時 發現 口腔 有 食物 殘留 急救 無效 死亡 第 4 例 為 沙鹿區 1 名 90 歲 女性 有 糖尿病 高血壓 中風 病史 6 月 17 日 接種 疫苗 後 無 異樣 今日 照 服 員 中午 送 餐 時 發現 其 倒 臥 在 廁所 已 無 生命 跡象 衛生局 指出 將 協助 家屬 提出 預防接種 受害 救濟 申請 協助 收集 相關 病歷 資料 送 中央 審議 若 確定 因 預防接種 致死 最高 將 給 付 600萬 元 救濟金</t>
    <phoneticPr fontId="1" type="noConversion"/>
  </si>
  <si>
    <t>台中 個案 過世 通報 疫苗</t>
    <phoneticPr fontId="1" type="noConversion"/>
  </si>
  <si>
    <t>一 采 出爐 海軍 敦睦 艦隊 15 澎 湖 官兵 皆 陰性</t>
    <phoneticPr fontId="1" type="noConversion"/>
  </si>
  <si>
    <t>敦睦 艦隊 陰性 澎 湖 馬公 采 檢</t>
    <phoneticPr fontId="1" type="noConversion"/>
  </si>
  <si>
    <t>保羅 nba 紀錄片 休息室 爵士</t>
    <phoneticPr fontId="1" type="noConversion"/>
  </si>
  <si>
    <t>外籍 移 工 入境 即 失 聯 屏 縣府 依法 開 罰 百萬</t>
    <phoneticPr fontId="1" type="noConversion"/>
  </si>
  <si>
    <t>一 名 外籍 移 工 3 月 18 日 自 高雄 小港 機場 入境 後 未 依 防疫 規定 進行 居家 檢疫 14 天 入境 當天 即 失 聯 於 4 月 16 日 尋 獲 後 隨即 送至 收容 處所 收容 屏 縣 衛生局 依 規定 開 罰 100萬 元 該 移 工 逾期 未 繳 4 月 30 日 已 移送 行政 執行 署屏 東 分署</t>
    <phoneticPr fontId="1" type="noConversion"/>
  </si>
  <si>
    <t>一 名 外籍 移 工 3 月 18 日 自 高雄 小港 機場 入境 後 未 依 防疫 規定 進行 居家 檢疫 14 天 入境 當天 即 失 聯 於 4 月 16 日 尋 獲 後 隨即 送至 收容 處所 收容 屏 縣 衛生局 依 規定 開 罰 100萬 元 該 移 工 逾期 未 繳 4 月 30 日 已 移送 行政 執行 署屏 東 分署 執行 屏 東 分署 表示 目前 該 名 外籍 移 工 被 收容 於 收容所 暫無 逃匿 之 虞 分署 將 密切注意 其 收容 期間 並 積極 追查 財產 狀況 如 發現 有 可供執行 財產 將 強力 執行 屏 縣府 衛生局 指出 縣 內 居家 檢疫 累計 至 今 共 2479 人 現 仍 有 143 人 在 檢疫 中 至於 居家 隔離 累計 154 人 22 人 仍 在 隔離 中 截至 目前 共有 11 人 因 違反 居家 檢疫 規定 遭 開 罰 總計 罰款 共 273萬 其中 有 人 外出 買 魚 有人 不放 心田 區 作物 外 出巡 田 還有 民眾 因 記 錯 出關 時間 皆 分別 遭 開 罰 10萬 元</t>
    <phoneticPr fontId="1" type="noConversion"/>
  </si>
  <si>
    <t>檢疫 移 工 居家 規定 外籍</t>
    <phoneticPr fontId="1" type="noConversion"/>
  </si>
  <si>
    <t>電腦設備 安勤 拼 q 3 營運 回 溫 醫療 產品 動能 看 旺</t>
    <phoneticPr fontId="1" type="noConversion"/>
  </si>
  <si>
    <t>工業 電腦廠 安 勤 3479 受 美國 投票 機 訂單 出 貨 遞 延 衝擊 2020 年 第二 季 營運 轉 淡 全年 展望 趨 守 不過 隨 著 歐洲 及 中國 大陸 需求 恢復 以及 醫療 產品 急 單 挹注 可望 填補 些許 缺口 法人 預期 6 月 營 收 與 5 月 相當 第二 季 營運 估</t>
    <phoneticPr fontId="1" type="noConversion"/>
  </si>
  <si>
    <t>全民 僅 3 接種 印度 因 疫苗 而 暴露 的 各種 不 平等</t>
    <phoneticPr fontId="1" type="noConversion"/>
  </si>
  <si>
    <t>年輕人 搭車 回 南部 老家 醫護 驚 拜 讬 2 種 人 停止 移動</t>
    <phoneticPr fontId="1" type="noConversion"/>
  </si>
  <si>
    <t>盧秀燕 入境 臺灣 隔離 口罩</t>
    <phoneticPr fontId="1" type="noConversion"/>
  </si>
  <si>
    <t>混打 該 選 bnt 或 莫德納 醫 給 答案 追求 保護 力就 選 它</t>
    <phoneticPr fontId="1" type="noConversion"/>
  </si>
  <si>
    <t>混打 az mrna 輝瑞 bnt 莫德納</t>
    <phoneticPr fontId="1" type="noConversion"/>
  </si>
  <si>
    <t>德國 經濟 gdp 跌幅 衰退</t>
    <phoneticPr fontId="1" type="noConversion"/>
  </si>
  <si>
    <t>nba 恩 比德 討厭 複賽 仍 會 全力以赴</t>
    <phoneticPr fontId="1" type="noConversion"/>
  </si>
  <si>
    <t>雖然 複賽 在即 但 並非 所有 球員 都站 在 支持 的 立場 七六 人 當家 中鋒 恩 比德 在 受訪 時 就 明白 表示 個人 立場 是 討厭 複賽 但 仍 會 參加 而且 會 全力以赴 恩 比德 說 今年 發生 了 太 多 事情 所以 選擇 在 此時 複賽 不是 一 件 正確 的 決定</t>
    <phoneticPr fontId="1" type="noConversion"/>
  </si>
  <si>
    <t>珠 澳 通關 防疫 升級 須持 12 小時 核 檢 陰性 證明</t>
    <phoneticPr fontId="1" type="noConversion"/>
  </si>
  <si>
    <t>觀光 股 晶 華 回應 自救 董監 不領 酬勞 主管 減 薪 3 成</t>
    <phoneticPr fontId="1" type="noConversion"/>
  </si>
  <si>
    <t>半導體 產業 2021 年 瞄準 5 g ai 車電 商 機 漢唐 兩岸 通 吃 訂單 水漲船高</t>
    <phoneticPr fontId="1" type="noConversion"/>
  </si>
  <si>
    <t>臺灣 中國 大陸 等 半 導體 大廠 為 迎戰 2021 年 5 g 車用 電子 需求 目前 正 進行 制程 升級 其中 台積電 日 月光 正 邁向 先進 制程 及 強化 封裝 產能 法人 看好 在 這 波 效應 下 通 吃 兩岸 半 導體 及 面板 大廠 廠務 設備 的 漢唐 2404 接 單將</t>
    <phoneticPr fontId="1" type="noConversion"/>
  </si>
  <si>
    <t>暢旺 法人 新廠 車 用電 子 日 月光</t>
    <phoneticPr fontId="1" type="noConversion"/>
  </si>
  <si>
    <t>握手 會 不 取消 日 女團 祭出 機械 假手 網 傻眼 是 在握 心酸</t>
    <phoneticPr fontId="1" type="noConversion"/>
  </si>
  <si>
    <t>第二 階段 徵用 1043 專責 病房 新北 坦言 醫療 量 能 確實 緊 繃</t>
    <phoneticPr fontId="1" type="noConversion"/>
  </si>
  <si>
    <t>專責 病房 新北 徵用 清 空 醫療 量 能</t>
    <phoneticPr fontId="1" type="noConversion"/>
  </si>
  <si>
    <t>為何 紐約 確診 暴 增 網 曝 完全 大染缸</t>
    <phoneticPr fontId="1" type="noConversion"/>
  </si>
  <si>
    <t>美國 反 封城 抗議 發起人 自己 確診 後 竟 又 上街 遭 網 民 炮轟</t>
    <phoneticPr fontId="1" type="noConversion"/>
  </si>
  <si>
    <t>買不到 口罩 正 妹 怒 飆 2 句 問候</t>
    <phoneticPr fontId="1" type="noConversion"/>
  </si>
  <si>
    <t>學生 打 疫苗 不適 如 超過 3 天 勞動部 防疫 照顧 假 必要 時 可延長</t>
    <phoneticPr fontId="1" type="noConversion"/>
  </si>
  <si>
    <t>雙層 觀光 巴士 祭 優惠 搶 客</t>
    <phoneticPr fontId="1" type="noConversion"/>
  </si>
  <si>
    <t>臺北 肺炎 徐浩源 北市 一 天</t>
    <phoneticPr fontId="1" type="noConversion"/>
  </si>
  <si>
    <t>何謂 校正 回歸 蕭彤雯 給 比喻 卻 被 罵 生氣 刪 文</t>
    <phoneticPr fontId="1" type="noConversion"/>
  </si>
  <si>
    <t>醫療 人員 便當 漲 10 元還 吃不飽 菜色 慘 輸 台商 隔離 所</t>
    <phoneticPr fontId="1" type="noConversion"/>
  </si>
  <si>
    <t>nba 詹皇 渴望 本 季 回歸 更 盼 有 觀眾</t>
    <phoneticPr fontId="1" type="noConversion"/>
  </si>
  <si>
    <t>在 nba 無限期 停賽 期間 仍 在 社 群 媒體 相當 活躍 的 湖 人 小 皇帝 詹姆斯 9 日 接受 視 訊 訪問 時 再次 放 話 我 很 樂意 迎接 本 季 的 正式 回歸 我們 的 狀態 能 在 複賽 後 開始 為 了 總 冠軍 而 戰 我 更 希望 能 有 球迷 在 觀眾席 上 的 比賽 但 我</t>
    <phoneticPr fontId="1" type="noConversion"/>
  </si>
  <si>
    <t>本 季 nba 複賽 詹姆斯 湖 人</t>
    <phoneticPr fontId="1" type="noConversion"/>
  </si>
  <si>
    <t>西門 町 全聯女 店員 確診 連上 3 天 10 小時 晚班 曾 接觸 消費者</t>
    <phoneticPr fontId="1" type="noConversion"/>
  </si>
  <si>
    <t>臺北市 今日 新增 9 例 確診 個案 其中 案 15426 曾 去 過 全聯 西門 町店 足跡 顯示 她 連續 3 天都 待 在 全聯 長達 10 多 小時 北市 副 市長 黃珊珊 證實 該 婦人 為 全聯女 員工 由於 先生 11 日 確診 因 此 被 匡為 居家 隔離 物件 但因 過去 的 確有 接</t>
    <phoneticPr fontId="1" type="noConversion"/>
  </si>
  <si>
    <t>臺北市 今日 新增 9 例 確診 個案 其中 案 15426 曾 去 過 全聯 西門 町店 足跡 顯示 她 連續 3 天都 待 在 全聯 長達 10 多 小時 北市 副 市長 黃珊珊 證實 該 婦人 為 全聯女 員工 由於 先生 11 日 確診 因 此 被 匡為 居家 隔離 物件 但因 過去 的 確有 接觸 消費者 因此 公佈 足跡 讓 民眾 警惕 北市 衛生局 下午 公佈 確診 個案 公共 場 域 活動 史 案 15426 為 一 名 婦人 15 日 采 檢 確診 曾於 6 日 7 日 的 中午 12 時 50 分到 下午 1 時 10 分 出入 萬華 廣州 街 機車行 6 日 到 8 日 時 也 曾 到 全聯 西門 町店 工作 時間 為 6 日 到 8 日 的 下午 1 點 到 深夜 11 點 半 時長 達 10 多 小時 共 匡列 接觸 者 5 人 黃珊珊 證實 該 婦人 為 全聯 店員 並說 她 先生 已 在 11 日 確診 因此 她 有 幾 天都 在 居家 隔離 目前 匡列 都 是 曾經 有 接觸 過 的 人 包括 機車行 老闆 和 一起 聊天 的 人 因為 她 當時 是在 居家 隔離 階段 所以 狀況 應該 沒有 發散 出去 但 她 的 確有 接觸 消費者 所以 才會 公佈 足跡 外界 關心 另 名 案 15424 明明 在 13 日 確診 為 何去 過 的 好 市 多 ikea 沒有 立即 停業 清 消 黃則 解釋 因為 該案 於 晚間 9 點 多才 被 通報 市府 第一時間 通知 業者 告知 有些 地方 待 得 久 危險性 較 高 也 說 該案 匡列 對象 皆 為 家 人 與 親密 接觸 者 並 沒有 職 場 或 公共 場 域 的 人 至於 好 市 多 收銀 員 為何 至今 尚未 接種 疫苗 北市 副 市長 蔡炳坤 則 解釋 大 賣 場 收銀 員 屬 第 7 類 施打 對象 是 由 中央 主管機關 也 就 是 經濟部 負責 造冊 再 媒 合 醫院 通知 接種</t>
    <phoneticPr fontId="1" type="noConversion"/>
  </si>
  <si>
    <t>藥局 買 口罩 薄 到 透光 他 實際 剪 開 一 看 竟 長 這樣</t>
    <phoneticPr fontId="1" type="noConversion"/>
  </si>
  <si>
    <t>打 疫苗 頻 傳 猝死 侯友宜 長者 施打 率 從 6 成 掉 到 47</t>
    <phoneticPr fontId="1" type="noConversion"/>
  </si>
  <si>
    <t>本土 疫情 嚴峻 各縣市 近日 已 陸續 對 轄內 85 歲 以上 長者 施打 疫苗 未 料 全台 卻 傳出 10 多 位 長者 施打 疫苗 後 猝死 的 案例 新北 市長 侯友宜 今 表示 前 2 天 施 打 率 接近 6 成 但 今日 施打 率 只 有 47 左右 不 到 5 成 相信 許多 長者 看 了 新</t>
    <phoneticPr fontId="1" type="noConversion"/>
  </si>
  <si>
    <t>本土 疫情 嚴峻 各縣市 近日 已 陸續 對 轄內 85 歲 以上 長者 施打 疫苗 未 料 全台 卻 傳出 10 多 位 長者 施打 疫苗 後 猝死 的 案例 新北 市長 侯友宜 今 表示 前 2 天 施 打 率 接近 6 成 但 今日 施打 率 只 有 47 左右 不 到 5 成 相信 許多 長者 看 了 新聞報導 後 有 受 影響 但 仍要 持續 觀察 將 研究 分析 原因 侯友宜 表示 昨天 跟前 天 施 打 率 將近 6 成 今天 施打 率 下來 只 有 47 左右 不 到 5 成 長者 施打 後 新聞媒體 報導 猝死 案例 相信 很多 長者 看 了 新聞 後 受到 影響 但 仍要 持續 觀察 研究 分析 但 施打 率 確實 比 前 2 天 低 從 6 成 掉 到 剩 不 到 5 成 事後 原因 仍要 好好 分析</t>
    <phoneticPr fontId="1" type="noConversion"/>
  </si>
  <si>
    <t>猝死 az 長者 施打 率 疫苗</t>
    <phoneticPr fontId="1" type="noConversion"/>
  </si>
  <si>
    <t>通信網 路 遠 傳 一 指點 點 餐 結 帳 防疫 高 一點</t>
    <phoneticPr fontId="1" type="noConversion"/>
  </si>
  <si>
    <t>台南 麻豆 區 89 歲 老翁 疑 接種 az 疫苗 後 身亡</t>
    <phoneticPr fontId="1" type="noConversion"/>
  </si>
  <si>
    <t>台南 市 新增 1 例 疑 似 疫苗 不良反應 的 死亡 案例 台南 麻豆 區 一 名 89 歲 老翁 16 日 上午 返回 戶籍地 大內 衛生所 接種 az 疫苗 隨後 回 麻豆 區 住所 當晚 出現 食欲不振 身體 不適 深夜 送醫 急診 19 日 不治 醫院 診斷 為 慢性 阻塞性 肺部</t>
    <phoneticPr fontId="1" type="noConversion"/>
  </si>
  <si>
    <t>北市 再 改 防疫 旅館 sop 有 疑 似 症狀 送醫 做 pcr 采 檢</t>
    <phoneticPr fontId="1" type="noConversion"/>
  </si>
  <si>
    <t>平安音樂會 台南在地嘻哈歌手大支將登臺</t>
    <phoneticPr fontId="1" type="noConversion"/>
  </si>
  <si>
    <t>平安 音樂會 台南 在 地 嘻 哈 歌手 大 支 將 登臺</t>
    <phoneticPr fontId="1" type="noConversion"/>
  </si>
  <si>
    <t>各國 防疫 慢吞吞 學學 中國 經驗</t>
    <phoneticPr fontId="1" type="noConversion"/>
  </si>
  <si>
    <t>大陸 肺炎 病毒 公共 衛生 疫情</t>
    <phoneticPr fontId="1" type="noConversion"/>
  </si>
  <si>
    <t>nba 戈貝爾 捐 50萬 美元 挽回 球迷 支持</t>
    <phoneticPr fontId="1" type="noConversion"/>
  </si>
  <si>
    <t>爵士 中鋒 戈貝爾 rudy gobert 在 公開 道歉 之後 正式 對 大眾 做出 補償 他 15 日 宣佈 捐 出 50萬 美元 約 台幣 1500萬 來 幫助 防疫 包括 支援 那些 因為 停賽 而 生計 受 影響 的 時薪 工作人員 他 慷慨 的 行為 讓 球迷 也 不好意思 再 罵 他 了 戈貝</t>
    <phoneticPr fontId="1" type="noConversion"/>
  </si>
  <si>
    <t>戈貝爾 rudy gobert 捐款 爵士 nba</t>
    <phoneticPr fontId="1" type="noConversion"/>
  </si>
  <si>
    <t>nba 瑞 弗斯 訝異 好多 人 不 戴 口罩</t>
    <phoneticPr fontId="1" type="noConversion"/>
  </si>
  <si>
    <t>七六 人 跨 年 夜 在 客場 痛宰 魔術 現場 開放 4000 位 球迷 進場 七六 人 總 教練 瑞 弗斯 doc rivers 對 當地人 防疫 的 鬆散 感到 不可思議 瑞 弗斯 說 我 實在 怕得要命 我 很 訝異 大家 對 疫情 毫不在乎 我 明白 球場 裡 只 開放 3000 多 人 滿</t>
    <phoneticPr fontId="1" type="noConversion"/>
  </si>
  <si>
    <t>聯 亞 疫苗 體內 抗體 ana 中和 抗體 楊志良</t>
    <phoneticPr fontId="1" type="noConversion"/>
  </si>
  <si>
    <t>居家 快 篩 搶 頭香 萊 鎂 醫 達亞 雙雙 漲 停 萊 鎂 醫 漲 到 熔斷</t>
    <phoneticPr fontId="1" type="noConversion"/>
  </si>
  <si>
    <t>國光 疫苗 臨床 試驗 第 1 波 受試者 已 施打 最 快 年底 量 產</t>
    <phoneticPr fontId="1" type="noConversion"/>
  </si>
  <si>
    <t>國內 自主 研發 疫苗 再 傳 新 進度 上周 甫 通過 食 藥 署 核准 進行 人體 試驗 的 國光 生 技 今天 宣佈 已 進行 第一 波 受試者 施打 過程 一切 平順 可望 按 計畫 於 十一月 底 進入 第二 期 臨床 試驗 最 快 年底 開始 量 產 國光 生 技 今天 召開 說明會 指</t>
    <phoneticPr fontId="1" type="noConversion"/>
  </si>
  <si>
    <t>國內 自主 研發 疫苗 再 傳 新 進度 上周 甫 通過 食 藥 署 核准 進行 人體 試驗 的 國光 生 技 今天 宣佈 已 進行 第一 波 受試者 施打 過程 一切 平順 可望 按 計畫 於 十一月 底 進入 第二 期 臨床 試驗 最 快 年底 開始 量 產 國光 生 技 今天 召開 說明會 指出 第一 期 臨床 收 案 人數 共約 七十 人 目的 在於 測試 疫苗 安全性 本 周 已 有 第一 波 受試者 進行 施打 過程 相當 平順 國光 生 技 董事長 詹啟賢 表示 第一 期 疫苗 人體 試驗 與 台大醫院 合作 計畫由 台大醫學院 教授 張上淳 主持 對象 為 二十 至 六十 歲 的 健康 成年人 目前 仍 在 持續 收 案 中 若 第一 期 試驗 順利 通過 詹啟賢 說 接下來 將 與 食 藥 署 討論 但 按 規劃 十一月 進行 的 第二 期 臨床 試驗 收 案 人數 將 達 三千 人 合作 對象 將 不再 僅 限 台大醫院 估計 全台 醫學 中心 都會 參與 進入 臨床 試驗 第一 期 後 國光 生 技 也 表示 臺灣 在 全球 的 疫苗 競賽 中 擠 進前 20詹啟賢 指出 這 一切 關鍵在於 國光 生 技 早 在 二零一五 年 就 建立 重組 蛋白 技術 平臺 並於 去年 完成 量 產 h 7 n 9 重組 蛋白 疫苗 的 準備 才 有 辦法 迎頭趕上 國際 詹 啟賢 說 若 順利 明年 農曆 年前 就 可以 生產 一 批 一百五十萬 劑 的 疫苗 優先 供 國內 第一 線 醫護人員 施 打</t>
    <phoneticPr fontId="1" type="noConversion"/>
  </si>
  <si>
    <t>亞馬遜 業務 前景 亮 眼 股價 再創新高</t>
    <phoneticPr fontId="1" type="noConversion"/>
  </si>
  <si>
    <t>想買 防疫 商品 客 超 狂 問 法 笑 翻 全網</t>
    <phoneticPr fontId="1" type="noConversion"/>
  </si>
  <si>
    <t>15日就宣佈八大行業停業 竹市男21日到員林「按摩」確診</t>
    <phoneticPr fontId="1" type="noConversion"/>
  </si>
  <si>
    <t>15 日 就 宣佈 八大 行業 停業 竹市 男 21 日 到 員林 按摩 確診</t>
    <phoneticPr fontId="1" type="noConversion"/>
  </si>
  <si>
    <t>彰 化 員林 秀 妃 養生 館 感染 再 擴大 今天下午 新竹 市長 林智堅 證實 新竹 1 名 50 歲 男子 21 日 曾 到 秀 妃 消費 昨天 采 檢 今 確診 目前 已 匡列 4 人 隔離 但 明明 15 日 就 三級 警戒 八大 行業 停業 卻 能 在 21 日 消費 確診 令人不解 轄區 警方 表示</t>
    <phoneticPr fontId="1" type="noConversion"/>
  </si>
  <si>
    <t>nba 有 夠 倒 楣 英雄 哥 才 告 複出 又 被 隔離</t>
    <phoneticPr fontId="1" type="noConversion"/>
  </si>
  <si>
    <t>熱火 希洛 nba 隔離 吉米巴特勒</t>
    <phoneticPr fontId="1" type="noConversion"/>
  </si>
  <si>
    <t>實至名歸 中天 王牌 氣象 主 播 戴立綱 獲 2019 最佳 氣象 主 播 獎</t>
    <phoneticPr fontId="1" type="noConversion"/>
  </si>
  <si>
    <t>上知 天文 下 知 地理 中天 新聞 氣象 團隊 王牌 氣象 主 播 戴立綱 因 播報 專業 預測 精准 解說 氣象 接 地氣 廣受 觀眾 喜愛 優質 表現 獲 財團法人 氣象 應用 推廣 基金會 評選 為 2019 年度 最佳 氣象 主 播 該 協會 自 2015 年 起 每</t>
    <phoneticPr fontId="1" type="noConversion"/>
  </si>
  <si>
    <t>免疫 長期 未 激發 恐 成 免疫 負債 醫師 籲 接種 流感疫苗</t>
    <phoneticPr fontId="1" type="noConversion"/>
  </si>
  <si>
    <t>華銀 主辦 裕 融 聯 貸 案 簽約</t>
    <phoneticPr fontId="1" type="noConversion"/>
  </si>
  <si>
    <t>新 台幣 企業 能源 主辦 華南銀行</t>
    <phoneticPr fontId="1" type="noConversion"/>
  </si>
  <si>
    <t>骨牌效應 新北 市 潑水節 等 大型活動 全 喊 卡</t>
    <phoneticPr fontId="1" type="noConversion"/>
  </si>
  <si>
    <t>萬金石 馬拉松 昨 宣佈 停辦 各地 盛事 跟 著 拉 警報 據 瞭解 即將 在 4 月 登場 的 新北 市 潑水節 確定 取消 實體 活動 改 采 線 上 舉辦 4 月 的 鐵道 馬拉松 雖 已 報名 收費 觀 旅 局 考量 同為 馬拉松 性質 正 研 議 是否 停辦 緊接著 7 月 新北 市</t>
    <phoneticPr fontId="1" type="noConversion"/>
  </si>
  <si>
    <t>萬金石 馬拉松 昨 宣佈 停辦 各地 盛事 跟 著 拉 警報 據 瞭解 即將 在 4 月 登場 的 新北 市 潑水節 確定 取消 實體 活動 改 采 線 上 舉辦 4 月 的 鐵道 馬拉松 雖 已 報名 收費 觀 旅 局 考量 同為 馬拉松 性質 正 研 議 是否 停辦 緊接著 7 月 新北 市 河海 音樂季 恐 跟 著 延後</t>
    <phoneticPr fontId="1" type="noConversion"/>
  </si>
  <si>
    <t>防疫 千 元 補償 金 23 日 開放 申請</t>
    <phoneticPr fontId="1" type="noConversion"/>
  </si>
  <si>
    <t>雙北 確診 炸 鍋 陳時中 不 蓋方 艙 醫院 王任賢 痛駡 搞不清楚 狀況</t>
    <phoneticPr fontId="1" type="noConversion"/>
  </si>
  <si>
    <t>衛福部 昨日 宣佈 與 高端 簽訂 500萬 劑 疫苗 採購 合約 遭 不少 朝野 立 委 質疑 有 炒股 嫌疑 綠 委 陳亭妃 今日 表示 這 都 是 傳言 炒股 的 說法 也 太 狹隘 我 自己 也 沒有 買 陳亭妃 指出 在野黨 從 az 疫苗 進口 就 開始 唱 衰 到 現在 又 說 高端</t>
    <phoneticPr fontId="1" type="noConversion"/>
  </si>
  <si>
    <t>桃園 美容 美髮 停業 新北 不 跟進 會 嚴加 稽查 管制</t>
    <phoneticPr fontId="1" type="noConversion"/>
  </si>
  <si>
    <t>桃園 市 宣佈 美容 美髮業 6 月 4 日 至 14 日 停止 營業 新北 市 副 市長 劉和然 說 美容 美髮 屬 民生 需求 行業 也 有 很多 人 靠 這 份 工作 生活 必須 審慎 小心 目前 經發局 已 訂 定 營業 規則 市府 會 嚴加 稽查 管制 防疫 若 做好 不會 要求 停業</t>
    <phoneticPr fontId="1" type="noConversion"/>
  </si>
  <si>
    <t>桃園 市 宣佈 美容 美髮業 6 月 4 日 至 14 日 停止 營業 新北 市 副 市長 劉和然 說 美容 美髮 屬 民生 需求 行業 也 有 很多 人 靠 這 份 工作 生活 必須 審慎 小心 目前 經發局 已 訂 定 營業 規則 市府 會 嚴加 稽查 管制 防疫 若 做好 不會 要求 停業 經 發 局長 何怡明 表示 市府 26 日 即 公告 美容 美髮 營業 守則 包括 須采 預約 制 避免 久候 造成 群 聚 另外 服務 人員 須 全程 戴 口罩 另外 健康 管理 與 酒精 消毒 都 有 規定 何 怡 明 也 說 美容 美髮 顧客 口罩 規範 脫下 口罩 希望 能 立即 戴 上 另外 服務 時間 不要 拖 相關 器械 剪刀 工具 使用 前後 都 要 消毒 因為 是 民生 服務 需求 希望 能夠 維持 營業 侯友宜 也 說 各 行業 要 把 防疫 做到 落實 無法 落實 會 更 嚴格 管理</t>
    <phoneticPr fontId="1" type="noConversion"/>
  </si>
  <si>
    <t>國人 關注 疫苗 何時 取得 施打 蘇貞昌 會 陸續 抵達</t>
    <phoneticPr fontId="1" type="noConversion"/>
  </si>
  <si>
    <t>新 港股 狂 飆 近 八成 恒生 科技 指數 基 金搶商 機</t>
    <phoneticPr fontId="1" type="noConversion"/>
  </si>
  <si>
    <t>全新 恒生 科技 指數 香港 牟宗 堯 資本 市場</t>
    <phoneticPr fontId="1" type="noConversion"/>
  </si>
  <si>
    <t>今日 無 新 增 病例 累計 419 人 解 隔離</t>
    <phoneticPr fontId="1" type="noConversion"/>
  </si>
  <si>
    <t>海地 零 確診 打算 也 跟 著 封鎖 全國</t>
    <phoneticPr fontId="1" type="noConversion"/>
  </si>
  <si>
    <t>熱門 族群 2020 宅 經濟 發酵 智 冠 橘子 營 收 皆 成長</t>
    <phoneticPr fontId="1" type="noConversion"/>
  </si>
  <si>
    <t>智冠 橘子 宅 經濟 遊戲 新幹線 宇峻</t>
    <phoneticPr fontId="1" type="noConversion"/>
  </si>
  <si>
    <t>超贊 國內 連 5 天 零 確診 防疫 五月 天 齊秀 5零 杯蓋</t>
    <phoneticPr fontId="1" type="noConversion"/>
  </si>
  <si>
    <t>新北 板橋 幼稚園 6 日 爆 群 聚 感染 且 預期 確診 數 還 會 再 增加 加上 長 榮 3 名 機師 及 機師 兒 也 都 確診 感染力 極 強 的 delta 變異 株 使得 臺灣 疫情 再度 拉 警報 對此 資深 媒體 人 李豔秋 直言 這 波 疫情 有 3 個 問題 讓 人 感到 憂心 對於 民進</t>
    <phoneticPr fontId="1" type="noConversion"/>
  </si>
  <si>
    <t>港 小開 求 來 台 避難 她 1 句 話 霸氣 回 嗆</t>
    <phoneticPr fontId="1" type="noConversion"/>
  </si>
  <si>
    <t>行動 茶 車 百 款 套套 任 客 挑 外 送 茶 隨機 連結 高雄 警 歎 要錢 不要命</t>
    <phoneticPr fontId="1" type="noConversion"/>
  </si>
  <si>
    <t>本土 疫情 肆虐 全台 進入 三級 警戒 為 避免 八大 行業 成為 防疫 破 口 高雄 警方 祭 鐵腕 斷開 人 與 人 的 連結 無奈 依舊 有 色情 業 提供 外 送 茶 行動 茶 車 服務 而且 車上 準備 近百 個 保險 套 供 客人 挑選 讓 警方 直 搖頭 大</t>
    <phoneticPr fontId="1" type="noConversion"/>
  </si>
  <si>
    <t>茶花女 賣淫 茶 車 保險 套 外 送 茶</t>
    <phoneticPr fontId="1" type="noConversion"/>
  </si>
  <si>
    <t>抗 疫 新 觀點 富 邦 人壽 法定 傳染病 加倍 給付</t>
    <phoneticPr fontId="1" type="noConversion"/>
  </si>
  <si>
    <t>住院 醫療 保險金 肺炎 保險金 失 能 身故</t>
    <phoneticPr fontId="1" type="noConversion"/>
  </si>
  <si>
    <t>鄭秀文 做到 老 學到老 停工 當 防疫 義 工</t>
    <phoneticPr fontId="1" type="noConversion"/>
  </si>
  <si>
    <t>工作 口罩 肺炎 澳洲 物資</t>
    <phoneticPr fontId="1" type="noConversion"/>
  </si>
  <si>
    <t>混打 一定 要 拿 az 當 第 1 劑 莫德納 不行 嗎 10 大 疑慮 名醫 解析</t>
    <phoneticPr fontId="1" type="noConversion"/>
  </si>
  <si>
    <t>國際 經濟 法國 財長 今年 gdp 估 萎縮 11 前景 更 艱難</t>
    <phoneticPr fontId="1" type="noConversion"/>
  </si>
  <si>
    <t>法國 財長 經濟 gdp 萎縮</t>
    <phoneticPr fontId="1" type="noConversion"/>
  </si>
  <si>
    <t>美 媒 爆 料 2021 棒球 經典 賽 取消</t>
    <phoneticPr fontId="1" type="noConversion"/>
  </si>
  <si>
    <t>大 聯盟 棒球 經典 賽 wbc 美國 2021</t>
    <phoneticPr fontId="1" type="noConversion"/>
  </si>
  <si>
    <t>睽 違 3 個 月 桃 機首 見 轉機 客</t>
    <phoneticPr fontId="1" type="noConversion"/>
  </si>
  <si>
    <t>轉機 班機 旅客 長 榮 機場</t>
    <phoneticPr fontId="1" type="noConversion"/>
  </si>
  <si>
    <t>《產業》臺北花園酒店 啟動12年最大改裝計畫</t>
    <phoneticPr fontId="1" type="noConversion"/>
  </si>
  <si>
    <t>產業 臺北 花園酒店 啟動 12 年 最 大 改裝 計 畫</t>
    <phoneticPr fontId="1" type="noConversion"/>
  </si>
  <si>
    <t>臺北 花園酒店 花園 大酒店 營 收 住房 率 平均 房價</t>
    <phoneticPr fontId="1" type="noConversion"/>
  </si>
  <si>
    <t>mlb 夫妻 都 是 投手 洋基 王牌 寇爾 喜獲 麟 兒</t>
    <phoneticPr fontId="1" type="noConversion"/>
  </si>
  <si>
    <t>洋基隊 新 王牌 寇爾 gerrit cole 的 第 一個 小孩 在 7 月 3 日 出世 了 是 個 健康 的 男嬰 取名為 caden 寇爾 說 母子 都 很 平安 他 很 強壯 頭髮 有點 淡 非常 可愛 有 藍色 的 大 眼睛 讓 我 捨不得 移 開 視線 現年 29 歲 的 寇爾 在 2016 年</t>
    <phoneticPr fontId="1" type="noConversion"/>
  </si>
  <si>
    <t>寇爾 洋基 大 聯盟 投手 mlb</t>
    <phoneticPr fontId="1" type="noConversion"/>
  </si>
  <si>
    <t>9 條 口罩 生產線 本 周 上線 3 月中 後 生產線 全開</t>
    <phoneticPr fontId="1" type="noConversion"/>
  </si>
  <si>
    <t>生產線 口罩 上線 3 月 生產</t>
    <phoneticPr fontId="1" type="noConversion"/>
  </si>
  <si>
    <t>背光 模 組 廠 2 月 業績 不妙</t>
    <phoneticPr fontId="1" type="noConversion"/>
  </si>
  <si>
    <t>中 光電 肺炎 節能 淡季 背光 模 組 廠</t>
    <phoneticPr fontId="1" type="noConversion"/>
  </si>
  <si>
    <t>服務處 幫 你 爭取 到 台南 傳 接種 個 資 外泄 再 爆 疫苗 被 染 上 政治 色彩</t>
    <phoneticPr fontId="1" type="noConversion"/>
  </si>
  <si>
    <t>台南 傳出 接種 疫苗 個 資 疑 似 外泄 風波 市府 27 日 偕同 台南 市 診所 協會 代表 醫師 張富全 台南 市 醫師公會 共同 發表 聲明 強調 衛生局 各區 衛生所 及 各 醫療 院所 對於 個人資料 的 蒐集 處理 或 利用 將 秉 持 最 嚴謹 態度 除 依法 律 規</t>
    <phoneticPr fontId="1" type="noConversion"/>
  </si>
  <si>
    <t>疫苗 個 資 外泄 台南 衛生局 接種 流感疫苗</t>
    <phoneticPr fontId="1" type="noConversion"/>
  </si>
  <si>
    <t>他 憂 delta 遲早 侵 台 應 及早 部署 網 搖頭 歎 只能 心理準備</t>
    <phoneticPr fontId="1" type="noConversion"/>
  </si>
  <si>
    <t>嘉市宣佈進入準三級防疫 夜市攤販至28日禁止設攤</t>
    <phoneticPr fontId="1" type="noConversion"/>
  </si>
  <si>
    <t>嘉市 宣佈 進入 准 三級 防疫 夜市 攤販 至 28 日 禁止 設攤</t>
    <phoneticPr fontId="1" type="noConversion"/>
  </si>
  <si>
    <t>基隆 成功 市場 再 添 6 攤 商 確診 仁愛 市場 受 波及 今晚 休 市</t>
    <phoneticPr fontId="1" type="noConversion"/>
  </si>
  <si>
    <t>變種 病毒 威力 強 英國 可能 延後 解封</t>
    <phoneticPr fontId="1" type="noConversion"/>
  </si>
  <si>
    <t>趁 目前 調整 買入 龍頭 科技 股</t>
    <phoneticPr fontId="1" type="noConversion"/>
  </si>
  <si>
    <t>肺炎 投資 增長 買入 外 賣</t>
    <phoneticPr fontId="1" type="noConversion"/>
  </si>
  <si>
    <t>臺北市辦公租金漲好兇 漲幅叫我亞太第一</t>
    <phoneticPr fontId="1" type="noConversion"/>
  </si>
  <si>
    <t>臺北市 辦公 租金 漲 好凶 漲幅 叫 我 亞太 第一</t>
    <phoneticPr fontId="1" type="noConversion"/>
  </si>
  <si>
    <t>抗 疫 期間 宅 經濟 產業 發 威</t>
    <phoneticPr fontId="1" type="noConversion"/>
  </si>
  <si>
    <t>業績 手 遊 如 鈊 象 肺炎 貨運</t>
    <phoneticPr fontId="1" type="noConversion"/>
  </si>
  <si>
    <t>16 縣 市 禁 中秋 戶外 烤肉 各地 停辦 活動 一 次 看</t>
    <phoneticPr fontId="1" type="noConversion"/>
  </si>
  <si>
    <t>20 12 更新 中秋 連 假 將 屆 而 中秋 相聚 民眾 最愛 烤肉 賞月 但 受到 國籍 航空 3 名 機師 發生 突破性 感染 且 還是 傳染 力 最高 的 delta 變異 病毒 加上 新北 板橋 幼稚園 爆發 15 人 大規模 群 聚 讓 各 地方 政府 神經 緊 繃 目前 新北 市 桃園</t>
    <phoneticPr fontId="1" type="noConversion"/>
  </si>
  <si>
    <t>烤肉 中秋 活動 各縣市 中秋節 團聚</t>
    <phoneticPr fontId="1" type="noConversion"/>
  </si>
  <si>
    <t>5 日 疫苗 補給 到 陳其邁 保證 下週一 定 打得 到</t>
    <phoneticPr fontId="1" type="noConversion"/>
  </si>
  <si>
    <t>高市 陳其邁 疫苗 施打 民眾</t>
    <phoneticPr fontId="1" type="noConversion"/>
  </si>
  <si>
    <t>中秋 連 假 後 學生 接種 bnt 侯友宜 體育課 改為 靜態</t>
    <phoneticPr fontId="1" type="noConversion"/>
  </si>
  <si>
    <t>中秋 連 假 將 至 新北 將 在 連 假 結束 後 安排 學生 施打 bnt 疫苗 新北 市長 侯友宜 說 目前 可 接種 的 疫苗 有 az 莫德納 bnt 校園 和 非 校園 專案 高端 相關 接種 時間 物件 都會 公佈 在 市政府 衛生局 網站 本月 15 日 至 下月 2 日 都 會 有</t>
    <phoneticPr fontId="1" type="noConversion"/>
  </si>
  <si>
    <t>中秋 連 假 將 至 新北 將 在 連 假 結束 後 安排 學生 施打 bnt 疫苗 新北 市長 侯友宜 說 目前 可 接種 的 疫苗 有 az 莫德納 bnt 校園 和 非 校園 專案 高端 相關 接種 時間 物件 都會 公佈 在 市政府 衛生局 網站 本月 15 日 至 下月 2 日 都 會 有 疫苗 接種 針對 校園 bnt 接種 侯友宜 也 叮嚀 接種 學生 少 奔波 睡眠 充足 不 熬夜 不 空腹 多喝水 放 輕鬆 有 狀況 立即 回報 師長 老師 將 會 每節課 定時 關心 另外 各 校園 體育課 接種 後 2 周內 也 會 改 成 靜態 課程 另外 若 接種 學生 出現 連續 發燒 超過 48 小時 嚴重 過敏 反應 胸 痛心 悸 呼吸 急促 運動 耐受 不良 等 反應 時 務必 立即 就醫</t>
    <phoneticPr fontId="1" type="noConversion"/>
  </si>
  <si>
    <t>接種 學生 bnt 校園 中秋 連 假</t>
    <phoneticPr fontId="1" type="noConversion"/>
  </si>
  <si>
    <t>臺灣 權王 營運 績優 聯 茂 華通 權 證 衝鋒</t>
    <phoneticPr fontId="1" type="noConversion"/>
  </si>
  <si>
    <t>績優 大陸 華通 營運 肺炎</t>
    <phoneticPr fontId="1" type="noConversion"/>
  </si>
  <si>
    <t>北農 10 例 確診 竟 零 匡列 接觸 議員 爆 沒 1 例 是 同心圓 篩 出</t>
    <phoneticPr fontId="1" type="noConversion"/>
  </si>
  <si>
    <t>新冠肺炎疫情影響 三星S20在臺上市記者會改線上直播</t>
    <phoneticPr fontId="1" type="noConversion"/>
  </si>
  <si>
    <t>南韓 電子 大廠 三星 samsung 在 2 月中 旬 正式 發表 了 三 款 galaxy s 20 系列 以及 galaxy z flip 可 折疊 螢 幕 手機 其中 後者 已經 率先 在 台 限量 開 賣 根據 臺灣 三星 官方 公佈 的 資訊 galaxy s 20 系列 在 臺上 市 計畫 的 記者會 將 罕見</t>
    <phoneticPr fontId="1" type="noConversion"/>
  </si>
  <si>
    <t>1 分鐘 讀 財經 公股 穩 行情 連 2 日 護 盤 買超 抗 通 膨 抗跌 雙 題材 股</t>
    <phoneticPr fontId="1" type="noConversion"/>
  </si>
  <si>
    <t>采 檢 調查 肺炎 莊人祥 社區</t>
    <phoneticPr fontId="1" type="noConversion"/>
  </si>
  <si>
    <t>台中 八大 行業 實 名 制 首 夜 太平 警方 強勢 臨檢</t>
    <phoneticPr fontId="1" type="noConversion"/>
  </si>
  <si>
    <t>關懷 據點 防疫 再 升級 中 市 暫停 健康 促進 活動</t>
    <phoneticPr fontId="1" type="noConversion"/>
  </si>
  <si>
    <t>關懷 健康 社區 活動 長輩</t>
    <phoneticPr fontId="1" type="noConversion"/>
  </si>
  <si>
    <t>孕婦 第二 劑 疫苗 被 登錄 混打 高端 北市 衛生局 揭 原因</t>
    <phoneticPr fontId="1" type="noConversion"/>
  </si>
  <si>
    <t>今 5 日 傳出 一 名 孕婦 要 施打 第二 劑 莫德納 時 卻 被 預約 的 醫院 告知 第二 劑 疫苗 已 被 完成 登錄 且 是 混打 高端 令 她 心急 地 直奔 疾 管署 尋求 協助 對此 北市 衛生局 表示 該 名 孕婦 打 第一 劑 莫德納 時 院方 接種 名冊 上傳 異常</t>
    <phoneticPr fontId="1" type="noConversion"/>
  </si>
  <si>
    <t>不 甩 川普 推薦 了 美 cdc 偷 刪 奎寧 使用指南</t>
    <phoneticPr fontId="1" type="noConversion"/>
  </si>
  <si>
    <t>首例 醫生 感染 鄭文燦 為何 急 露臉 名醫 點出 關鍵</t>
    <phoneticPr fontId="1" type="noConversion"/>
  </si>
  <si>
    <t>李連傑57歲生日在家過 許願希望在疫情中大家團結</t>
    <phoneticPr fontId="1" type="noConversion"/>
  </si>
  <si>
    <t>李連傑 57 歲 生日 在家 過 許願 希望 在 疫情 中 大家 團結</t>
    <phoneticPr fontId="1" type="noConversion"/>
  </si>
  <si>
    <t>聯 茂 牧德 募 資 有驚無險</t>
    <phoneticPr fontId="1" type="noConversion"/>
  </si>
  <si>
    <t>投資人 認購 牧德 國巨 萬 股</t>
    <phoneticPr fontId="1" type="noConversion"/>
  </si>
  <si>
    <t>全英 居家 隔離 工地 卻 照 開工 工會 政客 罵 翻</t>
    <phoneticPr fontId="1" type="noConversion"/>
  </si>
  <si>
    <t>英國政府 祭出 全民 居家 隔離 以 防疫 除 了 少數 行業 外 全國 幾乎 陷入 停 擺 但 新 措施 上路 2 天 以來 亂象 不斷 地鐵 車廂 依舊 塞 爆 人潮 而 大家 幾乎 都 沒有 戴 口罩 由於 營建 類 工作 並未 名列 在 首相 強森 的 停工 範圍 內 強森 政府 面臨</t>
    <phoneticPr fontId="1" type="noConversion"/>
  </si>
  <si>
    <t>英國政府 祭出 全民 居家 隔離 以 防疫 除 了 少數 行業 外 全國 幾乎 陷入 停 擺 但 新 措施 上路 2 天 以來 亂象 不斷 地鐵 車廂 依舊 塞 爆 人潮 而 大家 幾乎 都 沒有 戴 口罩 由於 營建 類 工作 並未 名列 在 首相 強森 的 停工 範圍 內 強森 政府 面臨 的 壓力 日增 來自 工會 勞工 和 朝野 政治 人物 認為 應 停止 不 重要 的 工地 工作 以免 病毒 散播 但 衛生 大臣 漢考克 昨天 聲稱 那些 無法 在家 工作者 就 應該 出門 上班 以 維持 國家 持續 運作 只要 工人 之間 保持 2 公尺 距離 在 工地 的 工作 就 可 照常進行 但 反對 者 強調 公眾 健康 應該 擺在 經濟 之上 保守黨 前 內閣 官員 史密斯 認為 大部分 的 營建 工人 都 不該 出門 工作 只要 留下 緊急 需求 就 可 大 曼徹斯特 市 的 工黨 籍 市長 伯恩翰 認為 政府 的 決定 顯然 是 基於 經濟 理由</t>
    <phoneticPr fontId="1" type="noConversion"/>
  </si>
  <si>
    <t>進出 武漢 百萬 人潮 恐 爆 2 度 疫情 嚴控 市民 外出</t>
    <phoneticPr fontId="1" type="noConversion"/>
  </si>
  <si>
    <t>本 周 起 封鎖 76 天 的 武漢 正式 解除 聯 外交 通 大量 被 封在 外省 的 武漢人 陸續 返回 困 在 武漢 的 外地人 也 趕緊 安排 返鄉 面對 這一來 一往 的 數 百萬 人潮 大陸 官方 繃緊神經 要求 武漢 市民 儘量 不 要 外出 做好 社區 防疫 管理 外地 返回</t>
    <phoneticPr fontId="1" type="noConversion"/>
  </si>
  <si>
    <t>藍委 主張 修訂 紓困 條例 每人 發 6000 元 現金 振興 經濟</t>
    <phoneticPr fontId="1" type="noConversion"/>
  </si>
  <si>
    <t>紓困 政府 現金 經濟 臺灣</t>
    <phoneticPr fontId="1" type="noConversion"/>
  </si>
  <si>
    <t>600億 紓困 救急 降 稅 才 是 強心劑</t>
    <phoneticPr fontId="1" type="noConversion"/>
  </si>
  <si>
    <t>美國 營運 肺炎 計畫 建立</t>
    <phoneticPr fontId="1" type="noConversion"/>
  </si>
  <si>
    <t>立 委 收 海量 陳情 訊息 國軍 爆 睡覺 用 保鮮 膜 當 隔板 百 人 共 餐 千 人 合唱</t>
    <phoneticPr fontId="1" type="noConversion"/>
  </si>
  <si>
    <t>川普 確診 4 天 出院 醫師 痛駡 疫 q 零蛋</t>
    <phoneticPr fontId="1" type="noConversion"/>
  </si>
  <si>
    <t>如何 抓 出 社區 無 症狀 感染者 檢驗 方法 曝光</t>
    <phoneticPr fontId="1" type="noConversion"/>
  </si>
  <si>
    <t>東京單日確診降至個位數 前臺大醫：能否與台旅遊泡泡？</t>
    <phoneticPr fontId="1" type="noConversion"/>
  </si>
  <si>
    <t>東京 單日 確診 降 至 個 位數 前臺 大 醫 能否 與 台 旅遊 泡泡</t>
    <phoneticPr fontId="1" type="noConversion"/>
  </si>
  <si>
    <t>林氏 璧 東京 旅遊 泡泡 確診 數 日本</t>
    <phoneticPr fontId="1" type="noConversion"/>
  </si>
  <si>
    <t>逐 洞 賽 摩爾 投 顧 分析 師鐘崑 禎</t>
    <phoneticPr fontId="1" type="noConversion"/>
  </si>
  <si>
    <t>華 新科 世紀 鋼 國巨 摩爾 投 顧 分析 師</t>
    <phoneticPr fontId="1" type="noConversion"/>
  </si>
  <si>
    <t>為 企業 輸血 武漢 推 200億 人 幣 定向 紓困 資金</t>
    <phoneticPr fontId="1" type="noConversion"/>
  </si>
  <si>
    <t>大陸 武漢市 為 對 個體 工商戶 復工 複產 複市 增加 政策 支持力 道 18 日 推出 關於 積極 應對 疫情 影響 加大 對 個體 工商戶 扶持 力度 的 政策措施 設立 200億 元 人民幣 下同 貸款額度 的 定向 紓困 資金 對 在 今年底 之前 的 金融機構 向</t>
    <phoneticPr fontId="1" type="noConversion"/>
  </si>
  <si>
    <t>大陸 武漢市 為 對 個體 工商戶 復工 複產 複市 增加 政策 支持力 道 18 日 推出 關於 積極 應對 疫情 影響 加大 對 個體 工商戶 扶持 力度 的 政策措施 設立 200億 元 人民幣 下同 貸款額度 的 定向 紓困 資金 對 在 今年底 之前 的 金融機構 向 個體 工商戶 發放 優惠 貸款 給予 貼息 並 鼓勵 比照 小 微 企業 信貸 支援 政策 延伸 至 個體 工商 用 真金 白銀 替 企業 商戶 輸血 據 第一 財經 報導 在 減免 租金 方面 該 政策措施 規定 對 承租 國有資產 類 經營 用 房 的 個體 工商戶 3 個 月 房租 免收 6 個 月 房租 減半 並 鼓勵 非 國有資產 出租人 為 個體 工商戶 減免 租金 而 社保 費用 減免 和緩 繳 部分 免征 以 單位 方式 參保 的 個體 工商戶 今年 2 至 6 月 的 基本 養老保險 失業 保險 工傷 保險單 位 元 繳費 減半 徵收 2 至 6 月 的 醫療保險 單位 繳費 此外 個體 工商戶 可 在 年內 緩繳 社保 緩繳 期限 原則 上 不 超過 6 個 月 並 免 收 滯納金</t>
    <phoneticPr fontId="1" type="noConversion"/>
  </si>
  <si>
    <t>bnt 即將 開 打 洪 孟 楷 3 點 提醒</t>
    <phoneticPr fontId="1" type="noConversion"/>
  </si>
  <si>
    <t>2 度 延 簽 外 配得 回 母國 換 證 越 婿憂 強迫 出境 成 防疫 破 口</t>
    <phoneticPr fontId="1" type="noConversion"/>
  </si>
  <si>
    <t>比照 sars 時期 阿 扁 親自 調動 軍醫 體系 時 力 蔡 總統 請 站上 第一線</t>
    <phoneticPr fontId="1" type="noConversion"/>
  </si>
  <si>
    <t>杏 昌 生 醫 銷售 陽 壓 呼吸器 高昌</t>
    <phoneticPr fontId="1" type="noConversion"/>
  </si>
  <si>
    <t>患者 治療 醫院 療法 血液</t>
    <phoneticPr fontId="1" type="noConversion"/>
  </si>
  <si>
    <t>林青霞 自 曝 已 打 大陸 科興 疫苗 9 字 形容 後續 效果</t>
    <phoneticPr fontId="1" type="noConversion"/>
  </si>
  <si>
    <t>金門 防疫 再 升級 機場 電眼 攔截 病毒</t>
    <phoneticPr fontId="1" type="noConversion"/>
  </si>
  <si>
    <t>高雄金 芭 黎 舞廳 突 遭 臨檢 疫情 升溫 八大 場所 被 緊 盯</t>
    <phoneticPr fontId="1" type="noConversion"/>
  </si>
  <si>
    <t>因 護 國 舞 小姐 而 聲名大噪 的 高雄金 芭 黎 舞廳 昨晚 突然 遭到 臨檢 原來 是 基隆 確診 婦 曾隨 進香團 到 高雄 活動 為 防止 疫情 延 燒 經方 特別 針對 密閉式 空間 的 八大 特種 場所 加強 臨檢 宣導 避免 成為 防疫 破 口 去年初 一 名 台商 確</t>
    <phoneticPr fontId="1" type="noConversion"/>
  </si>
  <si>
    <t>北市 疫苗 接種 一團亂 西園 醫院 一 日 三 變 長輩 傻眼</t>
    <phoneticPr fontId="1" type="noConversion"/>
  </si>
  <si>
    <t>臺北市 萬 華區 西園 醫院 昨日 晚間 發佈 緊急通知 表示 無法 如期 收到 疫苗 原訂 16 日 上午 接種 疫苗 被迫 暫停 請 該 時段 預約 的 長者 在家 等 通知 再來 醫院 施打 疫苗 沒 想到 西園 醫院 今 早 突然 又 在 官網 發出 公告 指 疫苗 已於 早上 到 院</t>
    <phoneticPr fontId="1" type="noConversion"/>
  </si>
  <si>
    <t>臺北市 萬 華區 西園 醫院 昨日 晚間 發佈 緊急通知 表示 無法 如期 收到 疫苗 原訂 16 日 上午 接種 疫苗 被迫 暫停 請 該 時段 預約 的 長者 在家 等 通知 再來 醫院 施打 疫苗 沒 想到 西園 醫院 今 早 突然 又 在 官網 發出 公告 指 疫苗 已於 早上 到 院 開放 原先 預約 的 長者 施打 打 不 打 疫苗 連 三 變 西園 醫院 昨 15 日 晚間 於臉書 公告 指出 今 16 日 原 排定 萬 華區 忠 德里 和 德里 85 歲 長 者 的 接種 疫苗 因 疫苗 未能 配送 到 院 16 日 上午 暫停 施打 下午 需 待 疫苗 派送 到貨 再 由 裡長 廣播 通知 接種 請 兩 裡 長者 先 在家 靜候 通知 沒 想到 今 早 西園 醫院 又 再度 於官網 表示 疫苗 已於 早上 到 院 開放 萬 華區 忠 德里 和 德里 85 歲 長者 如期 施打 上午 場 報到 時間 至 11 時 30 分 下午 場 報到 時間 為 14 時至 16 時 30 分 對此 臺北市政府 發言人 陳智菡 澄清 針對 臺北市 西園 醫院 張貼 公告 指出 因臺北市衛生局 疫苗 配送 不及 故 需 取消 今日 上午 的 接種 服務 絕無此事 北 市府 會 於 昨晚 或 今日 上午 開始 配送 疫苗 且 全 臺北 28 家 醫院 做法 一致 陳 智菡 說 昨日 下午 在 會議 上 西園 醫院 代表 表示 希望 提前 市府 現場 即已 明確 告知 全市 做法 應 一致 衛生局 將 統一 配送 疫苗 以 避免 混亂 西園 醫院 當時 即已 清楚 此 訊息 西園 醫院 逕自 更改 時程 向 裡民 廣 宣 準備 不及 卻 又 卸責 於 北 市府 的 說法 已 嚴重 誤導 視聽 北 市府 深表遺憾 特此 聲明 向 各界 釋疑 至於 尚未 預約 接種 的 85 歲 以上 長者 仍 請 依 通知單 時間 赴 醫院 依序施 打 疫苗 即可 各院 疫苗 皆 已 分配 完成 本市 85 歲 以上 長者 皆 可 接種 無須 擔心 疫苗 不足 影響 權益</t>
    <phoneticPr fontId="1" type="noConversion"/>
  </si>
  <si>
    <t>等等 會 送 疫苗 過去 藥師 等 10 小時 氣炸 沖 衛生局 一 看 超 心酸</t>
    <phoneticPr fontId="1" type="noConversion"/>
  </si>
  <si>
    <t>等等 會 送 疫苗 過去 臺北市立聯合醫院 中興 院區 的 藥劑 科 主任 翁紹恩 表示 從 下午 1 點 等到 晚間 8 點 仍 等 不 到 疫苗 再次 接到 電話 只 換來 對方 一 句 今日 不 送 了 讓 他 氣 得 直接 沖到 臺北市衛生局 沒 想到 卻 看到 科員 各個 忙 進</t>
    <phoneticPr fontId="1" type="noConversion"/>
  </si>
  <si>
    <t>hank 夫妻 肺炎 湯姆漢克 澳洲</t>
    <phoneticPr fontId="1" type="noConversion"/>
  </si>
  <si>
    <t>信 民 播 客 龍 觀點 肺炎 病毒 源自 美國 日本 臺灣 有人 這麼 說 中國 學者 打 臉 應該 在 武漢</t>
    <phoneticPr fontId="1" type="noConversion"/>
  </si>
  <si>
    <t>汽車 旅館 不 通報 人 與 人 連結 最重 勒令 關門</t>
    <phoneticPr fontId="1" type="noConversion"/>
  </si>
  <si>
    <t>通報 旅 宿 汽車 旅館 罰 則 人 與 人 連結</t>
    <phoneticPr fontId="1" type="noConversion"/>
  </si>
  <si>
    <t>北市 3 線 1 星 督察 與 外勤 警 搶 打 疫苗 市 警 局 說話 了</t>
    <phoneticPr fontId="1" type="noConversion"/>
  </si>
  <si>
    <t>工研院攜手新竹台大分院建置「生理訊號即時監測整合平臺」</t>
    <phoneticPr fontId="1" type="noConversion"/>
  </si>
  <si>
    <t>工研院 攜手 新竹 台 大 分院 建置 生理 訊號 即時 監測 整合 平臺</t>
    <phoneticPr fontId="1" type="noConversion"/>
  </si>
  <si>
    <t>即時 監測 工研院 新竹 台 大 分院 訊號 整合 平臺</t>
    <phoneticPr fontId="1" type="noConversion"/>
  </si>
  <si>
    <t>第二 波 疫情 襲來 北京 0 確診 破 功 連 3 日 新增 確診 病例</t>
    <phoneticPr fontId="1" type="noConversion"/>
  </si>
  <si>
    <t>市場 北京 本土 病例 關閉 確診</t>
    <phoneticPr fontId="1" type="noConversion"/>
  </si>
  <si>
    <t>長 榮 超 狂 班 表 曝光 空服 員 哭 哪裡 缺 打工 小妹</t>
    <phoneticPr fontId="1" type="noConversion"/>
  </si>
  <si>
    <t>確診 印尼 看護 直播 新北 衛生局 違法 之 虞已 要求 下 架</t>
    <phoneticPr fontId="1" type="noConversion"/>
  </si>
  <si>
    <t>看護 違法 傳染病 病 患 研究</t>
    <phoneticPr fontId="1" type="noConversion"/>
  </si>
  <si>
    <t>亞太 恐 爆 大規模 社區 傳染</t>
    <phoneticPr fontId="1" type="noConversion"/>
  </si>
  <si>
    <t>亞洲 肺炎 傳播 感染 社區</t>
    <phoneticPr fontId="1" type="noConversion"/>
  </si>
  <si>
    <t>高市 今日 3 確診 小港 家庭 群 聚 感染 疑 母親節 聚餐 惹禍</t>
    <phoneticPr fontId="1" type="noConversion"/>
  </si>
  <si>
    <t>金沙酒店 再 2 非 人 與 人 的 連結 也 中獎</t>
    <phoneticPr fontId="1" type="noConversion"/>
  </si>
  <si>
    <t>桃園 地區 規模 最 大 的 金沙酒店 有 小姐 確診 引發 酒客 恐慌 今天 20 日 與 金沙酒店 相關 確診 案例 增加 2 名 包括 一 名 酒店 女 員工 案 2705 以及 一 名 自述 住 附近 的 女性 案 2604 因 經常 在 該 區域 附近 出沒 且 出現 咳嗽 發</t>
    <phoneticPr fontId="1" type="noConversion"/>
  </si>
  <si>
    <t>桃園 地區 規模 最 大 的 金沙酒店 有 小姐 確診 引發 酒客 恐慌 今天 20 日 與 金沙酒店 相關 確診 案例 增加 2 名 包括 一 名 酒店 女 員工 案 2705 以及 一 名 自述 住 附近 的 女性 案 2604 因 經常 在 該 區域 附近 出沒 且 出現 咳嗽 發燒 等 症狀 安排 采 檢 後 確診 桃園 新增 17 起 確診 案例 其中 金沙酒店 增加 2 起 確診 案例 新聞 處長 詹賀舜 指出 其中 一 位 是 30 幾 歲 的 女 工作人員 案 2705 本來 就 已 匡列 確診 另 一 位 40 幾 歲 的 女性 案 2604 非 金沙 的 員工 也 不在 匡列 名單 但 她 自述 常在 熱區 附近 出沒 且 出現 咳嗽 發燒 等 症狀 安排 采 檢 後 確診 一 名 在 金沙酒店 上班 的 20 多 歲 小姐 案 2344 昨 確診 消息 傳出 引發 酒客 恐慌 外界 擔憂 成為 超級 傳播 者 對此 桃園 市長 鄭文燦 表示 去年 一 名 住 在 桃園 在 臺北 工作 的 酒店 女 公關 確診 總共 匡列達 160 人 這次 金沙酒店 小姐 確診 匡列 的 人數 應該 沒有 上 一 次 那麼 多 桃園 衛生局 經過 一 輪 疫 調 匡列 50 人 苗栗 的 足跡 和 疫 調 則 由 苗栗 負責 會 儘快 完成 采 檢 跟 隔離 作業 市府 還 會 持續 進行 只要 有 風險 就 會 納入 匡列 也 會 視 實際 的 醫療 情況 來 擴大 中 時 新聞網 關心 您 飲酒 過量 有礙 健康 中 時 新聞網 關心 您 開車 不 喝酒 喝酒 不 開車</t>
    <phoneticPr fontId="1" type="noConversion"/>
  </si>
  <si>
    <t>護航 台 積 電 6 大 外資 信心 喊話</t>
    <phoneticPr fontId="1" type="noConversion"/>
  </si>
  <si>
    <t>手上 塵埃落定 花旗 環球 證券 肺炎 台積電</t>
    <phoneticPr fontId="1" type="noConversion"/>
  </si>
  <si>
    <t>末日 博士 警告 今年 陸 經濟 不妙 gdp 面臨 恐怖 數字</t>
    <phoneticPr fontId="1" type="noConversion"/>
  </si>
  <si>
    <t>北市 地下街 爆 群 聚 感染 醫 要 更 注意 這 地方</t>
    <phoneticPr fontId="1" type="noConversion"/>
  </si>
  <si>
    <t>mwc 停辦 oppo find x 2 發表會 延至 三月 具體 時間 待 確</t>
    <phoneticPr fontId="1" type="noConversion"/>
  </si>
  <si>
    <t>mwc mwc 2020 oppo findx 手機</t>
    <phoneticPr fontId="1" type="noConversion"/>
  </si>
  <si>
    <t>台塑 六輕 廠 傳 約 聘 人員 確診 數 百 位 員工 預防 性 快 篩</t>
    <phoneticPr fontId="1" type="noConversion"/>
  </si>
  <si>
    <t>日本 超級 電腦 模擬 飛沫傳染 室外 隔 1 5 公尺 也 非 安全 無 虞</t>
    <phoneticPr fontId="1" type="noConversion"/>
  </si>
  <si>
    <t>震撼彈！酷航宣佈停飛　</t>
    <phoneticPr fontId="1" type="noConversion"/>
  </si>
  <si>
    <t>震撼 彈 酷 航 宣佈 停 飛</t>
    <phoneticPr fontId="1" type="noConversion"/>
  </si>
  <si>
    <t>新北 今 接種 率 58 非在 籍 者 18 日 施 打 疫苗</t>
    <phoneticPr fontId="1" type="noConversion"/>
  </si>
  <si>
    <t>新北 市 今 對 85 歲 以上 在籍 長者 全面 施打 疫苗 新北 市長 侯友宜 今 表示 今日 接種 率 約 為 58 接近 預估 的 施打 率 目前 已 規劃 非在 籍 85 歲 以上 長者 在 18 日 接受 施打 即日起 至 17 日 下午 5 時 可向 裡 辦公室 或 區公所 填寫 意願 調查表</t>
    <phoneticPr fontId="1" type="noConversion"/>
  </si>
  <si>
    <t>新北 市 今 對 85 歲 以上 在籍 長者 全面 施打 疫苗 新北 市長 侯友宜 今 表示 今日 接種 率 約 為 58 接近 預估 的 施打 率 目前 已 規劃 非在 籍 85 歲 以上 長者 在 18 日 接受 施打 即日起 至 17 日 下午 5 時 可向 裡 辦公室 或 區公所 填寫 意願 調查表 侯友宜 說 今 疫苗 數量 有 9922 劑 實際 接種 量 為 5790 劑 在 看到 疫苗 施打 率 後 市府 就 開始 做 規劃 已 計畫 18 日 提供 非在 籍 施打 從 今天 開始 至 17 日 下午 5 時 非在 籍 長者 可向 裡 辦公室 或 區公所 填寫 意願 調查表 將 由 區公所 公佈 通知 時間 及 地點 前往 接種 而 這 3 天 沒有 施 打的 在籍 長者 也 可以 直接 前往 施打 侯友宜 補充 原本 預估 的 施打 率 是 6 成 因此 沒有 差 太 多 今日 疫苗 施 打的 秩序 也 相當 良好 目前 沒有 接到 長者 施打 反應 不良 的 狀況 今天 還 會 做 細節 檢討 但 明天 還 是 會 照 這個 方式</t>
    <phoneticPr fontId="1" type="noConversion"/>
  </si>
  <si>
    <t>股 債 波動 大 首選 多重 資產</t>
    <phoneticPr fontId="1" type="noConversion"/>
  </si>
  <si>
    <t>策略 美 股 肺炎 確定性 採取</t>
    <phoneticPr fontId="1" type="noConversion"/>
  </si>
  <si>
    <t>不怪 兒 帶病毒 回家 重症 婦 插管 前 叮囑 若 媽媽 沒醒 別 自責</t>
    <phoneticPr fontId="1" type="noConversion"/>
  </si>
  <si>
    <t>半 導體 晶 心 科 risc-v 收割期 近 了 看 准 陸 商 機 明年 投資 不 手軟</t>
    <phoneticPr fontId="1" type="noConversion"/>
  </si>
  <si>
    <t>晶 心 科 6533 耕耘 risc-v 多年 預計 明年 risc-v 授權 金 權利 金 將 會 開始 貢獻 總經理 林志明 表示 2021 年 晶 心 科 會 做 更 多 的 研發 投資 新 產品 會 陸續 出來 且 隨 著 大陸 全力 衝刺 半導體 自製 比重 晶 心 科 也 看到 了 很多 機會 會 積</t>
    <phoneticPr fontId="1" type="noConversion"/>
  </si>
  <si>
    <t>五 福 營 收 毛利率 營益 率 獲利</t>
    <phoneticPr fontId="1" type="noConversion"/>
  </si>
  <si>
    <t>擔心 無 症狀 感染 又 排 不 到 快 篩 醫 曝 關鍵 解法</t>
    <phoneticPr fontId="1" type="noConversion"/>
  </si>
  <si>
    <t>洗完 手 再 噴 酒精 醫 恐 讓 防疫 破 功</t>
    <phoneticPr fontId="1" type="noConversion"/>
  </si>
  <si>
    <t>高雄港 3 貨輪 爆 船員 確診 295 名 接觸 者 pcr 結果 出爐</t>
    <phoneticPr fontId="1" type="noConversion"/>
  </si>
  <si>
    <t>第 十 輪 bnt 開 打 遭 放生 藍 議員 揭 25 歲 年輕人 慘 況</t>
    <phoneticPr fontId="1" type="noConversion"/>
  </si>
  <si>
    <t>機組員 未 接種 檢疫 變 7 7 機師 喊 吃不消 疫苗 不夠 怎麼 打</t>
    <phoneticPr fontId="1" type="noConversion"/>
  </si>
  <si>
    <t>機組員 檢疫 期 機師 施打 疫苗 班表</t>
    <phoneticPr fontId="1" type="noConversion"/>
  </si>
  <si>
    <t>歐洲 疫情 肆虐 瑞士 將 全國 進入 緊急狀態</t>
    <phoneticPr fontId="1" type="noConversion"/>
  </si>
  <si>
    <t>東京 奧運 今天 首度 傳出 選手村 內 有 選手 確診 南非 足球 協會 說 確診 者 是 南非國家 足球隊 的 2 名 隊員 與 1 名 影片 分析 師 晚間 傳出 又 1 名 南非 橄欖球 隊 教練 確診 日本放送協會 nhk 報導 日本 東奧 暨 帕 運 組織委員會 今天 公佈 提</t>
    <phoneticPr fontId="1" type="noConversion"/>
  </si>
  <si>
    <t>北市 聯 醫 松 德 院區 傳 員工 看護 確診 院方 該案 住 萬 華區</t>
    <phoneticPr fontId="1" type="noConversion"/>
  </si>
  <si>
    <t>臺北市立聯合醫院 松 德 院區 傳出 有 員工 和 看護 確診 對此 松德 院區 證實 不是 院內 感染 員工 是 住 在 萬華 另 因為 松德 院區 主要 是 精神疾病 專責 醫院 所以 看護 目前 已 轉 由 其他 院區 協助 處理 松德 院區 院長 楊添圍 受訪 時 證實 的</t>
    <phoneticPr fontId="1" type="noConversion"/>
  </si>
  <si>
    <t>日本 疫情 持續 升溫 今 21 日 沖繩縣 新增 207 例 確診 創 當地 新高 紀錄 日本政府 決定 將 沖繩縣 納入 緊急 事態 宣言 物件 地區 近日 根據 日本 媒體 的 報導 24 歲 日本 藝人 新田 真 劍 佑 原定 上週五 14 日 要到 美國 拍攝 新片 不料 在 出發</t>
    <phoneticPr fontId="1" type="noConversion"/>
  </si>
  <si>
    <t>補習班 容留 人數 未 鬆綁 業者 大喊 難 生存</t>
    <phoneticPr fontId="1" type="noConversion"/>
  </si>
  <si>
    <t>新聞 早班車 who 顧問 稱 全球 2 3 人口 會 被 傳染</t>
    <phoneticPr fontId="1" type="noConversion"/>
  </si>
  <si>
    <t>花博設 莫德納 隨 到 隨 打 接種 送 百 元 禮 券 北 市府 一定 打得 到</t>
    <phoneticPr fontId="1" type="noConversion"/>
  </si>
  <si>
    <t>臺北市 即日起 至 11 日 在 花博 爭 豔 館 開設 隨 到 隨 打 疫苗 接種 站 每天 上午 與 下午 各 準備 500 劑 莫德納 疫苗 副 市長 蔡炳 坤錶 示 配合 中央 政策 民眾 21 日前 接種 莫德納都 可獲 百 元 禮 券 若 施 打人 潮 湧現 花 博 場地 會 隨時 追加 疫</t>
    <phoneticPr fontId="1" type="noConversion"/>
  </si>
  <si>
    <t>臺北市 即日起 至 11 日 在 花博 爭 豔 館 開設 隨 到 隨 打 疫苗 接種 站 每天 上午 與 下午 各 準備 500 劑 莫德納 疫苗 副 市長 蔡炳 坤錶 示 配合 中央 政策 民眾 21 日前 接種 莫德納都 可獲 百 元 禮 券 若 施 打人 潮 湧現 花 博 場地 會 隨時 追加 疫苗 增加 打 線 人 到 了 就 一定 打得 到 儘量 滿足 民眾 需求 花 博 今 起 開設 莫德納 隨 到 隨 打 接種 站 蔡炳坤 上午 前往 視察 指出 早上 先 準備 500 劑 下午 也 有 500 劑 會 視 情況 追加 臺北 車站 第 1 天 開設 起初 人數 也 不 多 民眾 知道 後 施打 意願 逐漸 增加 市府 會 做 好 相關 準備 發放 號碼牌 讓 民眾 放心 不用 趕時間 看看 3 天 達成 情況 若 民眾 有 需要的話 會 再 延長 只要 人 到 了 就 一定 打得 到 儘量 滿足 民眾 需求 蔡炳 坤錶 示 中央 要求 30 項 場所 人員 在 17 日前 須 接種 2 劑 疫苗 中央 1922 預約 系統 雖然 媒 合 率 不 高 但 仍 可 運用 另外 是 醫院 花博 隨 到 隨 打 他 說 16 日 開始 要 進 學校 接種 bnt 目前 北市 有 1000 多 位 教職員工 因為 各種 原因 還 沒 打 滿 2 劑 市府 正 在 媒 合 醫院 到 學校 順便 幫 教職員工 打 莫德納 或 所 需要 的 疫苗 蔡炳坤 透露 今天 有 一 批 490 劑 疫苗 到期 應該 可以 接種 完畢 12 日 有 1064 劑 到期 市府 皆 有 監控 務必 在 屆期 內 完成 接種 21 日 則 有 2萬5000 多 劑 要 到期 配合 中央 政策 21 日前 接種 莫德納 疫苗 都 可獲 百 元 禮 券 他 呼籲 民眾 可 選擇 到 花博 接種 離 捷 運 站 非常 近 動 線 流暢 花博 的 好處 是 可以 只 打 1 條 線 要 打 18 條 線 也 可以 這裡 的 空間規劃 最 靈活 人 多 人 少 都 可以 配合</t>
    <phoneticPr fontId="1" type="noConversion"/>
  </si>
  <si>
    <t>萬象 舞廳 再 申請 全台 首 張 舞廳 職業工會 牌照 為 八大 員工 發聲</t>
    <phoneticPr fontId="1" type="noConversion"/>
  </si>
  <si>
    <t>市場 爆 恐怖 多殺多 2 只 黑 天鵝 驚 泄 結局</t>
    <phoneticPr fontId="1" type="noConversion"/>
  </si>
  <si>
    <t>美 股 俄羅斯 opec 道 瓊 美 債</t>
    <phoneticPr fontId="1" type="noConversion"/>
  </si>
  <si>
    <t>竹縣增 4 例 本土 確診 1 名 60 多 歲 男 住 機構 感染 源 不明</t>
    <phoneticPr fontId="1" type="noConversion"/>
  </si>
  <si>
    <t>新竹 縣 疫情 升溫 新竹 縣長 楊文科 26 日 宣佈 新增 4 名 確診 者 其中 案 6099 為 60 多 歲 男性 為 長期 住 在 機構 中 感染 源 不明 仍 需 疫 調 厘 清 新竹 縣 衛生局 已經 匡列 接觸 者 194 人 仍 在 持續 采 檢 調查 中 26 日 新增 的 確診 者 包含 案</t>
    <phoneticPr fontId="1" type="noConversion"/>
  </si>
  <si>
    <t>取代 譚 德塞 美 前 官員 川普 應 推 台 專家 任 who 秘書長</t>
    <phoneticPr fontId="1" type="noConversion"/>
  </si>
  <si>
    <t>南韓 淪陷 確診 破 千 孔劉 秀 智 宋康昊 眾 大 咖 捐 億 元抗 疫</t>
    <phoneticPr fontId="1" type="noConversion"/>
  </si>
  <si>
    <t>遭 隔離 近 1 個 月 解禁 魔術師 迫不及待 想 做 這事</t>
    <phoneticPr fontId="1" type="noConversion"/>
  </si>
  <si>
    <t>鑽石 公主 號 郵輪 的 台籍 旅客 今 解除 隔離 同船 魔術師 陳日升 分享 近 1 個 月 的 隔離 生活 結束 真得 很 開心 現在 最 想 做 的 就 是 和 家人 聚餐 並 呼籲 大家 防疫 大家 一起 努力 鑽石 公主 號 爆出 疫情 後 臺灣政府 采 包機 方式 將 船上 1</t>
    <phoneticPr fontId="1" type="noConversion"/>
  </si>
  <si>
    <t>防疫 決不能 雙重標準</t>
    <phoneticPr fontId="1" type="noConversion"/>
  </si>
  <si>
    <t>大陸 美國 西方 臺灣 疫情</t>
    <phoneticPr fontId="1" type="noConversion"/>
  </si>
  <si>
    <t>vr ar 圖形 線 上 紛紛</t>
    <phoneticPr fontId="1" type="noConversion"/>
  </si>
  <si>
    <t>川普 讓 川 粉 瘋狂 的 代價 曝光 林濁水 傻眼 真 慘</t>
    <phoneticPr fontId="1" type="noConversion"/>
  </si>
  <si>
    <t>小人 國 xpark 停業 至 5 28 天幕 球場 晚上 關燈 禁 用</t>
    <phoneticPr fontId="1" type="noConversion"/>
  </si>
  <si>
    <t>桃園 市長 鄭文燦 17 日 在 防疫 會議 中 宣佈 桃園 2 大 遊樂場 龍潭 小人 國 和 青埔 xpark 水族館 分別 於 今日 上午 和 下午 起 停業 至 5 月 28 日 天幕 球場 因 常常 有 年輕 朋友 群 聚 晚上 不開 燈 停止使用 市府 則 采 彈性 2 小時 上下班 外 送 業者 禁</t>
    <phoneticPr fontId="1" type="noConversion"/>
  </si>
  <si>
    <t>桃園 市長 鄭文燦 17 日 在 防疫 會議 中 宣佈 桃園 2 大 遊樂場 龍潭 小人 國 和 青埔 xpark 水族館 分別 於 今日 上午 和 下午 起 停業 至 5 月 28 日 天幕 球場 因 常常 有 年輕 朋友 群 聚 晚上 不開 燈 停止使用 市府 則 采 彈性 2 小時 上下班 外 送 業者 禁 入 市府 鄭文燦 表示 桃園 2 大 遊樂場 一個 是 青埔 xpark 水族館 一個 是 龍潭 小人 國 原已 配合 管制 政策 縮 小規模 減少 群 聚 跟 人流 經 市府 協調 以後 決定 今天 開始 停業 到 5 月 28 日 小人 國 已經 在 早上 執行 xpark 水族館 會 在 下午 執行 協力 廠商 則 授權 2 業者 自己 處理 面對 桃園 區長 陳玉明 反映 戶外 籃球場 晚上 打球 者 眾 且 觀察 都 沒有 戴 口罩 擔憂 容易 引起 群 聚 請示 是否 能 把 燈 關掉 衛生局長 王文彥 則 提到 群 聚 打 籃球 若 沒 戴 口罩 就 可 開 罰 鄭文燦 當場 宣佈 市立 的 體育場館 室內 都 已經 關閉 戶外 型 也 要 強制 戴 口罩 不過 因為 天幕 球場 晚間 常常 有 年輕 朋友 群 聚 為 避免 群 聚 天幕 球場 晚上 不開 燈 停止使用 要求 各廠 區 貼 好 公告 他 也 不 諱言 天幕 球場 多 在 公園 公園 是否 封閉 又 是 另 一個 層面 問題 因此 執行 上 先 透過 晚上 不開 燈 避免 群 聚 鄭文燦 也 提到 針對 彈性 上下班 時間 住 雙北和 基隆 的 公務員 是 2 個 半 小時 的 彈性 上下班 彈性 上班時間 從 7 時 30 分至 10 時 下班時間 配合 調整 為 16 時 30 分至 19 時 一般 同仁 則 維持 和 中央 同步 為 2 個 小時 7 時 30 分至 9 時 30 分 16 時 30 分至 18 時 30 分 中午 他 也 指示 人事處 用餐 分流 采 12 時至 13 時一組 12 時 30 分至 13 時 30 分 一 組 不同 時段 外 送 業者 外 送 人員 一律 不 進 市府 會 在 府 外 設置 外 送 區 鄭文燦 也 強調 娃娃 機 的 店面 沒有 辦法 落實 實 聯 制 晚間 常常 有 人流 聚集 因 此 昨天 已 宣佈 停止 營業 裁 示 納入 21 個 停業 專案 之中 目前 桃園 有 1068 家 的 娃娃 機 店面 陸續 執行 因為 有 少部分 負責人 聯絡 不 上 但 經發局 和 警察局 一定 會 在 很 短 的 時間 內 完成 他 也 呼籲 21 種類 別的 營業 場所 要 全面 配合 一 但 化 明為 暗 或是 違法 營業 一律 從重 處分 移送 法辦 請 不要 挑戰 停止 營業 的 決定</t>
    <phoneticPr fontId="1" type="noConversion"/>
  </si>
  <si>
    <t>打完 疫苗 再上 美國 女籃 隊 教練 歸隊</t>
    <phoneticPr fontId="1" type="noConversion"/>
  </si>
  <si>
    <t>wnba 奧運 休斯 教練 美國</t>
    <phoneticPr fontId="1" type="noConversion"/>
  </si>
  <si>
    <t>歐盟 歷史 一刻 7500億 歐元 振興 方案 達成協議</t>
    <phoneticPr fontId="1" type="noConversion"/>
  </si>
  <si>
    <t>打 1999 竹 市府 組 防疫 計程車 隊</t>
    <phoneticPr fontId="1" type="noConversion"/>
  </si>
  <si>
    <t>檢疫 計程車 消毒 交通 處 居家</t>
    <phoneticPr fontId="1" type="noConversion"/>
  </si>
  <si>
    <t>李 戒煙 甩 臭味 贏得 兒女 抱抱</t>
    <phoneticPr fontId="1" type="noConversion"/>
  </si>
  <si>
    <t>老 煙槍 病毒 出國 戒煙 董氏 基金會</t>
    <phoneticPr fontId="1" type="noConversion"/>
  </si>
  <si>
    <t>產業 防疫 醞釀 新 商機 美食 外 送 服務 需求增</t>
    <phoneticPr fontId="1" type="noConversion"/>
  </si>
  <si>
    <t>資 策 會 mic 產業 情報研究所 美食 外 送 平臺</t>
    <phoneticPr fontId="1" type="noConversion"/>
  </si>
  <si>
    <t>苗栗縣 10 日 新增 一 名 確診 死亡 案例</t>
    <phoneticPr fontId="1" type="noConversion"/>
  </si>
  <si>
    <t>苗栗縣 10 持續 嘉玲 但 新增 1 名 確診 死亡 案例 這 名 71 歲 的 女性 有 高血壓 心血管 疾病 及 糖尿病 史 6 月 18 日 確診 采 檢 時 無 症狀 因 隔離 期間 發生 其他 疾病 轉至 外縣市 醫院 治療 7 月 7 日 治療 無效 宣告 死亡 苗栗縣 在 接種 疫</t>
    <phoneticPr fontId="1" type="noConversion"/>
  </si>
  <si>
    <t>抗 疫 模範 生 越南 成 外資 轉移 新 寵</t>
    <phoneticPr fontId="1" type="noConversion"/>
  </si>
  <si>
    <t>秋冬抗 疫 安南 醫院 提供 中藥 提升 免疫力 方法</t>
    <phoneticPr fontId="1" type="noConversion"/>
  </si>
  <si>
    <t>nba 過去 6 戰跟 戈貝爾 接觸 伊巴卡 最久</t>
    <phoneticPr fontId="1" type="noConversion"/>
  </si>
  <si>
    <t>戈貝爾 伊巴卡 前鋒 nba 美國</t>
    <phoneticPr fontId="1" type="noConversion"/>
  </si>
  <si>
    <t>逼近 千 人 確診 860萬 紐約 客 48 小時 內 恐 遭 禁 足</t>
    <phoneticPr fontId="1" type="noConversion"/>
  </si>
  <si>
    <t>油價 連 摔 台 塑化 q 1 虧 大</t>
    <phoneticPr fontId="1" type="noConversion"/>
  </si>
  <si>
    <t>台 塑化 疫情 收益 獲利 跌價 損失</t>
    <phoneticPr fontId="1" type="noConversion"/>
  </si>
  <si>
    <t>竟敢 逆 時 中 村長 佛 系 防疫 臺灣 真 的 安全 嗎</t>
    <phoneticPr fontId="1" type="noConversion"/>
  </si>
  <si>
    <t>臺灣 詹 江村 防疫 村長 佛 系 防疫</t>
    <phoneticPr fontId="1" type="noConversion"/>
  </si>
  <si>
    <t>民有 市場 無 口罩 議員 憂 成 防疫 破 口</t>
    <phoneticPr fontId="1" type="noConversion"/>
  </si>
  <si>
    <t>口罩 調查 肺炎 鄭功進 經發局</t>
    <phoneticPr fontId="1" type="noConversion"/>
  </si>
  <si>
    <t>染 delta 與 感冒 相似 專家 教 辨別 法 有 兩 痛 一 水 要 注意</t>
    <phoneticPr fontId="1" type="noConversion"/>
  </si>
  <si>
    <t>印度 變種 病毒 delta 進入 屏東社區 引發 民眾 恐慌 台 大公 衛學院 流 病 與 預 醫 所 教授 陳 秀 熙 表示 感染 delta 與 英國 變異 株 alpha 的 症狀 不同 發燒 已不 是 主要症狀 與 一般 感冒 症狀 類似 因此 建議 詢問 tocc 時 除了 旅遊 史 接觸 史</t>
    <phoneticPr fontId="1" type="noConversion"/>
  </si>
  <si>
    <t>不 戴 口罩 大 鬧 北 捷 健 保 署 員工 道歉 了</t>
    <phoneticPr fontId="1" type="noConversion"/>
  </si>
  <si>
    <t>單周暴 增 3萬 印度 變種 病例 英 官員 悲觀 曝 疫苗 擋下 病毒 時間 點</t>
    <phoneticPr fontId="1" type="noConversion"/>
  </si>
  <si>
    <t>你 點 餐 我 買 單 黃子佼 暖 請 30 藝人 疫 起 遠 距離 吃飯</t>
    <phoneticPr fontId="1" type="noConversion"/>
  </si>
  <si>
    <t>鍾 欣 淩 王彩 樺 小甜甜 蔡燦 得 郭靜 等 不少 藝人 6 日 晚上 都在社 群 平臺 上傳 照片 發文 感謝 黃子佼 請吃 晚餐 原來 他 默默 發起 疫 起 遠 距離 一起 吃 個 飯 請 王彩 樺 小甜甜 鍾 欣 淩 蔡燦 得 蔔學亮 黃韻玲 郭書瑤 郭</t>
    <phoneticPr fontId="1" type="noConversion"/>
  </si>
  <si>
    <t>朝日電視臺</t>
    <phoneticPr fontId="1" type="noConversion"/>
  </si>
  <si>
    <t>臺北車站街友爆群聚 8人確診已收治</t>
    <phoneticPr fontId="1" type="noConversion"/>
  </si>
  <si>
    <t>臺北 車站 街 友 爆 群 聚 8 人 確診 已 收治</t>
    <phoneticPr fontId="1" type="noConversion"/>
  </si>
  <si>
    <t>近期 北農 士 林 養護 之家 爆發 群 聚 感染 引發 熱 議 就 連 臺北 車站 的 街 友 在 上周 也 爆出 有 pcr 陽性 確診 臺北市社會局 緊急 對 上百 名 街 友 pcr 采 檢 社會局 指出 萬華 艋 舺 公園 列 冊 街 友 截至 6 月底 前 有 6 名 街 友 陸續 確診 已 匡列 接</t>
    <phoneticPr fontId="1" type="noConversion"/>
  </si>
  <si>
    <t>街 友 確診 臺北 車站 社會局 采 檢</t>
    <phoneticPr fontId="1" type="noConversion"/>
  </si>
  <si>
    <t>67億 疫苗 採購 經費 花 去 哪 成 機密 藍委 不容許 黑 箱 作業</t>
    <phoneticPr fontId="1" type="noConversion"/>
  </si>
  <si>
    <t>疫苗 陸續 到貨 但 捐贈 的 數量 遠遠 多於 政府 自 購 數量 國民黨 立 委 質疑 政府採購 疫苗 的 預算 到 6 月底 共 花 了 67億 元 但 真正 用於 購買 疫苗 的 錢 大約 只 有 10億 元 其他 的 錢都花 到 哪裡 去 審計長 陳瑞敏 以 疫苗 採購 支付 是 機密 拒</t>
    <phoneticPr fontId="1" type="noConversion"/>
  </si>
  <si>
    <t>新 台幣 太強 壽險業 前 8 月 匯兌 成本 近 2千億</t>
    <phoneticPr fontId="1" type="noConversion"/>
  </si>
  <si>
    <t>大量 上揚 壽險業 新 台幣 外匯 準備金</t>
    <phoneticPr fontId="1" type="noConversion"/>
  </si>
  <si>
    <t>美國 傳奇 主持人 賴瑞金 辭世 享壽 87 歲</t>
    <phoneticPr fontId="1" type="noConversion"/>
  </si>
  <si>
    <t>肺癌 肺炎 larry king 本月 初 節目</t>
    <phoneticPr fontId="1" type="noConversion"/>
  </si>
  <si>
    <t>武漢 97 75 歲 高齡 母女 抗 疫 成功 出院</t>
    <phoneticPr fontId="1" type="noConversion"/>
  </si>
  <si>
    <t>疫情 升溫 新北 明 再 增 永和 新 店 熱區 防疫 中心</t>
    <phoneticPr fontId="1" type="noConversion"/>
  </si>
  <si>
    <t>疫情 持續 升溫 新北 市長 侯友宜 25 日 宣佈 26 日 開始 將 再 新增 永 和 新 店 兩 處 各 10 裡 設置 熱區 防疫 中心 設置 在 活動 中心 強化 三級 警戒 服務 侯友宜 說 新北 市 今天 最新 疫情 新增 本土 154 校正 回歸 89 人 新北市衛生局 表示</t>
    <phoneticPr fontId="1" type="noConversion"/>
  </si>
  <si>
    <t>疫情 持續 升溫 新北 市長 侯友宜 25 日 宣佈 26 日 開始 將 再 新增 永 和 新 店 兩 處 各 10 裡 設置 熱區 防疫 中心 設置 在 活動 中心 強化 三級 警戒 服務 侯友宜 說 新北 市 今天 最新 疫情 新增 本土 154 校正 回歸 89 人 新北市衛生局 表示 第一 階段 熱區 防疫 中心 市 板橋 的 東區 12 裡 與 中和 漳 和 區 8 裡 第二 階段 則 市 三 重 西 南區 12 裡 與 新莊 北 區 10 裡 這次 新增 的 是 新 店 安康區 5 裡 與 永和 第二 區 5 裡 位置 設 在 都設 在 活動 中心 請 民眾 加強 注意</t>
    <phoneticPr fontId="1" type="noConversion"/>
  </si>
  <si>
    <t>熱區 防疫 中心 侯友宜 新 店 永和</t>
    <phoneticPr fontId="1" type="noConversion"/>
  </si>
  <si>
    <t>微 解封 料 將 出現 旅遊 潮 南市 超前 加強 稽查 非法 日 租 套房</t>
    <phoneticPr fontId="1" type="noConversion"/>
  </si>
  <si>
    <t>台南 市 列管 的 非法 日 租 套房 有 上百 家 因應 未來 微 解封 後 可能 出現 的 旅 宿訂房 潮 市府 觀光旅遊 局 超前 部署 針對 隱身 市區 住宅 或 社區 大樓 內 的 非法 日 租 套房 邀集 各局 處 加強 查緝 避免 防疫 產生 破 口 觀 旅 局 表示 非法 日 租 套</t>
    <phoneticPr fontId="1" type="noConversion"/>
  </si>
  <si>
    <t>台南 市 列管 的 非法 日 租 套房 有 上百 家 因應 未來 微 解封 後 可能 出現 的 旅 宿訂房 潮 市府 觀光旅遊 局 超前 部署 針對 隱身 市區 住宅 或 社區 大樓 內 的 非法 日 租 套房 邀集 各局 處 加強 查緝 避免 防疫 產生 破 口 觀 旅 局 表示 非法 日 租 套房 通常 透過 各 大 訂房網 如 agoda 及 booking com 等 刊登 非法 廣告 營業 鑒於 業者 往往 未 能 落實 防疫 又 不作 消防 安檢 加上 擾 鄰 嚴重 也 無 投保 公共 意外 險 旅客 入住 令人擔憂 觀 旅 局 指出 全市 去年 列管 在案 的 非法 日 租 計有 117 家 列管 案件 每年 均 會 逐 案 辦理 聯合 稽查 采 輔導 與 裁 罰 並重 去年 共 裁 罰 110 家 次 裁 罰 金額 735萬6000 元 但 也 輔導 26 家 非法 業者 轉為 旅 宿 合法 登記 今年 迄今已 裁 罰 55 家 次 裁 罰 金額 426萬6000 元 同時 也 輔導 6 家 合法 登記 因應 7 月 12 日 微 解封 在即 觀 旅 局 持續 派員到場 查緝 5 日 稽查 4 家 非法 日 租 套房 結果 發現 有 1 家 轉型 長 租 1 家 入 內 後 無 營業 樣 態 2 家 雖 無法 入 內 但 後續 仍 將 依 網路 營業 事 證 辦理 後續 裁處 事宜 觀光 發展 條例 除 可 罰 鍰 6萬 元 以上 30萬 元 以下 並 勒令 歇業 外 一旦 勒令 歇業 仍 繼續 經營 得 按次 處罰 主管機關 得 移送 相關 主管機關 採取 停止 供水 供電 封閉 強制 拆除 或 其他 必要 可 立即 結束 經營 的 措施 且 費用 由 經營者 負擔 觀 旅 局長 郭貞慧 說 該局 已 掌握 非法 營業 情形 並 積極 納 管 對 未 領取 登記證 的 業者 采 輔導 與 裁 罰 並重 除 希望 非法 業者 盡 速 依法 申請 設立登記 或 轉型 退場 也 定期 函文 各 知名 訂 房 網站 通知 下 架 並 公告 違規 業者 名單 尤其 現在 正值 防疫 作戰 關鍵時刻 觀 旅 局 也 呼籲 解封 後 第一時間 想 到 台南 旅遊 的 民眾 訂 房 時 先 查閱 台南 旅遊 網 或 臺灣 旅 宿網 務必 選擇 合法 旅 宿入住 才能 維護 自身 住宿 的 安全</t>
    <phoneticPr fontId="1" type="noConversion"/>
  </si>
  <si>
    <t>沒看 到 確診 者 也 能 感染 南韓 大學生 因 椅子 感染 delta 病毒</t>
    <phoneticPr fontId="1" type="noConversion"/>
  </si>
  <si>
    <t>南韓 文化 廣播公司 新聞 mbc news 6 日 報導 delta 變種 病毒 的 強大 傳染 能力 讓 疫情 變 得 極 有 威脅 性 南韓 全羅道 木浦 市 3 日 傳出 2 名 確診 的 大學生 即使 沒有 接觸 到 確診 者 也 沒有 拿下 口罩 或 飲食 疑 因 坐在 確診 者 曾 坐 過 的 椅子</t>
    <phoneticPr fontId="1" type="noConversion"/>
  </si>
  <si>
    <t>有 女 陪 侍 八大 11 16 解禁 顧客 須先 符合 這個 低 消</t>
    <phoneticPr fontId="1" type="noConversion"/>
  </si>
  <si>
    <t>八大 行業 酒店 解禁 陪 侍 服務 酒店 小姐</t>
    <phoneticPr fontId="1" type="noConversion"/>
  </si>
  <si>
    <t>獨》驚！新冠肺炎疫情強襲 臺北觀光飯店晚上不賣Buffet啦！</t>
    <phoneticPr fontId="1" type="noConversion"/>
  </si>
  <si>
    <t>餐廳 晚餐 觀光 飯店 供應 自助餐 廳</t>
    <phoneticPr fontId="1" type="noConversion"/>
  </si>
  <si>
    <t>第 2 批 covax 疫苗 來 台? 全球 疫苗 聯盟 6 月底 前 az 疫苗 到貨</t>
    <phoneticPr fontId="1" type="noConversion"/>
  </si>
  <si>
    <t>covax 6 月底 臺灣 az 疫苗</t>
    <phoneticPr fontId="1" type="noConversion"/>
  </si>
  <si>
    <t>新北 勇 媽 疫 中產 女 解 隔離 與 女娃 團圓 迎 新生</t>
    <phoneticPr fontId="1" type="noConversion"/>
  </si>
  <si>
    <t>在 醫護 員 歡唱 生日快樂 樂聲 中 6 月 1 日 確診 併發 重症 緊急 剖 婦 生產 的 新 北周 姓 婦人 產後 15 日 陽 轉陰 就 在 今天 16 日 媽媽 終於 見到 寶寶 要 出院 返家 中山醫學 大學 附設 醫院 也 透過 直播 為 這 為 勇媽 辦 慶 生 以及 歡送會 她 也 用</t>
    <phoneticPr fontId="1" type="noConversion"/>
  </si>
  <si>
    <t>集 集 小鎮 紓困 開 第一 槍 攤 商 清潔費 減半</t>
    <phoneticPr fontId="1" type="noConversion"/>
  </si>
  <si>
    <t>葛林 斯潘 美 抗 疫 失敗 將 礙 經濟 復蘇 霸權 之 爭 恐 處 劣勢</t>
    <phoneticPr fontId="1" type="noConversion"/>
  </si>
  <si>
    <t>自主 封城 再 拖 三 個 月 柯文哲 餓 死 比 病 死 多</t>
    <phoneticPr fontId="1" type="noConversion"/>
  </si>
  <si>
    <t>疫情 連日 升溫 各縣 市政府 管控 加 嚴 臺北市 長 柯文哲 表示 北市 感染 數趨 緩 目前 疫情 雖 可 控制 但是 是 靠 民眾 自主 封城 若 再 拖 3 個 月 餓 死 的 會 比 病 死 的 多 柯文哲 表示 目前 看起來 感染 數目 沒有 一直 上升 好像 還有 趨</t>
    <phoneticPr fontId="1" type="noConversion"/>
  </si>
  <si>
    <t>柯文哲 北市 規劃 餓 死 疫情</t>
    <phoneticPr fontId="1" type="noConversion"/>
  </si>
  <si>
    <t>穗 密集 現 跨 省 市 病例 全是 無 症狀</t>
    <phoneticPr fontId="1" type="noConversion"/>
  </si>
  <si>
    <t>大陸 廣東省 廣州市 增城區 密集 發現 病例 出現 跨市 和 跨 省 感染 自 4 月 27 日 以來 廣州 增城區 新塘鎮 已 第 5 次 被 通報 為 病例 來源地 廣州市疾控中心 副 主任 張周斌 介紹 這些 感染者 都 是 無 症狀 感染者 大家 不用 擔心 因為 他 的 傳播</t>
    <phoneticPr fontId="1" type="noConversion"/>
  </si>
  <si>
    <t>廣州 羅斯 無 症狀 感染 感染 報告</t>
    <phoneticPr fontId="1" type="noConversion"/>
  </si>
  <si>
    <t>揚名 西班牙 臺灣 醫護 姐妹 花 確診 推出 病房 這 一 幕 令人感動</t>
    <phoneticPr fontId="1" type="noConversion"/>
  </si>
  <si>
    <t>竹縣 焚化爐 公聽會 場地 不 借用 臨時 喊 卡</t>
    <phoneticPr fontId="1" type="noConversion"/>
  </si>
  <si>
    <t>新竹 縣 沒有 焚化爐 近年 受 垃圾堆 置 所 苦 新竹 縣 促進 民間 參與 高效能 垃圾 熱處理 設施 投資 boo 案 公聽會 原訂 15 日 下午 2 點 在 蓮花寺 召開 未 料 廟 方 臨時 以 不知 辦 有 爭議性 公聽會 未 行文 為由 臨時 取消 場地 租借 新竹 縣 環</t>
    <phoneticPr fontId="1" type="noConversion"/>
  </si>
  <si>
    <t>新竹 縣 公聽會 場地 焚化爐 蓮花</t>
    <phoneticPr fontId="1" type="noConversion"/>
  </si>
  <si>
    <t>因應 疫情 遠 傳 臺灣 大於 萬華 蘆洲 部分 門市 暫停營業</t>
    <phoneticPr fontId="1" type="noConversion"/>
  </si>
  <si>
    <t>萬華 蘆洲 臺灣 大哥大 暫停營業 遠 傳 電信</t>
    <phoneticPr fontId="1" type="noConversion"/>
  </si>
  <si>
    <t>富裕 國 擺脫 疫情 強 復蘇 外 媒 卻 爆 新興國家 陷 川普 後遺症</t>
    <phoneticPr fontId="1" type="noConversion"/>
  </si>
  <si>
    <t>fdi 外國 直接 投資 新興國家 gdp 經濟體</t>
    <phoneticPr fontId="1" type="noConversion"/>
  </si>
  <si>
    <t>臺灣 有 需要 囤糧 嗎 網 狂 喊 先 囤 個 x 天</t>
    <phoneticPr fontId="1" type="noConversion"/>
  </si>
  <si>
    <t>新竹 市 防疫 消毒 大隊 成立 2 周內 消毒 完全 市 公園 車站 共 137 處</t>
    <phoneticPr fontId="1" type="noConversion"/>
  </si>
  <si>
    <t>香港 首 見 零 團 來 港 的 勞動節 假期</t>
    <phoneticPr fontId="1" type="noConversion"/>
  </si>
  <si>
    <t>新華社 2 日 報導 根據 香港特區政府 入境 事務 處 的 最新 資料 五一 勞動節 假期 首日 有 1528 人次 入境 香港 其中 香港 居民 占比 超過 9 成 大陸 訪 港 旅客 僅 有 119 人次 而 去年 5 月 1 日 當天 有 逾 106萬 人次 進出 香港 其中 訪 港 陸客</t>
    <phoneticPr fontId="1" type="noConversion"/>
  </si>
  <si>
    <t>香港 旅遊業 假期 旅遊 五一 假期</t>
    <phoneticPr fontId="1" type="noConversion"/>
  </si>
  <si>
    <t>多年 前 影片 遭 網友 改編 隋棠 被 我 前夫 氣死</t>
    <phoneticPr fontId="1" type="noConversion"/>
  </si>
  <si>
    <t>誰 破壞 和諧 醫護 記者 忙 翻天 羅 友志驚 天一 語 處心積慮 的 是</t>
    <phoneticPr fontId="1" type="noConversion"/>
  </si>
  <si>
    <t>元山 11 月 營 收 雙增 明年 樂觀</t>
    <phoneticPr fontId="1" type="noConversion"/>
  </si>
  <si>
    <t>車用 電子 與 家電 大廠 元 山 科技 6275 受惠 于高階 it 及 網通 出 貨 續 旺 11 月 營 收 出現 雙成長 另 累計 前 11 月 收 也 出現 雙 位數 成長 元山 指出 相關 訂單 能見度 已 達到 2021 年 第一 季 此外 車用 訂單 需求 也 接續 向上 對 2021 年 展望</t>
    <phoneticPr fontId="1" type="noConversion"/>
  </si>
  <si>
    <t>成長 網通 肺炎 訂單 能見度 樂觀</t>
    <phoneticPr fontId="1" type="noConversion"/>
  </si>
  <si>
    <t>百貨 股 特力 h 2 審慎 樂觀 2022 年 東南亞 採購 比例 達 20 30</t>
    <phoneticPr fontId="1" type="noConversion"/>
  </si>
  <si>
    <t>特力 2908 因 與 大型 客戶 長期 往來 貿易 出 貨 受到 信賴 且 零售 事業 銷售 穩定 讓 特力 集團 上半年 營運 未 受到 太 多 衝擊 特力 集團 營運 長 何采容 亦 表示 審慎 樂觀 看待 下半年 特力 目前 已 選定 越南 辦公室 建置 未來 將 逐步提高</t>
    <phoneticPr fontId="1" type="noConversion"/>
  </si>
  <si>
    <t>特力 新 零售 全球 東南亞 貿易</t>
    <phoneticPr fontId="1" type="noConversion"/>
  </si>
  <si>
    <t>善款用在刀口上！ 臺北榮總第二戶外防疫篩檢站啟用</t>
    <phoneticPr fontId="1" type="noConversion"/>
  </si>
  <si>
    <t>高雄 台鋁 mld 影城 疫情 停業 傳 改 秀 泰 影城 進駐 經營</t>
    <phoneticPr fontId="1" type="noConversion"/>
  </si>
  <si>
    <t>高雄 台鋁 mld 影城 日前 傳出 將 與 交 棒 給 秀 泰 影城 管理 8 日 再 被 爆 料 影城 員工 團隊 已 解散 記者 致電 影城 客服 也 無 人 接聽 詢問 mld 台鋁 生活 商場 客服 人員 對 方僅 表示 商場 部分 仍 維持 由 台鋁 營運 戲院 部分 將 交 棒 給 秀 泰 影城</t>
    <phoneticPr fontId="1" type="noConversion"/>
  </si>
  <si>
    <t>酒店 舞廳 解禁 黃偉哲 希望 中央 制定 標準 由 地方 執行</t>
    <phoneticPr fontId="1" type="noConversion"/>
  </si>
  <si>
    <t>百貨 股 q 2 童裝 出 貨 旺季 淘 帝 -ky 備 貨 蓄 勢 待 發</t>
    <phoneticPr fontId="1" type="noConversion"/>
  </si>
  <si>
    <t>大陸 各 地區 加速 復工 淘 帝 -ky 2929 淘 帝 國際有限公司 3 月 旗 下 經銷商 已 逐步 復工 恢復 門市 營業 帶動 topbi 品牌童裝 訂單 出 貨 需求 回升 3 月 1 日 至 3 月 13 日 訂單 出 貨 已 達 去年 3 月 約 30 多 之 水準 集團 仍 積極 加速 訂單 物流 出 貨 排</t>
    <phoneticPr fontId="1" type="noConversion"/>
  </si>
  <si>
    <t>新 零售 互動 淘 帝 -ky 童裝 topbi</t>
    <phoneticPr fontId="1" type="noConversion"/>
  </si>
  <si>
    <t>口罩 日產 1000萬 片 何時 達成 經濟部 拼 這天 全面 上線</t>
    <phoneticPr fontId="1" type="noConversion"/>
  </si>
  <si>
    <t>春節 返台 4萬 人 陳時中 坦言 低估 了 重 啟 移 工 來 台 恐 受阻</t>
    <phoneticPr fontId="1" type="noConversion"/>
  </si>
  <si>
    <t>屏 東 潮州鎮 確診 者 多 將 出動 化學 兵 全鎮 消毒</t>
    <phoneticPr fontId="1" type="noConversion"/>
  </si>
  <si>
    <t>餓 到 2025 北 韓 糧荒 將 延續 平壤 官員 奇葩 要求 惹 怒 民眾</t>
    <phoneticPr fontId="1" type="noConversion"/>
  </si>
  <si>
    <t>幼稚園 負責人 解隔 後 確診 新北 匡列 範圍 增 否 已 反應 中央</t>
    <phoneticPr fontId="1" type="noConversion"/>
  </si>
  <si>
    <t>對於 幼稚園 負責人 結束 居家 隔離 後 自主 健康 管理 期間 才 發病 新北 市 衛生局長 陳 潤 秋 今 在 疫情 說明會 表示 案件 發生 後 有 跟 中央 反應 針對 此 狀況 也 會 跟 中央 討論 陳潤秋 說 7 天 的 自主 健康 管理 期間 有 要求 不 舒服 就要 安排 去</t>
    <phoneticPr fontId="1" type="noConversion"/>
  </si>
  <si>
    <t>北市 本 周 新增 16 例 確診 家戶 感染 仍 為 主要 原因</t>
    <phoneticPr fontId="1" type="noConversion"/>
  </si>
  <si>
    <t>大 立 光 台積電 聯發 科 盛群 松翰</t>
    <phoneticPr fontId="1" type="noConversion"/>
  </si>
  <si>
    <t>10萬 劑 莫德納 今 到貨 怎麼 分配 陳時中 回 應 了</t>
    <phoneticPr fontId="1" type="noConversion"/>
  </si>
  <si>
    <t>禾馨 稱 施打 名單 都 與 北 市府 對過 黃珊珊 照 罰</t>
    <phoneticPr fontId="1" type="noConversion"/>
  </si>
  <si>
    <t>北市 副 市長 黃珊珊 21 日 指 禾馨 診所 有 違法 施打 疫苗 給 非醫 事 人員 禾馨 稍 早 開 記者會 公佈 向 北市 衛生局 取得 疫苗 的 所有 對話 紀錄 並說 施打 名單 都有 核 衛生局 溝通 來 駁斥 針對 政風 處 報告 到底 調查 進度 如何 臺北市 長 柯文哲 說</t>
    <phoneticPr fontId="1" type="noConversion"/>
  </si>
  <si>
    <t>禾馨 疫苗 對話 紀錄 衛生局 臺北市</t>
    <phoneticPr fontId="1" type="noConversion"/>
  </si>
  <si>
    <t>矽 格 執行 外籍 員工 643 名 抗原 快 篩 全數 呈現 陰性</t>
    <phoneticPr fontId="1" type="noConversion"/>
  </si>
  <si>
    <t>百姓 宅 家中 州 官 趴 趴 走 這些 人 違規 惹 議</t>
    <phoneticPr fontId="1" type="noConversion"/>
  </si>
  <si>
    <t>僅 國三 高三 停課 藍 委 難以 理解</t>
    <phoneticPr fontId="1" type="noConversion"/>
  </si>
  <si>
    <t>雙 北市 昨 宣佈 九 年級 生 與 高三生 停課 但 連夜 壞 消息 不斷 包括 臺北 桃園 台中 彰 化 都有 中小學生 確診 國民黨 立 委 李德維 質疑 是 變形 的 三級 警戒 政策 邏輯 難以 理解 不同 年級 的 兄弟姐妹 也 還要 上課 單獨 讓 這 兩 個 年</t>
    <phoneticPr fontId="1" type="noConversion"/>
  </si>
  <si>
    <t>雙 北市 昨 宣佈 九 年級 生 與 高三生 停課 但 連夜 壞 消息 不斷 包括 臺北 桃園 台中 彰 化 都有 中小學生 確診 國民黨 立 委 李德維 質疑 是 變形 的 三級 警戒 政策 邏輯 難以 理解 不同 年級 的 兄弟姐妹 也 還要 上課 單獨 讓 這 兩 個 年級 的 孩子 停課 又 能 有助於 防疫 多少 李德維 說 這 是 變形 的 三級 警戒 讓 許多 家長 面臨 兩難 一方面 擔心 學校 就 是 最 大 最 密切接觸 的 群 聚 場所 一方面 也 為難 如果 孩子 停課 了 大人 沒有 停 班 該 如何 安排 照顧 昨天下午 雙 北市 宣佈 九 年級 生 與 高三生 停課 但 連夜 壞 消息 不斷 包括 臺北 桃園 台中 彰 化 都有 中小學生 確診 即刻 全校 停課 所有 家長 只怕 心 都沉 了 李德維 批評 這 是 邏輯 難以 理解 的 政策 九 年級 與 高三生 應屆 畢業 在即 許多 孩子 原本 就 不 需要 到校 了 停課 能 有助於 防疫 多少 況且 如今 大人 們 還 要 上班 不同 年級 的 兄弟姐妹 也 還要 上課 單獨 讓 這 兩 個 年級 的 孩子 停課 又 能 有助於 防疫 多少 李德維 說 停課 停 班 乃至 于封 城 都 是 在 不得已 情況 下 要 阻斷 病毒傳播 的 斷然處置 正 因為 有 副作用 所以 要 就 該 做 得 徹底 速戰速決 與其 拖泥帶水 不如 當機立斷 如果 評估 疫情 擴散 仍 在 加速 乾脆 立即 全面 停課 非常 時期 非常 作法 從 政者 要 把 責任 給 扛下來 別 讓 民眾 無所適從 藍 委 林奕華 也 質疑 今天 開始 學生 上 課期 間 全程 戴 口罩 但 午餐 怎麼辦 師生 無法 戴 口罩 吃飯 也 很 難 管控 學生 吃飯 不 交談 防疫 破 口 岌岌可危 她 昨天 提醒 教育部 發給 學生 隔板 備用 有效 區隔 用餐 距離 若 沒 隔板 如何 拉出 安全 的 用餐 距離 教育部 也 應該 有所 指引 林 奕華 和 教育部 轉達 家長 意見 要求 盡 速 發給 學生 隔板 或 如何 保障 學生 拿下 口罩 用餐 時 的 安全 教育部 已 允諾 會 將 此 問題 列入 優先 討論 希望 在 未 宣佈 全面 停課 的 前提 下 保護 孩子 在校 安全 上課 讓 家長 安心</t>
    <phoneticPr fontId="1" type="noConversion"/>
  </si>
  <si>
    <t>航運 噩夢 再起 鹽田港 卡 船 貿易 影響 超越 長 賜 輪 事件</t>
    <phoneticPr fontId="1" type="noConversion"/>
  </si>
  <si>
    <t>大 相撲 最 終日 7 年 首 見 相星 決戰</t>
    <phoneticPr fontId="1" type="noConversion"/>
  </si>
  <si>
    <t>日本 大 相撲 春 場所 平安 落幕 今年 在 疫情 堪憂 的 大 阪 舉行 比賽 相當 精彩 出現 了 暌違 7 年 的 相 星 決戰 兩 大 橫綱 白鵬 鶴 竜 以 相同 戰績 12 勝 2 敗 進入 周日 決賽 日 千秋 樂 打得 很 激烈 最後 白鵬 把 鶴 竜 抬 出界 摘 下生</t>
    <phoneticPr fontId="1" type="noConversion"/>
  </si>
  <si>
    <t>大 相撲 橫綱 白鵬 大關 橫綱</t>
    <phoneticPr fontId="1" type="noConversion"/>
  </si>
  <si>
    <t>做 心酸 的 客運 工會 1 車 30 座 只 賣 6 張 票 付 駕駛 薪水 都 不夠</t>
    <phoneticPr fontId="1" type="noConversion"/>
  </si>
  <si>
    <t>近日 各方 一再 疾 聲 呼籲 端午節 不 返鄉 退票 並 免 收 手續費 國光 客運 企業 工會 理事長 楊榮德 強調 客運業 完全 認同 萬事 莫如 防疫 急 無 異議 配合 到底 不過 1 車 30 個 座位 只 賣 6 張 票 每 發 1 班車 賠 不只 1 班車 付 駕駛 薪水 都 不夠</t>
    <phoneticPr fontId="1" type="noConversion"/>
  </si>
  <si>
    <t>通信網 路 訊 舟 小 金雞 康全 電訊 上櫃 蜜月 行情 旺</t>
    <phoneticPr fontId="1" type="noConversion"/>
  </si>
  <si>
    <t>ipo 人氣 王 網通 新兵 康全 電訊 8089 今 上櫃 股價 大 漲 48 蜜月 行情 火熱 看好 通訊 產業 仍 將 持續 蓬勃發展 加上 積極 複製 亞洲 成功經驗 拓展 歐美市 場下 後續 業績 獲利 成長 可期 康全 電訊 公開 募 股 ipo 期間 成功 吸引 63 23</t>
    <phoneticPr fontId="1" type="noConversion"/>
  </si>
  <si>
    <t>全球 大量 訊 舟 康全 電訊 康全</t>
    <phoneticPr fontId="1" type="noConversion"/>
  </si>
  <si>
    <t>首例 全校 停課 北市 高中生 同班同學 中 鏢</t>
    <phoneticPr fontId="1" type="noConversion"/>
  </si>
  <si>
    <t>案 59 停課 北部 高中生 emask 家樂福</t>
    <phoneticPr fontId="1" type="noConversion"/>
  </si>
  <si>
    <t>內 用 免 隔板 首日 北 港 排隊 名 店 開心 移除 隔板 可以 坐 更 多 人</t>
    <phoneticPr fontId="1" type="noConversion"/>
  </si>
  <si>
    <t>疫情 趨 緩 餐飲 內 用 不 需 設置 隔板 雲 林縣 北港鎮 朝 天宮 周邊 知名 小吃 5 日 已 有 部分 店家 撤除 隔板 但 還是 有 些 店家 觀望 中 持續 不 開放 內 用 另外 有 條件 開放 進香團 朝 天宮 認為 將 可 帶來 團體 進香 人潮 有助 商圈 店家 生意</t>
    <phoneticPr fontId="1" type="noConversion"/>
  </si>
  <si>
    <t>清零隻差一步！今本土確診1例 另添5死</t>
    <phoneticPr fontId="1" type="noConversion"/>
  </si>
  <si>
    <t>清零 只 差 一 步 今 本土 確診 1 例 另 添 5 死</t>
    <phoneticPr fontId="1" type="noConversion"/>
  </si>
  <si>
    <t>韓國瑜 挨 酸 封 城 秀 急 自嘲 我 是 他 弟 啦</t>
    <phoneticPr fontId="1" type="noConversion"/>
  </si>
  <si>
    <t>高雄 市長 韓國瑜 拍 板 5 月 3 日 將 進行 兵 推 演練 未 料 卻 遭 誤解 為 要 封城 綠 營 更 狂 酸 是 封 城 秀 急 韓國 瑜 今 動怒 說 已經 講 了 第 7 次 了 從未 說 過 要 封城 更 自嘲 我 是 封城 秀 急 的 弟弟 封城 不急 希望 外 界別 再</t>
    <phoneticPr fontId="1" type="noConversion"/>
  </si>
  <si>
    <t>高雄 市長 韓國瑜 拍 板 5 月 3 日 將 進行 兵 推 演練 未 料 卻 遭 誤解 為 要 封城 綠 營 更 狂 酸 是 封 城 秀 急 韓國 瑜 今 動怒 說 已經 講 了 第 7 次 了 從未 說 過 要 封城 更 自嘲 我 是 封城 秀 急 的 弟弟 封城 不急 希望 外 界別 再 誤解 了 韓國 瑜 表示 自己 講 了 六 次 高雄 不會 考量 封城 高市 講 第 7 次 身 為 高雄 市長 維護 市民 健康 安全 是 首要任務 但是 現在 高 市府 完全 沒有 考慮 封城 為了 怕 誤解 再說 一 次 並 放慢 速度 完全 沒有 考慮 封城 韓國 瑜 也 主動 提到 有人 說 我 是 封城 秀 急 來 嘲諷 我 已經 說 了 6 次 不封 城 我 是 封城 秀 急 的 弟弟 封城 不急 他 納悶 自己 什麼 時候 說 過 要 封城 為何 要 有 奇奇怪怪 的 抹黑 韓國 瑜 重申 封城 茲事體大 對 市民 經濟 的 打擊 很 大 高 市府 沒有 考量 到 封城 希望 明天 不用 講 第 8 次 他 強調 前天 跟 今天 大前天 都 講 得 很 清楚 兵 推 演練 是預 設 社區 感染 之後 怎麼樣 看 救治 動能 來 做 演練 突然 爆發 社區 感染 該 怎麼 做</t>
    <phoneticPr fontId="1" type="noConversion"/>
  </si>
  <si>
    <t>高 市長 照 據點 暫停 老人 共 餐 改 外帶 便當 回家 吃</t>
    <phoneticPr fontId="1" type="noConversion"/>
  </si>
  <si>
    <t>誇張 日 疫情 吃緊 安倍爽 吃 河豚 網 氣炸</t>
    <phoneticPr fontId="1" type="noConversion"/>
  </si>
  <si>
    <t>河豚 安倍 業者 網友 日本</t>
    <phoneticPr fontId="1" type="noConversion"/>
  </si>
  <si>
    <t>陸印 邊境 衝突 升級 美 日 印 澳 四國 外長 將 會商 因應之道</t>
    <phoneticPr fontId="1" type="noConversion"/>
  </si>
  <si>
    <t>視 訊 上課 也 要 冒 生命危險 疫情 下 全球 偏 鄉 教育 的 悲歌</t>
    <phoneticPr fontId="1" type="noConversion"/>
  </si>
  <si>
    <t>千人以上企業造冊是為先瞭解 陳時中：非施打依據</t>
    <phoneticPr fontId="1" type="noConversion"/>
  </si>
  <si>
    <t>半 導體 nb 拉 貨 動能 強 q 4 營運 續 旺 鈺 太 抗跌</t>
    <phoneticPr fontId="1" type="noConversion"/>
  </si>
  <si>
    <t>鈺 太 6679 今年 因 疫情 帶動 nb 需求 大好 整體 營運 大 彈升 法人 預估 全年 每股 有 機會 挑戰 大 賺 7 元 目前 因 疫情 再 掀 變種 危機 筆 電廠 積極 拉 貨 鈺 太 第 四季 營運 預計 更 勝 第 三 季 鈺 太 今 股價 抗跌 上漲 逾 1 全球 疫情 再 掀 波瀾</t>
    <phoneticPr fontId="1" type="noConversion"/>
  </si>
  <si>
    <t>鈺 太 廣達 nb tws 無線 藍牙 耳機</t>
    <phoneticPr fontId="1" type="noConversion"/>
  </si>
  <si>
    <t>產業 分析 亞太區 飯店業 估 u 型 復蘇 2023 年前 難 見 榮景</t>
    <phoneticPr fontId="1" type="noConversion"/>
  </si>
  <si>
    <t>全球 商業 不動產 服務 機構 高力 國際 公佈 第 三 季 旅館 前景 報告 hotel insights 認為 隨 著 部分 國家 國境 逐步 解封 預期 亞太區 觀光旅館 業 營運 將 不至於 再 轉 壞 未來 可望 呈現 u 型 趨勢 復蘇 但 長途 跨國 旅遊 可能 要到 2023 年 才有</t>
    <phoneticPr fontId="1" type="noConversion"/>
  </si>
  <si>
    <t>高力 國際 飯店業 亞太區 復蘇 展望</t>
    <phoneticPr fontId="1" type="noConversion"/>
  </si>
  <si>
    <t>業績 生 醫 診所 業務 成長 馬光 2 月 營 收 年 增 5</t>
    <phoneticPr fontId="1" type="noConversion"/>
  </si>
  <si>
    <t>nba 逐一 揭曉 湖 人 庫克 檢測 呈 陰性</t>
    <phoneticPr fontId="1" type="noConversion"/>
  </si>
  <si>
    <t>檢測 湖 人 庫克 球員 陰性</t>
    <phoneticPr fontId="1" type="noConversion"/>
  </si>
  <si>
    <t>避免 疫情 擴大 台電 啟動 異地 辦公</t>
    <phoneticPr fontId="1" type="noConversion"/>
  </si>
  <si>
    <t>疫苗 研發 落後 專家 籲 與 國際 合作</t>
    <phoneticPr fontId="1" type="noConversion"/>
  </si>
  <si>
    <t>終結 疫苗 國家隊 肺炎 研發</t>
    <phoneticPr fontId="1" type="noConversion"/>
  </si>
  <si>
    <t>骨肉分離 22 天 前 立 委 幫 殯葬 業 爭 疫苗</t>
    <phoneticPr fontId="1" type="noConversion"/>
  </si>
  <si>
    <t>振興 國旅 市場 環島 之 星 加強 防疫 並 加碼 推 房型 免費 升 等</t>
    <phoneticPr fontId="1" type="noConversion"/>
  </si>
  <si>
    <t>為 振興 國旅 市場 並 讓 民眾 出遊 更加 安心 並 刺激 買氣 易遊網 獨家 承包 的 環島 之 星 hello kitty 繽紛 列車 商品 游程 不僅 全面 提升 列車 防疫 並 嚴格 把關 每日 消毒 清潔 並於 今日 推出 環島 之 星 和 離 島 澎 湖 指定 商品 3 月底 前 出發</t>
    <phoneticPr fontId="1" type="noConversion"/>
  </si>
  <si>
    <t>雲林 新增 1 境外 打 2 劑 疫苗 返台 居 隔 pcr 陽性 確診</t>
    <phoneticPr fontId="1" type="noConversion"/>
  </si>
  <si>
    <t>避險 性 操作 壽險業 8 9 月 賣 股 逾 千億 元</t>
    <phoneticPr fontId="1" type="noConversion"/>
  </si>
  <si>
    <t>壽險業 少 了 債券 新 台幣 減 碼</t>
    <phoneticPr fontId="1" type="noConversion"/>
  </si>
  <si>
    <t>馬林 魚 洋基 大都會 mlb 大 聯盟</t>
    <phoneticPr fontId="1" type="noConversion"/>
  </si>
  <si>
    <t>桃園 確診 增 7 例 疫 調 足跡 經洗 車場 郵局</t>
    <phoneticPr fontId="1" type="noConversion"/>
  </si>
  <si>
    <t>桃園 24 日 新增 7 例 確診 累計 桃園 市 確診 病例 789 例 且 有 2 案 家庭 事件 疫 調 確診 足跡 經金 時代 自助 洗車店 以及 桃園 大業 郵局 外 刷 簿 機 桃園 衛生局 呼籲 曾 出入 相關 場所 者 請於 足跡 重疊 次日 起 14 天 進行 自我 健康 監測 桃園</t>
    <phoneticPr fontId="1" type="noConversion"/>
  </si>
  <si>
    <t>確診 桃園 洗 車場 足跡 郵局</t>
    <phoneticPr fontId="1" type="noConversion"/>
  </si>
  <si>
    <t>睽 違 14 天 高雄今 0 確診 陳其邁 感謝 市民 配合 醫護 努力</t>
    <phoneticPr fontId="1" type="noConversion"/>
  </si>
  <si>
    <t>中華民國 紅十字會 為 提升 新北 市 第一 線 救護 人員 出勤 防護 裝備 及 能力 捐贈 捐贈 防疫 物資 於 26 日 下午 1 時 30 分 于 南雅 分隊 車庫 舉辦 中華民國 紅十字會 捐贈 新北 消防 防疫 物資 儀式 並 邀請 新北 市 謝副 市長 政 達 代表 受 贈 及 回贈</t>
    <phoneticPr fontId="1" type="noConversion"/>
  </si>
  <si>
    <t>紅十字 紅十字會 中華民國 中華 民國</t>
    <phoneticPr fontId="1" type="noConversion"/>
  </si>
  <si>
    <t>強新 工業 續 擴大 海外 產能</t>
    <phoneticPr fontId="1" type="noConversion"/>
  </si>
  <si>
    <t>滁州 線材廠 線材 大陸 增設</t>
    <phoneticPr fontId="1" type="noConversion"/>
  </si>
  <si>
    <t>日相安倍晉三正式宣佈 東京等7都府縣進入緊急狀態</t>
    <phoneticPr fontId="1" type="noConversion"/>
  </si>
  <si>
    <t>日 相 安倍晉三 正式 宣佈 東京 等 7 都府 縣 進入 緊急狀態</t>
    <phoneticPr fontId="1" type="noConversion"/>
  </si>
  <si>
    <t>日 再 爆 莫德納 疫苗 摻 黑色 雜質 沖繩 緊急 停 打</t>
    <phoneticPr fontId="1" type="noConversion"/>
  </si>
  <si>
    <t>日本 上周 才 傳出 莫德納 疫苗 發現 雜質 停 打 163萬 劑 疫苗 沖繩 昨 28 日 再 發現 莫德納 疫苗 出現 黑色 粉色 雜質 導致 沖繩 政府 緊急 暫停 施打 綜合 路透社 日本放送協會 nhk 報導 沖繩 一 處 大型 疫苗 接種 中心 的 藥劑師 昨日</t>
    <phoneticPr fontId="1" type="noConversion"/>
  </si>
  <si>
    <t>北 科 附 工 pcr 二 采 223 人 陰性 桃園 暫緩 對 全校 進行 第 2 次 快 篩</t>
    <phoneticPr fontId="1" type="noConversion"/>
  </si>
  <si>
    <t>陰性 進行 北 科 附 工 pcr 桃園</t>
    <phoneticPr fontId="1" type="noConversion"/>
  </si>
  <si>
    <t>帛 琉 旅遊 泡泡 來 了 陳時中 下午 2 點 最新 說明</t>
    <phoneticPr fontId="1" type="noConversion"/>
  </si>
  <si>
    <t>業績 電腦設備 事 欣 科 q 1 營 收 近 11 季 低點 q 2 拼 逆風 前行</t>
    <phoneticPr fontId="1" type="noConversion"/>
  </si>
  <si>
    <t>事 欣 科 營 收 低點 恩德 總格</t>
    <phoneticPr fontId="1" type="noConversion"/>
  </si>
  <si>
    <t>國民黨 力推 500億 專款 防疫 幫 執政黨 遭 陳揮文 批 看 了 會 吐血</t>
    <phoneticPr fontId="1" type="noConversion"/>
  </si>
  <si>
    <t>竹女 滯 武漢 學生 搭 包機 回來 了 趕上 2 階段 大學 面試</t>
    <phoneticPr fontId="1" type="noConversion"/>
  </si>
  <si>
    <t>國際 社會 百年 首 見 澳洲 人口 最 多 的 兩 省 關閉 邊界</t>
    <phoneticPr fontId="1" type="noConversion"/>
  </si>
  <si>
    <t>維多利亞省 新南 威爾斯 省 澳洲 關閉 死亡 病例</t>
    <phoneticPr fontId="1" type="noConversion"/>
  </si>
  <si>
    <t>肺炎 疫情 打擊 農業 雲林 農田 耕 鋤 噴藥 放棄 採收</t>
    <phoneticPr fontId="1" type="noConversion"/>
  </si>
  <si>
    <t>中 市 社 福 機構 加強 防疫 兵 棋 推演 群 聚 感染</t>
    <phoneticPr fontId="1" type="noConversion"/>
  </si>
  <si>
    <t>接 公主 號 台人 下船 謝長廷 濕 了 眼眶 都 過去 了</t>
    <phoneticPr fontId="1" type="noConversion"/>
  </si>
  <si>
    <t>鑽石 公主 號 結束 14 天 隔離 期 各國 陸續 派 專機 接回 國人 昨 19 日 首批 下船 的 旅客 中 有 5 名 臺灣人 駐 日 代表 謝長廷 一早 就 在 碼頭 迎接 看見 台人 下船 情緒 激動 他 也 忍不住 濕 了 眼眶 謝長廷 和 副 代表 蔡明耀 橫濱 處長 張淑</t>
    <phoneticPr fontId="1" type="noConversion"/>
  </si>
  <si>
    <t>辣 模 秀 口罩 比基尼 網 轟 浪費</t>
    <phoneticPr fontId="1" type="noConversion"/>
  </si>
  <si>
    <t>比基尼 口罩 浪費 網友 越南</t>
    <phoneticPr fontId="1" type="noConversion"/>
  </si>
  <si>
    <t>調查 南科 防疫 人員 遭 質疑 討好 企業 主管 南 市府 要 追究 造謠 責任</t>
    <phoneticPr fontId="1" type="noConversion"/>
  </si>
  <si>
    <t>有 民眾 在 網路 爆 料 指 台南 市政府 調查 南科 防疫 人員 及 施打 疫苗 擬將 大 企業 老闆 主管 納入 優先 施打 對象 台南 市政府 今 澄清 預先 調查 南科 防疫 第一線 人員 是 以利 未來 疫苗 大量 抵達 能 加速 接種 效率 針對 造謠 行為 將 與 南</t>
    <phoneticPr fontId="1" type="noConversion"/>
  </si>
  <si>
    <t>因應 三級 警戒 航 港 局 便民措施 即日 啟動</t>
    <phoneticPr fontId="1" type="noConversion"/>
  </si>
  <si>
    <t>世衛 緊急事件 國際 關注 公共 衛生</t>
    <phoneticPr fontId="1" type="noConversion"/>
  </si>
  <si>
    <t>富 邦 金董 座 夫妻 確診 公司 曝 蔡明興 最新 健康狀況</t>
    <phoneticPr fontId="1" type="noConversion"/>
  </si>
  <si>
    <t>富 邦 金控 董事長 蔡明興 日前 從 美國 返台 時 於 機場 采 檢 後 確診 經過 數日 的 治療 富 邦 金控 表示 蔡明興 健康 恢復 情形 良好 昨 已經 解除 隔離 出院 返家 後 進行 自主 健康 管理 對於 各界 關心 富 邦 金代 蔡明興 表達 再次 感謝 各</t>
    <phoneticPr fontId="1" type="noConversion"/>
  </si>
  <si>
    <t>富 邦 金控 董事長 蔡明興 日前 從 美國 返台 時 於 機場 采 檢 後 確診 經過 數日 的 治療 富 邦 金控 表示 蔡明興 健康 恢復 情形 良好 昨 已經 解除 隔離 出院 返家 後 進行 自主 健康 管理 對於 各界 關心 富 邦 金代 蔡明興 表達 再次 感謝 各界 的 關心 至於 蔡明興 夫人 蔡翁 美 慧 確診 後 的 健康狀況 富 邦 金仍 是 同樣 的 回應 公司 立場 不 過問 相關 人士 個 資</t>
    <phoneticPr fontId="1" type="noConversion"/>
  </si>
  <si>
    <t>草屯 療養院 教導 四 撇 步 幫助 家長 與 學生 擺脫 開學 防疫 恐慌 症</t>
    <phoneticPr fontId="1" type="noConversion"/>
  </si>
  <si>
    <t>公主 號 兩 名 臺灣 確診 旅客 出院 1 人 歸心似箭 1 人 去 探望 老父</t>
    <phoneticPr fontId="1" type="noConversion"/>
  </si>
  <si>
    <t>出院 兩 名 駐 日 代表處 確診 感染 采 檢</t>
    <phoneticPr fontId="1" type="noConversion"/>
  </si>
  <si>
    <t>疾 管家 真 有 其人 陳其邁 曝 本 尊 酷似 這 男 星</t>
    <phoneticPr fontId="1" type="noConversion"/>
  </si>
  <si>
    <t>疾 管家 陳其邁 line 疾 管署 本 尊</t>
    <phoneticPr fontId="1" type="noConversion"/>
  </si>
  <si>
    <t>網驚「什麼開銷一個月要20萬」小甜甜公佈金錢流向</t>
    <phoneticPr fontId="1" type="noConversion"/>
  </si>
  <si>
    <t>網 驚 什麼 開銷 一個 月 要 20萬 小甜甜 公佈 金錢 流向</t>
    <phoneticPr fontId="1" type="noConversion"/>
  </si>
  <si>
    <t>小甜甜 開銷 20萬 月 開銷 房 貸</t>
    <phoneticPr fontId="1" type="noConversion"/>
  </si>
  <si>
    <t>湖北 黃石 官員 電話 辭職 被 責令 辭職</t>
    <phoneticPr fontId="1" type="noConversion"/>
  </si>
  <si>
    <t>據 湖北 黃石市 黃石港區 紀檢 監察部門 7 日 通報 2 月 2 日 晚 黃石港區 新閘社區 計生 專幹 程繽漫 向 新閘社區 書記 陳亞麗 通電話 提出 辭職 未說明 辭職 原因 經陳 亞 麗 勸說 程繽漫 仍 執意 辭職 面對 嚴峻 的 疫情 防控 工作 在 社區 人員</t>
    <phoneticPr fontId="1" type="noConversion"/>
  </si>
  <si>
    <t>趁 疫情 誘 酒店 妹 下海 淫 媒 集團 爽 賺 60萬</t>
    <phoneticPr fontId="1" type="noConversion"/>
  </si>
  <si>
    <t>川普 落選 的 啟示</t>
    <phoneticPr fontId="1" type="noConversion"/>
  </si>
  <si>
    <t>拜登 川普 美國 肺炎 勝 選</t>
    <phoneticPr fontId="1" type="noConversion"/>
  </si>
  <si>
    <t>六輕 1 員工 確診 同 宿舍 142 人 從 高雄 返回 雲林 快 篩</t>
    <phoneticPr fontId="1" type="noConversion"/>
  </si>
  <si>
    <t>雲 林縣 12 日 新增 1 名 本土 確診 案 案 12838 為 雲 林縣 麥寮 鄉 台塑 六 輕工業 區 員工 9 日 回 高雄 住處 11 日 在 高雄 就 醫 確診 與 案 12838 住 在 工業區 同 棟 宿舍 的 142 名 員工 返回 高雄 過 端午 連 假 12 日 在 高雄 市政府 要求 下 以 遊覽車 將 142</t>
    <phoneticPr fontId="1" type="noConversion"/>
  </si>
  <si>
    <t>六輕 確診 快 篩 高雄 雲林</t>
    <phoneticPr fontId="1" type="noConversion"/>
  </si>
  <si>
    <t>該宣佈進入社區傳播了？陳時中曝關鍵時機</t>
    <phoneticPr fontId="1" type="noConversion"/>
  </si>
  <si>
    <t>該 宣佈 進入 社區 傳播 了 陳時中 曝 關鍵 時機</t>
    <phoneticPr fontId="1" type="noConversion"/>
  </si>
  <si>
    <t>援 鄂 專家 健康 人士 體內 存有 病毒</t>
    <phoneticPr fontId="1" type="noConversion"/>
  </si>
  <si>
    <t>偵 測 公共 衛生 挑戰 疫苗 臺灣</t>
    <phoneticPr fontId="1" type="noConversion"/>
  </si>
  <si>
    <t>東奧 輝瑞 將 提供 疫苗 給 東奧 代表團 開幕 前 完成 2 次 接種</t>
    <phoneticPr fontId="1" type="noConversion"/>
  </si>
  <si>
    <t>中 高風險 區 進 返 北京 需 核酸 檢測 14 天 觀察 7 天 監測</t>
    <phoneticPr fontId="1" type="noConversion"/>
  </si>
  <si>
    <t>大巴 駛入 弘光 科大 宣 導 內 輪 差</t>
    <phoneticPr fontId="1" type="noConversion"/>
  </si>
  <si>
    <t>大車 內 輪 差 致死 車禍 頻 傳 弘光 科大 7 日 舉辦 新生 啟航 校園文化 體驗 活動 特別 配合 台中 市交通局 交通 宣導 安排 內 輪 差 體驗 活動 開 來 一 台大 巴士 放 氣球 當 假人 提醒 學生 騎車 走路 時 避開 大型 車輛 以 確保安全</t>
    <phoneticPr fontId="1" type="noConversion"/>
  </si>
  <si>
    <t>弘光 科大 內 輪 差 交通 宣導 新生</t>
    <phoneticPr fontId="1" type="noConversion"/>
  </si>
  <si>
    <t>科技 mic 看好 半導體 4 大 動能 產能 缺 到 2022 年</t>
    <phoneticPr fontId="1" type="noConversion"/>
  </si>
  <si>
    <t>堵 delta 防 破 口 國籍 航空 機組員 將 接種 第 3 劑 疫苗</t>
    <phoneticPr fontId="1" type="noConversion"/>
  </si>
  <si>
    <t>機組員 疫苗 第 三 劑 民航 局 國籍 航空</t>
    <phoneticPr fontId="1" type="noConversion"/>
  </si>
  <si>
    <t>兒童 家 扶 家 扶 基金會 全球 基金會</t>
    <phoneticPr fontId="1" type="noConversion"/>
  </si>
  <si>
    <t>孟加拉 確診 夫妻 再 爆 爭議 同行 台商 驚恐 沒 說 曾 確診</t>
    <phoneticPr fontId="1" type="noConversion"/>
  </si>
  <si>
    <t>桃園 增 14 本土 確診 足跡 包含 nova 市場 全聯 愛 買</t>
    <phoneticPr fontId="1" type="noConversion"/>
  </si>
  <si>
    <t>桃園 市 16 日新 贈 15 例 為 14 本土 1 境外 年齡 為 不足 10 歲 至 90 多 歲 其中 有 7 人 是 確診 者 接觸 者 8 人 調查 中 公佈 足跡 包含 nova 桃園 店 楊梅 市場 全聯 楊梅 中山 店 愛 買 楊梅 分店 等等 桃園 市 新聞 處 資料 顯示 確診 者 接觸 者 有 3</t>
    <phoneticPr fontId="1" type="noConversion"/>
  </si>
  <si>
    <t>桃園 市 16 日新 贈 15 例 為 14 本土 1 境外 年齡 為 不足 10 歲 至 90 多 歲 其中 有 7 人 是 確診 者 接觸 者 8 人 調查 中 公佈 足跡 包含 nova 桃園 店 楊梅 市場 全聯 楊梅 中山 店 愛 買 楊梅 分店 等等 桃園 市 新聞 處 資料 顯示 確診 者 接觸 者 有 3 人 為 家庭 群 聚 感染 桃園 累積 731 人 確診 610 人 居家 隔離 其中 確診 者 足跡 包含 6 月 7 日前 往 東埔 公園 6 月 1 日前 往 nova 資訊 廣場 桃園 店 拿 易 商行 6 月 13 日 楊梅 市場 弘安 藥局 全聯 楊梅 中山 店 6 月 14 日前 往 愛 買 楊梅 分店 本土 確診 中 桃園 區 新增 10 人 中壢 3 人 蘆竹 1 人</t>
    <phoneticPr fontId="1" type="noConversion"/>
  </si>
  <si>
    <t>楊梅 nova 市場 全聯 愛 買</t>
    <phoneticPr fontId="1" type="noConversion"/>
  </si>
  <si>
    <t>鐵腕 執法 新加坡 規定 與 人 保持 1 公尺 違者 罰 21萬 關 半 年</t>
    <phoneticPr fontId="1" type="noConversion"/>
  </si>
  <si>
    <t>個案 香港 情況 停課 群 組</t>
    <phoneticPr fontId="1" type="noConversion"/>
  </si>
  <si>
    <t>苗栗 確診 數 持續 拉高 6 日 新增 75 例</t>
    <phoneticPr fontId="1" type="noConversion"/>
  </si>
  <si>
    <t>本土 疫情 趨 緩 中央 宣佈 各縣市 防疫 措施 能夠 適度 鬆綁 開放 戶外活動 空間 室內 展場 電影院 健身房 等 場 域 不過 考量 疫情 仍 存 有 風險 六都 之中 僅 台南 市 跟進 餐飲業 微 解封 措施 開放 夜市 餐廳 可 內 用 對此 也 引起 許多 民</t>
    <phoneticPr fontId="1" type="noConversion"/>
  </si>
  <si>
    <t>餐廳 微 解封 外帶 內 用 台南 市</t>
    <phoneticPr fontId="1" type="noConversion"/>
  </si>
  <si>
    <t>北市 刑 大小 隊長 確診 緊急 送 往 隔離</t>
    <phoneticPr fontId="1" type="noConversion"/>
  </si>
  <si>
    <t>北市 刑 大林 姓 小隊長 20 日 傳出 快 篩 陽性 大 隊部 當晚 即 進行 全面 消毒 小隊長 工作 的 該 棟 樓層 約 20 多 名 同仁 21 日 全部 請假 停止 上班 其他 單位 也 進行 分流 及 異地 辦公 據 瞭解 該 名 小隊長 經 核酸 檢測 後 下午 已 確認 確診 被 送</t>
    <phoneticPr fontId="1" type="noConversion"/>
  </si>
  <si>
    <t>北市 刑 大林 姓 小隊長 20 日 傳出 快 篩 陽性 大 隊部 當晚 即 進行 全面 消毒 小隊長 工作 的 該 棟 樓層 約 20 多 名 同仁 21 日 全部 請假 停止 上班 其他 單位 也 進行 分流 及 異地 辦公 據 瞭解 該 名 小隊長 經 核酸 檢測 後 下午 已 確認 確診 被 送 往 隔離 治療 家 住 萬華 的 林姓 小隊長 14 日 發生 輕微 感冒 症狀 但 就醫 時醫生 認為 是 一般 感冒 林 吃藥後 狀況 也 有 緩解 因此 本 周正常 上下班 19 日 晚 林 出現 發燒 胸 悶 狀況 覺得 不對勁 20 日前 往 快 篩 結果顯示 為 陽性 隨即 向上 通報 大 隊部 晚間 立刻 通知 清潔 公司 前往 消毒 與 林同 樓層 的 其他 官警 依 規定 自主 健康 管理 21 日 全部 請假 停止 上班 避免 再 與 他人 接觸 北市 刑 大 另 啟動 異地 分流 居家 上班 機制 以 確保 同仁 健康 安全 此外 北市 刑 大 除 為 重大 急迫性 案件 已 停止 各 專案 執行 經 查林 姓小隊長 近日 並 無 偵 辦 刑 案 也 沒有 執行 拘 提 逮捕 等 任務 現 已 就 林 近日 的 足跡 及 接觸 對 象 做 後續 清查 防制</t>
    <phoneticPr fontId="1" type="noConversion"/>
  </si>
  <si>
    <t>確診 死亡 逾 5百 例 無 病理解剖 張上淳 曝 2 大原 因</t>
    <phoneticPr fontId="1" type="noConversion"/>
  </si>
  <si>
    <t>確診 死亡 張上淳 病理解剖 sars</t>
    <phoneticPr fontId="1" type="noConversion"/>
  </si>
  <si>
    <t>居家 檢疫 者 明起 返家 有限 制 違反者 開 罰</t>
    <phoneticPr fontId="1" type="noConversion"/>
  </si>
  <si>
    <t>血友病 少年 及 母親 返台</t>
    <phoneticPr fontId="1" type="noConversion"/>
  </si>
  <si>
    <t>滯留 湖北 的 血友病 少年 母子 今 24 日 晚間 搭乘 長 榮 航空 從 成都 返台 晚間 10 46 抵達 桃園 機場 滯留 在 湖北 荊門 的 血友 少年 和 其 母親 24 日 晚間 搭乘 長 榮 航空 br- 766 的 航班 19 時 15 分 自 成都雙流機場 起飛 機上 43 名 乘客 有 11 人</t>
    <phoneticPr fontId="1" type="noConversion"/>
  </si>
  <si>
    <t>滯留 湖北 的 血友病 少年 母子 今 24 日 晚間 搭乘 長 榮 航空 從 成都 返台 晚間 10 46 抵達 桃園 機場 滯留 在 湖北 荊門 的 血友 少年 和 其 母親 24 日 晚間 搭乘 長 榮 航空 br- 766 的 航班 19 時 15 分 自 成都雙流機場 起飛 機上 43 名 乘客 有 11 人 轉機 30 人 在 停機坪 坐 遊覽車 入境 血友病 少年 與 母親 下機 後 執行 專案 檢疫 程式 母子 2 人 則 直接 從 停機坪 上 搭乘 救護車 離開 前往 醫院</t>
    <phoneticPr fontId="1" type="noConversion"/>
  </si>
  <si>
    <t>中和 光明 點燈 節 為 世界 祈福</t>
    <phoneticPr fontId="1" type="noConversion"/>
  </si>
  <si>
    <t>點燈 節 光明 緬甸 祈福 活動</t>
    <phoneticPr fontId="1" type="noConversion"/>
  </si>
  <si>
    <t>az 混打 高端 試驗 結果 出爐 中和 抗體 效價 是 az 組 2 倍</t>
    <phoneticPr fontId="1" type="noConversion"/>
  </si>
  <si>
    <t>az 高端 混打 結果 出爐 長庚醫院 今 公佈 100 人 臨床 試驗 結果 發現 混打 az 高端 的 中和 抗體 效價 在 接種 後 10 天 28 天都 是 2 劑 az 組 的 2 倍 以上 而 b 細胞 t 細胞 反應 也 顯著 上升 值得 關注 的 是 長庚醫院 將 試驗 物件 以 不同 間隔 區分</t>
    <phoneticPr fontId="1" type="noConversion"/>
  </si>
  <si>
    <t>高端 az 混打 接種 2 劑</t>
    <phoneticPr fontId="1" type="noConversion"/>
  </si>
  <si>
    <t>證交所 股東 常會 延至 8 20 舉行</t>
    <phoneticPr fontId="1" type="noConversion"/>
  </si>
  <si>
    <t>莫德納 混打 高端 可行 他 提 3 點 怒 批 做 完 三期 試驗 再說</t>
    <phoneticPr fontId="1" type="noConversion"/>
  </si>
  <si>
    <t>解禁 後 何時 敢 出國 網 揭 唯一 關鍵</t>
    <phoneticPr fontId="1" type="noConversion"/>
  </si>
  <si>
    <t>新竹 市 新增 1 確診 日前 1 家 4 口 探視 剛 出院 阿嬤 家庭 群 聚</t>
    <phoneticPr fontId="1" type="noConversion"/>
  </si>
  <si>
    <t>新竹 市 27 日 新增 1 例 確診 病例 案 14682 是 30 幾 歲 男性 是 本月 12 日 桃園 確診 的 案 12665 的 兒子 當時 案 14682 是 帶 著 妻子 孩子 1 家 4 口 到 桃園 探視 手術 後 的 祖母 祖母 確診 後 家 住 新竹 市 的 兒子 1 家 4 口 都 被 匡列 隔離 其中 媳婦 與 6</t>
    <phoneticPr fontId="1" type="noConversion"/>
  </si>
  <si>
    <t>今 本土 確診 數 明顯 增加 總統 疫情 確實 難 纏</t>
    <phoneticPr fontId="1" type="noConversion"/>
  </si>
  <si>
    <t>華視 女主播 一家 三 口 全 確診 抱 兒 燒 聲 揭 醫院 殘酷 現況</t>
    <phoneticPr fontId="1" type="noConversion"/>
  </si>
  <si>
    <t>俄羅斯 爆 紅 透明 比基尼 護士 換 身分 跨 行 氣象 主 播</t>
    <phoneticPr fontId="1" type="noConversion"/>
  </si>
  <si>
    <t>俄羅斯 氣象 主 播 茱 可 娃 透視 裝 透視 防護 服</t>
    <phoneticPr fontId="1" type="noConversion"/>
  </si>
  <si>
    <t>美國 針對 2019 冠 狀 病毒 疫情 而 提出 的 9000億 美元 振興 方案 因 聯邦 準備 理事會 放款 規定 而 引爆 爭議 導致 始終 擱置 不 前 不過 美 參議員 在 19 日 連夜 挑 燈 協商 後 已 突破 障礙 並 達成協議 最 快 20 日 國會 就 可 表決 該案 根據 國會 領</t>
    <phoneticPr fontId="1" type="noConversion"/>
  </si>
  <si>
    <t>彰 化 葡萄 盤商 傳播 鏈 新增 6 例 最新 足跡 曝光 新 匡 列 300 人</t>
    <phoneticPr fontId="1" type="noConversion"/>
  </si>
  <si>
    <t>彰 化 足跡 葡萄 盤商 衛生局 匡列</t>
    <phoneticPr fontId="1" type="noConversion"/>
  </si>
  <si>
    <t>臺北市 中正區 防疫 旅館 接連 兩 例 確診 分別 是 案 16859 及 擴大 采 檢 發現 的 案 16870 臺北市 副 市長 黃珊珊 今 召開 記者會 說明 個案 在 美國 回來 第二 天 12 月 6 日 就 不 舒服 有 發燒 採取 通訊 診療 用藥 之後 緩解 到 12 月 14 日 采 檢 案 1</t>
    <phoneticPr fontId="1" type="noConversion"/>
  </si>
  <si>
    <t>超 微 市 占 飆 升 概念 股 沾光</t>
    <phoneticPr fontId="1" type="noConversion"/>
  </si>
  <si>
    <t>超 微 市 占 率 新高 架構 積 電</t>
    <phoneticPr fontId="1" type="noConversion"/>
  </si>
  <si>
    <t>只有 關懷 沒有 距離 北 榮 推 專責 病房 行動 視 訊 會診</t>
    <phoneticPr fontId="1" type="noConversion"/>
  </si>
  <si>
    <t>臺北 榮總 將 遠 距 會診 模式 擴大 應用 於 防疫 專責 病房 協助 醫護人員 與 隔離 區內 病人 診療 與 跨 團隊 互動 醫務 企管 部 李偉強 主任 表示 過去 護理 師 協助 家屬 提供 病人 關懷 時 僅 能 利用 手機 視 訊 然而 許多 老人家 視力 不好 或 聽力 退</t>
    <phoneticPr fontId="1" type="noConversion"/>
  </si>
  <si>
    <t>疫情 升溫 各地 亂象 藍 委 酒精 飆 漲 消防人員 載 病 患 打 不 到 疫苗</t>
    <phoneticPr fontId="1" type="noConversion"/>
  </si>
  <si>
    <t>712 解 封穩 了 北 捷 車廂 照曝光 這 一 幕 讓 眾人 嚇 傻</t>
    <phoneticPr fontId="1" type="noConversion"/>
  </si>
  <si>
    <t>全國 三級 警戒 至 7 月 12 日 由於 近日 確診 數趨 緩 民眾 預期 解封 日 即將 倒數 臺北 街頭 比起 剛 宣佈 三級 警戒 時 人潮 明顯 變 多 有 網友 po 出 今 30 日 下午 臺北捷運 車廂 滿座 的 照片 驚呼 捷 運 人潮 是不是 已經 自動 解 封 了 照</t>
    <phoneticPr fontId="1" type="noConversion"/>
  </si>
  <si>
    <t>解封 三級 警戒 北 捷 臺北捷運 人潮</t>
    <phoneticPr fontId="1" type="noConversion"/>
  </si>
  <si>
    <t>好景不常 美 前 周 初次 申請 失業 補助 再 破 百萬</t>
    <phoneticPr fontId="1" type="noConversion"/>
  </si>
  <si>
    <t>陸生 無法 報到 歐 美 大學 荷包 扁 扁</t>
    <phoneticPr fontId="1" type="noConversion"/>
  </si>
  <si>
    <t>美國 肺炎 大學 國際 學生 澳洲</t>
    <phoneticPr fontId="1" type="noConversion"/>
  </si>
  <si>
    <t>何時 能 出國 旅遊 陳時中 給 答案 了</t>
    <phoneticPr fontId="1" type="noConversion"/>
  </si>
  <si>
    <t>衛福 部長 陳時中 率領 防疫 團隊 南下 墾 丁 走訪 墾 丁 大街 參訪 日照 中心 最 主要 目的 就 是 告訴 大家 國內 旅遊 很 安全 不過 外界 最 關心 的 還是 出國 旅遊 何時 解禁 面對 媒體 詢問 陳時中 笑答 臺灣 先 玩 出國 晚點 開放 針對 國</t>
    <phoneticPr fontId="1" type="noConversion"/>
  </si>
  <si>
    <t>衛福 部長 陳時中 率領 防疫 團隊 南下 墾 丁 走訪 墾 丁 大街 參訪 日照 中心 最 主要 目的 就 是 告訴 大家 國內 旅遊 很 安全 不過 外界 最 關心 的 還是 出國 旅遊 何時 解禁 面對 媒體 詢問 陳時中 笑答 臺灣 先 玩 出國 晚點 開放 針對 國人 出國 旅遊 以及 婚宴 人數 等 解禁 問題 陳時中 表示 臺灣 有 很多 好玩 的 地方 建議 民眾 先 把 臺灣 認識 清楚 等 國外 疫情 更 趨 緩 後 會 再 逐步 開放 國外 旅遊 至於 婚宴 人數 放寬 部 份 陳時中 說 目前 開放 為 250 人 對 新人 結婚 來說 應該 足夠 了 國內 疫情 趨 緩 陳時中 透露 昨天 睡 得 很 好 看到 防疫 團隊 穿 著 花 襯衫 逛 大街 的 畫面 難得 展現 他們 生活化 的 一面</t>
    <phoneticPr fontId="1" type="noConversion"/>
  </si>
  <si>
    <t>自 菲律賓 返台 婦人 今 確診 網 怒 都 發燒 還 敢 搭 飛機</t>
    <phoneticPr fontId="1" type="noConversion"/>
  </si>
  <si>
    <t>今天 零 確診 本土 連 28 天 無 病例 臺灣 社區 安全 了</t>
    <phoneticPr fontId="1" type="noConversion"/>
  </si>
  <si>
    <t>中職週五恢復進場 最多千人觀賽</t>
    <phoneticPr fontId="1" type="noConversion"/>
  </si>
  <si>
    <t>中職 週五 恢復 進場 最 多 千 人 觀 賽</t>
    <phoneticPr fontId="1" type="noConversion"/>
  </si>
  <si>
    <t>國際 蘭展 延期 損失 4000萬 黃偉哲 要 遍地開花</t>
    <phoneticPr fontId="1" type="noConversion"/>
  </si>
  <si>
    <t>劉寶傑 我 實在 受不了 突 轉向 怒 轟 你 柯文哲 變 笑話</t>
    <phoneticPr fontId="1" type="noConversion"/>
  </si>
  <si>
    <t>關鍵時刻 主持人 劉寶傑 轉向 了 他 日前 在 節目 中 一 段 開炮 臺北市 長 柯文哲 你 柯文哲 變 笑話 了 影片 引爆 話題 令 ptt 網友 直 呼寶傑 要 被 柯粉罵 爆 了 衛福 部長 陳時中 因 防疫 有成 一 戰 成名 滿意度 高居 不下 臺北市 長 柯文哲</t>
    <phoneticPr fontId="1" type="noConversion"/>
  </si>
  <si>
    <t>關鍵時刻 主持人 劉寶傑 轉向 了 他 日前 在 節目 中 一 段 開炮 臺北市 長 柯文哲 你 柯文哲 變 笑話 了 影片 引爆 話題 令 ptt 網友 直 呼寶傑 要 被 柯粉罵 爆 了 衛福 部長 陳時中 因 防疫 有成 一 戰 成名 滿意度 高居 不下 臺北市 長 柯文哲 日前 一 句 我們 現在 都 要 順時鐘 不要 逆 時鐘 被 認為 暗 諷 陳時中 惹 議 對 此 他 解釋 是 玩笑話 陳時中 也 稱 那 就 當 笑話 來 看 就 好 對 此 劉寶傑 日前 就 在 節目 中 直言 我 實在 忍不住 表示 過去 節目 也 對 柯文哲 很 不錯 你自己 沒事 講 什麼 順 時 中 不要 逆 時 中 後來 當然 有 壓力 說 順 時 中 不要 逆 時 中 我 是 開玩笑 的 你 看 他 陳時中 講 那 句 話 那 我 就 把 你 當 笑話 陳時中 講 這 句 話 不是 你 這 句 話 是 笑話 而是 你 柯文哲 變 笑話 了 劉寶傑 這 番超 凶 發言 引發 ptt 網友 熱 議 有人 好奇 寶 傑 有 比 柯 p 懂 防疫 嗎 寶 傑 不 懂 防疫 但 他 懂 風向 這個節目 不 也 是 笑話 嗎 好意思 說 別人 但 也 有人 能 體會 劉寶傑 心情 其實 寶傑 之前 有 幾 段 講到 有點 火氣 防疫 大家 都還 是 站 臺灣 本位 立場 的 人 居多 你 一直 找麻煩 只 會 造成 反感</t>
    <phoneticPr fontId="1" type="noConversion"/>
  </si>
  <si>
    <t>分析 師 三星電子 若 停工 恐 威脅 經濟</t>
    <phoneticPr fontId="1" type="noConversion"/>
  </si>
  <si>
    <t>肺炎 產能 分析 師 三星 韓國</t>
    <phoneticPr fontId="1" type="noConversion"/>
  </si>
  <si>
    <t>捕手 蓋拉格 皇家 裴瑞茲 美國</t>
    <phoneticPr fontId="1" type="noConversion"/>
  </si>
  <si>
    <t>鋒 裕 匯 理 新興 市場 債 具 三大 利多</t>
    <phoneticPr fontId="1" type="noConversion"/>
  </si>
  <si>
    <t>美國 央行 fed 歐洲央行 ecb 相繼 推出 史無前例 的 寬鬆 與 紓困 政策 加上 主要 國家 宣佈 重 啟 經濟 活動 市場 信心 逐漸 回復 投資人 目光 再次 轉向 收益率 較 高 的 新興 市場 債券 刺激 發行人 發債 意願 新興 債市 回復 熱絡 鋒 裕</t>
    <phoneticPr fontId="1" type="noConversion"/>
  </si>
  <si>
    <t>利差 水準 鋒 裕 匯 理 水準 正 報酬 機 率 國家</t>
    <phoneticPr fontId="1" type="noConversion"/>
  </si>
  <si>
    <t>鑽石 公主 號 乘客 返家 注意事項 疏漏 日 厚 勞省 致歉</t>
    <phoneticPr fontId="1" type="noConversion"/>
  </si>
  <si>
    <t>厚 勞省 乘客 返家 外出 健康 卡</t>
    <phoneticPr fontId="1" type="noConversion"/>
  </si>
  <si>
    <t>獨 蘇益仁 建議 防疫 提到 國安 層級 要為 大陸 解禁 那天 做 準備</t>
    <phoneticPr fontId="1" type="noConversion"/>
  </si>
  <si>
    <t>法國 駐外 人員 證實 確診 4 月</t>
    <phoneticPr fontId="1" type="noConversion"/>
  </si>
  <si>
    <t>本土 疫情 邁向 尾聲 醫 曝 解封 後生 活 不明 感染 源 成為 常態</t>
    <phoneticPr fontId="1" type="noConversion"/>
  </si>
  <si>
    <t>解封 尾聲 不明 感染 源 疫情 微 解封</t>
    <phoneticPr fontId="1" type="noConversion"/>
  </si>
  <si>
    <t>產業 王文淵 當前 經濟 衝擊 更 勝 2008 海嘯 盼 政府 適度 開放</t>
    <phoneticPr fontId="1" type="noConversion"/>
  </si>
  <si>
    <t>台塑 1301 集團 總裁 王文淵 今 13 日 出席 臺北 紡織 展 他 表示 臺灣 已 躍 升 全球 機能性 紡織品 主要 原料 供應 的 重鎮 現階段 正值 美中關係 緊張 疫情 升溫 對 經濟 的 影響 遠遠 超過 2008 年 金融 海嘯 因此 期許 政府 審慎 面對 儘快 適</t>
    <phoneticPr fontId="1" type="noConversion"/>
  </si>
  <si>
    <t>田士廣 回 家鄉 大馬 迎 粉絲 提前 返台 躲 過 封 城</t>
    <phoneticPr fontId="1" type="noConversion"/>
  </si>
  <si>
    <t>演出 netflix 影集 彼岸 之 嫁 爆 紅 的 田士廣 最近 初嘗 走紅 滋味 日前 他 剛受 國際 知名品牌 coach 吉隆玻 旗艦 店 之 邀 回到 故鄉 馬來西亞 出席 活動 衣錦還鄉 的 他 全程 受到 高 規格 接待 不過 才 返台 2 天 田士廣 就 驚聞 大馬 已 宣佈 1</t>
    <phoneticPr fontId="1" type="noConversion"/>
  </si>
  <si>
    <t>健 保 彼岸 羡慕 肺炎 大馬</t>
    <phoneticPr fontId="1" type="noConversion"/>
  </si>
  <si>
    <t>防疫 升級 台中 教育 局 停辦 第 2 學期 優 游台 中學</t>
    <phoneticPr fontId="1" type="noConversion"/>
  </si>
  <si>
    <t>美 列 台 出現 社區 傳播 柯 名稱 不 重要</t>
    <phoneticPr fontId="1" type="noConversion"/>
  </si>
  <si>
    <t>美國 疾病 管制 暨 預防 中心 cdc 把 臺灣 列為 出現 明顯 社區 傳播 現象 臺北市 長 柯文哲 21 日 指出 重點 不是 名稱 實 務 比較 重要 必須 在 出現 後 很快 找到 撲滅 掉 才 是 正確 作法 美 疾 管 中心 指 台 發生 社區 傳播 柯文哲 認為</t>
    <phoneticPr fontId="1" type="noConversion"/>
  </si>
  <si>
    <t>入境 臺灣 遭 疑 有 特權 黃秋生 親 發聲 搞 了 幾 個 月</t>
    <phoneticPr fontId="1" type="noConversion"/>
  </si>
  <si>
    <t>港 星 黃秋生 昨日 提到 自己 因 工作 來 台 目前 正在 接受 14 天 隔離 檢疫 更 引起 大票 網友 鼓吹 入籍 臺灣 他 也 大方 地 回應 準備 中 但 現在 正 處 疫情 期間 先前 政府 有 禁止 陸 港 澳 人士 或 去 過 上述 地區 都 暫緩 入境 因 此 黃秋</t>
    <phoneticPr fontId="1" type="noConversion"/>
  </si>
  <si>
    <t>黃秋生 港 星 臺灣 特權 入境</t>
    <phoneticPr fontId="1" type="noConversion"/>
  </si>
  <si>
    <t>國泰 台大 團隊 美 未 現 系統性 倒閉 風險</t>
    <phoneticPr fontId="1" type="noConversion"/>
  </si>
  <si>
    <t>徐之強 央行 臺灣 經濟 成長 美國 肺炎</t>
    <phoneticPr fontId="1" type="noConversion"/>
  </si>
  <si>
    <t>祈禱 疫 災 早 遠離 張麗善 與 一級 主管 茹素 3 天</t>
    <phoneticPr fontId="1" type="noConversion"/>
  </si>
  <si>
    <t>雲 林縣 食品業者 也 遭受 疫情 波及 業績 下滑 但 仍 對 防疫 第一線 醫護人員 表示 關懷 及 支援 縣府 除了 配合 中央 周全 部署 各項 防疫 措施 外 縣長 張麗善 則 帶頭 號召 一級 主管 茹素 3 天 藉 以 祈望 疫情 快 遠離 疫情 當前 一切 都 以 防疫 為</t>
    <phoneticPr fontId="1" type="noConversion"/>
  </si>
  <si>
    <t>莊競 程 服務處 3000 瓶 幹 洗手 贈 弱勢</t>
    <phoneticPr fontId="1" type="noConversion"/>
  </si>
  <si>
    <t>防疫 杠 中央 蘇揆稱 聞 花香 可 測 肺炎 葉 元 之用 蔡 總統 的 話 打 臉 無知</t>
    <phoneticPr fontId="1" type="noConversion"/>
  </si>
  <si>
    <t>通信網 路 face 8 臺灣 臉 霸 助威 研勤 樂漲</t>
    <phoneticPr fontId="1" type="noConversion"/>
  </si>
  <si>
    <t>政 院 澄清 蘇揆 尚未 聽取 紓困 特別 條例 簡報</t>
    <phoneticPr fontId="1" type="noConversion"/>
  </si>
  <si>
    <t>紓困 條文 條例 特別 特別 條例</t>
    <phoneticPr fontId="1" type="noConversion"/>
  </si>
  <si>
    <t>covaxin 臨床實驗 首 款 印度 疫苗</t>
    <phoneticPr fontId="1" type="noConversion"/>
  </si>
  <si>
    <t>疫情 噴發 機師 酸 歡迎 自主 管理 嗆 台中 還 沒 三級 嗎</t>
    <phoneticPr fontId="1" type="noConversion"/>
  </si>
  <si>
    <t>日 防疫 公務員 嚴重 過 勞 最高 加班 時數 超標 近 5 倍</t>
    <phoneticPr fontId="1" type="noConversion"/>
  </si>
  <si>
    <t>疫情 場所 口罩 措施 管制</t>
    <phoneticPr fontId="1" type="noConversion"/>
  </si>
  <si>
    <t>101 歲 這 位 康復 出院 醫院 荷蘭</t>
    <phoneticPr fontId="1" type="noConversion"/>
  </si>
  <si>
    <t>胸腔 醫 驚 曝 戴 n 95 口罩 恐 增加 心 肺 負擔</t>
    <phoneticPr fontId="1" type="noConversion"/>
  </si>
  <si>
    <t>n 95 口罩 蘇一峰 導致 負擔</t>
    <phoneticPr fontId="1" type="noConversion"/>
  </si>
  <si>
    <t>基隆 新增 3 例 確診 林右昌 病毒 不分 北市 基隆</t>
    <phoneticPr fontId="1" type="noConversion"/>
  </si>
  <si>
    <t>基隆 市 2 日 確診 數 新增 3 例 對於 北市 環南 市場 暴 增 41 例 是否 有 人流 到 基隆 基隆 市長 林右昌 表示 北 北 基 桃 是 生活 共同 圈 病毒 不 會分 北市 基隆 人 的 流動 來去 頻繁 防疫 沒有 什麼 大道理 將 場所 防疫 管理 個人 防疫</t>
    <phoneticPr fontId="1" type="noConversion"/>
  </si>
  <si>
    <t>三倍券漏洞多政府碰到反彈就轉彎　立委酸：難怪要提一個月公佈</t>
    <phoneticPr fontId="1" type="noConversion"/>
  </si>
  <si>
    <t>三 倍 券 漏洞 多 政府 碰到 反彈 就 轉彎 立 委 酸 難怪 要 提 一個 月 公佈</t>
    <phoneticPr fontId="1" type="noConversion"/>
  </si>
  <si>
    <t>行政院 2 日 公佈 振興 三 倍 券 方案 排除 電 商 不能 找零 等 問題 引發 民眾 反彈 因此 政府 將 提出 藝 文 體育 旅遊票 券 白 名單 納入 振興 三 倍 券 使用 範圍 實體 券 部分 也 不 會 強制 規定 不 得 找零 民眾黨 立 委 蔡壁如 批評 行政 團</t>
    <phoneticPr fontId="1" type="noConversion"/>
  </si>
  <si>
    <t>振興 券 三 倍 券 行政院 電 商 紓困</t>
    <phoneticPr fontId="1" type="noConversion"/>
  </si>
  <si>
    <t>禾馨 證實 了 林秉樞 以 護理 師 男友 身分 打 莫德納 疫苗</t>
    <phoneticPr fontId="1" type="noConversion"/>
  </si>
  <si>
    <t>陸海關 10 措施 助 企業 復工</t>
    <phoneticPr fontId="1" type="noConversion"/>
  </si>
  <si>
    <t>一 批 拉 警報 資金 壓力 新 措施</t>
    <phoneticPr fontId="1" type="noConversion"/>
  </si>
  <si>
    <t>國籍 機師 爆 突破性 感染 陳時中 機組員 檢疫 擬 加 嚴</t>
    <phoneticPr fontId="1" type="noConversion"/>
  </si>
  <si>
    <t>機師 檢疫 加 嚴 delta 機組員</t>
    <phoneticPr fontId="1" type="noConversion"/>
  </si>
  <si>
    <t>日 埼 玉 縣 2 名 肺炎 輕 症 患者 在 家 等 床位 驟 死</t>
    <phoneticPr fontId="1" type="noConversion"/>
  </si>
  <si>
    <t>埼 玉 縣 確診 在家 療養 患者 輕 症</t>
    <phoneticPr fontId="1" type="noConversion"/>
  </si>
  <si>
    <t>群 組 肺炎 檢測 疫情 林建嶽</t>
    <phoneticPr fontId="1" type="noConversion"/>
  </si>
  <si>
    <t>觀光 股 美食 3 月 營 收回 升 q 1 仍 創 5 年 半 低點</t>
    <phoneticPr fontId="1" type="noConversion"/>
  </si>
  <si>
    <t>經營 85 度 c 的 美食 -ky 2723 受惠 中國 大陸 門市 逐步 恢復 營運 2020 年 3 月 合併 營 收 穀底 回升 惟 首季 合併 營 收 仍 降 至 5 年 半 低點 展望 後市 面對 美國 門市 營運 亦 受 疫情 影響 集團 以 推出 套餐 強化 外 送 方式 因應 透過 衝刺 宅 家</t>
    <phoneticPr fontId="1" type="noConversion"/>
  </si>
  <si>
    <t>美食 -ky 85 度 c 營 收 低點 中國</t>
    <phoneticPr fontId="1" type="noConversion"/>
  </si>
  <si>
    <t>新安東京產防疫保單「健康禦守＋」 新冠住院日額給付最高</t>
    <phoneticPr fontId="1" type="noConversion"/>
  </si>
  <si>
    <t>安心 全台 新安 東京 海上 產險 住院 禦 守</t>
    <phoneticPr fontId="1" type="noConversion"/>
  </si>
  <si>
    <t>義大利人 解 封 狂歡 總理 官員 火冒三丈</t>
    <phoneticPr fontId="1" type="noConversion"/>
  </si>
  <si>
    <t>omicron 恐 已 入侵 美 佛 奇 曝 關鍵 做好 準備 吧</t>
    <phoneticPr fontId="1" type="noConversion"/>
  </si>
  <si>
    <t>日本 修法 將 跟進 美國 用 瑞德西韋</t>
    <phoneticPr fontId="1" type="noConversion"/>
  </si>
  <si>
    <t>藥品 瑞德 美國 肺炎 申請</t>
    <phoneticPr fontId="1" type="noConversion"/>
  </si>
  <si>
    <t>cba 北京 再 爆 疫情 林書豪 提前 赴 賽區</t>
    <phoneticPr fontId="1" type="noConversion"/>
  </si>
  <si>
    <t>cba 北京首鋼 大陸 賽區 北 控</t>
    <phoneticPr fontId="1" type="noConversion"/>
  </si>
  <si>
    <t>夜市 名 店 改 門口 擺攤 生意 慘跌 9 成 老闆 歎 怎麼 養 一家 15 人</t>
    <phoneticPr fontId="1" type="noConversion"/>
  </si>
  <si>
    <t>臺灣 進入 三級 警戒 後 禁止 內 用 夜市 也 因 生意 冷清 自主 停業 台中 大甲 知名 粉腸 攤 只 能 改到 自家 門前 擺攤 生意 慘跌 到 只 剩 一 成 讓 當 阿公 的 老闆 感歎 快撐 不 下去 一家老小 15 人 就 靠 這個 攤子 過 活 啊 東森 新聞 報導 傳</t>
    <phoneticPr fontId="1" type="noConversion"/>
  </si>
  <si>
    <t>夜市 擺攤 生意 老闆 三級 警戒</t>
    <phoneticPr fontId="1" type="noConversion"/>
  </si>
  <si>
    <t>疫情 中心 一級 開設 跨 部會 作戰 重 減災</t>
    <phoneticPr fontId="1" type="noConversion"/>
  </si>
  <si>
    <t>各部 會 肺炎 指揮官 提升 一級</t>
    <phoneticPr fontId="1" type="noConversion"/>
  </si>
  <si>
    <t>科興 接種 年齡 接種 兒童 接種 1億</t>
    <phoneticPr fontId="1" type="noConversion"/>
  </si>
  <si>
    <t>奔波 200 公里 到 偏僻 山區 收 防疫 垃圾 一 張 字條 讓 他 哭 了</t>
    <phoneticPr fontId="1" type="noConversion"/>
  </si>
  <si>
    <t>患難見真情 為 築 起 病毒 防線 居家 隔離 居家 檢疫 者 都 不能 隨意 外出 垃圾 也 都 由 環保局 專車 清運 台南 市政府 環保局 收運 人員 洪文弘 日前 來回 200 公里 前往 山區 收運 防疫 垃圾 時 垃圾包 下 竟 留有 一 張 寫 著 謝謝 辛苦 你們</t>
    <phoneticPr fontId="1" type="noConversion"/>
  </si>
  <si>
    <t>本土 15 天 累積 23 死 張上淳 未來 幾 天 還 會 變 多</t>
    <phoneticPr fontId="1" type="noConversion"/>
  </si>
  <si>
    <t>臺灣 本土 疫情 今年 自 5 月 11 日 起 這 波 本土 疫情 短短 2 周 確診 人數 迅速 累積 達 3656 人 且 14 日 開始 死亡 人數 累積 17 人 其中 有 慢性病 者 有 14 例 無 慢性病 2 例 不詳 1 例 加上 今天 新增 的 6 死 短短 15 天 以來 就 有 23 人 死亡 指揮</t>
    <phoneticPr fontId="1" type="noConversion"/>
  </si>
  <si>
    <t>開學 防疫 林智堅 查核 校園 6 大 防疫 工作</t>
    <phoneticPr fontId="1" type="noConversion"/>
  </si>
  <si>
    <t>日本 對 陸伸 援手 竟 遭 嘲笑 羅智強 很 感慨</t>
    <phoneticPr fontId="1" type="noConversion"/>
  </si>
  <si>
    <t>咳嗽 腹瀉 仍 跑 回 臺灣 旅美 夫婦 都 接觸 過 確診 個案</t>
    <phoneticPr fontId="1" type="noConversion"/>
  </si>
  <si>
    <t>治癒 肺炎 回家 美 教師 收帳 單 嚇哭</t>
    <phoneticPr fontId="1" type="noConversion"/>
  </si>
  <si>
    <t>澳門旅遊警示升級橙色 台灣虎航公佈取消及退票辦法</t>
    <phoneticPr fontId="1" type="noConversion"/>
  </si>
  <si>
    <t>澳門 旅遊 警示 升級 橙色 臺灣 虎 航 公佈 取消 及 退票 辦法</t>
    <phoneticPr fontId="1" type="noConversion"/>
  </si>
  <si>
    <t>印度 神童 又 發聲 他 呼籲 做 5 件 事 助 度過 疫情</t>
    <phoneticPr fontId="1" type="noConversion"/>
  </si>
  <si>
    <t>印度 神童 阿南德 日前 發出 預言 針對 歐洲 中東 美國 日本 等 地 警告 將 有 大事 發生 結果 英國 及 以色列 疫情 升溫 日本 靜岡 爆發 奪 命 土 石流 美國 邁阿密 大樓 倒塌 今 他 呼籲 做 5 件 事 可 幫助 健 全身心 度過 這 波 疫</t>
    <phoneticPr fontId="1" type="noConversion"/>
  </si>
  <si>
    <t>印度 神童 阿南德 日前 發出 預言 針對 歐洲 中東 美國 日本 等 地 警告 將 有 大事 發生 結果 英國 及 以色列 疫情 升溫 日本 靜岡 爆發 奪 命 土 石流 美國 邁阿密 大樓 倒塌 今 他 呼籲 做 5 件 事 可 幫助 健 全身心 度過 這 波 疫情 阿南德 指出 因 因 疫情 影響 許多 人身 心靈 受 創 全球 超過 2億 人 受 憂鬱 症 所 苦 他 建議 做 的 5 件 事 分別 為 信仰 上帝 每天 祈禱 瑜 珈 親近 大自然 遠離 社 群 媒體 除了 透過 宗教 力量 來自 印度 的 阿南德 認為 瑜 珈 也 能 改善 身心 狀況 這 點 和 許多 醫師 建議 多 做 運動 釋放 壓力 有 異曲同工 之處 親近 大自然 可 鬆弛 身心 但 臺灣 目前 未 完全 解封 不 建議 跨縣 市 移動 最後 一 件 事 遠離 社 群 媒體 阿南德 說 現代科技 是 造成 憂鬱 的 原因 之一 必須 戒 掉 科技 癮 讓 自己 遠離 手機 電腦 等 電子 設備 不 去 看 社 群 平臺 免得 在 疫情 緊 繃 的 當下 吸收 到 更 多 混亂 訊息 及 負面 能量</t>
    <phoneticPr fontId="1" type="noConversion"/>
  </si>
  <si>
    <t>新北 莫德納 開 打 2 天 衛生局長 揭 不良反應 人數</t>
    <phoneticPr fontId="1" type="noConversion"/>
  </si>
  <si>
    <t>新北 市 開放 75 歲 以上 長者 預約 接種 莫德納 疫苗 今 為 開放 接種 第 2 天 新北 市 衛生局長 陳 潤 秋 今 在 防疫 會議 上 受訪 表示 目前 尚未 接到 莫德納 疫苗 的 不良反應 通報 市長 侯友宜 則 強調 新北 市 不斷 優化 調整 施打 場地 一定 讓 長</t>
    <phoneticPr fontId="1" type="noConversion"/>
  </si>
  <si>
    <t>施打 長者 新北 市 新北 衛生局長</t>
    <phoneticPr fontId="1" type="noConversion"/>
  </si>
  <si>
    <t>全時 勞工 1萬 元 生活 補貼 明起 申請 9 大 q&amp; a 一 次 看</t>
    <phoneticPr fontId="1" type="noConversion"/>
  </si>
  <si>
    <t>疫情 影響 收入 減少 日子 難過 勞動部 全時 受 雇 勞工 生活 補貼 明 12 日 起 開放 申請 只要 月 投保 薪資 在 3萬4800 元 以下 5 或 6 月 薪水 較 4 月 減少 逾 2 成 就 可以 領到 1萬 元 的 生活 補貼 中 時 新聞網 整理 申請 發放 方式 證</t>
    <phoneticPr fontId="1" type="noConversion"/>
  </si>
  <si>
    <t>疫情 影響 收入 減少 日子 難過 勞動部 全時 受 雇 勞工 生活 補貼 明 12 日 起 開放 申請 只要 月 投保 薪資 在 3萬4800 元 以下 5 或 6 月 薪水 較 4 月 減少 逾 2 成 就 可以 領到 1萬 元 的 生活 補貼 中 時 新聞網 整理 申請 發放 方式 證明檔 等 相關 問題 及 解答 幫助 民眾 順利 領到 補貼 全時 受 雇 勞工 申請 生活 補貼 的 物件 及 資格 條件 適用 物件 為 110 年 4 月 30 日 已 參加 就業 保險 月 投保 薪資 在 24000 元 含 以上 至 34800 元 含 以下 且 同時 符合 1 受 雇於 同一 事業 單位 公司 的 110 年 5 月份 或 6 月份 薪資 相較 4 月份 薪資 減少 達 20 以上 2 薪資 減少 達 20 以上 當月 份 的 末日 5 月 為 5 月 31 日 6 月 為 6 月 30 日 應於 同一 事業 單位 公司 加 保 並且 未 領取 其他 性質 相同 的 補助 補貼 或 津貼 者 得 申請 補貼 全時 受 雇 勞工 生活 補貼 發放 金額 為 多少 符合資格 者 發給 一次性 補貼 金額 為 新 台幣 1萬 元 全時 受 雇 勞工 生活 補貼 的 申請 及 發放 方式 為 何? 1 符合 資格 的 民眾 可於 110 年 8 月 31 日前 備 妥 身分 證 字型大小 居留證 號 薪資 減少 證明 影本 及 本人 之 金融機構 帳 號 至 勞動部 網站 線 上 申請 1 第一 階段 自 110 年 7 月 12 日 10 點 起 開放 5 月份 薪資 減少 達 20 以上 的 民眾 申請 2 第二 階段 自 110 年 7 月 23 日 10 點 起 開放 6 月份 薪資 減少 達 20 以上 的 民眾 申請 2 發放 方式 提出 申請 待 審查 通過 後 直接 撥款 至 勞工 本人 金融機構 帳 戶 3 符合 資格 者 如無 國內 金融機構 帳 戶 可 采 書面 申請 方式 民眾 填 妥 紙本 申請書 郵寄 至 居住地 之 勞動部 勞動力 發展署 分署 郵寄 支票 或 匯票 給 民眾 何謂 薪資 減少 證明檔 可以 用 薪資 單 嗎 要 公司 蓋章 嗎 存摺 內頁 影本 可 以 嗎 薪資 減少 證明檔 必須 足以 佐證 薪資 給 付 的 情形 例如 提供 薪資 單 明細 有 載明 勞工 身分 姓名 或 身分 證 字型大小 事業 單位 公司 名稱 及 薪資 月份 給付 金額 等 項目 或是 銀行 薪資 轉 帳 紀錄 含 存摺 封面 及 內頁 影本 就 不必 經過 雇主 蓋章 如果 無法 提供 薪資 單 或 銀行 薪資 轉 帳 紀錄 而是 由 雇主 另行 開立 的 薪資 減少 證明 載明 勞工 身分 姓名 及 身分 證 字型大小 事業 單位 公司 名稱 及 薪資 月份 給付 金額 等 項目 就 必須 蓋 公司 章以 供 確認 透過 網路 線 上 申請 生活 補貼 何時 會 入 帳 只要 申請 後 經 審查 符合 資格 者 預計 於 審核 完成 3 日後 即 可 上網 查詢 入 帳 資訊 一定 要 領 月薪 才能 申請 生活 補貼 嗎 如果 是 按件計酬 按時 計酬 者 可以 申請 嗎 勞工 只要 符合 本 補貼 的 資格 條件 其 計 薪 方式 為何 並 無 限制 何謂 薪資 減少 達 20 以上 以 申請 5 月份 薪資 減少 為 例 5 月份 應領 薪資 較 4 月份 應領 薪資 減少 20 以上 或者 5 月份 實 領 薪資 較 4 月份 實 領 薪資 減少 20 以上 都 是 例如 勞工 5 月份 應領 薪資 25000 元 4 月份應領 薪資 33000 元 即 符合 薪資 減少 達 20 以上 應領 對應 領 實 領 對 實 領 勞工 110 年 5 月 或 6 月 薪資 相較 4 月 薪資 都有 符合 減少 達 20 以上 可以 領 2 份 生活 補貼 嗎 不 可以 本 補貼 計畫 有 規定 同一 受 雇 勞工 發給 一 次 生活 補貼 年滿 65 歲 以上 勞工 可以 申請 生活 補貼 嗎 不 可以 就業 保險 適用於 15 歲 以上 65 歲 未 滿 的 受 雇 勞工 65 歲 以上 的 勞工 不能 再 參加 就業 保險 不 符合 請領 資格 條件 因為 65 歲 以上 的 勞工 通常 已 領取 或 已 可 領取 社會保險 老年 給付 業 有 基本 生活 保障</t>
    <phoneticPr fontId="1" type="noConversion"/>
  </si>
  <si>
    <t>薪資 減少 申請 生活 補貼 1萬 元</t>
    <phoneticPr fontId="1" type="noConversion"/>
  </si>
  <si>
    <t>有 疫苗 也 不能 鬆懈 icu 醫 曝 1 關鍵 需 等待 一段時間</t>
    <phoneticPr fontId="1" type="noConversion"/>
  </si>
  <si>
    <t>今年 第一 季 42 人 新興 毒品 致死</t>
    <phoneticPr fontId="1" type="noConversion"/>
  </si>
  <si>
    <t>列管 新興 毒品 死亡 控制 施用</t>
    <phoneticPr fontId="1" type="noConversion"/>
  </si>
  <si>
    <t>全台 首位 他 打 2 劑 高端 1 劑 bnt 怒 轟 政府 被 當 笨蛋</t>
    <phoneticPr fontId="1" type="noConversion"/>
  </si>
  <si>
    <t>戰技術</t>
    <phoneticPr fontId="1" type="noConversion"/>
  </si>
  <si>
    <t>內 用 1922 確診 dcard 網友</t>
    <phoneticPr fontId="1" type="noConversion"/>
  </si>
  <si>
    <t>香港 疫苗 接種 百 日 昨 單日 逾 5萬 人 施打創 新高</t>
    <phoneticPr fontId="1" type="noConversion"/>
  </si>
  <si>
    <t>英 指控 俄 派 駭 客 偷 疫苗 機密</t>
    <phoneticPr fontId="1" type="noConversion"/>
  </si>
  <si>
    <t>機密 疫苗 肺炎 駭 客 ncsc</t>
    <phoneticPr fontId="1" type="noConversion"/>
  </si>
  <si>
    <t>全台 306 例 確診 地圖 六都 皆 增 確診 新北 最 多</t>
    <phoneticPr fontId="1" type="noConversion"/>
  </si>
  <si>
    <t>全台 確診 分佈 六都 確診 新北 市 桃園 市</t>
    <phoneticPr fontId="1" type="noConversion"/>
  </si>
  <si>
    <t>重創 旅遊業 美 cdc 疾呼 感恩節 別 外出 旅遊</t>
    <phoneticPr fontId="1" type="noConversion"/>
  </si>
  <si>
    <t>外出 旅遊 旅遊 美國 aaa 肺炎</t>
    <phoneticPr fontId="1" type="noConversion"/>
  </si>
  <si>
    <t>婦人 拉下 口罩 對 嬰兒 狂 咳 疑 種族歧視 下場 慘 了</t>
    <phoneticPr fontId="1" type="noConversion"/>
  </si>
  <si>
    <t>假 訊息 特別 刑事 局 假消息 嚴辦</t>
    <phoneticPr fontId="1" type="noConversion"/>
  </si>
  <si>
    <t>接種 az 疫苗 必 知 禁忌 副作用 懶 人 包一次 看</t>
    <phoneticPr fontId="1" type="noConversion"/>
  </si>
  <si>
    <t>桃園 女 打完 莫德納 腋下 腫脹 就醫 竟 確診 乳 癌 2 病徵 要 注意</t>
    <phoneticPr fontId="1" type="noConversion"/>
  </si>
  <si>
    <t>桃園 一 名 女子 上月 接種 莫德納 後 腋下 摸到 顆粒 般的 腫塊 由於 沒有 任何 痛感 因此 並未 放在 心上 後來 至 醫院 檢查 後 才 發現 右乳 侵襲 癌 和 右 腋下 淋巴 轉移 確診 乳 癌 目前 正 接受 治療 乳房 外科 醫師 黃鴻銘 表示 打完 疫苗 後</t>
    <phoneticPr fontId="1" type="noConversion"/>
  </si>
  <si>
    <t>密切 往來 5 天 啥意思 ptt 鄉民 揭 台 女 與 外籍 機師 的 秘密</t>
    <phoneticPr fontId="1" type="noConversion"/>
  </si>
  <si>
    <t>日 媒 盛讚 天才 it 大臣 唐 鳳 曝 幕後英雄 最 感佩 他們</t>
    <phoneticPr fontId="1" type="noConversion"/>
  </si>
  <si>
    <t>近日 行政院 政務委員 唐 鳳在 日本 大受歡迎 因 開發 了 口罩 地圖 查詢 以及 鑽石 公主 號 旅客 路線圖 成 防疫 的 關鍵 角色 日 媒 還 將 他 封為 天才 it 大臣 唐鳳 謙虛 表示 自己 只是 把 政府 資料 民間 社 群 的 貢獻 來 進行 彙集</t>
    <phoneticPr fontId="1" type="noConversion"/>
  </si>
  <si>
    <t>近日 行政院 政務委員 唐 鳳在 日本 大受歡迎 因 開發 了 口罩 地圖 查詢 以及 鑽石 公主 號 旅客 路線圖 成 防疫 的 關鍵 角色 日 媒 還 將 他 封為 天才 it 大臣 唐鳳 謙虛 表示 自己 只是 把 政府 資料 民間 社 群 的 貢獻 來 進行 彙集 最 辛苦 的 是 藥師 朋友 們 願意 把 每 一 天 的 工作 狀況 公開 給 國人 我 覺得 非常 令人感動 佩服 唐 鳳於 外 獨會 網站 中 留言 感謝 大家 的 關心 指出 彙集 的 列 初版 確實 是 我 寫 的 也 很 感謝 社 群 朋友 們 在 設計 上 的 輔助 但 願意 使用 開放 資料 的 方式 來 釋出 資訊 主要 歸功 于 衛福部 讓 我們 在 剛 開始 就 有 一些 具有 公信力 的 運用 出來 產生 一個 資料 流 的 生態系 唐 鳳說 這樣 的 做法 是 一個 社會 創新 最初 是 民間 社 群 友人 howard 吳展 瑋 在 口罩 超 商販 賣 的 階段 就 做出 這樣 的 運用 健 保 署 再 補上 藥 事 機構 的 資料 感謝 google 的 贊助 吸收 了 本來 超 商階段 的 60萬 以及 後續 地圖 使用 的 費用 還有 辛苦 的 藥師 朋友 們 願意 將 們 每天 的 工作 狀況 實際 公開 給 國人 知道 我 覺得 這 個 是 非常 令人 感佩 的</t>
    <phoneticPr fontId="1" type="noConversion"/>
  </si>
  <si>
    <t>北市 知名 老 飯店 傳 廚師 確診 業者 低調 回應</t>
    <phoneticPr fontId="1" type="noConversion"/>
  </si>
  <si>
    <t>臺北 兄弟 大 飯店 傳出 一 名 西餐廳 廚師 確診 但 與 廚師 有 接觸 的 員工 仍 無 被 匡列 北市 衛生局 表示 目前 個案 太 多 無法 追蹤 兄弟 飯店 低調 回應 目前 遵從 北 市府 衛生局 等 主管機關 的 調查 及 回應 廚師 確診 前 即已 向 飯店 請假 未</t>
    <phoneticPr fontId="1" type="noConversion"/>
  </si>
  <si>
    <t>臺北 兄弟 大 飯店 傳出 一 名 西餐廳 廚師 確診 但 與 廚師 有 接觸 的 員工 仍 無 被 匡列 北市 衛生局 表示 目前 個案 太 多 無法 追蹤 兄弟 飯店 低調 回應 目前 遵從 北 市府 衛生局 等 主管機關 的 調查 及 回應 廚師 確診 前 即已 向 飯店 請假 未 前往 上班 飯店 現 正常 營業 對於 飯店 員工 陳情 確診 者 的 接觸 者 未 被 匡列恐 釀 防疫 破 口 一 事 臺北市 副 市長 黃珊珊 昨 5 31 日 說明 匡列 需 經由 一定 標準 判斷 目前 只要 是 確診 個案 的 同 住 家人 一定 會 被 匡列 但 未必 每 位 同事 都 被 匡列 接 到 中央 通報 確診 個案 後 健康 服務 中心 就 會 展開 疫 調 瞭解 同 住 家人 工作 狀況 發病 前 足跡 再 做 匡列 兄弟 大 飯店 低調 表示 目前 遵從 北 市府 衛生局 等 主管機關 的 調查 及 回應 飯店 不 會 再 做 任何 回應 並 強調 飯店 每日 都會 定時 固定 進行 消毒 請 民眾 不用 驚慌 目前 仍 正常 營運 中</t>
    <phoneticPr fontId="1" type="noConversion"/>
  </si>
  <si>
    <t>今 該 預約 高端 嗎 網 曝 關鍵 盲點 寧可 不 打</t>
    <phoneticPr fontId="1" type="noConversion"/>
  </si>
  <si>
    <t>第 六 輪 高端 預約 今 中午 截止 將 在 8 月 23 日 開 打 但有 許多 民眾 仍 在 觀望 無法 下定決心 對此 一 名 網友 認為 大家 糾結 的 主因 是 目前 政策 規定 不能 混打 因 此 現在 選 高端 豈不是 把 自己 未來 的 路封 死 了 貼 文 引起 眾人 討論 不</t>
    <phoneticPr fontId="1" type="noConversion"/>
  </si>
  <si>
    <t>《臺北股市》台股短期觀察指標：美股、疫情發展</t>
    <phoneticPr fontId="1" type="noConversion"/>
  </si>
  <si>
    <t>圖 輯 睽 違 兩 個 多 月 再現 歡笑聲 北市 兒童 新 樂園 有 條件 開放</t>
    <phoneticPr fontId="1" type="noConversion"/>
  </si>
  <si>
    <t>睽 違 歡笑 兒童 新樂 園 有 條件 開放 降級</t>
    <phoneticPr fontId="1" type="noConversion"/>
  </si>
  <si>
    <t>居家 檢疫 者 住 布棚 中 市府 安排 檢疫所 隔離</t>
    <phoneticPr fontId="1" type="noConversion"/>
  </si>
  <si>
    <t>台中 市府 15 日 首度 對 居家 檢疫 卻 擅自 離開 住 居所 的 民眾 開 罰 外 另 針對 一 名 具 居家 檢疫 條件 卻 棲身 布 棚 搭建 的 場所 安排 至 檢疫所 進行 隔離 民政局長 吳 世瑋 指出 市府 接 獲 通知 後 迅速 追蹤 該 名 民眾 居家 檢疫 資料 並 妥 適 安排 隔</t>
    <phoneticPr fontId="1" type="noConversion"/>
  </si>
  <si>
    <t>不 甩 管制 令 14 男 5 女 大白天 公寓 開 趴 狂歡</t>
    <phoneticPr fontId="1" type="noConversion"/>
  </si>
  <si>
    <t>公寓 開 趴 狂歡 大白天 管制 令</t>
    <phoneticPr fontId="1" type="noConversion"/>
  </si>
  <si>
    <t>2020 美 大選 火爆 川普 罩 門 全都 露 微笑 拜登 弱 弱 撿便宜</t>
    <phoneticPr fontId="1" type="noConversion"/>
  </si>
  <si>
    <t>民主黨 總統 候選人 拜登 在 黨內 初選 時 呈現 的 弱點 在 11 月 的 大選 決戰 中 卻 可 能 讓 他 贏得 勝利 bbc 新聞網 29 日 的 分析 指出 就 在 民主黨 向 左 傾斜 時 拜登 走 務實 的 中間 路線 卻是 個 利多 因為 無論是 五大 湖 舊 工業區 的 死硬派 保</t>
    <phoneticPr fontId="1" type="noConversion"/>
  </si>
  <si>
    <t>川普 拜登 美國 大選 總統</t>
    <phoneticPr fontId="1" type="noConversion"/>
  </si>
  <si>
    <t>傳 產 大 股東 掏腰包 買 回 自家 股</t>
    <phoneticPr fontId="1" type="noConversion"/>
  </si>
  <si>
    <t>鈺 齊 營運 傳 產 肺炎 大 股東</t>
    <phoneticPr fontId="1" type="noConversion"/>
  </si>
  <si>
    <t>心 悅 生 醫 完成 4億 元現增 案</t>
    <phoneticPr fontId="1" type="noConversion"/>
  </si>
  <si>
    <t>心 悅 生 醫 snd 13 新藥 精神分裂症 肺炎</t>
    <phoneticPr fontId="1" type="noConversion"/>
  </si>
  <si>
    <t>用 康復者 的 血清 治 肺炎 張上淳 這樣 說</t>
    <phoneticPr fontId="1" type="noConversion"/>
  </si>
  <si>
    <t>政 院 擬 發 振興 抵 用 券 網友 只 有 817 能 超越 765</t>
    <phoneticPr fontId="1" type="noConversion"/>
  </si>
  <si>
    <t>陳宗彥 證實 下午 4 時 24萬 劑 疫苗 抵 台 效期 至 今年 12 月 15 日</t>
    <phoneticPr fontId="1" type="noConversion"/>
  </si>
  <si>
    <t>臺灣 化學 產業 協會 菁英 獎 出爐</t>
    <phoneticPr fontId="1" type="noConversion"/>
  </si>
  <si>
    <t>臺灣 化學 產業 協會 tcia 獲得 肺炎 分享</t>
    <phoneticPr fontId="1" type="noConversion"/>
  </si>
  <si>
    <t>瑞基 大陸 肺炎 開發 分鐘</t>
    <phoneticPr fontId="1" type="noConversion"/>
  </si>
  <si>
    <t>傳統 市場 跟進 身分 證 尾數 分流 侯友宜 能 落實 就是 好 方法</t>
    <phoneticPr fontId="1" type="noConversion"/>
  </si>
  <si>
    <t>酒店 女 與 客人 0 距離 接觸 多 家 店 同時 輪番 跑 讓 人 驚</t>
    <phoneticPr fontId="1" type="noConversion"/>
  </si>
  <si>
    <t>中央 疫情 管理 中心 證實 一 名 位於 臺北市 某 知名 酒店 的 公關小姐 成為 確診 案例 後 引起 臺北 酒店業 恐慌 據 瞭解 該 家 酒店 算是 臺北市 是 老字型大小 的 高級 酒店 旗 下 在 同一 地區 有 至少 4 家 連鎖店 由於 酒店 小姐 大多 屬於 經紀 公司 常</t>
    <phoneticPr fontId="1" type="noConversion"/>
  </si>
  <si>
    <t>中央 疫情 管理 中心 證實 一 名 位於 臺北市 某 知名 酒店 的 公關小姐 成為 確診 案例 後 引起 臺北 酒店業 恐慌 據 瞭解 該 家 酒店 算是 臺北市 是 老字型大小 的 高級 酒店 旗 下 在 同一 地區 有 至少 4 家 連鎖店 由於 酒店 小姐 大多 屬於 經紀 公司 常會 在 支援 旗 下 酒店 甚至 派 往 其他 酒店 內 上班 因此 要 追查 接觸 史 影響 層面 恐 擴大 據 瞭解 臺北市衛生局 昨 8 日 深夜 與 警方 聯合派 人 前往 該店 稽查 發現 酒客 仍 絡繹不絕 生意 門庭若市 熱鬧 的 讓 稽查人員 冒出 一頭 冷汗 雖然 北市 衛生局 初步 掌握 接觸 者 為 21 人 但 實際 狀況 恐怕 不 樂觀 因為 一般 酒店 女 公關 在 上班 過程 中 除了 同事 外 一個 晚上 在 同 包廂 或是 坐 台 接觸 的 客人 可能 超過 人 50 人 以上 若 又 同時 跑 好幾 家 支援 狀況 可 更糟 而且 公關 陪酒 時 都 被 規定 一定 要 有 肢體 或 肌膚 接觸 才 顯得 出 服務 專業 與 貼心 因此 根本 是 0 距離 萬一有的 陪酒 小姐 還 兼營 做 s 性 服務 後果 恐怕 更為嚴重 昨晚 消息 傳出 後 許多 近期 內 前往 該店 消費 的 男客 已經 開始 緊張 唯恐 萬一 衛生局 追查 到 自己 頭上 將 會 引起 家庭 革命 的 嚴重後果</t>
    <phoneticPr fontId="1" type="noConversion"/>
  </si>
  <si>
    <t>境外 生 何時 能 入 台?潘 文忠 最 快 本 周 跨 部會 討論 決定</t>
    <phoneticPr fontId="1" type="noConversion"/>
  </si>
  <si>
    <t>巴西 總統 驚 傳 高燒 38 度 肺部 最新 狀況 曝光 要 民眾 遠 離 他</t>
    <phoneticPr fontId="1" type="noConversion"/>
  </si>
  <si>
    <t>巴西 總統 波索納洛 jair bolsonaro 驚 傳 發高燒 至 攝氏 38 度 當地 時間 6 日 他 戴著 口罩 告訴 聚集 在 總統府 外 的 支持 民眾 自己 剛 做 完新冠 病毒檢測 肺部 很 乾淨 一切 都好 不過 也 警告 民眾 不要 靠近 他 上周 巴西 總統 波</t>
    <phoneticPr fontId="1" type="noConversion"/>
  </si>
  <si>
    <t>美國 兩 口服 特效藥 成 疫情 終結者 陸央媒 防 大於 治</t>
    <phoneticPr fontId="1" type="noConversion"/>
  </si>
  <si>
    <t>產業 趨勢 不因 疫情 而 扭轉 短期 觀察 復工 進度</t>
    <phoneticPr fontId="1" type="noConversion"/>
  </si>
  <si>
    <t>王軍志 大陸 研發 疫苗 的 進度 屬 世界 先進</t>
    <phoneticPr fontId="1" type="noConversion"/>
  </si>
  <si>
    <t>台企零售業 應加速數位元化</t>
    <phoneticPr fontId="1" type="noConversion"/>
  </si>
  <si>
    <t>台企 零售業 應 加速 數位化</t>
    <phoneticPr fontId="1" type="noConversion"/>
  </si>
  <si>
    <t>系統 聯合 互動 新 零售 勤業 眾 信</t>
    <phoneticPr fontId="1" type="noConversion"/>
  </si>
  <si>
    <t>陸 專家 解析 關於 疫苗 q&amp; a</t>
    <phoneticPr fontId="1" type="noConversion"/>
  </si>
  <si>
    <t>安全 傳染性 疫苗 肺炎 張文</t>
    <phoneticPr fontId="1" type="noConversion"/>
  </si>
  <si>
    <t>期貨 多空 消息 紛雜 台 指 期 電子 期 開 漲</t>
    <phoneticPr fontId="1" type="noConversion"/>
  </si>
  <si>
    <t>五 倍 券 要來 了 發放 時間 怎麼 領 5 大 重點 一 次 看</t>
    <phoneticPr fontId="1" type="noConversion"/>
  </si>
  <si>
    <t>行政院長 蘇貞昌 昨日 上午 邀集 立 法院 民進黨團 成員 會面 針對 振興 五 倍 券 討論 會 中 定調 全民 免 支付 1000 元 可 免費 領取 五 倍 券 並 規劃 數位 加碼 系統 預計 10 月 上路 中 時 新聞網 依照 目前 規劃 整理 5 大 重點 包括 發放</t>
    <phoneticPr fontId="1" type="noConversion"/>
  </si>
  <si>
    <t>行政院長 蘇貞昌 昨日 上午 邀集 立 法院 民進黨團 成員 會面 針對 振興 五 倍 券 討論 會 中 定調 全民 免 支付 1000 元 可 免費 領取 五 倍 券 並 規劃 數位 加碼 系統 預計 10 月 上路 中 時 新聞網 依照 目前 規劃 整理 5 大 重點 包括 發放 時間 紙本 券 數位 券 以及 可 使用 範圍 等 誰 可以 領 五 倍 券 五 倍 券 采 不 排 富 的 普發 方式 且 不 需 支付 1000 元 全民 都 可以 免費 領取 五 倍 券 面額 多少 紙本 面額 初步 規 畫 為 5 張 200 元 2 張 500 元 及 新 增 3 張 1000 元 面額 但 仍 在 討論 階段 目前 細節 尚未 定案 五 倍 券 發放 時間 依照 本來 的 規劃 是 9 月中 下旬 但 相關 措施 仍要 視 疫情 而 定 因此 估計 最 快於 10 月 推出 五 倍 券 使用 範圍 全國 實體 店家 攤 商 皆 可 使用 包括 餐飲 百貨 零售 夜市 旅遊 與 藝 文 業 等 也 可 繳納 學雜費 不過 非 消費 用途 如 水電費 罰 單 勞保費 健 保費 國民 年金 保險費 及 繳稅 等 皆 不在 適用範圍 至於 電 商 部分 pchome momo 及 蝦皮 皆 不 適用 僅 有 特定 電 商能 使用 規劃 比照 去年 三 倍 券 模式 預計 會 列出 電 商白 名單 五 倍 券 發放 形式 發放 方式 預計 依循 去年 三 倍 券 模式 分為 紙本 及 數位 兩 種 欲 領取 紙本 券 的 民眾 可 攜帶 健 保 卡 至 郵局 領取 或是 至 預定 平臺 預購 於 4 大 超 商 全聯 美 廉 社 屈臣氏 及 康是美 等 超市 藥 妝 等 通路 也 可 領取 為 提升 民眾 使用 數位 券 意願 目前 初步 規劃 研發 五 倍 券 app 供 民眾 下載 使用 並 使用 獨立 qr cord 獨立 帳 戶 提供 辨識 讓 民眾 可比 紙本 券 享有 更 多 優惠 另外 經濟部 除了 要 推出 數位 加碼 為 方便 民眾 領取 將 健 保 卡 插入 讀卡機 或 超 商 事務 機 認證 身分 後 進行 家戶 綁 定 全家人 的 數位 券 即可 集中 於 一 人 帳 戶 一 次 領</t>
    <phoneticPr fontId="1" type="noConversion"/>
  </si>
  <si>
    <t>居家 隔離 者 趴 趴 走 徐國勇 視同 通緝犯 與 重刑犯 搜尋</t>
    <phoneticPr fontId="1" type="noConversion"/>
  </si>
  <si>
    <t>武漢 防疫 指揮部 要求 醫護人員 工作 10 天 必 休 2 天</t>
    <phoneticPr fontId="1" type="noConversion"/>
  </si>
  <si>
    <t>醫療 工作 人員 標準 醫護人員</t>
    <phoneticPr fontId="1" type="noConversion"/>
  </si>
  <si>
    <t>北 高雄家 扶 中 心包 粽 令 弱勢 民眾 備感 溫馨</t>
    <phoneticPr fontId="1" type="noConversion"/>
  </si>
  <si>
    <t>端午節 將 至 北 高雄家 扶 中心 連續 17 年 為 經濟 弱勢 家庭 舉辦 親 子 慶 端午 的 活動 除了 民眾 的 小額 捐款 外 還有 榮譽 主委 柯男烈 伉儷 捐助 的 50萬 慶 端午 基金 讓 今年 活動 不受 疫情 影響 也 讓 弱勢 民眾 備感 溫馨 北 高雄家 扶 中心 15 日</t>
    <phoneticPr fontId="1" type="noConversion"/>
  </si>
  <si>
    <t>端午節 將 至 北 高雄家 扶 中心 連續 17 年 為 經濟 弱勢 家庭 舉辦 親 子 慶 端午 的 活動 除了 民眾 的 小額 捐款 外 還有 榮譽 主委 柯男烈 伉儷 捐助 的 50萬 慶 端午 基金 讓 今年 活動 不受 疫情 影響 也 讓 弱勢 民眾 備感 溫馨 北 高雄家 扶 中心 15 日 說 此 活動 的 草創 源 起 是 義工 聽到 了 弱勢 兒童 想要 吃 粽子 的 心聲 但 家長 表示 家裡 沒有 錢 可以 買 粽子 這 令義工 感到 心疼 進而 發 起義 工 隊 一起 出錢出力 包 粽子 送給 弱勢 家庭 至今 逾 2000 戶 家庭 受惠 今年 的 活動 由 上任 的 主委 陳明和 伉儷 回應 支持 贊助 包 粽子 所 需 的 所有 糯米 而 義工 隊 中 有 許多 夥伴 及 親友 團 捐助 花生 香菇 粽 葉 等 食 材 以及 小額 捐款 集合 大家 的 力量 再一 次 成就 活動 陳明和 14 日 特地 到場 勉勵 義工 夥伴 並 與 大家 一起 包 粽子 將 心意 包 進 粽子 裡 期盼 家庭 收到 的 不僅 是 粽子 還有 滿滿的 溫暖 與 祝福</t>
    <phoneticPr fontId="1" type="noConversion"/>
  </si>
  <si>
    <t>經濟 紓困 振興 預算 追加 1500億 元 4 部會 增 逾 百億</t>
    <phoneticPr fontId="1" type="noConversion"/>
  </si>
  <si>
    <t>使用 33 天 臺灣 最後 一 例 呼吸器 脫離</t>
    <phoneticPr fontId="1" type="noConversion"/>
  </si>
  <si>
    <t>章子怡 產後 不 到 半 年 復工 一 天 行程 嚴苛 不 吃飯 只 吃 xx</t>
    <phoneticPr fontId="1" type="noConversion"/>
  </si>
  <si>
    <t>章子怡 與 音樂 人 汪峰 結婚 5 年 今年初 湊得 一個 好 字 在 美國 迎接 兒子 報到 沒 想到 時隔 不 到 半 年 章子怡 今 5 18 於 微博 宣告 正式 復工 曝光 一 天 的 工作 行程 足 見 即使 身 為 國際 巨星 又 天生麗質 產後 要 回歸 幕 前 都 需要</t>
    <phoneticPr fontId="1" type="noConversion"/>
  </si>
  <si>
    <t>章子怡 與 音樂 人 汪峰 結婚 5 年 今年初 湊得 一個 好 字 在 美國 迎接 兒子 報到 沒 想到 時隔 不 到 半 年 章子怡 今 5 18 於 微博 宣告 正式 復工 曝光 一 天 的 工作 行程 足 見 即使 身 為 國際 巨星 又 天生麗質 產後 要 回歸 幕 前 都 需要 相當 嚴苛 的 自我 要求 章子怡 今 在 微博 宣告 生 完 二 胎 後 光速 復工 並 拍攝 影片 曝光 一整天 的 工作 歷程 首先 因為 疫情 仍 在 章子怡 及 團隊 工作 時仍 嚴格 量 體溫 及 消毒 她 的 服裝 噴 了 酒精 還 經過 高溫 熨 燙 連 化妝 用品 都 是 全套 新 的 防疫 相當 到位 特別 的 是 章子怡 帶 了 瑜 珈 墊 上工 工作 時 飲食 也 讓 工作人員 驚歎 因為 她 表示 不 吃飯 吃 燕窩 就 好 拍攝 廣告 的 空 檔 也 不 休息 在 瑜 珈 墊 上 做 足 了 1 分 半 的 平板 支撐 還 抓 時間 關心 老公 孩子 吃飯問題 一 結束 工作 馬上 趕回 家 照顧 新生兒 行程 緊湊 而 嚴苛 章子怡 復工 也 問候 同樣 產後 返回職 場 的 媽媽 們 並 分享 困惑 鬆弛 的 肚皮 要 瘦 回去 不間斷 的 備 奶 沒有 整夜 覺 的 疲憊 表示 以 自身 來說 體能 恢復 是 最 困難 的 為了 快點 回 到 目前 她 每天 認真 運動 深知 邊帶 孩子 邊 工作 的 媽媽 相當 不容易 辛苦 但 沒有 選擇 帶 娃 修身 工作 缺一不可 一起 加油 吧</t>
    <phoneticPr fontId="1" type="noConversion"/>
  </si>
  <si>
    <t>章子怡 國際 巨星 汪峰 二 胎 復工</t>
    <phoneticPr fontId="1" type="noConversion"/>
  </si>
  <si>
    <t>女 研究 人員 遭 鼠 咬 染 delta 專家 揭 2 疑點 很 離奇</t>
    <phoneticPr fontId="1" type="noConversion"/>
  </si>
  <si>
    <t>女 研究 人員 本土 確診 實驗室 delta</t>
    <phoneticPr fontId="1" type="noConversion"/>
  </si>
  <si>
    <t>男 搶 3 台 血 氧 機 夾 小 綿羊 測出 88 崩潰 icu 醫 3 招 辨 真偽</t>
    <phoneticPr fontId="1" type="noConversion"/>
  </si>
  <si>
    <t>防疫 津貼 參與 人員 都 有份 分配比例 明天 出爐</t>
    <phoneticPr fontId="1" type="noConversion"/>
  </si>
  <si>
    <t>東京奧運》場館冷清雜草叢生 人氣盪到穀底</t>
    <phoneticPr fontId="1" type="noConversion"/>
  </si>
  <si>
    <t>東京 奧運 場館 冷清 雜草叢生 人氣 蕩 到 穀底</t>
    <phoneticPr fontId="1" type="noConversion"/>
  </si>
  <si>
    <t>台科大 1 名 學生 確診 校園 今日 展開 大 消毒</t>
    <phoneticPr fontId="1" type="noConversion"/>
  </si>
  <si>
    <t>國內 疫情 居高不下 臺灣科技大學 傳出 1 名 學生 確診 台科大 校長 顏家鈺 發佈 校內 信 向 教職員 生 表達 今 28 日 進行 宿舍 與 校園 徹底 消毒 強調 校方 會 以 最 慎重 的 方式 採取 各式 因應 的 相關 措施 並 進行 校內 疫 調 確定 需 匡列</t>
    <phoneticPr fontId="1" type="noConversion"/>
  </si>
  <si>
    <t>方 艙 醫院 便當 有 甲魚 網 驚 恐怖</t>
    <phoneticPr fontId="1" type="noConversion"/>
  </si>
  <si>
    <t>保險局 10 日 才 宣佈 新 醫療 險 保單 可以 對 法定 傳染病 取消 或 縮短 等待 期 國泰人壽 11 日 就 宣佈 即日起 對 10 張現 售 住院 醫療 險 以 批註 條款 方式 取消 法定 傳染病 的 30 天 等待 期 保戶 不必 再 額外 付費 先前 已 投保 且 還 在 等待 期 的 保戶</t>
    <phoneticPr fontId="1" type="noConversion"/>
  </si>
  <si>
    <t>專家 3 階段 分析 死亡 案例 曝 最 嚴重 狀況 要 做 這 件 事</t>
    <phoneticPr fontId="1" type="noConversion"/>
  </si>
  <si>
    <t>死亡 案例 確診 張鴻仁 收治 感染者</t>
    <phoneticPr fontId="1" type="noConversion"/>
  </si>
  <si>
    <t>疫情 害 美國 4千萬 人 申請 補助 每 4 人 中 1 人 丟 頭路</t>
    <phoneticPr fontId="1" type="noConversion"/>
  </si>
  <si>
    <t>各 校 備戰 開學 台南 實際 操兵 演練</t>
    <phoneticPr fontId="1" type="noConversion"/>
  </si>
  <si>
    <t>nba 米契爾 確診 前 晚 只 睡 25 分鐘</t>
    <phoneticPr fontId="1" type="noConversion"/>
  </si>
  <si>
    <t>莫德納 7萬 劑 到期 陳時中 接種 計畫</t>
    <phoneticPr fontId="1" type="noConversion"/>
  </si>
  <si>
    <t>鍾 南山 憂 有 國家 控制不了 疫情 給 全世界 帶來 災難</t>
    <phoneticPr fontId="1" type="noConversion"/>
  </si>
  <si>
    <t>109 學年度 全國 學生 表演 藝術類 競賽 原 訂 3 月 舉辦 決賽 教育部 以 衛福部 立 桃園 醫院 發生 疫情 為由 決定 停辦 讓 認真 練習 且 甫 通過 預賽 的 孩子 們 感到 無奈 學生家長 17 日 向 市 議會 國民 黨團 陳情 懇請 教育部 給 孩子 證明 自我 的 機會</t>
    <phoneticPr fontId="1" type="noConversion"/>
  </si>
  <si>
    <t>109 學年度 全國 學生 表演 藝術類 競賽 原 訂 3 月 舉辦 決賽 教育部 以 衛福部 立 桃園 醫院 發生 疫情 為由 決定 停辦 讓 認真 練習 且 甫 通過 預賽 的 孩子 們 感到 無奈 學生家長 17 日 向 市 議會 國民 黨團 陳情 懇請 教育部 給 孩子 證明 自我 的 機會 黨團 書記長 陳 振 顯 說 希 教育部 收回成命 讓 決賽 恢復 舉辦 台中 市 一 群 原 訂 參加 3 月 全國 學生 表演 藝術類 競賽 的 學生家長 17 日 拜會 國民 黨團 由 黨團 書記長 陳 政 顯 接見 教育局長 楊振升 作陪 家長 代表 說 109 學年度 全國 學生 表演 藝術類 競賽 去年 11 月 已經 舉辦 過 團體 組 合唱團 與 管協 樂團 的 初賽 通過 初賽 獲得 決賽 資格 的 學生 們 都 很 珍惜 全國 比賽 的 機會 但 教育部 卻 以 衛福部 立 桃園 醫院 發生 疫情 為由 決定 停辦 這 讓 學生 老師 與 家長 們 都 很 錯愕 陳 政 顯 接受 家長 陳情 後 指出 看 著 來 陳情 的 家長 感受 到 他們 的 焦急 與 無奈 心疼 努力 認真 練習 的 孩子 們 他們 持續 不斷 的 努力 練習 要 的 只 是 一個 證明 與 比賽 的 機會 陳 政 顯 說 去年度 因 疫情 突發 已經 停辦 1 次 教育部 經過 1 年 的 時間 在 超前 部署 下 理應 做 好 萬 全 的 準備 可以 因應 各種 新 狀況 的 發生 但 教育部 卻 以 鴕鳥 心態 讓 這些 孩子 們 的 心血 輕易 被 抹煞 教育部 高官 們 隨意 取消 的 作為 根本就是 在 打 臉 超前 部署 陳 政 顯 強調 防疫 非常 重要 這 當然 是 絕對 的 但 透過 落實 各種 防疫 措施 的 情況 下 甚至 戴 上 面罩 來 比賽 決賽 真的 不能 舉辦 嗎 停辦 只能 是 唯一 選項 嗎 懇請 執政 的 中央政府 教育部 的 高官 們 不要 抹煞 孩子 們 努力 與 家長 的 用心 趕緊 收回成命 讓 決賽 恢復 舉辦</t>
    <phoneticPr fontId="1" type="noConversion"/>
  </si>
  <si>
    <t>教育部 停辦 競賽 家長 決賽</t>
    <phoneticPr fontId="1" type="noConversion"/>
  </si>
  <si>
    <t>遭 謀殺 800 點 美 媒 爆 川普 驚嚇 內幕</t>
    <phoneticPr fontId="1" type="noConversion"/>
  </si>
  <si>
    <t>《臺北股市》拉回整理 留意疫情捲土重來題材</t>
    <phoneticPr fontId="1" type="noConversion"/>
  </si>
  <si>
    <t>臺北 股市 拉回 整理 留意 疫情 捲土重來 題材</t>
    <phoneticPr fontId="1" type="noConversion"/>
  </si>
  <si>
    <t>公主 號 返台 1 人 發燒 隔離 采 檢</t>
    <phoneticPr fontId="1" type="noConversion"/>
  </si>
  <si>
    <t>采 檢 入住 鑽石 公主 號 檢疫 肺炎</t>
    <phoneticPr fontId="1" type="noConversion"/>
  </si>
  <si>
    <t>po 網 賣 防疫 口罩 收 錢 不 交貨 被 逮 稱 腹瀉 疑 染病</t>
    <phoneticPr fontId="1" type="noConversion"/>
  </si>
  <si>
    <t>26 類人 元旦 起 須 打 滿 兩劑 疫苗 太 倉促 莊人祥 曝 原因</t>
    <phoneticPr fontId="1" type="noConversion"/>
  </si>
  <si>
    <t>保 千億 產業鏈 陸 緊急 撤回 龜鱉 禁食 令</t>
    <phoneticPr fontId="1" type="noConversion"/>
  </si>
  <si>
    <t>中國 大陸 宣佈 全面 禁食 野生動物 後 引發 龜鱉 養殖業 反彈 對此 中國 農業 農村部 昨天 緊急 發出 通知 將 中華鱉 甲魚 與 烏龜 列入 水生動物 管理 這 也 代表 甲魚 與 烏龜 今後 在 大陸 還是 可以 養殖 食用 據 中央 社 報導 大陸 官</t>
    <phoneticPr fontId="1" type="noConversion"/>
  </si>
  <si>
    <t>不急 著 擴大 疫苗 接種 美 東岸 竟 成 防疫 模範 生</t>
    <phoneticPr fontId="1" type="noConversion"/>
  </si>
  <si>
    <t>美聯社 指出 美國 東岸 新英格蘭 地區 已經 成為 全美 各州 的 防疫 典範 該 地區 6 個 州 超過 60 民眾 至少 接種 過 1 劑 疫苗 即便 當地 擴大 疫苗 接種 順位元 的 速度 較 慢 但是 專家 指出 當地政府 更 專注 在 讓 脆弱 族群 優先 施打 疫苗 現在 疫苗 接</t>
    <phoneticPr fontId="1" type="noConversion"/>
  </si>
  <si>
    <t>陸7 省市 基建 救 市 規模 25 兆 人 幣</t>
    <phoneticPr fontId="1" type="noConversion"/>
  </si>
  <si>
    <t>改革 創新 雲南 投資 省市 總 投資</t>
    <phoneticPr fontId="1" type="noConversion"/>
  </si>
  <si>
    <t>陳時中 對 醫療 產業 不熟 郭正亮 曝 隱憂 很多 人 恐 沒 告訴 他 訊息</t>
    <phoneticPr fontId="1" type="noConversion"/>
  </si>
  <si>
    <t>美 多 州 復工 疫情 現 反彈 紐約 州長 不能 要錢 不要命</t>
    <phoneticPr fontId="1" type="noConversion"/>
  </si>
  <si>
    <t>兩 黨 共和黨 美國 肺炎 參議院</t>
    <phoneticPr fontId="1" type="noConversion"/>
  </si>
  <si>
    <t>防疫 便利 貼 7 居家 這樣 消毒 才 有效</t>
    <phoneticPr fontId="1" type="noConversion"/>
  </si>
  <si>
    <t>政 新鮮 陳時中 怨 疫苗 遭 攔截 鄭麗文 譙 他 扯 三 道 四</t>
    <phoneticPr fontId="1" type="noConversion"/>
  </si>
  <si>
    <t>網瘋 傳 新 天地 藝人 信徒 名單 鬼怪 男 神 也 被 扯 入</t>
    <phoneticPr fontId="1" type="noConversion"/>
  </si>
  <si>
    <t>藝人 新 天地 信徒 新 天地 教會 李東旭</t>
    <phoneticPr fontId="1" type="noConversion"/>
  </si>
  <si>
    <t>小米 11 新品 上市 米粉 節 推 買 1 送 1</t>
    <phoneticPr fontId="1" type="noConversion"/>
  </si>
  <si>
    <t>地板 掃 拖 新品 米粉 節 直 降</t>
    <phoneticPr fontId="1" type="noConversion"/>
  </si>
  <si>
    <t>閱讀 防疫 市 圖 電 子書 借閱 增 4 成</t>
    <phoneticPr fontId="1" type="noConversion"/>
  </si>
  <si>
    <t>借閱 借書 市民 最愛 市 圖</t>
    <phoneticPr fontId="1" type="noConversion"/>
  </si>
  <si>
    <t>血友病 母子 隔離 期滿 手 寫信 致謝</t>
    <phoneticPr fontId="1" type="noConversion"/>
  </si>
  <si>
    <t>日前 滯留 湖北 的 血友病 童 與 母親 回台 後 采 檢 都 呈現 陰性 送到 隔離 所 展開 為期 14 天 的 隔離 母子 2 人 10 日 淩晨 解禁 並 由 親友 在 今 早 8 點 接送 返回 高雄 此外 母子 還 透過 手 寫信 感謝 各界 援助 非常感謝 一路 走來 所 有 幫助 我們</t>
    <phoneticPr fontId="1" type="noConversion"/>
  </si>
  <si>
    <t>日前 滯留 湖北 的 血友病 童 與 母親 回台 後 采 檢 都 呈現 陰性 送到 隔離 所 展開 為期 14 天 的 隔離 母子 2 人 10 日 淩晨 解禁 並 由 親友 在 今 早 8 點 接送 返回 高雄 此外 母子 還 透過 手 寫信 感謝 各界 援助 非常感謝 一路 走來 所 有 幫助 我們 的 貴 人們 感謝 所有 衛福 人員 貼心 的 照顧 血友病 母子 的 手 寫 感謝信 中 寫道 非常感謝 這 一路 走 了 所有 幫助 我們 的 貴 人們 感謝 所有 衛福 人員 貼心 的 照顧 謝謝 您 們 辛苦 了 感謝 去 接 我們 的 張 醫師 感謝 陳 部長 帶領 的 所有 站 在 第一線 的 工作人員 和 醫護人員 謝謝 您 們 辛苦 了 希望 疫情 趕快 離開 大家 都 平平安安 再次 深深 的 感謝</t>
    <phoneticPr fontId="1" type="noConversion"/>
  </si>
  <si>
    <t>血友病 童 母子 隔離 生活 臺灣</t>
    <phoneticPr fontId="1" type="noConversion"/>
  </si>
  <si>
    <t>國際金融 疫 苖 再 傳 好 消息 美 股 期指 勁揚</t>
    <phoneticPr fontId="1" type="noConversion"/>
  </si>
  <si>
    <t>北 漂 男 回屏 東 奔喪 被 罵 想 害 死 誰 眾人 怒 了 有 多 病態</t>
    <phoneticPr fontId="1" type="noConversion"/>
  </si>
  <si>
    <t>本土 疫情 嚴峻 其中 又 以 雙北 病例 最 多 被 視為 重災區 一 名 網友 表示 他 同事 的 父親 過世 因此 從 臺北 南下屏 東 奔喪 沒 想到 竟 遭 屏 東 老家 的 左鄰右舍 大罵 防疫 破 口 甚至 說 把 臺北 的 病毒 帶來 屏 東 想 害 死 誰 不禁 令 他</t>
    <phoneticPr fontId="1" type="noConversion"/>
  </si>
  <si>
    <t>居家 檢疫 男 林東京 遭 起 底 竟是 大 地主 之 子 身家 破 億</t>
    <phoneticPr fontId="1" type="noConversion"/>
  </si>
  <si>
    <t>新竹 一 名 居家 檢疫 男 林 東京 27 日 因 居家 檢疫 失 聯 因 多次 修改 居住地 址 讓 防疫 人員 遲遲 無法 聯繫 只好 靠 縣政府 公告 協 尋 發現 他 竟 到處 趴 趴 走 逼得 新竹 縣 衛生局 祭出 重罰 100萬 元 隨 著 尋 獲 本 尊 林東京 身家 也 遭</t>
    <phoneticPr fontId="1" type="noConversion"/>
  </si>
  <si>
    <t>林 東京 居家 檢疫 新竹 重罰 身家</t>
    <phoneticPr fontId="1" type="noConversion"/>
  </si>
  <si>
    <t>攔截 義 大利 扣押 希臘 近 2000 呼吸器</t>
    <phoneticPr fontId="1" type="noConversion"/>
  </si>
  <si>
    <t>bnt 下 一 波輪 到 誰 打 陳時中 這樣 說</t>
    <phoneticPr fontId="1" type="noConversion"/>
  </si>
  <si>
    <t>bnt 陳時中 青少年 下 波 年齡層</t>
    <phoneticPr fontId="1" type="noConversion"/>
  </si>
  <si>
    <t>delta 群 聚 有關 北農 環南 群 聚 病毒基因 定 序 出爐</t>
    <phoneticPr fontId="1" type="noConversion"/>
  </si>
  <si>
    <t>環南 市場 在 7 月 2 日 驗 出 41 位元 pcr 陽性 確診 者 後 即 休 市 3 日 並 進行 大 範圍 清 消 今 6 日 為 複市 首日 臺北市 長 柯文哲 副 市長 黃珊珊 衛福 部長 陳時中 以及 前進指揮所 指揮官 王必勝 今 早 均 於 現場 視察 陳時中 表示 北農 與 環 南市</t>
    <phoneticPr fontId="1" type="noConversion"/>
  </si>
  <si>
    <t>環 南市 場 群 聚 delta 基因 定 序 pcr</t>
    <phoneticPr fontId="1" type="noConversion"/>
  </si>
  <si>
    <t>50 多 歲 女 打 az 後 嘴唇 麻痹 全台 第 3 起 嚴重 過敏 個案</t>
    <phoneticPr fontId="1" type="noConversion"/>
  </si>
  <si>
    <t>北市 再 爆 本土 個案 8 旬 老婦 就醫 確診 ct 值 曝光</t>
    <phoneticPr fontId="1" type="noConversion"/>
  </si>
  <si>
    <t>bts 防彈 少年團 驚喜 開放 線 上 演唱會 全球 粉絲 嗨 爆</t>
    <phoneticPr fontId="1" type="noConversion"/>
  </si>
  <si>
    <t>疫情 蔓延 陸客大 減 日 旅遊業 3 月 內 損失 1400億</t>
    <phoneticPr fontId="1" type="noConversion"/>
  </si>
  <si>
    <t>生 醫 股 齊 防疫 葡萄 王 捐贈 機能 飲料</t>
    <phoneticPr fontId="1" type="noConversion"/>
  </si>
  <si>
    <t>大馬宣佈封城無限延長 李心潔這處境崩潰大哭：看不見未來</t>
    <phoneticPr fontId="1" type="noConversion"/>
  </si>
  <si>
    <t>大馬 宣佈 封城 無限 延長 李 心 潔 這 處境 崩潰 大哭 看不見 未來</t>
    <phoneticPr fontId="1" type="noConversion"/>
  </si>
  <si>
    <t>苗栗縣 今 校正 回歸 增 2 名 確診 1 有 萬 華 活動 史</t>
    <phoneticPr fontId="1" type="noConversion"/>
  </si>
  <si>
    <t>打完 疫苗 可以 做 哪些 事 醫師 條 列 告訴 你</t>
    <phoneticPr fontId="1" type="noConversion"/>
  </si>
  <si>
    <t>金管會 打 疫苗 出事 將 有 保單 承保</t>
    <phoneticPr fontId="1" type="noConversion"/>
  </si>
  <si>
    <t>董事長 樂團 官靈芝 王斯 禹 戴祖雄 聲援 國際 抗 疫 籲 民眾 待 家中</t>
    <phoneticPr fontId="1" type="noConversion"/>
  </si>
  <si>
    <t>董事長 樂團 王斯 禹 戴祖雄 洛客班 官靈芝</t>
    <phoneticPr fontId="1" type="noConversion"/>
  </si>
  <si>
    <t>習近平 防範 國內 疫情 反彈 與 國際 疫情 輸入 風險</t>
    <phoneticPr fontId="1" type="noConversion"/>
  </si>
  <si>
    <t>大陸 國家 主席 中共中央 總書記 習近平 今日 召開 政治局 常務委員 會議 時 指出 在 全國上下 和 廣大 人民 群眾 共同努力 下 全國 疫情 防控 形勢 持續 向好 生產 生活 秩序 加快 恢復 但 也 面臨 境外 疫情 擴散 及 其 對 世界 經濟 產生 不利 影響 的</t>
    <phoneticPr fontId="1" type="noConversion"/>
  </si>
  <si>
    <t>國際金融 抗 疫 救 經濟 巴西 央行 降息 3 碼</t>
    <phoneticPr fontId="1" type="noConversion"/>
  </si>
  <si>
    <t>北市 產 發 局 傳 1 名 員工 確診 衛生局 急 匡列</t>
    <phoneticPr fontId="1" type="noConversion"/>
  </si>
  <si>
    <t>臺北市政府 8 日 晚間 爆出 產 發 局 一 名 女 公務員 確診 該 名 同仁 在 5 月底 因 身體 不適 前往 快 篩 與 核酸 檢測 pcr 得知 快 篩 結果 為 陰性 但 6 月 8 日 收到 pcr 結果 出爐 卻 呈 陽性 北 市府 雖 已 采 居家 辦公 但 6 月 4 日 該 名 女 公務員 曾 到達</t>
    <phoneticPr fontId="1" type="noConversion"/>
  </si>
  <si>
    <t>臺北市政府 8 日 晚間 爆出 產 發 局 一 名 女 公務員 確診 該 名 同仁 在 5 月底 因 身體 不適 前往 快 篩 與 核酸 檢測 pcr 得知 快 篩 結果 為 陰性 但 6 月 8 日 收到 pcr 結果 出爐 卻 呈 陽性 北 市府 雖 已 采 居家 辦公 但 6 月 4 日 該 名 女 公務員 曾 到達 北 市府 內 拿 資料 產業 局 緊急 執行 府 內 防疫 sop 並 將 座點陣圖 送至 北市 衛生局 做 匡列 北市 產 發 局 主 秘 劉寶 緞 證實 確診 同仁 5 月底 曾有 身體 不適 狀況 自 行前 往 快 篩 與 pcr 檢測 快 篩 結果 為 陰性 但 6 月 8 日 pcr 出爐 卻 呈現 陽性 產 發 局 於 下午 接 獲 通報 後 立刻 啟動 北 市府 擬定 的 防疫 標準 流程 劉寶 緞 說 同仁 到 府 內 都 有 配戴 口罩 衛生局 說 如 配戴 口罩 有 接觸 15 分鐘 以上 才 會 匡列 目前 已將 座點陣圖 交給 衛生局 確切 匡列 人數 尚未 得知 北 市府 固定 每週 都有 消毒</t>
    <phoneticPr fontId="1" type="noConversion"/>
  </si>
  <si>
    <t>北 市府 快 篩 pcr 同仁 產 發 局</t>
    <phoneticPr fontId="1" type="noConversion"/>
  </si>
  <si>
    <t>《臺北股市》集保籲採電子投票 助攻股東會防疫</t>
    <phoneticPr fontId="1" type="noConversion"/>
  </si>
  <si>
    <t>臺北 股市 集 保 籲 采 電子 投票 助攻 股東會 防疫</t>
    <phoneticPr fontId="1" type="noConversion"/>
  </si>
  <si>
    <t>金管會 集 保 集 保 結算 所 上市 上櫃</t>
    <phoneticPr fontId="1" type="noConversion"/>
  </si>
  <si>
    <t>紐約 醫療 告急 調 貨櫃車 停 屍</t>
    <phoneticPr fontId="1" type="noConversion"/>
  </si>
  <si>
    <t>美國 醫院 肺炎 紐約市 紐約</t>
    <phoneticPr fontId="1" type="noConversion"/>
  </si>
  <si>
    <t>春節返台檢疫7＋7有譜 陳時中鬆口：最快本周宣佈</t>
    <phoneticPr fontId="1" type="noConversion"/>
  </si>
  <si>
    <t>自費施打AZ疫苗做半套 遊淑慧質疑：莊孝維嗎</t>
    <phoneticPr fontId="1" type="noConversion"/>
  </si>
  <si>
    <t>自費 施打 az 疫苗 做 半 套 遊 淑 慧 質疑 莊孝維 嗎</t>
    <phoneticPr fontId="1" type="noConversion"/>
  </si>
  <si>
    <t>港 都 杯 田徑賽 照辦 高 市府 若 中央 有 建議 地方 會 配合</t>
    <phoneticPr fontId="1" type="noConversion"/>
  </si>
  <si>
    <t>財長 盤 前 喊話 國安 基金 隨時 備戰</t>
    <phoneticPr fontId="1" type="noConversion"/>
  </si>
  <si>
    <t>穩定 肺炎 阮 清華 進場 護 盤 因應</t>
    <phoneticPr fontId="1" type="noConversion"/>
  </si>
  <si>
    <t>南京傳播鏈擴至126人 確定為Delta病毒 宣佈最新管制措施</t>
    <phoneticPr fontId="1" type="noConversion"/>
  </si>
  <si>
    <t>南京 傳播 鏈 擴 至 126 人 確定 為 delta 病毒 宣佈 最新 管制 措施</t>
    <phoneticPr fontId="1" type="noConversion"/>
  </si>
  <si>
    <t>疫情 升溫 上週末 陽明 山 仍 湧 車 潮 吳 鳳怒 批 自私</t>
    <phoneticPr fontId="1" type="noConversion"/>
  </si>
  <si>
    <t>國內 疫情 大 爆發 全國 更是 統一 升至 三級 警戒 雙北 疫情 險峻 即便 臺北市 長 柯文哲 再三 呼籲 沒事 乖乖 待在家裡 但 上週末 陽明 山 仍 出現 大批 遊客 及 車潮 眼見 仍 有 許多 不守 規矩 的 民眾 讓 藝人 吳鳳痛 批 疫情 就 是 這樣 擴</t>
    <phoneticPr fontId="1" type="noConversion"/>
  </si>
  <si>
    <t>美 零售業 黑暗 時刻 逾 60萬 人 停薪 休假</t>
    <phoneticPr fontId="1" type="noConversion"/>
  </si>
  <si>
    <t>美國 零售業 員工 疫情 全美</t>
    <phoneticPr fontId="1" type="noConversion"/>
  </si>
  <si>
    <t>網 盛傳 武漢 病毒 所 隱匿 零 號 病人 所 內 人員 否認</t>
    <phoneticPr fontId="1" type="noConversion"/>
  </si>
  <si>
    <t>美 股 昨 開盤 道 瓊 一度 大跌 近 千 點</t>
    <phoneticPr fontId="1" type="noConversion"/>
  </si>
  <si>
    <t>肺炎 美 股 韓國 跡象 疫情</t>
    <phoneticPr fontId="1" type="noConversion"/>
  </si>
  <si>
    <t>減少 健康 不 平等 學者 先 讓 疫情 高 的 國家 打 第 1 劑</t>
    <phoneticPr fontId="1" type="noConversion"/>
  </si>
  <si>
    <t>日本 是否 提升 旅遊 疫情 建議 陳時中 在 提升 邊緣 中</t>
    <phoneticPr fontId="1" type="noConversion"/>
  </si>
  <si>
    <t>陸31 省份 新增 確診 27 例 本土 20 例 在 廣東</t>
    <phoneticPr fontId="1" type="noConversion"/>
  </si>
  <si>
    <t>大陸 國家 衛健 委 通報 5 月 30 日 0 至 24 時 31 個 省 自治區 直轄市 和 新疆生產建設兵團 報告 新增 確診 病例 27 例 其中 境外 輸入 病例 7 例 廣東 3 例 上海 2 例 福建 1 例 河南 1 例 本土 病例 20 例 均 在 廣東 無 新 增 死亡 病例</t>
    <phoneticPr fontId="1" type="noConversion"/>
  </si>
  <si>
    <t>防疫 旅館 地點 不 公開 柯文哲 再 提 順 時中</t>
    <phoneticPr fontId="1" type="noConversion"/>
  </si>
  <si>
    <t>長輩 豔陽 下 排隊 打 疫苗 畫面 曝 網 考驗 老人家 生存 意志</t>
    <phoneticPr fontId="1" type="noConversion"/>
  </si>
  <si>
    <t>竹市 紓困 再 助攻 ot 廠商 租金 減半</t>
    <phoneticPr fontId="1" type="noConversion"/>
  </si>
  <si>
    <t>新竹 市政府 為 促進 民間 景氣 復蘇 持續 推動 後 疫情 紓困 振興 方案 並 決定 針對 市府 委 外 營運 的 ot 廠商 減 收 3 月 至 5 月 50 為期 3 個 月 的 促 參 案件 權利 金 土地 租金 包括 委 外 經營 藝 文 場館 如 辛志平 校長 故居 以及 市場 攤 商 停</t>
    <phoneticPr fontId="1" type="noConversion"/>
  </si>
  <si>
    <t>自我 保護 嘉市 鼓勵 學子 戴 口罩</t>
    <phoneticPr fontId="1" type="noConversion"/>
  </si>
  <si>
    <t>自我 保護 布 口罩 鼓勵 學生 肺炎 原訂</t>
    <phoneticPr fontId="1" type="noConversion"/>
  </si>
  <si>
    <t>新北 市 醫院 護理 之家 20 日 起 禁止 探病 陪 病 限 1 人</t>
    <phoneticPr fontId="1" type="noConversion"/>
  </si>
  <si>
    <t>確診 學生 數 本土 境外 各 加 1 總 人數 增至 746 人</t>
    <phoneticPr fontId="1" type="noConversion"/>
  </si>
  <si>
    <t>疫情 時代 改為 線 上 教學 桃園 50 位 中輟 生 回歸 學習</t>
    <phoneticPr fontId="1" type="noConversion"/>
  </si>
  <si>
    <t>男 星 疫情 0 收入 老婆 將 臨盆 棄 夢想 改當 上班族</t>
    <phoneticPr fontId="1" type="noConversion"/>
  </si>
  <si>
    <t>新北 疫情 持續 穩定 侯友宜 考慮 假日 停開 線 上 疫情 說明會</t>
    <phoneticPr fontId="1" type="noConversion"/>
  </si>
  <si>
    <t>新北 今 無 新 增 個案 連續 9 天 加 0 新北 市長 侯友宜 今 在 疫情 說明會 會後 表示 疫情 持續 穩定 如 假日 又 零 確診 的話 會 考慮 停開 線 上 疫情 說明會 平日 則 偶 由 副 市長 劉和然 代理 主持</t>
    <phoneticPr fontId="1" type="noConversion"/>
  </si>
  <si>
    <t>居家 檢疫 14 天 者 嘉義 市 22 家 醫院 所 視 訊 看 診</t>
    <phoneticPr fontId="1" type="noConversion"/>
  </si>
  <si>
    <t>防 敦睦 艦隊 感染 重演 海軍 艦艇 及 外島 配置 肺炎 檢測 儀</t>
    <phoneticPr fontId="1" type="noConversion"/>
  </si>
  <si>
    <t>工商 社論 臺灣 與 新 經濟 的 距離</t>
    <phoneticPr fontId="1" type="noConversion"/>
  </si>
  <si>
    <t>遠 距 新 經濟 美國 資金 技術</t>
    <phoneticPr fontId="1" type="noConversion"/>
  </si>
  <si>
    <t>臺北市防疫不足？蔡正元籲柯文哲加油！</t>
    <phoneticPr fontId="1" type="noConversion"/>
  </si>
  <si>
    <t>臺北市 防疫 不足 蔡正元 籲 柯文哲 加油</t>
    <phoneticPr fontId="1" type="noConversion"/>
  </si>
  <si>
    <t>小黃 司機 diy 防疫 神 簾 網 笑 贊 超 有才</t>
    <phoneticPr fontId="1" type="noConversion"/>
  </si>
  <si>
    <t>專訪 是 方攀 雲 計 畫 手 握 famg 四大 巨頭 籌碼 肥 單 4 1</t>
    <phoneticPr fontId="1" type="noConversion"/>
  </si>
  <si>
    <t>北市公佈2確診足跡 吃涮涮鍋、搭捷運趴趴走</t>
    <phoneticPr fontId="1" type="noConversion"/>
  </si>
  <si>
    <t>北市 公佈 2 確診 足跡 吃 涮涮鍋 搭 捷 運 趴 趴 走</t>
    <phoneticPr fontId="1" type="noConversion"/>
  </si>
  <si>
    <t>臺北市 公佈 2 例 確診 者 足跡 其中 案 15907 在 10 日 確診 初 判 可能 感染 源 尚 待 厘 清中 個案 曾 在 8 月 7 日 到 過 遠 百 寶慶 店 10 日 曾 到 過 臺灣銀行 萬 華 分行 皆 已 完成 清 消 遠 百 寶慶 店 今 停業 1 天 個案 曾 搭乘 的 捷 運 8 10 已 完成 清 消</t>
    <phoneticPr fontId="1" type="noConversion"/>
  </si>
  <si>
    <t>臺北市 公佈 2 例 確診 者 足跡 其中 案 15907 在 10 日 確診 初 判 可能 感染 源 尚 待 厘 清中 個案 曾 在 8 月 7 日 到 過 遠 百 寶慶 店 10 日 曾 到 過 臺灣銀行 萬 華 分行 皆 已 完成 清 消 遠 百 寶慶 店 今 停業 1 天 個案 曾 搭乘 的 捷 運 8 10 已 完成 清 消 另外 個案 15908 在 10 日 確診 初 判 可能 感染 源 為 家戶 感染 個案 曾 在 7 日 到 過 大同區 的 易明軒 庭園 餐廳 9 日 曾 到 過 錢都 涮 涮 鍋臺 北 延平 店 8 10 完成 清 消 8 10 8 12 停業 3 天 至 8 23 禁止 內 用 僅 能 外帶</t>
    <phoneticPr fontId="1" type="noConversion"/>
  </si>
  <si>
    <t>船員 確診 台中 急 疫 調 已 入 住 社區 半 個 月</t>
    <phoneticPr fontId="1" type="noConversion"/>
  </si>
  <si>
    <t>荷蘭 疫情 再度 升溫 政府 考慮 重 啟 防疫 限制</t>
    <phoneticPr fontId="1" type="noConversion"/>
  </si>
  <si>
    <t>印度 神童 預言 12 月 注意 6 件 事 明年 恐 面臨 好幾 個 災難</t>
    <phoneticPr fontId="1" type="noConversion"/>
  </si>
  <si>
    <t>印度 神童 阿南德 多次 預言 成功 讓 不少 網友 深信不疑 他 曾 警告 12 月 要 更加 小心 全球 疫情 可能 會 加劇 沒 想到 omicron 變異 株 就 出現 讓 世界 各國 紛紛 祭出 邊境 政策 近日 他 又 有 最新 預言 他 提醒 12 月 有 6 件 事 要 特別 小心</t>
    <phoneticPr fontId="1" type="noConversion"/>
  </si>
  <si>
    <t>印度 神童 阿南德 多次 預言 成功 讓 不少 網友 深信不疑 他 曾 警告 12 月 要 更加 小心 全球 疫情 可能 會 加劇 沒 想到 omicron 變異 株 就 出現 讓 世界 各國 紛紛 祭出 邊境 政策 近日 他 又 有 最新 預言 他 提醒 12 月 有 6 件 事 要 特別 小心 包括 疫情 與 病毒 範圍 會 擴大 國際 政治局勢 洪水 犯 濫 房地產業 及 畜牧業 等 阿南德 上月 26 日 於 youtube 頻道 conscience 上傳 影片 警告 大家 要 特別注意 12 月 的 第二 周 這個 時間 點 可能 會 看到 更 大 的 疫情 危機 與 病毒 傳染 的 範圍 會 再 擴大 且 在 明 2022 年 全球 將 面臨 多 個 災難 阿南德 表示 受到 木星 逆行 的 關係 許多 疫苗 接種 率 高 的 國家 也 會 面臨 高 感染 率 包括 英國 以色列 法國 西班牙 瑞典 及 日本 等 多 達 17 個 國家 都 已 出現 疑 似 omicron 變異 株 病例 也 要 注意 國際 政治局勢 變化 特別 是 大陸 與 印度 邊界 的 發展 有 可能 在 明年 3 月 至 4 月 間 出現 狀況 阿南德 說 全球 氣候變遷 也 要 注意 特別 是 洪水 犯 濫 問題 另外 因為 月偏食 的 關係 是 血 月 紅 月亮 在 這 2 至 3 個 月 內 要 留意 房地產業 畜牧業 的 發展 最後 他 也 說 印度 的 經濟 也 是 值得 關注 的 事 阿南德 也 提醒 疫情 雖然 嚴峻 但 疫苗 並 非 萬靈丹 建議 大家 從 大 自然 中 得到 防衛 武器 也 就 是 保持 健康 的 生活 方式 才能 對抗 疾病 可 吃 沒有 加工 過 的 食品 呼吸 新鮮空氣 多 曬太陽 別 重度 使用 3 c 產品 要 適時 釋放 壓力 中 時 新聞網 提醒您 民俗 傳說 僅供參考 請勿 過度 迷信</t>
    <phoneticPr fontId="1" type="noConversion"/>
  </si>
  <si>
    <t>uvc led 消毒 殺菌 應用 多元 且 技術 門檻 較 高 隆達 電子 3698 身為 光電 半導體 解決 方案 提供者 專注 於光 機 電 熱 的 技術 整合 及 產品 創新 也 是 業 界 少數 可 提供 晶粒 封裝 模 組 一條龍 生產 的 led 光源 提供者 近年 也 積極</t>
    <phoneticPr fontId="1" type="noConversion"/>
  </si>
  <si>
    <t>隆達 全球 led uvc 封裝</t>
    <phoneticPr fontId="1" type="noConversion"/>
  </si>
  <si>
    <t>今日 截止 17萬 人 已 預約 混打 這 廠 牌 最 多 人選</t>
    <phoneticPr fontId="1" type="noConversion"/>
  </si>
  <si>
    <t>混打 預約 莫德納 bnt 臺灣</t>
    <phoneticPr fontId="1" type="noConversion"/>
  </si>
  <si>
    <t>金在中 被 虧 確診 中 警 曝 這 原因 可能 不 會 受罰</t>
    <phoneticPr fontId="1" type="noConversion"/>
  </si>
  <si>
    <t>金在中 假消息 愚人節 確診 有期徒刑</t>
    <phoneticPr fontId="1" type="noConversion"/>
  </si>
  <si>
    <t>不用 戳 鼻孔 只 需 呼 氣 30 秒 陸 科學家 研發 快 篩 技術</t>
    <phoneticPr fontId="1" type="noConversion"/>
  </si>
  <si>
    <t>三級 警戒 降級 5 指標 專家 只 有 這 方法 可以 達成</t>
    <phoneticPr fontId="1" type="noConversion"/>
  </si>
  <si>
    <t>全國 三級 警戒 延至 6 28 許多 人 關注 是否 再 繼續 延長 台大醫院 前 副 院長 王明钜 發文 表示 是否 延長 應 看 這 5 個 指標 並 表示 要 完成 這些 指標 就 必 須要 主動 大量 快速 的 採集 檢 體 與 完成 檢驗 的 能量 否則 就算 達成 了 也</t>
    <phoneticPr fontId="1" type="noConversion"/>
  </si>
  <si>
    <t>澳洲 婚禮 成 防疫 破 口 35 人 確診 感染</t>
    <phoneticPr fontId="1" type="noConversion"/>
  </si>
  <si>
    <t>北部 女 發病 29 天才 確診 醫師 怕 早就 感染 了</t>
    <phoneticPr fontId="1" type="noConversion"/>
  </si>
  <si>
    <t>發炎 副作用 budesonide 病毒 呼吸</t>
    <phoneticPr fontId="1" type="noConversion"/>
  </si>
  <si>
    <t>慈濟 大學 慈濟 醫院 肺結核 肺炎 安排</t>
    <phoneticPr fontId="1" type="noConversion"/>
  </si>
  <si>
    <t>雙北第3級警戒！李愛綺健身房緊急宣佈暫停營業盼紓困</t>
    <phoneticPr fontId="1" type="noConversion"/>
  </si>
  <si>
    <t>雙北第 3 級 警戒 李愛 綺 健身房 緊急 宣佈 暫停營業 盼 紓困</t>
    <phoneticPr fontId="1" type="noConversion"/>
  </si>
  <si>
    <t>台語金 曲 歌後 李愛綺 與 外籍 老公 duke 結婚 13 年 育 有 1 子 1 女 近年來 她 與 從事 健身運動 事業 的 老公 一同 合 開 複合式 健身房 豈料 受到 疫情 影響 損失 嚴重 加上 昨 雙 北市 宣佈 防疫 警戒 提升 至 第 3 級 健身房 遊藝場 所 等 休閒 娛</t>
    <phoneticPr fontId="1" type="noConversion"/>
  </si>
  <si>
    <t>染 delta 埃及 爸 同機 旅客 未 匡列 醫 這樣 疫 調 不會 死 嗎</t>
    <phoneticPr fontId="1" type="noConversion"/>
  </si>
  <si>
    <t>幼稚園 埃及 爸 delta 變異 株 疫 調 江守山</t>
    <phoneticPr fontId="1" type="noConversion"/>
  </si>
  <si>
    <t>基隆 701 位 第一 線 醫護 明日 中午 前 全數 施打 疫苗</t>
    <phoneticPr fontId="1" type="noConversion"/>
  </si>
  <si>
    <t>基隆 市長 林右昌 日前 表示 要 各院 a 1 醫護人員 與 基層 診所 醫師 全面 施打 疫苗 如此 才能 守護 醫療 人力 確保 醫療 量 能 充足 他 在 今日 進一步 表示 全市 共有 701 位 a 1 醫護人員 目前 已 有 400 位 施 打 完畢 扣除 私人 因素 不便 接種 外</t>
    <phoneticPr fontId="1" type="noConversion"/>
  </si>
  <si>
    <t>通信網 路 威潤抗 菌 新品 為 防疫 助陣 新品 下 季 推出</t>
    <phoneticPr fontId="1" type="noConversion"/>
  </si>
  <si>
    <t>威潤 6465 跨入 防疫 領域 成立 新 品牌 滅菌 者 聯盟 uvengers 規 畫 開發 一系列 搭載 深 紫外線 uv-c 殺菌 技術 的 消毒 產品 最新 宣佈 攜手 桃園 敏 盛 醫院 提供 威潤旗 下 防疫 新 品牌 滅菌 者 聯盟 uvengers 高科技 深 紫外線 uv-c 攜</t>
    <phoneticPr fontId="1" type="noConversion"/>
  </si>
  <si>
    <t>威潤 6465 跨入 防疫 領域 成立 新 品牌 滅菌 者 聯盟 uvengers 規 畫 開發 一系列 搭載 深 紫外線 uv-c 殺菌 技術 的 消毒 產品 最新 宣佈 攜手 桃園 敏 盛 醫院 提供 威潤旗 下 防疫 新 品牌 滅菌 者 聯盟 uvengers 高科技 深 紫外線 uv-c 攜帶式 除 菌棒 uv 1 協助 第一線 醫護人員 強化 自身 防護 另外 uvengers 也 預計 在 第二 季 推出 相關 新品 威 潤 有鑒於 深 紫外線 燈 珠 的 功率 是 決定 消毒 棒 除 菌 效果 的 關鍵 故 uv 1 即是 採用 旭 化成 高 品質 高 功率 的 60 mw 和 最佳 除 菌 265 nm 波長 的 深 紫外線 燈 珠 旭 化成 相當 認可 威潤 於 防疫 產品 線 的 投入 與 行銷 推廣 能力 已將 威 潤 列為 旭 化成 全力 輔導 的 模範 製造商 未來 也 會 陸續 介紹 客戶 給 威潤 雙方 攜手 搶攻 防疫 市場 商機 滅菌 者 聯盟 uvengers 為 威潤 因應 全球 防疫 趨勢 跨 界 防疫 產業 創立 的 新 品牌 期 能 以 研發 高 規格 車 聯網 產品 的 精神 開發 出 各式 高 品質 高 功能 的 深 紫外線 除 菌 產品 滅菌 者 聯盟 uvengers 首 款 產品 uv 1 已於 lifestyle week tokyo 臺灣 國際 醫療 暨 健康 照 護 展 led japan 等 國內外 專業 大型 展覽 展出 吸引 大批 關注 抗 菌 防疫 議題 民眾 及 專業 買主 洽 詢 讓 臺灣 除了 全民 防疫 精神 被 全球 看見 在 防疫 抗 菌 產品 上 的 研發 技術 也 更進一步 被 國際 市場 認可 可謂 成果 豐碩 威潤 表示 目前 已 積極 著 手 研發 更 大型 功率 更 強 適用於 更 多 不同 應 用場 域 的 深 紫外線 除 菌 產品 另外 威潤 也 表示 相關 新品 預計 在 今年 第二 季 陸續 推出 期 能 為 全球 防疫 貢獻 心力 同時 也 為 威潤 創造 新 一 波 成長 動能</t>
    <phoneticPr fontId="1" type="noConversion"/>
  </si>
  <si>
    <t>fed 大 動作 寬鬆 反 使 美 股 熔斷 亞 股 全 趴</t>
    <phoneticPr fontId="1" type="noConversion"/>
  </si>
  <si>
    <t>中研院 p 3 實驗室 調查報告 出爐 陳宜民 提出 五大 質疑</t>
    <phoneticPr fontId="1" type="noConversion"/>
  </si>
  <si>
    <t>北市 學生 接種 bnt 後 可 請 3 天 疫苗 假</t>
    <phoneticPr fontId="1" type="noConversion"/>
  </si>
  <si>
    <t>新北市衛生局 預計 9 月 22 日 開始 學生 接種 bnt 疫苗 全校 采 居家 線 上 授課 2 天 如果 不適 可以 請 疫苗 假 北市 是否 會 跟進 北市 副 市長 蔡炳坤 說 學生 接種 後 有 需要的話 可以 請 3 天 的 疫苗 假 至於 線 上 教學 部分 蔡 指出 臺北市 這</t>
    <phoneticPr fontId="1" type="noConversion"/>
  </si>
  <si>
    <t>新北市衛生局 預計 9 月 22 日 開始 學生 接種 bnt 疫苗 全校 采 居家 線 上 授課 2 天 如果 不適 可以 請 疫苗 假 北市 是否 會 跟進 北市 副 市長 蔡炳坤 說 學生 接種 後 有 需要的話 可以 請 3 天 的 疫苗 假 至於 線 上 教學 部分 蔡 指出 臺北市 這 部分 都 非常 成熟 有 任何 學生 個別 停課 或 班級 停課 其實 在 家中 都 可以 透過 線 上 來 教學 用 這些 維護 學生 權益 蔡炳坤 強調 這次 校園 接種 bnt 疫苗 家長 有 提出 會 不 會 有 後遺症 北市 會 進一步 宣導 學生 如果 接種 後 可 請 3 天 接種 疫苗 假 至於 目前 運作 采 各 校 線 上 教學 北市 都 很 成熟 有 任何 學生 班級 停課 在家 中都 可以 在 線 上 教學 來 維護 學生 權益</t>
    <phoneticPr fontId="1" type="noConversion"/>
  </si>
  <si>
    <t>景氣 樂觀 指數 最 大 跌幅 受訪</t>
    <phoneticPr fontId="1" type="noConversion"/>
  </si>
  <si>
    <t>黑 珍珠 naomi campbell 防疫 包 到 剩 眼睛 再 加 護目鏡 隔絕 病毒</t>
    <phoneticPr fontId="1" type="noConversion"/>
  </si>
  <si>
    <t>路上 還是 有人 不 戴 口罩 鄉民 女神 潔 哥 怒 提 一 政策 網 贊 爆</t>
    <phoneticPr fontId="1" type="noConversion"/>
  </si>
  <si>
    <t>新北 今 再 暴 增 310 例 這 一 區 確診 數飆 高</t>
    <phoneticPr fontId="1" type="noConversion"/>
  </si>
  <si>
    <t>310 人 新北 市 確診 板橋 長 照 機構</t>
    <phoneticPr fontId="1" type="noConversion"/>
  </si>
  <si>
    <t>重演 1918 西班牙 大 流感 逾 5000萬 人 亡 比 一 戰 慘烈</t>
    <phoneticPr fontId="1" type="noConversion"/>
  </si>
  <si>
    <t>報價 有望 漲 dram 需求 升溫 國 巨 南亞 科 擁 題材</t>
    <phoneticPr fontId="1" type="noConversion"/>
  </si>
  <si>
    <t>新增 7 人 打 疫苗 後 死亡 累計 1055 例</t>
    <phoneticPr fontId="1" type="noConversion"/>
  </si>
  <si>
    <t>港 傳人 畜 傳播 確診 者 寵物 犬 呈 弱 陽性</t>
    <phoneticPr fontId="1" type="noConversion"/>
  </si>
  <si>
    <t>景碩 華邦電 外資 高 分貝 喊進</t>
    <phoneticPr fontId="1" type="noConversion"/>
  </si>
  <si>
    <t>獲得 肺炎 dram 中 低價 華邦電</t>
    <phoneticPr fontId="1" type="noConversion"/>
  </si>
  <si>
    <t>最毒 麻將 桌 感染 源 抓到 了 仁惠 醫院 員工 隱匿 重罰 30萬</t>
    <phoneticPr fontId="1" type="noConversion"/>
  </si>
  <si>
    <t>仁惠 醫院 隱匿 賭場 高 市府 確診</t>
    <phoneticPr fontId="1" type="noConversion"/>
  </si>
  <si>
    <t>國外 指數 期貨 贏 家 專欄 美 股 氣盛 道 瓊期 人氣 足</t>
    <phoneticPr fontId="1" type="noConversion"/>
  </si>
  <si>
    <t>近期 影響 美 股 盤面 主要 在 於聯 准會 主席 鮑爾 的 聽證 演說 肺炎 疫情 發展 企業 財 報 及 經濟 資料 公佈 鮑爾 的 演說 內容 再次 強調 對於 美國 經濟 的 正面 看待 且 景氣 擴張 將 邁 入 第 11 年 目前 的 低 失業率 薪資 穩健 成長 將 持續 支撐</t>
    <phoneticPr fontId="1" type="noConversion"/>
  </si>
  <si>
    <t>肺炎 美 股 疫情 鮑爾 期貨</t>
    <phoneticPr fontId="1" type="noConversion"/>
  </si>
  <si>
    <t>陳時中 500 台 救命 神 器 挨 轟 慢 半 拍 hfnc 廠 員工 揭 內幕</t>
    <phoneticPr fontId="1" type="noConversion"/>
  </si>
  <si>
    <t>救命 神 器 hfnc 陳時中 賈永婕 端午節</t>
    <phoneticPr fontId="1" type="noConversion"/>
  </si>
  <si>
    <t>中醫師 校園 教 防疫 養 身 茶 香 包 內服 外用 提升 免疫力</t>
    <phoneticPr fontId="1" type="noConversion"/>
  </si>
  <si>
    <t>臺灣 輸出 再 增 一 例 到 上海 莊人祥 回 應 了</t>
    <phoneticPr fontId="1" type="noConversion"/>
  </si>
  <si>
    <t>王雪紅 回鍋 再 兼 宏達電 執行長</t>
    <phoneticPr fontId="1" type="noConversion"/>
  </si>
  <si>
    <t>5 g 新機 開 賣 前夕 宏達電 再 傳 人事 異 動 上任 不 到 1 年 的 原 執行長 yves maitre 辭職 獲准 由 董事長 王雪紅 回鍋 兼任 這 是 王雪紅 去年 9 月 17 日 卸任 執行長 後 二 度 兼任 執行長 搶攻 5 g 換 機 商 機 宏達電 本 周 宣佈 htc u 20 5 g 正式 在</t>
    <phoneticPr fontId="1" type="noConversion"/>
  </si>
  <si>
    <t>maitre 兼任 執行長 開 賣 前 u 20</t>
    <phoneticPr fontId="1" type="noConversion"/>
  </si>
  <si>
    <t>mlb 憤怒 鳥 回歸 2 連勝 紅人 隊 中 鏢 停賽</t>
    <phoneticPr fontId="1" type="noConversion"/>
  </si>
  <si>
    <t>紅雀 雙重 賽 7 局 紅人 海盜</t>
    <phoneticPr fontId="1" type="noConversion"/>
  </si>
  <si>
    <t>中 市 清潔隊 人潮 熱點 消毒 防疫</t>
    <phoneticPr fontId="1" type="noConversion"/>
  </si>
  <si>
    <t>肺炎 陳宏益 消毒 清潔隊 疫情</t>
    <phoneticPr fontId="1" type="noConversion"/>
  </si>
  <si>
    <t>新竹 縣 新增 1 確診 曾陪家 人 到 花蓮 待 三 天</t>
    <phoneticPr fontId="1" type="noConversion"/>
  </si>
  <si>
    <t>新竹 縣 25 日 新增 一 名 確診 個案 新竹 縣長 楊文科 25 日 下午 宣佈 該 名 確診 者 為 案 5299 為 本 國籍 20 多 歲 女性 住 在 竹北市 在 發病 前 的 公共 地區 活動 史 僅 有 花 蓮 縣 1 處 民 宿 另外 針對 新竹 市 通報 的 確診 者 在 新竹 縣 的 足跡 新竹</t>
    <phoneticPr fontId="1" type="noConversion"/>
  </si>
  <si>
    <t>新竹 縣 案 5299 楊文科 確診 足跡</t>
    <phoneticPr fontId="1" type="noConversion"/>
  </si>
  <si>
    <t>omicron 來勢洶洶 高端 評估 第 3 劑 追加 及 疫苗 混打</t>
    <phoneticPr fontId="1" type="noConversion"/>
  </si>
  <si>
    <t>澎湖縣 全縣 學校 防疫 總 體檢 補助 400 人 以上 學校 購置 紅外線 體溫 儀</t>
    <phoneticPr fontId="1" type="noConversion"/>
  </si>
  <si>
    <t>因應 開學 防疫 全 澎湖縣 學校 24 日 展開 防疫 機制 總 體檢 各 校 已 成立 防疫 小組 擬定 防疫 管理 措施 計 畫 縣長 賴峰偉 親 率隊 視察 重申 確實 測量體溫 宣佈 400 人 以上 學校 補助 購置 紅外線 體溫 儀 縣府 強調 即日起 開學 後 校園</t>
    <phoneticPr fontId="1" type="noConversion"/>
  </si>
  <si>
    <t>臺灣 沒有 大意 的 本錢 醫 曝 現在 面臨 3 危機</t>
    <phoneticPr fontId="1" type="noConversion"/>
  </si>
  <si>
    <t>張鈞寧 捐 物資 幫 醫護人員 加油打氣 呼籲 端午節 勿 返鄉 移動</t>
    <phoneticPr fontId="1" type="noConversion"/>
  </si>
  <si>
    <t>全台 疫情 持續 嚴峻 目前 人 在 大陸 的 張鈞寧 心系 臺灣 這 段 期間 得知 各 大 醫院 有 物資 的 需求 希望 醫護 同仁 們 都 能 在 安全 的 防護 措施 下為 民眾服務 她 協助 提供 防水 高筒 鞋 套 及 防水 隔離 衣 等 表示 現在 所 需 的 物資 已經 陸續 到位</t>
    <phoneticPr fontId="1" type="noConversion"/>
  </si>
  <si>
    <t>半 導體 q 2 營 收 登 峰 聯 詠 再 刷 天價</t>
    <phoneticPr fontId="1" type="noConversion"/>
  </si>
  <si>
    <t>聯 詠 歷史 新高 amoled ic 第二 季營 收</t>
    <phoneticPr fontId="1" type="noConversion"/>
  </si>
  <si>
    <t>江啟臣 批 朝野 互信 因 罷 韓越顯 薄弱 籲 高雄 市民 再 給 韓 機會</t>
    <phoneticPr fontId="1" type="noConversion"/>
  </si>
  <si>
    <t>北市 校園 疫情 拉 警報 今日 增 774 人 請 防疫 假 總數 飆 至 5113 人</t>
    <phoneticPr fontId="1" type="noConversion"/>
  </si>
  <si>
    <t>全美 首例 莫德納 引發 罕見 血栓 65 歲 男 接種 10 天 後 住院 身亡</t>
    <phoneticPr fontId="1" type="noConversion"/>
  </si>
  <si>
    <t>美國 一 名 65 歲 男子 在 接種 第 2 劑 莫德納 moderna 疫苗 10 天 後 因為 持續 頭痛 腿 部 疼痛 住院 並且 確診 血栓 並 血小板 低下 症候 群 thrombosis with thrombocytopenia syndrome tts 男子 在 接受 積極 治療 後 仍 不幸身亡 這</t>
    <phoneticPr fontId="1" type="noConversion"/>
  </si>
  <si>
    <t>宅 神 朱學 恒 掩 面 只為 這 件 事</t>
    <phoneticPr fontId="1" type="noConversion"/>
  </si>
  <si>
    <t>朱學</t>
    <phoneticPr fontId="1" type="noConversion"/>
  </si>
  <si>
    <t>陸 捐贈 出口 3 5億 劑 疫苗 密切 監測 變異 進行 升級</t>
    <phoneticPr fontId="1" type="noConversion"/>
  </si>
  <si>
    <t>桃園 大型 護理 之家 1 住 民 確診 全院 采 檢 結果 出爐</t>
    <phoneticPr fontId="1" type="noConversion"/>
  </si>
  <si>
    <t>桃園 28 日 新增 2 起 本土 確診 案例 創 新低 其中 1 人 是 一 間 大型 護理 之家 的 住 民 有 糖尿病 史 18 日 曾施 打 疫苗 但 25 日 因 血糖 飆 高 送醫 采 檢 確診 雖然 ct 值 高且 二 采 陰性 不 排除 感染 已久 但 衛生局 不敢 大意 連夜 將 護理 之家 住</t>
    <phoneticPr fontId="1" type="noConversion"/>
  </si>
  <si>
    <t>護理 之家 住 民 采 檢 28 日 確診</t>
    <phoneticPr fontId="1" type="noConversion"/>
  </si>
  <si>
    <t>北京海澱區1名赴京人員核酸陽性 上海新增2例新冠本土確診病例</t>
    <phoneticPr fontId="1" type="noConversion"/>
  </si>
  <si>
    <t>人員 海澱區 確診 病例 陽性 12 月</t>
    <phoneticPr fontId="1" type="noConversion"/>
  </si>
  <si>
    <t>李英宏 14 日 情人節 在 ig 曬 出 與 女友 的 甜蜜 合 照 浪漫 說 啾 咪 一 波 據悉 他 與 女友 交往 多年 女友 曾在 他 4 年 前 的 臺北 直 直撞 mv 參與 拍攝 李英宏 昨 回應 關於 放 閃 只 想 讓 對方 開心 一下 沒想 太 多 大家 就 一起 情</t>
    <phoneticPr fontId="1" type="noConversion"/>
  </si>
  <si>
    <t>李英 巨集 李英巨集 女友 情人節</t>
    <phoneticPr fontId="1" type="noConversion"/>
  </si>
  <si>
    <t>雍智 q 1 營運 登 五 高 q 2 續旺</t>
    <phoneticPr fontId="1" type="noConversion"/>
  </si>
  <si>
    <t>半導體 測試 板 廠 雍智 6683 11 日 公告 第一 季財報 受惠 於 5 g 及 wifi 6 等 晶圓 測試 板 及 ic 老化 測試 載 板 出 貨 暢 旺 第一 季 合併 營 收 平均 毛利率 營業 利益 稅 後 淨利 每股 淨利 等 同步 創下 歷史 新高 單季 每股 淨利 2 52 元 優於 預</t>
    <phoneticPr fontId="1" type="noConversion"/>
  </si>
  <si>
    <t>成長 老化 雍智 歷史 新高 測試 載 板</t>
    <phoneticPr fontId="1" type="noConversion"/>
  </si>
  <si>
    <t>歐美 返國 嗅 味覺 喪失 張上淳 不 排除 病毒 已 變異</t>
    <phoneticPr fontId="1" type="noConversion"/>
  </si>
  <si>
    <t>味覺 喪失 國內 返國 采 檢</t>
    <phoneticPr fontId="1" type="noConversion"/>
  </si>
  <si>
    <t>台南 藍 營 要求 市府 全面 調查 公 部門 清明連 假 旅遊 史</t>
    <phoneticPr fontId="1" type="noConversion"/>
  </si>
  <si>
    <t>清明連 假 去 過 國家級 警報 示 警 的 11 個 景點 嗎 台南 市 議會 國民 黨團 6 日 要求 市府 主動 調查 公 部門 員工 及 學生 的 清明 旅遊 史 並 建議 有 前往 11 景點 旅遊 的 公務員 及 同學 們 上班 上學 一定 要 戴 口罩 不要 成為 防疫 破 口 未來</t>
    <phoneticPr fontId="1" type="noConversion"/>
  </si>
  <si>
    <t>疫情 獲 控制 今年 或 仍 是 個 好 年</t>
    <phoneticPr fontId="1" type="noConversion"/>
  </si>
  <si>
    <t>香港 大陸 外移 肺炎 全球 經濟</t>
    <phoneticPr fontId="1" type="noConversion"/>
  </si>
  <si>
    <t>50 歲 以上 今 開 打 疫苗 5 大 常見 問題 一 次 看 懂</t>
    <phoneticPr fontId="1" type="noConversion"/>
  </si>
  <si>
    <t>疫苗 預約 第 九 類 第 十 類 公費 對象 開 打</t>
    <phoneticPr fontId="1" type="noConversion"/>
  </si>
  <si>
    <t>新竹 市 安心 即時 上工 2 0 上路 工作 更 好 找 了</t>
    <phoneticPr fontId="1" type="noConversion"/>
  </si>
  <si>
    <t>陸 q 1 經濟 拉 警報 降 准 降息 已不 遠</t>
    <phoneticPr fontId="1" type="noConversion"/>
  </si>
  <si>
    <t>下 周 降息 肺炎 中國 證券 報 資金</t>
    <phoneticPr fontId="1" type="noConversion"/>
  </si>
  <si>
    <t>楊培安 嗆 蔡 政府 全靠 陳時中 郭昱 晴 酸 扯 臺灣 後腿</t>
    <phoneticPr fontId="1" type="noConversion"/>
  </si>
  <si>
    <t>疫情 回 不了 國 健 保 被 取消 內政 部 4 年內 回來 馬上 恢復</t>
    <phoneticPr fontId="1" type="noConversion"/>
  </si>
  <si>
    <t>受 疫情 影響 許多 海外 國人 不便 返國 超過 2 年 未 入境 遭 依法 遷出 戶籍 恐 影響 健 保 等 權益 對此 內政 部 表示 為了 正確 戶籍 資料 出境 2 年 以上 依法 應 遷出 登記 只要 出境 未 逾 4 年 一 回 國立 即可 參加 健 保 其他 相關 權益</t>
    <phoneticPr fontId="1" type="noConversion"/>
  </si>
  <si>
    <t>受 疫情 影響 許多 海外 國人 不便 返國 超過 2 年 未 入境 遭 依法 遷出 戶籍 恐 影響 健 保 等 權益 對此 內政 部 表示 為了 正確 戶籍 資料 出境 2 年 以上 依法 應 遷出 登記 只要 出境 未 逾 4 年 一 回 國立 即可 參加 健 保 其他 相關 權益 政府 也 都有 因應 措施 可 確保 海外 國人 權益 內政 部 表示 出境 2 年 戶籍 遷出 是 依 戶籍 法規 定 以 落實 戶籍管理 制度 且 行政法院 曾 有 判例 表示 遷徙 是 事實 行為 遷徙 登記 應依 事實 認定 因此 當事人 既然 人 在 國外 則 應 依 事實 辦理 遷出 登記 但 民眾 不必 擔心 戶籍 被 遷出 者 仍 具有 中華民國 國民身分 未來 只要 持 中華民國 護照 或 入 國 證明文件 入境 後 即 可 辦理 遷入 登記 對於 海外 國人 戶籍 遷出 後 恐 影響 健 保 國民 年金 與 勞工保險 之 老年 給付 個人 綜合 所得稅率 地價稅 率 等 政府 相關 單位 包括 僑委會 衛福部 勞動部 財政部 及 內政 部 等 已 有 開會 協調 相關 權益 都 不 會 受 影響 內政 部 並 特別 提供 圖片 解說 相關 規定 請 民眾 可以 放心 健 保 方面 內政 部 指出 國人 出境 若 未 超過 4 年 回台 後 可 馬上 恢復 戶籍 和 健 保 若 超過 4 年 才 回台 一般 須 等待 6 個 月 後 再 加 保 但 只要 設 籍 後 找 到 受 雇 單位 便 可 立即 加 保 無須 等待 內政 部 表示 國保 勞保 課稅 等 權益 相關 業務主管 機關 也 都有 因應 作為 例如 國民 年金 之 老年 給付 可向 我 駐外 館 處 申請 開立 驗證 身分 或 居住 相關 證明文件 郵寄 至 勞動部 勞保局 審查 後 就 會 照常 給 付 民眾 如有 相關 問題 可 進一步 向各 業務主管 機關 洽 詢 確保 自身 的 權益</t>
    <phoneticPr fontId="1" type="noConversion"/>
  </si>
  <si>
    <t>基隆 成功 市場 攤 商 到 萬華 歌廳 後 確診 身體 不適 仍 做 生意</t>
    <phoneticPr fontId="1" type="noConversion"/>
  </si>
  <si>
    <t>雲林 首例 感染 源 不明 病 患 衛生局 緊急 進駐 台西 鄉 快 篩</t>
    <phoneticPr fontId="1" type="noConversion"/>
  </si>
  <si>
    <t>長者 打 az 死亡 通報 率 高 立 委 轟 還要 讓 長輩 打 az 嗎</t>
    <phoneticPr fontId="1" type="noConversion"/>
  </si>
  <si>
    <t>日本 贈送 的 124萬 劑 az astrazeneca 疫苗 日前 開 打 連日來 已 傳出 多 例 接種 後 死亡 事件 國民黨 立 委 陳以信 指出 這 五 天 累計 死亡 通報 數 是 65 例 除 下來 發現 最近 五 天 打 az 後 的 死亡 通報 率 高達 百 萬分 之 105 已經 突破 萬</t>
    <phoneticPr fontId="1" type="noConversion"/>
  </si>
  <si>
    <t>國銀 3 月 大 衰退 拖累 首季 變 最弱</t>
    <phoneticPr fontId="1" type="noConversion"/>
  </si>
  <si>
    <t>提存 衰退 肺炎 obu 獲利</t>
    <phoneticPr fontId="1" type="noConversion"/>
  </si>
  <si>
    <t>臺北市診所半夜偷打疫苗 藥師曝2件事：蔡政府不怕火燒自己？</t>
    <phoneticPr fontId="1" type="noConversion"/>
  </si>
  <si>
    <t>臺北市 診所 半夜 偷打 疫苗 藥師 曝 2 件 事 蔡 政府 不怕 火燒 自己</t>
    <phoneticPr fontId="1" type="noConversion"/>
  </si>
  <si>
    <t>臺北市 某 診所 遭 爆 8 日 深夜 違規 替 不符 資格 者 施打 az 疫苗 北 市政府 昨 9 對 診所 重罰 200萬 元 並 終止 合約 市長 柯文哲 坦言 管控 有 問題 在 記者會 現場 認錯 並 將 案件 送 政風 處 調查 此事 也 引發 綠 營 群起 撻 伐 藥師 林士峰 認為</t>
    <phoneticPr fontId="1" type="noConversion"/>
  </si>
  <si>
    <t>無 症狀 確診 者 全送 防疫 旅館 柯 p 怕 傳染 及 死 在家 沒人 知</t>
    <phoneticPr fontId="1" type="noConversion"/>
  </si>
  <si>
    <t>疫情 嚴峻 臺北市 長 柯文哲 認為 最難 搞 的 是 發病 前 就 開始 傳染 的 案例 3 日 下午 在 防疫 記者會 重申 無 症狀 的 確診 者 都送 防疫 專責 旅館 除了 可 避免 家戶 傳染 外 也 防止 老人 疫情 變 壞 來不及 送醫 或是 單獨 在家 死 掉 卻 沒人</t>
    <phoneticPr fontId="1" type="noConversion"/>
  </si>
  <si>
    <t>娛樂 8 點 半 志 村 健 封 日本 喜劇 王 留 14億 遺產 私生子 成 謎</t>
    <phoneticPr fontId="1" type="noConversion"/>
  </si>
  <si>
    <t>志 村 健 喜劇 泰斗 搞 笑 喜劇 王 14億</t>
    <phoneticPr fontId="1" type="noConversion"/>
  </si>
  <si>
    <t>周玉蔻 獨家 曝 疫苗 到貨 時間 網 諷 還要 陳時中 幹 嘛</t>
    <phoneticPr fontId="1" type="noConversion"/>
  </si>
  <si>
    <t>資深 媒體 人 周玉蔻 今 又 再度 獨家 爆 料 表示 最新 一 批 的 疫苗 將 在 5 月底 6 月中 旬 準時 抵 台 引發 網友 討論 有 網友 就 譏諷 已經 有 周玉蔻 了 不 知道 還要 衛福 部長 陳時中 幹 嘛 另 有 網友 指出 這 則 訊息 之前 就 有 相關 報導 不</t>
    <phoneticPr fontId="1" type="noConversion"/>
  </si>
  <si>
    <t>狂 賞 閉門羹 學者 陸向澳 釋 3 大 訊息</t>
    <phoneticPr fontId="1" type="noConversion"/>
  </si>
  <si>
    <t>疫情 升溫 網友 私 訊 提醒 要 囤 貨 蘿 莉塔 無奈 歎 人 果然 自私</t>
    <phoneticPr fontId="1" type="noConversion"/>
  </si>
  <si>
    <t>博智 金像 電 後市 樂觀</t>
    <phoneticPr fontId="1" type="noConversion"/>
  </si>
  <si>
    <t>伺服器 網通 肺炎 工業 電腦 pcb</t>
    <phoneticPr fontId="1" type="noConversion"/>
  </si>
  <si>
    <t>疫苗 涵蓋 率 陳時中 達標 疫苗 施打</t>
    <phoneticPr fontId="1" type="noConversion"/>
  </si>
  <si>
    <t>馮迪 索 贊 最愛 導演 李安 透露 很 想 來 臺灣 走走</t>
    <phoneticPr fontId="1" type="noConversion"/>
  </si>
  <si>
    <t>網球 喬柯 維奇 批 atp 疫苗 制度 不該 用 額外 福利 收買 人</t>
    <phoneticPr fontId="1" type="noConversion"/>
  </si>
  <si>
    <t>世界 球王 喬柯 維奇 novak djokovic 今年 球場上 不如意 場外 也 鬧 出 不少 風波 此前 他 才剛 爆冷 止步 塞爾維亞 男 網 公開賽 蒙地卡羅 大師 賽 更是 僅 止步 於 16 強 本 季 狀況 十分 不 佳 而 近日 他 談 到 atp 規定 為 球員 打 疫苗 一 事 他</t>
    <phoneticPr fontId="1" type="noConversion"/>
  </si>
  <si>
    <t>世界 球王 喬柯 維奇 novak djokovic 今年 球場上 不如意 場外 也 鬧 出 不少 風波 此前 他 才剛 爆冷 止步 塞爾維亞 男 網 公開賽 蒙地卡羅 大師 賽 更是 僅 止步 於 16 強 本 季 狀況 十分 不 佳 而 近日 他 談 到 atp 規定 為 球員 打 疫苗 一 事 他 對 此 頗有微詞 據 透露 atp 官方 為 讓 球員 接受 疫苗 施打 承諾 給 球員 一些 額外 福利 這 讓 喬柯 維奇 感到 不滿 另外 據 sportskeeda 在內 多 家外 媒 報導 他 也 將 退出 接下來 的 馬德里 大師 賽 放棄 衛冕 將 損失 500 積分 喬柯 維奇 說道 我 聽說 接受 疫苗 的 球員 將 獲得 福利 和 更 好 的 住房條件 atp 還 是 應該 遵守 巡迴賽 各項 賽事 的 規則 而 不是 按照 自己 的 規則 來 執行 我 現在 什麼 都 不 想 說 至少 對 我們 的 網球 而言 應該 這樣 在 疫苗 方面 實際上 有 很多 選擇 我 從 組織者 和 我 哥哥 那裡 聽到 的 消息 是 有 很多 球員 想 接受 不同 種 的 疫苗 他 強烈 對外 表示 願不願意 接受 疫苗 是 自己 能 決定 的 事 而 不是 透過 這些 福利 來 驅使 球員 接受 打從 塞爾維亞 公開賽 他 就 不斷 強調 自己 反對 此 規定 另外 據 外國 媒體 馬卡報 表示 喬柯 維奇 不僅 會 退出 馬德里 大師 賽 也 可能 接連 缺席 羅馬 大師 賽 等於 接下來 的 兩 站 他 都 不 會 出席 而 看到 他 的 這些 論點 有 網友 回應 說 他 是 為 養精蓄銳 還是 出 了 什麼 問題 小丑 喬柯 維奇 而今 年 還 有 令人矚目 的 法網 和 溫布 頓 法網 將 在 5 月 24 日 到 6 月 13 日 期間 舉行 另外 去年 因 疫情 停辦 的 溫布 頓 大賽 將 於 6 月 28 日 至 7 月 11 日 舉行 明年 更 將 取消 周日休 兵 1 天 的 悠久 傳統 與其 餘 三大 滿貫 一樣 連戰 14 天 或許 喬柯 維奇 真的 想 給 自己 一段時間 好好 休息 準備 好 狀態 再 應付 這 兩 個 頂尖 賽事</t>
    <phoneticPr fontId="1" type="noConversion"/>
  </si>
  <si>
    <t>lady gaga 公開 挺 譚 德塞 遭 挖 媽 曾 任 世衛 親善大使</t>
    <phoneticPr fontId="1" type="noConversion"/>
  </si>
  <si>
    <t>lady gaga 女神 卡卡 受 who 之 邀 統籌 舉辦 慈善 抗 疫 演唱會 one world together at home 並 在 演唱會 前夕 的 記者會 上 大贊 who 秘書長 譚 德塞 是 真正 的 超級 巨星 引發 熱 議 現 更 有 網友 挖 出 卡卡 母親 曾 擔任 世衛 親 善</t>
    <phoneticPr fontId="1" type="noConversion"/>
  </si>
  <si>
    <t>lady gaga 譚 德塞 世衛 親善大使 女神 卡卡</t>
    <phoneticPr fontId="1" type="noConversion"/>
  </si>
  <si>
    <t>北市府「逆時中」抓非法看護 陳時中：要瞭解一下</t>
    <phoneticPr fontId="1" type="noConversion"/>
  </si>
  <si>
    <t>北 市府 逆 時 中 抓 非法 看護 陳時中 要 瞭解 一下</t>
    <phoneticPr fontId="1" type="noConversion"/>
  </si>
  <si>
    <t>夫 打完 莫德納 隔 天 中風 癱瘓 妻 崩潰 他 過去 很 健康</t>
    <phoneticPr fontId="1" type="noConversion"/>
  </si>
  <si>
    <t>打完 莫德納 後 竟 重度 中風 新北 市 一 名 66 歲 李姓 男子 7 月 14 日 接種 莫德納 疫苗 後 臉色 發白 頭暈 隔 天 出現 心絞痛 瞳孔 放大 緊急 送醫 李男 妻子 表示 醫師 診斷 先生 已經 是 重度 中風 狀態 一個 月 過去 後 情況 仍未 好轉 癱瘓 在</t>
    <phoneticPr fontId="1" type="noConversion"/>
  </si>
  <si>
    <t>莫德納 中風 癱瘓 健康 接種</t>
    <phoneticPr fontId="1" type="noConversion"/>
  </si>
  <si>
    <t>桌 球 好手 江 宏 傑 任 防疫 大使 陳時中 比 我們 更 吸 睛</t>
    <phoneticPr fontId="1" type="noConversion"/>
  </si>
  <si>
    <t>防疫 江宏傑 防疫 新 生活 桌 球 好手 樂活</t>
    <phoneticPr fontId="1" type="noConversion"/>
  </si>
  <si>
    <t>臺灣 丹麥 合 制 血清 檢測 碟片 力拼 5 月 取得 認證 上市</t>
    <phoneticPr fontId="1" type="noConversion"/>
  </si>
  <si>
    <t>嘉 藥 保營 系 克服 疫情 助 學生 實習</t>
    <phoneticPr fontId="1" type="noConversion"/>
  </si>
  <si>
    <t>營養師 肺炎 醫院 實習 嘉 藥</t>
    <phoneticPr fontId="1" type="noConversion"/>
  </si>
  <si>
    <t>az 疫苗 增 15 疑 似 嚴重 不良 事件 創 新高 3 人 疑 似 血栓</t>
    <phoneticPr fontId="1" type="noConversion"/>
  </si>
  <si>
    <t>az 疫苗 3 月 22 日 開 打 昨 國內 新增 14 例 疑 似 嚴重 不良 事件 另 有 1 例 從 非 嚴重 不良 事件 改 列 疑 似 嚴重 不良 事件 合計 有 15 例 創下 新 高 發言人 莊人祥 表示 15 名 疑 似 嚴重 不良 事件 中 有 3 人 疑 似 血栓 年齡 分別 是 20 幾 歲 30 幾 歲</t>
    <phoneticPr fontId="1" type="noConversion"/>
  </si>
  <si>
    <t>az 疫苗 接種 就醫 嚴重 不良 事件 門診</t>
    <phoneticPr fontId="1" type="noConversion"/>
  </si>
  <si>
    <t>雙和 醫院 3 護理 師 遭 砍 學姊 心疼 韌帶 神經 都 被 砍 斷</t>
    <phoneticPr fontId="1" type="noConversion"/>
  </si>
  <si>
    <t>陳時中 訪 桃園 坦言 疫情 各縣市 都 會 有</t>
    <phoneticPr fontId="1" type="noConversion"/>
  </si>
  <si>
    <t>衛福 部長 陳時中 24 日 到 桃園 參加 桃園 市政府 的 防疫 會議 盛讚 桃園 很多 措施 都 已 到位 但 提到 公佈 確診 個案 戶籍地 他 直言 慢慢 的 每個 縣 市 都 會 有 也 不 認為 疫情 都會 集中 在 北部 反問 還 沒 完全 結案 誰 又 知道 呢 重點 在 避</t>
    <phoneticPr fontId="1" type="noConversion"/>
  </si>
  <si>
    <t>宜蘭 酒廠 加入 防疫 日產 4 2萬 瓶 酒 精</t>
    <phoneticPr fontId="1" type="noConversion"/>
  </si>
  <si>
    <t>陳柏惟 爆 大甲 媽 退讓 這 一 步 網 哀嚎 不是 這個 阿</t>
    <phoneticPr fontId="1" type="noConversion"/>
  </si>
  <si>
    <t>中 市 補習班 防疫 工作 不 鬆懈 開學 前 1 家 配 1 盒 備用 口罩</t>
    <phoneticPr fontId="1" type="noConversion"/>
  </si>
  <si>
    <t>補習班 防疫 中心 台中 市 口罩</t>
    <phoneticPr fontId="1" type="noConversion"/>
  </si>
  <si>
    <t>直播 先 別 管新冠 了 陸 考古工作者 直擊 秦陵 兵馬俑</t>
    <phoneticPr fontId="1" type="noConversion"/>
  </si>
  <si>
    <t>雲遊 兵馬俑 考古工作者 發掘 三 座 兵馬 俑坑 秦國 銳士 作戰 使用 哪些 武器 秦陵 考古 二 號 坑 出土 高科技 兵種 雲集 帶 您 近 距離 直擊</t>
    <phoneticPr fontId="1" type="noConversion"/>
  </si>
  <si>
    <t>瘋 囤 保險 套 陸 銷量 一 天 暴 增 437</t>
    <phoneticPr fontId="1" type="noConversion"/>
  </si>
  <si>
    <t>臺灣 防疫 超 鬆懈 他 曝 崩潰 實況 網 譏 全靠 良心</t>
    <phoneticPr fontId="1" type="noConversion"/>
  </si>
  <si>
    <t>臺灣 防疫 鬆懈 崩潰 實況</t>
    <phoneticPr fontId="1" type="noConversion"/>
  </si>
  <si>
    <t>嗆 爆 確診 高中生 爽 玩 希臘 網 驚 風向 變 了</t>
    <phoneticPr fontId="1" type="noConversion"/>
  </si>
  <si>
    <t>高中生 確診 確診 案 59 旅遊 警示 希臘</t>
    <phoneticPr fontId="1" type="noConversion"/>
  </si>
  <si>
    <t>修法嚇 阻 居家 隔離 趴 趴 走</t>
    <phoneticPr fontId="1" type="noConversion"/>
  </si>
  <si>
    <t>電子 監控 居家 隔離 肺炎 檢疫 傳染病</t>
    <phoneticPr fontId="1" type="noConversion"/>
  </si>
  <si>
    <t>竹 縣長 照 機構 確診 再 1 老翁 發燒 6 度 采 檢 轉 陽</t>
    <phoneticPr fontId="1" type="noConversion"/>
  </si>
  <si>
    <t>新竹 縣 11 日 再 增加 一 名 確診 者 為 新竹 台 大 分院 生 醫 醫院 竹東 院區 附設 護理 之家 90 多 歲 男性 住 民 10 日 因 發燒 采 檢 確診 先前 5 度 采 檢 均 為 陰性 新竹 縣 衛生局 匡列 33 名 接觸 者 並 擴大 采 檢 75 人 其中 66 為 陰性 9 人 結果 尚未 出爐</t>
    <phoneticPr fontId="1" type="noConversion"/>
  </si>
  <si>
    <t>陰性 采 檢 新竹 縣 長 照 中心 匡列</t>
    <phoneticPr fontId="1" type="noConversion"/>
  </si>
  <si>
    <t>美中 發言人 爭辯 病毒 起源 臺灣 發言人 這樣 說</t>
    <phoneticPr fontId="1" type="noConversion"/>
  </si>
  <si>
    <t>臺灣 疫情 國際 發言人 肺炎</t>
    <phoneticPr fontId="1" type="noConversion"/>
  </si>
  <si>
    <t>其他 股 營運 後市 不 看淡 中 租 回神 走 揚</t>
    <phoneticPr fontId="1" type="noConversion"/>
  </si>
  <si>
    <t>超 謹慎 任務 武漢 包機 現場 照片 曝光 深夜 到 白天才 完成</t>
    <phoneticPr fontId="1" type="noConversion"/>
  </si>
  <si>
    <t>疫情 燒 全台 藍 營 曝 3 負面 聲 量 拖垮 民進 党 蔡 政府 民意 崩 盤</t>
    <phoneticPr fontId="1" type="noConversion"/>
  </si>
  <si>
    <t>疫 再 攪局 漫 威 黑 寡婦 美國 告示牌 音樂 獎 無限期 延期</t>
    <phoneticPr fontId="1" type="noConversion"/>
  </si>
  <si>
    <t>星聚 點 資 遣 費 爭議 勞動局 呼籲 資方 妥善處理</t>
    <phoneticPr fontId="1" type="noConversion"/>
  </si>
  <si>
    <t>星聚 點 資 遣 費 爭議 勞動局 呼籲 資方 妥善處理 對 星聚 點 發生 資 遣 費 給付 爭議 勞動局 局長 陳信瑜 說明 星聚 點 有 2 家 登記 公司 名稱 各 為 星 據點 文 創 公司 與 星聚 點 壹 號 文創 公司 員工 勞保 投保 人數 分別 為 621 人 與 85 人 3 月 至 4 月 有</t>
    <phoneticPr fontId="1" type="noConversion"/>
  </si>
  <si>
    <t>星聚 點 資 遣 費 爭議 勞動局 黃琪</t>
    <phoneticPr fontId="1" type="noConversion"/>
  </si>
  <si>
    <t>英國首相 強 森 boris johnson 日前 一 席 群體 免疫 說 震撼 全球 也 引來 各界 批評 不過 英國政府 真 的 腦子 進 水? 攝影 藝術家 久 方 武 提出 不同 觀點 他 認為 英國政府 至少 進行 了 3 項神 操作 而 群體 免疫 更 是 用 了 孫子兵法</t>
    <phoneticPr fontId="1" type="noConversion"/>
  </si>
  <si>
    <t>湯紹成 當 美中 台 同在 疫 起</t>
    <phoneticPr fontId="1" type="noConversion"/>
  </si>
  <si>
    <t>超 佛 防疫 保單 新光 將 重 啟 銷售</t>
    <phoneticPr fontId="1" type="noConversion"/>
  </si>
  <si>
    <t>50 多 歲 菲 籍 男性 來 台 工作 檢疫 期滿 自費 采 檢 竟 確診</t>
    <phoneticPr fontId="1" type="noConversion"/>
  </si>
  <si>
    <t>伊朗 恐 有 社區 感染 已 累計 8 死</t>
    <phoneticPr fontId="1" type="noConversion"/>
  </si>
  <si>
    <t>肺炎 伊朗 庫 姆 科威特 關閉</t>
    <phoneticPr fontId="1" type="noConversion"/>
  </si>
  <si>
    <t>樂觀 防疫 醫 揭 日 人 超 狂 認知</t>
    <phoneticPr fontId="1" type="noConversion"/>
  </si>
  <si>
    <t>諾富特主管三度就診 三重診所緊急歇業 莊人祥：不會公佈名稱</t>
    <phoneticPr fontId="1" type="noConversion"/>
  </si>
  <si>
    <t>諾 富特 主管 三 度 就診 三 重 診所 緊急 歇業 莊 人 祥 不會 公佈 名稱</t>
    <phoneticPr fontId="1" type="noConversion"/>
  </si>
  <si>
    <t>三 重 診所 新北 防疫 旅館 諾 富特 華航</t>
    <phoneticPr fontId="1" type="noConversion"/>
  </si>
  <si>
    <t>林岱樺 不 戴 口罩 原因 曝光 曾 高喊 一 句 驚呆 眾人</t>
    <phoneticPr fontId="1" type="noConversion"/>
  </si>
  <si>
    <t>瀾湄 合作 李克強 提 強化 對接</t>
    <phoneticPr fontId="1" type="noConversion"/>
  </si>
  <si>
    <t>通道 中國 李克強 湄公河 貿易</t>
    <phoneticPr fontId="1" type="noConversion"/>
  </si>
  <si>
    <t>英超 兩 人 病毒 呈 陽性 目前 8 人 確診</t>
    <phoneticPr fontId="1" type="noConversion"/>
  </si>
  <si>
    <t>乾杯 集團 eps 4 97 元 配 現金 股利 2 元</t>
    <phoneticPr fontId="1" type="noConversion"/>
  </si>
  <si>
    <t>全新 乾杯 乾杯 集團 事業 牛肉</t>
    <phoneticPr fontId="1" type="noConversion"/>
  </si>
  <si>
    <t>新竹 縣 6 日 新增 3 例 確診 個案 住 峨眉鄉 的 40 多 歲 男子 為 京元 電子 員工 由 公司 安排 采 檢 後 陽性 確診 居家 隔離 的 30 歲 婦人 和 50 多 歲 婦人 分別 為 萬華 接觸 史和 機構 群 聚 確診 者 的 家人 居家 隔離 後 采 檢 陽性 確診 縣長 楊文科 表示</t>
    <phoneticPr fontId="1" type="noConversion"/>
  </si>
  <si>
    <t>陽性 確診 居家 隔離 京元 電子 楊文科</t>
    <phoneticPr fontId="1" type="noConversion"/>
  </si>
  <si>
    <t>員工 肺炎 三星 韓國 折疊機</t>
    <phoneticPr fontId="1" type="noConversion"/>
  </si>
  <si>
    <t>日本 新增 病例 再創新高 菅義偉 拒 發佈 緊急狀態</t>
    <phoneticPr fontId="1" type="noConversion"/>
  </si>
  <si>
    <t>議員 紛紛 隔離 美國會 研 擬 替代 表決 方案</t>
    <phoneticPr fontId="1" type="noConversion"/>
  </si>
  <si>
    <t>投票 方案 肺炎 替代 眾議院</t>
    <phoneticPr fontId="1" type="noConversion"/>
  </si>
  <si>
    <t>新竹 縣 7 護理 之家 禁止 探病</t>
    <phoneticPr fontId="1" type="noConversion"/>
  </si>
  <si>
    <t>新竹 縣 護理 之家 禁止 探病</t>
    <phoneticPr fontId="1" type="noConversion"/>
  </si>
  <si>
    <t>社論 紓困 方案 不能 淪為 打秋風</t>
    <phoneticPr fontId="1" type="noConversion"/>
  </si>
  <si>
    <t>觀光 適用 肺炎 經費 振興</t>
    <phoneticPr fontId="1" type="noConversion"/>
  </si>
  <si>
    <t>陸委會 打 臉 網友 血友病 少年 是 中華民國 籍</t>
    <phoneticPr fontId="1" type="noConversion"/>
  </si>
  <si>
    <t>05 45 新增 陸委會 淩晨 書面聲明 指出 這 名 血友病 少年 是 兩岸 婚姻 在 台 所生 的 子女 在 台 辦理 出生 登記 領有 臺灣 身分 證 具有 中華民國 籍 有關 媒體 及 網路 流傳 血友病 童並 沒有 臺灣 國籍 他 是 徹頭徹尾 的 中國 人 訊息</t>
    <phoneticPr fontId="1" type="noConversion"/>
  </si>
  <si>
    <t>高雄 觀光業 者 吐苦水 綠 委 籲 滾 動 檢討</t>
    <phoneticPr fontId="1" type="noConversion"/>
  </si>
  <si>
    <t>台美 借 疫 制 中 陸急 援外 反 制</t>
    <phoneticPr fontId="1" type="noConversion"/>
  </si>
  <si>
    <t>中 美 封城 美國 肺炎 澳門</t>
    <phoneticPr fontId="1" type="noConversion"/>
  </si>
  <si>
    <t>北 市府 今 公佈 4 例 確診 足跡 其中 案 15680 與 案 15681 為 父子 兒子 案 15680 在 知名 手搖 飲料店 約翰 紅茶 公司 擔任 工讀生 父親 案 15681 為 美國在台協會 ait 油 漆工 已 打過 2 劑 bnt 疫苗 仍 確診 目前 已 匡列 12 名 ait 相關 人員</t>
    <phoneticPr fontId="1" type="noConversion"/>
  </si>
  <si>
    <t>嘉縣 確診 4 堂兄弟 泡茶 群 聚 1 傳 3</t>
    <phoneticPr fontId="1" type="noConversion"/>
  </si>
  <si>
    <t>嘉縣 男子 大林 泡茶 萬華</t>
    <phoneticPr fontId="1" type="noConversion"/>
  </si>
  <si>
    <t>香港 波 神 自 拍 辣 照 炸 出 渾圓 北半球 網 噴鼻血 了</t>
    <phoneticPr fontId="1" type="noConversion"/>
  </si>
  <si>
    <t>崔碧珈 魔鬼身材 渾圓 北半球 噴鼻血 ig</t>
    <phoneticPr fontId="1" type="noConversion"/>
  </si>
  <si>
    <t>日本 防疫 還 有救 嗎 網 答案 一面倒</t>
    <phoneticPr fontId="1" type="noConversion"/>
  </si>
  <si>
    <t>倫敦關 40 地鐵站 首相府 稱 不 會 封 城</t>
    <phoneticPr fontId="1" type="noConversion"/>
  </si>
  <si>
    <t>封城 肺炎 英國 首相府 相信</t>
    <phoneticPr fontId="1" type="noConversion"/>
  </si>
  <si>
    <t>東洋 涉 內線交易 案 王鴻薇 想起 陳時中 一 句 話 酸 被 檢 調 打 臉</t>
    <phoneticPr fontId="1" type="noConversion"/>
  </si>
  <si>
    <t>東洋 王鴻薇 陳時中 檢 調 內線交易 案</t>
    <phoneticPr fontId="1" type="noConversion"/>
  </si>
  <si>
    <t>紐時爆料川普宣佈退出WHO 美外交官與世衛秘書長事前皆不知情</t>
    <phoneticPr fontId="1" type="noConversion"/>
  </si>
  <si>
    <t>紐 時 爆 料 川普 宣佈 退出 who 美 外交官 與 世衛 秘書長 事前 皆 不知情</t>
    <phoneticPr fontId="1" type="noConversion"/>
  </si>
  <si>
    <t>宜蘭 縣 不禁 師生 出國 采 柔性 勸導</t>
    <phoneticPr fontId="1" type="noConversion"/>
  </si>
  <si>
    <t>疫情 竟 成為 詐 團 新 手法 女 險 遭 猛男 騙 15萬</t>
    <phoneticPr fontId="1" type="noConversion"/>
  </si>
  <si>
    <t>疫情 詐騙 行員 肺炎 員警</t>
    <phoneticPr fontId="1" type="noConversion"/>
  </si>
  <si>
    <t>電腦設備 技嘉 5 月 營 收 再創新高 外資 持 股 逾 3 成</t>
    <phoneticPr fontId="1" type="noConversion"/>
  </si>
  <si>
    <t>單月 歷史 新高 自動 駕駛 車輛 決策控制 平臺 amd 伺服器</t>
    <phoneticPr fontId="1" type="noConversion"/>
  </si>
  <si>
    <t>無視 疫情 嚴峻 台南 連鎖 健身房 7 人群 聚 遭 警告 發</t>
    <phoneticPr fontId="1" type="noConversion"/>
  </si>
  <si>
    <t>台南 市 警方 9 日 晚間 在 新 營區 查獲 某 健身 連鎖店 內 有 7 人 違反 室內 群 聚 業者 堅稱 沒有 客人 未 營業 只 有 3 名 工作人員 和 4 名教練 但 警方 認為 已 明顯 違反 群 聚 規定 將 在場 違規者 依 違反 傳染病 防治法 函送 衛生 單位 開 罰 目前</t>
    <phoneticPr fontId="1" type="noConversion"/>
  </si>
  <si>
    <t>台南 市 警方 9 日 晚間 在 新 營區 查獲 某 健身 連鎖店 內 有 7 人 違反 室內 群 聚 業者 堅稱 沒有 客人 未 營業 只 有 3 名 工作人員 和 4 名教練 但 警方 認為 已 明顯 違反 群 聚 規定 將 在場 違規者 依 違反 傳染病 防治法 函送 衛生 單位 開 罰 目前 三級 防疫 警戒 各 娛樂 行業 全面 暫停營業 避免 造成 防疫 破 口 台南 市 新營 警 分局 中山路 派出所 警員 昨日 晚間 7 點 巡邏 時 卻 發現 轄內 中山路 有 一 間 健身 連鎖店 燈火通明 經查 場所 內 共有 7 人 其中 3 名 是 工作人員 4 名 為 教練 業者 稱 3 名 工作人員 是 公司 指派 他們 來 處理事務 其 餘 4 名教練 是 做 線 上 的 視 訊 教學 全程 都 有 戴 上 口罩 不過 警方 認為 業者 違反 室內 禁止 5 人 以上 群 聚 規定 且 涉嫌 違規 營業 依 規定 告發 後續 移 請 衛生局 來 認定 及 辦理 台南 市長 黃偉哲 10 日 指出 新營 這家 健身 連鎖店 在 營業 場所 線 上 教學 違反 這類 場所不能 營業 室內 5 人 以上 規定 但 如是 健身 教練 自營 健身 工作室 在 住家 或 營業 場所 以外 的 地方 線 上 教學 因 未 群 聚 且 也 沒 在 營業 場所 開張 是 合法 也 能 被 大眾 接受 台南 市政府 衛生局 今天 表示 健身房 屬 應 關閉 的 休閒 娛樂 場 禁止 任何 人 在 內 從事 相關 業務 消費 或 其他 聚會 行為 新營 這家 健身 連鎖店 因 大門 未 關閉 會 再 厘 清 是否 營業 負責人 是否 裁 罰 衛生局 提到 如 未 營業 因 屬 不可 營業 場所 禁止 室內 5 人 以上 聚會 每人 將 裁 罰 6萬 元 另 健身 中心 改線 上 教學 避免 群 聚 達 防疫 目的 及 兼顧 生計 是否 符合規定 將 再 向 中央 請示</t>
    <phoneticPr fontId="1" type="noConversion"/>
  </si>
  <si>
    <t>操盤 心法 經濟衰退 疑慮 擴大 短期 難 逃 震盪 命運</t>
    <phoneticPr fontId="1" type="noConversion"/>
  </si>
  <si>
    <t>後續 美國 肺炎 有限 金融</t>
    <phoneticPr fontId="1" type="noConversion"/>
  </si>
  <si>
    <t>國際 社會 印度 全國 封鎖 令 延至 5 月 3 日</t>
    <phoneticPr fontId="1" type="noConversion"/>
  </si>
  <si>
    <t>日 贈 az 疫苗 6 15 開 打 75 歲 以上 等 5 類人 優先 接種</t>
    <phoneticPr fontId="1" type="noConversion"/>
  </si>
  <si>
    <t>裸照 曝光 牛郎 帝王 一 句 話 網 爆 動 能 活 著 真好</t>
    <phoneticPr fontId="1" type="noConversion"/>
  </si>
  <si>
    <t>羅蘭 男 公關 粉絲 裸照 活 著</t>
    <phoneticPr fontId="1" type="noConversion"/>
  </si>
  <si>
    <t>500 多 位 無 症狀 輕 症 快 篩 陽性者 已 入 住 加強版 集中 檢疫所</t>
    <phoneticPr fontId="1" type="noConversion"/>
  </si>
  <si>
    <t>最 安全 國家 以色列 臺灣 武漢 解封 勞工 紓困 貸款</t>
    <phoneticPr fontId="1" type="noConversion"/>
  </si>
  <si>
    <t>搭配 瑞德 治療 新 效果 肺炎</t>
    <phoneticPr fontId="1" type="noConversion"/>
  </si>
  <si>
    <t>香港 新增 44 確診 病例 29 宗為 境外 輸入</t>
    <phoneticPr fontId="1" type="noConversion"/>
  </si>
  <si>
    <t>防疫 消毒 高 市 各 早 療 中心 為 孩子 健康 防護 把關</t>
    <phoneticPr fontId="1" type="noConversion"/>
  </si>
  <si>
    <t>孩子 中心 消毒 早 療 早 療 中心</t>
    <phoneticPr fontId="1" type="noConversion"/>
  </si>
  <si>
    <t>輝瑞 bnt 疫苗 到手 我 獲 covax 分配 50萬 劑</t>
    <phoneticPr fontId="1" type="noConversion"/>
  </si>
  <si>
    <t>疫苗 輝瑞 bnt 50萬 劑 covax</t>
    <phoneticPr fontId="1" type="noConversion"/>
  </si>
  <si>
    <t>施打 流感疫苗 降低 誤認 機 率</t>
    <phoneticPr fontId="1" type="noConversion"/>
  </si>
  <si>
    <t>肺炎 秋冬 快 篩 接種 感染</t>
    <phoneticPr fontId="1" type="noConversion"/>
  </si>
  <si>
    <t>國 台辦 願意 盡 速 安排 提供 大陸 疫苗 陸委會 回應</t>
    <phoneticPr fontId="1" type="noConversion"/>
  </si>
  <si>
    <t>紡 纖 股 獎勵 補貼 擴 建新 產能 新 纖 戰季線 反 壓</t>
    <phoneticPr fontId="1" type="noConversion"/>
  </si>
  <si>
    <t>新 纖 纖維 聚酯 粒 3 月 獎勵</t>
    <phoneticPr fontId="1" type="noConversion"/>
  </si>
  <si>
    <t>混打 高端 美國 都 不 承認 醫 4 種 打法 才 算數</t>
    <phoneticPr fontId="1" type="noConversion"/>
  </si>
  <si>
    <t>不少 民眾 選擇 疫苗 廠 牌 除了 考慮 保護 力 之外 也 會 考量 到 未來 出國 能否 被 承認 對此 醫師 陳昶宇 表示 無論是 混打 az 莫德納 az bnt 還 是 打 2 劑 高端 恐怕 都 無法 被 美國 承認 為 完全 接種 因為 美國 疾病 管制 與 預防 中心</t>
    <phoneticPr fontId="1" type="noConversion"/>
  </si>
  <si>
    <t>混打 az 接種 兩劑 陳昶宇</t>
    <phoneticPr fontId="1" type="noConversion"/>
  </si>
  <si>
    <t>搶 預約 疫苗 健 保 快易通 app 卻 卡 1 小時 3 招順利 搞 定</t>
    <phoneticPr fontId="1" type="noConversion"/>
  </si>
  <si>
    <t>全國 疫情 降 2 級 警戒 盧秀燕 1 前提 2 態度</t>
    <phoneticPr fontId="1" type="noConversion"/>
  </si>
  <si>
    <t>中央 宣佈 全國 疫情 警戒 自 7 月 27 日 起 降為 2 級 台中 市長 盧秀燕 23 日 指出 距離 場 域 開放 措施 以及 防疫 措施 還有 幾 天 時間 台中 將 采 1 前提 2 態度 確保 防疫 安全 漸進式 開放 而非 為了 開放 而 開放 每個 場 域 開放 與否 及 程</t>
    <phoneticPr fontId="1" type="noConversion"/>
  </si>
  <si>
    <t>口罩 魔 人 真 的 多 關 車門 吃 便當 被 敲 窗 糾正 駕駛 傻眼 怎麼 吃</t>
    <phoneticPr fontId="1" type="noConversion"/>
  </si>
  <si>
    <t>全國 三級 警戒 民眾 外出 一定 得 戴 口罩 不過 有些 戶外 工作者 相當 無奈 喝 水 吃飯 都得 偷偷摸摸 深怕 被 人 檢舉 搞 得 像 過街老鼠 一 名 網友 抱怨 他 獨自一人 關 車門 在 車內 吃 便當 竟然 被 人 敲 窗 提醒 要 戴 口罩 讓 他 相當</t>
    <phoneticPr fontId="1" type="noConversion"/>
  </si>
  <si>
    <t>病例 增加 人數 感染 大 邱 市</t>
    <phoneticPr fontId="1" type="noConversion"/>
  </si>
  <si>
    <t>為 防疫 新安 東京 產 也 將 健康 險 升級</t>
    <phoneticPr fontId="1" type="noConversion"/>
  </si>
  <si>
    <t>繼 富 邦 產 國泰 產 以及 旺 旺 友聯 產 之後 為 防疫 以及 提供 保戶 更 多 保障 新安 東京 海上 產 也 將旗 下 健康 險 再 升級 包括 取消 法定 傳染病 等待 期 等 五大 保障 新安 東京 海上 產險 表示 為了 提升 民眾 健康 保障 推出 升級 版 的 健康 禦</t>
    <phoneticPr fontId="1" type="noConversion"/>
  </si>
  <si>
    <t>法定 傳染病 保戶 突發 傷病 新安 東京 海上 產險</t>
    <phoneticPr fontId="1" type="noConversion"/>
  </si>
  <si>
    <t>她打疫苗扯衣露雪白香肩 台日網友「癡漢防疫」興奮報名義工</t>
    <phoneticPr fontId="1" type="noConversion"/>
  </si>
  <si>
    <t>她 打 疫苗 扯 衣露 雪白 香 肩 台 日 網友 癡 漢 防疫 興奮 報 名義 工</t>
    <phoneticPr fontId="1" type="noConversion"/>
  </si>
  <si>
    <t>義工 電視臺 ptt 肩膀 香 肩</t>
    <phoneticPr fontId="1" type="noConversion"/>
  </si>
  <si>
    <t>全台 首例 社區 感染 瀕 臨界點 兩 名 學生 確診 北部 一 高中 全校 停課</t>
    <phoneticPr fontId="1" type="noConversion"/>
  </si>
  <si>
    <t>停課 傳播 學生 學校 社區</t>
    <phoneticPr fontId="1" type="noConversion"/>
  </si>
  <si>
    <t>黃越綏「館長口頭禪」對付瓦磘裡裡長！醫護無奈留言</t>
    <phoneticPr fontId="1" type="noConversion"/>
  </si>
  <si>
    <t>黃越綏 館長 口頭禪 對付 瓦 磘 裡裡 長 醫護 無奈 留言</t>
    <phoneticPr fontId="1" type="noConversion"/>
  </si>
  <si>
    <t>黃越綏 館長 口頭禪 瓦 磘 裡裡 長 林綺芳 中和 裡裡 長</t>
    <phoneticPr fontId="1" type="noConversion"/>
  </si>
  <si>
    <t>熱門 族群 陸 全面 復工 蘋果 台系 供應 鏈 好 嗨</t>
    <phoneticPr fontId="1" type="noConversion"/>
  </si>
  <si>
    <t>儘管 3 月 19 日 蘋果 股價 未 隨 美 股 反彈 逆勢 收 低 但 大陸 各地 全面 復工 且 短線 股價 跌幅 已 大 今天 蘋果 供應 鏈 在 大 立 光 3008 盤中 亮燈 領 軍 下 全面 止 跌 反彈 玉晶光 3406 台 郡 6269 新 日興 3376 及 正 崴 2392 盤中 股價 連袂</t>
    <phoneticPr fontId="1" type="noConversion"/>
  </si>
  <si>
    <t>蘋果 大 立 光 玉晶光 台郡 新日 興</t>
    <phoneticPr fontId="1" type="noConversion"/>
  </si>
  <si>
    <t>科技 印度 疫情 失控 全球 今年 智慧 機 成長率 亮 警訊</t>
    <phoneticPr fontId="1" type="noConversion"/>
  </si>
  <si>
    <t>印度 智慧 型 手機 oppo vivo 小米</t>
    <phoneticPr fontId="1" type="noConversion"/>
  </si>
  <si>
    <t>imf 上 修 今年 全球 經濟 成長率</t>
    <phoneticPr fontId="1" type="noConversion"/>
  </si>
  <si>
    <t>鑒於 以 美國 為首 的 主要 經濟體 祭出 大規模 的 刺激 方案 以及 全球 疫苗 加速 接種 國際貨幣基金 imf 發佈 最新 世界 經濟 展望 報告 調高 今 明年 全球 經濟 成長 預測 今年 成長率 上調 至 6 將 創 1970 年代 以來 新 高 同時 imf 將 臺灣</t>
    <phoneticPr fontId="1" type="noConversion"/>
  </si>
  <si>
    <t>美國 新 估 成長率 報告 調高</t>
    <phoneticPr fontId="1" type="noConversion"/>
  </si>
  <si>
    <t>金融 疫 外 助攻 股東會 電子 投票 再創 巔峰</t>
    <phoneticPr fontId="1" type="noConversion"/>
  </si>
  <si>
    <t>曹 西平 出道 40 年 沒 遇過 心酸 工作 全 停 擺 病毒 還 沒 走 會 先 餓 死</t>
    <phoneticPr fontId="1" type="noConversion"/>
  </si>
  <si>
    <t>慘兮兮 疫情 衝擊 全球 旅遊業 回落 至 30 年前 水準</t>
    <phoneticPr fontId="1" type="noConversion"/>
  </si>
  <si>
    <t>口罩 地圖 有 這 缺點 藥師 被 謾駡 淚 訴 不 發 號碼牌 了</t>
    <phoneticPr fontId="1" type="noConversion"/>
  </si>
  <si>
    <t>口罩 地圖 號碼牌 口罩 實 名 制 藥局 藥師</t>
    <phoneticPr fontId="1" type="noConversion"/>
  </si>
  <si>
    <t>板橋 某 社區 今日 將 解 隔離 侯友宜 大樓 清 消 已 完成</t>
    <phoneticPr fontId="1" type="noConversion"/>
  </si>
  <si>
    <t>新北 市 幼稚園 群 聚 事件 板橋 某 社區 大樓 今天 深夜 12 時將 有 383 人 要 解 隔離 外界 好奇 新北 各個 檢疫所 面對 大量 民眾 解 隔離 相關 作法 為何 對此 新北 市長 侯友宜 表示 這 2 天 社區 住戶 陸續 解隔 當中 市府 對 社區 大樓 清 消 會 做 完</t>
    <phoneticPr fontId="1" type="noConversion"/>
  </si>
  <si>
    <t>板橋 清 消 社區 大樓 解 隔離 社區 居民</t>
    <phoneticPr fontId="1" type="noConversion"/>
  </si>
  <si>
    <t>新光 產 假日 增 額 保險 出門 好 fun 心</t>
    <phoneticPr fontId="1" type="noConversion"/>
  </si>
  <si>
    <t>搭乘 大眾 運輸工具 出門 提高 sk 858 新光 幫 我 保</t>
    <phoneticPr fontId="1" type="noConversion"/>
  </si>
  <si>
    <t>封城 狀態 新發 地 北京 航班 取消</t>
    <phoneticPr fontId="1" type="noConversion"/>
  </si>
  <si>
    <t>徐國勇 提 取消 全國性 酒 測 網友 投票 一面倒</t>
    <phoneticPr fontId="1" type="noConversion"/>
  </si>
  <si>
    <t>內政部長 徐國勇 日前 宣佈 暫停 實施 全國性 酒 測 隨即 遭 行政院長 蘇貞昌 打 臉 徐國勇 也 趕忙 解釋 只 暫停 由 警政署 指揮 每月 兩 次 的 全國 同步 酒 測 措施 對於 是否 取消 全國性 酒 測 網友 意見 大多 認為 不妥 若要 取消 也 應有 配</t>
    <phoneticPr fontId="1" type="noConversion"/>
  </si>
  <si>
    <t>酒 測 徐國勇 內政 部 蘇貞昌 行政院</t>
    <phoneticPr fontId="1" type="noConversion"/>
  </si>
  <si>
    <t>抗體 檢測 成 防疫 新 戰場 專家 但 也 存在 無效 抗體</t>
    <phoneticPr fontId="1" type="noConversion"/>
  </si>
  <si>
    <t>抗體 檢測 感染 病毒 體內</t>
    <phoneticPr fontId="1" type="noConversion"/>
  </si>
  <si>
    <t>確診 外籍 看護 友人 二 采 陰性 解除 隔離</t>
    <phoneticPr fontId="1" type="noConversion"/>
  </si>
  <si>
    <t>友人 確診 二 采 陰性 隔離</t>
    <phoneticPr fontId="1" type="noConversion"/>
  </si>
  <si>
    <t>屏 東 為 防疫 人員 加 保 防疫 險 並 擴大 疫苗 施打 物件</t>
    <phoneticPr fontId="1" type="noConversion"/>
  </si>
  <si>
    <t>經濟 疫情 消費 主 計 主 計 總 處</t>
    <phoneticPr fontId="1" type="noConversion"/>
  </si>
  <si>
    <t>馬文君 向 醫護人員 致敬 號召 科技 公司 送 物資</t>
    <phoneticPr fontId="1" type="noConversion"/>
  </si>
  <si>
    <t>犯罪 網路 肺炎 偵查 疫情</t>
    <phoneticPr fontId="1" type="noConversion"/>
  </si>
  <si>
    <t>日 贈 124萬 劑 az 疫苗 加速 配送 莊 人 祥 最 快 明天 開 打</t>
    <phoneticPr fontId="1" type="noConversion"/>
  </si>
  <si>
    <t>疫情 嚴峻 民眾 往 郊外 跑 原鄉 族人 呼籲 別 再上 山</t>
    <phoneticPr fontId="1" type="noConversion"/>
  </si>
  <si>
    <t>bbc 女主播 打 az 腦 出血 亡 重症 醫 出現 7 症狀 要 注意</t>
    <phoneticPr fontId="1" type="noConversion"/>
  </si>
  <si>
    <t>第 七 輪 疫苗 將 由 az 上場 面對 來勢洶洶 的 delta 病毒 許多 人 想 快點 打 疫苗 提升 保護 力 icu 醫師 陳志金 分享 英國 44 歲 女主播 打完 第一 劑 az 三 周 後腦 出血 死亡 死因 是 打 疫苗 引起 免疫 血栓性 血小板 低下 症 導致 腦 靜脈 血栓 他 提</t>
    <phoneticPr fontId="1" type="noConversion"/>
  </si>
  <si>
    <t>az 血栓 腦 出血 bbc 女主播 陳志金</t>
    <phoneticPr fontId="1" type="noConversion"/>
  </si>
  <si>
    <t>春節 集中 檢疫所 17 日 開放 預約 莊 人 祥 無法 選擇 位置</t>
    <phoneticPr fontId="1" type="noConversion"/>
  </si>
  <si>
    <t>delta 變種 病毒 不 只 入侵 臺灣 也 在 全球 各地 投下 震撼 彈 疫苗 施打 率 搶先 全球 的 以色列 解除 口罩 令 才 短短 一 周 也 擋不住 delta 來勢洶洶 單日 確診 暴 增 200 例 不禁 讓 各界 恐慌 連 疫苗 也 沒效 了 嗎 群體 免疫 策略 該 往 哪裡</t>
    <phoneticPr fontId="1" type="noConversion"/>
  </si>
  <si>
    <t>憂 孩子 打 bnt 釀 心肌炎 醫 提 1 建議 家長 全贊 爆</t>
    <phoneticPr fontId="1" type="noConversion"/>
  </si>
  <si>
    <t>青少年 下 周開 打 bnt 第 九 輪 的 bnt 疫苗 預計 在 九月 底 開 打 不過 近日 頻 傳 打 bnt 恐 誘發 心肌炎 讓 不少 民眾 擔憂 緊張 對此 胸腔 科 醫師 蘇一峰 表示 打 第二 劑 出現 心肌炎 的 風險 比較 高 建議 家長 可讓 孩子 先 打 第一 劑 再 觀望</t>
    <phoneticPr fontId="1" type="noConversion"/>
  </si>
  <si>
    <t>bnt 心肌炎 副作用 年輕人 老人</t>
    <phoneticPr fontId="1" type="noConversion"/>
  </si>
  <si>
    <t>光 良 隔 12 年 二 度 攻 蛋 強 碰 疫情 靠 食 補 強身</t>
    <phoneticPr fontId="1" type="noConversion"/>
  </si>
  <si>
    <t>有樣學樣 川普 稱 消毒水 殺病毒 真 有 越 多 人 嘗試</t>
    <phoneticPr fontId="1" type="noConversion"/>
  </si>
  <si>
    <t>女星 戴 口罩 激 凸 緊身衣 逛 街 豪 乳 上 圍 傲人</t>
    <phoneticPr fontId="1" type="noConversion"/>
  </si>
  <si>
    <t>大規模 打 疫苗 沒 做到 這 件 事 醫 恐 爆發 下一場 戰役</t>
    <phoneticPr fontId="1" type="noConversion"/>
  </si>
  <si>
    <t>結婚 44 周年 國際 導演 吳宇森 用 愛 抗 疫</t>
    <phoneticPr fontId="1" type="noConversion"/>
  </si>
  <si>
    <t>距離 醫護人員 患者 人員 肺炎</t>
    <phoneticPr fontId="1" type="noConversion"/>
  </si>
  <si>
    <t>義 大利 疫情 失控 緊急命令 擴大 封城 米蘭 和 威尼斯 都 在 列</t>
    <phoneticPr fontId="1" type="noConversion"/>
  </si>
  <si>
    <t>抗 疫 國家隊 長 聖生技 強攻 細胞 治療</t>
    <phoneticPr fontId="1" type="noConversion"/>
  </si>
  <si>
    <t>研發 肺炎 黃文 良 核准 臨床 試驗</t>
    <phoneticPr fontId="1" type="noConversion"/>
  </si>
  <si>
    <t>新興 亞 債 跟 漲 抗跌 後 疫 首選</t>
    <phoneticPr fontId="1" type="noConversion"/>
  </si>
  <si>
    <t>法人 機構 指出 隨 著 後 疫情 期間 經濟 緩 復蘇 現象 全球 低 利率 環境 將 持續 一段時間 而 聯 准會 政策 動向 延續 當前 基準利率 近 0 的 現象 至少 維持 到 2022 年底 或 甚至 更 久 凱基 投 信 分析 根據 歷史 經驗 回 測 2009 2014 年 間 聯 准</t>
    <phoneticPr fontId="1" type="noConversion"/>
  </si>
  <si>
    <t>青睞 肺炎 資產 陳建銘 現象</t>
    <phoneticPr fontId="1" type="noConversion"/>
  </si>
  <si>
    <t>北海道 38 歲 知事 太帥 先見之明 因 曾是 福祉 保健局 主任</t>
    <phoneticPr fontId="1" type="noConversion"/>
  </si>
  <si>
    <t>新北員警疫苗到位 第一線警全速開打</t>
    <phoneticPr fontId="1" type="noConversion"/>
  </si>
  <si>
    <t>新北 員警 疫苗 到位 第一線 警 全速 開 打</t>
    <phoneticPr fontId="1" type="noConversion"/>
  </si>
  <si>
    <t>安倍 下令 9 日 起 陸 韓 入境 旅客 強制 隔離 14 天</t>
    <phoneticPr fontId="1" type="noConversion"/>
  </si>
  <si>
    <t>由於 開學 在即 許多 老師 希望 開學 前 可以 打 疫苗 教育部 表示 必須 從 預約 系統 預約 但 臺北市 許多 新進 老師 代課老師 以及 課後 照顧 老師 若 透過 預約 系統 難以 銜接 全台 可能 都有 類似 的 問題 是否 可以 針對 八月 新進 的 代課老師 等</t>
    <phoneticPr fontId="1" type="noConversion"/>
  </si>
  <si>
    <t>基層 醫護 新進 老師 疫苗 陳時中 想 辦法</t>
    <phoneticPr fontId="1" type="noConversion"/>
  </si>
  <si>
    <t>近日 疫情 再起 大專 校院 即將 在 下禮拜 陸續 開學 教育部長 潘文忠 今 8 日 表示 大學 可 按照 既定 時程 開學 但 建議 在 中秋節 9 月 21 日 前 先采 行 遠 距 或 線 上 教學 臺灣大學 清華大學 與 臺灣師範大學 晚間 發佈 消息 皆 延後</t>
    <phoneticPr fontId="1" type="noConversion"/>
  </si>
  <si>
    <t>屏 縣 新增 4 例 確診 屏 縣長 疾呼 別 再 群 聚 了</t>
    <phoneticPr fontId="1" type="noConversion"/>
  </si>
  <si>
    <t>屏 東縣 25 日 公佈 新增 4 例 本土 確診 者 及 2 例 臺北市 彰 化 縣 確診 者 來 屏 足跡 共 匡列 43 名 接觸 者 檢疫 及 隔離 其中 案 號 5466 為 先前 公佈 確診 4226 號 的 胞兄 案 5464 為 4755 的 妻子 都 是 親友 感染 屏 東 縣長 潘孟安 則 提醒 民眾 這 段期</t>
    <phoneticPr fontId="1" type="noConversion"/>
  </si>
  <si>
    <t>肺炎 疫情 憂慮 不散 且 油價 崩 跌 亞 股 一 片 慘 綠</t>
    <phoneticPr fontId="1" type="noConversion"/>
  </si>
  <si>
    <t>達 邦 蛋白 漳州 廠 迎新 單</t>
    <phoneticPr fontId="1" type="noConversion"/>
  </si>
  <si>
    <t>上市 櫃 唯一 標榜 無 抗 養殖 的 農業 科技 概念 股 達 邦 蛋白 6578 2019 年底 取得 食品 益生 菌 廠 登記證 開發 水產 動物 用 益生 菌 達 邦 來 富 測試 發現 搭配 達 邦 勝 肽 蛋白 投 喂 能 有效 壓制 午 仔 魚 鏈球菌 病情 提升 魚只 活力 明顯 增</t>
    <phoneticPr fontId="1" type="noConversion"/>
  </si>
  <si>
    <t>達 邦 新 單 產能 益生 菌 達 邦 蛋白</t>
    <phoneticPr fontId="1" type="noConversion"/>
  </si>
  <si>
    <t>醫療 英國 服務 保健 醫療保健</t>
    <phoneticPr fontId="1" type="noConversion"/>
  </si>
  <si>
    <t>北市 75 歲 以上 15 日 開 打 第 2 劑 柯文哲 批 中央 疫苗 規 畫 亂七八糟</t>
    <phoneticPr fontId="1" type="noConversion"/>
  </si>
  <si>
    <t>北市 副 市長 蔡炳坤 9 日 表示 北市 75 歲 以上 長者 第 1 劑 已 滿 10 周 要 開 打 第 2 劑 預約 到 12 日 中午 截止 15 至 19 日 火力 全開 施打 臺北市 長 柯文哲 痛 批 臺灣 疫苗 最 大 問題 就 是 中央 完全 沒 規 畫 有 什麼 打 什麼 導致 亂七八糟 柯</t>
    <phoneticPr fontId="1" type="noConversion"/>
  </si>
  <si>
    <t>北市 預約 長者 75 歲 接種</t>
    <phoneticPr fontId="1" type="noConversion"/>
  </si>
  <si>
    <t>全球 實施 計畫 疫苗 發展中國家</t>
    <phoneticPr fontId="1" type="noConversion"/>
  </si>
  <si>
    <t>廣州 再 添 9 本土 病例 均 來自 封閉 管理 區域 及 隔離 觀察 人員</t>
    <phoneticPr fontId="1" type="noConversion"/>
  </si>
  <si>
    <t>廣東省 疫情 防控 新聞 發佈會 11 日 由 廣東省 衛 健 委 副 主任 省 中醫藥局 局長 徐慶鋒 介紹 端午節 假期 疫情 防控 安排 分析 此 輪 疫情 感染者 以 老人 小孩 較 多 最 長 92 歲 最小 1 歲 經 分析 廣州市 近期 新增 病例 都 來自 封閉 管理 區域</t>
    <phoneticPr fontId="1" type="noConversion"/>
  </si>
  <si>
    <t>驚 悚 肺炎 確診 一口氣 增 5 例</t>
    <phoneticPr fontId="1" type="noConversion"/>
  </si>
  <si>
    <t>確診 接觸 者 護理人員 驚 悚 肺炎 確診</t>
    <phoneticPr fontId="1" type="noConversion"/>
  </si>
  <si>
    <t>半 導體 精 測 5 月 營 收 續登 同期 高 q 3 營運 審慎 樂觀</t>
    <phoneticPr fontId="1" type="noConversion"/>
  </si>
  <si>
    <t>精 測 營 收 成長 同期 新高 探針 卡</t>
    <phoneticPr fontId="1" type="noConversion"/>
  </si>
  <si>
    <t>國 高中生 要 不 要 打 bnt 醫 一 句 話網 秒 懂 了</t>
    <phoneticPr fontId="1" type="noConversion"/>
  </si>
  <si>
    <t>bnt 國 高中生 12 至 15 歲 意願 書 打 疫苗</t>
    <phoneticPr fontId="1" type="noConversion"/>
  </si>
  <si>
    <t>金門 不 甩 中央 楊鎮 浯 縣長 批 中央 已 讀 不 回</t>
    <phoneticPr fontId="1" type="noConversion"/>
  </si>
  <si>
    <t>2萬 件 隔離 衣 遇 火燒 車 被 燒毀 國家隊 聚陽 霸氣 回應 貨 足 再 送 新 的</t>
    <phoneticPr fontId="1" type="noConversion"/>
  </si>
  <si>
    <t>今 14 日 天 清晨 6 點 多 一 輛 載有 國家隊 聚陽 實業 生產 的 防疫 隔離 衣 貨櫃車 行經 國道 1 號 台中 南屯 路段 時 突然 不明 原因 起火 車內 250 箱 計 約 2萬 件 隔離 衣 全部 被 燒 的 焦黑 破爛 已 無法 使用 聚陽 得知 消息 後 表示 這 批</t>
    <phoneticPr fontId="1" type="noConversion"/>
  </si>
  <si>
    <t>隔離 衣 聚陽 2萬 燒毀 實業</t>
    <phoneticPr fontId="1" type="noConversion"/>
  </si>
  <si>
    <t>非在 籍 長者 憂 打 不 到 第 2 劑 az 北市 會 開放 電話 登記 向 中央 爭取</t>
    <phoneticPr fontId="1" type="noConversion"/>
  </si>
  <si>
    <t>臺北市 滿 75 歲 以上 長者 第 2 劑 az 疫苗 將 開 打 不在 籍 長者 憂心 打 不到 副 市長 蔡炳坤 14 日 表示 非設 籍 北市 的 民眾 約 有 5510 人 市府 會 在 設 籍 長者 接種 完 後 開放 12 區公所 電話 登記 統計 後 向 中央 爭取 疫苗 他 強調 不論 有無 設</t>
    <phoneticPr fontId="1" type="noConversion"/>
  </si>
  <si>
    <t>水泥 股 兩 廣去 庫存 仍 有 壓 台泥 今年 獲利 保守</t>
    <phoneticPr fontId="1" type="noConversion"/>
  </si>
  <si>
    <t>台泥 1101 首季 營 收 年 減 13 季 減 38 目前 在 大陸 水泥 發貨量 已 恢復 至 產能 的 90 以上 不過 廣東 及 廣西 庫容 比 仍 較 去年同期 高出 10 個 百分點 水泥 價格 仍然 有 壓 台泥 在 電力 事業 及 臺灣 水泥 業務 今年 獲利 看好 但 受到 大陸</t>
    <phoneticPr fontId="1" type="noConversion"/>
  </si>
  <si>
    <t>全球 哪 是 最後 淨土 網 答案 超 意外</t>
    <phoneticPr fontId="1" type="noConversion"/>
  </si>
  <si>
    <t>曾母暗沙 淨土 確診 臺灣 南海</t>
    <phoneticPr fontId="1" type="noConversion"/>
  </si>
  <si>
    <t>川普 抗 疫 採取 緊急行動 美 對 歐 封關 30 天 祭 紓困 措施</t>
    <phoneticPr fontId="1" type="noConversion"/>
  </si>
  <si>
    <t>微軟 受 疫 業績 上 雲端</t>
    <phoneticPr fontId="1" type="noConversion"/>
  </si>
  <si>
    <t>微軟 microsoft 29 日 週三 上 季營 收 獲利 雙雙 優於 市場 預估 雲端 業績 勁揚 功不可沒 而 疫情 使得 遠 端 上 班 需求 大增 帶動 微軟 線 上 開會 程式 team 使用率 大增 全球 居家 令 則 使 xbox 遊戲 服務 活躍 使用者數 躍升 這家 全球 軟 體</t>
    <phoneticPr fontId="1" type="noConversion"/>
  </si>
  <si>
    <t>活躍 用戶數 雲端 業績 大增 肺炎</t>
    <phoneticPr fontId="1" type="noConversion"/>
  </si>
  <si>
    <t>國內 疫情 升溫 提高 民眾 施打 疫苗 的 意願 一 名 男 大生 表示 施打 疫苗 後 半 小時 一 股 噁 心 感 湧上來 晚間 開始 全身 發冷 發燒 根本 像 地獄 一樣 貼 文 曝光 後 引發 網友 熱烈 分享 打 疫苗 的 經驗 該 名 男 大生 昨 4 日 於論</t>
    <phoneticPr fontId="1" type="noConversion"/>
  </si>
  <si>
    <t>打工族 紓困 1萬 元 今 開放 請領 申請 資格 條件 一 次 看</t>
    <phoneticPr fontId="1" type="noConversion"/>
  </si>
  <si>
    <t>新北 確診 數 壓 不 下來 侯友宜 再次 呼籲 低度 再 低度 活動</t>
    <phoneticPr fontId="1" type="noConversion"/>
  </si>
  <si>
    <t>侯友宜 新北 市 確診 防疫 車隊 清 消</t>
    <phoneticPr fontId="1" type="noConversion"/>
  </si>
  <si>
    <t>11 月 入境 美國 得 完整 接種 疫苗 帶 孩子 出國 怎 辦</t>
    <phoneticPr fontId="1" type="noConversion"/>
  </si>
  <si>
    <t>美國白宮 在 20 日 公佈 將 在 11 月初 實施 全新 的 旅遊 規定 需 完整 接種 疫苗 者 才可 入境 且 可免 隔離 可 體驗 有如 疫情 前 能 自由 旅行 的 生活 然而 不僅 符合條件 的 疫苗 廠 牌 尚未 底定 對於 許多 有 孩子 的 家庭 來說 未能 接種 的 孩童</t>
    <phoneticPr fontId="1" type="noConversion"/>
  </si>
  <si>
    <t>入境 美國 出國 旅行 完整 接種 疫苗 小孩</t>
    <phoneticPr fontId="1" type="noConversion"/>
  </si>
  <si>
    <t>桃園 市 龜 山 警 分局 有感於 新型 肺炎 疫情 日漸 嚴峻 為 因應 防疫 需求 預先 規 畫 緊急 應變 之 人力 運用 及 辦公 方式並 實施 演練 避免 疫情 衝擊 影響 分局 人員 與 上班 環境 造成 機關 運作 癱瘓 25 日 在 大林 派出所 演練 異棟 異地 辦公</t>
    <phoneticPr fontId="1" type="noConversion"/>
  </si>
  <si>
    <t>桃園 市 龜 山 警 分局 有感於 新型 肺炎 疫情 日漸 嚴峻 為 因應 防疫 需求 預先 規 畫 緊急 應變 之 人力 運用 及 辦公 方式並 實施 演練 避免 疫情 衝擊 影響 分局 人員 與 上班 環境 造成 機關 運作 癱瘓 25 日 在 大林 派出所 演練 異棟 異地 辦公 而 分局 內部 各組 室 隊 則 同步 分區 辦公 透過 演練 找 出 問題 加以 修改 整合 因應 未來 視 疫情 需要 龜 山 警 分局 各 業務 單位 部分 人員 將 能 在 第一時間 進駐 大林 派出所 三 樓 異地 辦公區 避免 員警 勤務 受 疫情 影響 而 停 擺</t>
    <phoneticPr fontId="1" type="noConversion"/>
  </si>
  <si>
    <t>疫情 龜 山 警 分局 分局 人員</t>
    <phoneticPr fontId="1" type="noConversion"/>
  </si>
  <si>
    <t>北市 新增 1 本土 中秋 赴 花蓮 探親</t>
    <phoneticPr fontId="1" type="noConversion"/>
  </si>
  <si>
    <t>采 檢 疫苗 花蓮 感染 突破性</t>
    <phoneticPr fontId="1" type="noConversion"/>
  </si>
  <si>
    <t>加州 美國 疫苗 肺炎 學 區</t>
    <phoneticPr fontId="1" type="noConversion"/>
  </si>
  <si>
    <t>疫情 嚴重 韓國 航班 遭 以色列 拒絕 入境 原路 返回</t>
    <phoneticPr fontId="1" type="noConversion"/>
  </si>
  <si>
    <t>輝瑞 疫苗 肺炎 研發 研發 疫苗</t>
    <phoneticPr fontId="1" type="noConversion"/>
  </si>
  <si>
    <t>川普 兒子 大選 結束 病毒 會 很 神奇 地 消失</t>
    <phoneticPr fontId="1" type="noConversion"/>
  </si>
  <si>
    <t>中 市 議會 19 日 召開 臨時 會 防疫 工作 及 振興 經濟 成 重點</t>
    <phoneticPr fontId="1" type="noConversion"/>
  </si>
  <si>
    <t>光寶 科 執行長 陳廣中 華 新科 閎暉 結親 志 在 車用</t>
    <phoneticPr fontId="1" type="noConversion"/>
  </si>
  <si>
    <t>華 新科 閎暉 結親 為 哪 樁 光寶 執行長 陳廣中 表示 閎暉 華 新科 將 攜手 一起 把 車用 領域 做 大 不過 光寶 不 會 再 出脫 閎暉 持 股 而 面對 疫情 帶來 的 購並 良機 他 也 表示 光寶 會 優先 尋找 評估 與 現 有 在 光電 電源 優勢 相關 的 並 購機</t>
    <phoneticPr fontId="1" type="noConversion"/>
  </si>
  <si>
    <t>陳廣中 領域 車用 資料 中心 並購</t>
    <phoneticPr fontId="1" type="noConversion"/>
  </si>
  <si>
    <t>通信網 路 亞太 電 瞄準 618 檔 期 推 限 時 88 勁 量 吃到 飽 單 門號</t>
    <phoneticPr fontId="1" type="noConversion"/>
  </si>
  <si>
    <t>亞太 電 3682 瞄準 近年來 興起 的 618 檔 期 即日起 至 6 月 18 日 順勢 推出 限 時 7 天 的 88 勁 量 吃到 飽 單 門號 方案 看好 本次 疫情 加速 宅 經濟 發酵 亞太 電 也 看好 此 波 年中 慶 帶來 的 商機 對 電 商 來說 618 年 中慶 也 成為 繼 雙 11 活</t>
    <phoneticPr fontId="1" type="noConversion"/>
  </si>
  <si>
    <t>業績 電機 新 梯 完工 認 列 崇友 3 月 營 收 年 增 15</t>
    <phoneticPr fontId="1" type="noConversion"/>
  </si>
  <si>
    <t>崇友 新 梯 堅 尼西斯 公共 工程</t>
    <phoneticPr fontId="1" type="noConversion"/>
  </si>
  <si>
    <t>陸 放寬 新 能源 車 准入 門檻</t>
    <phoneticPr fontId="1" type="noConversion"/>
  </si>
  <si>
    <t>大陸政府 19 日 宣佈 放寬 新 能源 車 企及 產品 進入 市場 的 門檻 本次 新 規 刪除 包括 對 新 能源 車企 有關 設計 開發 能力 的 要求 並 將 新 能源 車企 停止 生產 的 時間 由 12 個 月 調整 為 24 個 月 新 規 9 月 1 日 正式 上路 新浪 財經 報導 2020 年 4 月</t>
    <phoneticPr fontId="1" type="noConversion"/>
  </si>
  <si>
    <t>大陸 新 能源 汽車 新 能源 車企 企業 新 能源 車 新 規</t>
    <phoneticPr fontId="1" type="noConversion"/>
  </si>
  <si>
    <t>抱怨 排隊 買 口罩 苦日子 新 店 人 慘遭 圍剿 炮轟</t>
    <phoneticPr fontId="1" type="noConversion"/>
  </si>
  <si>
    <t>高市 強制 居格 入住 防疫 旅館 議員 批 雙重 懲罰</t>
    <phoneticPr fontId="1" type="noConversion"/>
  </si>
  <si>
    <t>3 男 亂 po 假 訊息 檢 緩 起訴 要求 親自 上網 澄清</t>
    <phoneticPr fontId="1" type="noConversion"/>
  </si>
  <si>
    <t>桃園 醫院 疫情 肺炎 2 月</t>
    <phoneticPr fontId="1" type="noConversion"/>
  </si>
  <si>
    <t>回擊 who 美女 立 委 譚 德塞 不要 再 who 爛</t>
    <phoneticPr fontId="1" type="noConversion"/>
  </si>
  <si>
    <t>who 譚 德塞 立 委 世界衛生組織 臺灣</t>
    <phoneticPr fontId="1" type="noConversion"/>
  </si>
  <si>
    <t>輔大 今 起 禁 外人 進入 師生 需 憑證 入校</t>
    <phoneticPr fontId="1" type="noConversion"/>
  </si>
  <si>
    <t>肺炎 疫情 校園 輔大 師生</t>
    <phoneticPr fontId="1" type="noConversion"/>
  </si>
  <si>
    <t>子 瑜 返台 首 po 居家 隔離 生活 素 顏 美 翻 網 卻 擔心 這 點</t>
    <phoneticPr fontId="1" type="noConversion"/>
  </si>
  <si>
    <t>南韓 人氣 女團 twice 臺灣 成員 周子瑜 因 不少 行程 被迫 取消 她 也 得以 多 出 空閒 時間 返台 和 家人 團聚 不過 需要 居家 檢疫 14 天 所 以 18 日 才能 出關 而 在家 隔離 10 多 天 的 她 也 在 官方 ig 更新 近況 子 瑜 再 2 天 就 可以 解除 居家 隔離</t>
    <phoneticPr fontId="1" type="noConversion"/>
  </si>
  <si>
    <t>tt 吃 的 好開心 但 這不 是 我 做 的 once 你們 過 得 還好 嗎 希望 能 趕快 見面 呢 tt twice @twicetagram 分享 的 貼 文 於 pdt 2020 年 3 月 月 15 日 上午 6 48 張貼 南韓 人氣 女團 twice 臺灣 成員 周子瑜 因 不少 行程 被迫 取消 她 也 得以 多 出 空閒 時間 返台 和 家人 團聚 不過 需要 居家 檢疫 14 天 所 以 18 日 才能 出關 而 在家 隔離 10 多 天 的 她 也 在 官方 ig 更新 近況 子 瑜 再 2 天 就 可以 解除 居家 隔離 她 也 終於 po 文 更新 近況 不僅 分享 多 張 美食 照 還 曬 出 穿 著 居家 服 素顏 和 愛犬 酷 吉 的 合 照 看起來 像是 剛 運動 完 頭髮 還 濕濕的 不過 清秀 模樣 依舊 讓 粉絲 大贊 真的 好 美 素 顏 更 美 了 而 食物 照 中 有 不少 臺灣 家常菜 讓 網友 看到 倍感 親切 不過 不少 人 都 認為 她 好像 又 瘦 了 紛紛 關心 起 她 好像 瘦 了 多 吃 東西 要 照顧 好 身體</t>
    <phoneticPr fontId="1" type="noConversion"/>
  </si>
  <si>
    <t>子 瑜 周子瑜 韓國 臺灣 twice</t>
    <phoneticPr fontId="1" type="noConversion"/>
  </si>
  <si>
    <t>科技 疫情 資 安 不 打折 思科 免費 提供 4 款 產品</t>
    <phoneticPr fontId="1" type="noConversion"/>
  </si>
  <si>
    <t>全球 疫情 持續 發酵 各類 組織 紛紛 啟動 遠 距 工作 維持 業務 營運 為 協助 打造 安全 的 遠 距 工作 環境 思科 今 16 日 最新 宣佈 即日起 免費 提供 四 款 資 安 產品 協助 各 企業 與 組織 能 持續 享有 最 安全 的 資 安 防護 讓 業務 與 教育 不因 資 安</t>
    <phoneticPr fontId="1" type="noConversion"/>
  </si>
  <si>
    <t>北市 校園 bnt 疫苗 接種 8 天 1828 人 施打 後 不適 1 人 胸 痛 住院</t>
    <phoneticPr fontId="1" type="noConversion"/>
  </si>
  <si>
    <t>疫苗 接種 bnt 北市 北市 衛生局 學校</t>
    <phoneticPr fontId="1" type="noConversion"/>
  </si>
  <si>
    <t>民主黨 全代會 視 訊 登場 主辦 城 空蕩蕩 發不 了 財</t>
    <phoneticPr fontId="1" type="noConversion"/>
  </si>
  <si>
    <t>線 上 版 的 民主黨 全國 黨代表大會 dnc 今天 起 在 威斯康 辛州 密 爾瓦基 登場 但 因為 疫情 必須 避免 群 聚 不要 說 被提名人 拜登 不會 到場 黨內 大 咖 不 會 參加 飯店 關閉 餐館 和 酒吧 沒人 商機 零 分 冷清 的 程度 和 往年 猶如 天壤</t>
    <phoneticPr fontId="1" type="noConversion"/>
  </si>
  <si>
    <t>線 上 版 的 民主黨 全國 黨代表大會 dnc 今天 起 在 威斯康 辛州 密 爾瓦基 登場 但 因為 疫情 必須 避免 群 聚 不要 說 被提名人 拜登 不會 到場 黨內 大 咖 不 會 參加 飯店 關閉 餐館 和 酒吧 沒人 商機 零 分 冷清 的 程度 和 往年 猶如 天壤之別 連在 地 民眾 受訪 都 不 知道 dnc 在 密 爾瓦基 舉辦 往年 夏天 密 爾瓦基都 是 熱鬧 滾滾 度假 遊 客 畢業典禮 運動 賽事 但 今年 完全 不同 了 密 爾瓦基 市中心 非常 安靜 人潮 稀稀落落 如果 沒有 疫情 大批 民主黨人 將 擠爆 新建 的 fiserv forum 不過 規模 大 縮水 後 dnc 大會 尾聲 當局 只 會 在 較 小 的 威斯康 辛中心 周 遭 一 條 街道 進行 交通管制 21 歲 的 女子 嘉吉 日前 行經 威 斯 康辛中 心 前 被 媒體 問到 dnc 時 一頭霧水 問 什麼 大會 後來 她 才 想起 拜登 會 在 這 禮拜 接受 提名 民主黨 上次 大選 並未 認真 經營 威斯康 辛 最後 輸給 川普 但 這 回 卻 因 疫情 被迫 把 大會改 成 線 上 模式 拜登 20 日 晚上 將 發表 接受 提名 演說 前 總統 歐 巴馬 前 第一 夫人 蜜雪兒 前 總統 柯林頓 和 4 年前 敗 給 川普 的 前 國務卿 希拉 蕊 都會 發表 視 訊 演說 不過 主辦單位 表示 除了 上述 人 等 其他人 的 演說 都 不 超過 2 分鐘 兩 次 在 初選 中 屈居 第二 的 佛蒙特 州 參議員 桑德斯 預期 會 在 老家 舉行 現場 演說 時間 8 分鐘 但 會 採用 預 錄 方式 以免 出現 機械故障 這種 尷尬 場面</t>
    <phoneticPr fontId="1" type="noConversion"/>
  </si>
  <si>
    <t>上限 50萬 首 張移工 防疫 保單 問世</t>
    <phoneticPr fontId="1" type="noConversion"/>
  </si>
  <si>
    <t>雇主 勞動部 肺炎 保單 人 險</t>
    <phoneticPr fontId="1" type="noConversion"/>
  </si>
  <si>
    <t>醫 曝 打 疫苗 後 最 詭異 副作用 網 刷 爆 留言 認證 真的 超 餓</t>
    <phoneticPr fontId="1" type="noConversion"/>
  </si>
  <si>
    <t>許多 民眾 想 快點 打 疫苗 但 也 很 擔心 接種 後 的 副作用 小兒科 醫師 徐嘉賢 發 文說 他 在 門診 遇過 的 案例 多數 人 打完 疫苗 多 是 酸痛 疲倦 頭暈 和 低燒 但 他 遇過 最 詭異 的 是 食欲 大 開 這個 副作用 貼 文 引發 網友 共鳴 不少 打</t>
    <phoneticPr fontId="1" type="noConversion"/>
  </si>
  <si>
    <t>打 疫苗 副作用 徐嘉賢 詭異 食欲 大 開</t>
    <phoneticPr fontId="1" type="noConversion"/>
  </si>
  <si>
    <t>柯文哲 預估 疫情 明年 春節 前 結束 北市 疫苗 護照 將 上線</t>
    <phoneticPr fontId="1" type="noConversion"/>
  </si>
  <si>
    <t>爽約 劑 施 打更 實在 榮 總 醫 讓 中年人 可 提早 打 疫苗</t>
    <phoneticPr fontId="1" type="noConversion"/>
  </si>
  <si>
    <t>疫苗 預約 系統 昨 啟動 今 明兩天 預計 共 174萬 劑 az 疫苗 抵 台 但 由於 先前 猝死 消息 頻 傳 導致 長者 不敢 或 不 想 打 az 對此 台中 榮 總 呼吸 加 護 病房 主任 傅 彬 貴 發文 呼籲 開放 爽約 劑 施打 畢竟 醫護 全副武裝 出動 也 是 成本 把</t>
    <phoneticPr fontId="1" type="noConversion"/>
  </si>
  <si>
    <t>截至 4 月 01 日 9 時 全 大陸 累計 報告 確診 病例 82613 例 現有 確診 病例 3059 例 境外 輸入 771 例 海外 現有 確診 病例 636842 例</t>
    <phoneticPr fontId="1" type="noConversion"/>
  </si>
  <si>
    <t>獨 阿妹 受 疫情 影響 工作 停 擺 陳鎮川 找事 做 代言 名車</t>
    <phoneticPr fontId="1" type="noConversion"/>
  </si>
  <si>
    <t>台鐵 5 月 1 日 起 全面 量 體溫</t>
    <phoneticPr fontId="1" type="noConversion"/>
  </si>
  <si>
    <t>康健 雜誌 蝦 紅 素 營養 護 眼 心血管</t>
    <phoneticPr fontId="1" type="noConversion"/>
  </si>
  <si>
    <t>群 聚 民眾 勸 不 聽 嘉義 公園 多 座 涼亭 變 鐵籠</t>
    <phoneticPr fontId="1" type="noConversion"/>
  </si>
  <si>
    <t>疫情 大 爆發 全台 三級 警戒 嘉義 市政府 圍堵 群 聚 加強 防疫 20 日 對 嘉義 公園 2 座 涼亭 興嘉 公園 3 座 涼亭 拉 封鎖線 還 加上 菱 格網 鐵 籬 市政建設 處 表示 連日來 仍 有 民眾 屢勸不聽 跨越 黃色 警戒 封鎖線 因而 加 鐵 籬 且 不 排除</t>
    <phoneticPr fontId="1" type="noConversion"/>
  </si>
  <si>
    <t>疫情 大 爆發 全台 三級 警戒 嘉義 市政府 圍堵 群 聚 加強 防疫 20 日 對 嘉義 公園 2 座 涼亭 興嘉 公園 3 座 涼亭 拉 封鎖線 還 加上 菱 格網 鐵 籬 市政建設 處 表示 連日來 仍 有 民眾 屢勸不聽 跨越 黃色 警戒 封鎖線 因而 加 鐵 籬 且 不 排除 開 罰 網友 檢舉 興嘉 嘉義 等 公園 的 涼亭 連日來 仍 有 民眾 聚集 且 未戴 口罩 市府 人員 持續 勸導 但 效果 有限 勸導 人員 前腳 離開 民眾 又 聚攏在 涼亭 19 日 市府 拉 黃色 警戒 封鎖線 後 還是 有人 跨 線 進入 市府 建設處 副 處長 羅 資政 表示 15 日 上 週六 准 三級 警戒 防疫 後 已對 公園 群 聚 展開 勸導 連日來 仍 少數 長輩 不 聽 勸 20 日 起 三級 警戒 防疫 對 公園 涼亭 強力 封鎖 並 會同 警方 加強 取締 羅 資政 表示 全市 的 公園 有 55 座 涼亭 目前 鐵 籬 封鎖 5 座 涼亭 全面 檢 視 所有 涼亭 視 情形 採取 必要 的 防疫 措施 以 減少 群 聚 避免 防疫 破 口</t>
    <phoneticPr fontId="1" type="noConversion"/>
  </si>
  <si>
    <t>蘋果 企業 肺炎 微軟 部門</t>
    <phoneticPr fontId="1" type="noConversion"/>
  </si>
  <si>
    <t>國際 產業 全球 精品 市場 本 季 恐 崩 跌 6 成</t>
    <phoneticPr fontId="1" type="noConversion"/>
  </si>
  <si>
    <t>貝恩 顧問 全球 精品 銷售 崩 跌</t>
    <phoneticPr fontId="1" type="noConversion"/>
  </si>
  <si>
    <t>美女 廚 神 受 困 武漢 拒絕 搭 專機 返 港 背後 貼心 原因 曝光</t>
    <phoneticPr fontId="1" type="noConversion"/>
  </si>
  <si>
    <t>全球 經濟 看 他 臉色 這 大 國手 握 關鍵 命脈</t>
    <phoneticPr fontId="1" type="noConversion"/>
  </si>
  <si>
    <t>近期 印度 疫情 趨 緩 為了 重振 經濟 當局 逐步 解封 但 遭到 公衛 專家 強烈 反對 直指 若 印度 太 早 解除 封鎖 反而 容易 引發 第 三 波 感染 穆迪 分析 的 專家 也 認為 印度政府 如何 有效 控制 疫情 並 提高 疫苗 接種 率 將 成為 印度 經濟 複</t>
    <phoneticPr fontId="1" type="noConversion"/>
  </si>
  <si>
    <t>科技 逆風 中 成長 創 夢 市集 遴選 9 加速 育 成 團隊</t>
    <phoneticPr fontId="1" type="noConversion"/>
  </si>
  <si>
    <t>創 夢 市集 新創 網 銀 國際 橘子 華義 昱泉</t>
    <phoneticPr fontId="1" type="noConversion"/>
  </si>
  <si>
    <t>陳時中 拜年 捎 來 好 消息 嘉玲 歡度 情人節</t>
    <phoneticPr fontId="1" type="noConversion"/>
  </si>
  <si>
    <t>郭董 缺 原廠 授權 書 是 刁難 律師 反 認 是 鬆綁 關鍵 在 4 字</t>
    <phoneticPr fontId="1" type="noConversion"/>
  </si>
  <si>
    <t>台女 拒付 3萬 隔離 費 成 首位 遭 南韓 驅逐 出境 外國人</t>
    <phoneticPr fontId="1" type="noConversion"/>
  </si>
  <si>
    <t>3萬 元 隔離 費 南韓 驅逐 出境 遣返 台人</t>
    <phoneticPr fontId="1" type="noConversion"/>
  </si>
  <si>
    <t>北農 爆 疫情 柯文哲 成 箭 靶 何 志 偉 送暖 不該 苛責 把 事情 做 好 最 重要</t>
    <phoneticPr fontId="1" type="noConversion"/>
  </si>
  <si>
    <t>美 股 多空 廝殺 非 底部 謝金河 曝 止 穩 關鍵</t>
    <phoneticPr fontId="1" type="noConversion"/>
  </si>
  <si>
    <t>美國股市 近日 陷入 瘋狂 一 日 暴跌 一 日 暴漲 財 信 傳媒 董事長 謝金河 警告 美 股 多空 廝殺 激烈 並非 底部 現象 實質 上 多頭 正 且戰且退 最 核心 的 問題 是 美國 必須 儘快 研發 出 疫苗 對抗 病毒 以及 川普 的 救 市 方案 不能 是 空包彈</t>
    <phoneticPr fontId="1" type="noConversion"/>
  </si>
  <si>
    <t>美 股 謝金河 股市 多頭 川普</t>
    <phoneticPr fontId="1" type="noConversion"/>
  </si>
  <si>
    <t>檢驗 病毒 工具 組 美國 工具</t>
    <phoneticPr fontId="1" type="noConversion"/>
  </si>
  <si>
    <t>疫情 恐慌 豪 擲 3億 買 壽險 保戶 還 想 加碼</t>
    <phoneticPr fontId="1" type="noConversion"/>
  </si>
  <si>
    <t>參與 idu 國際 防疫 會議 江啟臣 who 不該 排除 我國</t>
    <phoneticPr fontId="1" type="noConversion"/>
  </si>
  <si>
    <t>國民黨 主席 江啟臣 昨晚 在 國際 民主聯盟 idu 的 防疫 線 上 會議 中 與 來自 60 幾 個 國家 的 100 多 位 政治 人物 共同 討論 國際 防疫 工作 並 進行 專題報告 江啟臣 表示 除了 宣傳 臺灣 全民 努力 的 防疫 成果 他 更 直接 表達 國際衛生組織</t>
    <phoneticPr fontId="1" type="noConversion"/>
  </si>
  <si>
    <t>馬偕 5 4 起 入口處 免 插卡 7 點 就 開放 進入 醫院</t>
    <phoneticPr fontId="1" type="noConversion"/>
  </si>
  <si>
    <t>神 奈川 奈川 縣 今天 神奈川縣 日本</t>
    <phoneticPr fontId="1" type="noConversion"/>
  </si>
  <si>
    <t>微星 科技 跨 足 商務 筆 電</t>
    <phoneticPr fontId="1" type="noConversion"/>
  </si>
  <si>
    <t>在 電競 領域 中 雄據一方 的 微星 2377 大 動作 宣佈 跨向 商務 筆 電 市場 除 發佈 全新 msi logo 更 一口氣 重整 非 電 競 筆 電 產品 線 推出 由 summit prestige 和 modern 三大 系列 組成 的 商務 筆 電 陣 式 為 其 筆 電 事業 在 電競 之外 建立 營</t>
    <phoneticPr fontId="1" type="noConversion"/>
  </si>
  <si>
    <t>商務 筆 電 搶 進 系列 筆 電 筆 電 事業</t>
    <phoneticPr fontId="1" type="noConversion"/>
  </si>
  <si>
    <t>僅 臺灣 記取 sars 教訓 網 曝 關鍵</t>
    <phoneticPr fontId="1" type="noConversion"/>
  </si>
  <si>
    <t>清零 天方夜譚 鄭運鵬 疫苗 柯文哲</t>
    <phoneticPr fontId="1" type="noConversion"/>
  </si>
  <si>
    <t>金門 再 獲 配 8600 劑 az 疫苗 預計 9 15 開 打</t>
    <phoneticPr fontId="1" type="noConversion"/>
  </si>
  <si>
    <t>女 打 莫德納 狂 掉 發 慘變 禿頭 莊 人 祥 回 應 了</t>
    <phoneticPr fontId="1" type="noConversion"/>
  </si>
  <si>
    <t>父母 確診 缺席 小 祖維瑞 夫 掛心</t>
    <phoneticPr fontId="1" type="noConversion"/>
  </si>
  <si>
    <t>父母 肺炎 瑞夫 亞軍 致詞 時</t>
    <phoneticPr fontId="1" type="noConversion"/>
  </si>
  <si>
    <t>美 議員 提議 設 李文亮 廣場 付雪潔 說話 了</t>
    <phoneticPr fontId="1" type="noConversion"/>
  </si>
  <si>
    <t>針對 美國 多 位 議員 要 將 陸 駐 美 大使館 外 的 路名 改 成 李文亮 廣場 李文亮 的 遺孀 付雪潔 表示 她 對 此 消息 感到 難過 李文亮 若 有知 一定 不會 允許 有人 借 他 的 名義 來 傷害 他 的 祖國 她 懇求 各界 讓 逝 者 安息 生 者 前行 雖</t>
    <phoneticPr fontId="1" type="noConversion"/>
  </si>
  <si>
    <t>李文亮 廣場 付雪潔 美國 大陸 中美關係</t>
    <phoneticPr fontId="1" type="noConversion"/>
  </si>
  <si>
    <t>po 文 被 羅一鈞 拿 去 通報 who 貼 文本 人 現身 回 18 字</t>
    <phoneticPr fontId="1" type="noConversion"/>
  </si>
  <si>
    <t>八 點 檔 女星 傳訊 求 降 房租 見 房東冷 回 一 訊息 歎 想念 南部 的 人情味</t>
    <phoneticPr fontId="1" type="noConversion"/>
  </si>
  <si>
    <t>案 34 爆 院內 群 聚 感染 無 症狀 可人 傳人 醫師 憂心 吐 一 句</t>
    <phoneticPr fontId="1" type="noConversion"/>
  </si>
  <si>
    <t>案 34 無 症狀 院內 群 聚 感染 人 傳人 李秉穎</t>
    <phoneticPr fontId="1" type="noConversion"/>
  </si>
  <si>
    <t>新化 林場 踏青 遠離 疫情 煩憂</t>
    <phoneticPr fontId="1" type="noConversion"/>
  </si>
  <si>
    <t>公頃 地點 新化 林場 新化 步道</t>
    <phoneticPr fontId="1" type="noConversion"/>
  </si>
  <si>
    <t>疫苗 接種 提早 達標 盧秀燕 26 日 第 1 劑 施打 率 將 達 70 以上</t>
    <phoneticPr fontId="1" type="noConversion"/>
  </si>
  <si>
    <t>國內 疫情 雖 較 緩和 疫苗 施打 持續 上緊 發條 台中 市長 盧秀燕 26 日 在 市政 會議 表示 疫苗 來 就要 打 預計 今天 接種 完 第 1 劑 的 能量 達 70 以上 覆蓋率 第 2 劑 達 30 以上 兩 項 指標 都 比 中央 提早 達標 盧秀燕 表示 從 6 月 4 日</t>
    <phoneticPr fontId="1" type="noConversion"/>
  </si>
  <si>
    <t>肺炎 慢性病 眼睛 觀察 治療</t>
    <phoneticPr fontId="1" type="noConversion"/>
  </si>
  <si>
    <t>確診 海軍 高雄再 增 1 人 第 6 波 足跡 曝光 曾 去 蓮池 潭</t>
    <phoneticPr fontId="1" type="noConversion"/>
  </si>
  <si>
    <t>敦睦 艦隊 磐石 艦 確診 海軍 第 6 波 足跡 蓮池 潭</t>
    <phoneticPr fontId="1" type="noConversion"/>
  </si>
  <si>
    <t>高鐵 員工 搶 打 莫德納 高市 衛生局 調查報告 出爐</t>
    <phoneticPr fontId="1" type="noConversion"/>
  </si>
  <si>
    <t>高鐵 42 名 員工 南下 高雄多 家 醫院 闖 關搶 打 莫德納 疫苗 的 醜聞 4 日 晚間 調查報告 出爐 高市 衛生局 強調 針對 網頁 公告 不 明確 現場 掛號 及 身份 檢核 未 落實 部分 民眾 滯留 現場 爭取 接種 影響 疫苗 施打 秩序 現場 排除 問題 是否 有</t>
    <phoneticPr fontId="1" type="noConversion"/>
  </si>
  <si>
    <t>高鐵 42 名 員工 南下 高雄多 家 醫院 闖 關搶 打 莫德納 疫苗 的 醜聞 4 日 晚間 調查報告 出爐 高市 衛生局 強調 針對 網頁 公告 不 明確 現場 掛號 及 身份 檢核 未 落實 部分 民眾 滯留 現場 爭取 接種 影響 疫苗 施打 秩序 現場 排除 問題 是否 有 遵循 sop 院方 私自 變更 全國 疫苗 施打 規則 等 五大 疏失 將 對 高鐵 及 相關 醫院 進行 議 處 並 要求 檢討 改進 高 鐵 員工 日前 被 爆 集體 假冒 身分 特地 搭車到 高雄 健 仁 小港 聖功 與 高市 聯合醫院 搶 打 莫德納 疫苗 第 2 劑 其中 42 人 更 在 高雄 市立 聯合醫院 大 鬧 3 小時 之久 盧 到 院方 就範 接種 得逞 衛生局 當時 就 表示 違反 醫療法 可 處 15萬 元 罰款 如 觸犯 刑事 責任者 可 移送 司法 機關 如今 調查報告 出爐 衛生局 將 對 高鐵 及 違規 醫院 進行 議 處 並 要求 檢討 改進</t>
    <phoneticPr fontId="1" type="noConversion"/>
  </si>
  <si>
    <t>調查報告 出爐 莫德納 現場 高鐵 員工</t>
    <phoneticPr fontId="1" type="noConversion"/>
  </si>
  <si>
    <t>破 萬 臺灣人 急 返國 學者 推 估 增 500 確診</t>
    <phoneticPr fontId="1" type="noConversion"/>
  </si>
  <si>
    <t>拼 提升 疫苗 覆蓋率 南 投 縣民 打 第 2 劑 疫苗 送 肉鬆</t>
    <phoneticPr fontId="1" type="noConversion"/>
  </si>
  <si>
    <t>聯亞疫苗200萬劑現貨可用 陳時中明宣佈審查結果</t>
    <phoneticPr fontId="1" type="noConversion"/>
  </si>
  <si>
    <t>聯 亞 疫苗 審查 食 藥 署 知情人 士 審查</t>
    <phoneticPr fontId="1" type="noConversion"/>
  </si>
  <si>
    <t>修補 中歐 雙邊 信任危機</t>
    <phoneticPr fontId="1" type="noConversion"/>
  </si>
  <si>
    <t>美國 放棄 世界 領袖 的 責任 與 地位 國際 政治 出現 真空 大陸 乃 趁虛而入 歐盟 是 其 主要 目標 中 美 衝突 深化 歐盟 更 成為 大陸 突破 美國 新 冷戰 的 重點 地區 大陸 外長 王毅 日前 到訪 義 大利 荷蘭 挪威 法國 及 德國 接 著 中央</t>
    <phoneticPr fontId="1" type="noConversion"/>
  </si>
  <si>
    <t>大陸 美國 中國 肺炎 歐盟</t>
    <phoneticPr fontId="1" type="noConversion"/>
  </si>
  <si>
    <t>蔡英文 力保 國產 疫苗 柯文哲 若是 我會 采 韓國代 工 策略</t>
    <phoneticPr fontId="1" type="noConversion"/>
  </si>
  <si>
    <t>外界 認為 中央 採購 疫苗 政策 可能 是 卡 在 面子 或 為了 保護 國產 疫苗 臺北市 長 柯文哲 27 日 表示 自己 做 品牌 坦白講 很 吃力 為什麼 要 把 國運 賭 冒險 上面 國家 有 國家 考量 沒有 對錯 他 沒有 抱怨 但 美國 若 願意 賣 給 我們 算了</t>
    <phoneticPr fontId="1" type="noConversion"/>
  </si>
  <si>
    <t>外界 認為 中央 採購 疫苗 政策 可能 是 卡 在 面子 或 為了 保護 國產 疫苗 臺北市 長 柯文哲 27 日 表示 自己 做 品牌 坦白講 很 吃力 為什麼 要 把 國運 賭 冒險 上面 國家 有 國家 考量 沒有 對錯 他 沒有 抱怨 但 美國 若 願意 賣 給 我們 算了 儘量 想 辦法 蔡英文 總統 稱 買 bnt 疫苗 是 中國 介入 才 沒 買成 柯文哲 今 指出 bnt 有 代理權 的 問題 老實 講 細節 他 也 不 知道 這 時段 就是 做事 重點 在 把 人民 生命 放在 你 的 思考 裡 只能 這樣 呼籲 了 面對 中央 疫苗 政策 到底 是 為了 面子 還 是 保護 國產 疫苗 柯文哲 分析 當然 國產 疫苗 要 不 要 發展 是 見仁見智 如果 是 他 就 會 採用 韓國 戰略 去 做 代工 代工 是 臺灣 強項 不用 搶 專利權 發明 自己 新 的 大廠 才 有能力 拿 到 世界 發行 權力 所以 乾脆 代工 生產 出來 後 在 臺灣 自己 賣 以外 的 就 繳 回 總公司 賣 重來 一 遍 如果 是 他 會 決定 選 代 工 策略</t>
    <phoneticPr fontId="1" type="noConversion"/>
  </si>
  <si>
    <t>為何 拒絕 30 多 位 候補 台 人 上機 陳時中 這樣 說</t>
    <phoneticPr fontId="1" type="noConversion"/>
  </si>
  <si>
    <t>衛福 部長 陳時中 今 11 日 表示 第 2 次 武漢 台商 返台 專機 由 臺灣 中華 航空 與 中國 大陸 東方航空 分別 執行 共有 361 位 於 昨日 深夜 抵 台 已 全數 入住 集中 檢疫所 陳時中 也 已經 分別 前往 三 個 檢疫所 關心 安置 情況 陳時中 說 過程 中</t>
    <phoneticPr fontId="1" type="noConversion"/>
  </si>
  <si>
    <t>佛光山 嬌 生 已 與 我 政府 對 接上 多 了 一 絲 希望</t>
    <phoneticPr fontId="1" type="noConversion"/>
  </si>
  <si>
    <t>太 自信 成 臺灣 防疫 破 口</t>
    <phoneticPr fontId="1" type="noConversion"/>
  </si>
  <si>
    <t>社區 感染 病毒 肺炎 社區 感染</t>
    <phoneticPr fontId="1" type="noConversion"/>
  </si>
  <si>
    <t>股利 其他 電子 鴻 海 決 配 息 4 2 元 3 措施 續 轉型 升級</t>
    <phoneticPr fontId="1" type="noConversion"/>
  </si>
  <si>
    <t>鴻 海 股東會 股利 營 收 獲利</t>
    <phoneticPr fontId="1" type="noConversion"/>
  </si>
  <si>
    <t>大盤 賺 走 虱目 魚 價差 綠 委 促 漁業 署 調查</t>
    <phoneticPr fontId="1" type="noConversion"/>
  </si>
  <si>
    <t>虱目 魚 價格 慘跌 民進 党 邱志偉 漁業 署</t>
    <phoneticPr fontId="1" type="noConversion"/>
  </si>
  <si>
    <t>3 11 補充 報告 蘇貞昌 道歉 國民 黨團 不 接受 佔領 議場</t>
    <phoneticPr fontId="1" type="noConversion"/>
  </si>
  <si>
    <t>行政院長 蘇貞昌 今天 再度 赴 立 法院 針對 國籍 航空 機組員 隔離 3 11 決策 過程 進行 專案 報告 根據 送 抵 立院 的 書面報告 蘇貞昌 表示 對於 每 一 條 寶貴 生命 的 消逝 我 都 深感 遺憾 與 抱歉 不過 朝野 協商 時國民 黨團 總</t>
    <phoneticPr fontId="1" type="noConversion"/>
  </si>
  <si>
    <t>台微 體 去年 每股 虧損 12 42 元</t>
    <phoneticPr fontId="1" type="noConversion"/>
  </si>
  <si>
    <t>台微 體 全球 肺部 疾病 tlc 每股 虧損</t>
    <phoneticPr fontId="1" type="noConversion"/>
  </si>
  <si>
    <t>基隆 為 開學 防疫 拉 警報 林右昌 各 班將 配置 防疫 物資</t>
    <phoneticPr fontId="1" type="noConversion"/>
  </si>
  <si>
    <t>庶民 買 股 意願 連 三月 攀升</t>
    <phoneticPr fontId="1" type="noConversion"/>
  </si>
  <si>
    <t>經濟 成長率 肺炎 經濟 景氣 信心 升高</t>
    <phoneticPr fontId="1" type="noConversion"/>
  </si>
  <si>
    <t>微風 微風 集團 裁員 百貨 業 資 遣</t>
    <phoneticPr fontId="1" type="noConversion"/>
  </si>
  <si>
    <t>北部 私大 驚 傳 男 學生 出國 旅遊 校方 危機 處理 妥當</t>
    <phoneticPr fontId="1" type="noConversion"/>
  </si>
  <si>
    <t>暗 批 自己人 陸 駐 美 大使 病毒 來自 美軍 說 太 瘋狂</t>
    <phoneticPr fontId="1" type="noConversion"/>
  </si>
  <si>
    <t>直播 跟進 自 購 疫苗 柯 若 再 等 不到 北市 會 自謀生路</t>
    <phoneticPr fontId="1" type="noConversion"/>
  </si>
  <si>
    <t>過去 一 周 資料 低於 4 月初 美 疫苗 接種 速度 放緩 官員 緊張</t>
    <phoneticPr fontId="1" type="noConversion"/>
  </si>
  <si>
    <t>疫苗 美國 肺炎 日 平均 接種</t>
    <phoneticPr fontId="1" type="noConversion"/>
  </si>
  <si>
    <t>pok mon go 3 月 凱西 社 群 日 延期 補償 辦法 出爐</t>
    <phoneticPr fontId="1" type="noConversion"/>
  </si>
  <si>
    <t>全球 各地 都 受到 玩 家 歡迎 的 知名 手 游 pok mon go 原訂 3 月 15 日 將 舉辦 本月 社 群 日 community day 活動 不過 目前 官方 已 提早 宣佈 今年 3 月 社 群 日 確定 延期 舉辦 並 公佈 了 補償 辦法 訓練 師 們 可以 特別 留意 pok m</t>
    <phoneticPr fontId="1" type="noConversion"/>
  </si>
  <si>
    <t>pok mon go 寶可夢 社 群 日 凱西 延期</t>
    <phoneticPr fontId="1" type="noConversion"/>
  </si>
  <si>
    <t>天 冷 禽流感 猖獗 雲林 撲 殺 3萬 多 只 雞</t>
    <phoneticPr fontId="1" type="noConversion"/>
  </si>
  <si>
    <t>桃醫 血漿 淨化 術 救回 6 重症 患者</t>
    <phoneticPr fontId="1" type="noConversion"/>
  </si>
  <si>
    <t>王偉 傑 病毒 肺炎 血漿 治療</t>
    <phoneticPr fontId="1" type="noConversion"/>
  </si>
  <si>
    <t>三級 警戒 家樂福 板橋 店 被 民眾 塞 爆 賣 場 直接 半 降 鐵門 不 給 進</t>
    <phoneticPr fontId="1" type="noConversion"/>
  </si>
  <si>
    <t>複賽 在即 nba 靠 智慧 戒指 防疫</t>
    <phoneticPr fontId="1" type="noConversion"/>
  </si>
  <si>
    <t>nba 球員 智慧 戒指 裝置</t>
    <phoneticPr fontId="1" type="noConversion"/>
  </si>
  <si>
    <t>百 日 演說 拜登 向陸 表明 美 將 在 印太 維持 強大 軍事 存在</t>
    <phoneticPr fontId="1" type="noConversion"/>
  </si>
  <si>
    <t>明起 八大 行業 鬆綁 限 無 陪 侍 服務</t>
    <phoneticPr fontId="1" type="noConversion"/>
  </si>
  <si>
    <t>中央 日前 宣佈 從 11 月 2 日 起 將 進一步 鬆綁 防疫 管制 措施 並 分 階段 鬆綁 分 階段 鬆綁 八大 行業 防疫 管制 以 有 無 陪 侍 服務者 為 區別 無 培 侍 服務 可 在 11 月 2 日 向 地方 政府 提出 複業 申請 臺北市 今 臨時 舉辦 防疫 記者會 臺北市</t>
    <phoneticPr fontId="1" type="noConversion"/>
  </si>
  <si>
    <t>nba 席爾佛 發表 公開信 停賽 是 為 大家</t>
    <phoneticPr fontId="1" type="noConversion"/>
  </si>
  <si>
    <t>nba 球迷 席爾佛 停賽 公開信</t>
    <phoneticPr fontId="1" type="noConversion"/>
  </si>
  <si>
    <t>國防部 連 爆 3 大 離譜 疏失 傳 府 院 高層 極不 滿</t>
    <phoneticPr fontId="1" type="noConversion"/>
  </si>
  <si>
    <t>dnr 與 死亡率 醫 界 認 應 回歸 醫學 倫理</t>
    <phoneticPr fontId="1" type="noConversion"/>
  </si>
  <si>
    <t>三級 警戒 期間 死亡 人數 高達 近 800 多 人 面對 不停 歇 的 死因 質疑 聲浪 專家 諮 詢 小組 召集人 張上淳 曾 說 死亡率 高 與 家屬 具 dnr 觀念 不 施行 心 肺 復蘇 術 有關 有 相當 比例 的 病人 是 救 得 回來 的 引發 軒然大波 醫 界 批評 這 是</t>
    <phoneticPr fontId="1" type="noConversion"/>
  </si>
  <si>
    <t>家屬 肺炎 應 回歸 dnr 醫 界</t>
    <phoneticPr fontId="1" type="noConversion"/>
  </si>
  <si>
    <t>來日 再 言謝 赴 湖北 who 專家 世界 欠 武漢 人民 一 次 了</t>
    <phoneticPr fontId="1" type="noConversion"/>
  </si>
  <si>
    <t>每人 可 免費 去 醫院 領 10 張 口罩 政 院 駁 假消息</t>
    <phoneticPr fontId="1" type="noConversion"/>
  </si>
  <si>
    <t>《基金》後疫情時代景氣未明 佈局「硬5G」搶首波商機</t>
    <phoneticPr fontId="1" type="noConversion"/>
  </si>
  <si>
    <t>基金 後 疫情 時代 景氣 未 明 佈局 硬 5 g 搶 首 波 商 機</t>
    <phoneticPr fontId="1" type="noConversion"/>
  </si>
  <si>
    <t>範雲沉默83天後臉書發文：全力協助釐清3＋11爭議</t>
    <phoneticPr fontId="1" type="noConversion"/>
  </si>
  <si>
    <t>熱門 族群 5 g 小 基站 商 機 報到 點將 受益 股</t>
    <phoneticPr fontId="1" type="noConversion"/>
  </si>
  <si>
    <t>5 g 今年 起 在 全球 陸續 商轉 預計 對於 小型 基地 台 周邊 相關 產品 在 未來 幾 年 內 將 持續 快速 成長 小型 基站 概念 股 包括 有 正文 4906 中 磊 5388 啟 棋 3596 明 泰 3380 另外 光 濾波器 廠 統 新 6462 等 均 可望 受惠 隨 著 各國 電</t>
    <phoneticPr fontId="1" type="noConversion"/>
  </si>
  <si>
    <t>統 新 光 濾波器 100 g 400 g 中 磊</t>
    <phoneticPr fontId="1" type="noConversion"/>
  </si>
  <si>
    <t>濾波器</t>
    <phoneticPr fontId="1" type="noConversion"/>
  </si>
  <si>
    <t>蔡英文 揭 莫德納 催 貨 過程 前 藍委 譏 吹牛 也 要 打 草稿</t>
    <phoneticPr fontId="1" type="noConversion"/>
  </si>
  <si>
    <t>總統 蔡英文 日前 表示 各廠 牌 疫苗 取得 累積 數量 已經 達到 1730萬 劑 這 當中 有 國際 夥伴 的 援 贈 行政 團隊 更是 天天 寫信 周周 視 訊 會議 多管齊下 和 民間 努力 的 成果 對此 前 藍委孫 大 千 譏諷 現在 是 在 催 貨 還是 在 吹牛 蔡英</t>
    <phoneticPr fontId="1" type="noConversion"/>
  </si>
  <si>
    <t>消息人士 陸 暫訂 4 月底 5 月初 召開 全國人大 政協會議</t>
    <phoneticPr fontId="1" type="noConversion"/>
  </si>
  <si>
    <t>紓困 小 微 企業 華南銀行 推 24 小時 線 上 申 貸</t>
    <phoneticPr fontId="1" type="noConversion"/>
  </si>
  <si>
    <t>利率 華銀 企業 簡易 申 貸</t>
    <phoneticPr fontId="1" type="noConversion"/>
  </si>
  <si>
    <t>曝 兒 是 護理 師 怕 害 家 人 不敢 回家 洪都拉斯 回 這 句 話 逼 哭 陳仙梅</t>
    <phoneticPr fontId="1" type="noConversion"/>
  </si>
  <si>
    <t>臺灣 疫情 居高不下 每天 被 確診 數 與 疫苗 採購 相關 問題 夾擊 而 在 如此 嚴峻 的 情況 下 不但 警 消 物流 人員 身處 險境 在 第一線 的 醫護人員 更 是 首當其衝 近日 還 爆出 確診 者 傷害 護理 師 的 事件 讓 人 心疼 又 著 急 藝人 洪都拉斯 受</t>
    <phoneticPr fontId="1" type="noConversion"/>
  </si>
  <si>
    <t>小英 要 丟 包 港人 了 嗎</t>
    <phoneticPr fontId="1" type="noConversion"/>
  </si>
  <si>
    <t>鑒於 香港 街頭 的 抗爭 不斷 中共 決定 推動 香港 國安 立法 蔡 總統 一 反 過去 所謂 關懷 香港 人民 福祉 的 口氣 透露 出 要 把 香港 停止 適用 港澳 關係 條例 將 香港 視同 大陸 處理 的 意向 蔡英文 此舉 若是 成真 不僅 是 香港 人 就 連 臺灣</t>
    <phoneticPr fontId="1" type="noConversion"/>
  </si>
  <si>
    <t>香港 處理 大陸 肺炎 故意</t>
    <phoneticPr fontId="1" type="noConversion"/>
  </si>
  <si>
    <t>看 疫情 在 地 化 生產 變 顯 學</t>
    <phoneticPr fontId="1" type="noConversion"/>
  </si>
  <si>
    <t>口罩 地 化 大陸 美國 肺炎</t>
    <phoneticPr fontId="1" type="noConversion"/>
  </si>
  <si>
    <t>基隆 今 增 1 例 成功 仁愛 市場 有望 23 24 日 複市</t>
    <phoneticPr fontId="1" type="noConversion"/>
  </si>
  <si>
    <t>酒店 管制 鬆綁 盧秀燕 會 再 考慮 檢討</t>
    <phoneticPr fontId="1" type="noConversion"/>
  </si>
  <si>
    <t>酒店 解禁 盧秀燕 台中 市 臺灣</t>
    <phoneticPr fontId="1" type="noConversion"/>
  </si>
  <si>
    <t>不只 校園 師生 侯友宜 向 民眾 喊話 非必要 不要 出國</t>
    <phoneticPr fontId="1" type="noConversion"/>
  </si>
  <si>
    <t>出國 侯友宜 疫情 境外 新北</t>
    <phoneticPr fontId="1" type="noConversion"/>
  </si>
  <si>
    <t>義大利歌詩逹郵輪取消3月臺灣出發航次</t>
    <phoneticPr fontId="1" type="noConversion"/>
  </si>
  <si>
    <t>義 大利 歌 詩 逹 郵輪 取消 3 月 臺灣 出發 航次</t>
    <phoneticPr fontId="1" type="noConversion"/>
  </si>
  <si>
    <t>老牌 中 餐廳 紛紛 熄燈 前 情報員 解析 原因</t>
    <phoneticPr fontId="1" type="noConversion"/>
  </si>
  <si>
    <t>g 20 領袖 視 訊 會議 決議 投入 5 兆 美元 救 經濟</t>
    <phoneticPr fontId="1" type="noConversion"/>
  </si>
  <si>
    <t>國台辦批遊錫堃以疫謀獨 傳播政治病毒</t>
    <phoneticPr fontId="1" type="noConversion"/>
  </si>
  <si>
    <t>國 台辦 批 遊錫堃 以 疫 謀 獨 傳播 政治 病毒</t>
    <phoneticPr fontId="1" type="noConversion"/>
  </si>
  <si>
    <t>立法 院長 游錫堃 呼籲 立 法院 盡 速 通過 臺灣 加入 世衛組織 決議文 大陸 國 台辦 批評 這 是 以 疫 謀 獨 的 妄想 在 疫情 面前 製造 兩岸 對抗 呼籲 臺灣 一些 政客 若 自我 膨脹 逆勢 蠢動 只 會 碰得 頭破血流 國 台辦 發言人 馬曉光 14 日 針</t>
    <phoneticPr fontId="1" type="noConversion"/>
  </si>
  <si>
    <t>兩岸 臺灣 國 台辦 疫情 遊錫堃</t>
    <phoneticPr fontId="1" type="noConversion"/>
  </si>
  <si>
    <t>臺灣 10 家 最酷 科技 新創 聯 齊 科技 獲 3億 注資</t>
    <phoneticPr fontId="1" type="noConversion"/>
  </si>
  <si>
    <t>科技部長 陳 良基 26 日 公佈 臺灣 10 家 最酷 科技 新創 希望 幫 新創 好手 增加 國際 能見度 讓 臺灣 新創 茁壯 成為 更 厲害 的 獨角獸 其 中聯 齊 科技 近日 獲得 首 波 b 輪 注資 獲 國外 創 投 基金 相中 挹注 約 新 台幣 3億 元 挹注 是 獲獎者 中 得</t>
    <phoneticPr fontId="1" type="noConversion"/>
  </si>
  <si>
    <t>arm 科技 部 肺炎 挹注 科技 新創</t>
    <phoneticPr fontId="1" type="noConversion"/>
  </si>
  <si>
    <t>世界衛生組織宣佈 新冠狀病毒命名為「COVID-19」</t>
    <phoneticPr fontId="1" type="noConversion"/>
  </si>
  <si>
    <t>防 delta 病毒 擴散 雪梨 與 周邊地區 延長 封鎖 一 周</t>
    <phoneticPr fontId="1" type="noConversion"/>
  </si>
  <si>
    <t>振興 券 1千 換 3千 爛 在 哪 網 有人 根本 沒 1000</t>
    <phoneticPr fontId="1" type="noConversion"/>
  </si>
  <si>
    <t>行政院 推出 的 花 1000 元 換 3000 元 振興 券 即將 在 7 月 15 日 上路 但是 怎麼 領 怎麼 花 去 哪 花? 民眾 依舊 霧 沙沙 尤其 聽到 要 自己 先 從 口袋 掏 出 1000 元 才能 領 更是 引爆 怒火 有 網友 直接 點出 關鍵 有些 人 根本 沒 1000 啊</t>
    <phoneticPr fontId="1" type="noConversion"/>
  </si>
  <si>
    <t>振興 券 3000 元 1000 元 消費 卷 行政院</t>
    <phoneticPr fontId="1" type="noConversion"/>
  </si>
  <si>
    <t>nba 湖 人 退還 460萬 美元 政府 貸款</t>
    <phoneticPr fontId="1" type="noConversion"/>
  </si>
  <si>
    <t>若 有 社區 傳播 疑慮 將 對 有 疑慮 者 做 血液 抗體 檢查</t>
    <phoneticPr fontId="1" type="noConversion"/>
  </si>
  <si>
    <t>醫護人員 普 篩 張上淳 荷蘭 未來</t>
    <phoneticPr fontId="1" type="noConversion"/>
  </si>
  <si>
    <t>做好 長期 抗 疫 準備</t>
    <phoneticPr fontId="1" type="noConversion"/>
  </si>
  <si>
    <t>負 成長 肺炎 禁 足 令 全球 經濟 餐廳</t>
    <phoneticPr fontId="1" type="noConversion"/>
  </si>
  <si>
    <t>買到 傳說 米奇 口罩 萬 人 羡慕 人 妻 曝 地點</t>
    <phoneticPr fontId="1" type="noConversion"/>
  </si>
  <si>
    <t>口罩 製造廠商 不同 產出 的 花樣 與 款式 也 不 一樣 其中 白色 綠色 藍色 最為 常見 陸續 有人 拿 過 橘色 紫色 甚至 還 有人 買到 雙 色 點點 等 樣式 讓 人 宛如 在 買 驚喜 包 一樣 而 近日 一 名 網友 竟 買到 傳說 中的 米奇 版本 讓 1</t>
    <phoneticPr fontId="1" type="noConversion"/>
  </si>
  <si>
    <t>口罩 製造廠商 不同 產出 的 花樣 與 款式 也 不 一樣 其中 白色 綠色 藍色 最為 常見 陸續 有人 拿 過 橘色 紫色 甚至 還 有人 買到 雙 色 點點 等 樣式 讓 人 宛如 在 買 驚喜 包 一樣 而 近日 一 名 網友 竟 買到 傳說 中的 米奇 版本 讓 1萬 名 網友 直 呼 好羡慕 一 名 女網友 在 爆 廢 公社 表示 近日 去 買 口罩 豈料 拿 出來 後 發現 口罩 不是 簡單 的 素色 上面 還 印有 米奇 的 圖示 而且 還有 簍 空 及 實心 的 設計 口罩 右 下方 則 印有 made in taiwan 字樣 超 q 的 口罩 讓 原 po 直 呼 領到 這麼 美的 口罩 心情 都變 美麗 了 不少 網友 也 羡慕 的 說 好好 喔 這個 可以 讓 我 戴 半 個 月 了 超 羡慕 的 我們 這裡 都只 有 基本 的 白色 藍色 綠色 好 可愛 啊 這 一 拿 到 一定 會 收 起來 只 拿 三 個 預備 戴 著 可以 收藏 當 古董 了 天 啊 這 是 頭獎 吧 捨得 用 嗎 而 原 po 也 透露 這 是 在內 湖 的 藥局 買到 的 不過 29 日 她 再 經過 店家 時 發現 店門口 貼 讀卡機 壞 了 送修 的 告示</t>
    <phoneticPr fontId="1" type="noConversion"/>
  </si>
  <si>
    <t>口罩 米奇 爆 廢 公社 生活 奇聞 驚喜 包</t>
    <phoneticPr fontId="1" type="noConversion"/>
  </si>
  <si>
    <t>疫情 警戒 不 升級 莊人祥 揭 關鍵 原因</t>
    <phoneticPr fontId="1" type="noConversion"/>
  </si>
  <si>
    <t>生活 因 疫情 改變 人類 恐需 免疫 通行證</t>
    <phoneticPr fontId="1" type="noConversion"/>
  </si>
  <si>
    <t>美 who 專家 可 赴 陸 但 沒去 湖北 原因 曝光 了</t>
    <phoneticPr fontId="1" type="noConversion"/>
  </si>
  <si>
    <t>專家 who 廣東 世衛 調查</t>
    <phoneticPr fontId="1" type="noConversion"/>
  </si>
  <si>
    <t>陸 官方 釋 180 多 部 作品版權 廣播 電視臺 免費 播</t>
    <phoneticPr fontId="1" type="noConversion"/>
  </si>
  <si>
    <t>廣播 節目 廣播電視 總局 大陸</t>
    <phoneticPr fontId="1" type="noConversion"/>
  </si>
  <si>
    <t>業績 半導體 群 聯 6 月 營 收 持平 去年 日 最 大 柏 青哥 訂單 今年 開始 出 貨</t>
    <phoneticPr fontId="1" type="noConversion"/>
  </si>
  <si>
    <t>網 傳 多 地 確診 武漢 當局 急 駁斥</t>
    <phoneticPr fontId="1" type="noConversion"/>
  </si>
  <si>
    <t>醫院 肺炎 踢皮球 文章 確診 病例</t>
    <phoneticPr fontId="1" type="noConversion"/>
  </si>
  <si>
    <t>繞 境 搬 進展 場 奉 天宮 創 疫 祈福</t>
    <phoneticPr fontId="1" type="noConversion"/>
  </si>
  <si>
    <t>新 港 延期 八 莊 元宵 繞 境 繞 境</t>
    <phoneticPr fontId="1" type="noConversion"/>
  </si>
  <si>
    <t>六都 防疫 新北 評價 第一 侯 只是 把 應盡 責任 做 好</t>
    <phoneticPr fontId="1" type="noConversion"/>
  </si>
  <si>
    <t>網路 溫度計 發佈 六都 市長 防疫 100 天 評價 新北 市長 侯友宜 名列第一 侯友宜 今日 30 日 視察 金山老 街 時 表示 我 只是 把 應盡 的 責任 做好 非常 謝謝 新北 市民 從 過年 期間 至今 都 非常 配合 支持 市府 的 防疫 措施 侯友宜 表</t>
    <phoneticPr fontId="1" type="noConversion"/>
  </si>
  <si>
    <t>網路 溫度計 發佈 六都 市長 防疫 100 天 評價 新北 市長 侯友宜 名列第一 侯友宜 今日 30 日 視察 金山老 街 時 表示 我 只是 把 應盡 的 責任 做好 非常 謝謝 新北 市民 從 過年 期間 至今 都 非常 配合 支持 市府 的 防疫 措施 侯友宜 表示 現今 已 連續 10 日 0 確診 新北 市 狀況 已經 非常 穩定 市府 將 慢慢 啟動 下 一個 階段 確保 防疫 建構 新型 態 的 安全 生活 他 也 向 市民 喊話 我們 大家 一起 加油 我們 一定 可以 做 好</t>
    <phoneticPr fontId="1" type="noConversion"/>
  </si>
  <si>
    <t>mlb 大 聯盟 不 考慮 停賽 建議 施打 流感疫苗</t>
    <phoneticPr fontId="1" type="noConversion"/>
  </si>
  <si>
    <t>大 聯盟 停賽 曼 佛 雷德 馬林 魚 費城 人</t>
    <phoneticPr fontId="1" type="noConversion"/>
  </si>
  <si>
    <t>美 托 洛爾 肺部 發炎 白血球 重症 患者</t>
    <phoneticPr fontId="1" type="noConversion"/>
  </si>
  <si>
    <t>疫情 升高 川 普照 打 小 白球 任內 第 283 次</t>
    <phoneticPr fontId="1" type="noConversion"/>
  </si>
  <si>
    <t>林右昌 跟進 北 北 桃 基隆 7 月 14 日前 禁 師生 出國</t>
    <phoneticPr fontId="1" type="noConversion"/>
  </si>
  <si>
    <t>高雄 疫 調 團隊 守 住 港 都 0 本土</t>
    <phoneticPr fontId="1" type="noConversion"/>
  </si>
  <si>
    <t>市長 肺炎 衛生局 韓國 瑜 慰 訪</t>
    <phoneticPr fontId="1" type="noConversion"/>
  </si>
  <si>
    <t>睽 違 6 個 月 印度議會 復會</t>
    <phoneticPr fontId="1" type="noConversion"/>
  </si>
  <si>
    <t>陸 q 1 新劇 備案 減 仙 俠 題材 近乎零</t>
    <phoneticPr fontId="1" type="noConversion"/>
  </si>
  <si>
    <t>肺炎 仙 俠 下降 網路 劇 新劇</t>
    <phoneticPr fontId="1" type="noConversion"/>
  </si>
  <si>
    <t>張雅琴 播報 繞 境 新聞 大 咳嗽 對不起 我 是 嗆 到</t>
    <phoneticPr fontId="1" type="noConversion"/>
  </si>
  <si>
    <t>資深 主 播 張雅琴 播報 新聞 風格 獨特 又 犀利 一針見血 又 中肯 的 評論 總是 讓 網友 聽 了 大 呼 過癮 然而 她 昨 26 日 在 播報 大甲 媽祖 繞 境 相關 新聞 時 突然 在 主 播 臺上 大 咳嗽 讓 她 當下 急忙 道歉 澄清 自己 只是 嗆 到 大甲 媽祖 繞 不</t>
    <phoneticPr fontId="1" type="noConversion"/>
  </si>
  <si>
    <t>打 疫苗 要 注意 哪些 事 7 重點 一 次 看</t>
    <phoneticPr fontId="1" type="noConversion"/>
  </si>
  <si>
    <t>美國 首次 釋出 2000萬 劑 疫苗 蕭美琴 進 洽 爭取 中</t>
    <phoneticPr fontId="1" type="noConversion"/>
  </si>
  <si>
    <t>研究 機構 群 聚 感染 擴大 再 增 1 人 共 5 人 確診</t>
    <phoneticPr fontId="1" type="noConversion"/>
  </si>
  <si>
    <t>肺炎 疫情 亂 傳 調查局 再 查 4 則 假 訊息</t>
    <phoneticPr fontId="1" type="noConversion"/>
  </si>
  <si>
    <t>肺炎 調查局 武漢 新北 傳染病 防治法</t>
    <phoneticPr fontId="1" type="noConversion"/>
  </si>
  <si>
    <t>日 職 開幕 4 24 不 變 藤 浪 勇於 檢查 獲 稱讚</t>
    <phoneticPr fontId="1" type="noConversion"/>
  </si>
  <si>
    <t>三級 警戒 延長 至 6 14 蘇揆 高中 以下 學校 畢業典禮 停辦 或 采 線 上 轉播</t>
    <phoneticPr fontId="1" type="noConversion"/>
  </si>
  <si>
    <t>臺灣 好 湯 活動 開跑 五 倍 券 消費 滿 200 元 抽 iphone 13</t>
    <phoneticPr fontId="1" type="noConversion"/>
  </si>
  <si>
    <t>天氣 轉 涼 也 宣告 泡 溫泉 的 旺季 來臨 交通部觀光局 今年 再度 結合 全台 19 個 溫泉區 舉辦 2021 2022 臺灣 好 湯 活動 今日 舉行 啟動 儀式 民眾 前往 全台 400 多 家 合作 業者 住宿 或 泡湯 使用 振興 五 倍 券 或 國旅 券 消費 滿 200 元 即有</t>
    <phoneticPr fontId="1" type="noConversion"/>
  </si>
  <si>
    <t>臺灣 好 湯 溫泉 振興 五 倍 券 振興 券 五 倍 券</t>
    <phoneticPr fontId="1" type="noConversion"/>
  </si>
  <si>
    <t>臺灣 的 政治 防疫 該 下 架 了</t>
    <phoneticPr fontId="1" type="noConversion"/>
  </si>
  <si>
    <t>大陸 中國 政治 拜登 肺炎</t>
    <phoneticPr fontId="1" type="noConversion"/>
  </si>
  <si>
    <t>口罩 不夠 唐鳳 出手 了 順時鐘 8 分鐘</t>
    <phoneticPr fontId="1" type="noConversion"/>
  </si>
  <si>
    <t>taiwancanhelp 口罩 唐鳳 電鍋 幹 蒸 口罩</t>
    <phoneticPr fontId="1" type="noConversion"/>
  </si>
  <si>
    <t>國際 社會 美國 新 冠 死亡 病例 即將 破 20萬 大關</t>
    <phoneticPr fontId="1" type="noConversion"/>
  </si>
  <si>
    <t>外籍 生 擔心 開學 出現 群 聚 感染</t>
    <phoneticPr fontId="1" type="noConversion"/>
  </si>
  <si>
    <t>質疑 社區 感染 肺炎 收回 學生</t>
    <phoneticPr fontId="1" type="noConversion"/>
  </si>
  <si>
    <t>好 市 多 衛生紙 被 掃光 大媽 買不到 出 賤 招 搶 手法 讓 網 氣炸</t>
    <phoneticPr fontId="1" type="noConversion"/>
  </si>
  <si>
    <t>新 冠 疫情 擴散 臺灣 確診 破百 例 也 吹出 了 囤 貨 潮 從 昨晚 18 日 開始 各 大 賣 場 湧入 大量 民眾 狂 搶 民生 物資 包括 衛生紙 泡 面 罐頭 等 物品 短短 時間 內 貨架 全 空 讓 買不到 的 民眾 哀號 一 名 網友 就 表示 今天 去 好 市 多 買 衛生</t>
    <phoneticPr fontId="1" type="noConversion"/>
  </si>
  <si>
    <t>衛生紙 大媽 排隊 好 市 多 賤 招</t>
    <phoneticPr fontId="1" type="noConversion"/>
  </si>
  <si>
    <t>兆豐 銀 緬甸 仰光 分行 7 日 正式 開業</t>
    <phoneticPr fontId="1" type="noConversion"/>
  </si>
  <si>
    <t>新 南向 兆豐 銀 仰光 分行 緬甸 兆豐</t>
    <phoneticPr fontId="1" type="noConversion"/>
  </si>
  <si>
    <t>美 停 發 全球 常態 性 簽證 美 股 重 挫 913 點 單周 跌 17 創 金融危機 來 最慘</t>
    <phoneticPr fontId="1" type="noConversion"/>
  </si>
  <si>
    <t>全球 美 股 指數 停 發 常態 性</t>
    <phoneticPr fontId="1" type="noConversion"/>
  </si>
  <si>
    <t>朱學 恒 批 紓困 慢條斯理 民眾 快 掛點</t>
    <phoneticPr fontId="1" type="noConversion"/>
  </si>
  <si>
    <t>姑姑 剛 從 美國 回來 沒 自主 隔離 男 大義滅親 網 推 爆</t>
    <phoneticPr fontId="1" type="noConversion"/>
  </si>
  <si>
    <t>沒 幫 男友 爸 留 口罩 藥局 妹 淚 曝 被 嗆 不能 當 媳婦</t>
    <phoneticPr fontId="1" type="noConversion"/>
  </si>
  <si>
    <t>藥局 媳婦 口罩 男友 口罩 荒</t>
    <phoneticPr fontId="1" type="noConversion"/>
  </si>
  <si>
    <t>南部 國立 大學 女 碩士 喜宴 接觸 第 47 案 同班 40 師生 停課</t>
    <phoneticPr fontId="1" type="noConversion"/>
  </si>
  <si>
    <t>南部 某 國立 大學 女 碩士班 學生 在 3 月 7 日 參加 喜宴 曾 接觸 過 第 47 例 確診 者 10 日 接 獲 台南 市 衛生局 要求 必須 居家 隔離 14 天 期間 女 碩士 曾上 2 堂 課 校方 11 日 隨即 要 求 包括 女 碩士 及 同學 共 37 名 學生 3 名 老師 不入 班 不入 校 14 天 23 日</t>
    <phoneticPr fontId="1" type="noConversion"/>
  </si>
  <si>
    <t>南部 某 國立 大學 女 碩士班 學生 在 3 月 7 日 參加 喜宴 曾 接觸 過 第 47 例 確診 者 10 日 接 獲 台南 市 衛生局 要求 必須 居家 隔離 14 天 期間 女 碩士 曾上 2 堂 課 校方 11 日 隨即 要 求 包括 女 碩士 及 同學 共 37 名 學生 3 名 老師 不入 班 不入 校 14 天 23 日 即可 恢復正常 上學 台南 市 衛生局 表示 被 要求 居家 隔離 者 是 與 確診 者 相距 不 到 1 公尺 15 分鐘 以上 一 場 婚禮 下來 有人 確診 防疫 單位 也 以此 原則 匡列 必須 居家 隔離 14 天 為 哪些 人 其他 未 近 距離 接觸 則 採取 自主 健康 管理 即可 該所 大學 今天 出面 表示 11 日 獲知 有 學生 被 告知 居家 隔離 後 就 採取 高 規格 因應 目前 校方 每日 掌握 自主 健康 管理 師生 及 居家 隔離 同學 健康 情形 一切 良好</t>
    <phoneticPr fontId="1" type="noConversion"/>
  </si>
  <si>
    <t>南部 國立 大學 成功 大學 台南 大學 女 碩士</t>
    <phoneticPr fontId="1" type="noConversion"/>
  </si>
  <si>
    <t>防疫 呼吸 好 空氣 綠色 隧道 加 持</t>
    <phoneticPr fontId="1" type="noConversion"/>
  </si>
  <si>
    <t>史上僅 2 傳染病 完全 消失 醫 sars 害人 對 新 冠 有 錯誤 幻想</t>
    <phoneticPr fontId="1" type="noConversion"/>
  </si>
  <si>
    <t>天花 sars 歷史 人類 傳染病</t>
    <phoneticPr fontId="1" type="noConversion"/>
  </si>
  <si>
    <t>俄羅斯 疫苗 生產 衛生部 500萬</t>
    <phoneticPr fontId="1" type="noConversion"/>
  </si>
  <si>
    <t>桃園 確診 者 曾 到 內 灣 湖口 新豐 新竹 縣府 大 消毒</t>
    <phoneticPr fontId="1" type="noConversion"/>
  </si>
  <si>
    <t>內 灣 足跡 湖口 前往 新竹 縣</t>
    <phoneticPr fontId="1" type="noConversion"/>
  </si>
  <si>
    <t>新北 幼稚園 delta 群 聚 沒有 重症 張上淳 揭 治療 關鍵</t>
    <phoneticPr fontId="1" type="noConversion"/>
  </si>
  <si>
    <t>delta 重症 幼稚園 群 聚 張上淳</t>
    <phoneticPr fontId="1" type="noConversion"/>
  </si>
  <si>
    <t>旺 報 社評 國際 新 秩序 的 希望 在 大陸</t>
    <phoneticPr fontId="1" type="noConversion"/>
  </si>
  <si>
    <t>世界貿易組織 秘書長 阿茲維多 決 提前 卸任 彭博社 認為 應 與 世貿組織 當下 處境 有關 2015 年 杜 哈 回合 談判 戛然而止 川普 上臺 後 退 群 多邊條約 及 國際 組織 美國 單邊主義 外交政策 影響 下 阿茲維多 提前 下臺 只 是 國際</t>
    <phoneticPr fontId="1" type="noConversion"/>
  </si>
  <si>
    <t>旺 報 社評 大陸 經濟 全球 美國 國際</t>
    <phoneticPr fontId="1" type="noConversion"/>
  </si>
  <si>
    <t>確診 印度 船員 來 台 兩 個 月 恐 成 破 口 緊急 厘 清中</t>
    <phoneticPr fontId="1" type="noConversion"/>
  </si>
  <si>
    <t>別 再 排斥 az 花 蓮 縣 衛生局長 驚 吐 莫德納 如 魔鬼 圈套</t>
    <phoneticPr fontId="1" type="noConversion"/>
  </si>
  <si>
    <t>新 冠 疫苗 擴大 施打 中央 流行 疫情 指 中心 日前 開放 18 歲 以上 民眾 預約 登記 願意 施打 az 的 人 仍 不 多 對此 有 醫療 背景 的 花蓮縣 衛生局長 朱家祥 表示 看到 這樣 的 狀況 真的 很 擔心 他 形容 打 az 是 倒吃甘蔗 莫德納 則 為 順 吃 甘蔗</t>
    <phoneticPr fontId="1" type="noConversion"/>
  </si>
  <si>
    <t>抓到 了 江啟臣 衛福部 早 通過 bnt 緊急 授權</t>
    <phoneticPr fontId="1" type="noConversion"/>
  </si>
  <si>
    <t>為了 該 如何 進口 疫苗 近期 中央 與 地方 甚至 民間團體 都 吵 翻天 中央 要求 以 正式 管道 申請 藥 證 不過 國民黨 主席 江啟臣 發現 今年 3 月 10 日 衛福部 的 檔 中 已經 清楚 寫明 輝瑞 bnt pfizer-biontech 疫苗 已 通過 我國 緊急 授權 使</t>
    <phoneticPr fontId="1" type="noConversion"/>
  </si>
  <si>
    <t>緩繳 肺炎 繳納 展延 紓困</t>
    <phoneticPr fontId="1" type="noConversion"/>
  </si>
  <si>
    <t>鍾 南山 美國 病 死 率 高 很多 病人 可能 沒 被 發現</t>
    <phoneticPr fontId="1" type="noConversion"/>
  </si>
  <si>
    <t>水泥 股 轉投資 預警 虧損 沒 在 怕 亞 泥 小漲</t>
    <phoneticPr fontId="1" type="noConversion"/>
  </si>
  <si>
    <t>美國 未 將 臺灣 移除 社區 傳播 名單 親 綠 媒體 疑 似 搞 烏龍</t>
    <phoneticPr fontId="1" type="noConversion"/>
  </si>
  <si>
    <t>台 以 經濟 聯席會議 聚焦 高 科技產業</t>
    <phoneticPr fontId="1" type="noConversion"/>
  </si>
  <si>
    <t>國經 協會 受 外交部 國際 合作 及 經濟 事務司 委 讬 訂 於 13 日 與 以色列 出口 協會 共同 舉行 線 上 第 8 屆 台以 色 列 經濟 聯席會議 由 華邦 電子 暨 該會 以色列 主任委員 焦佑鈞 董事長 與 以色列 出口 協會會長 mr adiv baruch 主持 以色列</t>
    <phoneticPr fontId="1" type="noConversion"/>
  </si>
  <si>
    <t>高塔 高 科技產業 色 列 太陽能 水 科技</t>
    <phoneticPr fontId="1" type="noConversion"/>
  </si>
  <si>
    <t>15 人 土耳其 團 9 中 鏢 匡列 148 位 接觸 者 追蹤</t>
    <phoneticPr fontId="1" type="noConversion"/>
  </si>
  <si>
    <t>nba 詹皇柯 瑞 齊 歎 2020 年 好爛</t>
    <phoneticPr fontId="1" type="noConversion"/>
  </si>
  <si>
    <t>自從 進入 2020 年 nba 似乎 沒 發生 過 什麼 好事 雖然 明星賽 辦 得 成功 但 那是 在 布萊恩 kobe bryant 罹難 的 悲劇 之後 才更 引人關注 如今 新 冠 疫情 又 讓 賽季 前途 難 測 湖 人 詹姆斯 lebron james 忍不住 發文 感歎 天 哪 我們 停</t>
    <phoneticPr fontId="1" type="noConversion"/>
  </si>
  <si>
    <t>2020 年 nba 停賽 柯瑞 詹姆斯</t>
    <phoneticPr fontId="1" type="noConversion"/>
  </si>
  <si>
    <t>疫情 襲擊 海外 投資人 趁機 湧入 美 房市</t>
    <phoneticPr fontId="1" type="noConversion"/>
  </si>
  <si>
    <t>投資人 肺炎 亞洲 投資 網站</t>
    <phoneticPr fontId="1" type="noConversion"/>
  </si>
  <si>
    <t>打完 疫苗 血 尿 肛門 痛 醫 曝 急診 狀況 感到 無奈</t>
    <phoneticPr fontId="1" type="noConversion"/>
  </si>
  <si>
    <t>打 疫苗 疫苗 急診 症狀 病 患</t>
    <phoneticPr fontId="1" type="noConversion"/>
  </si>
  <si>
    <t>冒 寒風 排隊 搶 口罩 韓 民眾 聽說 臺灣 用 健 保 卡</t>
    <phoneticPr fontId="1" type="noConversion"/>
  </si>
  <si>
    <t>韓國 疫情 升溫 政府 雖 以 每日 500萬 片 口罩 為 供貨 目標 且 每人 限 購 5 片 仍 供不應求 大 邱 慶尚 北 道 等 各地 作為 販賣 視窗 的 郵局 都 大排長龍 不少 民眾 不畏 低溫 淩晨 就 出門 排隊 有 排隊 民眾 稱 聽說 臺灣 用 健 保 卡 就 能 買到 一</t>
    <phoneticPr fontId="1" type="noConversion"/>
  </si>
  <si>
    <t>吃火鍋確診新冠？四川男子散佈謠言被公安拘留4天</t>
    <phoneticPr fontId="1" type="noConversion"/>
  </si>
  <si>
    <t>吃 火鍋 確診 新 冠 四川 男子 散佈 謠言 被 公安 拘留 4 天</t>
    <phoneticPr fontId="1" type="noConversion"/>
  </si>
  <si>
    <t>成都 商報 10 日 報導 3 名 顧客 吃 著 火鍋 被 確診 新 冠 四川 安嶽 警方 9 日 發佈 消息 稱 劉姓 男子 因 散佈 這 一 謠言 謊報 疫情 擾亂 公共秩序 被 安嶽縣 公安局 處以 行政拘留 4 日 處罰 11 月 5 日 14 時許 安岳縣 石羊鎮 某 火鍋 代理 老</t>
    <phoneticPr fontId="1" type="noConversion"/>
  </si>
  <si>
    <t>成都 商報 10 日 報導 3 名 顧客 吃 著 火鍋 被 確診 新 冠 四川 安嶽 警方 9 日 發佈 消息 稱 劉姓 男子 因 散佈 這 一 謠言 謊報 疫情 擾亂 公共秩序 被 安嶽縣 公安局 處以 行政拘留 4 日 處罰 11 月 5 日 14 時許 安岳縣 石羊鎮 某 火鍋 代理 老闆 李芳 化名 到 派出所 報案 稱 有人 在 網上 發 朋友 圈 說 火鍋 店 有 三 名 顧客 確診 了 新 冠 我 自己 都 不 曉得 有 這 件 事 好多 朋友 問 我 如果 是 真的 我 願意 封店 配合 防疫 如果 沒 得 這事 還 請 還 我 名譽 警方 安撫 李芳 情緒 後 立即 開展 核查 工作 經 核實 該 消息 為 虛假 疫情 資訊 發佈 者 劉某 男 38 歲 四川省 安嶽縣 人 警方 遂 書面 傳喚 劉某 到 派出所 作 進一步 調查 劉某 如實 陳述 了 自己 為 獲得 他人 關注 通過 虛構 石羊鎮 某 火鍋 店 發現 有 三 名 新 冠 病毒感染者 三 人 系 白塔寺鄉 人 等 疫情 資訊 並 在 微信 朋友 圈 和 微信 好友 群 散佈 該 虛構 疫情 資訊 的 違法 事實 根據 大陸 治安管理 處罰法 第二 十五 條 第一 款 第一 項之 規定 劉某 因 散佈 謠言 謊報 疫情 擾亂 公共秩序 被 安嶽縣 公安局 處以 行政拘留 4 日 的 行政處罰 大陸 警方 提醒 疫情 變化 牽動人心 謠言 的 傳播 擴散 嚴重 影響 了 當前 的 防疫 工作 希望 廣大 市民 不 信 謠 不 傳 謠 一切 以 官方 權威 資訊 為 准 對於 編造 傳播 散佈 謠言 擾亂 公共秩序 的 違法行為 公安機關 將 始終 堅持 零 容忍 的 態度 堅決 依法查處</t>
    <phoneticPr fontId="1" type="noConversion"/>
  </si>
  <si>
    <t>陸 駐 大 阪 總領事館 招 日 人 赴 新疆 旅遊 日 網友 憂 是 單程 旅行</t>
    <phoneticPr fontId="1" type="noConversion"/>
  </si>
  <si>
    <t>新疆 新疆 旅遊 中國 文案 總領事館</t>
    <phoneticPr fontId="1" type="noConversion"/>
  </si>
  <si>
    <t>化學 兵 臉上 驕傲 印記 4萬 網友 感謝 注意 自身 安全</t>
    <phoneticPr fontId="1" type="noConversion"/>
  </si>
  <si>
    <t>敦睦 艦隊 原 延期 為 何又 出發</t>
    <phoneticPr fontId="1" type="noConversion"/>
  </si>
  <si>
    <t>敦睦 艦隊 帛 琉 國防部 外交部 臺灣</t>
    <phoneticPr fontId="1" type="noConversion"/>
  </si>
  <si>
    <t>臺北酒店妹哀嚎「1天少1萬」 吃老本或轉當「外送」求生存</t>
    <phoneticPr fontId="1" type="noConversion"/>
  </si>
  <si>
    <t>臺北 酒店 妹 哀嚎 1 天 少 1萬 吃老本 或 轉 當 外 送 求生存</t>
    <phoneticPr fontId="1" type="noConversion"/>
  </si>
  <si>
    <t>本土 疫情 大 爆發 雙北 防疫 警戒 升至 第 3 級 臺北市 八大 行業 從 15 日 上午 8 時起 全面 暫停營業 到 6 月 8 日 就 有 北市 酒店 小姐 哀嚎 一 天 至少 1萬 元 的 收入 沒了 只能 縮衣節食 吃老本 苦 撐 不然 就 是 改當 外 送 外出 參加 飯局 或</t>
    <phoneticPr fontId="1" type="noConversion"/>
  </si>
  <si>
    <t>本土 疫情 大 爆發 雙北 防疫 警戒 升至 第 3 級 臺北市 八大 行業 從 15 日 上午 8 時起 全面 暫停營業 到 6 月 8 日 就 有 北市 酒店 小姐 哀嚎 一 天 至少 1萬 元 的 收入 沒了 只能 縮衣節食 吃老本 苦 撐 不然 就 是 改當 外 送 外出 參加 飯局 或是 真的 兼 差 當 外 送 員或 找 其他 打工 不然 沒 辦法 過日子 臺北市 長 柯文哲 14 日 宣佈 自 15 日 起 臺北市 公有 場所 八大 類 行業 電子遊戲 業 網 咖 等 場所 同步 發佈 停業 通知 據 三 立 新聞網 報導 一 名 北市 酒店 小姐 表示 以 她 自己 來說 1 天 至少 損失 1萬 左右 收入 原本 是 花錢 如 流水 的 人 如今 也 只能 想 辦法 縮衣節食 過日子 此外 公司 也 會 推薦 小姐 參加 飯局 外出 陪客 人 吃飯 喝酒 度過 酒店 停業 困難 而 桃園 一 名 酒店 大班 則 說 旗 下有 30 幾 個 小姐 未來 這 段 日子 肯定 很 難過 她 透露 去年 酒店 雖 一度 停業 但 還有 ktv 可以 兼 差 熟客 私下 會聯絡 還 可以 帶 著 小姐 以 鐘點 計費 勉強 度 小月 今年 卻 連 ktv 都 關門 不 知道 該 如何是好 酒店 小姐 安安 化名 說 自己 有 2 個 小孩 要 養 存款 也 不 多 政府 突然 宣佈 停業 也 沒有 相關 配套 實在 很 無奈 另 名 酒店 小姐 彎彎 化名 則 說 聽 聞有 同事 已經 趕緊 研究 找 外 送 員 或 找 其他 打工 雖然 收入 沒 這麼 高 也 要 考慮 趕緊 找 其他 工作 不然 沒 辦法 過日子 中 時 新聞網 關心 您 飲酒 過量 有礙 健康 中 時 新聞網 關心 您 開車 不 喝酒 喝酒 不 開車</t>
    <phoneticPr fontId="1" type="noConversion"/>
  </si>
  <si>
    <t>擴大 資本 支出 台 積 大 聯盟 受惠</t>
    <phoneticPr fontId="1" type="noConversion"/>
  </si>
  <si>
    <t>台積電 2330 法人 說明會 中 宣佈 將 調升 今年 資本 支出 10億 美元 達 160 170億 美元 與 去年 相較 增加 約 13 台積電 看好 未來 幾 年 在 5 g 及 高效能 運算 hpc 的 強勁 晶圓 代 工 需求 未來 幾 年 仍 會 維持 高 資本 支出 並 加速 5 奈 米 量</t>
    <phoneticPr fontId="1" type="noConversion"/>
  </si>
  <si>
    <t>肺炎 台積電 魏哲家 資本 支出 晶圓 代 工</t>
    <phoneticPr fontId="1" type="noConversion"/>
  </si>
  <si>
    <t>獨 5566 壞 習慣 又 跑 出來 疫情 影響 嚴控 外景 主持</t>
    <phoneticPr fontId="1" type="noConversion"/>
  </si>
  <si>
    <t>孫協志 許孟哲 王仁甫 小刀 5566</t>
    <phoneticPr fontId="1" type="noConversion"/>
  </si>
  <si>
    <t>克羅埃西亞 鋼琴家 來 台急喊 卡 北 中 南 3 場 演出 延期</t>
    <phoneticPr fontId="1" type="noConversion"/>
  </si>
  <si>
    <t>中和 單日 暴 增 33 人 議員 支持 增設 快 篩 站 避免 民眾 恐慌</t>
    <phoneticPr fontId="1" type="noConversion"/>
  </si>
  <si>
    <t>疫苗 採購 進度 鴻 海 台積電 藍營 novavax</t>
    <phoneticPr fontId="1" type="noConversion"/>
  </si>
  <si>
    <t>陸委會 將 裁 罰 東方 衛視 記者 侯友宜 疫情 不管 政治</t>
    <phoneticPr fontId="1" type="noConversion"/>
  </si>
  <si>
    <t>日前 東方 衛視 記者 張 經義 在 白宮 記者會 上 自稱 來自 臺灣 陸委會 表示 將 對 張 經義 裁 罰 對此 新北 市長 侯友宜 上午 在 慰勉 家 防 中心 時 表示 疫情 不會 管 政治 敵人 只 有 一個 就 是 新 冠 病毒 語 畢 台 不少 家 防 中心 的 社 工</t>
    <phoneticPr fontId="1" type="noConversion"/>
  </si>
  <si>
    <t>日前 東方 衛視 記者 張 經義 在 白宮 記者會 上 自稱 來自 臺灣 陸委會 表示 將 對 張 經義 裁 罰 對此 新北 市長 侯友宜 上午 在 慰勉 家 防 中心 時 表示 疫情 不會 管 政治 敵人 只 有 一個 就 是 新 冠 病毒 語 畢 台 不少 家 防 中心 的 社 工 頻頻點頭 對 侯 的 說法 表示 認同 侯友宜 表示 疫情 不斷 的 在 全球 高漲 完全 沒有 舒緩 的 狀況 面對 全球化 的 疫情 他 永遠 只 有 一個 想法 疫情 不會 管 你 政治 與否 疫情 只 會 侵害 全球 人 的 健康 所以 我們 的 敵人 只 有 一個 就 是 新 冠 病毒 侯友宜 說 大家 共同 攜手 合作 互相 包容 體諒 大家 面對 的 就 是 新 冠 病毒 只要 全球 有 這樣 一個 共識 就 可以 聯手 所有 的 力量 打敗 新 冠 病毒 臺灣 也 是 全球 的 一 份子 大家 更 珍惜 臺灣 在 防疫 的 所 做 所為 是 值得 大家 學習 也 值得 全球 跟 我們 攜手 合作</t>
    <phoneticPr fontId="1" type="noConversion"/>
  </si>
  <si>
    <t>中部 校園 疫情 嚴峻 朝陽 科大 19 日 有 1 名 女 住宿生 確診 7 名 密切接觸 學生 居家 隔離 自主 健康 管理 68 人 朝陽 科大 表示 已 早 在 17 日 全面 課程 實施 外 全校 教職員 將 於 20 日 及 21 日 兩 天 實施 遠 距 上班 下 周起 則 采 分流 上班 朝陽 科</t>
    <phoneticPr fontId="1" type="noConversion"/>
  </si>
  <si>
    <t>紀俊臣 病毒 還 是 最怕 全球 治理</t>
    <phoneticPr fontId="1" type="noConversion"/>
  </si>
  <si>
    <t>全台 今 降 二級 吃喝玩樂 5 大 qa 一 次 看</t>
    <phoneticPr fontId="1" type="noConversion"/>
  </si>
  <si>
    <t>臺灣 真穩 持續 零 本土 醫師 打 臉 虛幻 的 幻想</t>
    <phoneticPr fontId="1" type="noConversion"/>
  </si>
  <si>
    <t>肺炎 當前 營養師 教 你 怎麼 吃出 免疫力</t>
    <phoneticPr fontId="1" type="noConversion"/>
  </si>
  <si>
    <t>免疫力 是 抗 病毒 的 第一 道 防線 飲食 跟 免疫力 息息相關 防止 病菌 和 病毒 入侵 從 日常 好 好吃 開始 現代人 雖然 大多 吃 得 富足 其實 經常 是 熱量 過剩 營養 不均 衡 而 不 自知 而 鞏固 內在 免疫 戰備 系統 是 抵抗 細菌 病毒 的</t>
    <phoneticPr fontId="1" type="noConversion"/>
  </si>
  <si>
    <t>免疫力 是 抗 病毒 的 第一 道 防線 飲食 跟 免疫力 息息相關 防止 病菌 和 病毒 入侵 從 日常 好 好吃 開始 現代人 雖然 大多 吃 得 富足 其實 經常 是 熱量 過剩 營養 不均 衡 而 不 自知 而 鞏固 內在 免疫 戰備 系統 是 抵抗 細菌 病毒 的 馬其諾 防線 董氏 基金會 食品 營養 中心 主任 許惠玉 指出 此時此刻 更該 攝取 多樣化 的 飲食 避免 營養素 缺乏 為 身體 抵抗力 打 底 吃 到底 關係 到 抗 疫 的 哪些 事情 聯 新 國際 醫療 集團 聯 新 營養 總 營養師 呂美寶 指出 吃 對 營養 才能 支持 以下 3 種 身體 的 免疫 反應 免疫 細胞 生成 反應 身體 會 不斷 製造 各種 免疫 細胞 和 細胞 荷爾蒙 過程 中 非常 需要 蛋白質 和 足夠 的 能量 及 多種 營養素 支持 及 調節 發炎 反應 支持 白血球 攻擊 外 來 敵人 產生 發炎 反應 但 若 發炎 過度 且 持續 可能 會 造成 組織 損傷 氧化 反應 白血球 在 吞噬作用 過程 中會 產生 大量 自由 基 以便 殺死 病毒 但 如果 本身 的 抗氧化 營養 攝取 不足 也 會 造成 細胞 損傷 因此 讓 身體 免疫 大軍 養 足 戰 力 呂美寶 認為 有 4 大 關鍵 營養素 維生素 d 維生素 d 雖然 稱為 維生素 但 科學界 近年來 有 愈來愈多 論證 認為 它 其實 是 一 種 荷爾蒙 能 和 體內 許多 細胞 受體 結合 改變 細胞 功能 一 份 刊載 在 2017 年 英國 醫學期刊 的 回顧性 研究 發現 體內 維生素 d 太 低 的 人 經過 補充 之後 能 降低 急性 呼吸道 感染 風險 此外 在 多發性 硬化 症 紅 斑 性 狼瘡 的 研究 中 也 看到 血液 中 維生素 d 濃度 太 低 恐怕 會 提高 這些 自體 免疫 疾病 的 風險 維生素 c 維生素 c 能夠 幫助 維持 上皮 細胞 黏膜 屏障 還 能 清除 免疫 大 戰時 產生 的 大量 自由 基 以免 這些 自由 基 繼續 攻擊 我們 的 細胞 呂美寶 指出 如果 長期 壓力 大 運動過度 或是 抽煙 會 導致 體內 維生素 c 濃度 低 這時 多 吃 富含 維生素 c 的 食物 可 幫助 免疫 細胞 的 製造 以及 免疫系統 運作 順暢 維生素 a 維生素 a 有助於 維持 皮膚 眼睛 呼吸道 和 消化道 的 黏膜 屏障 並 調節 基因 表現 讓 免疫 細胞 功能 運作 正常 並且 製造 抗體 尤其 如果 身體 裡 有 足夠 的 維生素 a 能 幫助 維持 疫苗 有 良好 的 效果 鋅 礦物質 鋅 可 促進 上皮 細胞 的 修復 也 能 幫助 各類 免疫 細胞 的 生成 與 分化 以及 抗體 順利 製造 因此 體內 要 有 足夠 的 鋅 才能 幫助 多種 酵素 正常 代謝 反應 讓 免疫 作用 順利進行 並 清除 自由 基 除 了 這 4 項 關鍵 營養素 之外 每天 也 要 攝取 足夠 的 優質 蛋白質 以及 富含 omega 3 脂肪酸 的 好 油 可 維持 免疫 細胞膜 的 結構 並 確保 細胞 的 訊息 傳導 順暢 另外 腸道 免疫系統 的 健康 則 可 透過 益生 菌 和 膳食 纖維 相輔相成 因此 必須 吃 足 蔬果 9 大好 食物 增強 抵抗力 高 脂 中小型 魚類 維生素 d 脂肪酸 蛋白質 吃 3 盎司 約 85 克 魚肉 大約 有 400 i u 的 維生素 d 每週 建議 吃 3 次 中小型 高脂 魚類 例如 鯖 魚 秋 刀魚 鮭魚 等 可 攝取 足夠 的 維生素 d 但 最好 少 吃 食物鏈 頂端 的 大型 魚類 例如 鮪 魚 旗 魚 以免 攝入 重金屬 物質</t>
    <phoneticPr fontId="1" type="noConversion"/>
  </si>
  <si>
    <t>維生素 免疫 細胞 細胞 足夠 幫助</t>
    <phoneticPr fontId="1" type="noConversion"/>
  </si>
  <si>
    <t>瑞基 上半年 eps 大 賺 2 41 元</t>
    <phoneticPr fontId="1" type="noConversion"/>
  </si>
  <si>
    <t>成長 瑞基 肺炎 畜產 eps</t>
    <phoneticPr fontId="1" type="noConversion"/>
  </si>
  <si>
    <t>桃園 啟動 乘車 實 名 制 宮廟 禁 入</t>
    <phoneticPr fontId="1" type="noConversion"/>
  </si>
  <si>
    <t>配合 停止 桃園 加強 新竹 市</t>
    <phoneticPr fontId="1" type="noConversion"/>
  </si>
  <si>
    <t>居家 檢疫 者 安心 在家 高雄 百 家 親 善 旅館 招手 家人 住</t>
    <phoneticPr fontId="1" type="noConversion"/>
  </si>
  <si>
    <t>漫 威 肺炎 拍攝 盛會 舉辦</t>
    <phoneticPr fontId="1" type="noConversion"/>
  </si>
  <si>
    <t>感染 初期 病毒 量 多 專家 籲 采 唾液</t>
    <phoneticPr fontId="1" type="noConversion"/>
  </si>
  <si>
    <t>黃偉哲 視察 舞廳 未 鬆口 解禁</t>
    <phoneticPr fontId="1" type="noConversion"/>
  </si>
  <si>
    <t>北 區 肺炎 視察 解禁 舞廳</t>
    <phoneticPr fontId="1" type="noConversion"/>
  </si>
  <si>
    <t>桃園 某 醫學 中心 護理 師 確診 桃園 衛生局長 院外 感染</t>
    <phoneticPr fontId="1" type="noConversion"/>
  </si>
  <si>
    <t>桃園 某 醫學 中心 加 護 病房 護理 師 9 日 確診 桃園 市 衛生局長 王文彥 說明 這 名 護理 師 1 周前 返回 臺北 住家 由 姊 姊 的 友人 載 回來 但 友人 7 日 確診 院方 隨即 安排 她 采 檢 也 確診 隨即 疫 調 病人 同事 70 多 人 全部 陰性 因此 研 判 是 院</t>
    <phoneticPr fontId="1" type="noConversion"/>
  </si>
  <si>
    <t>鴻 海 pcr 陽性 員工 陰性</t>
    <phoneticPr fontId="1" type="noConversion"/>
  </si>
  <si>
    <t>大 突破 陸 第一 二 例 遺體 解剖 取得 2 病理 已 送 檢</t>
    <phoneticPr fontId="1" type="noConversion"/>
  </si>
  <si>
    <t>通信網 路 臺灣 大 行動 力挺 前線 醫療 購機 現 折 2千</t>
    <phoneticPr fontId="1" type="noConversion"/>
  </si>
  <si>
    <t>nba 最佳 複賽 版本 7 月 開 打 8 月 決賽</t>
    <phoneticPr fontId="1" type="noConversion"/>
  </si>
  <si>
    <t>複賽 開 打 7 月 馬克斯 版本</t>
    <phoneticPr fontId="1" type="noConversion"/>
  </si>
  <si>
    <t>新冠肺炎全球燒 澎湖縣長賴峰偉宣佈：即起縣府團隊人員禁出國</t>
    <phoneticPr fontId="1" type="noConversion"/>
  </si>
  <si>
    <t>燦坤 處分 燦 星 旅 亞 果 集團 接手</t>
    <phoneticPr fontId="1" type="noConversion"/>
  </si>
  <si>
    <t>肺炎 門市 股權 處分 燦坤 集團</t>
    <phoneticPr fontId="1" type="noConversion"/>
  </si>
  <si>
    <t>中醫大 新竹 附 醫 研發 新 冠 pcr 智取 箱 榮獲 國家 新創 獎 臨床 新創 獎</t>
    <phoneticPr fontId="1" type="noConversion"/>
  </si>
  <si>
    <t>pcr 系統 新 冠 陳自諒 自動</t>
    <phoneticPr fontId="1" type="noConversion"/>
  </si>
  <si>
    <t>通信網 路 威潤 拼 防疫 商 機 台 日 市場 齊攻</t>
    <phoneticPr fontId="1" type="noConversion"/>
  </si>
  <si>
    <t>抓准 防疫 商 機 威潤 6465 旗 下 防疫 品牌 滅菌 者 聯盟 uvengers 宣佈 於 2021 年 開始 陸續 上市 深 紫外線 系列 除 菌 新品 搶攻 市場 商機 看好 隨 著 新 產品 上市 未來 將將 對 營 收成 長 帶來 挹注 威潤 因應 全球 防疫 趨勢 所 創立 新 品牌 滅菌 者</t>
    <phoneticPr fontId="1" type="noConversion"/>
  </si>
  <si>
    <t>抓准 防疫 商 機 威潤 6465 旗 下 防疫 品牌 滅菌 者 聯盟 uvengers 宣佈 於 2021 年 開始 陸續 上市 深 紫外線 系列 除 菌 新品 搶攻 市場 商機 看好 隨 著 新 產品 上市 未來 將將 對 營 收成 長 帶來 挹注 威 潤 因應 全球 防疫 趨勢 所 創立 新 品牌 滅菌 者 聯盟 uvengers 於 2020 年 第 四季 即 推出 備 受 好評 的 首 款 產品 攜帶式 除 菌棒 uv 1 uv 1 外 型 輕巧 攜帶 便利 搭載 日本 知名 領導 大廠 旭 化成 60 mw 高 功率 具有 最佳 除 菌 效果 的 265 nm 波長 的 深 紫外線 燈 珠 uv-c led 威 潤 除了 與 日本 知名 領導 大廠 旭 化成 asahi kasei 簽訂 合作 備忘錄 mou 研發 深 紫外線 除 菌 新品 外 也 與 國內 其他 優良 企業 合作 將 推出 大 範圍 場所 適用 的 商用 手提式 除 菌 燈 工業用 大型 除 菌 產品 室內空氣 除 菌 機 以及 無需 淨空 人員 也 能 安心 在 公共 空間 使用 的 除 菌 吊燈 等 旭 化成 集團 asahi kasei 也 點名 威潤 在 企業 執行 力 市場策略 及 創新 科技 研發 上 的 卓越 表現 將 威潤 列為 下一代 新品 開發 首要 合作 對象 雙方 近期 已 簽訂 mou 規劃 利用 旭 化成 最新 推出 之 空氣除菌 模 組 共同開發 結合 空氣 迴圈 裝置 與 深 紫外線 燈 珠 的 高科技 除 菌 產品 環保 署 先前 釋出 應 符合 室內空氣 品質 管理法 之 公告 場所 草案 明訂 全台 大專 校院 社會福利 機構 運輸業 商場 地區 型 醫院 部分 政府 辦公 場所 以及 幼稚園 產後 護理 機構 托 嬰 中心 等 預計 自 110 年度 開始 嚴加 管控 室內 病菌 濃度 為此 滅菌 者 聯盟 uvengers 也 洞燭 先機 結合 績優 廠商 研發 含 深 紫外線 燈 珠 技術 的 室內空氣 除 菌 機 可以 運用 在 擁擠 或 具 傳染 風險 的 空間 預計 未來 新 產品 的 問市 將 對 營 收成 長 帶來 正面 的 挹注 另外 威潤 也 將 在 2 月 26 日 至 3 月 1 日 婦幼用品 大展 更 設立 媽媽 寶寶 除 菌 站 讓 民眾 免費 使用 uv 1 將 手機 寶寶 等 隨身 物品 除 菌 協助 參觀 的 民眾 防疫 更加 升級</t>
    <phoneticPr fontId="1" type="noConversion"/>
  </si>
  <si>
    <t>天天 吃 奎寧 鋅片 川普 驚 爆 抗 疫 新 爭議</t>
    <phoneticPr fontId="1" type="noConversion"/>
  </si>
  <si>
    <t>川普 羥 氯 奎寧 預防 新 冠 病毒 療效</t>
    <phoneticPr fontId="1" type="noConversion"/>
  </si>
  <si>
    <t>獨 華航 工會 劉惠宗 只要 不 裁員 什麼 都 可以 談</t>
    <phoneticPr fontId="1" type="noConversion"/>
  </si>
  <si>
    <t>mlb 道奇簡森 全家 染 新 冠 痊癒 趕回 訓練營</t>
    <phoneticPr fontId="1" type="noConversion"/>
  </si>
  <si>
    <t>簡森 道奇 mlb 大 聯盟 美國</t>
    <phoneticPr fontId="1" type="noConversion"/>
  </si>
  <si>
    <t>李秉穎 爆 3 11 未經 專家 討論 陳時中 回 應 了</t>
    <phoneticPr fontId="1" type="noConversion"/>
  </si>
  <si>
    <t>陳時中 3 11 李秉 穎 討論 臺灣</t>
    <phoneticPr fontId="1" type="noConversion"/>
  </si>
  <si>
    <t>施打 同仁 優先 外勤 疫苗</t>
    <phoneticPr fontId="1" type="noConversion"/>
  </si>
  <si>
    <t>戶外 仍 全程 戴 口罩 沒 資格 叫 降級 網 22 字 酸 爆 政府</t>
    <phoneticPr fontId="1" type="noConversion"/>
  </si>
  <si>
    <t>行政院 今 宣佈 7 27 降為 二級 警戒 根據 昨晚 流出 的 二級 指引 顯示 即便 降為 二級 民眾 外出 仍 須 全程 配戴 口罩 對此 一 名 網友 憤怒 地 說 強制 要求 繼續 戴 口罩 根本 就 沒 資格 叫 降級 相關 議題 引發 網友 討論 只見 指引 再度 落 落</t>
    <phoneticPr fontId="1" type="noConversion"/>
  </si>
  <si>
    <t>戶外 降級 全程 戴 口罩 二級 警戒 指引</t>
    <phoneticPr fontId="1" type="noConversion"/>
  </si>
  <si>
    <t>1 分鐘 看 世界 黑色 星期四 全球 重量級 股市 收 黑 逾 10</t>
    <phoneticPr fontId="1" type="noConversion"/>
  </si>
  <si>
    <t>精選 中 時 新聞網 5 件 不可不 知 的 國際 大事 帶 讀者 掌握 今天 3 月 13 日 的 國際 新聞 重點 1 一 天 墜 10 趴 道 瓊收 跌 2352 點 32 年 來 最慘 股災 美 股 週四 慘遭 血洗 道 瓊 指數 當日 開盤 時 就 已經 重跌 超過 一千 點 中途 經歷 了 技術</t>
    <phoneticPr fontId="1" type="noConversion"/>
  </si>
  <si>
    <t>鉛錠 價格 平穩 泰 銘 甩開 疫情 營 收 增</t>
    <phoneticPr fontId="1" type="noConversion"/>
  </si>
  <si>
    <t>泰銘 全球 鉛錠 童新 變動</t>
    <phoneticPr fontId="1" type="noConversion"/>
  </si>
  <si>
    <t>屏 東 餐飲業 打 團體 戰 盼 儘快 走 出 疫情 陰霾</t>
    <phoneticPr fontId="1" type="noConversion"/>
  </si>
  <si>
    <t>外 送 平臺 日曬 餐飲業 疫情</t>
    <phoneticPr fontId="1" type="noConversion"/>
  </si>
  <si>
    <t>新化 年貨 大街 照辦 將 設 電子 圍 籬 逮 檢疫 違規者</t>
    <phoneticPr fontId="1" type="noConversion"/>
  </si>
  <si>
    <t>電子 圍 籬 新化 年貨 大街 舉辦 管制</t>
    <phoneticPr fontId="1" type="noConversion"/>
  </si>
  <si>
    <t>菲律賓 模式 取消 入境 無 症狀 回歸 14 天 居家 檢疫</t>
    <phoneticPr fontId="1" type="noConversion"/>
  </si>
  <si>
    <t>新北 增 16 例 與 北農 和 環南 市場 相關 侯友宜 鼓勵 雙北 市民 一起 來 采 檢</t>
    <phoneticPr fontId="1" type="noConversion"/>
  </si>
  <si>
    <t>環 南市 場 新北 市 北農 侯友宜 采 檢</t>
    <phoneticPr fontId="1" type="noConversion"/>
  </si>
  <si>
    <t>學者 批評 政府 遭 函 辦 羅智強 疫情 期間 是 清算 異己 絕佳 時機</t>
    <phoneticPr fontId="1" type="noConversion"/>
  </si>
  <si>
    <t>4 月 21 日 起 開放 az 疫苗 自費 接種 31 家 接種 院所 一 次 看</t>
    <phoneticPr fontId="1" type="noConversion"/>
  </si>
  <si>
    <t>日 再 添 3 例 確診 感染 曾 赴 夏威夷 度假 的 日 人 也 中 鏢</t>
    <phoneticPr fontId="1" type="noConversion"/>
  </si>
  <si>
    <t>軍機 繞 台 郝龍斌 陸 釋出 善意 重視 防疫 合作</t>
    <phoneticPr fontId="1" type="noConversion"/>
  </si>
  <si>
    <t>湖北 疫情 轉折 新 病例 不 到 2千</t>
    <phoneticPr fontId="1" type="noConversion"/>
  </si>
  <si>
    <t>肺炎 死亡 日 新增 鍾 南山 疫情</t>
    <phoneticPr fontId="1" type="noConversion"/>
  </si>
  <si>
    <t>穿越 回味 中華商場 公 視 喊 卡</t>
    <phoneticPr fontId="1" type="noConversion"/>
  </si>
  <si>
    <t>中華商場 肺炎 劇組 片場 觀眾</t>
    <phoneticPr fontId="1" type="noConversion"/>
  </si>
  <si>
    <t>日新 冠 惡化 爆 77 人 在家 身亡 外 媒 曝 當務之急</t>
    <phoneticPr fontId="1" type="noConversion"/>
  </si>
  <si>
    <t>李翊君 19 歲 女兒 在 美 高燒 不退 掛 急診 醫 告誡 有 生命危險</t>
    <phoneticPr fontId="1" type="noConversion"/>
  </si>
  <si>
    <t>51 歲 資深 歌手 李翊君 與 老公 檢場 育 有 一 女王 敏淳 香奈兒 頂 著 星二 代 光環 於 3 年前 拍攝 我 和 我 的 四 個 男人 出道 近日 李翊君 上 節目 透露 女兒 在 美國 求學 時 健康 亮紅燈 緊急 掛 急診 後 被 醫生 警告 不能 出院 會 有 生命危險</t>
    <phoneticPr fontId="1" type="noConversion"/>
  </si>
  <si>
    <t>整天 戴 口罩 反 效果 楊 志 良 只 有 這 3 種 人 需要 戴</t>
    <phoneticPr fontId="1" type="noConversion"/>
  </si>
  <si>
    <t>守 住 醫院 防線 張麗善 慰勞 醫護</t>
    <phoneticPr fontId="1" type="noConversion"/>
  </si>
  <si>
    <t>急救 措施 醫護人員 張麗善 肺炎 醫院</t>
    <phoneticPr fontId="1" type="noConversion"/>
  </si>
  <si>
    <t>容 祖兒力 抗 疫情 飛 倫敦 開 唱 不 想 讓 歌迷 失望</t>
    <phoneticPr fontId="1" type="noConversion"/>
  </si>
  <si>
    <t>打過 玻 尿酸 的 族群 注意 注射 新 冠 疫苗 恐 引發 特殊 症狀</t>
    <phoneticPr fontId="1" type="noConversion"/>
  </si>
  <si>
    <t>國內 的 新 冠 疫苗 陸續 到位 能 接種 的 年齡層 也 慢慢 往 下 開放 國外 曾 報導 有 過去 施打玻 尿酸 等 填充物 的 患者 在 打完 新 冠 疫苗 之後 發生 嘴唇 紅腫 等 狀況 而 前來 就醫 疫苗 引起 身體 發炎 導致 皮膚 專科 醫師 鄭惠文 表示 根據 國</t>
    <phoneticPr fontId="1" type="noConversion"/>
  </si>
  <si>
    <t>疫苗 研發 跨步 廠商 提 人體 試驗</t>
    <phoneticPr fontId="1" type="noConversion"/>
  </si>
  <si>
    <t>陳時中 疫苗 國家隊 肺炎 廠商</t>
    <phoneticPr fontId="1" type="noConversion"/>
  </si>
  <si>
    <t>女 居檢 5 天 輕生 采 檢 排除 新 冠</t>
    <phoneticPr fontId="1" type="noConversion"/>
  </si>
  <si>
    <t>采 檢 輕生 肺炎 檢疫 死亡</t>
    <phoneticPr fontId="1" type="noConversion"/>
  </si>
  <si>
    <t>基金 美 股 逢 低 撿便宜 看好 軟 體 網 安 fintech 等 趨勢 成長 股</t>
    <phoneticPr fontId="1" type="noConversion"/>
  </si>
  <si>
    <t>市場 分流 首日 爆 亂象 高 市府 認 了 允 檢討</t>
    <phoneticPr fontId="1" type="noConversion"/>
  </si>
  <si>
    <t>高 市府 祭出 傳統 市場 分流 管制 今 1 日 是 第一 天 但 各地 市場 屢 爆 亂象 包括 出入口 塞車 市場 外 的 攤 商 不受 控 市場 攤 商 怨 遭 流動 攤販 搶 生意 等 對此 高 市府 認 了 允諾 將 檢討 因應 高市經 發 局長 廖泰翔 指出 今天</t>
    <phoneticPr fontId="1" type="noConversion"/>
  </si>
  <si>
    <t>肺炎 疫情 造成 生活 種種 不便 到底 疫情 何時 結束 或 緩和 是 大家 所 關注 的 而 現在 各界 最 擔心 的 已不 是 中國 的 疫情 反倒 是 海外 連環 爆 一發不可收 十 南韓 義大利 和 伊朗 都 上演 疫情 大 爆發 各 有 幾 千 宗 確診 個案 美國 和 歐洲</t>
    <phoneticPr fontId="1" type="noConversion"/>
  </si>
  <si>
    <t>民眾 如何 自保 王任賢 口罩 戴 好 戴 滿 摸 口 鼻 前 先 洗手</t>
    <phoneticPr fontId="1" type="noConversion"/>
  </si>
  <si>
    <t>全台 疫情 嚴峻 中央 與 地方 政府 除 公佈 疫 調 足跡 每天 都 有 新 的 規範 籲 民眾 遵守 對此 防疫 專家 中華民國 防疫 學會 理事長 王任賢 直指 規範 的 做 不 到 稽核 就是 口號 偽 三級 防疫 他 呼籲 民眾 近日 少群聚 一 出家 門 就 口罩 戴</t>
    <phoneticPr fontId="1" type="noConversion"/>
  </si>
  <si>
    <t>西方 國家 組 對 陸 政策 聯盟 陸 掀起 新 八國聯軍 論戰</t>
    <phoneticPr fontId="1" type="noConversion"/>
  </si>
  <si>
    <t>大陸 近年來 在 軍事 經濟 和 外交 上 採取 強硬 競爭 態勢 新 冠 疫情 期間 更 使用 令 人 側 目的 戰 狼 外交 許多 西方 國家 聲稱 感受 到 威脅 也 引來 越來越 多 的 西方 政界人士 呼籲 聯手 應對 中國 大陸 的 挑戰 日前 以 美 歐 國家 為主 所 組成 的</t>
    <phoneticPr fontId="1" type="noConversion"/>
  </si>
  <si>
    <t>大陸 近年來 在 軍事 經濟 和 外交 上 採取 強硬 競爭 態勢 新 冠 疫情 期間 更 使用 令 人 側 目的 戰 狼 外交 許多 西方 國家 聲稱 感受 到 威脅 也 引來 越來越 多 的 西方 政界人士 呼籲 聯手 應對 中國 大陸 的 挑戰 日前 以 美 歐 國家 為主 所 組成 的 跨國 議會 對華政策 聯盟 inter-parliamentary alliance on china ipac 成立 卻 遭 大陸 批評 這 是 西方 政治 邊緣 人物 籌組 的 新 八國聯軍 也 是 冷戰 思維 的 產物 美國之音 報導 說 北大西洋公約組織 nato 秘書長 斯托爾滕貝格 jens stoltenberg 警告 稱 中國 的 崛起 正在 從根本上 改變 全球 均勢 加劇 爭奪 經濟 和 技術 霸權 的 競賽 大幅 加大 對 開放 社會 和 個人 自由 的 威脅 加劇 圍繞 我們 的 價值觀 和 生活 方式 的 競爭 面對 大陸 崛起 北約 需要 團結 未來 十 年 內 的 挑戰 任何 國家 都 無法 獨自 解決 這個 由 英國 美國 日本 澳大利亞 加拿大 德國 挪威 瑞典 等 8 個 國家議會 與 歐洲議會 成員 所 組建 的 跨國 議會 對華政策 聯盟 被 陸媒 批 評為 新 八國聯軍 並 指 聯盟 的 成員 是 其 國內 政治 的 失敗者 與 政界 邊緣 人物 是 一個 致力 於 改變 民主 國家 對待 中國 方式 的 反華 聯盟 隨後 波羅的海 國家 立陶宛 跨 黨派 議會 代表 與 捷克 議員 也 宣 佈 加入 分析 人士 指出 加入 聯盟 的 成員 大多 是 西方 社會 保守派 鷹 派 的 代表 包括 包括 美 聯邦 參議員 盧比奧 marco rubio 和 梅內德斯 robert menendez 澳大利亞 則 有 聯邦 議會 情報 與 安全 委員會 主席 哈斯蒂 andrew hastie 德國 議員 布蘭德 michael brand 與 現任 歐洲議會 議員 布提科 費爾 報導 說 該 聯盟 在 宣告 成立 的 視頻 中 指出 中共 統治 下 的 中國 為 全球 帶來 挑戰 一個 將 會 定義 整個 世紀 的 挑戰 將 會 影響 所 有的 人 跨 世代 政權 與 不同 黨派 無一倖免 前 美國國防部 中國 事務 主任 博斯科 joseph bosco 說 西方 現在 是 被 真正 的 中國 威脅 喚醒 了 如果 西方 真正 瞭解 中共 前 領導人 鄧小平 的 韜光養晦 政策 早就 應該 對 中共 採取措施 了 因為 它 意味著 隱藏 實力 等待 時機 美國 智庫 戰略 與 國際研究中心 csis 中國 專家 葛萊儀 bonnie glaser 說 新 冠 疫情 帶來 了 大陸 外交 最 糟糕 的 一面 這種 被 稱為 戰 狼 外交 或許 有助於 大陸 民眾 對 中共 的 支持 但 最終 會 讓 大陸 付出 很 高 的 代價 大陸 人民 大學 國際 關係 學教授 時殷弘 則 在 一 場 學術 研討會 上 表示 目前 的 突出 問題 是 不夠 尊重 世界 在 大 流行 疫情 下 驟然 加劇 了 的 複雜性 推進 得 未免太 急 太 快 和 聲調 太 高 從而 效果 與 期望 之間 的 差距 頗 大 讓 大陸 面臨 的 挑戰 空前 嚴峻 北約 秘書長 斯托爾滕貝格 堅稱 北京 並非 敵人 但 北約 各 成員國 領導人 也 首次 同意 大陸 崛起 帶來 安全上 的 影響 包括 解放軍 研發 能 打到 北約 盟國 的 導彈 曾任 川普 總統 的 國家 安全 顧問 的 麥克馬斯特 h r mcmaster 在 一個 有關 疫情 後 美中關係 的 研討會 上 說 雖然 與 大陸 分手 並非 大家 所願 但是 大陸 在 疫情 期間 的 所作所為 顯示 與 大陸 繼續 保持 接觸 實在 不容易 中共 認為 自己 是 贏 家 首先 從 疫情 中 恢復 未來 可能 會 更加 的 咄咄逼人 此外 中共 擁有 高超音速 導彈 強大 的 軍事力量 而且 還 認為 美國 在 衰退 和 分裂</t>
    <phoneticPr fontId="1" type="noConversion"/>
  </si>
  <si>
    <t>宜蘭 縣 今 零 確診 將 配合 延長 三級 警戒</t>
    <phoneticPr fontId="1" type="noConversion"/>
  </si>
  <si>
    <t>因應 疫情 全國 三級 警戒 到 5 月 28 日 雙北 首長 認為 疫情 還 沒 趨 緩 28 日 解除 不太可能 要 有 心理準備 基隆 市長 林右昌 建議 再延 2 周 今天 宜蘭 縣 確診 數 加 零 但 縣長 林姿 妙 坦言 疫情 嚴峻 隨時 會 有 滾 動式 變化</t>
    <phoneticPr fontId="1" type="noConversion"/>
  </si>
  <si>
    <t>今天 創 新高 日本 報導 武漢</t>
    <phoneticPr fontId="1" type="noConversion"/>
  </si>
  <si>
    <t>青少年該打第二劑BNT？前臺大醫：心肌炎機率恐增10倍</t>
    <phoneticPr fontId="1" type="noConversion"/>
  </si>
  <si>
    <t>青少年 該 打 第二 劑 bnt 前臺 大 醫 心肌炎 機 率 恐 增 10 倍</t>
    <phoneticPr fontId="1" type="noConversion"/>
  </si>
  <si>
    <t>心肌炎 第二 劑 發生率 臺灣 青少年</t>
    <phoneticPr fontId="1" type="noConversion"/>
  </si>
  <si>
    <t>上市 櫃 赴 陸 海外投資 雙 創 新低</t>
    <phoneticPr fontId="1" type="noConversion"/>
  </si>
  <si>
    <t>陸美 貿易戰 干擾 上市 櫃 公司 投資 海外 大陸 佈局 皆 縮手 金管會 昨 公佈 上市 櫃 公司 2019 年 大陸 投資 金額 僅 增加 新 台幣 117億 元 海外投資 也 只 增加 1557億 元 年 增 金額 皆 創 史上 新低 證 期 局 副 局長 張振山 表示 去年 陸美貿</t>
    <phoneticPr fontId="1" type="noConversion"/>
  </si>
  <si>
    <t>縮手 家數 上市 櫃 大陸 肺炎</t>
    <phoneticPr fontId="1" type="noConversion"/>
  </si>
  <si>
    <t>高市 3 月 推 愛情 月 總統套房 喋血 價 1990 元</t>
    <phoneticPr fontId="1" type="noConversion"/>
  </si>
  <si>
    <t>桃園、基隆怒嗆臺北微疫調 盧秀燕：中部縣市聯手打擊病毒</t>
    <phoneticPr fontId="1" type="noConversion"/>
  </si>
  <si>
    <t>桃園 基隆 怒 嗆 臺北 微 疫 調 盧秀燕 中部 縣 市 聯手 打擊 病毒</t>
    <phoneticPr fontId="1" type="noConversion"/>
  </si>
  <si>
    <t>徐 正文 籲 政府 開放 所 有 新婚 陸配 小 明 與 陸生 回台</t>
    <phoneticPr fontId="1" type="noConversion"/>
  </si>
  <si>
    <t>蔡 政府 拿 防疫 當 抗 中 大批 新婚 陸配 陸配之 子 小 明 與 陸生新 舊生 回不來 成功 爭取 武漢 包機 返台 的 台商 徐 正文 21 日 上午 將 召開 記者會 率領 新婚 陸配 小 明 表達 現況 並 向 總統 蔡英文 行政院長 蘇貞昌 喊話 盼</t>
    <phoneticPr fontId="1" type="noConversion"/>
  </si>
  <si>
    <t>新婚 徐 正文 政府 陸生 大陸</t>
    <phoneticPr fontId="1" type="noConversion"/>
  </si>
  <si>
    <t>全台 接種 疫苗 後 猝死 案例 頻 傳 高 大成 列 遺體 表徵 關鍵 看 這</t>
    <phoneticPr fontId="1" type="noConversion"/>
  </si>
  <si>
    <t>日本 贈送 臺灣 124萬 劑 az 疫苗 各縣市 於 15 日 起 擴大 施打 不過 疫苗 才 開 打 2 天 全台 已 傳出 超過 13 起 老年人 於 接種 後 猝死 的 案例 至於 猝死 原因 是否 與 接種 疫苗 有關 還 需 進一步 厘 清 法醫 高大成 接受 中 時 新聞網 專訪 時 表示 可</t>
    <phoneticPr fontId="1" type="noConversion"/>
  </si>
  <si>
    <t>日本 贈送 臺灣 124萬 劑 az 疫苗 各縣市 於 15 日 起 擴大 施打 不過 疫苗 才 開 打 2 天 全台 已 傳出 超過 13 起 老年人 於 接種 後 猝死 的 案例 至於 猝死 原因 是否 與 接種 疫苗 有關 還 需 進一步 厘 清 法醫 高大成 接受 中 時 新聞網 專訪 時 表示 可以 從 遺體 表徵 判斷 死因 並 點出 關鍵 要 看 氣管 的 位置 高大 成分 析 如果 是 打 疫苗 死亡 通常 都 是 過敏 反應 引起 過敏 而 亡 會 使 遺體 氣管 聲門 水腫 身體 也 會 起 疹子 有時 還 會 產生 肝 腎衰竭 或 心肌炎 若 是 因 慢性病 死亡 則 會 有 血管 硬化 或 臟器 衰竭 的 情況 因此 在 解剖 後 若 只 發現 過敏 反應 就 能 判定 是 疫苗 造成 死亡 高 大成 認為 因 施打 疫苗 死亡 的 機 率 不大 中華民國 防疫 學會 理事長 王任賢 也 表示 如果 不是 在 接種 疫苗 後 30 分鐘 內 造成 了 因為 呼吸 窘迫 而 死亡 的 話 原則 上 跟 新 冠 疫苗 沒有 關係 不過 王任賢 提到 很 有 可能與 疫苗 接種 方式 有關 因為 現在 得 長途跋涉 到 接種 點去 打 疫苗 而且 還要 預約 掛號 等待 這樣 的 過程 容易 讓 老人家 折騰 而 死 他 呼籲 政府 應該 推行 到 府 接種 改善 施打 程式 避免 長者 無緣無故 的 喪命 剪輯 邱子軒</t>
    <phoneticPr fontId="1" type="noConversion"/>
  </si>
  <si>
    <t>老人 疫苗 死亡 猝死 症狀</t>
    <phoneticPr fontId="1" type="noConversion"/>
  </si>
  <si>
    <t>nba 畢 斯利 染 新 冠 籃 網 緊急 簽下 老將 湯瑪斯</t>
    <phoneticPr fontId="1" type="noConversion"/>
  </si>
  <si>
    <t>全台 rt 值 降 至 1 以下 北部 疫情 趨 緩 苗栗 rt 值 仍 高</t>
    <phoneticPr fontId="1" type="noConversion"/>
  </si>
  <si>
    <t>女主播 曬 居家 工作 照 火 辣 穿 搭 美 暈</t>
    <phoneticPr fontId="1" type="noConversion"/>
  </si>
  <si>
    <t>美國 防疫 須 重視 大陸 經驗</t>
    <phoneticPr fontId="1" type="noConversion"/>
  </si>
  <si>
    <t>病人 大陸 美國 肺炎 病毒</t>
    <phoneticPr fontId="1" type="noConversion"/>
  </si>
  <si>
    <t>確診看護接觸者不明 指揮中心：將公佈2／16-2／24院外足跡</t>
    <phoneticPr fontId="1" type="noConversion"/>
  </si>
  <si>
    <t>補習班 停課 教育部 應 按 比例 退費</t>
    <phoneticPr fontId="1" type="noConversion"/>
  </si>
  <si>
    <t>新 冠 全球 破 300萬 確診 美國 占近 三 分之一</t>
    <phoneticPr fontId="1" type="noConversion"/>
  </si>
  <si>
    <t>振興 抵 用 券 多元 延伸 政 院 擬 擴 及 演唱會 等 藝 文 消費</t>
    <phoneticPr fontId="1" type="noConversion"/>
  </si>
  <si>
    <t>部 桃群 聚 12 例 確診 孫大 千5 點 質疑 誰 把 臺灣 的 救命 疫苗 搞掉</t>
    <phoneticPr fontId="1" type="noConversion"/>
  </si>
  <si>
    <t>開學 自主 量 體溫 成 防疫 破 口 黃珊珊 到 教室 還要 抽驗</t>
    <phoneticPr fontId="1" type="noConversion"/>
  </si>
  <si>
    <t>高中 國中 小學 25 日 將 開學 有 家長 擔心 自主 量 體溫 就 可進 校 恐 會 成為 防疫 破 口 北市 副 市長 黃珊珊 24 日 表示 第 1 天 開學 會 比較 亂 所以 希望 孩子 不 要 聚集 在 門口 等額 溫槍 量 體溫 第 2 天會 有 拿 回家 自己 量 的 表 填 了 後 可 快</t>
    <phoneticPr fontId="1" type="noConversion"/>
  </si>
  <si>
    <t>高中 國中 小學 25 日 將 開學 有 家長 擔心 自主 量 體溫 就 可進 校 恐 會 成為 防疫 破 口 北市 副 市長 黃珊珊 24 日 表示 第 1 天 開學 會 比較 亂 所以 希望 孩子 不 要 聚集 在 門口 等額 溫槍 量 體溫 第 2 天會 有 拿 回家 自己 量 的 表 填 了 後 可 快速 通過 校門 但 到 教室 還是 有 抽驗 黃珊珊 表示 聚集 量 體溫 當然 不 安全 但因 很多 家長 沒 額 溫槍 所以 開學 會派 人 去 疏導 交通 並 請 各 小學 多 派 志 工 媽媽 協助 量 體溫 有 狀況 的 孩子 會 有 獨立 通道 並 暫時 請 家長 接回 家 開學 前 北市 每 校 已 做 完 3 次 演練 明天 雖 會 比較 亂 密集 但 仍 希望 一切順利 黃珊珊 提到 自主 量 體溫 不是 作假 即使 過 了 校 門口 但 北市 每班 的 教室 都 有 1 支 額 溫槍 會 再度 抽驗 所以 家長 老師 還 是 會 發現 而 自主 量 體溫 也 是 誠信教育 若 填 了 當然 會 選擇 相信 不過 就 是 怕 有些 家長 讓 小孩 吃 完 退燒藥 就 進校 另外 教室 本身 的 防備 物資 也 有 準備 2 周 以上 讓 孩子 安心 上課 針對 北市 查獲 4 家業 者 乘機 哄抬 醫療 口罩 價格 發 災難 財 黃珊珊 說 有 疫情 後 就 已 要求 法務局 消 保 官 一直 查價 嚴重 就 報到 公平 會 但因 太 多 業者 在 網路上 做 囤積 販 售 會 繼續 查 一 有 查核 消息 就 上網 公告</t>
    <phoneticPr fontId="1" type="noConversion"/>
  </si>
  <si>
    <t>自主 量 體溫 體溫 黃珊珊 開學 防疫</t>
    <phoneticPr fontId="1" type="noConversion"/>
  </si>
  <si>
    <t>內 湖 好 市 多 又 現 確診 足跡 下午 1 點 後 只 出 不 進</t>
    <phoneticPr fontId="1" type="noConversion"/>
  </si>
  <si>
    <t>日前 曾 被 確診 者 造訪 的 好 市 多 內 湖 店 稍 早 突然 公佈 消息 宣佈 下午 1 時 開始 只 出 不 進 臨時 閉店 清潔 消毒 對此 北市 衛生局 證實 該店 確實 有 確診 足跡 已 要求 業者 停業 清 消 執行 防疫 程式 一 名 網友 今 在 ptt 上 發文 表示</t>
    <phoneticPr fontId="1" type="noConversion"/>
  </si>
  <si>
    <t>內 湖 好 市 多 停業 消毒 確診 足跡 臺灣</t>
    <phoneticPr fontId="1" type="noConversion"/>
  </si>
  <si>
    <t>病毒 蚊蟲 傳播 肺炎 網友</t>
    <phoneticPr fontId="1" type="noConversion"/>
  </si>
  <si>
    <t>黃敏惠 籲 市府 同仁 非 緊急 或 絕對 必要 應 暫緩 出國</t>
    <phoneticPr fontId="1" type="noConversion"/>
  </si>
  <si>
    <t>黃敏惠 紓困 出國 嘉義 市 紓困</t>
    <phoneticPr fontId="1" type="noConversion"/>
  </si>
  <si>
    <t>北市公佈確診者足跡 8／28行程曝光</t>
    <phoneticPr fontId="1" type="noConversion"/>
  </si>
  <si>
    <t>北市 公佈 確診 者 足跡 8 28 行程 曝光</t>
    <phoneticPr fontId="1" type="noConversion"/>
  </si>
  <si>
    <t>臺北市 今 公佈 1 例 確診 者 足跡 案 16121 為 新北 市 個案 2 日 確診 感染 源 尚 待 厘 清 個案 曾 到 過 的 停車場 商場 飲料店 皆 已 完成 清 消 個案 曾 在 8 月 28 日 下午 到 過 南 港 車站 地下 停車場 還 曾去 過 2 xlu 二 口 旅 茶 說 茶 旅人 信義 總店</t>
    <phoneticPr fontId="1" type="noConversion"/>
  </si>
  <si>
    <t>臺北市 今 公佈 1 例 確診 者 足跡 案 16121 為 新北 市 個案 2 日 確診 感染 源 尚 待 厘 清 個案 曾 到 過 的 停車場 商場 飲料店 皆 已 完成 清 消 個案 曾 在 8 月 28 日 下午 到 過 南 港 車站 地下 停車場 還 曾去 過 2 xlu 二 口 旅 茶 說 茶 旅人 信義 總店 以及 送 青良手 做 茶 飲 臺北 松山 旗艦 店 最後 還 到 過 春光 公園 地下 停車場 足跡 遍及 南 港 和 信義 區 臺北市衛生局 公佈 案 16121 在 8 月 28 日 下午 4 點 和 5 點 45 分到 過 南港 車站 地下 停車場 同日 下午 4 點 16 分至 5 點 45 分 global mall b 1 a 和 citylink c 棟 9 樓 同日 晚上 6 點 和 7 點 20 分則 到 過 春光 公園 地下 停車場 同日 晚上 6 點 50 分至 7 點 10 分則 到 過 2 xlu 二 口 旅 茶 說 茶 旅人 信義 總店 和 送 青良手 做 茶 飲 臺北 松山 旗艦 店</t>
    <phoneticPr fontId="1" type="noConversion"/>
  </si>
  <si>
    <t>臺北市 確診 足跡 南港 信義 區</t>
    <phoneticPr fontId="1" type="noConversion"/>
  </si>
  <si>
    <t>教育部 今天 最新 公告 到 23 日 下午 5 時 30 分 止 共有 118 位 學生 確診 其中 大專生 60 人 最 多 而 淡江大學 今天 也 在 學校 網站 公告 有 4 位 師生 確診 學校 已 進行 全面 消毒 教育部 統計 共有 118 位 學生 確診 較 前 1 天 106 人 增加 12 人</t>
    <phoneticPr fontId="1" type="noConversion"/>
  </si>
  <si>
    <t>美 企 報佳音 美 投資 級 債 磁 吸 資金</t>
    <phoneticPr fontId="1" type="noConversion"/>
  </si>
  <si>
    <t>美國 企業 投資 級 債 肺炎 控制</t>
    <phoneticPr fontId="1" type="noConversion"/>
  </si>
  <si>
    <t>機師 案 新竹 縣 居隔 25 人 二 采 全 陰性</t>
    <phoneticPr fontId="1" type="noConversion"/>
  </si>
  <si>
    <t>新竹 縣 8 日 維持 0 桃園 市 的 確診 個案 為 delta 病毒 在 新竹 縣 有 4 處 足跡 新竹 縣 衛生局 匡列 25 人 居家 隔離 首 波 采 檢 均 為 陰性 7 日 第 2 次 采 檢 也 全數 為 陰性 而 某 私 幼 非 同 住 家 人 1 采 陰性 竹縣 某國 中 老師 2 采 也 陰性 不過 因 二</t>
    <phoneticPr fontId="1" type="noConversion"/>
  </si>
  <si>
    <t>陰性 竹縣 新竹 縣 采 檢 同 住 家人</t>
    <phoneticPr fontId="1" type="noConversion"/>
  </si>
  <si>
    <t>美 加 澳 搶購 衛生紙 食品 狂 訂 costco 末日 套餐</t>
    <phoneticPr fontId="1" type="noConversion"/>
  </si>
  <si>
    <t>蘋果 挑戰 疫情 企業 服務</t>
    <phoneticPr fontId="1" type="noConversion"/>
  </si>
  <si>
    <t>馬祖今 入境 全 完成 快 篩 縣長 劉增 應 感謝 旅客 配合</t>
    <phoneticPr fontId="1" type="noConversion"/>
  </si>
  <si>
    <t>梅克爾 示 警 德國 新 冠 疫情 瀕臨 失控 未來 幾 個 月 情勢 嚴峻</t>
    <phoneticPr fontId="1" type="noConversion"/>
  </si>
  <si>
    <t>德國 疫情 即將 一發不可收 十 總理 梅克爾 26 日 示 警 德國 對抗 新 冠 病毒 已 瀕臨 失控 邊緣 她 多次 告訴 所屬 的 基民盟 cdu 成員 當前 情勢 極具 威脅 每天 都 很 要緊 據 與會人士 對 媒體 透露 梅克爾 在 與 cdu 的 內部 會議 中</t>
    <phoneticPr fontId="1" type="noConversion"/>
  </si>
  <si>
    <t>德國 疫情 即將 一發不可收 十 總理 梅克爾 26 日 示 警 德國 對抗 新 冠 病毒 已 瀕臨 失控 邊緣 她 多次 告訴 所屬 的 基民盟 cdu 成員 當前 情勢 極具 威脅 每天 都 很 要緊 據 與會人士 對 媒體 透露 梅克爾 在 與 cdu 的 內部 會議 中 嚴正 警告 往後 好幾 個 月 會 非常 非常 嚴峻 在 對抗 疫情 擴散 的 奮戰 中 每天 都 很 要緊 梅克爾本 週五 30 日 將 與 全國 16 個 邦 的 領導人 集會 預料 地方 政府 將 同意 收緊 現行 的 全國性 防疫 管制 措施 梅克爾 週末 曾向 民眾 喊話 表示 人們 絕對 不 會 沒有 能力 控制 病毒 並 呼籲 國人 減少 接觸 畢竟 這 是 對 抗 病毒 最 有效 的 方法</t>
    <phoneticPr fontId="1" type="noConversion"/>
  </si>
  <si>
    <t>新婚 伴侶 拍 甜蜜 婚 戒 照 愛犬 亂 入 伸 萌 掌 融化 30萬 人</t>
    <phoneticPr fontId="1" type="noConversion"/>
  </si>
  <si>
    <t>美國 三藩市 一對 新人 伴侶 在 日前 舉行 了 線 上 婚禮 儀式 結束 後 兩 人 拍攝 了 一 張 婚 戒 照 沒 想到 抱 在 懷裡 的 愛犬 竟 也 偷偷 伸出 了 自己 的 腳掌 可愛 的 萌 掌 瞬間 讓 這 張 照片 更加 特別 且 意義 非凡 根據 外 媒 報導 華盛頓 和約 翰 washin</t>
    <phoneticPr fontId="1" type="noConversion"/>
  </si>
  <si>
    <t>美專家 數 年前 或 已 出現 新 冠 病毒 人 傳人 現象</t>
    <phoneticPr fontId="1" type="noConversion"/>
  </si>
  <si>
    <t>有 病毒 獵人 之 稱 的 美國哥倫比亞大學 公共 衛生 學院 感染 與 免疫 中心 主任 利普金 ian lipkin 4 日 接受 美 媒 訪問 他 透露 新 冠 病毒 可能 早就 在 人類 之間 傳播 了 數 月 甚至 數 年 之久 目前 針對 新 冠 病毒 來源 最 普遍 的 說法 是 病</t>
    <phoneticPr fontId="1" type="noConversion"/>
  </si>
  <si>
    <t>才剛 微 解封 就 出事 台 北京站 深夜 緊急 公告 20 日 自主 停業 一 日 進行 清 消</t>
    <phoneticPr fontId="1" type="noConversion"/>
  </si>
  <si>
    <t>20 日 03 30 更新 雖 三級 警戒 再度 延長 至 7 月 26 日 但 在 有 條件 下 7 月 13 日 起 20 類 場所 將 微 解封 台 北京站 昨天 19 日 深夜 發出 公告 為 避免 北 車 地下街 感染 風險 今天 20 日 將 自主 停業 一 天 清 消 台 北京站 威 秀 影城 昨晚 也</t>
    <phoneticPr fontId="1" type="noConversion"/>
  </si>
  <si>
    <t>京元電 趕 復工 手段 粗暴 移 工 爆 料 日 媒 遭 不人道 對待</t>
    <phoneticPr fontId="1" type="noConversion"/>
  </si>
  <si>
    <t>苗栗 疫情 趨 緩 京元電 員工 群 聚 事件 接近 清零 移 工 陸續 解 隔離 返回 宿舍 然而 昨 24 日 晚 卻 爆出 京元電 缺乏 相關 配套 移 工 的 個人 物品 被 擅自 打包 像 垃圾 一樣 堆 在 走廊 或 大街 引發 熱烈 討論 此外 有 移 工 向日 媒 爆 料 京元</t>
    <phoneticPr fontId="1" type="noConversion"/>
  </si>
  <si>
    <t>江蕙 推手 陳維祥 才 確診 爆 失 聯 多 日 呼吸困難 已 插管</t>
    <phoneticPr fontId="1" type="noConversion"/>
  </si>
  <si>
    <t>沒 登記 意願 卻 收到 簡訊 宅 神 是不是 太 高端 了</t>
    <phoneticPr fontId="1" type="noConversion"/>
  </si>
  <si>
    <t>高端 預約 登記 通知 網友</t>
    <phoneticPr fontId="1" type="noConversion"/>
  </si>
  <si>
    <t>美 疫情 加速 惡化 cnn 戳 破 川普 一大 幻想</t>
    <phoneticPr fontId="1" type="noConversion"/>
  </si>
  <si>
    <t>非洲 疫苗 比爾 大陸 基金會</t>
    <phoneticPr fontId="1" type="noConversion"/>
  </si>
  <si>
    <t>本土 連 8 天 破百 醫 忙 翻 5 天 沒 回家 女兒 淚 喊 家裡 只 剩 我</t>
    <phoneticPr fontId="1" type="noConversion"/>
  </si>
  <si>
    <t>企業 結合 慈善 團體 捐 新北 警 乾洗 手</t>
    <phoneticPr fontId="1" type="noConversion"/>
  </si>
  <si>
    <t>疫情 嚴峻 在外 奔波 的 員警 很 辛苦 財團法人 銓 誠 慈善 基金會 董事長 葉 國一 與 大川 實業 有限公司 董事長 黃桂芳 22 日 共同 捐贈 新北 市政府 警察局 1萬 瓶 抗 菌 幹 洗手 噴 霧 捍衛 員警 同仁 執勤 防疫 安全 財團法人 銓 誠 慈善 基金會 董事長</t>
    <phoneticPr fontId="1" type="noConversion"/>
  </si>
  <si>
    <t>大陸 新 冠 疫苗 接種 覆蓋 逾 6億 人 居 全球 首 位</t>
    <phoneticPr fontId="1" type="noConversion"/>
  </si>
  <si>
    <t>國際 能源 署 全球 石油 需求 降 至 10 年 最低</t>
    <phoneticPr fontId="1" type="noConversion"/>
  </si>
  <si>
    <t>預測 iea 國際 能源 署 全球 石油 需求 比羅爾</t>
    <phoneticPr fontId="1" type="noConversion"/>
  </si>
  <si>
    <t>盤後 解析 權值 股 跳 電 10400 得而復失</t>
    <phoneticPr fontId="1" type="noConversion"/>
  </si>
  <si>
    <t>美 股 大 立 光 鴻 海 台積電 聯發 科</t>
    <phoneticPr fontId="1" type="noConversion"/>
  </si>
  <si>
    <t>桃園 確診 機師 曾 在 不同 時間 造訪 新竹 縣 新竹縣政府 衛生局 依據 桃園 市 疫 調 結果 匡列 25 人 居家 隔離 並 采 檢 結果 出爐 均 為 陰性 25 人 也 均 住 在 集中 檢疫所 新竹 縣 4 日 維持 0 新竹 縣長 楊文科 表示 由於 此案 疑 似 為 delta 變異</t>
    <phoneticPr fontId="1" type="noConversion"/>
  </si>
  <si>
    <t>第12輪BNT再加開 一對象可上平臺預約接種</t>
    <phoneticPr fontId="1" type="noConversion"/>
  </si>
  <si>
    <t>第 12 輪 bnt 再 加開 一對 象 可上 平臺 預約 接種</t>
    <phoneticPr fontId="1" type="noConversion"/>
  </si>
  <si>
    <t>第 12 輪 輝瑞 bnt 新 冠 疫苗 1922 疫苗 預約 平臺</t>
    <phoneticPr fontId="1" type="noConversion"/>
  </si>
  <si>
    <t>NBA》爵士戈貝爾染病 聯盟宣佈全面暫停比賽</t>
    <phoneticPr fontId="1" type="noConversion"/>
  </si>
  <si>
    <t>nba 爵士 戈貝爾 染病 聯盟 宣佈 全面 暫停比賽</t>
    <phoneticPr fontId="1" type="noConversion"/>
  </si>
  <si>
    <t>兩 大 產 線 助攻 2 月 營 收 傳捷報 是 方 鈊 象 後市 看俏</t>
    <phoneticPr fontId="1" type="noConversion"/>
  </si>
  <si>
    <t>持續 三級 警戒 或 不 開學 的 恐怖 下場 醫 揭 6 大 隱形 炸彈</t>
    <phoneticPr fontId="1" type="noConversion"/>
  </si>
  <si>
    <t>因應 新 冠 疫情 教育部 今 24 日 宣佈 全國 中小學 延至 9 月 1 日 開學 讓 許多 家長 再度 崩潰 兒科 醫師 楊為傑 表示 很多 家長 擔憂 如果 不 開學 或 兩 周 以後 持續 三級 警戒 恐 形成 6 大 隱形 炸彈 貼 文 引起 廣大 迴響 有 家長 忍不住 曝</t>
    <phoneticPr fontId="1" type="noConversion"/>
  </si>
  <si>
    <t>新 冠 病毒 到底 從 何時 開始 傳播 美國 學者 以 疫情 相對 和緩 的 加州 為 例 認為 早 在 去年 秋天 加州 居民 就 已經 暴露 在 新 冠 病毒 的 環境 中 部分 人口 有 了 抗體 讓 後來 的 疫情 相對 溫和 臺灣 也 是 這樣 嗎 史丹福 大學 胡佛研究所 資深 研</t>
    <phoneticPr fontId="1" type="noConversion"/>
  </si>
  <si>
    <t>帛 琉 傳 有 確診 個案 侯友宜 帛 琉 入境 管理 應該 更 嚴格</t>
    <phoneticPr fontId="1" type="noConversion"/>
  </si>
  <si>
    <t>帛 琉 侯友宜 采 檢 確診 個案 入境 管理</t>
    <phoneticPr fontId="1" type="noConversion"/>
  </si>
  <si>
    <t>飛機 坐 哪個 位子 最 不易 染病 專家 曝 驚人 資料</t>
    <phoneticPr fontId="1" type="noConversion"/>
  </si>
  <si>
    <t>計程車 陷 困境 賴清德 正 研究 對策 協助</t>
    <phoneticPr fontId="1" type="noConversion"/>
  </si>
  <si>
    <t>陳時中 若 疫苗 研發 順利 明年 第 三 季將 有 6 成 民眾 施打</t>
    <phoneticPr fontId="1" type="noConversion"/>
  </si>
  <si>
    <t>簡訊 預約 簡訊 莊人祥 誤 發 第二 劑</t>
    <phoneticPr fontId="1" type="noConversion"/>
  </si>
  <si>
    <t>與 確診 者 接觸 過 清華大學 26 名 師生 居家 隔離</t>
    <phoneticPr fontId="1" type="noConversion"/>
  </si>
  <si>
    <t>清華大學 26 名 師生 居家 隔離 遠 距 上課</t>
    <phoneticPr fontId="1" type="noConversion"/>
  </si>
  <si>
    <t>高度 危機意識 青海 12 天 無 新 病例</t>
    <phoneticPr fontId="1" type="noConversion"/>
  </si>
  <si>
    <t>危機意識 肺炎 防控 青海 感染</t>
    <phoneticPr fontId="1" type="noConversion"/>
  </si>
  <si>
    <t>翻 爆 晚間 精選 突破 百 例 大關 國內 今 再 添 23 例 確診</t>
    <phoneticPr fontId="1" type="noConversion"/>
  </si>
  <si>
    <t>助 打工族 彰 縣府 爭取 500 職 缺</t>
    <phoneticPr fontId="1" type="noConversion"/>
  </si>
  <si>
    <t>釋出 彰 化 縣 肺炎 上工 知名</t>
    <phoneticPr fontId="1" type="noConversion"/>
  </si>
  <si>
    <t>輕 症 居家 口服 默克 新 冠 藥 快 簽 了</t>
    <phoneticPr fontId="1" type="noConversion"/>
  </si>
  <si>
    <t>美國 默克 藥廠 merck co 新 冠 口服藥 莫納皮拉韋 molnupiravir 日前 向 美國食品與藥物管理局 fda 提出 緊急 授權 eua 衛福 部長 陳時中 昨天 表示 eua 年底 前 可望 拿到 雙方 目前 也 快 簽約 了 莊人祥 進一步 說明 將</t>
    <phoneticPr fontId="1" type="noConversion"/>
  </si>
  <si>
    <t>新藥 默克 輝瑞 病毒 醫院</t>
    <phoneticPr fontId="1" type="noConversion"/>
  </si>
  <si>
    <t>老 司機 爽 完 po 文 分享 警 順藤摸瓜 破 色情 按摩 店</t>
    <phoneticPr fontId="1" type="noConversion"/>
  </si>
  <si>
    <t>經濟 影響 imf 全球 經濟 全球</t>
    <phoneticPr fontId="1" type="noConversion"/>
  </si>
  <si>
    <t>遭 指 資 收 做 白工 宜 加強 宣導</t>
    <phoneticPr fontId="1" type="noConversion"/>
  </si>
  <si>
    <t>環保局 肺炎 分類 宣導 垃圾</t>
    <phoneticPr fontId="1" type="noConversion"/>
  </si>
  <si>
    <t>新北 市 板橋 警 分局 防治 組 警員 於 5 月 29 日 因 身體 不適 前往 快 篩 結果 為 陰性 3 日 晚間 接 獲 衛生局 通知 為 pcr 陽性 確診 板橋 警 分局 立即 安排 全組 9 名 同仁 緊急 采 檢 快 篩 及 pcr 采 檢 結果 均 陰性 即時 起 先行 居家 自主 健康 管理 板橋</t>
    <phoneticPr fontId="1" type="noConversion"/>
  </si>
  <si>
    <t>新北 市 板橋 警 分局 防治 組 警員 於 5 月 29 日 因 身體 不適 前往 快 篩 結果 為 陰性 3 日 晚間 接 獲 衛生局 通知 為 pcr 陽性 確診 板橋 警 分局 立即 安排 全組 9 名 同仁 緊急 采 檢 快 篩 及 pcr 采 檢 結果 均 陰性 即時 起 先行 居家 自主 健康 管理 板橋 警 分局 表示 已於 6 月 3 日 及 4 日 分別 針對 辦公廳 舍 內部 與 寢室 及 相關 使用 車輛 清 消 3 次 確保 辦公 環境 安全 另 內 外勤 均 已 實施 分流 及 居家 辦公 警方 維護 治安 不 打烊 已 協 請 警察局 外事科 及 婦幼 隊 協助 維持 勤 業務 正常 運作 民眾 無須 擔心</t>
    <phoneticPr fontId="1" type="noConversion"/>
  </si>
  <si>
    <t>基隆 施打 率 約 6 成 第二 波 開放 80 歲 以上 長者</t>
    <phoneticPr fontId="1" type="noConversion"/>
  </si>
  <si>
    <t>林書豪 失業 cba 考慮 無 外援 複賽</t>
    <phoneticPr fontId="1" type="noConversion"/>
  </si>
  <si>
    <t>目前 還 在 美國 的 林書豪 是否 該 考慮 趕緊 回 北京 了 呢 歐洲 媒體 sportando 記者 卡奇亞 16 日 爆 料 大陸 cba 正在 考慮 沒有 外援 情況 下 重新 開 打 畢竟 目前 大陸政府 宣佈 只要 前往 大陸 民眾 都 必須 隔離 兩 周 但 當前 還 沒 做 出 具體 決</t>
    <phoneticPr fontId="1" type="noConversion"/>
  </si>
  <si>
    <t>chinese cba could start again without foreigners i am told no decision has been made yet chinese government said that all people that arrive in china are obliged to make a two-week quarantine 目前 還 在 美國 的 林書豪 是否 該 考慮 趕緊 回 北京 了 呢 歐洲 媒體 sportando 記者 卡奇亞 16 日 爆 料 大陸 cba 正在 考慮 沒有 外援 情況 下 重新 開 打 畢竟 目前 大陸政府 宣佈 只要 前往 大陸 民眾 都 必須 隔離 兩 周 但 當前 還 沒 做 出 具體 決定 根據 大陸 媒體 先前 報導 cba 最新 的 複賽 方案 將 在 4 月 2 日 宣佈 重新 開 打 且 20 支 球隊 將 分 為 2 組 1 個 組 將 有 10 隊 進行 比賽 比賽 只 在 1 到 2 個 城市 進行 基本上 確定 前 裕 隆 控 衛林韋 翰 效力 的 青島 將 成為 其中1 個 主辦 城市 由於 目前 不少 cba球隊 外援 已經 都 離隊 前往 其他 國家 聯賽 打球 加上 必須 隔離 兩 周 時間 更 讓 外援 基於 安全 考量 放棄 回到 cba 但 先前 傳出 如果 外援 拒絕 回 cba 打球 可能 將 被 處於 終身 禁賽 經紀人 的 執照 也 會 被 暫停 2 到 3 年 本 季 以 外援 身分 在 北京首鋼 打球 的 林書豪 目前 即將 陷入 兩難 處境 除了 有 可能 面臨 cba 無 外援 複賽 也 要 趕緊 考慮 是否 準備 啟程 回到 大陸 否則 很 有 可能 趕不上 4 月 2 日 重新 開 打的 預定 時間 加上 還 須 隔離 兩 周 如何 訓練 也 成問題</t>
    <phoneticPr fontId="1" type="noConversion"/>
  </si>
  <si>
    <t>cba 外援 北京首鋼 林書豪 大陸</t>
    <phoneticPr fontId="1" type="noConversion"/>
  </si>
  <si>
    <t>防疫 不能 只 靠 媽祖 婆</t>
    <phoneticPr fontId="1" type="noConversion"/>
  </si>
  <si>
    <t>報復 性 核酸 防疫 中心 新 生活 臺灣</t>
    <phoneticPr fontId="1" type="noConversion"/>
  </si>
  <si>
    <t>會考 防疫 竹 市府 加碼 4 大 防疫 措施</t>
    <phoneticPr fontId="1" type="noConversion"/>
  </si>
  <si>
    <t>北 捷 最新 禁令 全面 暫停 使用 飲水 台 小 巨蛋 入場 采 實 名 制</t>
    <phoneticPr fontId="1" type="noConversion"/>
  </si>
  <si>
    <t>刻意 推動 美元 利 變 保單 9 月 買氣 回升</t>
    <phoneticPr fontId="1" type="noConversion"/>
  </si>
  <si>
    <t>新 契約 保費 投資型 保單 傳統型 保單 傳統 保單 新 台幣</t>
    <phoneticPr fontId="1" type="noConversion"/>
  </si>
  <si>
    <t>侯友宜 避 談恩 主公 醫院 與 高雄之 爭 連 問 3 題 都閃 答</t>
    <phoneticPr fontId="1" type="noConversion"/>
  </si>
  <si>
    <t>高雄昨 一口氣 新增 9 起 案例 高雄 市長 陳其邁 怒 轟 新北 疫 調 缺失 造成 高雄群 聚 感染 新北 市長 侯友宜 今 下午 3 時 主持 防疫 會議 媒體 接連 詢問 新北市衛生局 疫 調 是否 有 缺失 與 落差 當初 匡列 狀況 侯友宜 連 問 3 題 都 避 答 由 新北</t>
    <phoneticPr fontId="1" type="noConversion"/>
  </si>
  <si>
    <t>高雄 恩 主公 醫院 疫 調 新北市衛生局 匡列</t>
    <phoneticPr fontId="1" type="noConversion"/>
  </si>
  <si>
    <t>沖繩 休業 中 拜 讬 長假 別 來</t>
    <phoneticPr fontId="1" type="noConversion"/>
  </si>
  <si>
    <t>日本 有 6萬 人 訂 了 機票 準備 在 4 月底 5 月初 的 黃金周 去 沖繩 度假 沖繩縣 知事 玉城 康裕 懇求 大家 取消 原訂計 畫 首裡城 石垣 島 等 觀光 地 已 掛 出 沖繩 休業 中 暫停營業 中 的 告示 呼籲 日本 民眾 不 要來 沖繩 沖繩 地方報</t>
    <phoneticPr fontId="1" type="noConversion"/>
  </si>
  <si>
    <t>沖繩 休業 沖繩縣 拜 讬 黃金周</t>
    <phoneticPr fontId="1" type="noConversion"/>
  </si>
  <si>
    <t>新聞 早班車 50 例 未 爆 彈 旅遊 史非 決戰 點</t>
    <phoneticPr fontId="1" type="noConversion"/>
  </si>
  <si>
    <t>新聞 透視 第二 批 武漢 包機 兩岸 航班 共同 執 飛 面子 裡子 兼顧 兩岸 融 冰現 契機</t>
    <phoneticPr fontId="1" type="noConversion"/>
  </si>
  <si>
    <t>距離 首批 武漢 包機 1 個 多 月 第二 批 武漢 包機 終 由 兩岸 航班 共同 執 飛 順利 返台 當中 有 兩岸 政治 的 角力 和 妥協 也 有 對 疫情 發展 的 客觀 評估 更 有 重要 的 人道 考量 從 面子 上 兼顧 了 對等 裡子 中 也 解決 了 數 百 位 滯留 台 人 困難</t>
    <phoneticPr fontId="1" type="noConversion"/>
  </si>
  <si>
    <t>距離 首批 武漢 包機 1 個 多 月 第二 批 武漢 包機 終 由 兩岸 航班 共同 執 飛 順利 返台 當中 有 兩岸 政治 的 角力 和 妥協 也 有 對 疫情 發展 的 客觀 評估 更 有 重要 的 人道 考量 從 面子 上 兼顧 了 對等 裡子 中 也 解決 了 數 百 位 滯留 台 人 困難 並 做到 防疫 優先 為 冰封 的 兩岸關係 帶來 些許 新 契機 包機 起飛 的 兩 天 前 大陸 網上 瘋 傳 一 份 湖北機場集團 關於 做好 復工 複航 準備 工作 的 通知 要求 各 機場 在 3 月 12 日前 完成 複航 準備 工作 17 日 相關 部門 將 會 做 檢查 大陸 坊 間 議論紛紛 猜測 武漢 空運 將 解禁 儘管 武漢天河機場 回 應 是 內部 正常 工作 安排 不 代表 已 正式 確定 具體 複航 日期 但 2 月 下旬 才 發生 官方 一度 允許 滯留 武漢 外地人 出 城 的 政策 後 緊急 收回 以及 習近平 昨 親 赴 武漢 考察 種種 跡象 意味 武漢 對 外地人 出 城 解禁 已不 遠 矣 對 臺灣 而言 若 等 到 武漢機場 複 飛 開放 外地人 出 城 台商 自行 返台 倒不如 儘快 同意 包機 防疫 反而 更 有 保障 然 在 包機 協商 過程 大陸 提供 1000 多 位 擬 返台 者 名單 卻 被 移民署 將 救援 名單 注 記成 管制 名單 讓 陸方 不滿 加上 其中 有 許多 想 返台 上學 的 孩童 都 成為 蔡 政府 壓力 政治 角力 層面 兩岸 最後 選擇 各 退一步 讓 兩岸 班機 共同 執 飛 臺灣 派 機 接 人 的 面子 有 了 大陸 用 東航 展現 照顧 臺胞 的 面子 也 有 了 就 連 搭乘 人數 一樣 充分 展現 對等 況且 臺灣 防疫 人員 可 赴 陸 檢疫 做到 防疫 優先 裡子 都 有 了 海基 海協 兩會 成立 前 雙方 的 紅十字會 曾 扮演 重要 角色 當時 出發點 就是 從 人道 考量 如今 兩岸 面對 疫情 人道 依舊 是 最高 的 價值 或許 能 為 兩岸關係 帶來 融 冰 的 機會</t>
    <phoneticPr fontId="1" type="noConversion"/>
  </si>
  <si>
    <t>名單 外地人 返台 包機 兩岸</t>
    <phoneticPr fontId="1" type="noConversion"/>
  </si>
  <si>
    <t>降低 疫情 風險 中 市 長青 學 苑 親 子 館 停課 閉館</t>
    <phoneticPr fontId="1" type="noConversion"/>
  </si>
  <si>
    <t>台中 市 長青 學 苑 課程 多元 及 有趣 深獲 銀髮 長輩 的 青睞 為 因應 新型 冠狀 肺炎 疫情 考量 課程 地點 不 少 在 室內 且 人數 眾多 市府 社會局 宣佈 將 長青 學 苑 課程 全面 延至 4 月 6 日 開學 避免 疫情 傳染 風險 同時 也 將 加強 學習 環境 清潔 消</t>
    <phoneticPr fontId="1" type="noConversion"/>
  </si>
  <si>
    <t>台中 市 長青 學 苑 課程 多元 及 有趣 深獲 銀髮 長輩 的 青睞 為 因應 新型 冠狀 肺炎 疫情 考量 課程 地點 不 少 在 室內 且 人數 眾多 市府 社會局 宣佈 將 長青 學 苑 課程 全面 延至 4 月 6 日 開學 避免 疫情 傳染 風險 同時 也 將 加強 學習 環境 清潔 消毒 及 學員 們 衛教 宣 導 社會 局長 彭懷真 說 雖然 台中 市 目前 多數 長青 學 苑已 延期 至 3 月 2 日 開學 考量 長青 學 苑 上課 人數 眾多 且 多 為 室內 課程 為 避免 近 距離 增加 傳染 傳播 風險 決定 將 所有 長青 學 苑 課程 延期 至 4 月 6 日 開學 以 維護 長輩 健康 與 安全 社會局 指出 於長青 學 苑 延緩 開課 期間 各 承辦 單位 將 加強 包含 課桌椅 教學 器材 等 學習 環境 清潔 及 消毒 並 維持 教 室內空氣 流通 同時 也 會 提醒 長輩 們 記 得 勤洗手 及 打噴嚏 咳嗽 需 掩 住口 鼻 等 個人 衛生習慣 的 重要性 避免 前往 人潮 聚集 擁擠 空氣 不 流通 的 場所 及 與 他人 共 食 共飲 社會局 強調 相關 課程 詳情 可 至 台中 市 長青 學 苑 課程 資訊 系統 https old 65 taichung gov tw website index aspx 或 洽 各 區公所 查詢</t>
    <phoneticPr fontId="1" type="noConversion"/>
  </si>
  <si>
    <t>社會局 親 子 館 全館 消毒 長青</t>
    <phoneticPr fontId="1" type="noConversion"/>
  </si>
  <si>
    <t>日 厚 勞省 建議 民眾 疑 似 感染 的 就醫 時期</t>
    <phoneticPr fontId="1" type="noConversion"/>
  </si>
  <si>
    <t>國際 經濟 債務 持續 增加 新興 市場 復蘇 恐 進一步 落後 已 開發 國家</t>
    <phoneticPr fontId="1" type="noConversion"/>
  </si>
  <si>
    <t>穆迪 分析 moody&amp;apos s analytics 亞太區 首席 經濟學家 科克倫 steve cochrane 週一 接受 媒體 訪問 時 表示 持續 膨脹 的 債務 可能 使 新興 市場 國家 的 復蘇 步伐 進一步 落後 已 開發 經濟體 科克倫 表示 受到 這 場 大 流行病 影響 所有</t>
    <phoneticPr fontId="1" type="noConversion"/>
  </si>
  <si>
    <t>債務 新興 市場 國家 新興 市場 克倫 已 開發 經濟體</t>
    <phoneticPr fontId="1" type="noConversion"/>
  </si>
  <si>
    <t>omicron 症狀 比 delta 輕 南非 最新 重症 率 曝光</t>
    <phoneticPr fontId="1" type="noConversion"/>
  </si>
  <si>
    <t>新 冠 變異 株 omicron 入侵 臺灣 學界 傾向 認為 omicron 更具 傳染 力 但 症狀 較 輕 根據 南非 官方 公開 的 資料 近幾周來 因 新 冠 住院 的 患者 中 約 有 30 症狀 嚴重 重症 率 較 當地 先前 幾 波 疫情 少 了 一半 南非 當地 醫生 觀察 到 的 現象 也 是 o</t>
    <phoneticPr fontId="1" type="noConversion"/>
  </si>
  <si>
    <t>武漢 標誌性 步行街 楚 河漢 街 恢復 營業</t>
    <phoneticPr fontId="1" type="noConversion"/>
  </si>
  <si>
    <t>3 月 30 日 武漢市 楚 河漢 街 工作人員 在 步行街 入口處 為 顧客 測量體溫 當日 武漢市 標誌性 步行街 楚 河漢 街 恢復 營業 目前 武漢 多 家 商場 購物 中心 復工 複產 獲 批 除 市 疫情 防控 指揮部 發 佈 的 影劇院 棋牌 室 遊藝廳 書店</t>
    <phoneticPr fontId="1" type="noConversion"/>
  </si>
  <si>
    <t>3 月 30 日 武漢市 楚 河漢 街 工作人員 在 步行街 入口處 為 顧客 測量體溫 當日 武漢市 標誌性 步行街 楚 河漢 街 恢復 營業 目前 武漢 多 家 商場 購物 中心 復工 複產 獲 批 除 市 疫情 防控 指揮部 發 佈 的 影劇院 棋牌 室 遊藝廳 書店 網吧 舞廳 酒吧 ktv 公共 浴室 足 浴 店 美容 店 健身房 培訓 機構 堂 食 類 餐飲 等 限制 清單 內 的 業態 以外 其他 經營 部分 可 恢復 營業</t>
    <phoneticPr fontId="1" type="noConversion"/>
  </si>
  <si>
    <t>nba 杜蘭特 隔離 7 天 將 缺陣 籃 網 4 場 比賽</t>
    <phoneticPr fontId="1" type="noConversion"/>
  </si>
  <si>
    <t>清明連假台鐵加開166班 下週三開放訂票</t>
    <phoneticPr fontId="1" type="noConversion"/>
  </si>
  <si>
    <t>清明連 假 台鐵 加開 166 班 下 週三 開放 訂 票</t>
    <phoneticPr fontId="1" type="noConversion"/>
  </si>
  <si>
    <t>今年 清明 疏運 台鐵局 宣佈 自 4 月 1 日 至 6 日 共 6 天 全線 加開 各級 列車 總計 166 班 加掛 489 節車廂 包含 東線實 名 制 列車 6 班 往返 樹林 花蓮 間 優惠 復興號 8 班及 7 折 紅眼 列車 3 班 3 月 18 日 零 時 開放 訂 票 實 名 制 19 日 零 時 開</t>
    <phoneticPr fontId="1" type="noConversion"/>
  </si>
  <si>
    <t>今年 清明 疏運 台鐵局 宣佈 自 4 月 1 日 至 6 日 共 6 天 全線 加開 各級 列車 總計 166 班 加掛 489 節車廂 包含 東線實 名 制 列車 6 班 往返 樹林 花蓮 間 優惠 復興號 8 班及 7 折 紅眼 列車 3 班 3 月 18 日 零 時 開放 訂 票 實 名 制 19 日 零 時 開放 訂 票 受 疫情 影響 台鐵局 表示 今年 疏運 雖有 提高 10 運量 東部 比 平常 提升 22 但 民眾 搭乘 大眾 運輸 的 意願 降低 預估 運能 會 比 往年 降 2 成 車廂 不會 向 往年 壅 擠 另一方面 旅客 搭乘 人數 如果 有 增加 隨時 會 加開班次 由於 高鐵 日前 宣佈 不 賣 自由 座 台鐵 是否 會 限制 悠 遊卡 台鐵局 表示 因應 都會 區間 通 勤 族 捷 運 化 需求 不會 限制 拿 電子 票證 的 乘客 不能 站立 乘車</t>
    <phoneticPr fontId="1" type="noConversion"/>
  </si>
  <si>
    <t>3 境外 連 3 天 0 本土 建議 春 酒 縮小 規模</t>
    <phoneticPr fontId="1" type="noConversion"/>
  </si>
  <si>
    <t>日 會 采 檢 陳時中 莊人祥 肺炎</t>
    <phoneticPr fontId="1" type="noConversion"/>
  </si>
  <si>
    <t>防 群 聚 感染 新北 宗教界 簽 6 大 聲明</t>
    <phoneticPr fontId="1" type="noConversion"/>
  </si>
  <si>
    <t>宗教 祈福 肺炎 宗教團體 活動</t>
    <phoneticPr fontId="1" type="noConversion"/>
  </si>
  <si>
    <t>盤點 這 大 咖 3 次 預警 沒人 聽 媒體 人 歎 結果 delta 又 進來 了</t>
    <phoneticPr fontId="1" type="noConversion"/>
  </si>
  <si>
    <t>韓國 境內 54 大南 不幸身亡</t>
    <phoneticPr fontId="1" type="noConversion"/>
  </si>
  <si>
    <t>阿斯特 捷利康 bnt 疫苗 輝瑞 bnt 疫苗 新 冠 炎 疫苗 銷量</t>
    <phoneticPr fontId="1" type="noConversion"/>
  </si>
  <si>
    <t>疫情 持續 升溫 新北 居家 隔離 人數 將 破 2千</t>
    <phoneticPr fontId="1" type="noConversion"/>
  </si>
  <si>
    <t>大學 100 人 以上 課程 教 部 公告 立即 調整 授課 方式</t>
    <phoneticPr fontId="1" type="noConversion"/>
  </si>
  <si>
    <t>恒 智 重機 高速 懸 吊 電動 拖 板車 熱銷</t>
    <phoneticPr fontId="1" type="noConversion"/>
  </si>
  <si>
    <t>拖 板車 自動 導 引 恒 智 重機 客戶 電動 拖 板車</t>
    <phoneticPr fontId="1" type="noConversion"/>
  </si>
  <si>
    <t>澳 網 明年 2 月 8 日 開 打 官方 願 負擔 包機 食宿 費</t>
    <phoneticPr fontId="1" type="noConversion"/>
  </si>
  <si>
    <t>網球 選手 澳 網 澳洲 網球 公開賽 包機</t>
    <phoneticPr fontId="1" type="noConversion"/>
  </si>
  <si>
    <t>基層 警 聲音 聽到 了 台南 千 名 外勤 警員 27 日 連 3 天 施 打 疫苗</t>
    <phoneticPr fontId="1" type="noConversion"/>
  </si>
  <si>
    <t>警員 施打 外勤 27 日 台南 市</t>
    <phoneticPr fontId="1" type="noConversion"/>
  </si>
  <si>
    <t>大陸 國家 衛健 委 公佈 最新 新 冠 狀 病毒 肺炎 疫情 情況 大陸 在 週五 22 日 首次 出現 零 確診 沒有 新增 本土 或 境外 輸入 確診 病例 無 症狀 感染者 方面 大陸 在 當天 新增 28 宗無 症狀 感染者 其中 有 25 宗 來自 湖北省 國家 衛健 委 稱 中</t>
    <phoneticPr fontId="1" type="noConversion"/>
  </si>
  <si>
    <t>大陸 國家 衛健 委 公佈 最新 新 冠 狀 病毒 肺炎 疫情 情況 大陸 在 週五 22 日 首次 出現 零 確診 沒有 新增 本土 或 境外 輸入 確診 病例 無 症狀 感染者 方面 大陸 在 當天 新增 28 宗無 症狀 感染者 其中 有 25 宗 來自 湖北省 國家 衛健 委 稱 中國 31 個 省區市 及 新疆生產建設兵團 在 週五 均 報告 無 新 增 確診 病例 無 新 增 死亡 病例 另一方面 上海 及 吉林 各 新增 一 宗 疑似病例 上海 的 疑似病例 為 境外 輸入 吉林 的 則 為 本土 病例 截至 週五 大陸 現有 確診 病例 79 宗 其中 重症 病例 9 宗 累計 治癒 出院 病例 78258 宗 累計 死亡 病例 4634 宗 累計 報告 確診 病例 82971 宗 現有 疑似病例 6 宗 累計 追蹤 到 密切接觸 者 741696 人 尚在 醫學觀察 的 密切接觸 者 5085 人</t>
    <phoneticPr fontId="1" type="noConversion"/>
  </si>
  <si>
    <t>大陸 吉林 臺灣 全球 大陸</t>
    <phoneticPr fontId="1" type="noConversion"/>
  </si>
  <si>
    <t>桃 機 商家 哭 了 出入境 旅客 不 到 7千 人</t>
    <phoneticPr fontId="1" type="noConversion"/>
  </si>
  <si>
    <t>美國 生 技 科技 後市 展望 佳</t>
    <phoneticPr fontId="1" type="noConversion"/>
  </si>
  <si>
    <t>受惠 全球 政府 積極 救 市 的 財政 及 貨幣 寬鬆 政策 隨 各國 陸續 重 啟 經濟 5 月 採購 經理 人 指數 pmi 及 新 訂單 指數 自 穀底 回升 顯示 全球 經濟 已 擺脫 穀底 露出 曙光 激勵 全球 風險性 資產 反彈 但 疫情 改變 全球 經濟 企業 營運 及 民眾</t>
    <phoneticPr fontId="1" type="noConversion"/>
  </si>
  <si>
    <t>主題 肺炎 生 技 經濟 趨勢</t>
    <phoneticPr fontId="1" type="noConversion"/>
  </si>
  <si>
    <t>哈爾濱 4 天 累計 34 例 本土 確診 專家 預測 疫情 最 晚 10 月底 結束</t>
    <phoneticPr fontId="1" type="noConversion"/>
  </si>
  <si>
    <t>曝光 北京 隔離 實況 失去 三 餐 意識 男 星 崩潰 老子 受夠了</t>
    <phoneticPr fontId="1" type="noConversion"/>
  </si>
  <si>
    <t>苗栗今 3 確診 均 為 匡列移 工 無 公共 活動 史</t>
    <phoneticPr fontId="1" type="noConversion"/>
  </si>
  <si>
    <t>生 醫 股 抗 疫 懷特 新藥 研發 計畫 啟動</t>
    <phoneticPr fontId="1" type="noConversion"/>
  </si>
  <si>
    <t>吳崢 被 隔離 便當 出現 一 食物 網 嚇壞 決定 好好 在家 防疫</t>
    <phoneticPr fontId="1" type="noConversion"/>
  </si>
  <si>
    <t>瑞德西韋 已用 3 病 患 張上淳 奎寧 初步 顯示 有效 列 臨床 指引</t>
    <phoneticPr fontId="1" type="noConversion"/>
  </si>
  <si>
    <t>第 三 家 壽險 公司 跟進 房 貸 降息 紓困 南山人壽 24 日 宣佈 針對 確診 保戶 第一線 醫護人員 疫情 防治 人員 因 疫情 遭 滯留 無法 回台 及 受 疫情 影響 導致 繳 款 有 困難 如無 薪 假 或非 志願性 失業者 等 五大 類 客戶 及 確診 房 貸 戶 之 配偶 與</t>
    <phoneticPr fontId="1" type="noConversion"/>
  </si>
  <si>
    <t>疫情 客源 腰斬 大 鵬 灣 減免 店家 6 個 月租金</t>
    <phoneticPr fontId="1" type="noConversion"/>
  </si>
  <si>
    <t>香港 再現 不明 來源 病例 專家 防疫 措施 不宜 放寬</t>
    <phoneticPr fontId="1" type="noConversion"/>
  </si>
  <si>
    <t>經濟 q 1 發明專利 申請 台積 電沖 新高</t>
    <phoneticPr fontId="1" type="noConversion"/>
  </si>
  <si>
    <t>fed 降息 無效 美 股 收盤 下跌 近 3</t>
    <phoneticPr fontId="1" type="noConversion"/>
  </si>
  <si>
    <t>全球 損失 9 兆 啊 陸捐 世衛 20億 美 國務卿 酸 溜 溜回 4 字</t>
    <phoneticPr fontId="1" type="noConversion"/>
  </si>
  <si>
    <t>禁 出國 為由 特 休 勞動部 特 休 應 由 勞工 排定</t>
    <phoneticPr fontId="1" type="noConversion"/>
  </si>
  <si>
    <t>本土 確診 再創 新低 6 月 28 日 降級 陳時中 曝 一 條件</t>
    <phoneticPr fontId="1" type="noConversion"/>
  </si>
  <si>
    <t>陽明 校長 超前 部署 赴 歐美 學習 治療 經驗</t>
    <phoneticPr fontId="1" type="noConversion"/>
  </si>
  <si>
    <t>方法 抗體 美國 嚴峻 治療</t>
    <phoneticPr fontId="1" type="noConversion"/>
  </si>
  <si>
    <t>觀光業人才培訓要點搞烏龍 公佈後急轉彎</t>
    <phoneticPr fontId="1" type="noConversion"/>
  </si>
  <si>
    <t>觀光業 人才 培訓 要點 搞 烏龍 公佈 後 急轉彎</t>
    <phoneticPr fontId="1" type="noConversion"/>
  </si>
  <si>
    <t>觀光 產業 因 疫情 面臨 裁員 放 無 薪 假 的 困境 交通部 為 替 業者 紓困 上周 公告 人才 培訓 實施 要點 未 料 卻 引來 業 界 罵 聲 連連 主因 是 該 要點 補助 的 非企業 而是 員工 業者 大罵 人事 成本 一樣 沒有 減輕 是 烏 龍 決策 交通</t>
    <phoneticPr fontId="1" type="noConversion"/>
  </si>
  <si>
    <t>觀光 產業 因 疫情 面臨 裁員 放 無 薪 假 的 困境 交通部 為 替 業者 紓困 上周 公告 人才 培訓 實施 要點 未 料 卻 引來 業 界 罵 聲 連連 主因 是 該 要點 補助 的 非企業 而是 員工 業者 大罵 人事 成本 一樣 沒有 減輕 是 烏 龍 決策 交通部長 林佳龍 昨晚 向 業者 承諾 補助 對象 從 員工 改為 雇主 交通部 上周 公告 交通部 協助 受 重大 疫情 影響 觀光 相關 產業 轉型 培訓 實施 要點 讓 旅行 業 旅 宿業 與 有 稅 籍 登記 或 商業登記 的 民 宿 觀光 遊樂業 等 經營者 趁 沒 沒 生意 時讓 員工 參加 由 觀光局 委 讬 上述 產業 類別 公 協會 舉辦 的 人才 培訓 課程 以 提升 專業 能力 參與 培訓 的 員工 每人 每 小時 158 元 每人 每月 120 小時 為 限 等於 每人 每月 可獲 最高 補助 1萬8960 元 不少 企業主 認為 交通部 的 紓困 目的 是 希望 在 不 裁員 或 放 員工 無 薪 假 的 條件 下 公司 不因 人事 成本 進而 影響 正常 營運 但 依照 交通部 公告 的 要點 去 走 員工 的 工作量 剩 一半 不只 可 領 全薪外 還 能 利用 工作 時間 受訓 並 領取 近 2萬 元 補助 企業主 大喊 人事 成本 根本 沒 減輕 還 不如 跟 員工 協議 留職停薪 3 個 月 似乎 比 去 上課 好 臺灣 旅館 商業 同業公會 全 聯會 理事長 張榮南 舉例 一 名 業務 協理 月薪 3萬 元 平常 情況 下 會 有加 給 獎金 但 疫情 期間 飯店 沒有 生意 公司 派 該 名 協理 去 上課 100 小時 不只 工作量 減半 還 能 領 全薪 外加 1萬5800 元 補助 等於 變相 加薪 張 強調 現在 的 時局 不是 加薪 的 時候 如果 這 樣子 放 無 薪 假 就 好 到底 是 誰 想 出來 的 這種 烏龍 方案 張榮南 說 假如 政府 是 補貼 企業 依照 員工 上課時數 撥款 1萬5800 元 剩下 1萬4200 元 差額 由 公司 支付 員工 照樣 領 3萬 元 全薪 員工 滿意 企業 也 滿意 經 各 產業 反應 後 交通部長 林佳龍 已 承諾 補助款 會 從 員工 改 交付 企業主 換句話說 未來 員工 參與 人才 培訓 視同 上班 補助款 將 撥給 企業 統一 運用 由 企業主 補 差額 給 員工 則 可 雙 贏</t>
    <phoneticPr fontId="1" type="noConversion"/>
  </si>
  <si>
    <t>租金 負擔 恐 壓垮 業者 綠 委 要求 公 部門 主動 減租 20 盼 民間 回應</t>
    <phoneticPr fontId="1" type="noConversion"/>
  </si>
  <si>
    <t>文化 大學 爆發 多 人 確診 驚見 學生 翻 垃圾 吃 嚇壞 住宿生</t>
    <phoneticPr fontId="1" type="noConversion"/>
  </si>
  <si>
    <t>蔡英文 今 打 高端第 2 劑 會 驗 抗體 濃度 陳時中 建議 驗 它</t>
    <phoneticPr fontId="1" type="noConversion"/>
  </si>
  <si>
    <t>總統 蔡英文 高端 自費 驗 抗體 中和 抗體</t>
    <phoneticPr fontId="1" type="noConversion"/>
  </si>
  <si>
    <t>半百 女星 大 雪天 拍 中空 豔 照 叫 19 歲 兒 掌 鏡 被 罵 變態</t>
    <phoneticPr fontId="1" type="noConversion"/>
  </si>
  <si>
    <t>侯友宜 視察 永和 新 店 防疫 中心 呼籲 保持 低度 活動</t>
    <phoneticPr fontId="1" type="noConversion"/>
  </si>
  <si>
    <t>生態災難 陸猛 噴 消毒水 致 野生動物 大量 死亡</t>
    <phoneticPr fontId="1" type="noConversion"/>
  </si>
  <si>
    <t>消防 防疫 演練 侯 籲 勿 鬆懈</t>
    <phoneticPr fontId="1" type="noConversion"/>
  </si>
  <si>
    <t>消防 局 肺炎 鬆懈 專責 演練</t>
    <phoneticPr fontId="1" type="noConversion"/>
  </si>
  <si>
    <t>謝忻淩晨慢跑見民眾沒戴口罩 下秒劇情反轉她心動：是台版馬東石</t>
    <phoneticPr fontId="1" type="noConversion"/>
  </si>
  <si>
    <t>謝忻 淩晨 慢 跑 見 民眾 沒 戴 口罩 下 秒 劇情 反 轉 她 心動 是 台 版 馬東石</t>
    <phoneticPr fontId="1" type="noConversion"/>
  </si>
  <si>
    <t>石 牌 某 醫院 傳 疑似病例 莊 人 祥 采 檢 陰性 已 排除</t>
    <phoneticPr fontId="1" type="noConversion"/>
  </si>
  <si>
    <t>疑似病例 莊人祥 采 檢 石 牌 排除</t>
    <phoneticPr fontId="1" type="noConversion"/>
  </si>
  <si>
    <t>動物園 新 樂園 迎 雙十 明起 免 預約</t>
    <phoneticPr fontId="1" type="noConversion"/>
  </si>
  <si>
    <t>室內 北市 上限 社團活動 戴 口罩</t>
    <phoneticPr fontId="1" type="noConversion"/>
  </si>
  <si>
    <t>台東 拼 檢疫 量 能 盼 與 馬偕 合作</t>
    <phoneticPr fontId="1" type="noConversion"/>
  </si>
  <si>
    <t>為 降低 檢 體 運送 風險 與 縮短 檢驗 時效 台東 縣長 饒 慶鈴 22 日 特別 前往 馬偕 紀念 醫院 台東 分院 拜訪 院長 王功亮 希望 能 一同 合作 攜手 建立 台東 第一 座 符合衛生 福利 部 核 可 的 傳染病 認可 檢驗 機構 讓 原台 東縣 內 檢驗 機構 僅 有的</t>
    <phoneticPr fontId="1" type="noConversion"/>
  </si>
  <si>
    <t>台 東縣 肺炎 傳染病 合作 花蓮慈濟醫院</t>
    <phoneticPr fontId="1" type="noConversion"/>
  </si>
  <si>
    <t>阿斯特 捷利康 astrazeneca az 的 新 冠 疫苗 因為 有 罕見 副作用 血栓 接連 在 世界 各國 核准 與 使用 受阻 譬如 日本 剛 核准 az 疫苗 時 就 不讓 其 進入 大規模 接種 計 畫 中 丹麥 在 4 月 全面 禁用 az 疫苗 美國 直至 目前 也 還 沒 核准 az 疫苗</t>
    <phoneticPr fontId="1" type="noConversion"/>
  </si>
  <si>
    <t>不只 給 臺灣 2萬 劑 az 立陶宛 還 打算 讓 觀光客 打 疫苗</t>
    <phoneticPr fontId="1" type="noConversion"/>
  </si>
  <si>
    <t>波羅的海 國家 立陶宛 22 日 宣佈 捐贈 臺灣 2萬 劑 az 疫苗 預計 9 月底 前 配送 讓 外界 好奇 立陶宛 本身 擁有 多少 疫苗 根據 外 媒 報導 立陶宛 政府 已經 批准 採購 約 1620萬 劑 疫苗 目前 超過 34 人口 已經 完整 接種 疫苗 預計 9 月 可讓 70 人</t>
    <phoneticPr fontId="1" type="noConversion"/>
  </si>
  <si>
    <t>臺灣 跨境 電 商 博覽會 人潮 踴躍</t>
    <phoneticPr fontId="1" type="noConversion"/>
  </si>
  <si>
    <t>臺灣 第 一個 以 外貿 電 商為 主題 的 展會 2020 臺灣 跨境 電 商 博覽會 於 8 月 28 日 在 ieat 會議 中心 盛大 登場 主辦單位 臺北市 進出口 商業 同業公會 ieat 集結 21 家 國內 外電 商 平臺 及 服務業 者 共同 展出 首日 活動 現場 人潮 踴躍 顯示 在</t>
    <phoneticPr fontId="1" type="noConversion"/>
  </si>
  <si>
    <t>企業 ieat 肺炎 跨境 電 商 公會</t>
    <phoneticPr fontId="1" type="noConversion"/>
  </si>
  <si>
    <t>通信網 路 一路 旺 到 年底 瑞 昱躍 上 400 元 大關</t>
    <phoneticPr fontId="1" type="noConversion"/>
  </si>
  <si>
    <t>瑞昱 soc 系統 單晶 片 anc 主動 降 噪音</t>
    <phoneticPr fontId="1" type="noConversion"/>
  </si>
  <si>
    <t>外送平臺疫情受惠 交通事故也頻傳</t>
    <phoneticPr fontId="1" type="noConversion"/>
  </si>
  <si>
    <t>外 送 平臺 疫情 受惠 交通 事故 也 頻 傳</t>
    <phoneticPr fontId="1" type="noConversion"/>
  </si>
  <si>
    <t>暨 大 附 中統 測 倒數 破 十 祈福 陳 綢 阿嬤 見證</t>
    <phoneticPr fontId="1" type="noConversion"/>
  </si>
  <si>
    <t>披薩 店 員工 撒謊 迫 170萬 澳洲人 接受 新 冠 封 城 氣死 州長</t>
    <phoneticPr fontId="1" type="noConversion"/>
  </si>
  <si>
    <t>台大 10 員工 確診 急 開 視 訊 記者會 說明</t>
    <phoneticPr fontId="1" type="noConversion"/>
  </si>
  <si>
    <t>台大今 早 發聲明 表示 工 務 室 一 名 員工 於 5 月 18 日 出現 發燒 症狀 傍晚 采 檢 陽性 通知 全 辦公室 接受 采 檢 並 進行 環境 采 檢 及 清潔 消毒 目前 36 人 采 檢 完畢 全數 隔離 其中 有 10 人 的 采 檢 結果 為 陽性 台大醫院 發言人 王亭貴 將 於</t>
    <phoneticPr fontId="1" type="noConversion"/>
  </si>
  <si>
    <t>臺北市 高 中職 以下 全部 停課 2 周采線 上 教學 影響 33 4萬 位 學生</t>
    <phoneticPr fontId="1" type="noConversion"/>
  </si>
  <si>
    <t>臺北市 長 柯文哲 在 10 點 30 分 宣佈 公私 立 高中職 國 中小 補習班 安親班 課後 照顧 中心 今日 起 到 28 號 停課 採取 線 上 教學 線 上 教學系統 儘量 選擇 酷 課 雲 進行 教學 及 評量 以 班級 為 單位 進行 教學 與 連結 教育局長 表示</t>
    <phoneticPr fontId="1" type="noConversion"/>
  </si>
  <si>
    <t>南市 防疫 安心 上工 計 畫 起跑 永 康 區公所 尚有 缺額</t>
    <phoneticPr fontId="1" type="noConversion"/>
  </si>
  <si>
    <t>台 南市 政府 3 月底 啟動 防疫 安心 上工 計 畫 針對 受 疫情 衝擊 的 勞工 由 市府 釋出 200 個 短期 防疫 工作 機會 以 1 個 月 最 多 工作 176 小時 時薪 158 元 計算 讓 民眾 得以 維持 生計 永康 區長 張睿民 說 永康 區公所 尚有 5 名 缺額 民眾</t>
    <phoneticPr fontId="1" type="noConversion"/>
  </si>
  <si>
    <t>台 南市 政府 3 月底 啟動 防疫 安心 上工 計 畫 針對 受 疫情 衝擊 的 勞工 由 市府 釋出 200 個 短期 防疫 工作 機會 以 1 個 月 最 多 工作 176 小時 時薪 158 元 計算 讓 民眾 得以 維持 生計 永康 區長 張睿民 說 永康 區公所 尚有 5 名 缺額 民眾 可 至 勞動部 勞動力 發展署 雲 嘉南 分署 永 康 就業 中心 登記 根據 台南 市 勞工 局 統計 截至 4 月 29 日 減班 休息 通報 人數 為 2033 名 以 製造業 批發業 居多 為 助 民眾 度過難關 除 中央 推動 的 安心 即時 上工 計 畫 南市 勞工 局 再 加碼 祭出 防疫 安心 上工 計 畫 與 各局 處 區公所 合作 針對 待業 或 因 疫情 衝擊 導致 減班 休息 資 遣 的 民眾 提供 短期 的 防疫 工作 機會 包括 物資 盤點 量 測體溫 口罩 統計 協調 防疫 旅館 等等 勞工 局長 王鑫基 指出 200 名 職 缺 中 有 51 位 中 高齡者 15 位 身心 障礙者 及 9 位 中低收入 戶 者 充分 協助 就業 市場 的 弱勢 族群 台南 市長 黃偉哲 5 日 下午 帶 著 火鶴 花 訪視 永 康 區公所 的 上工 民眾 感謝 投入 防疫 工作 這些 都 是 我們 的 英雄 根據 勞動部 4 月中 旬 資料 統計 南市 減班 休息 通報 人數 為 1780 名 占 6 都中第 4 第 1 名 為 臺北市 其次 依 序 為 新北 市 桃園 市</t>
    <phoneticPr fontId="1" type="noConversion"/>
  </si>
  <si>
    <t>防疫 安心 上工 計 畫 安心 即時 上工 計 畫 台 南市 黃偉哲 勞動部</t>
    <phoneticPr fontId="1" type="noConversion"/>
  </si>
  <si>
    <t>74 歲 川普 死亡 風險 較 年輕人 高 90 倍 美 大選 再 添 變數</t>
    <phoneticPr fontId="1" type="noConversion"/>
  </si>
  <si>
    <t>西班牙 抗 腫瘤 藥 有望 阻斷 新 冠 病毒 細胞 繁殖</t>
    <phoneticPr fontId="1" type="noConversion"/>
  </si>
  <si>
    <t>臺灣 東洋 公司 新 冠 患者</t>
    <phoneticPr fontId="1" type="noConversion"/>
  </si>
  <si>
    <t>上市 櫃 掛牌 金管會 祭 特赦令</t>
    <phoneticPr fontId="1" type="noConversion"/>
  </si>
  <si>
    <t>肺炎 kpi 掛牌 季報 疫情</t>
    <phoneticPr fontId="1" type="noConversion"/>
  </si>
  <si>
    <t>台南 某 大樓 確診 者 就是 案 943 自主 管理 外出 開會 恐 已 觸 法</t>
    <phoneticPr fontId="1" type="noConversion"/>
  </si>
  <si>
    <t>中共 六中全會 將 舉行 北京 防疫 升級</t>
    <phoneticPr fontId="1" type="noConversion"/>
  </si>
  <si>
    <t>大陸 新 冠 疫情 仍未 降溫 28 日 增加 48 例 新 冠 本土 確診 病例 分佈 在 7 省市 哈爾濱 敦促 民眾 不出 市 不出 省 寧夏 銀川 完成 採樣 255萬 餘 人 全 大陸 現 有 高 中 風險區 2 20 個 蘭州大學 專家 以 模型 預測 本輪 疫情 預計 將 於 11 月 9 日</t>
    <phoneticPr fontId="1" type="noConversion"/>
  </si>
  <si>
    <t>內蒙古 大陸 北京市 額濟納旗 北京</t>
    <phoneticPr fontId="1" type="noConversion"/>
  </si>
  <si>
    <t>校園 疫情 連環 爆 教育部 學校 可 進行 預防 性 停課</t>
    <phoneticPr fontId="1" type="noConversion"/>
  </si>
  <si>
    <t>校園 接連 傳出 疫情 許多 學校 臨時 通知 學生 及 家長 停課 造成 困擾 教育部 表示 目前 維持 1 班有 1 位 師生 確診 該 班 停課 1 校 有 2 位 以上 師生 確診 則 該校 停課 但 地方 政府 得 視 疫情 狀況 讓 學校 進行 預防 性 停課 對於 學校 不斷 爆出</t>
    <phoneticPr fontId="1" type="noConversion"/>
  </si>
  <si>
    <t>本土 校園 預防 性 停課 教育部 學校</t>
    <phoneticPr fontId="1" type="noConversion"/>
  </si>
  <si>
    <t>壽險 大增 員 今年 募 3萬 新 血</t>
    <phoneticPr fontId="1" type="noConversion"/>
  </si>
  <si>
    <t>開出 留存 率 國人 新人 淨增 加</t>
    <phoneticPr fontId="1" type="noConversion"/>
  </si>
  <si>
    <t>國民 健康 的 公共 財 林右昌 疫苗 之前 人人平等</t>
    <phoneticPr fontId="1" type="noConversion"/>
  </si>
  <si>
    <t>疫情 嚴峻 民眾 盼 能 盡 速 施 打 疫苗 引發 許多 爭議 話題 基隆 市長 林右昌 表示 疫苗 是 國民 健康 的 公共 財 疫苗 之前 人人平等 希望 不要 因為 疫苗 而 製造 貧富 或 縣 市 對立 林右昌 表示 疫苗 是 國民 健康 的 公共 財 疫苗 之前 人</t>
    <phoneticPr fontId="1" type="noConversion"/>
  </si>
  <si>
    <t>單日 新增 出現 新增 病例 生活</t>
    <phoneticPr fontId="1" type="noConversion"/>
  </si>
  <si>
    <t>豐原 夜間 垃圾 收運 站 夜湧 150 人 出動 全台 最 大霧 炮車 消毒</t>
    <phoneticPr fontId="1" type="noConversion"/>
  </si>
  <si>
    <t>全國 疫情 警戒 升至 第 三級 台中 市環保局 呼籲 追 垃圾車 也 應 配戴 口罩 若 不 配合 將 蒐證 裁 罰 並 拒收 垃圾 另 豐原 區 清潔隊 停車場 提供 夜間 收運 垃圾 服務 平均 每晚 至少 150 人 進出 除 要求 量 測體溫 配戴 口罩 即日起 實施</t>
    <phoneticPr fontId="1" type="noConversion"/>
  </si>
  <si>
    <t>全國 疫情 警戒 升至 第 三級 台中 市環保局 呼籲 追 垃圾車 也 應 配戴 口罩 若 不 配合 將 蒐證 裁 罰 並 拒收 垃圾 另 豐原 區 清潔隊 停車場 提供 夜間 收運 垃圾 服務 平均 每晚 至少 150 人 進出 除 要求 量 測體溫 配戴 口罩 即日起 實施 簡訊 實 聯 登記 每 半 小時 更 出動 霧 炮車 消毒 豐原 區 清潔隊 停車場 晚間 7 點 至 11 點 提供 定點 收運 垃圾 平均 每晚 150 至 250 人 進出 因應 疫情 升至 三級 警戒 環保局 要求 丟 垃圾 的 民眾 均 須 配合 量 測體溫 酒精 消毒 雙手 及 佩戴 口罩 並 規劃 一 進 一 出 的 人 流動 線 即日起 實施 簡訊 實 聯 登記 更 出動 全台 體積 最 大 的 霧 炮車 消毒 場區 環保 局長 陳宏益 表示 為 嚴守 社區 防線 霧 炮車 每 半 小時 消毒 1 次 填裝 的 消毒劑 是 稀釋 漂 白水 次氯酸鈉 濃度 為 50 ppm 對 人體 無害 利用 霧 炮車 進行 垃圾 定點 的 消毒 效率 高 又 安全 請 民眾 務必 落實 常 洗手 勤 消毒及 口罩 不離 口 聚會 別找我 等 防疫 措施 另 有 部分 民眾 沒 戴 口罩 站 在 街頭 等候 垃圾車 認為 出門 時間 短暫 僥倖 心態 引發 清潔 隊員 恐慌 陳宏益 強調 防疫 非常 時期 只要 踏 出 家門 口罩 就 應戴 好 戴滿 稽查人員 近日 沿 街 勸導 若 有 民眾 不 配合 將 蒐證 函 請 衛生局 裁 罰 5千 至 1萬5千 元 清潔 隊員 亦 將 拒收 垃圾 環保局 提醒 市民 在 家裡 應先 做 好 垃圾 分類 縮短 在外 倒 垃圾 的 時間 使用 過 的 口罩 應 丟入 一般 垃圾桶 隨意 棄置 口罩 將 依 違反 廢棄物 清理 法 第 27 條 規定 第 1 次 查獲 罰 3600 元 罰 鍰 同一 人 再犯 最重 可 罰 6000 元</t>
    <phoneticPr fontId="1" type="noConversion"/>
  </si>
  <si>
    <t>台東 確診 個案 匡列 7 人 采 檢 出爐 均 為 陰性</t>
    <phoneticPr fontId="1" type="noConversion"/>
  </si>
  <si>
    <t>台東 縣政府 衛生局 通報 22 日 公佈 與 台東 有關 的 北部 確診 個案 目前 仍 在 負 壓 病房 隔離 治療 7 位 匡 列 同 住 家人 今日 采 檢 結果 全部 出爐 7 人 皆 為 陰性 持續 居家 隔離 中 縣府 呼籲 鄉親 減少 不必要 的 外出 外出 務必 配戴 口罩 勤</t>
    <phoneticPr fontId="1" type="noConversion"/>
  </si>
  <si>
    <t>恒 春 暖 醫 研發 防疫 臺灣 box 下 周量產</t>
    <phoneticPr fontId="1" type="noConversion"/>
  </si>
  <si>
    <t>防疫 潘孟安 人員 醫護人員 量 產</t>
    <phoneticPr fontId="1" type="noConversion"/>
  </si>
  <si>
    <t>日本 入境 政策 放寬 8 日 起 最 短 只 須 隔離 3 天</t>
    <phoneticPr fontId="1" type="noConversion"/>
  </si>
  <si>
    <t>桃園 睽 違 3 周 確診 案例 回到 個 位數 足跡 包括 杏 一藥 局 烘焙 坊</t>
    <phoneticPr fontId="1" type="noConversion"/>
  </si>
  <si>
    <t>睽 違 20 天 桃園 確診 案例 首度 回到 個 位數 僅 3 例 確診 其中 包含 1 例 家庭 群 聚 以及 2 人 有 雙 北 接觸 史 桃園 市 也 公佈 已 疫 調 的 足跡 包括 大 溪 中山 國術 館 杏 一 醫療 用品 林口長 庚店 龍潭 小小 間 烘焙 坊 呼籲 足跡 重疊 者 6 月 20</t>
    <phoneticPr fontId="1" type="noConversion"/>
  </si>
  <si>
    <t>科學家 實驗 發現 可 阻斷 新 冠 病毒感染 的 抗體</t>
    <phoneticPr fontId="1" type="noConversion"/>
  </si>
  <si>
    <t>抗體 sars 病毒 新 冠 病毒</t>
    <phoneticPr fontId="1" type="noConversion"/>
  </si>
  <si>
    <t>慢性病 患 接種 疫苗 敏 盛 院長 呼籲 勿 停藥</t>
    <phoneticPr fontId="1" type="noConversion"/>
  </si>
  <si>
    <t>產業 出遊 防疫 大 作戰 易遊網 推 安心 訂 房 3 保證</t>
    <phoneticPr fontId="1" type="noConversion"/>
  </si>
  <si>
    <t>新北 消防 局 幫 同仁 紓 壓 闔 家 學習 非洲 鼓</t>
    <phoneticPr fontId="1" type="noConversion"/>
  </si>
  <si>
    <t>非洲 鼓 紓 壓 學習 新北 市 消防 局 快樂</t>
    <phoneticPr fontId="1" type="noConversion"/>
  </si>
  <si>
    <t>港 病 患 寵物 檢測 弱 陽 無 感染 證據</t>
    <phoneticPr fontId="1" type="noConversion"/>
  </si>
  <si>
    <t>股利 半導體 應廣 決 配 息 2 73 元 q 2 營 收 拼 新高</t>
    <phoneticPr fontId="1" type="noConversion"/>
  </si>
  <si>
    <t>應廣 5 g pc nb 網通</t>
    <phoneticPr fontId="1" type="noConversion"/>
  </si>
  <si>
    <t>環境 更慘 紓困 卻 變 少 旅 行業 超 不爽</t>
    <phoneticPr fontId="1" type="noConversion"/>
  </si>
  <si>
    <t>李蒨蓉 鬆口 婉拒 3 次 打 疫苗 機會 認 了 聽到 特權 很 敏感</t>
    <phoneticPr fontId="1" type="noConversion"/>
  </si>
  <si>
    <t>李蒨蓉 先前 自 曝 因 疫情 期間 常處 在家 跟 結婚 17 年 老公 李德 立起 爭執 一度 考慮 離婚 幸好 兩 人 後來 決定 談開 化解 婚姻 危機 今 23 日 她 發文 自 曝 其實 先前 有 過 3 次 被 問 要 不 要 施打 疫苗 的 機會 但 她 聞 特權 兩 字 敏感 便 婉拒</t>
    <phoneticPr fontId="1" type="noConversion"/>
  </si>
  <si>
    <t>捐物 資 雞 排 挺 醫護 盼 疫情 有 好 轉機</t>
    <phoneticPr fontId="1" type="noConversion"/>
  </si>
  <si>
    <t>聯 新 國際醫院 楊家 俍 物資 雞 排 忠 智</t>
    <phoneticPr fontId="1" type="noConversion"/>
  </si>
  <si>
    <t>墾丁遭憂成防疫破口 擺攤男星怒：臺北是不是該封城？</t>
    <phoneticPr fontId="1" type="noConversion"/>
  </si>
  <si>
    <t>墾 丁 遭 憂 成 防疫 破 口 擺攤 男 星怒 臺北 是 不是 該 封城</t>
    <phoneticPr fontId="1" type="noConversion"/>
  </si>
  <si>
    <t>墾 丁 景點 郭世倫 防疫 破 口 擺攤</t>
    <phoneticPr fontId="1" type="noConversion"/>
  </si>
  <si>
    <t>陳時中 籲 國人 儘量 不 要 出國</t>
    <phoneticPr fontId="1" type="noConversion"/>
  </si>
  <si>
    <t>陳時中 肺炎 快速 出國 日 確診</t>
    <phoneticPr fontId="1" type="noConversion"/>
  </si>
  <si>
    <t>意外 英劍橋 研究 新 冠 病毒 有 3 類 在 武漢 已 突變</t>
    <phoneticPr fontId="1" type="noConversion"/>
  </si>
  <si>
    <t>通信網 路 q 1 疫情 衝擊 眾 達 -ky 客戶 需求 不 變 遞 延到 q 2</t>
    <phoneticPr fontId="1" type="noConversion"/>
  </si>
  <si>
    <t>彰化市 成為 宣佈 氣候 緊急 的 全國 第一 例 要求 政府 推動 綠色 新政</t>
    <phoneticPr fontId="1" type="noConversion"/>
  </si>
  <si>
    <t>由 20 醫 團 10 餘 環 團 ngos 牽 手 發起 的 88 節 台中 抗 暖 化 反 空 汙 顧健康 遊行 今天下午 登場 彰 化 市長 林世賢 上午 出席 遊 行前 記者會 公開 宣佈 彰化市 氣候 緊急 搶 得 頭標 成為 宣佈 氣候 緊急 的 全國 第一 例 林世賢 強調 彰化市 會 成</t>
    <phoneticPr fontId="1" type="noConversion"/>
  </si>
  <si>
    <t>88 節 抗 暖 化 反 空 汙 氣候 緊急</t>
    <phoneticPr fontId="1" type="noConversion"/>
  </si>
  <si>
    <t>防疫為重 中原大學宣佈14至26日採線上彈性教學</t>
    <phoneticPr fontId="1" type="noConversion"/>
  </si>
  <si>
    <t>防疫 為重 中原大學 宣佈 14 至 26 日 采 線 上 彈性 教學</t>
    <phoneticPr fontId="1" type="noConversion"/>
  </si>
  <si>
    <t>因應 疫情 發展 位於 桃園 市 中壢 區 的 中原大學 稍 早 宣佈 9 月 14 日 至 26 日 實施 線 上 彈性 教學 27 日後 則 以 采 實體 授課 為 原則 且 依 教育部 大專 校院 110 學 因應 嚴重 特殊 傳染性 肺炎 防疫 管理 指引 滾 動式 調整 中原大學 表示</t>
    <phoneticPr fontId="1" type="noConversion"/>
  </si>
  <si>
    <t>因應 疫情 發展 位於 桃園 市 中壢 區 的 中原大學 稍 早 宣佈 9 月 14 日 至 26 日 實施 線 上 彈性 教學 27 日後 則 以 采 實體 授課 為 原則 且 依 教育部 大專 校院 110 學 因應 嚴重 特殊 傳染性 肺炎 防疫 管理 指引 滾 動式 調整 中原大學 表示 因應 疫情 發展 開學 後 實施 線 上 彈性 教學 實施 期間 為 9 月 14 日 至 9 月 26 日 9 月 27 日 以後 課程 教學 采 實體 授課 為 原則 且 依 教育部 大專 校院 110 學 因應 嚴重 特殊 傳染性 肺炎 防疫 管理 指引 辦理 並 視 疫情 發展 做 滾 動式 調整</t>
    <phoneticPr fontId="1" type="noConversion"/>
  </si>
  <si>
    <t>周傑倫「包場千坪球館」為了她 敲狗仔車窗吐4字傻眼！</t>
    <phoneticPr fontId="1" type="noConversion"/>
  </si>
  <si>
    <t>周傑倫 包場 千 坪 球館 為了 她 敲 狗仔 車窗 吐 4 字 傻眼</t>
    <phoneticPr fontId="1" type="noConversion"/>
  </si>
  <si>
    <t>歌壇 天王 周傑倫 年初 帶 著 全家 到 老婆 昆 淩 老家 澳洲 度假 4 月 返台 後 遵照 政策 居家 隔離 了 14 天 出 關後 也 不急 工作 忙 跟 朋友 相聚 聯絡感情 另外 幫 昆 淩自創 隱形眼鏡 品牌 當 模特 兒 果真 寵 妻 魔 人 無誤 而有 日前 民眾 要到 圓山 打</t>
    <phoneticPr fontId="1" type="noConversion"/>
  </si>
  <si>
    <t>歌壇 天王 周傑倫 年初 帶 著 全家 到 老婆 昆 淩 老家 澳洲 度假 4 月 返台 後 遵照 政策 居家 隔離 了 14 天 出 關後 也 不急 工作 忙 跟 朋友 相聚 聯絡感情 另外 幫 昆 淩自創 隱形眼鏡 品牌 當 模特 兒 果真 寵 妻 魔 人 無誤 而有 日前 民眾 要到 圓山 打球 發現 球館 無法 進入 發現 是 周董 包場 為了 帶 老婆 跟 朋友 打 保齡球 據 鏡 週刊 報導 日前 有 民眾 爆 料 要 去 圓山 保齡球館 打球 卻 進不去 後來 得知 是 被 周傑倫 包場 果真 之後 拍到 周董 帶 著 老婆 跟 一 票 朋友 打完 球 後步 出 一行 人 在 門口 聊 了 一下 才 散會 據悉 球館 有 1500 坪 之 大 為了 防疫 及 隱私 周董花 2萬 包場 讓 親友 好 好玩 雖然 對 他 來說 不是 大 數字 然 10 年 前 他 也 曾帶 舊 愛 蔡依林 打 保齡球 當時 僅 包 了 2 個 球道 比較 起來 寵 妻 更 甚 而 被 拍到 包場 打球 當天 昆 淩跟另 2 名 友人 先 走向 停車處 等 周傑倫 及 朋友 則 走 到 狗仔 副 駕駛座 位置 輕 敲 玻璃 一 開口 先 詢問 是 民眾 爆 料 嗎 之後 竟 關心 有 拍到 吼 態度 溫和 而 眾所周知 過去 周董 非常 討厭 狗仔 婚前 某次 到 跟 媽媽 昆 淩 外出 用餐 被 拍到 正面 照 他 跟 隨行 友人 圍 成 人牆 阻擋 拍攝 還 拿 手機 反 拍 甚至 做出 不雅 手勢 對比 當今 的 作風 完全 是 反差</t>
    <phoneticPr fontId="1" type="noConversion"/>
  </si>
  <si>
    <t>周傑倫 昆 淩 圓山 球館 包場 狗仔</t>
    <phoneticPr fontId="1" type="noConversion"/>
  </si>
  <si>
    <t>有人 叫 我 去 美國 好 市 多 買 疫苗 陳 時 中冷 回 不是 大拍賣 掃 貨</t>
    <phoneticPr fontId="1" type="noConversion"/>
  </si>
  <si>
    <t>解禁 前夕 提早 落 跑 台南 查獲 2 例 居家 檢疫 趴 趴 走</t>
    <phoneticPr fontId="1" type="noConversion"/>
  </si>
  <si>
    <t>若 校園 出現 確診 侯友宜 該 停課 一定 停</t>
    <phoneticPr fontId="1" type="noConversion"/>
  </si>
  <si>
    <t>開學日 在即 全國 學校 忙 著 備戰 防疫 措施 新北 市長 侯友宜 今 19 上午 至 蘆洲 仁愛 國小 視察 校園 防疫 演練 時 表示 學校 的 空間 是 有限 的 能夠 把 距離 拉開 就 儘量 拉開 更 重要 的 是 保持 通風 所以 學校 的 門窗 儘量 全部 打開 至於 萬</t>
    <phoneticPr fontId="1" type="noConversion"/>
  </si>
  <si>
    <t>未來 可能 祭 禁 足 令? 陳時中 鬆口 回應</t>
    <phoneticPr fontId="1" type="noConversion"/>
  </si>
  <si>
    <t>屏 東 果農 妻 染 delta 亡 羅 一 鈞 分析 病因</t>
    <phoneticPr fontId="1" type="noConversion"/>
  </si>
  <si>
    <t>政壇 2 大 天王 為 防疫 嗆 爆 蔡 政府 港 媒 警告 綠 營 要 出 手 了</t>
    <phoneticPr fontId="1" type="noConversion"/>
  </si>
  <si>
    <t>本土 疫情 持續 升溫 臺北市 市長 柯文哲 與 新北 市 市長 侯友宜 多次 炮 打中 央 聲勢 也 水漲船高 港 媒 評論 指出 柯 痛 批 中央 疫苗 分配 為 政治 內線交易 侯 要求 總統 蔡英文 約束 底下 的 人 這 兩 句 話 都對 蔡 政府 形成 強大 壓力</t>
    <phoneticPr fontId="1" type="noConversion"/>
  </si>
  <si>
    <t>高雄 計程車 歎 歹命 業績 減半 籲 政府 補助 油料</t>
    <phoneticPr fontId="1" type="noConversion"/>
  </si>
  <si>
    <t>陰性 151 居家 隔離 10 大 溪 漁港</t>
    <phoneticPr fontId="1" type="noConversion"/>
  </si>
  <si>
    <t>華爾街 知名 經濟學家 海曼 美國 恐 見 肺炎 衰退</t>
    <phoneticPr fontId="1" type="noConversion"/>
  </si>
  <si>
    <t>中 裕 報捷 漲 停 生 醫 族群 紅通通</t>
    <phoneticPr fontId="1" type="noConversion"/>
  </si>
  <si>
    <t>杏 輝 抗體 疫苗 肺炎 生 技</t>
    <phoneticPr fontId="1" type="noConversion"/>
  </si>
  <si>
    <t>新潟航線延後開航 台灣虎航2月營收年減3720％</t>
  </si>
  <si>
    <t>新 潟 航線 延後 開航 臺灣 虎 航 2 月 營 收 年 減 3720</t>
  </si>
  <si>
    <t>台塑 1301 今 10 日 舉辦 股東會 由 董事長 林健 男 主持 看好 隨 著 疫情 趨 緩 加上 現金 股利 入 帳 第 3 季將 迎 穀底 反彈 另外 台塑 也 將 持續 深化 ai 應用 透過 ai 數位 平臺 導入 有效 管理 原 物料 也 使得 台塑 可以 全力 相挺 口罩 國家隊 惟 台塑 今日 股東會 現場 出現 小 插曲 除 有 針對 六輕 環保 議題 前來 抗爭 的 民眾 也 有 股東 發言 時 提出 問題 與 長庚醫院 有關 但 多 已 與 台塑 今日 股東會 無關 被 阻 故 現場 多 出 不少 維 安 的 糾察隊 和 警力 維護 秩序 隨 著 疫情 逐漸 舒緩 展望 台塑 下半年 發展 林健 男 表示 隨 著 疫情 進一步 緩和 更 多 國家 解封 全球 經濟 復蘇 石化 產品 需求 提升 有利 帶動 石化 產品價格 上漲 因此 預期 下半年 在 銷售價格 及 數量 同步 上揚 下 且 第 3 季有 33億 元 現金 股利 業績 可望 由 穀底 反彈 且 優於 上半年 就 目前 全球 疫情 來說 林健 男 表示 台塑 美國 廠 利用 這個 時間 對於 當地 廠 區 進行 全面 總 體檢 而 大陸 地區 復蘇 的 比較 快 復蘇 比 其他 地方 好 當然 就是 希望 歐美 快點 解 封 現階段 臺灣 最 穩定 利用 後 疫情 時間 台塑 也 會 加強 數位 轉型 數位 平臺 持續 導入 ai 只 是 下半年 國際 市場 還 有 很多 變數 林健 男 表示 包括 疫情 是否 再次 爆發 影響 歐 美 市場 恢復 opec 產油國 及 俄羅斯 能否 履行 減產 協定 中 美 貿易 戰後 續 發展 以及 兩岸 ecfa 早 收 清單 是否 終止 等 林 健 男 強調 為 對抗 不景氣 台塑 也 將 採取 對策 因應 在 投資 方面 台塑 將 在 海內外 擴建 及 去 瓶頸 總 投資 金額 48億 美元 包含 有 大陸 寧波 的 丙烷 脫 氫 pdh 廠 eva 去 瓶頸 臺灣 的 sap pvc pp 去 瓶頸 高雄 洲際 二期 石化 專區 以及 美國 德州 德州 ldpe 擴建 新建 pvc vcm 及 石鹹 廠 台塑 近年來 持續 深化 ai 應用 推動 重點 包含 產銷 優化 品質 確保 智慧 保養 巡 檢 數位化 及 降低 成本 等 到 目前 台塑 已 完成 ai 開發 57 案 下半年 將 持續 進行 95 案 預估 每年 可 增加 利益 26億 元 林健 男 說 到 台塑 全力 供應 臺灣 口罩 隊 原料 沒有 出現 任何 斷 料 問題 就是 因為 有 數位 ai 平臺 的 幫忙 有效 管理 原料 此外 因應 5 g 產業 發展 台塑 正 進行 pvc pe 及 pp 複 材 開發 應用 於 5 g 基地 台 相關 材料 未來 將 配合 經濟部 共 組 產業 聯盟 加速 5 g 商 機 佈 局</t>
  </si>
  <si>
    <t>三級警戒工人曝辛酸現況 13萬網朝聖：辛苦了</t>
  </si>
  <si>
    <t>三級 警戒 工人 曝 辛酸 現況 13萬 網 朝聖 辛苦 了</t>
  </si>
  <si>
    <t>經濟部 公佈 第 2 季 製造業 產值 受到 疫情 衝擊 呈現 連續 6 季 的 負 成長 惟 電腦 電子產品 光學 製品業 因 疫情 推 升 遠 端 服務 出現 連續 9 季正 成長 第 2 季 製造業 產值 2 兆 9442億 元 為 105 年 第 2 季 以來 最低 較 去年同期 減少 1139</t>
  </si>
  <si>
    <t>勞動部 勞工 紓困 貸款 今 6 15 日 開始 接受 申請 不少 銀行 據點 大排長龍 甚至 網頁 也 當 機 顯示 民眾 資金 需求 殷切 不過 勞工 紓困 貸款 每人 最高 額度 僅 為 10萬 元 利率 1845 若 想要 增加 貸款額度 就 必須 自行 申請 一 筆 信貸</t>
  </si>
  <si>
    <t>湖北確診病例一夜暴增14萬人 背後原因曝光</t>
  </si>
  <si>
    <t>中美合作大型研究：新冠病毒平均潛伏475天 致死率306％</t>
  </si>
  <si>
    <t>台新金2月自結稅後盈餘117億元</t>
  </si>
  <si>
    <t>台新金 控 2 月 自 結 稅 後 盈 餘 117億 元 每股 稅 後 盈 餘 eps 023 元 主要 子公司 獲利 表現 上 台新 銀行 稅 後 盈 餘 101億 元 較 去年同期 成 長 7 不受 肺炎 疫情 衝擊 台新 金表 示 台新 銀行 當月 核心 業務 獲利 動能 持續 穩健 累計</t>
  </si>
  <si>
    <t>就 在 臺灣 5 g 開 台前 夕 臺灣 電信 二 哥 之 爭 卻 悄然 引爆 根據 ncc 國家 通訊 委員會 統計 截至 2 月底 遠 傳 4904 用戶數 為 7078萬 險勝 臺灣 大 3045 的 7073萬 在 4 g 時代 首度 躍升 電信 二 哥 對此 臺灣 大 表示 目前 臺灣 大</t>
  </si>
  <si>
    <t>就 在 臺灣 5 g 開 台前 夕 臺灣 電信 二 哥 之 爭 卻 悄然 引爆 根據 ncc 國家 通訊 委員會 統計 截至 2 月底 遠 傳 4904 用戶數 為 7078萬 險勝 臺灣 大 3045 的 7073萬 在 4 g 時代 首度 躍升 電信 二 哥 對此 臺灣 大 表示 目前 臺灣 大月租 型 用戶數 穩定 成長 惟 預付 型 用戶數 在 疫情 管制 入境 後 頗 受 衝擊 強調 數字 背 後 仍 需 深入 拆解 代表 長 租 之 月 租 型 用戶 與 短 約 型 預付 卡 用戶 的 占比 才能 看 出 數位 背後 真正 的 意 涵 電信業 向來 在 用戶 網 速 資費 甚至 近期 的 5 g 頻譜 競標 上 從 未 停止 競爭 眼看 臺灣 即將 在 第 三 季 正式 邁 入 5 g 時代 屆時 電信業 的 交手 恐 仍 火花 不 斷 根據 ncc 所 公佈 的 資料 顯示 截至 今年 2 月 遠 傳 用戶數 7078萬 臺灣 大 7073萬 遠 傳 以 約 5000 戶 險勝 而 遠 傳 上次 用戶 勝過 臺灣 大 是 在 2014 年 2 月 當時 以 727萬 領先 臺灣 大 7268萬 只 是 那時 臺灣 仍 為 3 g 時代 也就是說 這次 是 遠 傳自 2014 年 6 月 4 g 開 台來 首次 超越 臺灣 大 至於 中華 電 2412 則 依舊 以 千萬 以上 的 行動 用戶數 穩 居 龍頭 臺灣 大 多年 來 穩 居 臺灣 電信 獲利 王 本次 在 行動 用戶 上 小 輸給 遠 傳 對此 臺灣 大 解釋 說 到 電信業 用戶數 可 分為 預付 型 pre-paid 與 月 租 型 post-paid 臺灣 大 第一 季 的 月 租 型 用戶 達 5718萬 戶 勝過 遠 傳 的 5361萬 月 租 型 用戶 雙方 差距 達 357萬 戶 比 去年 同 季 的 差距 325萬 戶 差距 幅度 仍 加大 中 另一方面 向來 以 外籍 旅客 外籍 勞工 為主 預付 型 用戶 上 近期 因 疫情 之 故 入境 人數 大幅 降低 臺灣 大 預付 型 用戶數 成長 受到 影響 雖 受 創 較 同業 為重 但 待 入境 管制 解除 後 預付 型 用戶數 預計 將 回到 正常 水位 故 綜合 預付 型 及 月 租 型 用戶數 上 的 消長 出現 臺灣 電信 市場 總 用戶 排名 變化 的 說法 臺灣 大 對此 可以 理解 但 如果 同步 檢 視 月 租 型 預付 型 用戶 消長 對 各家 電信業者 獲利 表現 的 影響 臺灣 大 第一 季 電信 事業 營業 利益 年成 長達 19 臺灣 大林 之 晨 總經理 對此 也 表示 當 純 電信 獲利 空間 持續 萎縮 期待 大家 都能 加速 順利 轉型 也 期待 更 健康 優質 的 競爭 做 大 市場 帶動 臺灣 整體 邁向 更 美好 的 未來 電信 三 雄 除 在 行動 用戶數 上 較勁 外 先前 ncc 也 委 讬 電信技術 中心 ttc 行動 寬 頻 行動 上網 速率 量 測 遠 傳 中華 電 在 4 g 定點 下載 與 google 雲端 下載 則 為 全台 惟 二兩 家 平均 網 速 超過 100 mbps 加上 在 5 g 頻譜 的 競標 中 中華 電 遠 傳 分別 拿下 黃金 頻段 35 ghz 的 90 m 80 m 臺灣 大 臺灣 之 星 則 分別 拿下 60 m 以及 40 m 故 近期 臺灣 大 遠 傳 的 電信 二 哥 也 持續 白熱化</t>
  </si>
  <si>
    <t>新竹 縣 寶山鄉 1 名 8 旬 婦人 日前 因 車禍 而 送醫 采 檢 因 4 次 pcr 采 檢 陰陽 反 覆 新竹 縣 衛生局 不敢 大意 將 檢 體 送往 昆陽 實驗室 判定 今天 8 月 31 日 中午 確定 為 陰性 而 寶山鄉 30 日 晚間 連夜 開設 快 篩 站 共 196 人 快 篩 均 為 陰性 新竹 縣 衛生局 指出 該 名 8 旬 婦人 一共 做 了 4 次 檢驗 首次 桌上型 快速 檢驗 pcr 的 ct 值 36 第 2 次高 通量 pcr 為 陰性 第 3 次 機 臺式 快速 檢驗 ct 值 346 第 4 次 則 又 呈現 陰性 因此 衛生局 將 其 檢 體 送往 中央 昆陽 實驗室 31 日 中午 報告 出爐 判定 為 陰性 排除 感染 而 寶山鄉 30 日 快 篩 196 人中 也 包含 該 名 8 旬 婦人 的 同 住 家 人 11 人 快 篩 也 均 為 陰性 采 檢 結果 出爐 後 也 讓 在 地 人 松 一口氣 新竹 縣長 楊文科 表示 面對 疫情 仍 不應 鬆懈 大眾 仍 須 做好 防疫 措施</t>
  </si>
  <si>
    <t>擴大 紓困 上路 以來 民眾 相當 不滿 小黃 司機 可 領 6萬 元 更是 引起 軒然大波 雖然 政府 趕快 澄清 是 相關 補助 加 起來 6萬 但 還是 對 政府 威信 造成 傷害 對此 綠 媒 老 董吳 子 嘉 直言 連錢 給 人家 這樣 的 事 都 沒 做 好 代表 政府 有 可能 因為 防疫 成效 導致 有些 自滿 和 驕傲 的 現象 都 出來 了 小 黃 司機 領 6萬 元 引起 軒然大波 交通部長 林佳龍 趕緊 解釋 原先 就 有 薪資 補貼 最高 1 個 月 2萬 最 多 領 3 個 月 而 自 雇 計程車 則 是 1萬 元 同時 也 鼓勵 進修 只要 有 上課 就 可 領 18萬 運輸業 還有 12萬 的 油 資 補貼 因此 這 是 原本 給 的 各種 補助 加 起來 而 不是 再多 給 6萬 對此 吳子嘉 在 政論 節目 關鍵時刻 上 表示 連 給 錢 給 人家 這樣 一個 事情 都 可以 搞 成 民怨 四起 就 可以 想像 這個 政府 目前為止 有 一些 驕傲 和 自大 然後 驕傲自大 之 餘 就 發生 這些 事先 考量 不周 現象 出現 吳 子 嘉 強調 現在 臺灣 面臨 一個 很 大 危機 每天 下午 兩 點 的 衛福 部長 陳時中 記者會 吸引 太 多 注意力 導致 其他 重要 事情 都 荒廢 掉 了 媒體 就 不 會 關注 沒 關注 就 會 變成 不 重要 的 事情 像 經濟 就 不 易 受到 關注</t>
  </si>
  <si>
    <t>上週末 北京市 出現 今年 清明 祭掃 首 個 高峰 週末 據 市 清明節 群眾 祭掃 服務 工作 臨時 指揮部 統計 3 月 21 日 至 29 日 9 天 時間 全市 各 殯葬 服務 機構 已 累計 接待 311萬 祭掃 群眾 週六 周日 兩 天 全市 223 處 祭掃 點 共 接待 群眾 11 3萬 餘</t>
  </si>
  <si>
    <t>上週末 北京市 出現 今年 清明 祭掃 首 個 高峰 週末 據 市 清明節 群眾 祭掃 服務 工作 臨時 指揮部 統計 3 月 21 日 至 29 日 9 天 時間 全市 各 殯葬 服務 機構 已 累計 接待 311萬 祭掃 群眾 週六 周日 兩 天 全市 223 處 祭掃 點 共 接待 群眾 113萬 餘 人 疏導 機動車 42萬 餘 輛 現場 祭掃 人數 週六 同 比 去年 下降 90 周日 同比 下降 92 機動車 流量 也 同比 下降 近九成 預約 代 祭掃 網上 祭掃 家庭 追思 等 方式 成為 不少 市民 今年 清明 祭掃 的 新 選擇 截至 29 日 選擇 在 2020 年 清明節 網上 祭掃 服務平臺 祭掃 人數 超過 4700 人 全市 各 掃墓 點 平穩 有序 秩序 良好 資料 顯示 週六 當天 截至 17 時 全市 223 處 祭掃 點 共 接待 群眾 59萬 餘 人 疏導 機動車 21萬 餘 輛 同 比 去年 分別 下降 90 83 其中 八寶山 地區 接待 祭掃 群眾 3336 人 機動車 832 輛 人數 同 比 去年 減少 92 車輛 同比 減少 84 網同 紀念 網 是 大陸 最 早 做 互聯網 紀念 的 網站 之一 其 實際 負責人 王曉彥 表示 網路 祭掃 的 功能 早已 不是 簡單 的 花 歌燭 酒香 等 網上 點 擊 方式 家屬 可以 在 網上 為 逝 者 建立 紀念館 以 視頻 音訊 圖片 文字 等 多種 方式 祭奠 留念 網上 紀念館 已經 成為 一 種 數位 情感 遺產</t>
  </si>
  <si>
    <t>連鎖 餐飲 集團 六 角 2732 股東 常會 通過 配發 每股 現金 股利 85 元 今 2 日 進行 除息 交易 每股 參考價 151 元 六 角 今日 股價 開高 穩 揚 最高 上漲 232 至 1545 元 填息 率 達 約 4118 隨後 漲勢 有所 收斂 早 盤 維持 近 1 漲幅</t>
  </si>
  <si>
    <t>國際貨幣基金組織 imf 24 日 發 佈 世界 經濟 展望 world economic outlook 顯示 imf 將 2020 年 和 2021 年 中國 大陸 國內生產總值 gdp 的 增長 預測 分別 下調 至 1 和 82 較 上次 預測值 再 分別 下調 02 和 1 個 百分點 受 疫情 影</t>
  </si>
  <si>
    <t>1天37件未戴口罩 新北警鐵腕取締 最重罰15萬元</t>
  </si>
  <si>
    <t>瑞 磁 abc-ky 6598 受惠 出 貨 給 寵物 檢測 大廠 idexx 愛 德士 和 多元 腸胃 道 檢測 試劑 的 銷售 暢旺 帶動 上半年 營 收 達 15億 元 年成 長 140 目前 正 持續 加強 在 腸胃 道 檢測 的 佈局 預期 秋冬季 時 也 可望 通過 美國 fda 510 k 的 2</t>
  </si>
  <si>
    <t>《日股》東京單日確診創下逾1個月新高 日經225指數收跌007％</t>
  </si>
  <si>
    <t>日 股 東京 單日 確診 創下 逾 1 個 月 新高 日經 225 指數 收 跌 007</t>
  </si>
  <si>
    <t>新冠肺炎竟讓大陸人更有錢？！銀行VIP增1成　託管金額更增15兆</t>
  </si>
  <si>
    <t>semi 國際 半導體 產業 協會 公佈 北美 半 導體 設備 出 貨 報告 2020 年 12 月份 設備 製造商 出 貨 金額 成 長 達 26808億 美元 創下 歷年 同期 新高 紀錄 由於 半導體 市場需求 暢 旺 晶圓 代工廠 及 idm 廠 產能 滿載 到 下半年 記憶體 廠 新 一代</t>
  </si>
  <si>
    <t>《業績-生醫》疫情衝擊 羅麗芬首季每股虧003元</t>
  </si>
  <si>
    <t>口罩 實 名 制 20 將 上路 但 日前 食 藥 署 貼出 公告 由於 有 104 間 藥局 口罩 數量 剩 過多 因 此 10 12 日 都 不 會 收到 新 口罩 而 大部分 暫停 配送 的 藥局 都 位 在 雲林 台南 以及 高雄 等 地 新北 唯一一 間 則 位 在 瑞芳 藥師 全 聯會 日前 轉貼 公</t>
  </si>
  <si>
    <t>「報復性出遊」墾丁大街照曝光 網看這亮點驚：完了</t>
  </si>
  <si>
    <t>登記數一夕爆增 92萬人非高端不打？他曝最慘後果</t>
  </si>
  <si>
    <t>登記數 一 夕 爆 增 92萬 人 非 高端 不 打 他 曝 最慘 後果</t>
  </si>
  <si>
    <t>歐洲 多國 因 接種 az 疫苗 後 出現 血栓 故 暫時 施打 亞洲 的 泰國 昨日 12 也 宣佈 停 打 衛福部 部長 陳時中 卻 呼籲 持續 施打 引發 不少 質疑 藥師 林士峰 表示 血栓 發生率 約 萬分 之 006 az 疫苗 的 保護 力 卻 只 有 70 90 之間 臺灣</t>
  </si>
  <si>
    <t>本土 疫情 大增 雙 北周 六 升 三級 警戒 引發 民眾 恐慌性 採購 新北 果菜 公司 週末 所有 蔬菜 大 漲 近 40 菜 母 高 麗 菜 價格 更 是 漲飆 破 3 倍 新北 果菜 公司 總經理 江惠貞 表示 產地 蔬菜 供貨 充足 如今 碰上 雙北 18 日 起 高中職 以下 停課 團 膳 每天 約 可 釋出 約 18 公噸 蔬菜 預估 18 日後 菜價 可 回穩 一些 江 惠貞 說 週六 雙 北 提升 三級 警戒 週末 民眾 瘋 搶 物資 果菜 公司 週末 沒有 刻意 從 南部 進口 菜 因此 蔬菜 整體 約 漲 40 菜 母 高 麗 菜 是 所有 民生 便當 團 膳 常用 蔬菜 加上 目前 不是 產 季 產量 較 少 因此 高麗菜 價格 飆漲 33 倍 而 葉菜類 像是 大陸妹 小白菜 牛 番茄 等 約 都漲 到 15 倍 反映 民眾 恐慌 心理 菜 都還 在 田裡 不會 不夠 江 惠貞 說 產地 蔬菜 量 都 足夠 由於 疫情 關係 民眾 避 不 出門 拍賣場 人 也 少 目前 整體 供貨 型態 會 有所 改變 目前 大多 采 預約 交易 或 直接 透過 電 商 平臺 購 菜 18 日 起 學生 停課 兩 周 中央 餐 廚 蔬菜 頓時 停止 供餐 團 餐 兩 周約 可 釋出 約 200 公噸 蔬菜 預估 價格 可 回 穩 新北 果菜 公司 經理 郭瑞榮 進一步 指出 今年 氣候 好 梅雨季節 短 蔬菜 量 充足 水果 部分 雖然 整體 較往年 小 顆 但 甜度 也 較 甜 且 因為 不是 日常 用 食 因此 價格 沒有 落差 太 大 其實 供貨 端的 產地 也 很 緊張 週末 時 很 擔憂 因為 疫情 無法 將 菜 輸出 民眾 不必 搶 囤 蔬菜 郭瑞榮 坦言 非常 時期 蔬菜 價格 漲跌 供應 多寡 本來 就 會 較 不 穩定 他 也 聽 聞 南部 有 搶購 蔬菜 新北 果菜 公司 目前 致力 媒 合 團 膳 公司 釋出 的 蔬菜 提供 電 商 宮廟 企業 認購 等 方式 以 平衡 蔬果 物價</t>
  </si>
  <si>
    <t>《業績-其他電子》鴻海Q1獲利探底 每股僅賺015元</t>
  </si>
  <si>
    <t>日本 外務大臣 茂 木 敏充 今 6 日 宣佈 將 在 8 日 追加 提供 臺灣 113萬 劑 az 疫苗 路透社 報導 日本 外務大臣 茂 木 敏充 今日 在 例行 記者會 上 表示 日本 將 會 再 捐贈 臺灣 113萬 劑 az 疫苗 這 批 疫苗 將 於 8 日 配送 日本 先前 已經 無償 捐贈 臺灣 124萬 劑 阿斯特 捷利康 astrazeneca az 疫苗 這 批 疫苗 已於 6 月 4 日 運 抵 臺灣 總計 日本 至 今 提供 臺灣 237萬 劑 az 疫苗 目前 臺灣 自行 採購 的 疫苗 劑量 總計 達 2981萬 劑 包括 向 阿斯特 捷利康 採購 1000萬 劑 az 疫苗 莫德納 採購 505萬 劑 疫苗 透過 covax 採購 476萬 劑 疫苗 及 1000萬 劑 國產 疫苗 當中 已 到貨 約 152萬 劑 分別 為 自行 採購 的 117萬 劑 az covax 平臺 分配 的 6096萬 劑 az 以及 80萬 劑 莫德納 疫苗 另外 日本 捐贈 237萬 劑 az 疫苗 美國 捐贈 250萬 劑 莫德納 疫苗 立陶宛 捐贈 2萬 劑az 總計 外國 贈 台 489萬 劑 疫苗 目前 已 到貨 374萬 劑</t>
  </si>
  <si>
    <t>有 專家建議 疫情 警戒 從 三級 降 至 二級 前 可先 施行 25 級 過度 版 措施 先 完成 老人 疫苗 接種 並 觀察 一 至 兩 周 的 人流 如 未 造成 小型 群 聚 感染 再降 到 二級 警戒 臺北市 長 柯文哲 表示 就 我 專業 概念 臺北市 從現在起 每</t>
  </si>
  <si>
    <t>有 專家建議 疫情 警戒 從 三級 降 至 二級 前 可先 施行 25 級 過度 版 措施 先 完成 老人 疫苗 接種 並 觀察 一 至 兩 周 的 人流 如 未 造成 小型 群 聚 感染 再降 到 二級 警戒 臺北市 長 柯文哲 表示 就 我 專業 概念 臺北市 從現在起 每週 確診 者 會 降 一半 很快 數量 就 會 降到 相當 低 就算 沒有 疫苗 再 給 我們 1 個 月 時間 北市 也 能 做到 清零 柯文哲 說 臺北 要 清零 做 得 到 但 同 島 一 命 假設 雙 北 都 清零 但 其他 縣 市 仍 有 潛伏 的 案例 還是 沒 辦法 北市 12 個 行政區 有 5 個 行政區 從 13 日 起 就 沒有 案例 表示 精准 追 殺 有用 一段時間 後 北市 潛伏 感染 源 就 可 殲滅 柯文哲 表示 但 如果 從 外縣市 來 的 例如 一個 獅子王 就 可以 造成 很 多 感染 所以 真的 是 同 島 一 命 這 問題 我 想 很 久 不過 我 想 還 有 1 個 月 的 時間 先用 幾 周 時間 把 北市 清 零 清零 後 全台 怎麼 做 真 的 不是 北市 問題 也 不是 雙北 問題 是 全台 要 一起 想 的 問題</t>
  </si>
  <si>
    <t>馬英九不應多談防疫？ 網友竟認為</t>
  </si>
  <si>
    <t>CBA》漲7倍！林書豪投進三分球捐88萬</t>
  </si>
  <si>
    <t>為了 給 自己 更 多 的 激勵 與 刺激 原本 在 大陸 cba 例行 賽 允諾 每 投 進 1 顆 三分球 就 捐 3000 人民幣 約 台幣 13萬 給 弱勢 孩童 的 林書豪 決定 在 接下來 的 季後 賽 加碼 只要 他 在 季後 賽 投 進 1 顆 三分球 就 會 捐 出 21000 人民幣 約 台幣 8</t>
  </si>
  <si>
    <t>《金融》疫情衝擊投資收益 國銀前2月獲利衰退34％</t>
  </si>
  <si>
    <t>金融 疫情 衝擊 投資 收益 國 銀 前 2 月 獲利 衰退 34</t>
  </si>
  <si>
    <t>桃竹 苗 水庫 都在比 慘 石門水庫 水情 是 狀況 不好 寶 山和 寶 二 水庫 是 告急 永 和 山水 庫 很 緊急 新竹 地區 可能 在 6 月 1 日 亮紅燈 供 5 停 2 水 公司 指出 石門水庫 每天 還 是 會 支援 22萬 噸 水 給 新竹 在 甲 區 停水 時 調配 供給 乙 區 使用 目前 還 沒有 模擬 到 停 供 不 支援 新竹 的 狀況 供水 給 新竹 科學園區 的 寶山 和 寶二 水庫 每天 出水量 仍 維持 在 15萬 噸 24 日 寶 山 蓄水量 3484萬 噸 剩 69 只能 用 10 天 寶 二8639萬 噸 剩 26 還 能 撐 14 天 水 公司 三 處 區 副 處長 謝東穎 表示 石門水庫 目前 從 桃竹 備 援 管線 送 新竹 22萬 噸 主要 供 湖口 新豐 及 竹北 20萬 噸 餘 2萬 噸 供 新竹 市 若 進入 供 5 停 2 的 分區 供水 竹北 等 甲 區 在 停水 2 天時 水源 調配 給 乙 區 的 新竹 市 使用 同時 消防 醫療 及 學校 提供 13 處 載 水 點 甲 區 將 設置 28 處 臨時 供水站 乙 區 則 有 13 處 新竹 縣 各鄉鎮 市 將 增設 臨時 供水站 竹北市 18 處 竹東 鎮 6 處 芎林鄉 4 處 寶山鄉 2 處 新竹 縣長 楊文科 對 新竹 地區 可能 分區 供水 指示 衛生局 請 縣 內 42 家 住宿 式 長期 照 護 機構 盤點 貯 水能 量 並 加強 省 水 應變 要求 至少 支撐 48 小時 的 自助 抗旱 能力</t>
  </si>
  <si>
    <t>新聞透視》新冠肺炎20 恐再爆新一波疫情</t>
  </si>
  <si>
    <t>台灣防疫爆大漏洞？趙少康曝基層醫心聲</t>
  </si>
  <si>
    <t>C肝患者染新冠 死亡風險33倍！醫師呼籲必做9件事</t>
  </si>
  <si>
    <t>新竹 縣 20 日 新增 4 例 確診 個案 3 人 與 長 照 構 有關 80 多 歲 老婦 和 50 多 歲 男子 是 竹東 b 長 照 機構 住 民 60 多 歲 男子 則 是 b 機構 確診 者 的 家人 湖口鄉 30 多 歲 女子 則 是 是 桃園 市 確診 個案 的 接觸 者 至 防疫 旅館 居 隔 采 檢 陽性 確診 縣長 楊文科 指出 國內 陸續 發生 長輩 接種 疫苗 猝死 案件 雖然 死因 仍 待 中央 判 讀 確認 但 為 向 家屬 表達 慰問 縣府 將 成立 專款 只要 縣 內 接種 疫苗 14 天內 發生 不幸 離 世 事件 一律 先 發放 10萬 元 慰問金 縣府 團隊 並 將 協助 家屬 提出 預防接種 受害 救濟 申請 收集 相關 病歷 資料 提送 中央 審議 如 確定 因 預防接種 致死 最高 將 可 給 付 600萬 元 救濟金 楊 文科 說 新增 4 例 中 有 3 例 仍 屬 竹東 b 長 照 機構 80 多 歲 婦人 中風 長住 機構 三 度 采 檢 陽性 確診 50 多 歲 男子 長期 臥床 第 四 次 pcr 采 檢 陽性 確診 2 人都進 隔離病房 治療 另 60 多 歲 男子 是 b 長 照 機構 確診 照 服 員 的 丈夫 居隔 期間 曾 體溫 輕微 升高 未 就醫 後 發燒 就醫 采 檢 陽性 確診 收治 醫院 隔離病房 治療 這 3 例 接觸 者 均 已 匡列 皆 為 住 民 無 公共場所 活動 史 公佈 住 湖口鄉 的 30 多 歲 女子 是 桃園 市 確診 的 接觸 者 18 日 入住 防疫 旅館 采 檢 結果 陽性 確診 收治 隔離病房 共 匡列 接觸 者 共 19 人 足跡 為 湖口鄉 中山路 一 段 與 和 愛 路 的 全聯福利中心 已 完成 環境 消毒 楊 文科 說 中央 配發 新竹 縣 第一 波 1萬3000 劑 疫苗 到 昨 為止 已 施打 1萬2127 劑 整體 接種 率 為 933 其中 87 歲 以上 施打 4322 人 接種 率 655 第二 波 82 到 86 歲 有 9047 人 將 在 21 日 開始 開 打 新竹 縣 居家 隔離 人數 現有 1581 人 為 協助 居家 隔離 民眾 送 餐 服務 等 各項 需求 縣府 設置 4 支 安 疫 服務 專線 提供 24 小時諮 詢 服務 居家 隔離 民眾 有 任何 需求 都 可以 撥打 安 疫 專線</t>
  </si>
  <si>
    <t>病毒專家：食野味劣質文化不改 SARS 30必重返</t>
  </si>
  <si>
    <t>韓國瑜新民調曝光陳揮文大驚！點名3人？</t>
  </si>
  <si>
    <t>mosfet 金屬 氧化物 半導體 場 效 電晶體 市場 在 疫情 催化 下 呈現 供給 緊張 也 帶動 傑 力 5299 9 月 營 收在 月 增 年 增上 都 超越 2 成 且 在 歐美 疫情 尚未 得到 明顯 控制 下 傑 力 後續 表現 依舊 可期 傑 力 9 月 營 收 197億 元 月 增加 22 36</t>
  </si>
  <si>
    <t>mosfet 金屬 氧化物 半導體 場 效 電晶體 市場 在 疫情 催化 下 呈現 供給 緊張 也 帶動 傑 力 5299 9 月 營 收在 月 增 年 增上 都 超越 2 成 且 在 歐美 疫情 尚未 得到 明顯 控制 下 傑 力 後續 表現 依舊 可期 傑 力 9 月 營 收 197億 元 月 增加 2236 年增率 21 單月 業績 創 歷史 新高 累計 1 9 月 營 收 合計 14億 元 較 去年同期 增加 93 同創 歷史 同期 新高 記錄 歐美國家 疫情 持續 發酵 使得 居家 辦公 遠 端 教學 的 需求 預計 將 一路 旺 到 年底 這 也 使得 mosfet 在 去年 拉 貨 力 道 漸 緩 後 隨 著 今年 第二 季起 nb pc 需求量 大增 整體 市場 又 回到 供需 緊張 以 今年 起 疫情 一路 延燒到 今 nb 為 成長 最 具 爆發力 的 產業 之一 加上 全球 5 大 nb廠 皆 為 傑 力 客戶 也 使得 傑 力 營運 一路 走 升 以 目前 疫情 控制 狀況 來看 nb 需求 將 一路 延伸 到 第 四季 甚至 是 明年初 對 傑 力 營運 動能 將 提供 明顯 助益 除 疫情 帶來 的 nb商 機 外 傑 力 也 持續 擴大 商用 nb 市場 其 在 商用 nb 的 市 占 率 也 穩定 提升 由於 商用 市場 產品 的 毛利率 較 高 此 也 有利於 傑 力 長 線 的 獲利 表現</t>
  </si>
  <si>
    <t>生 醫 族群 個股 各 擁 題材 發燒 智擎 4162 pep 503 用於 治療 頭頸 癌 獲 美國 fda 快速 審查 資格 盤中 鎖 在 漲 停板 605 元 買 盤 超過 700 張 排隊 等 著 要買 雙美 4728 膠 原 蛋白 植入 劑 出 貨 旺 1 月 營 收 年 增 15264 強調 市場需求 仍 在</t>
  </si>
  <si>
    <t>國民黨 立 委 陳玉珍 針對 口罩 網路 預訂 政策 指出 徵收 口罩 成本 25 元 再 加上 物流 處理費 後 所以 才 變成 1 片 5 元 但 現在 開放 預訂 後 便利商店 領 貨 要 再 加 7 元 物流 處理費 原本 的 5 元 不 就 內含 物流 費 了 嗎 陳玉珍 批評 偏偏 一 群</t>
  </si>
  <si>
    <t>國民黨 立 委 陳玉珍 針對 口罩 網路 預訂 政策 指出 徵收 口罩 成本 25 元 再 加上 物流 處理費 後 所以 才 變成 1 片 5 元 但 現在 開放 預訂 後 便利商店 領 貨 要 再 加 7 元 物流 處理費 原本 的 5 元 不 就 內含 物流 費 了 嗎 陳 玉珍 批評 偏偏 一 群 健忘 的 人 還 在 她 提出 不應 另 加收 這 7 元後 在 那邊 帶 風向 亂 批評 請問 這些 健忘 的 選民 你們 是 忘記 了 還是 害怕 想 起來 陳 玉珍 強調 政府 的 政策 是 要 引導 民眾 行為 的 方向 網路 預訂 的 效果 有助於 口罩 的 有效 分配 和 避免 排隊 的 群 聚 感染 以及 減少 排隊 的 時間 成本 各 方面 都 是 一 件 好事 而 5 塊 錢 本來 就 含 物流 費 為了 要 鼓勵 大家 多用 網路 訂購 更 不 應該 收 這個 7 塊 錢 藉 由 一樣 的 購買 成本 來 導 引 民眾 往 預先 訂購 的 方向 去 走 政策 訂 定 的 目的 應該 朝 這個 方向 努力 這個 也 是 我 說 七 塊 錢 沒有 必要 收 的 深層 道理 不過 陳玉珍 的 講法 也 引來 網友 批評 陳玉珍 對此 也 表示 很 高興 有 越來越 多 的 年輕 網友會 關心 及 來 玉珍 這裡 討論 公共 議題 但是 在 討論 的 過程 中 即使 是 在 跟 網友 們 持有 不同 意見 時 也 請 大家 保有 一定 的 互相 尊重</t>
  </si>
  <si>
    <t>搶救住宿率！高雄飯店響應防疫改推安心住房異地辦公</t>
  </si>
  <si>
    <t>wwe 年度 摔 角 大賽 4 月 5 日 改 成 閉門 舉行 對 舉辦地 造成 經濟 衝擊 去年 光是 周邊 活動 就 為 紐約 與 紐澤西 帶來 16億 美元 商 機 約 48億 台幣 今年 的 摔 角 狂熱 wrestlemania 36 連 主力 選手 都 拒絕 上場 了 大 狗 瑞恩斯 roman re</t>
  </si>
  <si>
    <t>台灣高鐵 配息降至121元</t>
  </si>
  <si>
    <t>封 測 廠頎 邦 6147 2020 年 第 四季 稅 後 淨利 雙 升 至 1016億 元 改寫 歷史 第 三高 每股 盈 餘 eps 156 元 累計 全年 稅 後 淨利 3661億 元 年 減 1048 每股 盈 餘 561 元 仍 雙創 歷史 第 三高 公司 尚未 公佈 股利 政策 將 於 6 月 1</t>
  </si>
  <si>
    <t>資深 媒體 人 黃暐瀚 的 母親 這個 月 5 日 在 台中 市南區 住家 附近 遭 酒 駕 美髮 師 撞 上 身亡 17 日 上午 原本 要 舉行 公祭 但 近來 臺灣 疫情 升溫 以 防疫 優先 為 考量 家 祭 不 公祭 數 十 名 親友 出席 黃盼 臺灣 能夠 渡過 這次 的 疫情 難關 黃暐瀚 的 母親 因 車禍 意外 過世 後 期間 仍 有 黃 的 聽眾 粉絲 到 市立 殯儀館 為 黃 媽媽 上香 但 近日 臺灣 本土 疫情 升溫 黃於 15 日 下午 在 粉絲 專 頁 宣佈 取消 公祭 當天 進行 家 祭 po 文 指稱 追思 家母 防疫 優先 希望 臺灣 能夠 渡過 這次 的 疫情 難關 黃暐瀚 的 粉絲 專業 po 文 指出 疫情 當前 人人有責 此刻 不是 只 有 搶 物資 拼 儲糧 而已 更 重要 的 是 減少 出門 減少 接觸 做好 健康 管理 勤洗手 戴 口罩 噴 酒精 黃暐瀚 續 指 家母 自從 事故 之後 這 段 期間 受到 社會各界 的 關心 與 照顧 主動 來 幫忙 誦經 的 法師 自動 到 現場 獻花 上香 的 民眾 哥哥 暐 舜 與 我 銘感五內 難以 言喻 面對 大家 的 溫暖 我們 兄弟倆 感謝 感恩 感動 疫情 當頭 逾 6萬 名 網友 為 其 加油 留下 數 千 則 留言 30 歲 美髮 師 方兆傑 於 5 日 淩晨 駕駛 賓士 車行 經 台中 市 東興路 1 段 與 樹義 1 巷 閃 燈 路口 撞 上黃 暐 瀚 的 母親 後 拖 行 70 公尺 身亡 警方 追查 方在 事發 前 24 小時 在 4 日 淩晨 駕駛 同 輛 賓士 車 在 西屯 酒 駕 遭 攔 查 酒 測 值 達 025 遭 依 公共 危險 罪 移送 翌日 2 度 酒 駕 釀 大禍 中 時 新聞網 關心 您 飲酒 過量 有礙 健康 中 時 新聞網 提醒您 酒後 不 開車 安全 有 保障</t>
  </si>
  <si>
    <t>聯發 科 2454 3 月 營 收 重 回 200億 元 大關 相較 2 月 大幅 成長 2527 也 帶動 第一 季營 收 沖 上 60863億 元 一舉 超越 財 測 聯發 科 3 月 營 收 22824億 元 月 成 長 2527 年成 長 227 累計 第一 季營 收 60863億 元 年 增加 1544 超</t>
  </si>
  <si>
    <t>根據 國際 半導體 產業 協會 semi 最新 統計 2020 年 全球 半 導體 製造 設備 市場 大幅 成長 19 銷售總額 由 2019 年 的 5975億 美元 攀 至 2020 年 的 7119億 美元 並 創下 歷史 新 高 紀錄 今年 受惠 於 全球 半導體廠 大舉 拉高 資本 支出 並 擴大</t>
  </si>
  <si>
    <t>波蘭週三新增確診17萬人 創去年11月來新高</t>
  </si>
  <si>
    <t>航空業紓困 交通部擬補助486億元</t>
  </si>
  <si>
    <t>南 投 縣 目前 已 完成 32萬2574 人 接種 作業 全縣 人口 涵蓋 率 5055 南 投 縣長 林明溱 9 日 到 設 在 慈 濟南 投 連絡處 接種 站 視察 時 表示 感謝 許多 默默 奉獻 在 接種 站 協助 接種 工作 用 愛心 支持 到底 的 協力 夥伴 抱 著 多 幫 民眾 接種 一 劑 疫</t>
  </si>
  <si>
    <t>自購595萬劑AZ來了 今15：25抵台</t>
  </si>
  <si>
    <t>自 購 595萬 劑 az 來 了 今 15 25 抵 台</t>
  </si>
  <si>
    <t>繼 上週五 27 日 中午 有 265萬 劑 az 疫苗 抵 台 今 31 日 下午 又 有 疫苗 要來 了 我國 自 購 的 595萬 劑 的 az 疫苗 將 由 華航 ci 834 載運 預計 在 下午 3 時 25 分 抵達 桃園 機場</t>
  </si>
  <si>
    <t>亞變異株AY42傳播力更強 科學家憂心未來將取代Delta</t>
  </si>
  <si>
    <t>ay 42 亞 變異 株 delta 科學家 傳播 力</t>
  </si>
  <si>
    <t>德國 政府 發言人 今天 表示 總理 梅克爾 angela merkel 在 先前 接種 阿斯特 捷利康 astrazeneca az 疫苗 後 第二 劑 已 接受 施打 莫德納 moderna 疫苗 法新社 報導 今年 66 歲 的 梅克爾 4 月 時 接種 az 疫苗 在 那 之前 逾 兩 周 德國 當局 曾 建議 az 疫苗 應 只 適用於 60 歲 以上 族群 梅克爾 在 執政 16 年 後 即 將 於今 年下 台 她 2019 年 曾多次 在 公開場合 出現 顫抖 狀況 引發 對於 她 健康 的 關切 但 她 之後 健康狀況 看似 良好 德國 推動 接種 疫苗 在 歷經 艱難 起步 後 近 幾 周 進度 大幅 加速 截至 今天 為止 德國 已 有約 1 2 或是 512 的 人口 接種 首 劑 疫苗</t>
  </si>
  <si>
    <t>《業績-觀光》漢來美食Q1每股賺064元 5月見復甦曙光</t>
  </si>
  <si>
    <t>新北 市 透過 廣 篩 確診 個案 發病 日 與 確診 日 已 達 0344 趨 近於零 疫情 有 趨 緩 趨勢 不過 新北 市長 侯友宜 說 目前 大家 低度 活動 但 家戶 感染 比例 卻 逐漸 攀升 到 60 以上 把 居家 隔離 做 得 更 好 並 在 解 隔離 前 采 檢 就 能 斬斷 家庭</t>
  </si>
  <si>
    <t>上市 櫃 指數 上周 連袂 走 強後 興 櫃 市場 也 不遑 多 讓 全周 成交 值 雖 較 前 周大 減 逾 三 成 僅 3448億 元 但 盤面 個股 卻 一 掃 陰霾 股價 紛紛 出現 旱地 拔 蔥 之 姿 尤以生 技 族群 最為 亮 眼 包括 法 德 藥 4191 等 5 檔 個股 周 漲幅 皆 逾 三 成</t>
  </si>
  <si>
    <t>日商 macnica 集團 旗 下 專業 ic 通路商 茂 6227 今日 公告 5 月 合併 營 收 7億 元 月 增 34 年 增 91 主要 在於 資料 中心 及 雲端 服務 相關 應用 產品 出貨量 持續 成長 加上 東南亞 國家 陸續 解封 客戶 拉 貨 力 道 明顯 回溫 茂綸 表示 近</t>
  </si>
  <si>
    <t>利機 3444 通 過 上半年 財 報 累計 上半年 稅 後 盈 餘 5877萬 元 每股 稅 後 盈 餘 15 元 較 去年同期 成 長 16 毛利率 達 31 已 連續 五 個 半年度 保持 成長 趨勢 再次 刷新 歷史 新 高點 表現 優於 市場 預期 利機 第二 季 單季 營業毛利 6940</t>
  </si>
  <si>
    <t>人稱 中華 電 2412 小 金雞 的 是 方 6561 目前 中華 電 持 股 56 日前 董事會 通過 未來 幾 年 將 砸 重金 投資 逾 20億 元 在內 湖 打造 第 四 座 機房 預計 2023 年 就 會 上線 服務 除 看好 市場 潛在 的 成長 力 道外 是 方也 希望 將 自身 的 基本功 鍛 鍊 的 更 扎實 吸引 更 多 的 國際 客戶 進駐 總經理 劉耀元 也 訂 下 10 年 後 終極目標 躍升 東亞 電訊 中心 ai 商務 中心 挾 臺灣 地理 位置 之便 取代 香港 的 核心 地位 不僅如此 是 方也 看 准 人口 結構 的 老年 化 健康 大餅 可觀 預計 後續 3 5 年 可以 達到 有效 規模 經濟 成為 是 方 另 一 股 營運 新 血 問 是 方 四大 產品 線 包括 國際 idc 機房 服務 資料 網路 服務 語音 通信 服務 雲端 應用服務 未來 這 四大 區塊 5 年 內 的 發展 曲線 占比 公司 營 收 貢獻 比重 的 變化 是 方 idc 在 2020 年 占比營 收 29 網路 占 比 營 收 47 語音 占 比 10 至於 雲端 服務 則 占比 14 展望未來 劉耀元 預估 idc 雲端 會 持續 往 上成長 網路 持平 語音 則 會 往下走 語音 部分 主要 是 受到 現在 人 的 通話 習慣 採用 通訊 軟 體 的 網路 電話 比例 攀升 是 方 語音 這塊 獲利 不 佳 是 不可避免 的 在 是 方 的 定義 上 各 產品 都 是 一個 搭配 的 概念 客戶 有 需求 就 會 搭配 在 產品組合 中 所以 語音 會 持續 存在 但 比例 會 是 一個 下滑 的 趨勢 未來 占 比 滑落 至 個 位數 是 可 預見 的 至於 idc 資料 網路 雲端 則 是 都會 繼續 成長 其中 又 以 idc 雲端 的 成長 動能 最 強 各 產品 線 存在 相對 關係 在 idc 做 越 好 帶動 網路 雲端 做 越 好 就 帶動 網路 idc 等 彼此間 相輔相成 是 方 雲端 產品 在 2019 年 2020 年 成長 幅度 均達 30 今年 估計 會 有 20 的 成長 idc 產品 則 維持 和 前 兩 年 相同 的 成長 幅度 即 約 10 問 是 方 過去 幾 年 以來 營 收 毛利率 獲利 等 呈現 逐年 來 的 穩定 成長 2020 年 每股 獲利 為 867 元 毛利率 站上 437 對於 2021 年 營 收 毛利率 獲利 的 設定 目標 成長 幅度 劉耀元 表示 預估 後續 是 方 每年 營 收 會 維持 歷史 軌跡 6 8 的 成長 獲利 約 10 成長 毛利率 則 穩定 成長 1 2 成長 是 方 背後 有 堅強 的 團隊 隨 著 規模 經濟 擴大 單位成本 降低 就 可以 有效 拉升 毛利率 問 是 方為 中立 的 國際電信 中心 挾 著 平臺 經濟 會員 經濟 打造出 成功 的 經營 範疇 以及 穩健 獲利 客戶 的 群 聚 也 形成 黑洞 效應 後續 計 畫 如何 延伸 更 廣 的 產品 線 爭取 更 多 目標 客戶 劉耀元 表示 是 方 服務 和 一般 業者 不 一樣 國際 客戶 約 占 50 國內 約 50 famg 四大 科技 巨頭 facebook amazon microsoft google 都 是 是 方 客戶 而 這些 大型 企業 業務 規模 穩定 成長 想當然 爾 對 是 方 有利 且 當 國外 業者 來 臺灣 發展 是 方也 可以 幫助 其 推廣 臺灣 業務 提供 在 地 的 幫助 劉耀元 表示 是 方 終極目標 就 是 成為 東亞 電訊 中心 ai 商務 中心 也 因此 所有 的 佈局 都 往 這塊 邁進 希望 未來 10 年 可以 達 陣 當然 三 年 後 是 方就會 和 現在 有 明顯 不同 透過 東協 串聯 第 四 棟 機房 的 加入 將 會 吸引 更 多國 際 海 纜 客戶 有 機會 慢慢 取代 香港</t>
  </si>
  <si>
    <t>旅遊業者 雄獅 2731 股東 常會 通過 配 息 2 元 今 1 日 進行 除息 交易 每股 參考價 76 元 面對 疫情 寒冬 集團 啟動 世代 交替 計畫 力拼 轉型 突圍 今日 股價 開高 穩 揚 最高 上漲 196 至 78 元 填息 率 達 75 盤中 維持 逾 1 漲幅</t>
  </si>
  <si>
    <t>八 貫 1342 8 月 營 收 月 成 長 1849 創下 今年 單月 新 高 八 貫 表示 下半年 因 疫情 受益 的 產業 訂單 會 持續 成長 看好 全年 營運 審慎 樂觀 以待 八 貫 8 月 營 收 149億 元 月 增 1849 年 減 1442 累計 前 8 月 營 收 997億 元 年 增 266</t>
  </si>
  <si>
    <t>新冠肺炎衝擊 澳門2月博彩收入大跌878％</t>
  </si>
  <si>
    <t>紓困射4箭 川普簽22兆美元經濟刺激法案</t>
  </si>
  <si>
    <t>前 臺灣省 議會 議長 前 立法委員 劉炳偉 21 日 淩晨 2 時許 於板橋 中興 醫院 過世 享壽 67 劉炳偉 女兒 劉美芳 21 日 仍 堅強 出席 在 新北 市 議會 舉行 的 爭取 新北 市 防疫 公務人員 加發 防疫 獎金 記者會 關心 疫情 與 第一 線 公務人員 福利 劉美芳 會後 指出 因為 事情 才剛 發生 目前 先 移 靈 等 靈堂 設置 好 再 向 各界 告知 感謝 大家 關心 劉家 在 板橋 深 根 基層 劉 叱 吒 政壇 20 餘 年 在 地方 影響力 頗深 去年 女兒 劉美芳 本 有意 參選 板橋 東區 立 委 不過 因 劉炳偉 罹 癌 開刀 後 身體狀況 不 理想 去年 檢查報告 出爐 確定 癌細胞 移 轉至 其他 部位 她 希望 有 更 多 時間 陪伴 父親 接受 治療 今日 記者會 劉美芳 仍 堅強 與其 他 議員 同僚 出席 記者會 為 第一 線 防疫 公務人員 請命 建 請 新北 市長 侯友宜 向 中央 爭取 經費 並以 新北 市 第二 預備金 約 362億 元 先行 墊 付 加發 防疫 獎金 以 慰勞 他 們 的 辛苦</t>
  </si>
  <si>
    <t>鄉 林 5531 集團 董事長 賴正鎰 指出 觀察 青島 南京 與 成都 2 月底 復工 情況 沒有 受到 太 大 的 影響 昨日 成都 更 傳來 消息 當地政府 單位 在 3 月 4 日 就 重 啟 樓盤 的 搖 號 登記 這 幾 天 陸續 公佈 搖 號 結果 其中 最低 的 中簽 率 僅 有 062</t>
  </si>
  <si>
    <t>第七輪AZ首日接種229萬人 加開預約至今晚6點</t>
  </si>
  <si>
    <t>第 七 輪 az 疫苗 接種 昨 3 日 開 打 昨 單日 疫苗 接種 人次 23萬7233 其中 az 打 了 22萬9189 人次 目前 疫苗 人口 涵蓋 率 4377 劑 次 人口 比 4790 另外 第 七 輪 加開 預約 從 昨天 上午 10 點 開放 至 今天下午 1 點 共有 42萬6718 人 完成</t>
  </si>
  <si>
    <t>巧新11月合併營收76億元 創四年半來單月營收新高</t>
  </si>
  <si>
    <t>高端現增資192億元入袋 疫苗開發加馬力24日法說會報佳音</t>
  </si>
  <si>
    <t>pos 廠 伍豐 8076 董事會 通過 2019 年 股利 分派 案 擬 以 盈 餘 配 息 026 元 以 資本 公積 配股 約 074 元 合計 派利 約 1 元 盈 餘 配發 率 約 9709 以 21 日 收盤價 272 元 計算 現金 殖 利率 僅 約 096 公司 將 於 6 月 12 日 召開 股東 常會</t>
  </si>
  <si>
    <t>微 機電 mems 麥克風 廠 鈺 太 6679 公告 第一 季 合併 營 收 367億 元 改寫 歷史 同期 新 高 法人 表示 在 筆 電 需求 旺盛 推動 下 類比 式 麥克風 及 數位式 麥克風 出 貨 表現 同步 暢旺 進入 第二 季後 更 有 機會 沖 出 單季 新高 水準 上 半</t>
  </si>
  <si>
    <t>創近2年半新低！汽、柴油各調降06及07元</t>
  </si>
  <si>
    <t>創 近 2 年 半 新低 汽 柴油 各 調 降 06 及 0 7 元</t>
  </si>
  <si>
    <t>國內 7 月 27 日 起 降 至 二級 防疫 警戒 除了 雙 北外 各縣市 有 條件 開放 餐飲 美食街 內 用 連鎖 咖啡 路易莎 今天 開 第一 槍 宣佈 將 配合 地方 政府 開放 內 用 及 洗手間 而 星 巴克 85 度 c cama caf 還 在 討論 中 最 快 今天 會 有 結果 明天 26 日 是 降為 二級 警戒 的 第一 天 由於 上次 微 解封 中央 地方 不 同調 讓 這次 連鎖 咖啡 業者 也 在 觀望 是否 開放 內 用 而 27 日 降級 除了 雙 北外 的 縣 市 都 有 開放 內 用 全台 超過 500 間 連鎖 分店 的 路易莎 咖啡 今 率先 宣佈 依照 縣市政府 規範 預計 全台 超過 222 間 分店 會 開放 內 用 與 洗手間 路易莎 表示 內 用 會 遵照 防疫 指引 入店 實施 實 聯 制 量 體溫 消毒 手部 間隔 15 公尺 梅花座 內 用 座位 隔板 此外 收銀 區 會 再 裝 設 隔板 加強 防疫 門市 收銀 人員 須 配戴 口罩 與 面罩 而 各 店 因 防疫 考量 營業時間 仍 保有 彈性 調整 空間 以 各 門市 公告 為 准 其他 連鎖 咖啡店 伯朗 咖啡 表示 27 日 以後 仍 禁止 內 用 星 巴克 85 度 c 丹堤 以及 cama cafe 還 在 討論 中 預估 最 快 今天 宣佈 結果</t>
  </si>
  <si>
    <t>寒舍 2739 受惠 臺北 喜來登 完成 裝修 在 營運 干擾 因素 排除 下 2019 年 營運 表現 顯著 回升 第 四季 稅 後 獲利 創 116億 元 次高 每股 盈 餘 eps 105 元 合計 全年 合併 營 收 創 4478億 元 新高 稅 後 淨利 123億 元 每股 盈 餘 1 11 元</t>
  </si>
  <si>
    <t>抗疫救經濟 韓國三度追加預算 金額353兆韓元 史上最大</t>
  </si>
  <si>
    <t>疫情釀恐慌？ 美好市多驚見棺材網：超前部署</t>
  </si>
  <si>
    <t>瑞昱 2379 第 四季 五大 產品 線 除 tv soc 高峰 已 過 外 其 餘 皆 維持 成長 動能 且 有 機會 維持 到 明年 展望 2021 年 藍芽 wifi 6 更 將 扮演 瑞昱 營運 兩 大 亮點 今 股價 開高 震盪 上漲 約 15 最高 達 3805 元 瑞昱 第 三 季 營 收 224 09億</t>
  </si>
  <si>
    <t>瑞昱 2379 第 四季 五大 產品 線 除 tv soc 高峰 已 過 外 其 餘 皆 維持 成長 動能 且 有 機會 維持 到 明年 展望 2021 年 藍芽 wifi 6 更 將 扮演 瑞昱 營運 兩 大 亮點 今 股價 開高 震盪 上漲 約 15 最高 達 3805 元 瑞 昱 第 三 季 營 收 22409億 元 季 增加 2925 年 增加 3968 單季 稅 後 純益 2509億 元 季 增加 2372 年 增加 3054 每股 稅 後 純益 483 元 瑞昱 第 三 季 營 收 獲利 同創 新高 單季 毛利率 4135 季 減少 34 個 百分點 年 減少 153 個 百分點 瑞 昱 受惠 在 wifi 4 wifi 5 乙太 網路 交換器 等 產品 線 的 帶動 下 單月 營 收自 6 月 起 連續 四 個 月 創下 歷史 新高 第 三 季 每股 獲利 492 元 也 成功 寫下 歷史 新高 目前 瑞昱 五大 產品 線 中 除 tv soc 的 出 貨 高點 已 過 外 包括 乙太 網路 pon 交換器 藍芽 等 訂單 能見度 都 可 達年底 其中 wifi 晶 片 甚至 可看 到 明年 第一 季 瑞昱 整體 營運 能見度 高 展望 2021 年 由於 wifi 6 可 支援 多 個 使用者 同步進行 上傳 與 下載 覆蓋範圍 比 wifi 5 80211 ac 多 80 傳送速率 也 比 wifi 5 快 40 故 wifi 6 替換 wifi 5 的 速度 將 比 過去 wifi 5 替換 wifi 4 的 速度 快 瑞昱 wifi 6 晶 片 才剛 開始 量 產 今年 貢獻度 很 低 但 預估 2021 年 大量 出 貨 後 滲透 率 將 達 20 30 另外 tws 無線 藍牙 耳機 儘管 今年 上半年 受到 疫情 影響 終端 消費市場 但 瑞昱 在 下半年 推出 含 anc 主動 降 噪 功能 的 第二 代 tws 晶 片 產品 毛利率 也 較佳 瑞昱 也 看好 2021 年 具有 anc 的 tws 晶 片 出貨量 大增 2022 年 將 成為 主流產品 車用 領域 上 瑞昱 耕耘 已久 惟 車用 市場 需要 較 長 的 認證 時間 瑞昱 看好 未來 乙太 網路 晶 片 將 取代 can-bus 2019 年 起 已 出 貨 給 德國 tier i 汽車 零 組件 供應商 預計 長線 市 占率會 穩定 成長 扮演 另 一 股 成長 動能</t>
  </si>
  <si>
    <t>日本 伴 手 禮 業者 紅 馬 -ky 2928 股東 常會 通過 配 息 1 元 今 15 日 進行 除息 交易 每股 參考價 3975 元 紅 馬 今日 開高 後 量 增 穩 揚 隨後 在 買 盤 敲 進 下 飆 升 818 至 43 元 開盤 17 分鐘 即 完成 填息 早 盤 維持 逾 4 漲幅 位居 觀光</t>
  </si>
  <si>
    <t>日本 伴 手 禮 業者 紅 馬 -ky 2928 股東 常會 通過 配 息 1 元 今 15 日 進行 除息 交易 每股 參考價 3975 元 紅 馬 今日 開高 後 量 增 穩 揚 隨後 在 買 盤 敲 進 下 飆 升 818 至 43 元 開盤 17 分鐘 即 完成 填息 早 盤 維持 逾 4 漲幅 位居 觀光 類 股 漲勢 前段 班 紅 馬 2020 年 6 月 自 結合 並 營 收 335億 元 月 減 538 年 減 2865 因 時序 步入 淡季 第二 季 合併 營 收 1001億 元 季 減 4922 年 減 1401 降 至 4 年 半 低點 不過 累計 上半年 合併 營 收 2977億 元 仍 年 增 達 1294 改寫 同期 次高 紅 馬錶 示 上半年 伴 手 禮 業務 受 疫情 衝擊 影響 甚 大 營 收 年 減 達 4 成 但 受惠 furusato 360 跨 平臺 效益 逐步 顯現 帶動 上半年 故鄉 納稅 業務 營 收 年 增 達 7 成 故鄉 納稅 總 捐款 金額 達 221億 日圓 帶動 上半年 營 收 仍 年 增 13 創下僅次於 2017 年 的 同期 次高 展望 後市 紅 馬對 下半年 展望 維持 審慎 樂觀 態度 針對 故鄉 納稅 業務 公司 將 持續 尋求 與 其他 大型 入口 網站 合作 增加 地方 自治體 滲透 率 與 故鄉 納稅 回禮 曝光度 預期 在 furusato 360 跨 平臺 規模 效益 持續 顯現 下 今年 故鄉 納稅 業務 可望 逐 季 成長 伴 手 禮 業務 方面 紅 馬雖 預期 短期 內 不 會 明顯 回溫 但 在 疫情 逐步 受 控 前提 下 為 促進 日本 國內 觀光 復蘇 日本政府 預計 第 三 季 推出 go to campaign 補貼 計畫 其中 將 針對 旅遊業 與 伴 手 禮 等 產業 提出 重點 補助 待 該 計畫 正式 實施 後 公司 伴 手 禮 業務 可望 受惠</t>
  </si>
  <si>
    <t>曝確診3大症狀！醫點出隱憂：發燒比例低要注意</t>
  </si>
  <si>
    <t>華航1月客運成長1290％ 貨運衰退1784％</t>
  </si>
  <si>
    <t>華航 1 月 客運 成長 1290 貨運 衰退 1784</t>
  </si>
  <si>
    <t>中央配發BNT延遲 桃園28校、18萬名學生要延後施打</t>
  </si>
  <si>
    <t>桃園 市 自 22 日 進行 校園 bnt 疫苗 接種 計 畫 原 預計 10 月 8 日前 完成 但 接 獲 中央 通知 疫苗 延遲 現有 28 所 學校 18萬 名 學生 會 受到 影響 預計 要 延期 至 10 月 12 日 以後 才能 接種 疫苗 桃園 市 衛生局 指出 bnt 疫苗 校園 接種 原 預計 10 月</t>
  </si>
  <si>
    <t>新北 市 陸續 進行 校園 bnt 接種 新北 市長 侯友宜 今 主持 疫情 說明會 表示 昨日 有 28 校 接種 bnt 預計 施打 2萬6796 人 施打 比率 為 9867 其中 出現 注射 部位 微 疼痛 疲倦 頭痛 等 輕微 不適 症狀 的 有 5369 人 發燒 大於 38 度 是 179 人</t>
  </si>
  <si>
    <t>新北 市 陸續 進行 校園 bnt 接種 新北 市長 侯友宜 今 主持 疫情 說明會 表示 昨日 有 28 校 接種 bnt 預計 施打 2萬6796 人 施打 比率 為 9867 其中 出現 注射 部位 微 疼痛 疲倦 頭痛 等 輕微 不適 症狀 的 有 5369 人 發燒 大於 38 度 是 179 人 呼吸困難 氣喘 眩暈 等 不良反應 是 251 人 昨日 就醫 人數 是 6 人 侯友宜 說 昨日 線 上 教學 學生 有 2萬7360 人 請 疫苗 假 比例 為 1227 人 請假 比例 43 到 課 比率 高 雖然 明天 六 日 沒有 線 上 教學 但 校方 隨時 會 透過 教師 跟 家長 的 聯繫 系統 隨時 做好 溝通 做好 跟 學生 密切 聯繫 也 希望 週五 打 疫苗 的 同學 可以 好好 休息</t>
  </si>
  <si>
    <t>臺北市 獲 配發 56萬 劑 az 疫苗 今 開始 施打 其中 18萬 劑 將 分配 給 基層 診所 醫 事 等 工作人員 施 打 北市 衛生局 專門 委員 歐佳齡 指出 衛生局 已 造冊 采 分區 通知 診所 醫護人員 到場 施打 並以 診所 為 單位 避免 造成 群 聚 的 狀況</t>
  </si>
  <si>
    <t>臺北市 獲 配發 56萬 劑 az 疫苗 今 開始 施打 其中 18萬 劑 將 分配 給 基層 診所 醫 事 等 工作人員 施 打 北市 衛生局 專門 委員 歐佳齡 指出 衛生局 已 造冊 采 分區 通知 診所 醫護人員 到場 施打 並以 診所 為 單位 避免 造成 群 聚 的 狀況 歐佳玲 指出 一 天 約 可 施 打 6800 人 盼 能 在 週六 前 完成 施打 臺北市 醫師公會 也 指出 北 市府 決定 在 2 日 至 4 日 共 3 天 時間 提供 本 全市 基層 院所 醫 事 人員 接種 az 疫苗 接種 地點 將 依 診所 所在 行政區 鄰近 的 聯合醫院 就近 接種 請 診所 人員 接到 通知 攜帶 執業 執照 正本 及 健 保 卡 正本 前往 指定 地點 接種 歐佳齡 說 從 今天 開始 施打 包括 聯合醫院 各院 區 等 地區 都 會 協助 施打 疫苗 計算 下來 一 天 可 打 6800 人 至 7000 人 也 有 分批 通知 各 診所 施打 的 時間 避免 群 聚 至於 週六 前 所有 北市 基層 診所 醫護人員 是否 會 全面 施打 完成 歐佳齡 說除非 疫苗 不夠 但 會 儘量 滿足 需求 盼 能 在 週六 前 完成 施打</t>
  </si>
  <si>
    <t>陝西新冠肺炎患者康復218例 治癒率889％</t>
  </si>
  <si>
    <t>榮剛3月合併營收841億元 創今年來新高</t>
  </si>
  <si>
    <t>臺灣 疫苗 還 在 拼 第 1 劑 接種 覆蓋率 但 臺北市 萬 華運動 中心 卻 推出 打 第 3 劑 疫苗 可 免費 游泳 1 個 月 的 優惠 但 國內 截至 14 日 僅 有 48 的 1 劑 覆蓋率 45 的 2 劑 覆蓋率 臺北市 長 柯文哲 表示 製作 創意 廣告 的 委 外 廠商 本意 是 想 諷</t>
  </si>
  <si>
    <t>南韓出現超級傳播者 61歲婦發燒不聽勸照參加婚禮</t>
  </si>
  <si>
    <t>美擴大紓困 參院追加147兆台幣</t>
  </si>
  <si>
    <t>廣州7日新增10例新冠確診 已核酸採樣279855萬份</t>
  </si>
  <si>
    <t>日 系 外資 針對 台 塑化 6505 出具 最新 報告 指出 由於 煉油 利潤 和 石化 產品 的 價差 逐漸 恢復 將 有利於 台 塑化 故 將 台 塑化 評等 從 中立 調升 到 買進 目標價 由 746 元 調升 到 113 元 日 系 外資 表示 受益 於 煉油 利潤 和 化學 產品 的 價差</t>
  </si>
  <si>
    <t>日 系 外資 針對 台 塑化 6505 出具 最新 報告 指出 由於 煉油 利潤 和 石化 產品 的 價差 逐漸 恢復 將 有利於 台 塑化 故 將 台 塑化 評等 從 中立 調升 到 買進 目標價 由 746 元 調升 到 113 元 日 系 外資 表示 受益 於 煉油 利潤 和 化學 產品 的 價差 恢復 儘管 調 降 了 台 塑化 獲利 調 了 34 僅 上下 281 元 但 看好 台 塑化 2021 年 獲利 預計 2020 年 將 是 油價 急劇 下跌 的 最低 一 年 油價 從 2019 年 的 63 美元 桶 下降 至 2020 年 的 34 美元 桶 但 到 2021 年 將 回升 至 41 美元 桶 預測 台 塑化 的 煉油 利潤 將 從 2019 年 的 92 美元 桶 降 至 2020 年 的 43 美元 桶 然後 反彈 至 10 美元 桶 此 將 有利於 台 塑化 因此 將 台 塑化 評等 從 中立 調升 到 買進 目標價 由 746 元 調升 到 113 元 日 系 外資 表示 台 塑化 的 煉油 利潤 和 石化 產品 利差 持續 回升 台 塑化的 煉油 利潤 已 從 4 月 的 負 20 美元 桶 提高 到 5 月 的 負 4 美元 桶 顯示 原油 庫存 逐漸 到底 與此同時 台 塑化 的 化學 價差 也 從 4 月 20 日 的 底部 224 美元 噸 恢復 到 目前 的 256 美元 噸 儘管 目前 的 原油價格 低於 60 美元 桶 但 油 價 的 上漲 趨勢 對 煉油廠 而言 是 良性 的 回顧歷史 經驗 油價 從 2014 年 下半年 的 下跌 中 恢復過來 台 塑化 在 2015 2017 年 連三年 盈利 恢復 然而 由於 原油價格 超過 60 美元 桶 故 其 2018 年 利潤 下降 了 25 認為 這種 歷史 格局 可能 會 在 2020 2022 年 重演 因為 預測 原油價格 將 回升 但 仍 會 保持 在 60 美元 桶 以下</t>
  </si>
  <si>
    <t>對於 總統 蔡英文 7 日 開線 上 記者會 呼籲 今年 端午節 拜 讬 大家 愛家鄉 就 留在 原地 愛家 人 也 請 不要 移動 意外 引爆 民怨 ptt 八卦 版 好幾 篇 貼 文 每篇 上百 筆 留言 表達 不滿 竟 未 見 到 1450 護航 文 的確 少見 行政院 宣佈 延長 防疫 三級 警戒 蔡英文 總統 7 日 下午 再度 親 上 火線 呼籲 今年 端午節 拜 讬 大家 愛家鄉 就 留在 原地 愛家 人 也 請 不要 移動 她 也 保證 政府 會 盡 所有 的 力量 爭取 更 穩定 的 疫苗 供給 並 要求 大家 對家 人和 身邊 的 朋友 多 體諒 多 鼓勵 蔡英文 表示 最近 大家 都 在 討論 端午節 要 不 要 回家 到 昨天 高鐵 台鐵 和 國道 客運 在 端午節 期間 賣 出 的 將近 十萬 張 票 經過 很多 人 的 呼籲 雖然 有 減少 但是 還有 85萬 張 票 她 想 跟 各位 說 端午節 雖然 是 家人 團聚 的 大 節日 但是 今年 因為 疫情 的 關係 要 拜 讬 大家 愛家鄉 就 留在 原地 愛家 人 也 請 不要 移動 端午節 明年 還有 但 若 因為 跨 區 移動 而 造成 疫情 的 大 爆發 家鄉 和 家人 都 會 陷入 險境 因此 她 奉勸 民眾 留在 原地 不要 移動 這 就 是 她 今年 端午節 對 國人 同胞 最 重要 的 請 讬 此 番 說話 竟 意外 引爆 網友 怒火 被 八卦 版 留言 噓 到 爆 過去 挺 蔡英文 挺 黨 罵 藍 罵 柯 的 言論 全部 不見 了 好幾 篇 八卦 版 貼 文 以及 每篇 百 筆 以上 的 留言 都 在 表達 不滿 的 意見 整理 網友 批評 的 角度 略 分為 下 一 質疑 臺灣 有 充足 的 疫苗 了 嗎 為何 要 擋 民間 進口 疫苗 尤其 又 是 要 捐 給 政府 並 非要 獲利 二 不 滿意 只 會 看稿 說話 當 讀稿機 三 講 空話 文青 式 廢話 大內 宣 不敢 扛 責任 只 會 道德 勸說 到底 是 要 怎樣 四 不滿 防疫 作為 3 11 改 了 嗎 沒 必要 不 出門 但 民眾 仍 需要 上班 五 最後 就是 炮轟 蔡英文 做 不好 就 下臺 要求 返鄉 民眾 退 高 鐵票 被 反 嗆 2020 年 投 的 選票 可不可以 退 蔡英文 這次 引 民怨 大 爆發 ptt 八卦 版 把 蔡英文 噓 到 爆 每篇 文章 引起 百 筆 網友 留言 表達 不滿 竟 沒有 一 筆 1450 留言 幫 蔡英文 護航 也 沒有 擁護 黨 的 言論 的確 是 少見</t>
  </si>
  <si>
    <t>業績 百貨 全家 2 月 營 收 月 減 1294 年 增 617</t>
  </si>
  <si>
    <t>全家 便利商店 5903 2 月 合併 營 收 為 6094億 元 月 減 1294 年 增 617 由於 進入 3 月 抹 茶 季 相關 新品 上市 將 成為 話題 重點 且 鮮 食 冷凍 新品 母親節 預購 展開 下 的 網 購 冷凍 食品 防疫 概念 日用品 主題 行銷 活動 疫情 商機 下 的</t>
  </si>
  <si>
    <t>快樂缺氧死亡率118％ 醫曝恐怖奪命原因：有4症狀快就醫</t>
  </si>
  <si>
    <t>快樂 缺氧 死亡率 118 醫 曝 恐怖 奪 命 原因 有 4 症狀 快 就醫</t>
  </si>
  <si>
    <t>仲琦 2419 上月 營 收 創下 109 年 新高 累計 計 109 全年度 自 結合 並 營 收 達 1028億 元 已經 連三年 突破 100億 元 大關 仲琦 109 年 12 月 自 結合 並 營 收 為 1266億 元 較 108 年 同期 成 長 42 亦 較 去年 11 月 成 長 2 再創 109 年 新高 累計 109</t>
  </si>
  <si>
    <t>新北 今天 完成 校園 bnt 疫苗 施打 新北 市 教育局 表示 今 有 8 女 6 男 共 14 人 送醫 其中 27 日 施 打 送醫 者 有 4 人 28 日 施 打 為 5 人 29 日 施 打 為 1 人 30 日 施 打 為 4 人 狀況 主要 為 胸 悶 頭痛 四肢 無力 發燒 其中 11 人 已 回家 休養 截至 下午 3 時尚 有 3 人 仍 在 醫院 看 診 教育局 指出 29 日共 施打 19 校 預計 施打 2萬963 名 學生 實際 施打 學生 數 2萬731 人 施打 率 9889 出現 輕微 不適 症狀 有 2854 人 發燒 大於 38 度 120 人 不良反應 231 人 今 有 579 人 請 疫苗 假 請 疫苗 假 比率 279</t>
  </si>
  <si>
    <t>盛群 6202 今年 在 去 美化 產能 擁擠 以及 疫情 商機 帶動 下 營運 動能 強勁 全年 營 收 將 可 突破 50億 元 關卡 目前 除 樂觀 看好 第 四季 淡季 不 淡 外 明年 訂單 能見度 也 高 今 股價 逆勢 抗跌 走 揚 早 盤後 股價 黑 翻紅 大 漲逾 2 帶 量 站上 70 元 大關 股價 最高 達 71 元 盛 群 第 三 季 營 收 1506億 元 年 增加 344 季 增加 6 創下 歷史 新高 單季 毛利率 467 每股 獲利 127 元 累計 前 三 季 營 收 396億 元 毛利率 465 較 去年 同 減少 27 主要 因為 人民幣 貶值 6 約 影響 13 左右 另外 14 為 產品組合 所 致 盛 群 第 三 季 營業費用 增加 主要 是 因 今年 每季 都 有 達到 營業 目標 季度 獎金 都 增加 約 支出 了 1億 元 人事 薪資 費用 也 成長 另外 在業 外 收益 部分 增加 1000萬 左右 原因 為 轉投資 獲利 7400萬 上半年 因 人民幣 貶值 認 了 很多 匯 損 第 三 季有 部分 回沖 盛群 今年 營運 動能 主要 來自 於去 美化 產能 擁擠 導致 的 排擠 效應 即 小廠 拿 不 到 產能 再者 就是 疫情 帶動 防疫 相關 產品 以及 宅 經濟 需求 產品 包括 測 溫槍 感應 給皂機 電競 滑鼠 鍵盤 家用 健身器材 等 盛 群 認為 明年 能見度 高 訂單 已 看 到 6 月 且為 普遍性 需求 尤其 在 觸 控 類 的 mcu 在手 訂單 已經 有 1億 顆 其中 有 4000萬 顆 會 在 第 四季 出 貨 其 餘 6000萬 顆 明年 出 貨 且 因 排擠 效應 已經 出現 第 四季 營運 表現 還 有 有 機會 優於 第 三 季 就 全年 營 收 來說 法人 也 樂觀 看好 盛群 全年 營 收 將 可 突破 50億 元 關卡 上游 晶圓 產能 吃緊 盛群 供應 廠 聯電 2303 確定 2021 年 1 月 開始 漲價 目前 聯電 可 確定 可 提供 9 成 產能 若要 增加 產能 一 片 wafer 提高 90 100 美金 盛群 目前 規劃 另外 1 成產 能 將 尋求 大陸 廠商 目前 沒有 對 廠商 提高 價格 計畫 只 針對 低 毛利 產品 提升 價格</t>
  </si>
  <si>
    <t>申請紓困被退件 原因曝光他傻了 12萬網朝聖：快跑</t>
  </si>
  <si>
    <t>申請 紓困 被 退 件 原因 曝光 他 傻 了 12萬 網 朝聖 快 跑</t>
  </si>
  <si>
    <t>5955萬劑AZ今抵台 效期到12月底</t>
  </si>
  <si>
    <t>az 疫苗 到貨 5955萬 劑 效期</t>
  </si>
  <si>
    <t>《塑膠股》台化配息38元 示警塑化業今年嚴峻</t>
  </si>
  <si>
    <t>普力生技公佈產品抗新冠病毒報告 達9999％以上</t>
  </si>
  <si>
    <t>《國際產業》史上最慘 歐洲4月新車銷售崩跌763％</t>
  </si>
  <si>
    <t>國際 產業 史上 最慘 歐洲 4 月 新車 銷售 崩 跌 763</t>
  </si>
  <si>
    <t>板橋昨篩檢497人 陽性個案24例 陽性率達48％</t>
  </si>
  <si>
    <t>忍不住 想 投資 資本 市場行情 居高不下 帶動 投資型 保單 買氣 從 穀底 回升 9 月 壽險 投資型 保單 銷售 逾 345億 元 占 當月 新 契約 保費 的 5177 應是 2008 年 金融 海嘯 之後 再次出現 單月 投資型 保單 占 率 破 五 成 投資型 保單 是 壽險</t>
  </si>
  <si>
    <t>《國際金融》疫苖＋復甦基金 歐股漲075％、歐元登4個月新高</t>
  </si>
  <si>
    <t>國際金融 疫 苖 復蘇 基金 歐 股 漲 075 歐元登 4 個 月 新高</t>
  </si>
  <si>
    <t>超暖心 日本醫護每人55萬慰勞金</t>
  </si>
  <si>
    <t>新冠肺炎疫情衝擊　智慧型手機全年產量將衰退35%</t>
  </si>
  <si>
    <t>疫情炸鍋 彰縣議會定期會暫停2周 今全縣11萬名學生請假</t>
  </si>
  <si>
    <t>本土 疫情 肆虐 各行各業 經濟 受 嚴重 波及 可 行政院 提出 的 紓困 40 方案 卻 平息 不了 民怨 如 行政院 日前 為 緩解 打工族 停 班 壓力 再 拍板 投保 薪資 2萬3100 元 以下 的 兼職 時 薪 人員 可 領取 1萬 元 生活 補貼 但 消息 曝光 後 隨即 引來</t>
  </si>
  <si>
    <t>基隆 市 日前 因 小吃店 群 聚 案 上演 萬 華 茶室 20 中央 繼 撥給 基隆 1700 劑 後 如今 再 撥 2100 劑 基隆 市長 林右昌 4 日 上午 線上 上 記者會 表示 2100 劑 將 優先 給 5 項 人員 包括 診所 及 地區醫院 的 非 醫師 人員 長 照 機構 人員 含 複</t>
  </si>
  <si>
    <t>基隆 市 日前 因 小吃店 群 聚 案 上演 萬 華 茶室 20 中央 繼 撥給 基隆 1700 劑 後 如今 再 撥 2100 劑 基隆 市長 林右昌 4 日 上午 線上 上 記者會 表示 2100 劑 將 優先 給 5 項 人員 包括 診所 及 地區醫院 的 非 醫師 人員 長 照 機構 人員 含 複 康 巴士 司機 員警 外勤人員 環保局 外勤 清 消 人員 基隆 市公車 處 司機 林右昌 說 他 之前 已 大力 向 中央 疾呼 基隆 應 比照 雙 北 給 更 多 疫苗 待 優先 施打予 第二 三類 人員 防疫 人員 高 接觸 風險 工作者 也 感謝 中央 聽 到 基隆 的 聲音 將 北 北 基 桃 視為 區域 聯防 如今 再 撥 的 2100 劑 將 施打 給 5 項 人員 林右昌 指出 第一 項是 診所 及 地區醫院 的 非 醫師 人員 500 人 先前 已 施打 1280 人 第二 項是長 照 機構 人員 含 複 康 巴士 司機 900 人 第 三 項是 員警 外勤人員 200 人 先前 已 施打 677 人 第 四 項是 環保局 外勤 清 消 人員 300 人 先前已 施打 112 人 第 五 項是 基隆 市公車 處 司機 260 人 另外 日本 疫苗 將 在 4 日 下午 運送 124萬 劑 抵 台 美國 也 宣佈 將 捐贈 疫苗 加上 原本 就 有的 15萬 劑 莫德納 疫苗 和 中央 要 進口 的 疫苗 林右昌 說 基隆 會 預先 做好 準備 設置 大型 且 快速 施 打的 疫苗 站 目前 正 在 整備 紐澤西 護欄 水電 流動 廁所 設備 設施 等 預計 7 日 正式 啟用 屆時 基隆 1 天 最 多 將 可 施 打 給 1萬 人 不能 因 基隆 防疫 有 成就 被 忽略 他 強調 區域 聯防 缺一不可 雙北 疫情 持續 升溫 壓 不 下來 因此 基隆 疫苗 物資 都 應 比照 雙 北 針對 台南 市長 黃偉哲 說 在 台南 的 日本 僑民 應 優先 接種 林右昌 說 中央 有 優先 順序 的 規範 尊重 中央</t>
  </si>
  <si>
    <t>又一個歐洲國家新冠死亡人數超過大陸 它是</t>
  </si>
  <si>
    <t>1959億元人事成本扛不住！ 長榮航 實施專案無薪事假</t>
  </si>
  <si>
    <t>1959億 元 人事 成本 扛不住 長 榮 航 實施 專案 無 薪 事假</t>
  </si>
  <si>
    <t>《產業》觀光產業紓困補助 已核撥416億元</t>
  </si>
  <si>
    <t>疫情期間捐21億 新北表揚96家績優宗教團體</t>
  </si>
  <si>
    <t>5 g 毫米波 開放式 網路 平臺 以及 新 pc 為 後續 10 年 科技產業 3 大 亮點 5 g 毫米波 2035 年 整體 市場 規模 上 看 132 兆 美元 在 日本 樂天 的 登高一呼 下 開放性 的 網路 平臺 也 成為 網通 業 後續 重要 風向 球 高通 資深 副 總裁 暨 cdma 事業 部 營運</t>
  </si>
  <si>
    <t>5 g 毫米波 開放式 網路 平臺 以及 新 pc 為 後續 10 年 科技產業 3 大 亮點 5 g 毫米波 2035 年 整體 市場 規模 上 看 132 兆 美元 在 日本 樂天 的 登高一呼 下 開放性 的 網路 平臺 也 成為 網通 業 後續 重要 風向 球 高通 資深 副 總裁 暨 cdma 事業 部 營運 長 陳若文 更 將 其 比擬 為 破壞性 創新 台 系 相關 受惠 股 也 紛紛 浮 出 檯面 且 相信 未來 臺灣 產業 的 機會 將 會 更 多 今年 全球 5 g 正式 邁入 商用 5 g 毫米波 mmwave 也 被 點 名 為 未來 幾 年 通訊 市場 重要 技術 高通 就 看好 5 g 毫米波 上路 後 整體 市場 規模 在 2035 年 將 上 看 132 兆 美元 其中 智慧 製造 產值 更 達 477 兆 美元 陳若文 就 表示 5 g 毫米波 的 速度 和 光纖 一樣 等於 使用者 無時無刻 都 享受 光纖 的 速度 除 5 g 毫米波 的 普及 度 備受 期待 外 陳若文 也 點名 開放性 網路 平臺 也 會 成為 運營 商 選擇 的 一大 趨勢 以 目前 國際 案例 來說 日本 樂天 是 第一 開放性 的 網路 平臺 其 能 讓 成本 大幅 降低 而 該 趨勢 對 臺灣 產業 的 意義 就 是 為 網通 廠 帶來 更 多 機會 現在 已經 看到 有 小型 基地 台成功 打入 樂天 供應 鏈 且 現在 只 是 開端 後續 更 會 帶動 一 股 新 pc 的 變革 且 日前 蘋果 端 出 首批 採用 arm 架構 的 mac 產品 就 是 相當 具有 意義 pc 廠 除了 印象 中的 英特爾 外 還 有 更 多 不同 的 選項 而 台 勢必 將 會 有 更 多 廠商 有機 會 有 更 多 的 表現 空間 陳 若 文 進一步 解釋 開放性 網路 平臺 好比 是 破壞性 創新 新 公司 沒有 包袱 所以 可以 在 面對 創新 的 時候 更 有 衝勁 就 好比 電動車 產業 傳統 的 汽車產業 在 進入 電動車 領域 時 需要 考慮 太 多 有 包袱 反而 走 的 比較慢 陳 若 文 表示 開放性 得 網路 架 除 可以 在 架構 上 降低 成本 例行 的 每天 成本 也 一樣 降低 相信 會 有 越來越 多 的 國家 跟進這 是 必然 的 趨勢 目前 全球 大 廠 中 僅 剩下 華為 zte 愛立信 等 尚未 加入 樂天 電信 rakuten 為 全球 第 一個 采 虛擬 化 無線 接 取 網路 vran 的 行動 寬 頻 網路 營運商 樂天 建置 的 5 g 專 網 初期 先 降低 硬體 設備 採購 成本 30 最終 更 希望 維護 成本 可 降低 70 因而 樂天 電信 找 上臺 廠 的 廣達 2382 智 邦 2345 中 磊 5388 立 端 6245 台 揚 2314 等 廠商 合作 廣達 負責 代工 供應 5 g 專 網 場 域 內 的 伺服器 智邦 供應 其 高階 100 g 交換器 中 磊 供應 其 small cell 台揚 供應 5 g 基地 台 的 rrh remote radio head 廣 達 又 再 發包 sd-wan 資 安 產品 給 立 端 與 瑞祺電 6416 等 廠商 在 vran 5 g 專 網 架構 之下 電信 運營 商 service provider 角色 更 顯 重要 與 servive provider 關係 密切 之 台系 網通 廠商 將 成為 趨勢 受惠 業者 研 調 機構 資料 指出 無線 接入網 聯盟 openran alliance 包含 facebook mavenir vodafone rakuten 等 產業 大廠 領導 的 電信 基礎 設施 計畫 其中 推出 evenstar rru program 聯盟 目標 希望 能夠 在 openran 生態 體系 中 為 電信 營運商 提供 4 g 5 g 網路 ru company report 而 新 一代 的 ru 支援 o-ran 聯盟 的 分散式 架構 能夠 讓 營運商 提高 部署 彈性 降低 部署 成本 預期 將 成為 網通 與 系統 業者 長線 成長 動能 至於 高通 在 新竹 的 打造 的 高通 臺灣 營運 與 製造 工程 暨 測試中心 儘管 碰到 疫情 但 現在 依舊 比 原來 規 畫 的 時間 提早 兩 個 月 預計 2021 年 9 月 就 會 完成 大樓 部分 2022 年初 正式 落成</t>
  </si>
  <si>
    <t>文曄擬私募17億股 市場關注</t>
  </si>
  <si>
    <t>ic 通路商 文 曄 3036 2019 年 全年 淨利 253億 元 每股 盈 餘 eps 432 元 董事會 通過 盈 餘 分配 案 預計 提撥 現金 股利 1645億 元 若以 目前 在外 流通 普通 股數 計算 每股 現金 股利 278 元 亦 改寫 四 年 來 新高 若以 14 日 收盤價 38</t>
  </si>
  <si>
    <t>金門 防疫 再 升級 縣府 今 30 日 起 實施 出入 管制 員工 及 洽 公民 眾 均 需 量 測體溫 首日 趕 上班 出現 小 塞車 狀況 在 即時 分流 和 調整 作業 後 一切 尚稱 順利 也 未 發現 有人 發燒 縣府 今 起 實施 出入 管制 僅 可 由 大門 進出 側門 及 後門 全部 關閉 另 縣府 員工 均 應 配戴 識別證 在 進入 辦公室 前 及 各 棟 大樓 入口處 由 各處 人員 排 班 輪值 量 測體溫 落實 每日 量 測體溫 和 紀錄 同時 到 縣府 洽 公 的 民眾 也 應 一律 戴 口罩 並 在 大門口 量 測體溫 及 登記 到訪 資料 後 才能 進入 縣府 以便 日後 追蹤 作業 洽 公 民眾 的 額 溫若 超過 375 度 者 一律 禁止 進入 縣府 區域 並 建議 立刻 就醫 以免 防疫 出現 破 口 今天 第 1 個 新 制 上班 日 許多 員工 擔心 出現 排隊 人潮 乾脆 提前 來到 縣府 結果 仍 因 部分 員工 雖有 攜帶 識別證 但 並未 依 規定 佩戴 另 有人 未 將 車輛 通行證 放在 明顯 地方 影響 管制 進入 速度造成 排隊 等候 的 小 塞車 狀況 在場 督導 的 縣府 行政處 長 陳 祥麟 即時 調整 作業 方式 只要 佩戴 員工 證 和 車輛通行 證者 立即 放行 在 各 辦公大樓 入口 量 測體溫 有效 進行 分流 管制 作業 很快 解除 小 塞車 狀況 陳 祥麟 說明 縣府 員工 有 500 餘 人 實施 首日 算是 亂 中 有序 在 同仁 更 熟悉 額 溫槍 操作 方式 後 整體 作業 將 會 更加 順利 另 包括 工 務 處 觀光 處 等 單位 則 自行 量 測 防疫 工作 也 會 更加 嚴謹</t>
  </si>
  <si>
    <t>戰疫奏捷賺28億 電影《幸運女神》榮登義票房冠軍</t>
  </si>
  <si>
    <t>戰 疫 奏捷 賺 28億 電影 幸運 女神 榮登 義 票房 冠軍</t>
  </si>
  <si>
    <t>致新營運旺 大方配息95元</t>
  </si>
  <si>
    <t>電源 管理 ic 廠 致 新 8081 股利 政策 出爐 預計 每股 將 配發 95 元 配發 現金 創 新高 配發 率 超過 七 成 現金 殖 利率 達 492 法人 預期 致 新 第一 季 合併 營 收 將 有望 持續 受惠 於遠 端 辦公 教育 熱潮 推動 的 筆 電 面板 電源 管理 ic</t>
  </si>
  <si>
    <t>雲 林縣 一 位 媽媽 21 日 接種 az 疫苗 後 當晚 回家 喂 2 個 月 大 女嬰 母乳 隔 天 淩晨 卻 發現 女嬰 已 無 呼吸 心跳 送醫急救 後 不治 令 家屬 無法 接受 對此 醫療 粉 專 美 的 好 朋友 指出 目前 全世界 尚未 出現 接種 後 喂母乳 導致 嬰兒 猝死 的 案例 研 判 致命 關鍵恐 出 在 現場 的 趴 睡 枕 上 雲 林縣 虎尾鎮 約 30 多 歲 的 殯葬 業 員工 21 日 下午 接種 az 疫苗 後 於 深夜 11 時 喂 女嬰 母乳 但 到 隔日 淩晨 4 時 要 再度 喂 食 母乳 時 卻 發現 女嬰 口吐 白沫 口腔 附近 周圍 有 血漬 緊急 送醫 仍 無 呼吸 心跳 不治 檢 方及 法醫 初步 判定 死因 為 嗆 奶 窒息 因 家屬 無法 接受 將 擇日 解剖 屍體 並 將 冰箱 內 母乳 送 化驗 厘 清 真相 對此 美 的 好 朋友 發文 指出 目前 全世界 都 沒有 母親 打 疫苗 導致 喝 母乳 的 小孩 猝死 的 案例 並 解釋 由於 az 疫苗 並 不是 真的 腺病毒 不會 透過 母乳 傳染給 小孩 只 會在 母親 生成 抗體 時 透過 母乳 給 小孩 抗體 粉 專 接 著 表示 根據 蘇姓 女子 在家 受訪 照片 可以 推 敲 出 最 有 可能 導致 嬰兒 窒息 的 原因 恐 出 在 嬰兒 的 趴 睡 枕 上 趴 睡 枕 是 造成 嬰兒 無法 呼吸 猝死 的 常見 兇器 兩 個 月 的 孩童 如果 不 小心 被 枕頭 悶 到 的 時候 是 沒有 辦法 自己 移動 頭部 脫 困 的 建議 嬰兒 在 頸 部 有 足夠 肌 力 之前 都 不 應該 使用 任何 枕頭 粉 專 指出 為了 避免 嬰兒 猝死 醫師 通常 會 這樣 建議 1一 歲 以下 嬰兒 每次 睡眠 都 應該 仰 睡 側 睡 並 不 安全 2 床鋪 表面 必須 堅實 外表 可用 被單 包 覆 3 嬰兒 不 建議 與 其他人 同 睡 但 建議 與 父母 同 室 睡眠 發生 這樣 的 憾事 真的 很 令 人 難過 粉 專 強調 實際 的 死因 仍 有待 解剖 厘 清 但 根據 事件 描述 和 環境 狀況 最 有 可能 是 趴 睡 枕 導致 嬰兒 猝死 幾乎 不可能 是 疫苗 的 關係</t>
  </si>
  <si>
    <t>裕 融 企業 公司 新 台幣 60億 元 聯 貸 案 於 6 月 28 日 簽約 由 華南銀行 擔任 統籌 主辦 暨 額度 管理 銀行 臺灣銀行 為 文件 管理 銀行 本案 原以 新 台幣 50億 元 推出 因 各 銀行 參 貸 踴躍 超額 認購 達 21 倍 最終 以 新 台幣 60億 元 結案 顯見 各 銀</t>
  </si>
  <si>
    <t>新冠肺炎》美國確診數37萬 死亡破11萬例！川普斥WHO搞砸了</t>
  </si>
  <si>
    <t>第二波口罩實名制20預購 25日啟動</t>
  </si>
  <si>
    <t>半導體 測試 介面 廠精 測 6510 受惠 5 g 商用化 前 的 供應 鏈 備料 需求 顯現 2020 年 首季 營 收 表現 持 穩 高檔 表現 符合 預期 第二 季 營運 續 看 升 今 6 日 不畏 大盤 劇烈 震盪 股價 開高 後 走 揚 最高 上漲 434 至 746 元 早 盤 維持 逾</t>
  </si>
  <si>
    <t>《美股》業績差、「錢」景淡 UA重挫972％</t>
  </si>
  <si>
    <t>美 股 業績 差 錢 景 淡 ua 重 挫 972</t>
  </si>
  <si>
    <t>新冠肺炎衝擊 匯豐下調陸Q1 GDP成長至41％</t>
  </si>
  <si>
    <t>《半導體》敦泰Q3每股賺106元 創上市後新高</t>
  </si>
  <si>
    <t>敦 泰 3545 今 11 日 法 說 會 因 亞洲 疫情 趨 緩 全球 供應 鏈 逐步 回穩 又 受惠 于智慧 型 手機 傳統 旺季 敦 泰 第 3 季 idc 及 各項 手機 及 平板 電腦 相關 產品 出 貨 放 量 市 占 率 快速 提升 推 升 單季 營 收成 長達 3816億 元 季增 379 年 增</t>
  </si>
  <si>
    <t>敦 泰 3545 今 11 日 法 說 會 因 亞洲 疫情 趨 緩 全球 供應 鏈 逐步 回穩 又 受惠 于智慧 型 手機 傳統 旺季 敦 泰 第 3 季 idc 及 各項 手機 及 平板 電腦 相關 產品 出 貨 放 量 市 占 率 快速 提升 推 升 單季 營 收成 長達 3816億 元 季增 379 年 增 483 單季 每股 賺 106 元 創 上市 後 最高 紀錄 敦 泰 第 3 季因 產品組合 相較 第 2 季 微幅 變動 毛利率 為 2135 較 第二 季 小幅 下滑 081 個 百分點 但 受益 於 營業額 上揚 及 費用 控管 得宜 單季 稅 後 純益 為 268億 元 季增 165 倍 每股 純益 為 106 元 依 加權 股本 計算 創 敦 泰 自 2013 年 上市 後 最高 紀錄 展望未來 敦 泰 認為 晶圓 代 工 供應 端 吃緊 且 ic 供應商 有限 idc 已 轉為 賣方市場 同時 為 反映 並 轉嫁 晶圓 等 生產成本 的 上漲 敦 泰 已 針對 ic 產品 售價 進行 調整 在 兩 個 因素 加 乘 的 效果 之下 第 4 季雖然 產能 供貨 較為 吃緊 但 預期 營業額 及 利潤 仍 可望 維持 一定 水準 amoled 觸 控 ic 電容式 指紋 及 傳統 顯示 驅動 ic 產品 方面 敦 泰 看好 需求 亦 相當 熱絡 因此 預期 整體 營 收 仍 有 較佳 的 表現 其中 敦 泰 在 電容式 指紋 佈局 陸續 傳出 捷報 成功 切入 多 個 國際 一線品牌 廠 後市 出貨量 預期 會 有 相當 的 成長 有機 會 成為 市場 上 的 主力 供應商 且 敦 泰 透過 與 idc 及 觸 控 產品 相互 搭配 可望 為 客戶 提供 高度 整合 的 一 站 式 服務 為 客戶 創造 最高 的 附加 價值</t>
  </si>
  <si>
    <t>囤貨潮狂吹長輩一句LINE訊息網友傻眼：快檢舉</t>
  </si>
  <si>
    <t>專業 tpu 機能 布 暨 成品 廠 八 貫 1342 1 月 營 收 雙增 八 貫 預計 隨 著 醫療 及 戶外 訂單 需求 持續 暢旺 加上 去年底 因 缺 櫃 的 出 貨 遞 延 預估 首季 營運 將 成長 第二 季業 也 將 持續 向上 八 貫 1 月 合併 營 收 157億 元 較 去年同期 成 長 15 37</t>
  </si>
  <si>
    <t>衛福 部長 陳時中 昨天 說明 中央 與 地方 官員 造冊 約 3萬 人 打 疫苗 地方 官員 達 936 提報 人數 彰 化 縣 8723 人 是 第一 名 彰 化 縣長 王 惠美 今天 在 防疫 說明 會上 再次 公開 說明 並 向 7899 位 鄰長 們 直說 拍 謝 指出 縣府 依 中央 規定 將</t>
  </si>
  <si>
    <t>要射箭還是停止口水？藍綠挺彰縣府推出圓夢、減稅計畫</t>
  </si>
  <si>
    <t>莫德納 疫苗 超 搶手 昨 開放 第 五 輪 莫德納 疫苗 預約 施打 截至 下午 1 時就 有 32萬3000 人 完成 預約 占 符合 資格 者 的 628 莫德納 開 打 也 有 許多 民眾 想 搶 殘 劑 對此 新北 張博揚 小兒科 診所 醫師 則 表示 想 搶 莫德納 殘 劑 的 人 要 想</t>
  </si>
  <si>
    <t>統 振 6170 11 月 營 收 雙增 順利 站 回 3億 元 大關 展望未來 統 振 看好 台商 回流 將 推動 外籍 移 工 需求 的 人數 增加 趨勢 明確 對於 統 振 營運 將 提供 正面 助益 統 振 11 月 合併 營 收 為 313億 元 受惠 於 能源 事業 流通 事業 之 業績 齊步 成</t>
  </si>
  <si>
    <t>統 振 6170 11 月 營 收 雙增 順利 站 回 3億 元 大關 展望未來 統 振 看好 台商 回流 將 推動 外籍 移 工 需求 的 人數 增加 趨勢 明確 對於 統 振 營運 將 提供 正面 助益 統 振 11 月 合併 營 收 為 313億 元 受惠 於 能源 事業 流通 事業 之 業績 齊步 成長 月 成 長 1846 年成 長 101 累計 1 至 11 月 合併 營 收 為 3333億 元 統 振 表示 今年 因 疫情 影響 干擾 整體 業績 表現 累計 今 年前 三 季 營 收 比重 來看 分別 為 4889 4408 703 其中 能源 事業 部 較 去年同期 成 長 259 主要 歸功 於 疫情 推動 歐 美 市場 的 宅 經濟 大量 需求 增加 尤其 在 雙 11 雙 12 傳統 消費 購物 旺季 帶動 下 創造 公司 旗 下 3 c 電池 封裝 產品 的 出 貨 暢 旺 拉升 電池 封裝 的 產能 利用率 保持 在 一定 的 水準 之上 亦 是 統 振 11 月 單月 營 收 能 站 回 3億 元 關卡 統 振 進一步 表示 除了 能源 事業 部 的 營運 表現出色 外 金融 科技 業務 受惠 於移工 匯款 業務 電信 預付 卡 銷售 等 在 臺灣 外籍 移 工 的 利基 型 市場 中 位居 領先 之 地位 在後 疫情 時代 也 為 統 振 今年 整體 營運 添 柴加火 挹注 統 振 2020 年 前 三 季 的 營業 毛利率 較 去年同期 增加 308 個 百分點 達 1856 稅 後 每股 盈 餘 eps 為 123 元 年 增 9524 根據 勞動部 最新 統計資料 指出 2020 年 10 月底 產業 及 社 福 移 工 人數 達 7012萬 人 移 工 匯款 市場 規模 可觀 展望未來 統 振 看好 台商 回流 將 推動 外籍 移 工 需求 的 人數 增加 趨勢 明確 仍 積極 拓展 公司 佈局 金融 科技 的 移 工 匯款 業務 更 多 市場份額 一方面 公司 在 去年底 已 成功 申請 擴大 沙 盒 實驗 之 移 工 匯款 限額 與 筆數 限制 提高 至 每月 上限 10萬 元 一 年 匯款 上限 50萬 元 單日 則 維持 3萬 元 不 變 創造 外籍 移 工 更 便利 的 服務</t>
  </si>
  <si>
    <t>目前 臺北 桃園 台中 台南 高雄 等 五 都 已 公佈 今年 2 月份 買賣 移 轉 資料 由於 今年春節 在 1 月份 2 月 的 工作 天數 相對 多 因此 今年 2 月 與 去年同期 相比 皆 大幅 增加 臺北 年 增 647 桃園 年 增 722 台中 年 增 709 台南 年 增 4</t>
  </si>
  <si>
    <t>轉投資損失 華新去年EPS 095元 四年新低</t>
  </si>
  <si>
    <t>華新 1605 2019 年 因 認 列 投資 寶德 損失 168億 元 鎳 避險 損失 10億 元 等 2019 年 eps 為 095 元 創 近 四 年 新低 27 日 董事會 決議 每股 配發 現金 股利 05 元 華 新大陸 南京 華 新城 d 地塊 第 三期 住宅 已 獲 南京市政府 列為 優先 取得 銷售</t>
  </si>
  <si>
    <t>男住森林與世隔絕8周後疫情爆發彷彿《陰屍路》上演</t>
  </si>
  <si>
    <t>垃圾有專人倒隔離期滿 夫妻居家14天生活曝光</t>
  </si>
  <si>
    <t>2公尺還不夠！「滑流作用」讓病毒飛更遠模擬圖秒看懂</t>
  </si>
  <si>
    <t>美利達瑪吉斯單車</t>
  </si>
  <si>
    <t>全球僅6國沒停課台也在其中 網驚：不敢相信</t>
  </si>
  <si>
    <t>檢驗量能擴大至近48萬件 量能全開每日可驗8萬件</t>
  </si>
  <si>
    <t>中市9日起搭大眾運輸 不戴口罩最高罰15萬元</t>
  </si>
  <si>
    <t>友訊 經營權 之 爭 公司 派對 上 市場 派 上周 更 延燒到 明 泰董 座 大位 明泰大 股東 佳 世 達 也 宣佈 擬 以 每股 30 元 收購 明泰 收購 明泰 最 多 103萬 張 股 即 19 的 明泰 股權 屆時 佳 世 達 持有 明泰 股 將 上 看 428 明泰 3380 今 以 24 35</t>
  </si>
  <si>
    <t>國內 疫情 因 中研院 案 再起波瀾 加上 春節 返台 人潮 多 臺北市 決定 展開 疫苗 第 3 劑 施打計 畫 副 市長 蔡炳坤 15 日 指出 目前 符合 第 3 劑 施打 資格 的 多 為 第 1 類 醫 事 人員 醫院 方 會 儘快 在 明年 1 月 達 95 的 目標 診所 則 會 與 工會 合作 透過 方式 去 媒 合 接種 北 市府 下午 舉行 防疫 記者會 媒體 詢問 北市 施打 疫苗 第 3 劑 是否 有 造冊 人數 初步 規 畫 是否 會 大規模 施打 蔡炳坤 回應 目前為止 在 臺北市 接種 第 1 劑 的 民眾 達 893 第 2 劑 達 744 若以 戶籍地 來看 第 1 劑 接種 率 為 751 第 2 劑 64 希望 年底 前 能 讓 市民 打 滿 2 劑 蔡炳坤 說 北市 第 3 劑 已 開始 接種 只要 施 打完 第 2 劑 疫苗 後 有 間隔 5 個 月 即 符合 資格 目前 符合 的 對象 只 有 第 1 類 醫 事 人員 其中 又 分 醫院 和 診所 臺北市 共 有 33 家 大型 醫院 現 已 請 各 醫院 做 好 第 3 劑 規 畫 每 半 個 月 會 詢問 是否 有 工作人員 達標 北市 設定 的 目標 是 打到 95 蔡炳坤 舉 聯合醫院 為 例 到 明年 1 月底 可以 達成 95 施打第 3 劑 的 目標 北市 各 大 醫院 的 狀況 也 都 差不多 至於 診所 則 會 與 工會 合作 透過 合約 診所 造冊 方式 去 媒 合 需要 的 疫苗 市府 都會 提供 原則 上 醫護人員 為 優先 警 消 人員 則 會 陸續 造冊 只要 符合 資格 就 會 儘快 接種</t>
  </si>
  <si>
    <t>賣劣質口罩到義大利 黑心企業遭起底竟有台資！？</t>
  </si>
  <si>
    <t>行政院 今天 舉行 臨時 院會 正式 通過 紓 特別 條例 修正案 政 院 並 說明 整體 1 兆 500億 紓困 方案 政務委員 龔明鑫 表示 第 2 波 方案 特別 針對 就業 將 以 千億 穩住 192萬 人 就業 自 營業 者 將 協助 100萬 人 每人 每月 1萬 元 可獲 3 個 月 補助 蘇揆 上午 在 臨時 院會 拍板 通過 嚴重 特殊 傳染性 肺炎 防治 及 紓困 振興 特別 條例 修正案 上限 調整 為 2100億 元 政 院 也 就 整體 紓困 提出 說明 主 計長朱 澤民 說 特別 預算 原 編 列 600億 元 其中 舉債 300億 元 移用 前年 度 歲計 剩 餘 300億 追加預算 1500億 其中 分配 109 年度 舉債 1000億 元 110 年度 500億 元 會 完全符合 公共 債務 法 財政紀律 法 規定 移 緩 濟急 的 1000億 元 原 規劃 為 400億 元 再 擴充 1000億 元 包括 公務 預算 及 非 營業 基金 的 移 緩 濟急 及 公營事業 及 非 營業 基金 增加 投資 及 採購 另外 貸款 協助 原 規劃 3500億 元 這次 加碼 3500億 元 其中 含 央行 的 專案 融資 等 專案 總 財源 1 兆 500億 元 占 109 年度 預計 gdp 的 54 若 扣 掉 融資 7000億 元 所 餘 3500億 元 也 占 109 年度 名目 gdp 的 18 蘇揆 也 說 整體 1 兆 500億 方案 最高 奮鬥目標 就是 企業 不能 倒 就業 不能 失 物流 不能 停 金流 不能 斷 龔明鑫 表示 千億 挺 就業 部分 其中 經濟部 服務 及 製造業 協助 66萬 人 經費 396億 交通部 協助 14萬 人 經費 84億 這些 艱 困 企業 將 補助 4 成薪 另外 遊覽車 及 計程車 司機 將 補助 12萬 人 經費 36億 補助 自 營業 者 協助 100萬 人 經費 300億 希望 穩住 192萬 人 就業 占 就業人數 的 1667 龔明鑫 表示 自 營業 者 由於 難以 認定 將 比照 計程車 業者 補助 每人 每月 1萬 元 為期 3 個 月</t>
  </si>
  <si>
    <t>陳其邁、唐鳳討論口罩實名制20更便民買口罩</t>
  </si>
  <si>
    <t>《半導體》去年每股狂賺4486元 譜瑞-KY看需求仍強、卡關產能</t>
  </si>
  <si>
    <t>半 導體 去年 每股 狂 賺 4486 元 譜 瑞 -ky 看 需求 仍 強 卡 關 產能</t>
  </si>
  <si>
    <t>智邦 2345 去年 合併 營 收 54463億 元 每股 獲利 907 元 獲利 創下 歷史 新高 董事會 決議 擬 配發 現金 股利 每股 65 元 若以 昨日 收盤價 2625 元 算 現金 殖 利率 25 展望 今年 智邦 執行長 馬 思 睿 edgar masri 表示 儘管 今年 訂</t>
  </si>
  <si>
    <t>智邦 2345 去年 合併 營 收 54463億 元 每股 獲利 907 元 獲利 創下 歷史 新高 董事會 決議 擬 配發 現金 股利 每股 65 元 若以 昨日 收盤價 2625 元 算 現金 殖 利率 25 展望 今年 智邦 執行長 馬 思 睿 edgar masri 表示 儘管 今年 訂單 能見度 優於 去年 但 零 組件 料 況 與 匯率 波動 將 是 最 大 不 確定 因素 智邦除 提前 因應 準備 外 對於 後續 變化 也 將 審慎 以 對 智 邦 第 四季 合併 營 收 15714億 元 年 增加 1198 季 增加 913 營業毛利 3268億 元 年 增加 1806 季 減少 383 合併 營業 利益 1868億 元 年 增加 2924 季 減少 810 合併 稅 前 淨利 為 1675億 元 年 增加 2659 季 減少 939 合併 稅 後 獲利 為 1361億 元 單季 稅 後 淨利 年 增 262 季 減少 927 單季 每股 稅 後 淨利 245 元 智 邦 全年 合併 營 收 54463億 元 年 減少 169 全年 合併 營業毛利 11554億 元 年 增加 505 合併 營業 利益 6403億 元 年 增 6 全年 合併 稅 前 淨利 6213億 元 年 增加 136 合併 稅 後 淨利 5048億 元 年 增加 198 全年 每股 稅 後 淨利 907 元 智 邦 執行長 馬 思 睿 edgar masri 表示 智邦 持續 擴大 與 全球 雲端 服務 電信服務 企業 客戶 合作 其中 400 g 交換器 將 於 110 年 上半年 量 產 而 因應 新型 態 電信網 路 建置 需求 5 g 基地 台 回傳 路由器 cell site router 等 電信 產品 也 已 量 產出 貨 除了 傳統 交換器 智邦 也 已 跨入 人工智慧 邊緣 計算 共 構 封裝 光學 元件 等 新興 技術 領域 馬 思 睿 進一步 表示 全球 地緣 政治 情勢 的 改變 以及 後 疫情 時代 的 不 確定性 讓 智邦 更加 重視 提升 營運 效率 因此 智邦 已 全面 導入 生命週期 管理 lifecycle management lcm 以 加快 產品開發 速度 另外 智邦 內部 成立 專責 工程 任務 團隊 並 同時 著 手 規 畫 供應 鏈 與 製造 基地 多元化 佈局 降低 客戶 受 零 組件 短缺 影響 的 風險 展望 今年 馬思睿 則 表示 儘管 今年 訂單 能見度 優於 去年 但 零 組件 料 況 與 匯率 波動 將 是 最 大 的 不 確定 因素 智邦 除了 提前 因應 準備 外 對於 後續 變化 也 將 審慎 以 對</t>
  </si>
  <si>
    <t>豬價創新低 農委會3月中前淘汰23萬頭母豬因應</t>
  </si>
  <si>
    <t>連假墾丁大街被擠爆！ 台人劣根性擋不住醫護爆氣：講不聽</t>
  </si>
  <si>
    <t>連鎖 餐飲 集團 雅 茗 -ky 2726 隨 著 中國 大陸 4 月 逐步 解封 2020 年 第二 季 營運 穀底 回升 已 接近 損 平 目標 每股 虧損 013 元 隨 著 6 月 營運 已 顯著 轉 盈 配合 下半年 旺季 商業活動 復蘇 展店 佈局 效益 顯現 公司 看好 第 三 季 營運 可</t>
  </si>
  <si>
    <t>神 腦 2450 今 年前 三 季 受到 疫情 影響 累計 營 收 年 減 一 成 左右 第 四季 預估 在 新 蘋果 iphone 帶 度 下 營 收 將 出現 明顯 回溫 全年 獲利 也 會 比 去年 好 展望 2021 年 神 腦 總裁 林保雍 表示 看好 明年 在 5 g 帶動 下 營運 可望 較 今年 好 神 腦 今 年前 三 季 受到 疫情 的 關係 除 市場 買氣 受到 影響 外 加上 供應 鏈 急凍 累計 前 三 季 營 收 年 減 一 成 但 預計 第 四季 在 疫情 減緩 加上 新 iphone 12 系列 帶動 下 第 四季 營 收 可望 季增 年 增 預估 全年 獲利 也 會 比 去年 高 神 腦 去年 每股 賺 159 元 神 腦 今 年前 三 季 營 收 19411億 元 較 去年同期 減少 一 成 但 在 產品 結構 改變 下 前 三 季 毛利率 成 長 到 116 而 業外 轉投資 利益 減少 2000萬 元 稅 後 盈 餘 284億 元 年 減 68 每股 盈 餘 11 元 林保雍 表示 神 腦 持續 將 聚焦 通訊 家電 及 保建 結合 新 神 腦 生活 智慧 館 及 全 通路 與 無 本 創業 線 上 創業 平臺 的 商業模式 看好 明年 在 5 g 帶動 下 營運 可望 較 今年 好 神 腦 數位 創新 事業 部 總經理 陳世祥 也 說 到 神 腦 將 在 未來 三 年 啟動 三 個 策略 轉型 計畫 也 就 是 所謂 的 三 加 三 策略 首先 是 新 的 商業模式 神 腦 購 就 是 協助 想 創業 的 一般 消費者 及 店主 跨越 採購 門檻 免 貨 的 無 本 創業 平臺 2021 年 將 投入 更 大 資源 加速 發展 神 腦 購 無 本 創業 線 上 創業 平臺 再者 是 因應 5 g 的 商轉 神 腦 加速 發展 除了 手機 以外 的 智慧 家庭 及 iot 物 連 網 不 只 是 賣 產品 更 重要 的 是 服務 最後 則 是 延伸 在 通訊 產業 的 能量 及 經驗 打造 家電 及 保健 創造 神 腦 營 收 增長 的 第二 支腳 及第 三 支腳 整體 來說 在 三 加 三 策略 下 神 腦 2021 年 希望 非 通訊 業務 希望 從 目前 的 25 拉高 到 35 40 電 商 占比 超過 10 另外 除 目前 245 家 二 代 數位 電話 2021 年 也 會 推出 全新 智慧 家庭 及 iot 的 全面 展示 體驗 店 首家 門市 可望 在 臺北市 開出 在 征 才 方面 神 腦 無 本 創業 平臺 明年 將 進行 重要 業務 拓展 計 畫 明年 將 全台 召開 24 場 說明會 以 招募 1000 位 店家 為 目標 另外 神 腦 上週末 舉辦 2020 原鄉 踏 查 紀錄片 競賽 頒獎典禮 暨 特 映 會 此為 全國 唯一 橫跨 兒少 青年 社會 不同 年齡層 的 紀錄片 競賽 本屆 來到 第 12 屆 以 日常 即景 為 競賽 主軸 鼓勵 民眾 採集 家鄉 或 日常生活 中 最 獨特 的 光影 景象 用 自我 獨特 的 觀點 以 影像 訴說 採取 實際行動 實踐 原鄉 踏 查 精神</t>
  </si>
  <si>
    <t>金管會 公佈 2020 年 5 月 信用卡 業務 概況 受惠 母親節 檔 期 消費 轉 熱 牌照稅 入 帳 挹注 當月 簽 帳 金額 回升 至 2147億 元 月 增 409 但 仍 年 減 1986 衰退 幅度 創 同期 新 高 累 前 5 月 簽 帳 金額 114 兆 元 年 減 1002 仍 為 近 11 年</t>
  </si>
  <si>
    <t>宅配通股利12元 今年獲利估大增</t>
  </si>
  <si>
    <t>業績 半導體 順德 去年 每股 稅 前 盈 餘 382 元 首季 營 收 逐月 增</t>
  </si>
  <si>
    <t>《日股》日經指數大漲25％ 改寫逾29年來新高</t>
  </si>
  <si>
    <t>日 股 日經指數 大 漲 25 改寫 逾 29 年 來 新高</t>
  </si>
  <si>
    <t>港失業率37％ 創近9年新高</t>
  </si>
  <si>
    <t>港 失業率 37 創 近 9 年 新高</t>
  </si>
  <si>
    <t>日本救經濟 追加11兆美元</t>
  </si>
  <si>
    <t>台中 國家 歌劇院 微 解封 雖不 開放 觀眾 進場 但 駐 店 餐廳 維持 營運 提供 限 時 外帶 外 送 服務 並 結合 線 上 餐 點 訂購 平臺 擴大 服務 效益 台中 國家 歌劇院 表示 目前 嚴格 控管 歌劇院 各 空間 容留 人數 出入口 管制 工作人員 動 線 分流 等 措施 確保 15 公尺 之 安全 距離 並於 每次 使用 完畢 後 落實 各 空間 全面 性 消毒 關於 表演 團體 入 館 排練 歌劇院 表示 會 依照 文化部 防疫 指引 辦理 完成 動 線規 劃 並於 工作 區域 指派 主管人員 擔任 防疫 負責人 執行 防疫 措施 及 風險管理 此外 場館 擴 增 無 接觸 防疫 措施 在 閉館 期間 針對 公共 區域 人員 頻繁 接觸 範圍 擴 增 無 接觸 設備 除 無 接觸式 電梯 面板 外 新增 自動 感應 手部 消毒 機 熱 顯 像 儀 臉部 偵 測體溫 測量機 並 研 擬 無 接觸 驗票 服務 已 進入 最後 測試階段</t>
  </si>
  <si>
    <t>葉毓蘭質疑交通安全預算才04％ 林佳龍承諾會增加</t>
  </si>
  <si>
    <t>葉毓蘭 質疑 交通安全 預算 才 04 林佳龍 承諾 會 增加</t>
  </si>
  <si>
    <t>國內 疫情 嚴重 惡化 雙北 升為 第 三級 警戒 臺北市 長 柯文哲 坦言 今天 確診 比 昨天 多 宣佈 高中 以下 停課 為 避免 12 歲 以下 學童 無 人 照顧 家長 可 請 家庭 照顧 假 若 雇主 不 給 假 最高 可 罰 30萬 柯文哲 表示 北 市府 一早 先 宣佈 高中 以下 停課 目的 就是 希望 給 時間 讓 大家 準備 他 坦言 高中生 可能 還好 但 托 嬰 托 幼 小學 確實 有 點 問題 這 部分 家長 就是 要 請 家庭 照顧 假 教育局長 曾燦 金表 示 受到 影響 的 中小學 有 285 所 幼稚園 691 間 補習班 2593 間 安親班 109 間 影響 學生 高達 33萬4千 多 人 社會局 表示 保母 總計 6168 位 影響 0 至 6 歲 幼童 超過 12萬 人 勞動局 表示 家中 若 有 12 歲 以下 的 孩子 或 身心 障礙 的 孩子 家長 可以 請 家庭 照顧 假 若 雇主 沒有 給 假 的話 可 罰 2萬 至 30萬 元 而 近期 因應 疫情 市府 將 從嚴 考量 是否 提高 裁 罰 額度 勞動局 呼籲 除了 家庭 照顧 假 還有 防疫 照顧 假 雇主 皆 需 依 規定 要 給 假 而 以上 這 兩 個 假 皆 不 給 薪 也 不 計入 考績</t>
  </si>
  <si>
    <t>臺北市 長 柯文哲 16 日 宣佈 臺北 通 已 和 健 保 資料庫 連結 打過 2 劑 的 市民 就 會 顯示 綠色 1 劑 顯示 黃色 未 施 打過 疫苗 則 是 紅色 讓 餐廳 內 用 區民 活動 可以 執行 只要 中央 同意 就 可以 上路 北市 疫苗 涵蓋 率 第 1 劑 564 第 2 劑 1306 是 六都 第一 柯文哲 今 赴 議會 施政報告 指出 臺北 通 已 和 健 保 資料庫 連結 以後 打過 2 劑 民眾 的 臺北 通 會 顯示 綠 打過 1 劑 黃色 都 沒 打 是 紅色 建立 健康 通行證 可 加速 老人 共 餐 有 打 2 劑 就 可 回來 吃飯 要不然 如果 沒有 這個 設計 整個 臺北市 餐廳 內 用 區民 活動 都 沒 辦法 執行 已經 做 得 差不多 了 等 中央 同意 就 可以 上路 柯文哲 還 說 為 管制 人流 昨天 同意 用 快 1000萬二 備 金 讓 北市 公有 場所 可以 讀 記名 悠 遊卡 身分 證 條碼 使 人流 管制 更 有 效率</t>
  </si>
  <si>
    <t>台中 市 都發 局長 黃文彬 的 兒子 18 日 自 美國 返回 臺灣 傳出 身體 不適 情況 醫院 以其 有 出國 旅遊 史 提高 警覺 要求 直接 收容 觀察 3 天 並 進行 檢驗 黃文彬 表示 兒子 沒有 發燒 自己 也 未 與 兒子 有 任何 接觸 新聞 局長 黃國 瑋 說 黃文 彬 防疫 意識 相當 高 成為 六都 首 個 居家 自主 健康 管理 的 局長 請 外界 無須 過度 揣測 黃文彬 兒子 在 美國 求學 因 疫情 因素 學校 關閉 並 告知 學生 返家 後 透過 線 上 課程 學習 即可 所以 黃文彬 兒子 自 17 日 早晨 從 美國 返台 全程 都戴 口罩 返回 家中 休息 直至 當日 晚間 10 點 以後 父子 倆 才 見到 面 黃文彬 表示 兩 人均 佩戴 口罩 且 保持 1 公尺 以上 間隔 距離 兒子 防疫 概念 很 好 回 到 家中 後 幾乎 待 在 房間 沒有 外出 也 想 保護 家人 後來 因 時差 問題 早早 就 入眠 今天 早上 黃文彬 兒子 自覺 喉嚨 有 痰 為 慎重 起見 趕緊 到 醫院 檢查 醫院 確認 體溫 365 度 並未 發燒 醫院 詢問 其 出 國史 後 立即 提高 警覺 直接 收容 觀察 並 檢驗 黃國 瑋 說 黃文彬 今天 得知 兒子 在 醫院 收容 治療 後 立即 請假 補休 返家 自主 健康 管理 且 公務 全程 皆 有 佩戴 口罩 回 到 家中 還 運用 遠 端視 訊 來 處理 線 上 課程 業務 公文 等 工作 開始 14 天 的 居家 辦公 防疫 確認 健康 無 虞 才 會 返回 市府 上班</t>
  </si>
  <si>
    <t>為何新冠肺炎難消滅 柯文哲曝：北市447％確診者無症狀</t>
  </si>
  <si>
    <t>《金融》國銀紓困振興貸款 半年增178兆元</t>
  </si>
  <si>
    <t>金管會 18 日 舉辦 獎勵 本國 銀行 加速 辦理 紓困 振興 貸款 方案 第二 期 評比 優等 銀行 表揚 典禮 主委 黃天牧 指出 全體 銀行 共 較 上期 增加 178 兆 元 的 紓困 貸款 且 自辦 部分 超越 公辦 部分 顯示 各 銀行 有 很 好 的 風險 控管 能力 亦 充分</t>
  </si>
  <si>
    <t>全台學生願意接種率9310％ 桃園市得第一名</t>
  </si>
  <si>
    <t>全台 學生 願意 接種 率 9310 桃園 市 得 第一 名</t>
  </si>
  <si>
    <t>滿 12 歲 但 未 滿 18 歲 的 高中 國 中生 將 從 23 日 起 開始 施打 bnt 疫苗 根據 教育部 今晚 公佈 的 最新 統計 共 139萬5056 個 學生 符合 打 疫苗 資格 而 同意 接種 人數 達 129萬8861 人 占 9310 願意 接種 比例 相當 高 學生 願意 接種 比例 最高</t>
  </si>
  <si>
    <t>滿 12 歲 但 未 滿 18 歲 的 高中 國 中生 將 從 23 日 起 開始 施打 bnt 疫苗 根據 教育部 今晚 公佈 的 最新 統計 共 139萬5056 個 學生 符合 打 疫苗 資格 而 同意 接種 人數 達 129萬8861 人 占 9310 願意 接種 比例 相當 高 學生 願意 接種 比例 最高 的 是 桃園 市 的 9695 其次 是 彰 化 縣 的 9541 新竹 縣 9480 新北 市 9450 金門縣 9435 及 臺北市 的 9405 學生 願意 接種 比例 最低 的 是 台 東縣 的 7762 其次 是 花蓮縣 8737 連江縣 8859 及 嘉義 縣 8900</t>
  </si>
  <si>
    <t>毅嘉 2402 10 月 自 結合 並 營 收 約 為 611億 元 較 去年同期 增加 達 一 成 創下 今年 次高 水準 毅嘉 10 月 自 結合 並 營 收 金額 約 為 611億 元 月 減少 4 年 增加 10 其中 軟板 產品 之 營 收 為 471億 元 機構 整合 元件 產品 之 營 收 為 1 4億 元</t>
  </si>
  <si>
    <t>毅嘉 2402 10 月 自 結合 並 營 收 約 為 611億 元 較 去年同期 增加 達 一 成 創下 今年 次高 水準 毅嘉 10 月 自 結合 並 營 收 金額 約 為 611億 元 月 減少 4 年 增加 10 其中 軟板 產品 之 營 收 為 471億 元 機構 整合 元件 產品 之 營 收 為 14億 元 毅嘉 累計 前 10 月 合併 營 收 約 4342億 元 較 去年同期 減少 17 毅嘉 表示 在 全球 車市 逐漸 回溫 復蘇 的 情況 下 第四季度 整體 之 營 收 及 獲利 將 可望 較 第 三 季 增長 毅嘉 第三季度 因 全球 經濟 解封 帶動 客戶 訂單 逐漸 回籠 單季 合併 營 收 金額 來到 1544億 元 季 增加 46 創下 今年 新高 單季 稅 前 淨利 更是 創 三 年 新高 單季 毛利率 達 18 更是 攀上 6 年 來 的 新 高 水準 展望 第 四季 隨 著 解封 後 汽車 市場 持續 回溫 毅嘉 在 車用 產品 持續 挹注 營 收下 第 四季 營運 將 續旺</t>
  </si>
  <si>
    <t>好友突患漸凍症王力宏譜曲「捐出所有收益」號召粉獻愛</t>
  </si>
  <si>
    <t>全球疫情前半年台灣如世外桃源黃暐瀚示警了！</t>
  </si>
  <si>
    <t>莫德納新冠疫苗最新測試功效達941％ 向FDA申請緊急使用授權</t>
  </si>
  <si>
    <t>防疫照顧假僅64％家長敢請 勞長：如給薪初估要百億元</t>
  </si>
  <si>
    <t>防疫 照顧 假 僅 64 家長 敢請 勞長 如 給 薪 初 估 要 百億 元</t>
  </si>
  <si>
    <t>據 兒盟 調查 指出 僅 有 64 的 家長 敢請 因應 開學 延 後 的 防疫 照顧 假 立 委 詢問 為何 不 給 薪 或 津貼 等 勞動部 部長 許銘春 今天 表示 如 防疫 照顧 假 給 薪 初 估 要 百億 元 因應 開學 延 後 或 因 疫情 停 課時 家長 可 請 不 強制 雇主 給</t>
  </si>
  <si>
    <t>據 兒盟 調查 指出 僅 有 64 的 家長 敢請 因應 開學 延 後 的 防疫 照顧 假 立 委 詢問 為何 不 給 薪 或 津貼 等 勞動部 部長 許銘春 今天 表示 如 防疫 照顧 假 給 薪 初 估 要 百億 元 因應 開學 延 後 或 因 疫情 停 課時 家長 可 請 不 強制 雇主 給 薪 的 防疫 照顧 假 立 委 張育美 詢問 為何 不 給 薪 勞動部 部長 許銘春 表示 以 14 天 有 薪 防疫 照顧 假 初 估 就 要 百億 元 的 經費 整體 防疫 預算 僅 有 600億 元 給 薪 或 津貼 等會 造成 財政 上 的 負擔 有限 資源 應用 在 合理 的 分配</t>
  </si>
  <si>
    <t>晶圓 專 工大 廠 聯電 8 日 公告 2 月 合併 營 收 14948億 元 為 歷年 同期 新高 法人 預期 3 月 營 收 開始 反映 漲價 效應 可望 創下 單月 營 收 歷史 新高 第一 季 合併 營 收 可望 達成 業績 展望 目標 並 創 歷史 新 高 聯電 同時 宣佈 與 微 感測器 領導 製造商 sen</t>
  </si>
  <si>
    <t>食 藥 署 今 26 日 表示 研究 調查 發現 一些 市 售 的 布 口罩 具有 阻擋 飛 沫 的 效果 健康 民眾 在 通風 環境 或 開放 空間 與 人 距離 一 公尺 以上 時 不 需要 佩戴 口罩 如果 還是 想要 佩戴 口罩 這個 時候 就 可以 考慮 選用 布 口罩 食 藥 署 建議 在 挑選 不論是 具有 防 pm 25 防 霾 功能 或 具有 中間 過濾 層 的 布 口罩 時 可 由 口罩 包裝 標示 來 確認 挑選 的 產品 是否 合乎 以下 要 訣 第一 口罩 至少 要 有 三 層 結構 第二 口罩 的 外層 材質 要 緻密 中間 層 是 不織布 材質 內 層 要 柔軟 透氣 食 藥 署 特別 提醒 患有 慢性病 呼吸道 症狀 及 需要 進出 醫療 院所 時 務必 要 配戴 醫用 口罩 健康 民眾 可以 考量 自己 所 處 的 環境 狀況 選擇 不 需要 佩戴 口罩 或是 佩戴 上述 挑選 要 訣 的 布 口罩 請 將 醫用 口罩 留給 有 需要 的 人</t>
  </si>
  <si>
    <t>新 台幣 補 班 日 獨家 開市 連續 4 天 挑戰 2 字頭 價位 低 接 買 盤 趁勢 搶 進 終場 以 30051 元 平盤 作 收 不過 這 波 新 台幣 逆勢 走 升 對 美元 來到 約 1 年 半 高點 對 歐元 見到 32 字頭 約 是 3 年高 點 對 人民幣 更 是 10 年高 點 散 戶 若要 進場 撿</t>
  </si>
  <si>
    <t>陽性率掉到51％ 柯P報好消息：萬華慢慢控制下來</t>
  </si>
  <si>
    <t>陽性率 掉 到 51 柯 p 報 好 消息 萬華 慢慢 控制 下來</t>
  </si>
  <si>
    <t>plg 第 1 位 離隊 的 洋將 出爐 了 桃園 領航 猿 突然 在 29 日 宣佈 洋將 沃倫 因為 個人 決定 提前結束 合約 離隊 且 在 28 日 就 已 搭 機 返美 接下來 領航 猿 將 會 僅剩 傑克 裡德 兩 名 洋將 繼續 跟 新 臺灣人 大衛斯 組成 三洋 將 陣容 拼 戰 是否 還 會 找尋 新 洋將 有待 觀察 以下 是 領航 猿 官方 新聞稿 開 季 以來 感謝 沃倫 willie warren 為 球隊 努力 與 付出 沃倫 有 絕對 的 技術 與 能力 但 由於 球風 與 球隊 未能 融合 打出 最佳 表現 個人 決定 提前結束 合約 離隊 並於 1 月 28 日 搭 機 返美 期待 球迷 朋友 一起 祝福 沃倫 未來 在 其他 賽場 能 有 更 好 的 成就 與 表現 同時 也 持續 為 桃園 領航 猿 加油 比 傑克 裡德 兩 名 洋將 都 晚 抵 台 報到 的 沃倫 直 到 今年 1 月 2 日 才 首次 登場 本 季 只 打 4 場 例行 賽 平均 可 拿 128 分 68 籃板 與 70 助攻 卻 始終 沒有 展現 過往 的 強大 進攻 破壞力 外線 命中率 也 只 有 3 成 57 其中 三 分 命中率 低 到 1 成 54 自然 不符 領航 猿 預期 走人 也 屬 應該 目前 領航 猿 戰績 5 勝 3 敗 暫 居 聯盟 第 2 且 領先 排名 第 3 的 台新 夢想 家 25 場 勝 差 主要 依賴 的 仍 是 他們 的 三洋 將 戰力 特別 是 大衛斯 末節 能 上 的 絕對優勢 接下來 他們 只能 祈禱 洋將 不能 受傷 否則 就 將 面臨 無人 可 換 的 嚴重 窘境 屆時 戰績 恐怕 也 將 一路 下滑 了</t>
  </si>
  <si>
    <t>蔡總統聲望457％創新低 遊盈隆：一年蒸發近500萬人的擁戴</t>
  </si>
  <si>
    <t>蔡 總統 聲望 457 創 新低 遊 盈 隆 一 年 蒸發 近 500萬 人 的 擁戴</t>
  </si>
  <si>
    <t>臺灣 民意 基金會 今 公佈 最 新民 調 蔡英文 總統 聲望 457 創 21 個 月 來 新低 臺灣 民意 基金會 董事長 游盈隆 認為 疫情 停電 及 黑道 是 三大 關鍵 一 年 蒸發 掉 近 500萬 人 的 擁戴 長達 22 個 月 的 執政 順境 正 逐漸 走 入 歷史 第 三 次 執</t>
  </si>
  <si>
    <t>《美股》看好「疫」外財 PayPal盤後急升852％</t>
  </si>
  <si>
    <t>美 股 看好 疫 外財 paypal 盤 後 急 升 852</t>
  </si>
  <si>
    <t>據 全國 公 信 力 民意調查 民 調 今 公佈 是否 支持 政府 普 發現 金 紓困 結果顯示 有 661 的 國人 支持 普 發現 金來 紓困 在 透過 交叉 分析 高達 534 的 民進 党 支持者 681 的 無 政黨 傾向 的 民眾 皆 支持 普發 現金 對此 國民黨 立 委 洪孟楷</t>
  </si>
  <si>
    <t>新天地教主李萬熙下跪道歉 身旁神秘女子成焦點身分遭起底</t>
  </si>
  <si>
    <t>第 五 批 莫德納 疫苗 996萬 劑 前天 抵達 桃園 機場 衛福 部長 陳時中 表示 數量 很 少 因此 這 批 疫苗 的 施打 對象 還 尚未 定案 對此 藍委 鄭麗文 表示 即使 有 新 的 自 購 莫德納 抵 台 近 6 成 人民 仍 等 不 到 第一 劑 預約 通知 這 可看 出 最</t>
  </si>
  <si>
    <t>北市逾40萬人已打疫苗 柯文哲：接種率156％六都第一</t>
  </si>
  <si>
    <t>北市 逾 40萬 人 已 打 疫苗 柯文哲 接種 率 156 六都 第一</t>
  </si>
  <si>
    <t>自購疫苗今到貨 458萬劑AZ下午抵台</t>
  </si>
  <si>
    <t>美國 供應商 管理 協會 ism 最新 資料表示 7 月份 製造業 指數 自 上個月 的 526 升至 542 高於 市場 預期 和 前 值 產業 活動 擴張 顯著 此 資料 亦 顯示 美國 製造業 活動 表現 來到 近 一 年 半 來 最高 水準 此 一 消息 激勵 油價 續 漲 超過</t>
  </si>
  <si>
    <t>葉匡時掏15萬響應「暖心預購」 點名黃捷接棒</t>
  </si>
  <si>
    <t>葉匡時 掏 15萬 回應 暖 心 預購 點名 黃捷 接 棒</t>
  </si>
  <si>
    <t>專車來回15小時接送 台南南化偏鄉關山裡3位長輩接種疫苗</t>
  </si>
  <si>
    <t>敦睦艦隊秘密行程曝光 經新加坡而不入竟是為了</t>
  </si>
  <si>
    <t>股利 其他 基 士 德 擬 配 息 45 元 現金 殖 利率 高達 957</t>
  </si>
  <si>
    <t>口罩 實 名 制 30 上路 民眾 可 購買量 從 原先 7 天 3 片 大幅 上升 到 14 天 9 片 但 9 日 上路 後 不少 人 發現 排隊 隊伍 反而 變 得 更 長 忍不住 詢問 為何 口罩 數量 變 得 充足 後 排隊 人潮 不減 反 增 隊伍 變 得 更 長 引起 熱烈 討論 也 有人 點 現</t>
  </si>
  <si>
    <t>口罩 實 名 制 30 上路 民眾 可 購買量 從 原先 7 天 3 片 大幅 上升 到 14 天 9 片 但 9 日 上路 後 不少 人 發現 排隊 隊伍 反而 變 得 更 長 忍不住 詢問 為何 口罩 數量 變 得 充足 後 排隊 人潮 不減 反 增 隊伍 變 得 更 長 引起 熱烈 討論 也 有人 點 現實 原因 有 網友 在 ptt 八卦 版 po 文 詢問 為什麼 14 天 9 片 口罩 上路 後 排隊 人潮 反而 變 得 更 長 家 住 鄉下 的 他 發現 到 藥局 排隊 的 人 變 得 更 多 好奇 為何 數量 充足 後 似乎 更 多 人 買不到 口罩 po 文 貼出 後 引起 熱烈 討論 有 鄉民 指出 因為 9 日 禮拜四 可以 開始 一 次 買 9 片 導致 許多 人 禮拜三 之前 都 不 去 買 就 變成 大家 都 擠 在 這 兩三 天 買 造成 隊伍 變長 也 有人 說 排隊 領 3 倍 激發 出 許多 人 排隊 意願 第一 波 人數 多 正常 啦 大家 都會 有 沖 第一 波 的 心態 下 周就 不 會 了 還有 其他人 指出 手機 預購 無法 購買 兒童 口罩 導致 家長 們 為 了 幫 孩子 買 口罩 還 是 必須 乖乖 去 排隊 除此之外 還是 有 許多 長輩 不 懂得 如何 用 手機 或是 不 想 付 7 元 運費 導致 排隊 人潮 有增無減 更 有 鄉民 抱怨 教 了 自己 媽媽 3 次 app 預購 方法 媽媽 用 完就 忘 隔周 又 要 重 新教 教 到 想 吐血</t>
  </si>
  <si>
    <t>八 貫 1342 將 於明 29 日 召開 上市 前 業績 發表會 並 將 於 11 月底 前 掛牌 上市 看好 在 三大 動能 加 持 下 將 帶動 明年 業績 持續 上 攀 八 貫 近 三 年 營運 表現 優異 2017 至 2019 年 每股 稅 後 盈 餘 分別 為 349 元 379 元 及 308 元 今年 上 半</t>
  </si>
  <si>
    <t>空頭來了 全球股市四天蒸發33兆美元</t>
  </si>
  <si>
    <t>醫療人員便當曝光 慘輸台商隔離所她嘆：根本吃不飽</t>
  </si>
  <si>
    <t>國民黨 主席 選戰 昨 25 日 結束 孫文 學校 總 校長 張亞中 在 這次 黨魁 選舉 拿下 6萬 多 票 得票率 3259 張亞中 以 黃花崗 革命 剛剛 結束 來 形容 自己 的 心情 經過 一 夜 沉澱 他 今天 前往 醫院 施打 bnt 疫苗 並 說明 為何 自己 接受 bn</t>
  </si>
  <si>
    <t>國民黨 主席 選戰 昨 25 日 結束 孫文 學校 總 校長 張亞中 在 這次 黨魁 選舉 拿下 6萬 多 票 得票率 3259 張亞中 以 黃花崗 革命 剛剛 結束 來 形容 自己 的 心情 經過 一 夜 沉澱 他 今天 前往 醫院 施打 bnt 疫苗 並 說明 為何 自己 接受 bnt 疫苗 的 原因 以及 下 一 步 動向 張亞中 今 26 日 接受 媒體 聯 訪 表示 本來 他 在 7 月初 可以 打 莫德納 但是 自己 沒有 打 原因 是 因 在 5 月底 時 自己 接受 大陸 友人 跟 台商 捐贈 臺灣 500萬 劑 bnt 疫苗 和 500萬 劑 的 大陸 國藥 給 政府 並 向 政府 申請 過程 中 遭到 阻 擾 等 到 7 月初 時 政府 仍未 回應 而 自己 基於 負 責任 的 態度 就 沒去 打 莫德納 直到 8 月 遭到 政府 的 拒 絕後 事情 就 告一段落 了 張稱 一直 到 前 幾 天 的 時候 政府 有 規定 德國 的 bnt 可以 開始 登記 施打 自己 便 去 登記 今天 接受 施打 為何 選擇 bnt 疫苗 張亞中 稱 對 他 而言 只要 是有 國際 授權 的 疫苗 自己 都 願意 去 打 但是 像 高端 這種 沒有 經過 國際 認證 的 沒有 經過 三期 整個 實驗 完成 的 這種 沒有 經過 科學 認證 的 東西 自己 是 不 會 去 打的 並 強調 只要 是 經過 國際 認證 包括 莫德納 或是 bnt 自己 都 願意 去 接種 對於 記者 詢問 支持者 喊 要 退黨 支持 並 期望 他 能成 立新 政黨 張亞中 直言 自己 參選 國民黨 目的 就是 要 救 國家 和 兩岸 不會 為了 個人利益 而 另 成立 新 政黨 滿足 自己 的 欲望 他 所 希望 的 是 國民黨 能 變 得 更 壯大 所以 在 這個 前提 之下 自己 才來 救 黨 期望 救 黨 之後 救國 因此 不 會 另 成立 新 的 政黨 他 會 留在 國民 黨內 希望 跟 有志之士 一起 捍衛 我們 應該 捍衛 的 價值</t>
  </si>
  <si>
    <t>成大組創新聯盟 邁向工業40</t>
  </si>
  <si>
    <t>錦鯉女王PO文解疫苗採購難題 22萬人狂讚 網友戰翻</t>
  </si>
  <si>
    <t>金門 戰地 軍管 36 年 意外 保留 純種 臺灣 梅花鹿 族群 金酒 公司 採取 土產 鹿茸 搭配 精選 高粱 酒 調和 出 20 版 的 頂級 金門 鹿茸酒 首 批 7萬 瓶 問世 就 吸引 消費者 注意 進入 詢問 度 超高 的 新品 排行榜 金酒 公司 指出 根據 學術 單</t>
  </si>
  <si>
    <t>6月大嬰染新冠肺炎 詭異過程曝光醫：一股寒意升起</t>
  </si>
  <si>
    <t>只睡25小時硬拚了 名嘴曝清晨6點半美廉社「驚人一幕」</t>
  </si>
  <si>
    <t>只 睡 25 小時 硬拼 了 名 嘴 曝 清晨 6 點 半 美 廉 社 驚人 一 幕</t>
  </si>
  <si>
    <t>《業績-其他》鈺齊首季稅後淨利354億元 寫同期高</t>
  </si>
  <si>
    <t>鈺 齊 -ky 9802 第一 季 合併 營 收 為 新 台幣 2773億 元 年 增 76 創 歷史 同期 新高 毛利率 238 較 去年同期 揚升 42 個 百分點 營業 利益 比 去年同期 成 長 358 達 新 台幣 356億 元 歸屬於 母公司 稅 後 淨利 為 新 台幣 354億 元 eps</t>
  </si>
  <si>
    <t>留學生不來撐不住了 澳洲爆大學裁員潮 11萬人慘丟工作</t>
  </si>
  <si>
    <t>南市16萬劑疫苗開打 郭信良建議開放部分給年長及病弱者施打</t>
  </si>
  <si>
    <t>市場修正後 高收債、新興債價值面誘人</t>
  </si>
  <si>
    <t>臺北市 19 日 新增 1 名 本土 確診 個案 15515 ct 值 低 只 有 155 該 確診 者 13 至 14 日 下午 5 時 到 6 時 30 分 曾 前往 world gym 站前 店 12 至 16 日 下午 2 時 到 2 時 30 分在 家中 經營 的 汕頭 意 面 店 吃 面 北市 副 市長 黃珊珊 今 公佈 案 15515 公共 場 域 活動</t>
  </si>
  <si>
    <t>臺北市 19 日 新增 1 名 本土 確診 個案 15515 ct 值 低 只 有 155 該 確診 者 13 至 14 日 下午 5 時 到 6 時 30 分 曾 前往 world gym 站前 店 12 至 16 日 下午 2 時 到 2 時 30 分在 家中 經營 的 汕頭 意 面 店 吃 面 北市 副 市長 黃珊珊 今 公佈 案 15515 公共 場 域 活動 史 該案 為 中正區 個案 ct 值 155 較 低 也 是 北市 今天 唯一 新增 本土 個案 根據 中央 改變 匡列至 發病 前 14 天 行蹤 案 15515 在 4 日 下午 2 時 47 分 曾 出現 在 高鐵 臺北站 當天 下午 5 時 17 分至 晚上 7 時 前往 桃園 市 中壢 區 春 德 路 的 華泰 名品 城 此外 12 至 16 日 每天 下午 2 時至 2 時 30 分 案 15515 會前 往 北市 中正區 林森南路 的 汕頭 意 面 吃 面 該 面 店 是 家中 經營 13 日 至 14 日 下午 5 時至 6 時 30 分 曾經 到位 在 中正區 忠孝西路 1 段 的 world gym 站前 店</t>
  </si>
  <si>
    <t>《經濟》疫苗救市＋基期低 明年全球經濟成長上看45％</t>
  </si>
  <si>
    <t>經濟 疫苗 救 市 基期 低 明年 全球 經濟 成長 上 看 45</t>
  </si>
  <si>
    <t>為 照顧 更 多 老人 與 民眾 岡山 秀 傳 醫院 與 高雄市 衛生局 協力 到 田寮 區 成立 健康 友善 社區 衛生局長 照 中心 說 希望 未來 高雄市 每 裡 都 能 有 一 處 健康 友善 社區 服務 各 地區 的 老人 秀 傳 醫院院長 趙昭欽 與 長輩 們 相約 活到 120 歲 岡山 秀 傳 醫院院長 趙昭欽 高雄市 衛生局長 照 中心 主任 李 素華 等 人 出席 揭 牌 儀式 活動 開始 前 長輩 表演 舞蹈 弄獅 草 螟 弄 雞公 展現 活力 趙昭欽 等 人 也 跟 著 跳舞 大家 打成一片 趙昭欽 說 該 社區 老年 人口比例 為 285 請 大家 照顧 好 健康 這 對 子女 來說 是 最 大 財富 他 並 與 大家 相約 一起 到 健康 友善 社區 運動 共同 活到 120 歲 李 素 華表 示 岡山 秀 傳 醫院 於 2012 年 就 到 西德 社區服務 照顧 長輩 將 醫療 資訊 導入 社區 辦理 血壓 量 測 心房顫動 檢測 等 活動 根據 內政 部 統計 處 資料 田寮 區 的 老年 人口 占 該區 總人口 比例 居全國 第二 285 該區有 超過 兩千 名 老人 她 說 希望 未來 高雄市 每 一 裡 都 能 設置 健康 友善 社區 服務 各 地區 的 老人 今年 市府 預計 設立 的 目標 是 261 個 健康 友善 社區 已經 達到 8 成 全 高雄市 有 981 裡 已經 設立 260 餘 個 健康 友善 社區 還 需 努力 此外 目前 是 後 防疫 時期 主辦單位 也 教導 長輩 製作 防 蚊 抗 菌 液 長輩 們 學習 的 興趣 很 高 努力 吸收 新 知</t>
  </si>
  <si>
    <t>臺灣 帛 琉 旅遊 泡泡 20 開放 旅客 前往 施打 帛 琉 疫苗 起先 提供 嬌 生 輝瑞 與 莫德納 3 種 疫苗 但 當地 的 莫德納 疫苗 迅速 用 完 帛 琉 觀光局 稍 早 宣佈 10 月份 可 提供 旅遊 泡泡 的 旅客 選擇 輝瑞 和 莫德納 2 種 疫苗 根據 帛 琉 衛福部 的 通知</t>
  </si>
  <si>
    <t>臺灣 帛 琉 旅遊 泡泡 20 開放 旅客 前往 施打 帛 琉 疫苗 起先 提供 嬌 生 輝瑞 與 莫德納 3 種 疫苗 但 當地 的 莫德納 疫苗 迅速 用 完 帛 琉 觀光局 稍 早 宣佈 10 月份 可 提供 旅遊 泡泡 的 旅客 選擇 輝瑞 和 莫德納 2 種 疫苗 根據 帛 琉 衛福部 的 通知 因 莫德納 數量 有限 與 避免 殘 劑 莫德納 疫苗 提供 每 班機 以 最 少 10 位 最 多 上限 為 30 位 旅客 輝瑞 疫苗 則 無 此 限制</t>
  </si>
  <si>
    <t>疫情幹擾！盧廣仲春季巡演4場全喊卡粉絲挺「我們等你」</t>
  </si>
  <si>
    <t>265萬劑AZ到貨 主要供擴大第一劑</t>
  </si>
  <si>
    <t>4利多領航 出口連7紅報喜訊 成長率高達368％</t>
  </si>
  <si>
    <t>4 利多 領航 出口 連 7 紅 報 喜訊 成長率 高 達 368</t>
  </si>
  <si>
    <t>財政部 8 日 公佈 2021 年 1 月 進出口 統計 1 月 出口值 為 3427億 美元 創下 史 上 單月 新高 年增率 則 為 368 出口 連七紅 順利 達 陣 官員 分析 關鍵 在 春節 因素 2020 年 春節假期 在 1 月底 但 2021 年 為 2 月中 一來一往 多 三 天 統計 日</t>
  </si>
  <si>
    <t>演算法應更貼近實情！陸致死率 仍有55％ 我不可輕忽</t>
  </si>
  <si>
    <t>演算法 應 更 貼近 實情 陸 致死 率 仍 有 55 我 不 可 輕忽</t>
  </si>
  <si>
    <t>中 租 -ky 5871 公佈 2020 年 1 月 自 結合 並 營 收 4698億 元 雖 因 春節 工作 天數 較 少 中國 大陸 銷貨 業務 認 列 準則 變更 影響 較 去年 12 月 5928億 元 減少 2074 降 至 近 11 月 低點 仍 較 去年同期 4508億 元 成長 422 改寫 同期 新高</t>
  </si>
  <si>
    <t>陸新冠死亡3248人 累計確診809萬例</t>
  </si>
  <si>
    <t>博通 broadcom 週四 表示 第 四季 財 報 可望 優於 預期 原因 在於 使 用 較 貴晶 片 的 蘋果 新機 即將 上市 以及 遠 距 辦公 趨勢 推 升 資料 中心 晶 片 需求 週五 早 盤 股價 上漲 135 蘋果 晶 片 供應商 博通 亦 指出 他們 今年 提高 晶 片 產量 的</t>
  </si>
  <si>
    <t>稍 早 湖 人 傳出 壞 消息 巨星 詹姆斯 lebron james 因 觸發 聯盟 健康 與 安全 協議 確定 缺席 對陣 國王 的 比賽 而 tmz 驚 傳 他 有 確診 狀況 接受 三 次 檢測 兩 次 呈 陽性反應 無 任何 症狀 球隊 已 安排 私人 飛機 載 他 回 洛杉磯 據 沃納洛斯基 adrian wojnarowski 說明 若 球員 確診 至少 要 缺席 10 場 比賽 左右 lebron james took 3 covid tests today test 1 lateral flow was positive the 2 nd pcr test was negative james was then given a 3 rd tiebreaker test which came back positive i&amp;apos m told he&amp;apos s asymptotic at this time team chartered a private jet to take lebron back to l a 加上 今天 這 場 比賽 本 季 已 缺席多 達 12 場 其中 包括 受傷 還有 與 活塞 一 戰 遭到 禁賽 缺席率 相當 高 而 在 他 本 季 出戰 的 11 場 比賽 中 場 均 上場 達 36 9 分鐘 平均 能 砍 下 258 分 52 籃板 68 助攻 18 抄 截 投籃 命中率 484 外線 344 罰球 755 對 即將 滿 37 歲 的 他 來說 很 不容易 而 在 詹姆斯 出賽 的 11 場 裡面 湖 人 拿下 7 勝 4 敗 這 代表 湖 人 還 是 相當 需要 攻守 全面 的 詹姆斯 畢竟 本 季剛 到來 的 明星 控 球 韋斯布魯克 russell westbrook 狀況 不 太 穩定 內線 大將安東尼大衛斯 anthony davis 的 統治力 也 不如 以往 加上 整體 防守 相當 不 佳 目前 湖 人 平均 失分 排 聯盟 第 27 名 lebron james who the lakers are listing in health and safety protocols is expected to miss several games source tells espn players with positive covid cases must be out a minimum of 10 days 湖 人本 季 受 傷兵 困擾 此前 多 名 球員 無法 上陣 包括 亞 瑞 薩 trevor ariza 荷 頓塔克 talen horton-tucker 努恩 kendrick nunn 瑞福 斯 austin reeves 等 人 好 在 目前 迎 回 荷 頓 塔 克 和 瑞福 斯 但 在 陣容 調度 上 朗度 rajon rondo 與 霍華 dwight howard 最近 很 少 上場 教練 佛 格 frank vogel 也 遭到 質疑</t>
  </si>
  <si>
    <t>疫情 嚴峻 全國 學校 停課 不 停學 校園 在 有限 人力 下 仍 須 每日 進行 消毒 工作 泰山 高中 師生 共同 發展 無人 自 駕 消毒 車 自 駕 消毒 車 清晨 6 點 會 自動 巡迴 消毒 校園 減輕 清 消 人力 負擔 校長 李立泰 表示 泰山 高中 去年 繼 研發 校園 額 溫槍 後 今年 再 研發 無人 自 駕 消毒 車 為 防疫 盡 一 份 心 力 李立泰 表示 去年 疫情 蔓延 在 即將 開學 之際 校園 仍 向 地方 政府 反應 防疫 物資 嚴重不足 新北市泰山高中 電子科 師生 學以致用 自行 研發 製作 額 溫槍 且 經 實際 測試 準確度 極 高 彌補 防疫 物資 不足 新北 市長 侯友宜 當時 到場 參訪 直 呼贊 李立泰 表示 疫情 嚴峻 全國 學校 停課 不 停學 校園 防疫 甚為 重要 在 工科 主任 集思廣益 下 實習 處 陳致中 電子科 主任 呂升翰 機械 科 主任 許恭維 汽車 科林 昌 臻 主任 共同 研發 無人 消毒 自 駕車 在 每天 早上 6 點 進行 校園 巡迴 消毒 達成 有限 人力 高效 作為 的 任務 李立泰 補充 目前 學校 剩下 20 位 教師 在校 教學 學校 這 一 台 無人 消毒 自 駕車 主要 針對 校園 周 遭 環境 消毒 車 環繞 四周 為 15 分鐘 可 減少 人力 一半 以上 的 時間 無人 消毒 自 駕車 大幅 減輕 行政 人員 清 消 負擔 實習 處 主任 陳致中 補充 說明 泰山 高中 日前 與 artc 財團法人 車輛 研究 測試中心 合作 將 現成 高爾夫球 車 全新 改裝成 自 駕車 規劃 校 門口 四 維 堂 跆拳道 館 aiot 科技 教室 圖 資 大樓 總務處 學務 處 日 新樓 等 多 站 停靠 巡迴 校園 陳致中 說 無人 消毒 自 駕車 是 透過 新北 市 創新 教育 加速器 推動 學校 跨 領域 培育 計畫 其中 電子科 當 工業 40 遇上 人工智慧 人才 培育 計畫 透過 教育局 與 企業 挹注 設立 人工智慧 科技 體驗 中心 aiot 希望 培育 更 多 自動化 產業 基礎 人才</t>
  </si>
  <si>
    <t>3 月 28 日 清晨 5 時 25 分 武漢 地鐵 2 號 線 常青 車輛 段 隨 著 一 聲 清脆 的 鳴笛 編號 為 b 68 的 頭班車 緩緩 啟動 呼嘯 著 開進 地鐵 隧道 沉寂 了 2 個 多 月 的 武漢 地鐵 重 啟 約 1 小時 後 6 條 線路 184 座 車站 同步 恢復 運營 截至 17 時 線網 客運量 1272萬 乘 次 為 控制 車廂 內 乘客 密度 所有 列車 座椅 上 均 張貼 黃色 小 標籤 提示 乘客 隔 位 而 坐 例如 一 排 可坐 6 人 的 座椅 貼 上 3 張 標籤 乘客 須在 貼 標籤 的 位置 坐下 避免 接觸 每 列車 增 配 1 名 隨 車 安全員 在 車廂 內 宣傳 引導 乘客 下車 換乘 時 掃 碼 全程 佩戴 好 口罩 如 發現 同 乘 人員 聚集 交談 等 情況 將 及時 勸阻 受 疫情 影響 武漢 地鐵 1 月 23 日 暫停 運營 沉寂 65 天 後 6 條 線 184 座 車站 恢復 運營 具體 運營 時間 為 工作日 6 00 至 23 00 休息日 6 30 至 23 00 恢復 運營 初期 2 號 線 4 號 線 7 號 線 按 大小 交 路 組織 運營 行車 間隔 小 交 路 約 75 分鐘 大 交 路 約 15 分鐘 1 號 線 3 號 線 6 號 線 按 單一 大 交 路 組織 運營 行車 間隔 約 8 分鐘</t>
  </si>
  <si>
    <t>苦苓曝4種人排隊買口罩！杏仁哥拋一問網感嘆</t>
  </si>
  <si>
    <t>慧洋 2月每股虧損009元</t>
  </si>
  <si>
    <t>慧 洋 -ky 2637 4 日 公告 2 月 營 收 845億 元 年 減 1984 累計 前 2 月 營 收 1852億 元 年 減 1721 2 月 單月 稅 前 虧損 為 064億 元 自 結 每股 稅 前 虧損 009 元 累計 前 2 月 稅 前 虧損 03億 元 自 結 每股 稅 前 虧損 004 元 慧 洋 指出</t>
  </si>
  <si>
    <t>永捷 4714 受惠 轉 單 效應 3 月 合併 營 收 1億673萬 元 年 增 24 倍 第一 季 合併 營 收 1億7441萬 元 年 增 40 永捷 說 今年 除了 在 國防 類 新 產品開發 已 完成 階段性 認證 通過 在 新 客戶 開發 上有 顯著 成效 預期 可 在 未來 帶進 業績 成長</t>
  </si>
  <si>
    <t>大陸近7日新冠肺炎確診 境外輸入占8455％</t>
  </si>
  <si>
    <t>18 日 大陸 首度 無 新 增 本土 確診 病例 湖北 以外 省份 無 新 增 死亡 病例 並 已 連續 7 日 無 新 增 本土 確診 病例 最近 7 日 大陸 境外 輸入 確診 病例 數 占 新增 確診 病例 總數 8455 國際 疫情 快速 蔓延 也 為 大陸 帶來 輸入 性 風險 增加 19</t>
  </si>
  <si>
    <t>18 日 大陸 首度 無 新 增 本土 確診 病例 湖北 以外 省份 無 新 增 死亡 病例 並 已 連續 7 日 無 新 增 本土 確診 病例 最近 7 日 大陸 境外 輸入 確診 病例 數 占 新增 確診 病例 總數 8455 國際 疫情 快速 蔓延 也 為 大陸 帶來 輸入 性 風險 增加 19 日 大陸 國務院 聯防 聯控 機制 就 畜禽 產品 保供 穩 價 工作 情況 舉行 發 佈 會 大陸 國家 衛健 委 新聞 發言人 宣傳司 副 司長 米鋒 指出 湖北 除 武漢 外 連續 14 日 無 新 增 本土 確診 病例 應 落實 外防 輸入 重點 任務 18 日 大陸 新增 報告 境外 輸入 確診 病例 34 例 包括 北京 21 例 廣東 9 例 上海 2 例 黑龍江 1 例 浙江 1 例 累計 報告 境外 輸入 確診 病例 189 例</t>
  </si>
  <si>
    <t>業績 生 醫 明達醫 去年 eps 約 42 元 擬 配 息 2 55 元</t>
  </si>
  <si>
    <t>本土 疫情 未 降溫 行政院長 蘇貞昌 承諾 的 第一 季 到貨 2000萬 劑 進口 疫苗 至今 僅 到貨 8766萬 劑 到貨 率 不 到 5 即使 加上 今 4 日 下午 預計 從 日本 運來 的 124萬 劑 az 疫苗 也 僅 達 承諾 的 1 10 立 委 指 政府 的 疫苗 支票 至少</t>
  </si>
  <si>
    <t>疫情拖累 4月娛樂稅年減243％</t>
  </si>
  <si>
    <t>疫情 拖累 4 月 娛樂 稅 年 減 243</t>
  </si>
  <si>
    <t>新北疫苗施打預約超過48萬人 接種率達95％</t>
  </si>
  <si>
    <t>新北 疫苗 施打 預約 超過 48萬 人 接種 率 達 95</t>
  </si>
  <si>
    <t>男堅持出國赴日理由曝光後網一面倒：祝福你</t>
  </si>
  <si>
    <t>26萬人恐錯失莫德納第2劑 22日限時6小時可提前預約</t>
  </si>
  <si>
    <t>首 波 疫苗 混打 今 正式 開 打 共有 183萬 人 完成 預約 其中 選擇 莫德納 疫苗 者 占多數 有 124萬 人 選 bnt 者 僅 6萬 人 左右 不過 台大 混打 研究 顯示 初步 看起來 az 混打 莫德納 疫苗 的 保護 力 較佳 但 相對 的 副作用 的 發生率 與 嚴重 程</t>
  </si>
  <si>
    <t>經濟部紓困30來了 補貼員工薪資4成 可領3個月</t>
  </si>
  <si>
    <t>口罩20流程不變！週三開放第二波預購</t>
  </si>
  <si>
    <t>口罩 20 流程 不 變 週三 開放 第二 波 預購</t>
  </si>
  <si>
    <t>今起配送63萬莫德納疫苗 開放1至3類接種</t>
  </si>
  <si>
    <t>國民黨 文傳 會 主委 王育敏 今 與 多 位 職業工會 代表 召開 記者會 呼籲 政府 提出 無 雇主 之 勞工 紓困 方案 能 放寬 限制 建議 從 現行 24萬 元 放寬 348萬 元 勞動部 次長 林 明裕今 下午 出席 行政院 紓困 振興 記者會 主動 回應 表示 某 政黨 這樣</t>
  </si>
  <si>
    <t>最狂學校！開學備妥15萬口罩年前加買6千個 網：完勝政院</t>
  </si>
  <si>
    <t>最 狂 學校 開學 備 妥 15萬 口罩 年前 加 買 6千 個 網 完勝政 院</t>
  </si>
  <si>
    <t>《觀光股》雲品決派利25元 蓄勢強身待復甦</t>
  </si>
  <si>
    <t>半導體 檢測 服務 廠 宜 特 3289 上半年 營 收 達 1502億 元 稅 後 淨利 為 145億 元 每股 盈 餘 eps 155 元 表現 優於 預期 隨 第 三 季 進入 旺季 公司 高層 表示 7 月 在手 檢測 訂單 創 歷史 新高 目前 營運 不見 烏雲 不僅 看好 第 三 季</t>
  </si>
  <si>
    <t>南韓成功壓疫情 確診關鍵數字曝網喊太狂</t>
  </si>
  <si>
    <t>受惠 大陸 智慧 型 手機 去 美化 效應 宏 捷 科 8086 2 月 營 收 達 272億 元 再度 刷新紀錄 創 49 個 月 新高 不但 月 增 082 年增率 亦 高 達 19 倍 累計 前 二月 營 收 達 541億 元 年增率 亦 達 16176 雙雙 出現 倍數 成長 法人 預估</t>
  </si>
  <si>
    <t>國內 疫情 嚴峻 這周 被 視為 防疫 關鍵期 近日 高市 爆發 串 門子 餐廳 群 聚 感染 已 有 7 人 確診 高 市府 針對 餐飲業 祭出 限令 今 22 日 起至 28 日 一 率 禁止 內 用 否則 最高 可 罰 15萬 元 今 早 經發局 前往 哈 瑪 星 商圈 稽查 商家 皆</t>
  </si>
  <si>
    <t>臺灣 自 購 加上 美國 贈送 的 莫德納 疫苗 共有 855萬 劑 扣 掉 已 打 第一 劑 的 3335萬 人 之後 能夠 打 滿 兩劑 莫德納 的 人數 剩 不 到 100萬 人 不過 根據 統計 目前 全台 仍 有約 390萬 人 非 莫德納 不 打 有 醫師 呼籲 這 390萬 莫德納 鐵粉 別 再 等 了</t>
  </si>
  <si>
    <t>臺灣 自 購 加上 美國 贈送 的 莫德納 疫苗 共有 855萬 劑 扣 掉 已 打 第一 劑 的 3335萬 人 之後 能夠 打 滿 兩劑 莫德納 的 人數 剩 不 到 100萬 人 不過 根據 統計 目前 全台 仍 有約 390萬 人 非 莫德納 不 打 有 醫師 呼籲 這 390萬 莫德納 鐵粉 別 再 等 了 建議 先 打 az 之後 再 等 混打 今天 又 有 996萬 劑 莫德納 疫苗 抵 台 包含 美國 捐贈 的 250萬 劑 加上 臺灣 自 購 的 605萬 劑 總共 有 855萬 劑 莫德納 疫苗 換算 下來 目前 全台 有 427萬 人 可以 完整 接種 兩劑 莫德納 扣除 已經 打 第一 劑 的 3335萬 人 目前 也 只 剩 約 不 到 百萬 劑 可 供 第二 劑 接種 不過 根據 公費 疫苗 預約 平臺 目前 只 勾選 莫德納 疫苗 的 人 仍 有 396萬8843 人 但 之後 能夠 打 滿 第二 劑 疫苗 人數 不 到 100萬 人 也就是說 全台 恐怕 會 有 296萬 人 要 失望 了 對於 有 290 多 萬 的 莫德納 鐵粉 可能 等 不 到 了 中國 醫藥 大學 附設 醫院 副 院長 黃高彬 接 媒體 訪問 時則 呼籲 別 再 等 了 認為 他們 可以 先 打 az 之後 再 等 第二 劑 混打 莫德納 或 bnt 疫苗 而且 日前 有 研究 指出 混打 az 加 mrna 疫苗 效果 可能 更 好 有鑒於 目前 疫苗 不足 的 情況 下 建議 能 打 的 時候 就 先 打</t>
  </si>
  <si>
    <t>裕 融 企業 公司 新 台幣 60億 元 聯 貸 6 月 28 日 簽約 由 華南銀行 擔任 統籌 主辦 暨 額度 管理 銀行 臺灣銀行 為 文件 管理 銀行 裕 融 企業 聯 貸 金額 原本 僅 新 台幣 50億 元 但因 各 銀行 參 貸 踴躍 超額 認購 達 21 倍 最終 以 新 台幣 60億 元 結案</t>
  </si>
  <si>
    <t>世界衛生組織 who 26 日 會議 後 宣佈 將 近期 在 南非 傳播 的 新 變異 株 b 11529 命名 為 omicron 且 列為 高 關注 變異 株 voc 德國 bionntech 公司 表示 正 著 手 研究 現有 疫苗 對 omicron 的 防護力 2 周內 將 有 結果 若 有</t>
  </si>
  <si>
    <t>新 變異 株 b 11529 為 omicron 疫苗 調整</t>
  </si>
  <si>
    <t>基隆 成功 市場 豬肉 攤 商 日前 確診 市場 緊急 封閉 市府 昨天 針對 所有 攤 商 186 人 進行 pcr 檢測 有 6 人 呈現 陽性 陽性率 達 32 市長 林右昌 表示 其中 有 1 確診 攤 商 也 在 仁愛 市場 營業 因此 下令 仁愛 市場 今天 晚上 6 點 關閉 至 6 月 2</t>
  </si>
  <si>
    <t>3大機構砸125億美元 啟動「新冠肺炎治療加速器」計畫</t>
  </si>
  <si>
    <t>高市 掀 長輩 搶 打 莫德納 疫苗 潮 2 日 來 接種 率 高達 10116 2 日 晚間 緊急 宣佈 3 日 起 暫停 不在 籍 施打 引發 民怨 市長 陳其邁 多次 致歉 強調 5 日新 一 波 疫苗 就 會 到 這 禮拜 沒 打到 下禮拜 保證 一定 打得 到 陳其邁 表示 高市 疫苗</t>
  </si>
  <si>
    <t>疫情 逐漸 趨 緩 之際 國民 黨團 關注 下 階段 振興 經濟 作為 上午 舉行 記者會 指出 高達 877 民眾 支持 直接 發放 現金 主張 修訂 紓困 條例 為 全面 刺激 消費 政府 應撥 用 1420億 元 預算 直接 發給 每人 6千 元 現金 可 省 除 印製 消費 券 成</t>
  </si>
  <si>
    <t>疫情 逐漸 趨 緩 之際 國民 黨團 關注 下 階段 振興 經濟 作為 上午 舉行 記者會 指出 高達 877 民眾 支持 直接 發放 現金 主張 修訂 紓困 條例 為 全面 刺激 消費 政府 應撥 用 1420億 元 預算 直接 發給 每人 6千 元 現金 可 省 除 印製 消費 券 成本 加強 力道 為 振興 經濟 注入 強心劑 立 法院 日前 通過 紓困 條例 修正案 除 追加 特別 預算 1500億 元 也 授權 行政院 視 疫情 情況 可 再 追加 2100億 元 國民 黨團 書記長 蔣 萬安 說 為 刺激 消費 政府 在 提 振 經濟 也 要 超前 部署 因此 正式 提出 紓困 條例 修正 草案 主張 給予 民眾 每人 6千 元 現金 補助 總 經費 1420億 元 為 振興 力 道 注入 一 股 強心劑 獎勵 國人 配合 政府 防疫 措施 蔣 萬安 說 接下來 振興 經濟 必須 做到 公平 簡單 親 民 容易 和 日常 發現 金最 符合 民眾 日常 消費 習慣 不 像 酷 碰 券 需 綁 國旅 住宿 電子 支付 等 限制 蔣 萬安 指出 目前 政府 共 編 列 133億 元 用來 振興 整體 消費 只 占 108 年度 gdp 189 兆 元 的 007 以此 達到 效果 無異 是 緣木求魚 蔡 政府 宣稱 振興 抵 用 券 適用于 全台 35萬 家業 者 平均 每家 僅 能 分到 6千 餘 元 根本 是 杯水車薪 國民 黨團 首席 副 書記長 林 奕 華表 示 現在 國內 是 防疫 一級 棒 紓困 一團亂 不是 紓困 20 而是 紓困 之 亂 20 包含 對象 不 明確 發放 不 公平 行政 負擔 大 根據 最 新民 調 指出 有 877 民眾 贊成 發 現金 發現 金 不但 可以 節省 印製 與 作業 成本 更 能夠 直接 刺激 消費 藍 委 陳玉珍 說 政府 萬 元 紓困 之 亂 肇因 于 蔡 政府 始終 不 願 沿用 馬政府 時期 當年 全民 發放 消費 券 的 方式 振興 經濟 蔡 政府 現在 的 作法 非但 沒有 説明 到 需要 説明 的 民眾 還 造成 相對 剝奪 感</t>
  </si>
  <si>
    <t>2度延簽外配得回母國換證？越婿憂「強迫出境成防疫破口」</t>
  </si>
  <si>
    <t>日本超級電腦模擬飛沫傳染 室外隔15公尺也非安全無虞</t>
  </si>
  <si>
    <t>晶 心 科 6533 耕耘 risc-v 多年 預計 明年 risc-v 授權 金 權利 金 將 會 開始 貢獻 總經理 林志明 表示 2021 年 晶 心 科 會 做 更 多 的 研發 投資 新 產品 會 陸續 出來 且 隨 著 大陸 全力 衝刺 半導體 自製 比重 晶 心 科 也 看到 了 很多 機會 會 積極 推廣 另外 和 大 股東 聯發 科 2454 的 合作 看好 雙方 是 多 層次 的 合作 很 持續 有 密切 的 交流 晶 心 科 累計 前 3 季 累計 營業 收入 312億 元 年 減少 136 累計 營業毛利 311億 累計 營業 淨損 8820萬 元 累計 稅 前 淨損 8237萬 元 累計 每股 損失 199 元 前 三 季 最 大營 收 占比 最 大 來自 於 臺灣 占比 42 晶 心 科 近年來 積極 發展 risc-v 所謂 的 risc-v 是 一 種 免費 開放 原始 碼 指令 集 架構 isa 透過 開放 標準 協作 來 開發 處理器 新 晶 心 科 朝向 risc-v 市場 領先 者 努力 林志明 表示 今 年前 3 季 risc-v 產品 營 收 比重 達 56 預計 明年 risc-v 授權 金 權利 金 將 會 開始 貢獻 在 新品 穩健 成長 下 法人 也 樂觀 預估 明年 risc-v 業績 將 年 增 三 成 以上 林 志 明 指出 大陸 近 兩 年 全力 衝刺 半導體 自製 化 林志明 表示 目前 在 大陸 有 高 達 3000 家 ic 設計 公司 相對 臺灣 約 300 家 整體 產業 機會 很 大 故 有 很多 機會 加上 大陸 廠 敢 投資 手筆 大 晶 心 科 10 月 在 大陸 就 有 一個 相對 比較 大 的 案子 design win 對於 大陸 市場 晶 心 科 很 積極 推廣 另外 今年 是 5 g 元年 2021 年 晶 心 科 會 做 更 多 的 研發 投資 新 產品 會 陸續 出來 投資 金額 一定 也 會 加大 除此之外 對於 和 聯發 科 的 合作 林志明 表示 雙方 是 多 層次 的 合作 彼此 是 關係人 聯發 科 也 是 晶 心 科 的 大 股東 兩 家 董事長 更是 同一 位 即 蔡明介 兩 家 公司 在 產品 上 的 合作 從 晶 心 科 第一 代 v 1 就 開始 已經 有 很多 進入 產出 狀況 目前 合作 集中 在 v 3 林 志 明 表示 目前 大陸 市場 的 疫情 控制 看來 還 可以 同仁 也 開始 恢復 出差 目前 評估 狀況 不錯 惟 美國 日本 等 目前 對 疫情 的 管控 還 是 比較 差 故 依舊 不讓 同仁 到 當地 出差 受到 疫情 影響 晶 心 科第 3 季營 收 104億 元 年 減 181 惟 目前 已經 慢慢 讓 營運 恢復 正軌 逐漸 從 疫情 中 回神 10 月 單月 營 收 已經 回升 至 6667萬 元 年 增加 297</t>
  </si>
  <si>
    <t>觀光 股 五 福 去年 eps 089 元 啟動 自救 抗 疫</t>
  </si>
  <si>
    <t>疫情 連日 升溫 各縣 市政府 管控 加 嚴 臺北市 長 柯文哲 表示 北市 感染 數趨 緩 目前 疫情 雖 可 控制 但是 是 靠 民眾 自主 封城 若 再 拖 3 個 月 餓 死 的 會 比 病 死 的 多 柯文哲 表示 目前 看起來 感染 數目 沒有 一直 上升 好像 還有 趨 緩 事實上 用 數字 看 12 區 狀況 看起來 嚴重度 是 下降 但 很 均勻 分 佈 在 北市 行政區 柯文哲 表示 目前 疫情 可以 壓制住 但 壓 住 的 代價 很 大 若 一旦 解封 感染 數 必 會 飆 升 但 目前 還 可以 維持 多久 現在 餐廳 夜市 藝 文 活動 都 停 掉 這樣 還 可以 撐 多久 若 再 撐 三 個 月 我 認為 餓 死 比 病 死 的 多 目前 北市 az 疫苗 施打 狀況 柯文哲 表示 本月 27 日 中央 配送 22萬 劑 至 今 共 施打 1萬5678 人 中央 本 周 要 給 56 劑 給 北市 他 規劃 第一線 的 醫護 先 打 預計 週三 可 施 打 完成 再來 是 工作 的 警 消 等 柯文哲 認為 中央 應 要 給 地方時 程表 因 打 疫苗 仍要 規劃 生產線 等 包括 需要 醫生 護理 師 文書 人員 與 地點 安排 等 這 是 後勤 補給 問題 若 中央 有 明確 行程 才 有 辦法 規劃 打 疫苗 計 畫 柯文哲 直言 每天 都 搞不清楚 疫苗 數量 他們 搞 神秘 常常 前 2 天才 跟 你 說 要 給 多少 量 坦白講 生產線 很 難 規劃 這 是 目前 困擾</t>
  </si>
  <si>
    <t>馬光 -ky 4139 診所 業務 成長 帶動 2 月 合併 營 收 為 新 台幣 61079萬 元 較 去年同期 成 長 5 其中 診所 業務 成長 更 達 15 前 2 月 營 收 為 1億2867萬 元 年 減 1024 馬光 表示 2 月份 馬光 整體 合併 營 收 若 屏除 去年 10 月 出售 的 國際 學</t>
  </si>
  <si>
    <t>黃博怡：新冠肺炎威脅全球經濟斷鏈 臺灣經濟可望再造奇蹟20</t>
  </si>
  <si>
    <t>美國勞工部 20 日 上午 公佈 的 前 周 8 月 15 日 為止 的當 周 新增 的 初次 申請 失業 救濟金 人數 再度 回升 到 百萬 以上 來到 111萬 也 遠 高於 經濟學家 預測 的 925萬 人 前 一個 星期 初領 失業 救濟金 人數 才以 97 1萬 寫下 疫情 3 月初 大</t>
  </si>
  <si>
    <t>研勤 3632 在 疫情 關係 下 以 人臉 辨識 為 核心 基礎 研發 之 face 8 臺灣 臉 霸 接案 量 持續 攀升 上月 更 拿下 政府 機關 標 案 公司 持續 走 在 轉型 的 路上 研勤 今 股價 開高 震盪 一度 大 漲逾 8 最高 達 1495 元 盤中 漲幅 收斂 到 3 附近</t>
  </si>
  <si>
    <t>研勤 3632 在 疫情 關係 下 以 人臉 辨識 為 核心 基礎 研發 之 face 8 臺灣 臉 霸 接案 量 持續 攀升 上月 更 拿下 政府 機關 標 案 公司 持續 走 在 轉型 的 路上 研勤 今 股價 開高 震盪 一度 大 漲逾 8 最高 達 1495 元 盤中 漲幅 收斂 到 3 附近 研勤 傳統 業務 行車 紀錄 器 市場 式微 研勤 全力 發展 新 業務 有鑒於 目前 臺灣 已 進入 防疫 新 生活 運動 階段 消費 與 經濟 活動 開始 復蘇 各 旅遊景點 人潮 回流 為 有效 快速 且 非 接觸 測 溫 與 控管 人流 研勤 以 人臉 辨識 為 核心 基礎 研發 之 face 8 臺灣 臉 霸 接案 量 持續 攀升 6 月 更 取得 政府 單位 指標性 標 案 為 研勤 遍佈 全台 的 目標 更 向前 一 步 研勤 指出 為 防範 疫情 二 次 爆發 具備 資本 基礎 的 企業 擴大 投資 防疫 設備 的 意願 大幅 提升 研勤 從 自家 辦公大樓 旗 下 釀酒廠 與 餐 酒館 門市 導入 出發 防疫 控管 成效 卓越 進一步 加速 推廣 至 其他 餐廳 健身房 廠房 工地 深受 客戶 肯定 針對 今 年度 的 展望 受到 研勤 仍 處於 轉型 狀態 影響 現階段 規劃 逐步 降低 車 安 相關 業務 比重 轉 往 較 具 健全 獲利 模式 之 人臉 辨識 系統 由於 人臉 辨識 採收 案 認 列 方式 提 列 短期 營 收 表現 雖 未 銜接 挹注 仍 有 助 未來 營運 體質 更加 完善 健全 研勤 6 月 合併 營 收 為 30474萬 元 年 減 1742 累計 上半年 營 收 為 1億4664萬 元 較 去年同期 減少 5243</t>
  </si>
  <si>
    <t>患難見真情 為 築 起 病毒 防線 居家 隔離 居家 檢疫 者 都 不能 隨意 外出 垃圾 也 都 由 環保局 專車 清運 台南 市政府 環保局 收運 人員 洪文弘 日前 來回 200 公里 前往 山區 收運 防疫 垃圾 時 垃圾包 下 竟 留有 一 張 寫 著 謝謝 辛苦 你們 的 紙條 他 說 當下 看到 那 幾 個 字 辛苦 壓力 全 被 釋放 眼角 竟 濕 了 起來 洪文弘 表示 日前 被 指派 前往 偏遠 山區 清運 1 戶 隔離 戶 垃圾 時 由於 他 平常 的 活動 範圍 都 只有 在 市區 對 山區 路況 陌生 加上 導航 又 只能 導 到 附近 經 與 該 隔離 戶 前後 通了 4 次 電話 還是 繞 來 繞 去 找 不 到 正確 的 位址 心裡 急 得 不了 從 下午 2 時 出發 到 載到 垃圾 單 趟 就 花 了 2 小時 洪文弘 指出 他 揣 著 一 顆 七上八下 的 心 口罩 手套 護目鏡 等 全副武裝 載運 垃圾包 腦 中 只 想 著 趕快 完成 任務 當時 看見 垃圾包 下 壓 著 一 張 紙 雖然 覺得 有些 奇怪 但 也 沒 多 想 順手 揉 成團 直到 將 垃圾包 載 回到 集中 消毒 區 後 取 垃圾包 時 看到 那團 紙 才有 心情 打開 來 看 洪文弘 不好意思 地 說 簡單 幾 個 字 謝謝 辛苦 你們 怎 有 那麼 大 的 力量 當下 竟然 很 想 哭 彷 佛 身 為 第一 線 防疫 基層人員 的 辛苦 壓力 都隨著 這 幾 個 字 被 釋放 驅散 了 也 才 想起 在 載運 垃圾 時 該 隔離 戶 還 站 在 遠處 不斷 地 向 他 揮手 致謝 的 畫面 環保局 強調 列為 居家 隔離 及 居家 檢疫 者 垃圾 不能 隨意 放 入 一般 家戶 清運 的 垃圾車 如果 違反 居家 隔離 或 居家 檢疫 規定 逕自 外出 丟 垃圾 者 將 依 傳染病 防疫 法 開 罰 10萬 至 100萬 元 該局 為了 便民 特別 設立 專線 06 2686610 登記 安排 清運 再 委 由 專責 廢棄物 清除 處理 機構 協助 專車 收運 從 今年 1 月 至 6 月 累計 清運 居家 隔離 及 居家 檢疫 戶 948 戶 檢疫 旅館 649 處 次 1萬4821 間 房間 次 收運 垃圾 為 4283 公噸 環保 局長 謝世傑 認為 疫情 暴發 以來 該局 基層人員 默默 為 防疫 付出 一 次 又 一 次 不分 假日 或 平日 執行 公共 場 域 環境 清潔 消毒 不論 日夜 在 第一時間 完成 確診 者 足跡 清 消 以及 居家 隔離 居家 檢疫 等 的 垃圾 收運 民眾 以 紙條 表達 謝意 對 該局 第一線 防疫 人員 來說 是 莫大 的 鼓勵 期盼 市民 朋友 能 給 更 多 的 支援 讓 環保局 的 服務 愈來愈好</t>
  </si>
  <si>
    <t>東馬不退16億報名費 日網紅：台太友善</t>
  </si>
  <si>
    <t>東馬 不退 16億 報名 費 日 網 紅 台太 友善</t>
  </si>
  <si>
    <t>紓困40 補貼2萬不夠 英系綠委加碼喊：每人每月發1萬元連發3個月</t>
  </si>
  <si>
    <t>紓困 40 補貼 2萬 不夠 英 系 綠 委 加碼 喊 每人 每月 發 1萬 元 連發 3 個 月</t>
  </si>
  <si>
    <t>《業績-鋼鐵》春雨Q1營收年減1573％ H1審慎以對</t>
  </si>
  <si>
    <t>業績 鋼鐵 春雨 q 1 營 收 年 減 1573 h 1 審慎 以 對</t>
  </si>
  <si>
    <t>疫苗 突破性 感染 令 許多 國家 開始 規劃 加強 劑 的 施打 但 在 低收入 地區 如 非洲 民眾 至少 接種 1 劑 疫苗 的 比例 卻 只 有 13 對 疫苗 覆蓋率 高 的 國家 而言 加強 劑 的 接種 可 有效 對抗 印度 變異 株 delta 但 隱憂 在於 可能 導致 新 的 變</t>
  </si>
  <si>
    <t>疫苗 突破性 感染 令 許多 國家 開始 規劃 加強 劑 的 施打 但 在 低收入 地區 如 非洲 民眾 至少 接種 1 劑 疫苗 的 比例 卻 只 有 13 對 疫苗 覆蓋率 高 的 國家 而言 加強 劑 的 接種 可 有效 對抗 印度 變異 株 delta 但 隱憂 在於 可能 導致 新 的 變異 株 問世 而 對 疫苗 覆蓋率 低 的 國家 來說 重症 致死 率 則 無法 下降 學者 認為 若要 減少 健康 不平 等 問題 應讓 疫情 高 的 國家 先 打 第 1 劑 且 需 是 保護 持續 力高 的 廠 牌 才能 讓 全球 疫情 漸漸 受 控 公 衛 學者 任小萱 表示 疫苗 就 像 蹺蹺板 在 高 收入 國家 已經 有 半數 以上 民眾 接種 至少 1 劑 疫苗 相較 而言 低收入 國家 如 非洲 卻 只 有 13 5 的 民眾 接種 1 劑 疫苗 以 以色列 為 例 當地 為 60 歲 以上 民眾 施打 bnt 加強 劑 後 顯示 能 預防 86 感染 副作用 與 第 2 劑 相近 能 有效 對抗 delta 目前 該國 也 將 加強 劑 年齡 下 修至 40 歲 另 美國 繼 讓 長者 施打 加強 劑 後 9 月 20 日 起 也 將 加強 劑 的 施打 擴大 至 全民 任 小 萱 表示 高 收入 國 與 低收入 國 面臨 的 問題 不一 對 高 收入 國家 來說 施打 加強 劑 的 隱憂 在於 可能 導致 免疫 識別 逃脫 情形 更 嚴重 令 病毒 再度 變異 甚至 比 delta 傳播 力更強 對 低收入 國 來說 則 會 因為 疫苗 覆蓋率 不足 住院 死亡 風險 都 較 高 由於 部分 高 疫苗 取得 的 國家 會 將 疫苗 贈送給 低 疫苗 取得 國家 有 研究 分析 指出 若 贈送 的 疫苗 屬於 免疫 保護 持續 力 差 的 廠 牌 如 科興 在 即便 疫苗 打的 慢 或 疫情 高漲 即便 獲 贈 疫情 仍 無 法 有效 控制 若為 免疫 保護 持續 力 較佳 的 疫苗 如 莫德納 即便 疫苗 打的 慢 或 疫情 高漲 適當 分配 能 仍 有效 控制 疫情 長遠 來看 持續 力 差 的 廠 牌 若 能 有效 分配 3 5 年 後 低 疫苗 取得 國家 的 疫情 仍 可 下降 而 若是 持續 力高 的 廠 牌 有效 分配 則 能 達到 更 有效 的 控制 台 大公 衛學院 教授 陳秀熙 表示 全球 若要 維持 健康 平等 一定 要 選擇 高效能 的 疫苗 給 施打 率 低 的 國家 他 認為 要 讓 疫情 高 的 國家 先 打 第 1 劑 才能 產生 平衡 效果 讓 全球 疫情 慢慢 受 控 若 能 像 美國 同時 接種 加強 劑 贈送 疫苗 來 達到 雙 贏 最好 不過 在 無法 兼顧 的 前提 下 則 需要 普及化 的 第 1 劑 及 高效能 的 疫苗 低效能 的 疫苗 則 不宜 考慮 這 是 全球 疫苗 的 重要 挑戰</t>
  </si>
  <si>
    <t>庶民 信心 在 2020 年初 如同 坐 雲霄飛車 般 大起大落 國泰 金控 20 日 公佈 2 月 國民經濟 信心 調查結果 今年 元月 民眾 才因 總統大選 結果 將 出爐 中 美 貿易戰 暫歇 而 對 未來 信心 指數 大 增到 10 創 56 個 月 最 樂觀 但 2 月 馬上 就 有 503 的</t>
  </si>
  <si>
    <t>聯 詠 3034 第二 季營 收 創下 歷史 新高 帶動 今 股價 開高 走 高 漲幅 一度 達 8 股價 沖 上 291 元 歷史 新 高 聯 詠 6 月 受到 面板 驅動 ic 業務 減少 影響 單月 營 收 5853億 元 月 減 577 但 累計 第 2 季營 收 仍 達 1861億 元 季增 102 超</t>
  </si>
  <si>
    <t>陸捐贈出口35億劑疫苗 密切監測變異進行升級</t>
  </si>
  <si>
    <t>桃園 28 日 新增 2 起 本土 確診 案例 創 新低 其中 1 人 是 一 間 大型 護理 之家 的 住 民 有 糖尿病 史 18 日 曾施 打 疫苗 但 25 日 因 血糖 飆 高 送醫 采 檢 確診 雖然 ct 值 高且 二 采 陰性 不 排除 感染 已久 但 衛生局 不敢 大意 連夜 將 護理 之家 住 民和 工作人員 共 110 人 全采檢 晚間 結果 出爐 全都 陰性 衛生局長 王文彥 指出 桃園 28 日 新增 2 例 本土 確診 個案 年齡 介於 50 多 歲 至 60 多 歲 之間 其中 案 14795 感染 源 待 厘 清 是 桃園 市 某 護理 之家 的 女 住 民 有 糖尿病 史 18 日 曾 打過 第一 劑 az 疫苗 因為 血糖 控制 不 佳 25 日 曾飆 到 500 緊急 送醫 醫院 采 檢 陽性 確診 王文彥 說 該 名 奶奶 ct 值 353 且 28 日 再度 采 檢 是 陰性 不 排除 是 很久以前 感染 但因 她 居住 的 護理 之家 規模 很 大 衛生局 第一時間 完成 匡列采 檢 連夜 疫 調 整個 護理 之家 扣除 確診 者 所有住 民有 83 位 工作人員 包括 護理 員 照顧 服務員 和 看護 有 27 名 110 人 全匡列 采 檢 晚間 采 檢 結果 出爐 110 人 采 檢 結果 全都 陰性 據悉 該院 大部分 住 民和 工作人員 都已施 打完 第一 劑 疫苗</t>
  </si>
  <si>
    <t>新竹市安心即時上工20上路 工作更好找了</t>
  </si>
  <si>
    <t>疫苗涵蓋率達6949％ 陳時中預告明天可達標</t>
  </si>
  <si>
    <t>疫苗 涵蓋 率 達 6949 陳時中 預告 明天 可 達標</t>
  </si>
  <si>
    <t>宜蘭酒廠加入防疫 日產42萬瓶酒精</t>
  </si>
  <si>
    <t>臺灣 煙酒 公司 投入 防疫 用 酒精 生產 行列 朝 每日 產能 20萬 瓶 目標 邁進 宜蘭 酒廠 為此 停 掉 其他 產品 生產線 明天 開始 生產 預計 可 日產 42萬 瓶 今天 16 日 酒廠 開 賣 不 到 1 小時 就 賣 完 酒精 但 早起 排隊 的 民眾 大約 5 分鐘 就 能</t>
  </si>
  <si>
    <t>臺灣 煙酒 公司 投入 防疫 用 酒精 生產 行列 朝 每日 產能 20萬 瓶 目標 邁進 宜蘭 酒廠 為此 停 掉 其他 產品 生產線 明天 開始 生產 預計 可 日產 42萬 瓶 今天 16 日 酒廠 開 賣 不 到 1 小時 就 賣 完 酒精 但 早起 排隊 的 民眾 大約 5 分鐘 就 能 購買 讓 民眾 笑 說 比 買 口罩 方便 多 了 宜 蘭 酒廠 今天 所 賣 的 酒精 來源 是 屏 東 酒廠 有 864 瓶 一早 就 有 不少 人 排隊 酒廠 結 帳 區 就 有 2 人 負責 民眾 付帳 後 再以 發票 為 憑 取 酒精 酒廠 投入 人力 賣 酒精 縮短 民眾 購買 時間 宜蘭 酒廠 賣 的 是 已 調製 好 的 75 酒精 容量 是 600 ml 每 瓶 75 元 每人 限 購 1 瓶 宜 蘭 酒廠 投入 生產 後 預計 每天 能 生產 42萬 瓶 防疫 用 酒精 但 生產 後 的 酒精 是 由 總公司 控管 分配 並 非 生產 的 酒精 全部 由 宜蘭 酒廠 販 售 為了 加緊 生產 速度 防疫 用 酒精 有 采 回收 瓶 分裝 酒廠 透露 考量 民眾 防疫 急需 採購 酒瓶 會 影響 生產 速度 因 此 以 現有 的 回收 瓶 分裝 酒精 回收 瓶 用 完後 退瓶 價 是 2 元</t>
  </si>
  <si>
    <t>乾杯集團EPS 497元 配現金股利2元</t>
  </si>
  <si>
    <t>技嘉 2376 5 月 營 收 再創 單月 歷史 新高 站上 11601億 元 月 增 5 年 增 52 連續 第 3 個 月 營 收 站上 百億 元 累計 前 5 個 月 營 收 為 51014億 元 年 增 64 今年以來 宅 經濟 發酵 品牌 大廠 輝 達 超 微 新品 推出 帶動 技嘉 板 卡 伺</t>
  </si>
  <si>
    <t>新 纖 1409 去年底 公告 其 杭州 廠 將 搬遷 原訂 2020 年 中 結束 營業 春節 期間 即為 停工 狀態 因此 不受 影響 杭州 廠 的 搬遷 補償 及 獎勵 補貼 為 人民幣 78億 元 公司 表示 因 有 稅負 問題 須 考慮 尚 無法 確定 可 認 列 獲利 金額 此外 新</t>
  </si>
  <si>
    <t>中央 宣佈 全國 疫情 警戒 自 7 月 27 日 起 降為 2 級 台中 市長 盧秀燕 23 日 指出 距離 場 域 開放 措施 以及 防疫 措施 還有 幾 天 時間 台中 將 采 1 前提 2 態度 確保 防疫 安全 漸進式 開放 而非 為了 開放 而 開放 每個 場 域 開放 與否 及 程度 要 視 防疫 安全 為 前提 不會 一步到位 台中 市長 盧秀燕 說 台中 市 注射 覆蓋率 占 全市 281萬 多 人口 僅 2293 還有 77 左右 的 市民 對 病毒 是 沒有 防護力 要 小心翼翼 且 很 謹慎 就算 中央 宣佈 解封 鬆綁 台中 市 仍 秉 持 穩定 漸進式 解 封 全國 僅 25 的 人 注射 疫苗 一定 要 重視 解封 的 防疫 安全 盧秀燕 指出 全市 765 家 幼稚園 共 8萬3千 名 孩童 將 恢復 場 域 開放 幼兒 除 受到 照顧 讓 家庭 及 父母 可以 恢復正常 上班 生活 但 不 包括 課 照 中心 之前 已經 公佈 解封 盧秀燕 表示 文化 場 域 也 將 漸進式 鬆綁 開放 另 民政 系統 包括 宗教 場 域 儀式 等 另 5 大局處 管理 的 場 域 及 行業 陸續 解封 至於 補習班 是否 開放 全市 一般 課程 才藝 補習班 2900 家 從業人員 2萬5000 人 尚未 施打 疫苗 若要 開放 必須 謹慎 確保 防疫 安全 儘快 研究 一旦 有 結果 將 報告 宣佈 盧秀燕 說 另外 飲食 內 用 顧及 防疫 安全 目前 各縣市 都 在 討論 中 台中市政府 將 儘快 研 擬 一旦 有 結果 將 對 外界 宣佈</t>
  </si>
  <si>
    <t>業績 電子零件 崇越電 去年 每股 賺 51 元 密切注意 疫情 變化</t>
  </si>
  <si>
    <t>《日股》憂疫情升高 日經指數收跌078％</t>
  </si>
  <si>
    <t>日 股 憂 疫情 升高 日經指數 收 跌 078</t>
  </si>
  <si>
    <t>新冠肺炎衝擊消費、出口 主計總處下修今年GDP為237％</t>
  </si>
  <si>
    <t>半導體 測試 介面 廠精 測 6510 受惠 5 g 即將 進入 商用化 供應 鏈 備料 帶動 多 項 半導體 測試 介面 需求 2020 年 5 月 自 結合 並 營 收 續 雙 升 至 353億 元 創 同期 新高 亦 創 歷史 第 4 高 展望 後市 隨 著 5 g 相關 應用 晶 片 需求 浮現 公司</t>
  </si>
  <si>
    <t>打AZ高燒397度 男大生曝副作用：差點看到阿嬤</t>
  </si>
  <si>
    <t>打 az 高燒 397 度 男 大生 曝 副作用 差點 看到 阿嬤</t>
  </si>
  <si>
    <t>崇友 4506 3 月 合併 營 收 為 389億 元 月 增 3089 年 增 1505 主要 來自 於 桃園 青 埔 商業 大樓 高雄 橋頭 住宅 大樓 淡 海 新市鎮 集合 住宅 社區 等 新 梯 與 汰舊換新 完工 認 列 累計 第 1 季 合併 營 收 998億 元 年 減 313 崇友 今年</t>
  </si>
  <si>
    <t>子瑜返台首PO居家隔離生活 素顏美翻網卻擔心這點</t>
  </si>
  <si>
    <t>《股利-其他電子》鴻海決配息42元 3措施續轉型升級</t>
  </si>
  <si>
    <t>鴻 海 2317 今 23 日 召開 股東 常會 通過 2019 年 財 報 及 盈 餘 分配 案 決議 配發 每股 現金 股利 42 元 以 今日 平盤 價 789 元 計算 現金 殖 利率 約 532 展望 今年 集團 將 持續 求新 求 變 透過 3 階段 措施 持續 轉型 升級 提升 集團</t>
  </si>
  <si>
    <t>台微體去年每股虧損1242元</t>
  </si>
  <si>
    <t>5 g 今年 起 在 全球 陸續 商轉 預計 對於 小型 基地 台 周邊 相關 產品 在 未來 幾 年 內 將 持續 快速 成長 小型 基站 概念 股 包括 有 正文 4906 中 磊 5388 啟 棋 3596 明 泰 3380 另外 光 濾波器 廠 統 新 6462 等 均 可望 受惠 隨 著 各國 電信 商 陸續 發放 5 g 頻譜 5 g 也 陸續 商轉 對於 小型 基地 台 等 5 g 相關 設備 之 需求 逐步 增 溫 由於 小型 基地 台 具有 體積小 建置 成本低 且 網路 容量 可 擴 增 讓 電信 商 可以 最 具 成本 效率 之 方式 彈性 組網 5 g 小型 基地 台量 隨之 成長 市場 統計 2019 年 5 g 基地 台 市場 規模 已 達 1475億 美元 臺灣網 通 廠 在 小型 基地 台 具有 成熟 的 研發 經驗 從 3 g 4 g lte 到 現在 的 5 g 且 因為 5 g 穿透性 較 差 故 對於 具有 補強 功能 的 小型 基地 台 來說 地位 又 更加 重要 加上 大陸 在 5 g 的 積極 程度 和 4 g 不可同日而語 以往 大陸 電信 三 雄 就 有 向 台系 網通 廠 採購 的 經驗 故此 波 商機 對 臺灣網 通 廠 來說 相當 值得 期待 統 新 針對 5 g 市場 積極 開發 25 g 產品 統 新 濾波 片 設計 良率 優於 競爭 同業 可望 取得 一定 市場 地位 且 上半年 因為 疫情 沖 關係 光 模組 需求 遞 延 超逾 一個 季度 目前 市場 已經 陸續 回溫 以 統 新 來說 目前 資料 中心 仍以 100 g 產品 為 主軸 但 400 g 產品 有 機會 在 明年 躍 升為 主流 商品 基地 台 方面 仍以 10 g 25 g 產品 為 初期 布建 主力</t>
  </si>
  <si>
    <t>群 聯 8299 6 月 營 收 月 減少 1368 較 去年同期 持平 董事長 潘健成 認為 群 聯 已經 於 去年 拿 到 日本 最 大 柏 青哥 品牌 的 訂單 並於 今年 開始 出 貨 對 營 收 及 獲利 將 有 正面 助益 群 聯 6 月 合併 營 收 為 3371億 元 較 去年同期 持平 月</t>
  </si>
  <si>
    <t>好市多衛生紙被掃光 大媽買不到出賤招搶手法讓網氣炸</t>
  </si>
  <si>
    <t>「姑姑剛從美國回來沒自主隔離」男大義滅親網推爆</t>
  </si>
  <si>
    <t>稅捐緩繳20 中市35萬人受惠</t>
  </si>
  <si>
    <t>稅捐 緩繳 20 中 市 3 5萬 人 受惠</t>
  </si>
  <si>
    <t>瑞基上半年EPS大賺241元</t>
  </si>
  <si>
    <t>青少年 到底 該不該 打 bnt 第二 劑 讓 許多 家長 非常 掙扎 對此 台大前 感染 科 醫師 林氏 璧 今 表示 臺灣 青少年 打 bnt 發生 心肌炎 機 率 較 美國 和 日本 都高 其中 臺灣 年輕 男生 心肌炎 發生率 為 百 萬分 之 225 比 美國 多 了 4 倍 而 國外 研</t>
  </si>
  <si>
    <t>近來 美國 公佈 企業 財 報 截至 14 日 止 美國 s&amp;p 500 近 八成 企業 公佈 營運 成果 其中 有 七 成 以上 企業 獲利 優於 預期 幅度 達 45 隨 實際 亮 眼 財 報 陸續 發佈 美國 s&amp;p 500 企業 去年 第 四季 盈 餘 成長率 由 1 月底 03 上 修至 09 雖 反</t>
  </si>
  <si>
    <t>對抗新冠肺炎 比爾蓋茲基金會再捐25億美元</t>
  </si>
  <si>
    <t>中國 國家 衛生 健康 委 疾 控 局 二級 巡視員 崔鋼 今 11 日 在 國務院 聯防 聯控 機制 發佈會 上 稱 截至 10 日 中國 新 冠 疫苗 已經 接種 了 845億 劑 次 覆蓋 了 622億 人 無論 在 劑 次 上 和 在 覆蓋 人群 數量 上 都 居於 全球 首 位 此外 中國 疾</t>
  </si>
  <si>
    <t>中國 國家 衛生 健康 委 疾 控 局 二級 巡視員 崔鋼 今 11 日 在 國務院 聯防 聯控 機制 發佈會 上 稱 截至 10 日 中國 新 冠 疫苗 已經 接種 了 845億 劑 次 覆蓋 了 622億 人 無論 在 劑 次 上 和 在 覆蓋 人群 數量 上 都 居於 全球 首 位 此外 中國疾控中心 研究員 馮子健 表示 在 印度 最 早 發現 的 新 冠 病毒 變異 株 傳染性 和 傳播 能力 顯著 增強 潛伏期 縮短 短短 十 天內 就 傳 了 五六 代 病毒傳播 速度 加快 病毒 載 量 顯著 增高 馮子健 強調 研究 顯示 新 的 病毒 有 一定 的 免疫 逃逸 現象 但是 現有 的 幾 種 疫苗 對 這個 病毒 仍然 有 可觀 的 保護 效果 從 廣東 疫情 看來 確診 病例 中 沒有 接種 過 疫苗 的 人群 轉移 重症 發生 重症 的 比例 顯著 高於 接種 過 疫苗 的 人 表明 疫苗 在 接種 後 對 變異 毒 株 仍然 有 保護 作用</t>
  </si>
  <si>
    <t>波羅的海 國家 立陶宛 22 日 宣佈 捐贈 臺灣 2萬 劑 az 疫苗 預計 9 月底 前 配送 讓 外界 好奇 立陶宛 本身 擁有 多少 疫苗 根據 外 媒 報導 立陶宛 政府 已經 批准 採購 約 1620萬 劑 疫苗 目前 超過 34 人口 已經 完整 接種 疫苗 預計 9 月 可讓 70 人口 至少 接種 1 劑 疫苗 立陶宛 政府 不只 捐贈 外國 疫苗 還 打算 讓 觀光客 打 疫苗 根據 波羅的海 通訊社 baltic news service 於 2020 年 12 月底 的 報導 立國 政府 當時 計畫 採購 約 780萬 劑 疫苗 政府 官網 提供 給 民眾 的 訊息 也 指出 立陶宛 將 會 收到 超過 700萬 劑 疫苗 不過 據 波羅的海 通訊社 baltic news network 於 今年 6 月 中旬 的 報導 立國 政府 目前 已經 批准 採購 總計 達 1620萬 的 疫苗 劑量 這些 疫苗 分佈 8 個 廠 牌 分別 為 186萬 劑 az 疫苗 70萬 劑 嬌 生 疫苗 506萬 劑 莫德納 疫苗 9296萬 劑 輝瑞 bnt 疫苗 633萬 劑 novavax 疫苗 150萬 劑 法國 藥廠 賽諾菲 sanofi 與 英國 藥廠 葛蘭素史克 gsk 合作 研發 的 疫苗 138萬 劑 德國 curevac 疫苗 以及 372萬 劑 法國 valneva 疫苗 目前 歐盟 藥品 管理局 european medicines agency ema 僅 批准 az 嬌 生 莫德納 bnt 等 4 款 新 冠 疫苗 的 緊急 使用 授權 德國 curevac 疫苗 的 第 3 期 臨床 試驗 期中 報告 更 顯示 保護 效力 僅 達 47 因此 立陶宛 未來 實際 能 取得 多少 疫苗 劑量 也 面臨 變數 立陶宛 已經 有 34 人口 完整 接種 疫苗 民眾 可 選擇 廠 牌 施打 據 立陶宛 政府 官網 統計 截至 26 日 人口 約 280萬 的 立陶宛 目前 已經 收到 超過 254萬 劑 疫苗 包括 約 1747萬 劑 bnt 疫苗 487萬 劑 az 疫苗 255萬 劑 莫德納 疫苗 及 約 52萬 劑 嬌 生 疫苗 當中 已經 施打逾 2155萬 劑 超過 1226萬 人 至少 接種 過 1 劑 疫苗 占 總人口 近 44 974萬 人 已經 完整 接種 疫苗 占 比為 348 根據 政府 官網 介紹 歐盟 執委會 european commission 會 為 所有 歐盟 會員國 聯合 採購 疫苗 採購 的 廠 牌 包含 az 嬌 生 輝瑞 bnt 莫德納 curevac 及 賽諾菲 葛蘭素史克 波羅的海 通訊社 先前 報導 一直 到 2020 年底 立陶宛 都 還 在 向 歐盟 確定 要 購買 多少 劑 疫苗 取得 疫苗 後 歐盟 會 根據 各國 人口 等 比例 配發 疫苗 至 各個 會員國 立陶宛 是 在 去年 12 月底 收到 第一 批 bnt 疫苗 供 醫護人員 施 打 目前 立陶宛 境內 一共 有 az 嬌 生 bnt 莫德納 等 4 個 廠 牌 的 疫苗 供 民眾 施打 今年 第 1 季起 優先 讓 醫護 前線 工作人員 65 歲 以上 長者 接種 疫苗 隨 著 疫苗 供貨 穩定 政府 於 5 月 10 日 起 開放 55 歲 以上 民眾 接種 疫苗 接下來 每 隔 7 天 依 序 開放 45 歲 35 歲 以上 人士 接種 並且 提前 自 5 月 31 日 起 推行 大規模 接種 計 畫 16 歲 以上 民眾 都可 接種 疫苗 官 網 指出 各 地方 政府 會 主動 通知 現階段 符合 接種 條件 的 民眾 前往 當地 醫療機構 免費 施打 疫苗 自 5 月 起 民眾 也 可以 透過 撥 打電話 全國 統一 預約 網站 預約 接種 時間 具備 永久 居留 身份 以及 有 強制 加入 健 保 的 外國人 也 可以 接種 疫苗 民眾 可以 選擇 接種 疫苗 的 廠 牌 通常 地方 政府 在 通知 接種 疫苗 時 就 會 告知 民眾 可能 會 接種 哪 一 支 疫苗 如果 民眾 不 願 接種 這 支 疫苗 當 當地 醫療機構 有 其他 廠 牌 的 疫苗 可 供 施打時 地方 政府 會 再 聯絡 民眾 前來 施打 另外 如果 當地 的 疫苗 接種 站 有 不同 的 廠 牌 可 供 施打 疫苗 也 沒有 被 保留 起來 讓 接種 第 2 劑 的 人 優先 施打 民眾 便 可以 直接 選擇 想要 接種 的 廠 牌 立陶宛 也 曾 經歷 az 緩 打 潮 事實上 立陶宛 也 曾 經歷 臺灣 目前 面臨 的 長者 緩 打 朝 據 立陶宛 國家廣播電視臺 lithuanian national radio and television 波羅的海 通訊社 報導 今年 春天 az 疫苗 爆出 血栓 疑慮 立陶宛 長者 拒打 az 疫苗 寧願 等 莫德納 bnt 疫苗 導致 az 疫苗 累積 大量庫存 雖然 政府 開放 讓 民眾 挑選 疫苗 但 實情 是 初期 bnt 莫德納 疫苗 供貨 不足 許多 地方 接種 單位 只有 az 疫苗 可以 施打 為了 解決 爭議 加上 新 一 批 疫苗 陸續 到位 政府 才 擴大 提供 接種 站 不同 廠 牌 的 疫苗 讓 民眾 選擇 同時 也 向下 開放 接種 資格 讓 更 多 人 施打 az 疫苗 總統 瑙 塞 達 gitanas naus da 總理 席 莫尼特 ingrida simonyte 及 各部 首長 議員 也 公開 接種 az 疫苗 展現 對 az 的 信心 立陶宛 預計 最 快 8 月 開放 12 歲 以上 青少年 接種 疫苗 立陶宛 電視臺 tv 3 報導 立陶宛 衛生部長 杜爾 基斯 arunas dulkys 21 日 表示 如果 疫苗 施打 率 恢復 到 4 月 的水準 最 快 9 月 就 能 讓 全國 70 人口 至少 接種 1 劑 疫苗 他 說 目前 疫苗 接種 速率 有 下降 趨勢 因此 政府 正在 考慮 擴大 設立 疫苗 接種 中心 在 現場 說服 民眾 來 打 疫苗 不過 疫苗 接種 率 下降 已經 成為 政府 擔憂 問題 立陶宛 總統 瑙 塞 達 顧問 克雷普斯塔 simonas kr p ta 23 日 表示 目前 仍 有 數 十萬 劑 疫苗 尚未 使用 7 月 還 會 有 另外 100萬 劑 疫苗 到位 我們 有 足夠 的 疫苗 但 沒有 足夠 的 人 來 打 他 說 還 差 36萬 人才 能 達成 70 人口 至少 施打 1 劑 疫苗 的 目標 立陶宛 擬 擴大 讓 觀光客 接種 疫苗 有趣 的 是 根據 波羅的海 時報 the baltic times 報導 立陶宛 經濟 與 創新 部 6 月中 提案 擬 擴大 讓 即將 在 立陶宛 待 超過 1 周 的 觀光客 接種 疫苗 以及 讓 住 在 海外 的 立陶宛 公民 返國 接種 疫苗 立陶宛 經濟 部副 部長 尤爾古蒂斯 vincas jurgutis 表示 最 大 目的 是 要 確保 在 立陶宛 境內 的 人 獲得 最 大 保護 如此 才能 控制 疫情 他 說 這項 提案 在 夏天 尤其 重要 因為 夏季會 有 更 多 人 來到 立陶宛 愈多 人 接種 疫苗 愈 安全 因此 我們 需要 為 那些 待 在 立陶宛 且 希望 接種 疫苗 的 人 提供 施打 機會 不過 尤爾古蒂斯 也 強調 這項 提案 的 重點 並 不是 要 發展 疫苗 觀光 不過 如果 有 人 因為 那個 更改 計畫 我們 也 不 會 覺得 是 大 問題 立陶宛 曾經 一 天 將近 4000 人 確診 全國 封鎖 8 個 月 立陶宛 26 日 新增 44 人 確診 及 0 例 死亡 案例 據 約翰霍普金斯大學 johns hopkins university 全球 疫情 統計 至今 立陶宛 累計 逾 278萬 人 確診 逾 4300 人 病 歿 根據 世界 即時 統計資料 worldometer 網站 立陶宛 第 2 波 新 冠 疫情 已 有 所 趨 緩 4 月底 疫情 最 嚴重 時 單日 確診 數 曾 飆 至 1599 例 目前 疫情 已 緩和 不過 實際上 2020 年 秋冬 立陶宛 曾 經歷 非常 嚴峻 的 第 1 波 疫情 12 月 下旬 單日 確診 數 曾 來到 3928 例 每日 確診 人數 破 千 的 狀況 幾乎 維持 了 約 3 個 月 一直 到 今年 1 月 下旬 疫情 才有趨 緩 跡象 不過 春季 第 2 波 疫情 又 起 為了 壓制 疫情 立陶宛 從 2020 年 11 月 7 日 起 實施 全國 封鎖 根據 立國 衛生部 官網 說明 封鎖 期間 的 隔離 措施 包括 外出 強制 戴 口罩 戶外 聚會 人數 上限 為 10 人 餐廳 咖啡店 酒吧 等 必須 全數 關閉 但 能 提供 外帶 戶外 用餐 室內 用餐 能 維持 一 桌 上限 2 人 者 例外 藝 文 活動 也 有 人數 上限 立陶宛 目前 仍 處在 封鎖 期間 預計 6 月 30 日 到期 立國 政府 28 日 將 研議 30 日 封鎖 期 到期 後 是否 放寬 隔離 措施</t>
  </si>
  <si>
    <t>因 疫情 持續 延 燒 瑞昱 2379 遠 端 需求 將 延續 到 下半年 加上 tws 真 無線 藍芽 耳機 電視 soc 等 產品 出現 回溫 跡象 整體 動能 將 延續 到 下半年 瑞昱 今 開高 後 震盪 拉高 站 回月線 也 一度 收復 400 元 大關 盤中 維持 漲幅 逾 15</t>
  </si>
  <si>
    <t>臺北市高中職以下全部停課2週採線上教學 影響334萬位學生</t>
  </si>
  <si>
    <t>口罩實名制20 網購運費要7元網友真實反應曝光</t>
  </si>
  <si>
    <t>口罩 實 名 制 20 網 購 運費 要 7 元 網友 真實 反應 曝光</t>
  </si>
  <si>
    <t>行政院 拍板 的 口罩 實 名 制 20 將 采 網路 預購 超 商 取 貨 的 模式 而 運費 為 7 元 消息 公佈 後 引起 網友 在 ptt 上 熱烈 討論 不少 人 都 大贊 實在太 佛 心 7 元 換來 免 排隊 行政院 拍板 的 口罩 實 名 制 20 造福 不少 無法 排隊 的 上班族</t>
  </si>
  <si>
    <t>行政院 拍板 的 口罩 實 名 制 20 將 采 網路 預購 超 商 取 貨 的 模式 而 運費 為 7 元 消息 公佈 後 引起 網友 在 ptt 上 熱烈 討論 不少 人 都 大贊 實在太 佛 心 7 元 換來 免 排隊 行政院 拍板 的 口罩 實 名 制 20 造福 不少 無法 排隊 的 上班族 而 大家 都 在 討論 的 口罩 運費 問題 今天 也 確定 只 要 7 元 有 網友 就 在 ptt 八卦 版 上 分享 此 訊息 最新 的 網路 預購 口罩 搭配 超 商 物流 一 次 3 片 15 元 7 元 物流 費 22 元 平均 一 片 7 塊 錢 感覺 真的 很 佛 由於 一般 網 購物 流 運費 都 要 60 元 起跳 消息 公佈 後 網友 都 紛紛 狂 贊 7 元換 排隊 1 小時 值得 7 元買 你 一個 小時 的 尋 貨 成本 根本 良心 事業 超 佛 佛 到 不行 不 想 付 7 塊 你 可以 花 一 小時 排隊 7 元 不用 跟 老人 擠 一 小時 超 佛</t>
  </si>
  <si>
    <t>《股利-半導體》應廣決配息273元 Q2營收拚新高</t>
  </si>
  <si>
    <t>假消息youtube肺炎全面打擊</t>
  </si>
  <si>
    <t>面對新冠肺炎(COVID-19)疫情持續在全球蔓延除了政府、公共衛生主管機關全面防堵疫情散播外如何宣導傳遞正確的防疫資訊並且避免錯誤資訊、惡意資訊以及假消息傳播也是當務之急。對此社群平臺 Facebook、Twitt</t>
  </si>
  <si>
    <t>疫情資訊對此當務之急covid-正確持續傳遞全球宣導蔓延衛生散播政府主管機關全面傳播假消息肺炎防疫平臺惡意錯誤</t>
  </si>
  <si>
    <t>肺炎相關疫情twitter廣告facebook言論發表資訊宣佈app仇恨平臺正確規定youtube連結政府zuckerberg主管機關</t>
  </si>
  <si>
    <t>新冠肺炎廣告FacebookTwitterYouTube</t>
  </si>
  <si>
    <t>肺炎廣告facebooktwitteryoutube</t>
  </si>
  <si>
    <t>境外指揮中心說明新增</t>
  </si>
  <si>
    <t>中央流行疫情指揮中心今（12日）宣佈新增8例境外移入確診我國目前累計733例確診分別為641例境外移入55例本土病例36例敦睦艦隊及1例不明；另1例(案530)移除為空號。確診個案中7人死亡。指揮中心醫療應變組</t>
  </si>
  <si>
    <t>確診指揮中心境外死亡個案空號宣佈新增本土移除目前分別我國疫情艦隊不明病例累計流行醫療敦睦</t>
  </si>
  <si>
    <t>中央流行疫情指揮中心今（12日）宣佈新增8例境外移入確診我國目前累計733例確診分別為641例境外移入55例本土病例36例敦睦艦隊及1例不明；另1例(案530)移除為空號。確診個案中7人死亡。指揮中心醫療應變組副組長羅一鈞將於下午2時最新說明。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TOCC)以供及時診斷通報。
指揮中心再次提醒民眾應持續做好手部衛生與咳嗽禮節；外出若無法與他人保持社交距離請全程佩戴口罩。自國外入境時如有發燒、咳嗽等不適症狀應主動通報機場及港口檢疫人員並配合防疫措施；返國後應落實居家檢疫如出現疑似症狀請務必聯繫衛生局或各縣市關懷中心並依指示就醫切勿搭乘大眾運輸工具；就醫時請務必告知醫師旅遊史、職業別、接觸史及是否群聚(TOCC)以供及時診斷通報。</t>
  </si>
  <si>
    <t>中心指揮檢疫確診症狀通報咳嗽務必民眾就醫國外境外入境空號落實史及接觸關懷是否居家各縣市</t>
  </si>
  <si>
    <t>新冠肺炎境外移入指揮中心</t>
  </si>
  <si>
    <t>境外肺炎指揮中心</t>
  </si>
  <si>
    <t>看好穩住聯大疫情通路時代電子商機</t>
  </si>
  <si>
    <t>大聯大(3702)今日舉行法說會第一季營運守穩每股賺099元展望第二季看好後疫情時代居家辦公、遠距教學、5G相關基地台等商機仍樂觀智慧倉儲的布建也依舊會是未來幾年的重點經營也會是資本支出的核心。大</t>
  </si>
  <si>
    <t>營運展望教學辦公居家相關看好基地商機仍依舊會疫情時代樂觀智慧布建倉儲舉行資本</t>
  </si>
  <si>
    <t>大聯大(3702)今日舉行法說會第一季營運守穩每股賺099元展望第二季看好後疫情時代居家辦公、遠距教學、5G相關基地台等商機仍樂觀智慧倉儲的布建也依舊會是未來幾年的重點經營也會是資本支出的核心。
大聯大第一季營收131044億元年成長172%延續去年第四季的年增雙位數成長並創歷年第一季新高單季營業毛利為5272億元營業淨利為2191億營業利益率為167%淨利歸屬母公司業主1658億元年增率2715%單季每股獲利為099元毛利率402%。
財務長袁興文表示大聯大第一季在新冠肺炎疫情帶動記憶體價格走揚、近期居家辦公及遠距教學需求帶動筆電、PC及網路通訊週邊設備、伺服器以及5G相關零組件出貨等挹注下相較去年同期有著兩位數成長也展現大聯大對疫情有著一定的掌握度各產品表現上除車用電子略為下降其餘均維持穩定成長。
展望後市袁興文指出目前上下遊客戶還是有不確定因素故對第二季、下半年不發布預測性數字但走向後疫情時代居家辦公、遠距教學的商機會持續5G相關基地台、手機等業務還有各國政府加碼的基礎建設都有助於刺激需求大聯大也持續在進行積極佈局且針對內部數位轉型也會持續目前客戶上線已經有20%在數位倉儲上去年完成香港部分後續會針對客戶密集的廣州接著還有台灣、東南亞會配合客戶地區做調整預計會一直延續到2022~2023年發揮大聯大的通路優勢。
在未來資本支出上大聯大今年砸下655億元購買南港廠辦未來陸續會將營運都集中在新廠辦這屬於一次性的支出未來幾年大聯大的支出主要還是集中在智慧倉儲的建構；另外目前全球半導體產業的交易主要幣別還是以美元為主在聯準會持續寬鬆貨幣政策下預估利率再下降趨勢持續因此預估財務支出占比營收應該會持續下降。
大聯大董事會日前也通過每股擬配發現金股利24元預計在6月24日召開股東會。</t>
  </si>
  <si>
    <t>聯大持續客戶疫情支出成長未來下降目前相關倉儲預計還有展望辦公教學需求</t>
  </si>
  <si>
    <t>大聯大新冠肺炎居家辦公遠距教學南港</t>
  </si>
  <si>
    <t>居家肺炎辦公聯大教學南港</t>
  </si>
  <si>
    <t>南山英雄最高表彰榮譽</t>
  </si>
  <si>
    <t>大陸全國抗擊新冠疫情表彰大會8日上午舉行中共中央政治局常委、全國人大委員長栗戰書宣讀中共總書記、國家主席習近平簽署的主席令。授予鍾南山共和國勳章授予張伯禮、張定宇、陳薇人民英雄國家榮譽稱號。由習近</t>
  </si>
  <si>
    <t>國家授予疫情表彰大會上午人民舉行中共中央政治局陳薇張伯禮常委張定宇全國人大委員長戰書主席令宣讀簽署中共總書記習近平主席英雄勳章共和國南山</t>
  </si>
  <si>
    <t>大陸全國抗擊新冠疫情表彰大會8日上午舉行中共中央政治局常委、全國人大委員長栗戰書宣讀中共總書記、國家主席習近平簽署的主席令。授予鍾南山共和國勳章授予張伯禮、張定宇、陳薇人民英雄國家榮譽稱號。由習近平在會中親自頒發。
在這場全民抗疫中一批90後（指1990年之後出生者）抗疫者挺身而出義無反顧地扛起責任和擔當。其中李娟娟、甘如意、塗可藹三位90後獲得全國抗擊新冠肺炎疫情先進個人榮譽。另一位獲獎的是疫情期間穿梭武漢街頭為醫護人員送餐的快遞小哥汪勇。
頒獎時司儀稱大陸防疫專家鍾南山敢醫敢言、勇於擔當提出的防控策略和防治措施挽救了無數生命！鍾南山致詞時指出「健康所繫性命相托」就是醫務人員的初心；保障人民群眾的身體健康和生命安全是醫者的使命！他在受訪時回顧武漢戰疫最艱難的時刻說自己在武漢的學生曾發來資訊社區居民們唱著國歌高喊「武漢加油」。說著說著鍾南山紅了眼眶說：「這就是中華民族這就是中國人什麼都壓不倒！」
湖北衛健委副主任的張定宇作為漸凍症患者疫情期間衝鋒在前、救死扶傷為湖北保衛戰、武漢保衛戰作出重大貢獻！他搖搖擺擺艱難卻抬頭挺胸地走進會場的影片感動網友。
中國工程院院士、天津中醫藥大學校長張伯禮指導中醫藥全程介入疫情救治主持研究制定的中西醫結合療法成為中國方案的亮點。張伯禮說國有危難醫生即戰士寧負自己不負人民。
中國工程院院士解放軍軍事科學院軍事醫學研究院生物工程研究所所長陳薇在新冠肺炎疫情爆發後她在基礎研究、疫苗、防護藥物研發方面取得重大成果。</t>
  </si>
  <si>
    <t>疫情武漢南山張伯禮人民擔當研究張定宇中國工程院院士陳薇國家湖北習近平期間艱難肺炎</t>
  </si>
  <si>
    <t>授予肺炎張定宇疫情鍾南山</t>
  </si>
  <si>
    <t>張定宇肺炎疫情授予南山</t>
  </si>
  <si>
    <t>境外時中說明</t>
  </si>
  <si>
    <t>國內今新增2例新冠肺炎境外移入個案由中央流行疫情指揮中心指揮官陳時中在下午2時10分親自召開記者會說明。預計今天也會公佈案804的英國變種病毒株比對結果以及近日防疫旅館出現爆滿潮指揮中心也將在今天說明</t>
  </si>
  <si>
    <t>指揮中心今天說明肺炎境外個案中央比對結果病毒流行近日變種防疫疫情英國旅館公佈出現親自指揮官</t>
  </si>
  <si>
    <t>國內今新增2例新冠肺炎境外移入個案由中央流行疫情指揮中心指揮官陳時中在下午2時10分親自召開記者會說明。預計今天也會公佈案804的英國變種病毒株比對結果以及近日防疫旅館出現爆滿潮指揮中心也將在今天說明如何因應。此外越南2日新增一例台灣移入個案也是預計今天會一併對外界說明。
指揮中心表示2日新增的案804為英國籍30多歲男性去(2020)年12月30日來台工作持有登機前3日內核酸檢驗陰性報告入境集中檢疫自述12月28日起即有輕微鼻塞症狀但自覺為英國天氣寒冷所致12月31日進行採檢1月2日確診Ct值僅18病毒量高會做病毒基因序列比對確認是否感染英國變種病毒結果可能會由陳時中在今天宣佈。
指揮中心統計截至目前國內累計819例確診分別為724例境外移入56例本土病例36例敦睦艦隊、2例航空器感染及1例不明；另1例(案530)移除為空號。確診個案中7人死亡、697人解除隔離、115人住院隔離中。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以供及時診斷通報。</t>
  </si>
  <si>
    <t>中心指揮檢疫症狀英國確診今天個案病毒新增是否說明入境防疫出現比對感染就醫通報</t>
  </si>
  <si>
    <t>指揮中心境外移入新冠肺炎確認台灣輸出</t>
  </si>
  <si>
    <t>肺炎境外確認中心臺灣指揮輸出</t>
  </si>
  <si>
    <t>利多紓困止步看好</t>
  </si>
  <si>
    <t>雖然對美中緊張關係的擔憂持續籠罩市場但美國將推出新一輪新冠肺炎紓困措施使投資人的風險偏好受到提振由三星電子領軍週一南韓KOSPI指數收漲079%為221786點結束連續3天的跌勢。白宮幕僚長米道斯（Mar</t>
  </si>
  <si>
    <t>白宮持續籠罩跌勢市場連續美國結束推出新一輪指數kospi肺炎南韓擔憂幕僚週一紓困措施投資人三星電子</t>
  </si>
  <si>
    <t>雖然對美中緊張關係的擔憂持續籠罩市場但美國將推出新一輪新冠肺炎紓困措施使投資人的風險偏好受到提振由三星電子領軍週一南韓KOSPI指數收漲079%為221786點結束連續3天的跌勢。
白宮幕僚長米道斯（Mark Meadows）周日宣佈白宮與參議院共和黨團原則上已經就規模約1兆美元的新一輪新冠肺炎紓困法案達成協議。
大型股普遍收高三星電子漲258%SK海力士跌108%現代汽車漲082%南韓最大網路公司Naver漲125%其同業Kakao漲062%。
外資今日買超韓股1560億韓元機構投資人買超1410億韓元散戶賣超2980億韓元。
韓元漲045%收在11961兌一美元。</t>
  </si>
  <si>
    <t>三星電子白宮投資人南韓新一輪肺炎紓困持續買超籠罩市場美國擔憂推出宣佈參議院周日共和黨meadows原則已經道斯</t>
  </si>
  <si>
    <t>韓股億韓紓困新一輪新冠肺炎</t>
  </si>
  <si>
    <t>紓困新一輪肺炎</t>
  </si>
  <si>
    <t>叮嚀安全雙胞胎臺灣洗手防疫鄭怡</t>
  </si>
  <si>
    <t>鄭怡近來受新冠肺炎影響大多和老公待在家、減少出門使用口罩的機會偶爾去朋友家送包冷凍蔬菜她都覺得是人生小確幸；鄭怡的雙胞胎兒子都在多倫多她難免擔心孩子健康情形：「當地朋友非常緊張他們說那邊的政</t>
  </si>
  <si>
    <t>鄭怡非常朋友當地情形肺炎健康影響大多老公孩子在家減少緊張出門擔心使用口罩機會偶爾難免朋友家多倫多兒子</t>
  </si>
  <si>
    <t>鄭怡近來受新冠肺炎影響大多和老公待在家、減少出門使用口罩的機會偶爾去朋友家送包冷凍蔬菜她都覺得是人生小確幸；鄭怡的雙胞胎兒子都在多倫多她難免擔心孩子健康情形：「當地朋友非常緊張他們說那邊的政府防疫措施沒有台灣做得這麼好朋友們有準備一些口罩給我兒子我也提醒孩子要勤洗手。」
鄭怡感謝台灣政府防疫措施完善「走在外面滿安全的家裡一直都有備用口罩但還是儘可能少出門把口罩省起來我跟老公都沒去排隊買口罩把機會讓給有需要的人」；對於年後多場春酒及海外演出受疫情影響取消或延期鄭怡說：「但起碼我們活在一個很安全的地方人只要能健健康康地活著節省一點、日子還是過得去多用這個方法勉勵自己」。
前天西洋情人節是她雙胞兒子的生日鄭怡笑稱已24年沒慶祝這個節日今年難得跟老公待在台灣兩人選擇在家看電影度過「選部片子、準備零食有朋友說好浪漫但其實老夫老妻一起看電影沒什麼好浪漫邊看還邊鬥嘴」。</t>
  </si>
  <si>
    <t>鄭怡口罩兒子老公朋友健康浪漫孩子臺灣電影影響防疫措施機會在家準備出門方法過得去</t>
  </si>
  <si>
    <t>鄭怡新冠肺炎新武漢肺炎新冠狀病毒</t>
  </si>
  <si>
    <t>肺炎武漢病毒鄭怡</t>
  </si>
  <si>
    <t>台中議會防疫朝陽</t>
  </si>
  <si>
    <t>日前朝陽科大20人夜唱團共造成11人確診染疫台中市衛生局立即應變在朝陽科大成立快篩站要求當時在校師生進行篩檢。市議會國民黨團痛批竟被某黨議員曲解為要求全校師生都需篩檢莫非見不得民眾都健康嗎？民進黨</t>
  </si>
  <si>
    <t>科大要求朝陽師生造成確診見不得莫非台中衛生局立即應變議員曲解為黨團成立都需國民議會</t>
  </si>
  <si>
    <t>日前朝陽科大20人夜唱團共造成11人確診染疫台中市衛生局立即應變在朝陽科大成立快篩站要求當時在校師生進行篩檢。市議會國民黨團痛批竟被某黨議員曲解為要求全校師生都需篩檢莫非見不得民眾都健康嗎？民進黨市議員黃守達說國民黨團可能不是很瞭解盧市府防疫作為才會有此誤解？
黃守達指出5月20日市府新聞清楚寫道：「朝陽科大快篩站也針對留在校內800人進行第一波快篩對於已離校及離開台中市超過1萬4000名師生市府已請學校協助通報師生可至全市快篩站或就近在該縣市快篩站篩檢」」。且盧市長也於當天臉書呼籲：如為朝陽大學之師生可盡快前往台中快篩站快篩檢驗；另外朝陽科大也因此要全師生填寫篩檢回報進度。這些全部都有紀錄可供查詢。
黃守達表示重點並非檢驗結果。指揮中心醫療應變組就早已指出若當地疫情較不嚴重抗原快篩偽陽性機會恐高達70％結果也已證明此說法。他本人也早已與衛生局溝通多次快篩站設置與宣導的問題並於臉書粉絲專頁進行宣傳。
黃守達認為若盧市府真的認為其決策無誤為何要請大家都去做快篩卻又只快篩了1000多名師生即撤除朝陽快篩站並要大家可以安心？這是依循何種標準？那剩餘的學生如何能確保沒有問題？偽陰性造成的破口呢？這樣的魯莽作為竟還可以美化成安定人心根本就是造成醫療量能的浪費跟製造更大的恐慌罷。</t>
  </si>
  <si>
    <t>師生黃守達朝陽市府造成進行科大台中醫療可以問題作為結果指出早已應變</t>
  </si>
  <si>
    <t>新冠肺炎台灣快篩站快篩國民黨團朝陽科大</t>
  </si>
  <si>
    <t>臺灣肺炎黨團國民朝陽科大</t>
  </si>
  <si>
    <t>防疫斷航關鍵全面</t>
  </si>
  <si>
    <t>新冠肺炎疫情肆虐目前全球累計75202例確診、2010人死亡各國防疫繃緊神經不過就有網友好奇「為何不全面斷航？」貼文一出隨即掀起熱議更有內行人點出2點關鍵主因。原PO日前在PTT「八卦板」PO文指出「全面斷</t>
  </si>
  <si>
    <t>全面po肆虐目前全球累計確診疫情死亡主因防疫關鍵繃緊神經點出隨即內行人文一斷航網友掀起好奇</t>
  </si>
  <si>
    <t>新冠肺炎疫情肆虐目前全球累計75202例確診、2010人死亡各國防疫繃緊神經不過就有網友好奇「為何不全面斷航？」貼文一出隨即掀起熱議更有內行人點出2點關鍵主因。
原PO日前在PTT「八卦板」PO文指出「全面斷航明明就很簡單就禁止所有飛機落地就好。就像玩手遊一樣簡單左上角按齒輪、設定、開啟而已這麼簡單為什麼不做？」
貼文一出隨即掀起熱議網友一面倒直指關鍵在於「經濟問題」和「無法阻止耍手段者」直言「經濟會崩潰」、「經濟被捏著啊」、「斷航簡單但後續影響勒？」、「斷航後復航困難」、「後果台灣承受得起嗎？」、「對新加坡都不敢斷了呵呵」、「你斷航就有人偷渡你封城就有人偷跑」、「斷航沒那麼簡單問題你源頭不斷早晚有辦法弄死你」；但也有人認為「絕對支持斷航命都沒了要經濟何用」。</t>
  </si>
  <si>
    <t>斷航簡單經濟問題網友全面po肆虐文一目前全球累計隨即掀起疫情確診死亡臺灣承受</t>
  </si>
  <si>
    <t>武漢肺炎新型冠狀病毒新冠肺炎台灣斷航</t>
  </si>
  <si>
    <t>肺炎病毒冠狀臺灣武漢斷航</t>
  </si>
  <si>
    <t>股市肺炎臺灣需要理財商品</t>
  </si>
  <si>
    <t>經濟資料的當年前直接蔓延反映開來極大全球壓力確診死亡人數居高不下疫情農曆進出口高峰期消費一再蒙上景氣後延表現</t>
  </si>
  <si>
    <t>投資市場股市資金臺灣股價表現個股投資人報酬防疫花王可以財富直接利率走跌方案</t>
  </si>
  <si>
    <t>防疫概念股肺炎資金回台表現投資</t>
  </si>
  <si>
    <t>資金回台肺炎概念表現防疫投資</t>
  </si>
  <si>
    <t>擴大感染濟州島韓夜病例</t>
  </si>
  <si>
    <t>韓國6日才放寬社交距離政策不過幾天又傳出疫情今（10）日新增34例新冠肺炎確診病例是一個月來最高當中多數和有梨泰院「毒王」之稱的夜店男子有關至今夜店群聚感染病例增加至54例最遠的還遍及濟州島韓</t>
  </si>
  <si>
    <t>病例最遠社交政策距離傳出增加疫情感染當中最高新增確診</t>
  </si>
  <si>
    <t>韓國6日才放寬社交距離政策不過幾天又傳出疫情今（10）日新增34例新冠肺炎確診病例是一個月來最高當中多數和有梨泰院「毒王」之稱的夜店男子有關至今夜店群聚感染病例增加至54例最遠的還遍及濟州島韓國總統文在寅今日發表就職3周年演說時強調「疫情尚未結束絕不能鬆懈。」
對抗新冠肺炎疫情有成韓國6日宣佈長達45天的「社交距離嚴守期」結束全國轉為「生活防疫期」儘管當局強調生活防疫期間仍須保持社交距離例如認真洗手、避免公共場所長時間聚餐等不過由於並非強制性措施民眾遵守成效如何令人質疑百貨公司、餐廳、公園等也自上個月下旬開始逐漸出現人潮。
解封是否帶來第2波疫情？綜合韓聯社、美聯社報導韓國中央防疫對策本部今日宣佈新增34例新冠肺炎確診病例這是韓國28天以來首度新增超過30例也4月9日以來最高的新增病例數。
當中8例為境外移入、24為本土案例本土案例中至少有15人和有「梨泰院毒王」之稱的29歲男子有關該名男子1日晚間到酒吧、夜店林立的首爾梨泰院地區當晚至隔日淩晨至少流連5間酒吧他隨後確診新冠肺炎同時引爆首爾夜店群聚感染危機。
韓聯社指出至今和夜店群聚感染相關的病例增加至54例其中43人曾造訪夜店11人為感染者家人。
韓國疾病管理本部中央防疫對策本部長鄭銀敬（Jeong Eun-kyeong）今日坦承夜店群聚感染出現擴散跡象54例病例中30例在首爾、14例在京畿道、6例在仁川、2例在忠清北道最遠的釜山及濟州島各有1例。
針對韓國再爆出群聚感染情形韓國總統文在寅今日發表就職3周年演說時強調疫情尚未結束我們絕對不能鬆懈。他說近期的群聚感染情形顯示新冠病毒隨時都能重新席捲而來疫情真正結束之前都不叫結束「我們處在長期戰役中政府還將提前應對疫情復發為長期戰疫作好萬全準備希望國民們在回歸日常生活的同時堅持遵守防疫規定。」</t>
  </si>
  <si>
    <t>疫情韓國結束感染防疫病例今日距離社交新增遵守長期肺炎出現強調酒吧宣佈至少</t>
  </si>
  <si>
    <t>新冠肺炎武漢肺炎新型冠狀病毒NCP全球</t>
  </si>
  <si>
    <t>肺炎武漢冠狀ncp病毒全球</t>
  </si>
  <si>
    <t>專家不智之舉根本解封局面</t>
  </si>
  <si>
    <t>環南市場今爆出41人PCR篩檢陽性引起各界關注行政院長蘇貞昌也立刻下令要陳時中到場掌握狀況。對此毒理學專家招名威表示微解封根本是不智之舉目前還有一堆潛在的確診者加上北農的篩檢結果仍不確定若不</t>
  </si>
  <si>
    <t>pcr北農陽性加上還有招名威表示專家根本毒理學解封對此狀況掌握目前到場不智之舉陳時中引起蘇貞昌下令立刻確診</t>
  </si>
  <si>
    <t>環南市場今爆出41人PCR篩檢陽性引起各界關注行政院長蘇貞昌也立刻下令要陳時中到場掌握狀況。對此毒理學專家招名威表示微解封根本是不智之舉目前還有一堆潛在的確診者加上北農的篩檢結果仍不確定若不小心出包恐讓攤販、市民、醫療、市府和中央通通輸掉陷入五輸的局面如果是擔心攤販餓死那就應該要快速提出相關的補助措施才對而不是將整個防疫風險都賭上去。
招名威昨天在臉書發文表示7/1的確診數下降了但專業判斷仍不適合「微解封」再說如果這個措施出包了事實上就是「五輸」的局面攤販、市民、醫療、市府和中央通通都輸了因此他認為「微解封根本不智之舉」。
招名威指出假日即將來臨臺北市每天都還有至少20人確診疫調的來龍去脈完整分析了嗎？誰可以確定不會有破口呢？在攤販前的人群聚集密度反而更高到時候誰能保證大家都會保持社交距離？如今去夜市只能外帶、無法外食那現階段開放去夜市的意義到底是什麼？回家點外送不就好了嗎？
招名威認為微解封後若真的出狀況又要封城、來個全台居家2個月誰受得了？攤商關門、市民回家、醫療緊縮導致「三輸」而市府和中央互踢皮球也雙輸根本就不會有贏家。
招名威說事實上根本沒有人會因為再多撐兩周就餓死如果真如臺北市長柯文哲所擔憂「餓死比病死的多」那市府就應該快速提出更多針對攤販的補助措施才對像是紓困救助金、借貸辦法或發放現金。
招名威也呼籲北市府別只是說嘴請提出高智商的方案來不然將整個防疫風險都建立在擔心部分人士會餓死的基礎上這個「萬一」失敗的代價實在太高了。
招名威今早再度發文表示臺北市的疫情變來變去不篩則已一篩環南市場就爆出41個陽性一堆潛在的確診者不說加上北農的篩檢結果還不確定匡列、足跡和相關的配套措施呢？他實在不懂夜市的微解封政策怎麼出來的。「反正現在政策拍板只要小部分人開心就好了？不專業的決策視市民的生命價值到底有多低？」</t>
  </si>
  <si>
    <t>攤販解封市府確診市民夜市根本臺北市表示措施確定提出</t>
  </si>
  <si>
    <t>微解封夜市高風險台灣新冠肺炎</t>
  </si>
  <si>
    <t>高風險臺灣夜市解封肺炎</t>
  </si>
  <si>
    <t>洛杉磯下令救護車生存機會渺茫體系醫療</t>
  </si>
  <si>
    <t>新冠疫情壓不住美國加州洛杉磯郡醫療體系瀕臨崩盤當地政府已經下令救護車不要護送生存機會渺茫的患者就醫。美國有線電視新聞網（CNN）報導洛杉磯郡（Los Angeles County）面臨新冠人間災難洛杉磯郡衛生局</t>
  </si>
  <si>
    <t>洛杉磯不要護送救護車生存下令機會已經渺茫當地政府患者就醫瀕臨美國有線電視新聞網體系cnn醫療報導人間加州面臨美國losangelescounty災難</t>
  </si>
  <si>
    <t>新冠疫情壓不住美國加州洛杉磯郡醫療體系瀕臨崩盤當地政府已經下令救護車不要護送生存機會渺茫的患者就醫。
美國有線電視新聞網（CNN）報導洛杉磯郡（Los Angeles County）面臨新冠人間災難洛杉磯郡衛生局長費瑞（Barbara Ferrer）4日表示超過7600人住院當中21%的患者住進加護病房而且每15分鐘就有1人死亡。
當地官員索裡士（Hilda Solis）表示多家醫院宣佈內部災難必須將教堂、健身房轉為野戰醫院進行治療醫護人員身心俱疲她說洛杉磯郡宛如人間災難。
不僅如此洛杉磯郡緊急醫療局（The Los Angeles County Emergency Medical Services）上周也下令要求救護車不要將生存機會渺茫者送醫治療。命令指出「由於新冠疫情對緊急醫療服務及醫院造成的嚴重影響如果在現場急救時患者就沒有成功恢復自發性血液循環將不運送遭受鈍性創傷、非創傷性到院前心跳停止（OHCA）的18歲以上成年患者。」
命令指出如果患者失去心跳或脈搏急救人員將會至少急救20分鐘待狀況穩定後送醫但是患者如果被宣告當場死亡或者急救後心肺功能仍未恢復救護人員將不會將他送醫。
除此之外當地氧氣也嚴重不足洛杉磯郡緊急醫療局也下令節省輸氧只針對血氧濃度低於90%的患者輸氧命令指出血氧濃度達90%已足夠支撐患者的血液正常流動。
洛杉磯郡醫療系統緊繃患者就算幸運獲准上救護車到院前還得經歷幾波考驗有些患者在現場等待很久才有救護車來接送到院時還得為一張病床等待好幾個小時。
洛杉磯消防局醫療主管艾克斯坦（Marc Eckstein）表示「除非真的非常需要」呼籲民眾不要撥打911叫救護車。</t>
  </si>
  <si>
    <t>患者洛杉磯救護車醫療急救表示送醫下令命令指出災難緊急不要死亡醫院心跳治療</t>
  </si>
  <si>
    <t>洛杉磯救護車醫療體系崩盤生存機會渺茫</t>
  </si>
  <si>
    <t>體系生存醫療救護車機會洛杉磯渺茫</t>
  </si>
  <si>
    <t>安署防疫取代現金雙北</t>
  </si>
  <si>
    <t>近期因應雙北疫情警戒標準達到第3級室內用餐人數落實管制並維持社交距離外送次數也可能大幅增加勞動部職安署將加強督促外送業者全面落實防疫措施並建議消費者優先採用「無接觸取送餐」服務以線上刷卡代</t>
  </si>
  <si>
    <t>服務警戒標準取送達到接觸室內用餐採用人數優先落實疫情消費者建議管制措施維持防疫社交全面落實距離增加勞動部</t>
  </si>
  <si>
    <t>近期因應雙北疫情警戒標準達到第3級室內用餐人數落實管制並維持社交距離外送次數也可能大幅增加勞動部職安署將加強督促外送業者全面落實防疫措施並建議消費者優先採用「無接觸取送餐」服務以線上刷卡代替現金交易外送員如有發燒、呼吸道感染或其它不適症狀應立即就醫、回報業者並停止送餐。
職安署職業衛生健康組長張國明表示我國正面臨疫情嚴峻考驗特別要求食品外送業者除應依「職業安全衛生設施規則第286條之3」及「食品外送作業安全衛生指引」規定強化危害評估及安全衛生防護措施外並應依循「食品外送平臺之外送員(取送餐)防疫重點事項」共同提升食品外送員之職場防疫措施。
重點防疫事項部分包括外送員取送餐時應配戴口罩、配戴具擋風面罩之安全帽、優先採用「無接觸取送餐」服務、鼓勵消費者採線上付款如線上刷卡避免現金交易；另外也加強外送員個人健康自主管理例如勤洗手、早晚量測體溫如有發燒、呼吸道感染或其它不適症狀應立即就醫回報業者並停止送餐。
張國明指出若外送員確定因為執行職務不幸染疫會做職業病的認定也會依「勞基法第59條」比照職災給予45個月薪資補償。
至於有外送員反映不希望進入醫院等高風險染疫場所送餐若中央流行疫情指揮中心或地方主管機關已明定醫療院所進出管制規定所有人員(含外送員)均應遵守傳染病防治相關規定外送員可與消費者定約定於戶外適當通風地點取送餐。</t>
  </si>
  <si>
    <t>疫情取送消費者食品業者規定措施防疫管制安全衛生健康張國明安署職業加強發燒優先</t>
  </si>
  <si>
    <t>新冠肺炎台灣外送員送餐職安署</t>
  </si>
  <si>
    <t>臺灣肺炎</t>
  </si>
  <si>
    <t>大陸今年老闆火箭nba</t>
  </si>
  <si>
    <t>火箭隊老闆費爾蒂塔(Tilman Fertitta)於美國時間週一造訪白宮與多家餐飲業者及總統川普(Donald Trump)商討復工。費爾蒂塔會議中忽然重提去年的香港風波表示他早有預感今年是大陸很差的一年。川普大笑。費爾蒂塔</t>
  </si>
  <si>
    <t>費爾蒂塔川普tilmanfertitta美國週一今年大陸時間預感表示風波香港造訪去年白宮重提餐飲業者忽然總統會議donaldtrump復工商討</t>
  </si>
  <si>
    <t>火箭隊老闆費爾蒂塔(Tilman Fertitta)於美國時間週一造訪白宮與多家餐飲業者及總統川普(Donald Trump)商討復工。費爾蒂塔會議中忽然重提去年的香港風波表示他早有預感今年是大陸很差的一年。川普大笑。
費爾蒂塔是休士頓餐旅集團Landry&amp;apos;s Inc的老闆。他說：「我們的損失慘重。談到中國當我的總管莫瑞(Daryl Morey)推文支持香港自由的時候我早該明白這會是中國很糟糕的一年。我現在都還在設法搞定那件事。」
川普笑著對在場的餐飲老闆解釋：「他(費爾蒂塔)也是火箭隊的老闆。」川普又問：「你還留著莫瑞？那他肯定是很有本事了。」費爾蒂塔回答：「這聽起來像是陷阱題。」大家又笑。
費爾蒂塔在疫情初期表示：「這種病不會死人跟流行感冒差不多。」兩個月後美國的死亡人數突破9萬人。這波疫情費爾蒂塔裁掉了4萬名餐旅員工刪減剩餘的員工福利聲稱疫情結束後再雇他們回來加上他之前對香港事件的態度被評為最爛的老闆。
提起NBA川普順便問說那些年薪2500萬美元的球員要怎麼辦。費爾蒂塔說：「我有兩個年薪4000萬的球員哈登(James Harden)與韋斯布魯克(Russell Westbrook)。球員本季減薪25%剩餘的比賽與球團五五分帳當然他們必須要上場比賽才能收錢。」
川普關心本季會不會打完能不能直接跳到季後賽費爾蒂塔還沒辦法給出答案。比起職棒大聯盟(例行賽還未開打)NBA受到的衝擊比較小球季已經進行大半季老闆不至於虧太多球員對於減薪的幅度也還能接受。</t>
  </si>
  <si>
    <t>費爾蒂塔川普老闆香港球員疫情nba美國中國表示莫瑞餐旅</t>
  </si>
  <si>
    <t>火箭老闆美國川普香港</t>
  </si>
  <si>
    <t>老闆香港川普火箭美國</t>
  </si>
  <si>
    <t>梅根震撼黛妃效法</t>
  </si>
  <si>
    <t>親近梅根的消息人士說她將效法已故婆婆戴安娜王妃接受電視專訪全盤托出脫英還有淡出王室的內幕。不過和黛妃不同的是她將獲得100萬英鎊（近4000萬台幣）的報酬。據《每日星報》（Daily Star）和《快報》</t>
  </si>
  <si>
    <t>親近 梅根 的 消息人士 說 她 將 效法 已故 婆婆 戴安娜 王妃 接受 電視 專訪 全盤托出 脫 英 還有 淡出 王室 的 內幕 不過 和 黛妃 不同 的 是 她 將 獲得 100萬 英鎊 近 4000萬 台幣 的 報酬 據 每日 星報 daily star 和 快 報</t>
  </si>
  <si>
    <t>星報報酬台幣效法獲得已故婆婆王妃戴安娜接受不同電視專訪全盤托出黛妃王室daily淡出還有內幕star消息人士梅根</t>
  </si>
  <si>
    <t>親近梅根的消息人士說她將效法已故婆婆戴安娜王妃接受電視專訪全盤托出脫英還有淡出王室的內幕。不過和黛妃不同的是她將獲得100萬英鎊（近4000萬台幣）的報酬。
據《每日星報》（Daily Star）和《快報》（Express）報導當新冠肺炎疫情危機結束時梅根將打破沉默透露相關內幕。
據這些閨密透露最可能負責專訪讓梅根說出當初她和哈利為何會拋出脫英震撼彈的就是美國脫口秀女王歐普拉（Oprah Winfrey）。據說梅根態度「極認真」一心想要靠這引人矚目的專訪設法贏回大眾的心。
一名親近梅根夫妻的消息人士說：「那將是自戴安娜與巴希爾（Martin Bashir）馳名的無話不說對談後最令人期待的全球電視專訪。」據說梅根同意讓新居和家庭生活入鏡但哈利仍在「慎重考慮」相關提案。
此外這位元消息人士說梅根想要把收入全數捐出。而醫護人員奮不顧身在前線和新冠肺炎疫情搏鬥的國家醫療保健服務（NHS）則很可能成為捐贈的對象。
「當她身為王室一份子時單獨接受任何人專訪談她的人生還有王子如何改變了她的世界簡直是不可思議的。但如今她可說是獨立自主了而他們邁出大步走自己的路後卻感受到大家失去對她和哈利的『愛』令她承受了壓力。」
最近消息傳出梅根和夫婿遷居她的故鄉洛杉磯後哈利遠離王室親人覺得備受孤立簡直是如魚離水般。而《哈利王子：內幕故事》（Prince Harry: The Inside Story）一書作者拉柯姆（Duncan Larcombe）告訴《近點週刊》（Closer Weekly）娛樂雜誌網哈利在洛杉磯可能會被視為梅根的「附屬品」。
拉柯姆甚至指出當哈利看到王室成員在英國因新冠肺炎疫情封城之際紛紛為國人加油打氣可能會覺得「沒幫上忙」。他並表示哈利沒上大學除了從軍和做慈善工作外並沒有太多工作經驗因此很可能拚命在找「自己適當的角色」。</t>
  </si>
  <si>
    <t>哈利梅根可能專訪王室內幕肺炎疫情想要覺得王子消息人士柯姆簡直據說戴安娜接受</t>
  </si>
  <si>
    <t>梅根黛妃哈利脫口秀英國</t>
  </si>
  <si>
    <t>梅根哈利黛妃英國脫口秀</t>
  </si>
  <si>
    <t>超過旅遊業者全額退費</t>
  </si>
  <si>
    <t>連江縣政府接獲中央流行疫情指揮中心通知一名確診者5月11日搭機來馬13日台馬輪夜航返台已匡列密切接觸者8人進行居家隔離及採檢結果今（17日）出爐8人均為陰性。民進黨連江縣黨部主委李問表示已超過30家民</t>
  </si>
  <si>
    <t>中央流行疫情指揮李問主委中心連江縣黨部通知確診民進陰性夜航返台出爐匡列密切接觸進行居家隔離</t>
  </si>
  <si>
    <t>連江縣政府接獲中央流行疫情指揮中心通知一名確診者5月11日搭機來馬13日台馬輪夜航返台已匡列密切接觸者8人進行居家隔離及採檢結果今（17日）出爐8人均為陰性。民進黨連江縣黨部主委李問表示已超過30家民宿業者宣佈5月28日前全額退費而且持續增加中。
李問表示疫情升級減少不必要交通移動呼籲民眾暫緩來馬祖遊玩行程危機解除後再相聚！馬祖旅遊業者也為大家的健康著想目前已超過30家民宿業者業者公開宣佈5月28日前全額退費而且持續增加中。
旅行團目前也已採取「只出不進」避免疫情傳播。立榮航空也宣佈退票免手續費相關訊息可到官網查詢。
李問表示馬祖很小醫療資源和能量有限如果疫情擴散將無法負荷。前幾天一名在外地確診的旅客經調查上周足跡曾經到訪馬祖目前相關單位也根據個案足跡積極消毒處理中嚴陣以待。
李問強調現在是關鍵的時刻希望大家同心協力：減少移動、避免群聚全力斬斷病毒傳染鏈。發揮「同島一命堅持到底」的團結精神。</t>
  </si>
  <si>
    <t>疫情馬祖表示目前避免確診宣佈移動相關足跡減少超過發揮增加傳染中央病毒流行退費</t>
  </si>
  <si>
    <t>新冠肺炎民宿業者退費連江縣馬祖</t>
  </si>
  <si>
    <t>業者退費肺炎連江縣馬祖</t>
  </si>
  <si>
    <t>變異免疫嚴重南山群體建立影響疫苗接種效力儘快</t>
  </si>
  <si>
    <t>近日世界衛生組織「大流行防範和應對獨立小組」發布報告對全球新冠疫情應對工作進行評估。作為該獨立小組的專家成員之一鍾南山表示全世界都要留意這個病毒走向很嚴重的變異會影響疫苗效力關鍵下一步要通過</t>
  </si>
  <si>
    <t>獨立小組防範影響疫苗應對變異嚴重走向病毒留意全世界發佈表示疫情報告南山工作全球成員進行專家</t>
  </si>
  <si>
    <t>近日世界衛生組織「大流行防範和應對獨立小組」發布報告對全球新冠疫情應對工作進行評估。作為該獨立小組的專家成員之一鍾南山表示全世界都要留意這個病毒走向很嚴重的變異會影響疫苗效力關鍵下一步要通過廣泛接種建立群體免疫現在採用過去的預防辦法遠遠不夠。
2020年7月世界衛生組織宣佈成立一個獨立小組對該組織領導下的全球新冠疫情應對工作進行評估。專家組在5月12日發佈了82頁的主報告。該報告重點提出要預防新冠疫情從局部暴發發展為全球流行以及預防從全球流行發展到全球健康及社會經濟危機。鍾南山接受央視採訪時表示這個報告總體客觀、公正是根據科學事實來得出的結論。
對於大陸下一步對防疫的重點鍾南山認為全球疫情反反覆覆還遠遠沒結束未來抗疫的關鍵是要留意病毒的變異問題以及盡快接種疫苗建立群體免疫。為應對未來疫情大流行鍾南山表示病毒是人類的敵人各國之間應建立一個更高層級的合作機構來共同努力應對。</t>
  </si>
  <si>
    <t>南山全球疫情報告表示獨立建立預防小組病毒流行應對遠遠未來關鍵重點疫苗變異留意世界衛生組織群體免疫</t>
  </si>
  <si>
    <t>新冠肺炎大陸鍾南山變異群體免疫</t>
  </si>
  <si>
    <t>南山大陸變異肺炎群體免疫</t>
  </si>
  <si>
    <t>侯友宜拯救全國基層公務員</t>
  </si>
  <si>
    <t>新北市府上周送出9301件紓困金申請案到衛福部審查一度遭到拒收事後卻被指甩鍋中央連柯文哲都說新北市長侯友宜是「逆時中」新北市長侯友宜昨日發出一封給第一線人員公開信強調送件非意氣之爭除是奉中央指</t>
  </si>
  <si>
    <t>新北侯友宜中央市長申請紓困衛福部審查一度遭到拒收強調公開信人員意氣發出</t>
  </si>
  <si>
    <t>新北市府上周送出9301件紓困金申請案到衛福部審查一度遭到拒收事後卻被指甩鍋中央連柯文哲都說新北市長侯友宜是「逆時中」新北市長侯友宜昨日發出一封給第一線人員公開信強調送件非意氣之爭除是奉中央指示也讓衛福部瞭解實際困難所在事後政府優化系統作業整合財稅資料無形中拯救全國各縣市基層公務員。
侯友宜的公開信在新北市各區長間臉書瘋傳力挺侯友宜的作為。
以下為公開信內容：
大家3個多月來忙著防疫工作好不容易疫情慢慢趨緩卻又因擴大 急難紓困一事讓大家忙得焦頭爛額友宜實在不忍心感謝第一線夥伴 仍然堅守崗位不眠不休為民服務！
有關擴大急難紓困方案新北市從頭到尾都是奉中央的指示辦理行政院說「快速收件、中央審核、地方免責」新北市就將經過初篩的案件 送衛福部現在衛福部又改口說要由「地方審核」那我們就來審核從寬認定希望趕在下週一可以陸續發放。
這一段日子以來無論新北市、各縣市的第一線公務員或是衛福部 的公務員大家都非常的辛苦面對數以萬計的紓困申請每個人都在加 班何況基層同仁還要面對急著申請的民眾幾乎每個樣態都不同必須耐心地反覆說明友宜也親自到幾個公所關懷同仁告訴我有人還忙到淩晨三、四點包括六、日甚至母親節都無法好好休息友宜在此向您說聲：「辛苦了！謝謝您！」
我們將第一批9千多件申請案送衛福部絕不是意氣之爭除了奉中央指示也讓衛福部瞭解實際困難所在因此他們也優化了系統作業整合了108 年財稅資料無形中也拯救了全國各縣市基層公務員。現在衛福部再度要交還並授權給我們審核為了民眾的權益我們也樂於配合本是同根生希望結果同達成。
為了加速審核、盡快發放友宜懇請各區公所先將5月8日所收到的紓困案件綜合主客觀條件判斷已達到可發放者儘速核定發放至於大家所擔心的責任問題不用煩惱「市長來扛！」
沒有任何社會保險是社會中最底層的艱苦人為了讓他們早日拿到紓困金友宜早已承諾所有因防疫、紓困新增的加班費市府一定核實發給不受上限全力支援請大家放心。
苦民所苦以同理心為民服務簡化作業圓滿快速做到位給乾涸的民眾及時雨紓困這是政府施政的目的與責任！再次感謝每一位基層同仁的辛勞。</t>
  </si>
  <si>
    <t>紓困新北衛福部友宜審核發放侯友宜申請中央基層民眾公開信市長同仁作業為民服務希望責任防疫</t>
  </si>
  <si>
    <t>紓困之亂衛福部新北市侯友宜台灣</t>
  </si>
  <si>
    <t>衛福部新北侯友宜紓困臺灣</t>
  </si>
  <si>
    <t>股市疫情蔓延</t>
  </si>
  <si>
    <t>新冠肺炎疾情來勢凶凶台灣16日出現首宗死亡案例讓人怵目驚心。這場中國確診突破7萬人的疫情全球主要股市卻多出現先跌後漲走勢17日陸股更大漲逾2％回補「新冠缺口」投資人納悶這波疫情「是在哈囉」嗎？有</t>
  </si>
  <si>
    <t>出現疫情納悶投資人缺口凶凶漲逾來勢全球走勢臺灣股市案例死亡</t>
  </si>
  <si>
    <t>新冠肺炎疾情來勢凶凶台灣16日出現首宗死亡案例讓人怵目驚心。這場中國確診突破7萬人的疫情全球主要股市卻多出現先跌後漲走勢17日陸股更大漲逾2％回補「新冠缺口」投資人納悶這波疫情「是在哈囉」嗎？
有人認為股市漲在疫情蔓延時將跌於疫情結束後也就是說一旦疫情煙消雲散全球股市可能就要面臨回檔壓力。因此台灣16日陷入社區感染疑慮下投資人的恐慌情緒邁入最高點但股市單日跌幅044％利空不跌的走勢耐人尋味。
市場擔心受到新冠疫情影響恐將下修全球2020年GDP但業者認為5G於2020年邁入起飛年對電子零組件需求相當大這一波疫情造成電子零組件斷鏈及缺工的減幅遠大於市場需求下滑速度短期內不用擔心全球消費力減弱的問題。
此外受到疫情影響中美二地大舉寬鬆資金大陸人行祭出約新台幣13兆元新融資利多美股因為總統川普獎勵小額投資減稅資金行情持續成為全球股市屹立不搖的重要因素。
近二十年來台股自2001年911事件起歷經過2003年sars、2008年金融海嘯甚至2019年中美貿易對峙等重大情事勇敢於股市重挫時進場承接的投資人無不獲利滿滿「危機入市、逢低承接」成為股市最重要教戰手則。
這次的新冠肺炎在疫情高原期美股屢創歷史新高滬深指數也回補了「新冠缺口」台股雖有數百點缺口待補然逾300檔上市櫃個股的股價已突破金豬年封關價抱股過年並忍著不賣股的投資人並非個個是輸家。
「擦鞋童理論」一向是股市多空風向的指標當擦鞋童都在討論股票投資的時候就是股市交易達到最高峰之時之後股市就會下跌；換言之當所有人覺得新冠肺炎疫情嚴重股市就在同時間止跌伺機反彈。
然跌深必定反彈的定律並非牢不可破投資人未來要提防的是當恐懼不再是恐懼時危機入市的定論將會被推翻下一次危機來臨時股市可能出現一反常態向下走跌應提高警覺。
就消息面而言現階段新冠肺炎疫情沒有降溫口罩荒也沒有紓解投資人在感性及理性不斷糾結如何在股海揚帆要注意幾個觀察重點:
1中國及全球確診人數是否下滑一旦獲得控制疫情擴散風暴將獲得控制。
2上游缺料、下游缺工的雙缺效應下下游組裝如鴻海及和碩若是復工速度越快對零組件需求就會越強勁。
35G產業對電子零組件的需求較4G呈倍數成長未來成長動能可觀察。
4避開觀光、航空等疫情受創股大陸內需股也要多加留意。
5口罩為本次大陸廠商復工重要條件口罩由戰略物資的地位提升至生產線重要物資各廠商將爭相擴充產線以自給自足口罩供需失衡現象可望逐步解決日前大漲的防疫概念股不宜追高。</t>
  </si>
  <si>
    <t>疫情股市投資人全球口罩重要元件肺炎出現危機需求資金電子</t>
  </si>
  <si>
    <t>口罩投資人缺工缺口肺炎</t>
  </si>
  <si>
    <t>缺口投資人口罩肺炎</t>
  </si>
  <si>
    <t>以上盧秀燕長輩接種完畢視察</t>
  </si>
  <si>
    <t>第12輪疫苗開打台中市有55萬人預約市長盧秀燕27日視察南區快打站盧表示65歲長輩、55歲以上原住民宣告2劑注射者全打完26日為止完成第1劑施打市民達7成27日30％市民完成2劑量接種比中央預定的30日提早</t>
  </si>
  <si>
    <t>完成市民接種預約市長以上盧秀燕長輩宣告表示視察注射南區打完台中中央劑量</t>
  </si>
  <si>
    <t>第12輪疫苗開打台中市有55萬人預約市長盧秀燕27日視察南區快打站盧表示65歲長輩、55歲以上原住民宣告2劑注射者全打完26日為止完成第1劑施打市民達7成27日30％市民完成2劑量接種比中央預定的30日提早完成提早達標；仍不鬆懈繼續爭取疫苗量快打站也將為市民保留疫苗來就開設施打。
現場有媒體詢問彰化地區疫苗目前打氣低落台中市狀況是否仍踴躍？盧秀燕回答台中市目前還是有注射需求每個市民第2階段仍踴躍民眾都有打疫苗相對城市就會安全籲市民即使注射完成2劑量也不要鬆懈仍做好防疫措施。
盧秀燕說中央有規定預約民眾若取消必須要空一輪才能預約注射所以目前台中市民取消狀況不多至於混打還是不建議台中市民還是理性注射居多。
另外有媒體追問目前台中市第二選區罷免案已經完成國民黨將推什麼樣的人選出線看法如何？盧秀燕低調僅回答：「謝謝！」。</t>
  </si>
  <si>
    <t>市民注射完成疫苗盧秀燕台中目前預約民眾取消中央媒體鬆懈狀況踴躍劑量回答</t>
  </si>
  <si>
    <t>新冠肺炎台灣盧秀燕疫苗2劑</t>
  </si>
  <si>
    <t>盧秀燕臺灣肺炎疫苗</t>
  </si>
  <si>
    <t>實業金門校園送入愛心</t>
  </si>
  <si>
    <t>新冠肺炎疫情燒不停各級學校開學在即金門臻霖實業股份有限公司經理陳木勇今（20）日帶領同仁捐贈30桶全方位抗菌液給縣府教育處統籌分發國中、小學校使用讓師生上課更安心、安全。陳木勇是在金城鎮鎮長李誠智</t>
  </si>
  <si>
    <t>陳木勇不停學校開學在即安全金門安心師生疫情實業上課使用小學校股份有限公司分發統籌教育處經理縣府</t>
  </si>
  <si>
    <t>新冠肺炎疫情燒不停各級學校開學在即金門臻霖實業股份有限公司經理陳木勇今（20）日帶領同仁捐贈30桶全方位抗菌液給縣府教育處統籌分發國中、小學校使用讓師生上課更安心、安全。
陳木勇是在金城鎮鎮長李誠智、金湖鎮代表陳向鑫等人陪同下捐贈這批實用的次氯酸的防疫物資教育處將轉發學校自行分裝於噴霧器用在大面積及局部消毒殺菌。
陳木勇表示次氯酸是一種強力的氧化劑和去蛋白質劑可以氧化微生物的蛋白質並破壞它的酵素活性有消滅細菌、病毒功用。縣府肯定該公司的善行義舉也期許大家做好校園防疫工作協力度過難關。</t>
  </si>
  <si>
    <t>學校縣府捐贈教育處防疫次氯酸木勇蛋白質不停校園開學做好在即期許金門實業股份有限公司義舉經理陳木勇善行破壞酵素</t>
  </si>
  <si>
    <t>新冠肺炎武漢肺炎金門臻霖實業陳木勇</t>
  </si>
  <si>
    <t>肺炎金門武漢實業陳木勇</t>
  </si>
  <si>
    <t>黃暐瀚慘遭痛打</t>
  </si>
  <si>
    <t>知名作家苦苓昨(24日)在臉書公開點名資深媒體人黃暐瀚「什麼叫『愛台灣就不要叫武漢肺炎否則要付出代價』？你的畜牲是哪一塊土地養大的？你現在是什麼狗在仗什麼人的勢嗎？我偏偏就要叫武漢肺炎你咬我啊！』接</t>
  </si>
  <si>
    <t>武漢肺炎公開點名媒體黃暐瀚畜牲付出代價就要偏偏土地現在臺灣</t>
  </si>
  <si>
    <t>知名作家苦苓昨(24日)在臉書公開點名資深媒體人黃暐瀚「什麼叫『愛台灣就不要叫武漢肺炎否則要付出代價』？你的畜牲是哪一塊土地養大的？你現在是什麼狗在仗什麼人的勢嗎？我偏偏就要叫武漢肺炎你咬我啊！』接著還直指黃暐瀚裝可憐謊稱發言權受到限制無法留言想製造他臉書是一言堂假像「未料卻遭黃暐瀚以一張截圖打腫臉！
黃暐瀚被苦苓點名痛批令他無奈回應：「苦苓大哥您的臉書有設權限我沒辦法用粉絲專頁帳號在您的文章下面貼留言。跟您報告我早在『14天前3月10日』就已經公開說過誰想講『武漢肺炎』誰想用『COVID-19』誰想講『新冠肺炎』都各自去說一點問題都沒有喔～」還附上原文連結希望苦苓參考。
未料苦苓不領情稱自己臉書每天都有幾百人留言包括吐槽他的在內「什麼偏偏有人要裝可憐、說是發言權限受到限制、製造我這裡是一言堂的假像呢？暐瀚兄我並沒有封鎖你呀！」
黃暐瀚只好再次回應「苦苓大哥您可能不知道因為權限設定的關係我的『粉專帳號』是不能在『您的臉書』留言的我第一篇回應就講得很清楚我看到很多網友也都在您的PO文下面解釋了。」強調自己從未指控苦苓封鎖或一言堂呼籲大家不要再互相對立了。說完黃暐瀚更附上一張無法留言的截圖證明所言不假。
自豪「沒有封鎖黃暐瀚」的苦苓接著也乾脆裝死不提此事繼續顧左右而言他「照過來、照過來！看看是誰在斷章取義、是誰在避重就輕？是誰為了討好幫中國隱匿疫情、害了全世界的WHO反過來恐嚇自己同胞？你就站出來發誓你沒說過這些話就好了不必在那裡GGYY。」然而到底是誰GGYY外界自有評斷。</t>
  </si>
  <si>
    <t>黃暐瀚留言肺炎許可權沒有一言堂武漢回應封鎖下面偏偏附上</t>
  </si>
  <si>
    <t>苦苓黃暐瀚名嘴新冠肺炎武漢肺炎</t>
  </si>
  <si>
    <t>黃暐瀚肺炎武漢</t>
  </si>
  <si>
    <t>市府足跡確診感染返台印度個案</t>
  </si>
  <si>
    <t>高雄18日並無新增本土確診個案但中央流行疫情指揮中心公佈高雄一名境外移入女性確診個案5月中旬從印度入境她到隔離期滿的PCR採檢均呈陰性由於將返回印度於17日自行到院進行採檢陽性確診高市府衛生局從CT值</t>
  </si>
  <si>
    <t>確診個案印度高雄陽性中心公佈指揮境外流行中央疫情本土女性市府返回pcr陰性進行</t>
  </si>
  <si>
    <t>高雄18日並無新增本土確診個案但中央流行疫情指揮中心公佈高雄一名境外移入女性確診個案5月中旬從印度入境她到隔離期滿的PCR採檢均呈陰性由於將返回印度於17日自行到院進行採檢陽性確診高市府衛生局從CT值及血清抗體檢驗判斷為舊感染個案評估社區感染風險極低。
高市府衛生局說明確診女子為40多歲女性戶籍地在高雄市路竹區她在5月17日從印度入境當時有輕微咳嗽症狀隔日PCR檢驗結果為陰性並於集中檢疫所檢疫5月30日解除隔離前再度採檢PCR結果也為陰性解除隔離後就返回路竹家中8月17日因為準備再度出國自行到院採檢PCR結果為陽性確診CT值331。
衛生局指出確診女子收治住院後確認她近3個月均無呼吸道症狀也無相關就醫史經再次採檢複驗PCR檢驗結果又呈現陰性且血清抗體Anti-S大於5000、Anti-N=1491、IgM陰性、IgG陽性配合她在7月23日已接種第一劑AZ疫苗綜合研判確診女子應為舊感染個案康復後3到5個月內PCR呈現陰陰陽陽狀況評估社區感染風險極低。
為了針對個案進行疫調追蹤市府共匡列其家人與密切接觸者12人、一般接觸者15人對相關接觸者採檢鼻咽拭子及血清抗體配合就醫史及血清抗體檢驗結果並無發現接觸者有疑似近期感染狀況應排除個案具社區傳染風險由於高度懷疑可能感染地點為印度高市府將針對該案密切追蹤。
高市府也公佈確診個案的相關活動足跡確診女子曾在8月3日到16日之間去過7-ELEVEN路飛門市、全聯福利中心路竹國昌店、全家便利商店湖內正億店、7-ELEVEN辰皓門市、星巴克路竹門市、7-ELEVEN新東專門市、7-ELEVEN竹滬門市、台鐵路竹車站、楠梓車站、28號公車(楠梓公車轉運站到文藻)、新光三越高雄左營二館、新左營站、岡山站、搭乘公車R71A(正義社區站到岡山轉運站)、麥當勞高雄路竹店。</t>
  </si>
  <si>
    <t>確診個案pcr感染陰性市府女子印度結果-eleven檢驗門市抗體血清隔離高雄陽性相關社區公佈</t>
  </si>
  <si>
    <t>PCR台灣採檢新冠肺炎印度</t>
  </si>
  <si>
    <t>臺灣肺炎pcr印度</t>
  </si>
  <si>
    <t>防疫慰勞親筆鄉長魚池感謝</t>
  </si>
  <si>
    <t>新冠肺炎疫情日益嚴峻內政部長徐國勇邀請民間攜手共同防疫南投縣魚池鄉長劉啟帆及農會理事長劉啟行兄弟率領當地茶農攜手北上捐贈自產13萬茶包為第一線防疫人員打氣其中還有90歲茶農及6歲 小童在每包茶葉上</t>
  </si>
  <si>
    <t>攜手茶農防疫日益嚴峻內政部長徐國勇邀請疫情民間劉啟帆農會鄉長理事長共同魚池啟行兄弟率領當地打氣</t>
  </si>
  <si>
    <t>新冠肺炎疫情日益嚴峻內政部長徐國勇邀請民間攜手共同防疫南投縣魚池鄉長劉啟帆及農會理事長劉啟行兄弟率領當地茶農攜手北上捐贈自產13萬茶包為第一線防疫人員打氣其中還有90歲茶農及6歲 小童在每包茶葉上親筆寫的感謝紙條讓人感動。
徐國勇表示員警、消防、移民及空勤等許多同仁都是站在防疫第一線的人員例如為協助降低防疫破口員警不僅須找尋居家檢疫及隔離失聯人員外為確保落實社交距離在各大景點、大眾交通運輸場站等人群較易聚集處所都能看到員警不時提醒民眾保持距離或配戴口罩相當辛勞。
徐國勇指出在防疫艱難時刻需要民間與政府攜手合作共同防疫相當感謝魚池鄉長及農會理事長支援政府防疫工作；他說很高興捐出的茶葉各式樣有60歲阿公在茶葉裡寫紙條也有6歲小朋友寫的都是滿滿的愛心。
徐國勇表示內政部在防疫期間 民政司同仁經常加班到半夜2、3點捷運公車都沒有了無法回家還要家人接送。也因為防疫人員的努力茶農才能在台灣繼續深耕下去但他也要感謝這麼多種紅茶的茶農尤其疫情使全世界的經濟都受到影響各國政府紛紛祭出紓困措施除了紓困我們更應該振興內需日月潭紅茶聞名世界所以民眾該喝茶也要買茶。
魚池鄉長劉啟帆則說表示嘉義長庚研究出臺灣本土茶葉對新冠肺炎具效果已登上國際期刊南投縣魚池鄉是日月潭紅茶的產地當地茶農為了向辛苦的第一線防疫人員致敬打氣 自主發起捐茶包慰勞活動在公所號召下魚池鄉農會率先捐贈後續吸引近百家茶農熱情響應短短3天就募到逾10萬包的茶包希望共同為防疫盡心力。
內政部表示這次獲贈的茶包都是魚池鄉當地茶農自產茶葉包括知名的日月潭阿薩姆、紅玉等將配發員警、消防、移民及空勤等第一線防疫人員。</t>
  </si>
  <si>
    <t>防疫茶農茶葉徐國勇表示人員政府感謝魚池鄉員警日月當地紅茶農會攜手距離共同鄉長民眾魚池</t>
  </si>
  <si>
    <t>新冠肺炎內政部魚池鄉茶葉鄉長</t>
  </si>
  <si>
    <t>肺炎魚池鄉內政茶葉鄉長</t>
  </si>
  <si>
    <t>散播推手全球感染</t>
  </si>
  <si>
    <t>新研究顯示高達86%患者感染了新冠肺炎卻沒有症狀隨著這些「隱形」患者四處趴趴走也助長了疫情大流行。據《信使新聞報》（The Mercury News）引述《科學》（Science）期刊報導在大陸實施旅遊禁令前約有86</t>
  </si>
  <si>
    <t>患者旅遊實施大陸報導期刊science科學引述news疫情mercury流行the信使新聞感染禁令症狀沒有肺炎</t>
  </si>
  <si>
    <t>新研究顯示高達86%患者感染了新冠肺炎卻沒有症狀隨著這些「隱形」患者四處趴趴走也助長了疫情大流行。
據《信使新聞報》（The Mercury News）引述《科學》（Science）期刊報導在大陸實施旅遊禁令前約有86%病例並未通報而這造成了病毒散播。共同執筆研究報告的哥倫比亞大學梅爾曼公共衛生學院（Mailman School of Public Health）沙曼（Jeffrey Shaman）說這些未經記錄的感染促使疫情大爆發。
研究人員利用電腦模組追蹤武漢宣佈旅遊禁令前後的感染。而研究結果顯示這些沒有症狀或只有輕微症狀的「隱形」病例是2/3確診病例背後的藏鏡人。沙曼指出他們可能不知道自己患病或甚至認為只是感冒而已。由於他們沒咳嗽或打噴嚏因此傳染力大約只有確診病患的一半。然而一旦他們把病傳染給別人可能會導致年長者或身體狀況不好的人死亡。
這些研究果說明為何新冠肺炎會跨越地理區迅速傳播而要防控可能困難重重。沙曼說未來要遏制新冠肺炎疫情爆發仍是大挑戰。他的團隊建構了數學模式模擬375個大陸城市的傳播感染。
若是把這模式套用在美國人口上意味著感染人數將遠超過疾病管制與預防中心（CDC）所公佈的數字實際數字可能接近13萬人。研究團隊說就全球而言這意味將有近100萬人感染。
西雅圖賀勤森癌症研究中心（Fred Hutchinson Cancer Research Center）權威生物學家哈樂蘭（Betz Halloran）說實際的感染數字唯有透過更完善也更例行的檢測才能得知。
此外研究顯示新冠肺炎比季節性流感更容易傳染1名患者大約可以傳染25人。若要這流行病消失就必須把感染率降到1以下。</t>
  </si>
  <si>
    <t>感染研究可能肺炎沙曼患者疫情傳染中心病例大陸症狀數字團隊旅遊禁令傳播</t>
  </si>
  <si>
    <t>武漢肺炎新型冠狀病毒全球新冠肺炎症狀</t>
  </si>
  <si>
    <t>肺炎全球冠狀病毒武漢症狀</t>
  </si>
  <si>
    <t>《國際社會》南韓新冠肺炎確診新增161例累計達763例</t>
  </si>
  <si>
    <t>確診肺炎新增南韓社會累計國際</t>
  </si>
  <si>
    <t>韓國疾病管理本部週一宣佈新型冠狀病毒感染確診病例新增161人累計病例達到763例。死亡病例新增1人累計達7例。當局報告在慶尚北道清道郡入院治療的62歲確診男性病患於周日不治。</t>
  </si>
  <si>
    <t>確診病例新增累計週一宣佈治療冠狀入院病毒感染清道慶尚本部報告當局男性病管理達到死亡疾病周日韓國不治</t>
  </si>
  <si>
    <t>韓國南新冠肺炎新型冠狀病毒確診</t>
  </si>
  <si>
    <t>肺炎冠狀病毒韓國確診</t>
  </si>
  <si>
    <t>勞部最高防疫</t>
  </si>
  <si>
    <t>我國新冠肺炎第32例確診為行蹤不明移工依就業服務法規定外國人在台工作採「許可制」必須向勞動部申請許可若聘僱到假冒身分的非法外國人雇主未善盡查證責任最高要面臨最高75萬元的罰鍰若檢舉聘僱非法移</t>
  </si>
  <si>
    <t>外國人許可最高確診行蹤不明查證肺炎就業服務法規定工作雇主雇到假冒身分檢舉面臨責任</t>
  </si>
  <si>
    <t>我國新冠肺炎第32例確診為行蹤不明移工依就業服務法規定外國人在台工作採「許可制」必須向勞動部申請許可若聘僱到假冒身分的非法外國人雇主未善盡查證責任最高要面臨最高75萬元的罰鍰若檢舉聘僱非法移工的僱主最高可獲得7萬元獎金。
勞動部表示雇主在聘僱移工前先「查驗」外國人的居留證及工作許可正本再「核對」證件與本人身分是否相符最後再「詢問」外國人是新住民、依親居留還是移工身分就能避免違反規定而不受罰。
勞動部官員指出目前若要在醫院能有合法聘用的外國人包括取得居留證的新住民、取得勞動部許可的外籍學生或是已經合法申請的家庭看護工陪同被照顧者入院照顧等鮮少有隨時提供人力的模式。
勞動部提醒雇主在聘僱前記得同時檢查外僑居留證、個人工作許可正本及依親戶口名簿等資料。至於新住民獲准居留依法雖然不須向勞動部申請工作許可但雇主記得還是要查驗居留證、護照、結婚證明或戶口名簿等資料並仔細核對相片及身分以免聘僱到假冒身分的非法外國人面臨最高75萬元的罰鍰。
至於一般所稱的白領、藍領外國人必須在聘僱前就事先申請許可無法臨時進用且只能從事許可的工作項目。如對外國人身分確認或工作範圍有疑義可上內政部移民署居留證查詢網查詢。</t>
  </si>
  <si>
    <t>外國人許可勞動部工作身分居留證雇主申請最高在聘合法核對戶口名簿資料至於必須依親</t>
  </si>
  <si>
    <t>非法移工新冠肺炎勞動部武漢肺炎外勞</t>
  </si>
  <si>
    <t>肺炎勞動部武漢外勞</t>
  </si>
  <si>
    <t>財經婆媽莫德納az選擇</t>
  </si>
  <si>
    <t>新冠肺炎疫苗預約平臺已啟用多日中央流行疫情指揮中心今日稍早更擴大開放18歲以上登記。對此財經網美胡采蘋表示一早去菜市場時每個攤商都在問「你要打AZ還是莫德納？」她也透露自己僅登記施打AZ。指揮中心日</t>
  </si>
  <si>
    <t>登記az指揮中心預約平臺啟用疫苗菜市場一早表示中央胡采蘋商都流行財經對此疫情以上莫德納</t>
  </si>
  <si>
    <t>新冠肺炎疫苗預約平臺已啟用多日中央流行疫情指揮中心今日稍早更擴大開放18歲以上登記。對此財經網美胡采蘋表示一早去菜市場時每個攤商都在問「你要打AZ還是莫德納？」她也透露自己僅登記施打AZ。
指揮中心日前開放第9、10類人登記接種為18至64歲有重大疾病病患及50至64歲成人今（13）早於全國防疫記者會中中央流行疫情指揮中心副指揮官陳宗彥表示開放18歲以上登記接種意願並可自選打AZ或莫德納。
針對疫苗擴大接種胡采蘋稍早於個人臉書粉專《Emmy追劇時間》指出今早赴傳統市場採買發現每一攤都在討論疫苗接種一事聽到最多討論的是「你要打AZ還至莫德納？」胡采蘋笑說這是繼莫德納出現「鋼鐵手臂」後最熱門的話題。
胡采蘋也透露當初在填選疫苗接種意願登記表時僅勾選AZ並表示「我當然是堅決參加AZ年輕人認證大賽」。事實上先前有不少專家指出AZ疫苗對於長者來說比較沒有副作用相對的若施打後出現身體不適等副作用即為AZ認證的年輕人。
★《中時新聞網》提醒您：因應新冠肺炎疫情疾管署持續加強疫情監測與邊境管制措施 如有疑似症狀請撥打：1922專線或 0800-001922 並依指示配戴口罩儘速就醫同時主動告知醫師旅遊史及接觸史以利及時診斷及通報。</t>
  </si>
  <si>
    <t>az疫苗接種登記疫情莫德納表示指揮早于指出中心胡采蘋副作用出現以上意願年輕人認證</t>
  </si>
  <si>
    <t>新冠肺炎AZ莫德納疫苗接種意願財經網美</t>
  </si>
  <si>
    <t>接種莫德納疫苗az意願肺炎財經</t>
  </si>
  <si>
    <t>感染擔心陳時中指向</t>
  </si>
  <si>
    <t>最讓中央疫情中心指揮官陳時中擔心的本土案例找感染源似乎露出曙光！南部20多歲女性沒出國史且生活單純卻感染源不明但指揮中心發現2月底她有家人自美回台指揮中心專家張上淳表示除回溯採檢外將採用白</t>
  </si>
  <si>
    <t>中心感染指揮回溯表示指揮官張上淳陳時中專家擔心回台女性案例沒出月底本土南部國史發現似乎露出曙光生活單純</t>
  </si>
  <si>
    <t>最讓中央疫情中心指揮官陳時中擔心的本土案例找感染源似乎露出曙光！南部20多歲女性沒出國史且生活單純卻感染源不明但指揮中心發現2月底她有家人自美回台指揮中心專家張上淳表示除回溯採檢外將採用白牌計程車司機方式對其家人抽血看是否有抗體。
張上淳今表示案100要找出感染源得看發病前與發病後的接觸。經初步疫調2月12日到3月12日期間她生活相當規律上下班也使用個人交通工具在隔離期間同事及同住家人都沒有發病。不過她有家人2月底自美返台。他說除了做回溯採檢外也會使用白牌計程車方式抽血看血液是否有抗體。
根據指揮中心資料案100近期無出國史12日出現症狀曾自行到診所就醫但因發燒不退17日又到南部醫院就醫但因胸部X光沒有明顯肺炎醫師有所警覺經通報檢驗才確診但感染源待釐清。</t>
  </si>
  <si>
    <t>中心感染家人指揮沒有南部國史期間生活使用就醫表示張上淳月底回溯計程車</t>
  </si>
  <si>
    <t>新冠肺炎武漢肺炎新型冠狀病毒台灣感染源</t>
  </si>
  <si>
    <t>肺炎冠狀武漢臺灣病毒感染</t>
  </si>
  <si>
    <t>報到沖逾導體新高</t>
  </si>
  <si>
    <t>隨著全球大多數國家疫情舒緩義隆(2458)下半年新機效應可期客戶拉貨力道可望一路看到年底義隆繼昨天漲停作收後今股價再度走高大漲逾4%最高達115元創下2000年11月以來新高價。今年上半年NB市場因為新冠</t>
  </si>
  <si>
    <t>義隆上半年今年新高以來創下國家nb最高疫情漲逾再度股價新機客戶下半年效應可期</t>
  </si>
  <si>
    <t>隨著全球大多數國家疫情舒緩義隆(2458)下半年新機效應可期客戶拉貨力道可望一路看到年底義隆繼昨天漲停作收後今股價再度走高大漲逾4%最高達115元創下2000年11月以來新高價。
今年上半年NB市場因為新冠肺炎疫情帶動一波居家上班、遠距教學的趨勢也使得義隆第二季NB相關出貨動能強勁惟出貨機款普遍為舊機款但隨著第三季全球疫情緩義隆看好下半年新機效應可期加上客戶端因目前庫存偏低會有補庫存的動作且動能有機會一路延伸到年底法人也樂觀看好義隆營運將逐季成長到第三季且創高可期。
義隆觸控板在消費型筆電機種市占率高加上陸續導入商務機種且因為競爭對手投入資源減少使得義隆電市占率逐步攀升法人預估義隆2020年出貨量上看8800萬顆年增加8%而隨觸控板大尺寸化帶動單價提升有助於營運擴增。
另外義隆在業界率先導入帶筆功能隨微軟主動筆協定由MPP15轉進20因功能複雜度提升單價將提升30%對義隆毛利率也將幫助至NB搭載指紋辨識滲透率約20%晶片供應商為新思與義隆隨指紋辨識注重安全性兩公司亦推出加密晶片。</t>
  </si>
  <si>
    <t>義隆可期疫情提升使得nb導入年底帶動功能辨識加上指紋法人動能營運機種看好</t>
  </si>
  <si>
    <t>義隆NB筆記型電腦觸控板新冠肺炎</t>
  </si>
  <si>
    <t>筆記型電腦nb義隆肺炎</t>
  </si>
  <si>
    <t>臺灣開航延後航線</t>
  </si>
  <si>
    <t>受新冠肺炎影響今年1月營收有904億的台灣虎航（6757）2月營收584億元相較1月營收903億元大減3533％較去年同期減少3720％累計1-2月營收1488億元年減1310％。公司原規劃3月底開航的日本新潟航線</t>
  </si>
  <si>
    <t>影響今年月底規劃公司累計肺炎開航收有臺灣去年同期減少日本相較航線</t>
  </si>
  <si>
    <t>受新冠肺炎影響今年1月營收有904億的台灣虎航（6757）2月營收584億元相較1月營收903億元大減3533％較去年同期減少3720％累計1-2月營收1488億元年減1310％。公司原規劃3月底開航的日本新潟航線目前已經決定延後開航日期未定。
台虎指出今年農曆春節落在1月是航空旺月2月開始後新冠肺炎影響民眾出國意願降低加上澳門、韓國相繼列為三級警示疫區公司暫停派機飛行菲律賓一度拒絕台灣客機飛行後公司也暫停菲律賓航班目前剩下日本與泰國還有在飛估計3月份營收還會下降。
台灣虎航」去年12月16日股價以41元登錄興櫃今(11)日下午1點40分均價3378元賣出257萬股。</t>
  </si>
  <si>
    <t>公司臺灣今年開航菲律賓日本目前影響暫停肺炎飛行下午股價澳門加上韓國降低</t>
  </si>
  <si>
    <t>台灣虎航月營收開航新潟航線</t>
  </si>
  <si>
    <t>開航航線臺灣</t>
  </si>
  <si>
    <t>混亂機場飯店模式泡泡防疫奧運出現漏洞東京</t>
  </si>
  <si>
    <t>根據日本《共同社》報導指出東京奧運開幕在即各國代表團也陸續抵達日本為防控新冠肺炎疫情東京奧會籌委會採取隔絕運動員和外部接觸的「泡泡模式」但在普通人也會使用到的機場和飯店卻很難完全隔離開來如</t>
  </si>
  <si>
    <t>東京日本飯店機場完全指出奧運外部開幕接觸普通人運動員隔絕模式在即陸續泡泡抵達採取防控籌委會</t>
  </si>
  <si>
    <t>根據日本《共同社》報導指出東京奧運開幕在即各國代表團也陸續抵達日本為防控新冠肺炎疫情東京奧會籌委會採取隔絕運動員和外部接觸的「泡泡模式」但在普通人也會使用到的機場和飯店卻很難完全隔離開來如今甚至選手村也傳出確診者讓所謂的安全防範對策開始出現極大漏洞。
《共同社》報導上週末成田機場可以看到不少國外運動員推著超大行李來來往往還出現抵達大廳的代表團相關人員試圖與前來接機的朋友握手但遭到工作人員制止更有人不戴口罩聊起天來絲毫沒有防疫觀念。
東京奧運籌委會將成田機場設定接待三分之二的國外代表團與相關人員因此機場內的移動路線透過工作人員引導與普通旅客保持距離和間隔還為檢疫、入境審查、通關手續設置專用通道。但隨著入境人數的增加問題逐漸顯現。入境計劃突然取消、人數與事先資訊不符而引發混亂或是因等待檢測結果而在機場內四處走動機場人員抱怨「採用泡泡模式的難度非常大。」
對於安排各國採訪記者住宿的飯店籌委會統一安排要求飯店設施等與普通房客分開但受限於飯店規模等問題有時也會碰到直接與民眾接觸的狀況。東京某家飯店經理表示「原本有意將電梯分開使用但在早晚人多擁擠的時段無論如何都會發生一起搭乘的現象餐廳也只有一個只能設置隔離板而入境日本後所要求的14天自主隔離也只能信任入住者了。
在東京都中心地區的大型飯店籌委會都會派出人員24小時常駐對出入者進行檢查。入境14天以內的住客允許外出15分鐘以內外出和回飯店都需要登記但根據飯店經理說「只有極少數的人會遵守隔離規定。」</t>
  </si>
  <si>
    <t>飯店入境機場東京人員籌委會隔離代表團日本工作人員出現人數普通運動員接觸分開問題設置模式抵達經理泡泡</t>
  </si>
  <si>
    <t>東奧防疫泡泡模式機場飯店</t>
  </si>
  <si>
    <t>模式泡泡防疫機場飯店東奧</t>
  </si>
  <si>
    <t>豪門郁方疫情</t>
  </si>
  <si>
    <t>台灣本土新冠肺炎疫情爆發確診數持續增加雙北地區更提升至三級警戒不少名人也呼籲大家戴好口罩、勤洗手沒事就待在家裡豪門媳婦郁方也祈願疫情快散去並表示從今(18日)開始要齋戒108天。郁方透露去年在</t>
  </si>
  <si>
    <t>疫情郁方肺炎爆發開始確診持續從今雙北增加地區表示散去提升警戒名人沒事呼籲戴好口罩勤洗手祈願待在家裡</t>
  </si>
  <si>
    <t>台灣本土新冠肺炎疫情爆發確診數持續增加雙北地區更提升至三級警戒不少名人也呼籲大家戴好口罩、勤洗手沒事就待在家裡豪門媳婦郁方也祈願疫情快散去並表示從今(18日)開始要齋戒108天。
郁方透露去年在疫情剛起來時她為了祈求疫情快散去所以進行了108天齋戒現在疫情更甚以往她也感謝粉絲朋友的提議決定從今天開始進行108天齋戒一直到9月2日。
她也喊話：「祈禱天下無災疫情退散國泰民安風調雨順啊！」另外她也感謝自家師兄吃素一個星期「有願就有力希望大家一起來。」粉絲見狀也紛紛響應一起加油「謝謝你的大愛」、「美心也美加油天佑台灣」。
郁方2006年嫁給斐儷珠寶小開陳昱羲育有2子1女生活幸福美滿婚後她不僅馭夫很有一套也用心經營婆媳關係深得公婆喜歡所以她曾說自己嫁的不是豪門而是「好門」。
不過去年她到南部拍戲兒子改到花蓮念書小開老公就被媒體拍到開始「放飛自我」一下與貼身女助理過從甚密又被拍到深夜在臺北街頭喝茫趁醉意撲向艷麗辣妹發現沒人理他就這樣以大字型姿勢躺在騎樓醉到呼呼大睡。
對此郁方則表示珠寶業的員工幾乎都是女性助理每天要處理很多事情「這種小事不會放在心上」態度相當大方。</t>
  </si>
  <si>
    <t>疫情開始齋戒小開助理珠寶豪門去年表示郁方粉絲感謝拍到一起進行加油臺灣散去放在</t>
  </si>
  <si>
    <t>郁方疫情齋戒新冠肺炎台灣</t>
  </si>
  <si>
    <t>齋戒疫情肺炎郁方臺灣</t>
  </si>
  <si>
    <t>活動改線復活節梵蒂岡舉辦史上</t>
  </si>
  <si>
    <t>新冠肺炎疫情失控4月能否趨緩或是獲得控制充滿了變數也讓下個月歐洲的復活節活動埋上陰影。梵蒂岡今天宣佈下個月從4月9日的「神聖星期四」（又名洗足日）至12日的「復活節星期日」活動照常舉行但所有聚會均</t>
  </si>
  <si>
    <t>活動復活節失控能否照常獲得控制疫情充滿變數神聖宣佈歐洲今天梵蒂岡陰影舉行星期日肺炎星期四</t>
  </si>
  <si>
    <t>新冠肺炎疫情失控4月能否趨緩或是獲得控制充滿了變數也讓下個月歐洲的復活節活動埋上陰影。梵蒂岡今天宣佈下個月從4月9日的「神聖星期四」（又名洗足日）至12日的「復活節星期日」活動照常舉行但所有聚會均禁止信徒參與堪稱是梵蒂岡歷來破天荒的第一次。
每年4月的神聖周都會吸引數十萬信徒湧入羅馬以及梵蒂岡但今年義大利是新冠肺炎的重災區並已宣佈全國封城至少至4月3日。
梵蒂岡網站表示至4月12日之前教宗方濟各每週三的「公開接見」以及周日的賜福都會正常舉行只不過一樣不會對信眾開放但信眾可上網或觀看電視遠距參與。</t>
  </si>
  <si>
    <t>梵蒂岡神聖舉行信徒宣佈復活節活動參與肺炎獲得控制能否充滿失控變數教宗方濟各周日</t>
  </si>
  <si>
    <t>梵蒂岡4月復活節活動新冠肺炎教宗</t>
  </si>
  <si>
    <t>活動肺炎復活節梵蒂岡教宗</t>
  </si>
  <si>
    <t>乘機張惶失措疫情國際宣傳</t>
  </si>
  <si>
    <t>新冠疫情全球蔓延美國應對疫情張惶失措出乎各國意料之外而此時疫情已受控制的中國大陸則乘機進行國際援助和對外宣傳塑造領導全球抗疫的負責任大國形象。英媒對此評論認為這不只是宣傳攻勢而已它的背後是</t>
  </si>
  <si>
    <t>疫情全球這不認為評論英媒形象大國責任控制大陸中國乘機進行國際領導援助塑造宣傳對外蔓延美國張惶失措</t>
  </si>
  <si>
    <t>新冠疫情全球蔓延美國應對疫情張惶失措出乎各國意料之外而此時疫情已受控制的中國大陸則乘機進行國際援助和對外宣傳塑造領導全球抗疫的負責任大國形象。英媒對此評論認為這不只是宣傳攻勢而已它的背後是中國大陸的實力增長。
《英國廣播公司》(BBC)分析稱新冠疫情在大陸剛爆發時外界曾悲觀地評論為「中國的車諾堡事件」是中共「完結的開始」。但在大陸初步遏制病毒蔓延後病毒向全球蔓延許多國家的感染人數和死亡人數都超過了大陸。
分析指出雖然大陸的疫情數字和防疫真相受到美國和其他國家質疑但仍積極向外輸出醫療物資和援助通過外交和宣傳管道塑造了領導全球抗疫的負責任大國形象。疫情引發的國際輿論對抗再次延續了多年來關於「中國崛起」和國際影響力上升的討論。
文章稱中國大陸對外援助作為被許多外媒說成是企圖主導疫情敘事亦即「爭取話語權」。美媒CNN認為病毒危機給大陸帶來確立超級大國和全球領導者的機會相較於美國在遏制疫情方面行動失措川普總統奉行「美國優先」的政策則疏遠了盟友。
德國柏林的莫卡托中國研究所研究員格歐爾伯格（Mareike Ohlberg）曾指出大陸把「戰狼精神」帶入推特是一項長期策略目的在改變中共在全球事務的話語權增加影響力。
曾經是澳大利亞駐北京外交官的雪梨洛伊國際政策研究所的研究員卡薩姆（Natasha Kassam）指出在推特上聲量最大的一些人最近都獲得晉升「包括趙立堅和原駐南非的大使林松添」。
前美國貿易代表辦公室中國事務高級官員的傑夫•穆恩(Jeff Moon)對CNN表示大陸輿論攻勢受關注的原因不在於其外交的內容或語氣而在於中國大陸影響力增加各國不得不更加重視大陸官方的宣傳。
德國《商報》評論稱中國大陸是第一個遏制住疫情的國家同時掌握全球急需的防疫物資生產新冠疫情顯然會加速中國大陸在地緣政治上崛起。美國《外交》雜誌則認為美國和西歐遭受了大規模疫情衝擊本來的全球經濟衰退與地緣政治格局重組中國大陸可能會勝出。
美國國內政治的中國議題重要性上升更反映了中共影響力擴大CNN分析指出歷屆美國總統知道要善加處理北京影響力與日俱增的問題並避免最終美中發生對抗。今年11月的美國大選中國大陸和新冠疫情很可能會成為川普和拜登交鋒的主題。
分析稱美國皮尤研究中心3月的民調顯示目前對中國大陸有負面看法的人高達66%而在2年前對中國大陸有負面看法的美國人的比例是47%。
美媒CNN認為美國疫情嚴重讓川普面對二戰以來最大的國內危機而川普處理美中關係又會影響總統大選因此無論誰在總統選舉中勝出美中關係這個世界最重要的經濟、 外交和安全關係都會進一步惡化。</t>
  </si>
  <si>
    <t>大陸中國疫情美國全球影響力外交指出川普分析cnn認為國際中共總統評論國家遏制宣傳援助政治</t>
  </si>
  <si>
    <t>新冠肺炎武漢肺炎新型冠狀病毒COVID-19大陸</t>
  </si>
  <si>
    <t>肺炎武漢冠狀病毒covid-大陸</t>
  </si>
  <si>
    <t>這群人貿易戰經濟衰退疫情關鍵</t>
  </si>
  <si>
    <t>新冠肺炎疫情持續升溫美國也遭到波及台灣時間2日最新進度指出美國已有89起確診病例美股上周也受到恐慌性賣壓拋售創下金融危機以來最慘紀錄對此有經濟學家表示消費者支出為美國經濟成長重要支住之一</t>
  </si>
  <si>
    <t>美國持續升溫支出消費者表示金融危機創下遭到對此紀錄拋售以來最慘賣壓經濟學家恐慌性受到波及時間最新上周臺灣進度指出病例</t>
  </si>
  <si>
    <t>美國消費者疫情肺炎經濟受到打擊michellegirard嚴重爆發指出最新上周製造業指數造成衝擊紀錄遭到創下公佈</t>
  </si>
  <si>
    <t>新冠肺炎疫情美國經濟</t>
  </si>
  <si>
    <t>肺炎美國疫情經濟</t>
  </si>
  <si>
    <t>肺炎全球警告流行美專家</t>
  </si>
  <si>
    <t>世界衛生組織（WHO）至今尚未將新冠肺炎定義為「大流行病」但美國疾病管制暨預防中心（CDC）高層官員25日警告新冠病毒疫情可能演變成為「全球大流行病」且病毒在美國境內擴散也是「遲早都會發生」的事情。CDC</t>
  </si>
  <si>
    <t>病毒美國流行病cdc遲早擴散高層中心境內官員肺炎預防警告管制疾病定義疫情尚未可能演變全球</t>
  </si>
  <si>
    <t>世界衛生組織（WHO）至今尚未將新冠肺炎定義為「大流行病」但美國疾病管制暨預防中心（CDC）高層官員25日警告新冠病毒疫情可能演變成為「全球大流行病」且病毒在美國境內擴散也是「遲早都會發生」的事情。
CDC首席副主任舒卡特（Anne Schuchat）25日在記者會上表示：「與其說這種情況是否會發生還不如說什麼時候會發生。美國會有多少人被感染？其中又有多少人會患上重症或出現更多併發症？我們多年來一直在準備應對此類威脅並減少疫情對我們社區的衝擊。」
美國衛生與公共服務部部長阿紮爾（Alex Azar）則指出目前美國面臨的風險仍低但可能迅速改變。現在多個非亞洲國家都已出現社區傳播這「將使我們越來越難把疫情成功遏制在國門外」。當局已與州、地方和私人部門夥伴展開密切合作為減少潛在的病毒傳播預做準備「因為我們很可能會在美國看到更多病例。」
此前CDC國家免疫和呼吸疾病中心主任麥森尼耶（Nancy Messonnier）也告訴媒體「我們預期國內會出現社區傳播。」
目前美國有57起新冠肺炎確診病例其中大多為鑽石公主號郵輪撤回的乘客。加州舊金山市25日宣佈進入地方緊急狀態。市長布裡德（London Breed）透過聲明稱儘管當地尚未發現確診只有3起疑似病例但「全球局勢正在迅速變化我們需要加緊準備…正採取必要措施保護舊金山居民免受其害」。
另外中國大陸為解決國內口罩等防疫物資短缺問題禁止出口口罩包括3M等4家在大陸設廠的美企。白宮貿易顧問納瓦洛表示將要求這些企業撤回美國以因應美國的需求。</t>
  </si>
  <si>
    <t>美國準備疫情可能cdc出現社區發生地方大陸國內表示主任迅速撤回確診病例尚未國家全球減少</t>
  </si>
  <si>
    <t>美國肺炎傳播發生準備</t>
  </si>
  <si>
    <t>傳播發生肺炎準備美國</t>
  </si>
  <si>
    <t>防疫能力產業舉辦觀光台中衛教強化講習</t>
  </si>
  <si>
    <t>鑑於國內新冠肺炎確診病例遞增為提升台中市旅宿、觀光遊樂業、旅行業、溫泉業、文創等觀光產業從業人員防疫知識及危機處理應變能力；觀旅局於3、4日兩天特聘前衛生署長楊志良及光田醫院感染控制科主治醫陳俊志</t>
  </si>
  <si>
    <t>觀光控制確診感染醫院病例遞增楊志良提升署長衛生台中肺炎特聘文創遊樂業產業從業人員防疫知識應變能力</t>
  </si>
  <si>
    <t>鑑於國內新冠肺炎確診病例遞增為提升台中市旅宿、觀光遊樂業、旅行業、溫泉業、文創等觀光產業從業人員防疫知識及危機處理應變能力；觀旅局於3、4日兩天特聘前衛生署長楊志良及光田醫院感染控制科主治醫陳俊志擔任講座藉此降低感染風險打造台中為安心旅遊城市。
楊志良及陳俊志說除大陸疫情嚴峻外韓國、日本、伊朗及義大利新冠肺炎確診病例不斷攀升。新冠肺炎具高傳染力、潛伏期長、無症狀者多致死率較流感高等特性；臨床上新冠肺炎感染症狀有發燒、乾咳、倦怠、呼吸急促肌肉痛、喉嚨痛及腹瀉等。
觀光產業欲做好防疫措施應詳詢入住旅客旅遊史就發燒、咳嗽旅客做篩選有前述症狀者應請其戴上口罩並通報防疫專線工作人員應配戴口罩、每日徹底執行消毒工作；並有特約醫療醫院轉送發燒咳嗽症狀者等防疫措施。
觀旅局長林筱淇說防疫工作之原則請遵照中央流行疫情指揮中心指示辦理不需要過度恐慌目前有需要居家檢疫者由中央提供市府民政局名單市府會提供相關居家檢疫場所將先以市府所屬公有空間做為居家檢疫使用目前沒有成立防疫旅館之規畫。
楊志良建議旅館業者加強注意環境消毒、櫃台人員應配戴口罩、為旅客測量體溫若有發燒、咳嗽症狀者轉送特約醫院治療並注意清潔人員穿戴防疫用品減低接觸感染風險；建議衛生局結合旅館業者舉辦接待服務人員實地防疫演練提升觀光從業人員防疫專業知識及應變能力。</t>
  </si>
  <si>
    <t>防疫感染症狀觀光肺炎人員發燒居家檢疫口罩疫情旅客陳俊志中央台中市府咳嗽醫院旅遊工作風險</t>
  </si>
  <si>
    <t>新冠肺炎觀旅局講座楊志良旅遊史防疫</t>
  </si>
  <si>
    <t>講座楊志良肺炎旅遊防疫</t>
  </si>
  <si>
    <t>流行持續肺炎患者激增</t>
  </si>
  <si>
    <t>據美國「全國廣播公司商業頻道」報導國際失智症協會(Alzheimer’s Disease International ADI)1日警告從長期來看新冠肺炎的持續流行恐導致失智症患者的人數激增。部分研究更顯示感染新冠肺炎不僅增加罹患失智</t>
  </si>
  <si>
    <t>肺炎頻道報導國際internationaladi商業disease警告協會部分研究alzheimer激增長期人數來看患者顯示感染增加導致</t>
  </si>
  <si>
    <t>adi肺炎病毒增加研究出現全球症狀目前警告人數大腦導致損害患者思考來看</t>
  </si>
  <si>
    <t>失智症新冠肺炎阿茲海默症新冠病毒腦霧</t>
  </si>
  <si>
    <t>病毒肺炎阿茲海默</t>
  </si>
  <si>
    <t>驚險解析盤中</t>
  </si>
  <si>
    <t>指數低迷陸續解封美國電子經濟資料施打樂觀盤面市場導體費城天創連續發佈四大就業報告</t>
  </si>
  <si>
    <t>指數震盪一度上漲持續漲幅電子航運開高平盤附近解封美國</t>
  </si>
  <si>
    <t>疫苗新冠肺炎台積電鴻海大立光</t>
  </si>
  <si>
    <t>台積電肺炎疫苗</t>
  </si>
  <si>
    <t>複業汽車明日員工出爐pcr結果陰性泰山證明進出新北</t>
  </si>
  <si>
    <t>新北市順益汽車泰山營業昨有2名員工確診新北市長侯友宜下令該公司休息2天新北市長侯友宜今在疫情應變會議表示業者配合停止營業並清消篩檢13日已成立三方LINE群組及時通報系統並進行全面篩檢順益34名員工</t>
  </si>
  <si>
    <t>營業新北員工侯友宜市長會議應變疫情表示業者配合及時line通報停止成立確診系統進行汽車泰山</t>
  </si>
  <si>
    <t>新北市順益汽車泰山營業昨有2名員工確診新北市長侯友宜下令該公司休息2天新北市長侯友宜今在疫情應變會議表示業者配合停止營業並清消篩檢13日已成立三方LINE群組及時通報系統並進行全面篩檢順益34名員工及隔壁同一家裕益公司83名員工PCR篩檢均為陰性另還有9人還須追蹤掌握檢測等待結果。
侯友宜說15日復業時業者須持陰性證明才能進公司上班。</t>
  </si>
  <si>
    <t>侯友宜公司員工陰性業者營業新北市長證明追蹤掌握檢測等待須持結果及時會議表示還有通報</t>
  </si>
  <si>
    <t>新冠肺炎台灣順益篩檢汽車</t>
  </si>
  <si>
    <t>臺灣肺炎汽車</t>
  </si>
  <si>
    <t>全島上岸小國動員學校神秘停課</t>
  </si>
  <si>
    <t>太平洋島國萬那杜（Vanuatu）日前在岸邊發現一具男性浮屍最終驗出屍體帶有新冠病毒當局緊急封鎖中部主要島嶼埃法特島（Efate）禁止民眾出島此外全島防疫也大升級部份學校為此停課各地區也緊急增設洗手裝</t>
  </si>
  <si>
    <t>緊急日前岸邊發現男性地區vanuatu最終屍體防疫帶有全島埃法特病毒當局島嶼中部封鎖那杜停課</t>
  </si>
  <si>
    <t>太平洋島國萬那杜（Vanuatu）日前在岸邊發現一具男性浮屍最終驗出屍體帶有新冠病毒當局緊急封鎖中部主要島嶼埃法特島（Efate）禁止民眾出島此外全島防疫也大升級部份學校為此停課各地區也緊急增設洗手裝置。
綜合紐西蘭國家廣播電台（RNZ）、美國有線電視新聞網（CNN）報導一艘掛著英國國旗的油輪11日準備駛離萬那杜首都維拉港（Port Vila）、準備前往索羅門群島時發現一名船員失蹤萬那杜官方於是下令船隻調頭開始尋找失蹤船員下落同一天在距離維拉港主要碼頭約10分鐘車程的Pango沙灘發現這名菲律賓籍的失蹤船員遺體。
萬那杜官方隨後扣留油輪調查菲律賓船員的死因後續更證實男子身上檢測出新冠病毒。
男性浮屍檢測出新冠病毒讓萬那杜官方立即繃緊神經昨（19）日緊急宣佈封鎖埃法特島3天禁止民眾出島。
#Vanuatu is experiencing mysterious #Covid19 case after the dead body of a deceased #seaman or #fisherman from #Philippines washed ashore has been found Covid19 positive #UK-flagged ship is detained by Vanuatu for investigations @DSM_Nordkirche https://tco/DNQghUqhKl
萬那杜總理羅曼（Bob Loughman）表示禁止民眾出島期間政府也會追蹤相關人員的接觸史目前已有16人強制隔離多數是11日當天到海邊處理遺體的員警。不過根據畫面當天到場處理遺體的員警似乎都沒有戴上口罩。
萬那杜衛生當局仍強調這起事件造成的社區傳染風險很低但同時也呼籲民眾自行前往醫院進行病毒檢測並且保持社交距離及衛生習慣。
除了封島埃法特島全員大動員緊急升級防疫措施部份學校為此停課各地區也緊急加設洗手裝置公車司機及乘客也被要求戴上口罩付錢後也要使用乾洗手液清潔手部。
目前這具男性遺體放置在維拉港中央醫院（Port Vila Central Hospital）的太平間。據瞭解這間停屍間是萬那杜全國唯一一間停屍間每天都有人在那裡哀悼亡者。
萬那杜總人口約30萬人當地疫情控制得當至今只有3例確診病例而且全都是境外移入。
反對派領袖雷根瓦努（Ralph Regenvanu）指出政府在所有港口設置令人欽佩的嚴格入境措施卻萬萬沒想到一具漂上岸邊的浮屍會帶有新冠病毒。
So all outbound travel from Efate island stopped for 3 days to allow contact tracing to be carried out</t>
  </si>
  <si>
    <t>那杜緊急船員萬那杜遺體民眾病毒發現維拉港官方洗手for失蹤from男性is埃法特政府</t>
  </si>
  <si>
    <t>萬那杜新冠病毒浮屍封島漂上岸</t>
  </si>
  <si>
    <t>病毒封島上岸萬那杜</t>
  </si>
  <si>
    <t>症狀異地辦公婉拒企業傳播進入社區公司</t>
  </si>
  <si>
    <t>新冠肺炎疫情延燒為協助企業應對中央流行疫情指揮中心今推出企業持續營運指引呼籲業宣導咳嗽禮節、協助上班出現症狀的員工就醫等；若疫情擴大至社區傳播則應執行員工健康監測計畫、調整工作方式（如：異地辦</t>
  </si>
  <si>
    <t>疫情員工協助企業工作調整計畫監測健康方式執行呼籲宣導社區傳播指引咳嗽營運禮節持續擴大上班就醫推出</t>
  </si>
  <si>
    <t>新冠肺炎疫情延燒為協助企業應對中央流行疫情指揮中心今推出企業持續營運指引呼籲業宣導咳嗽禮節、協助上班出現症狀的員工就醫等；若疫情擴大至社區傳播則應執行員工健康監測計畫、調整工作方式（如：異地辦公）、要求訪客填寫健康調查表等。若訪客出現症狀應婉拒對方進入公司。
指揮中心表示企業應建立防疫應變單位負責掌握疫情變化、防疫宣導、防疫物資準備、衛生管理與人員健康監測、疫病通報等工作。 目前疫情雖然進入社區但仍處於零星社區感染階段企業應鼓勵有症狀者在家休息、不強求提供診斷書、保留彈性請假規範等。
現階段公司應宣導咳嗽禮節要求員工保持手部衛生在明顯處張貼海報提供充足的肥皂、乾洗手液等。工作環境應保持通風員工常接觸的物品表面需定期清潔（如：門把、鍵盤）。若員工出現發燒或急性呼吸道症狀應協助就醫或建議返家。
若新冠肺炎疫情擴大進入社區傳播的階段雇主則應執行員工健康監測計畫並進行追蹤。例如制定調查表對所有員工常規量測體溫、詢問是否有急性呼吸道症狀並做成紀錄。 訪客進入辦公區域前需填寫健康調查表如有症狀應婉拒進入並協助提供就醫資訊。
另一方面公司應調整辦公、出勤或出差方式例如建立異地辦公機制要求座位保持一定間隔等。一旦公司出現確診個案每日至少清潔一次地面並視需要增加次數公司內部的其餘員工則需戴口罩上班。</t>
  </si>
  <si>
    <t>員工公司疫情進入症狀企業協助出現健康提供辦公保持工作要求就醫社區調查表防疫衛生清潔監測建立咳嗽禮節</t>
  </si>
  <si>
    <t>新冠肺炎症狀公司疫情企業</t>
  </si>
  <si>
    <t>肺炎公司症狀疫情企業</t>
  </si>
  <si>
    <t>巫師畢爾嘲笑拒打疫苗公開nba無用</t>
  </si>
  <si>
    <t>勇士隊威金斯(Andrew Wiggins)鬧出拒打新冠疫苗的風波之後巫師隊也出現另一位硬骨頭畢爾(Bradley Beal)。畢爾在本周的球隊媒體日公開表示他拒絕接種新冠疫苗還把疫苗嘲笑了一番。畢爾說：「你們不可以強迫任何</t>
  </si>
  <si>
    <t>畢爾疫苗拒打球隊出現媒體公開巫師表示風波接種之後拒絕wiggins嘲笑bealbradley硬骨頭andrew</t>
  </si>
  <si>
    <t>勇士隊威金斯(Andrew Wiggins)鬧出拒打新冠疫苗的風波之後巫師隊也出現另一位硬骨頭畢爾(Bradley Beal)。畢爾在本周的球隊媒體日公開表示他拒絕接種新冠疫苗還把疫苗嘲笑了一番。
畢爾說：「你們不可以強迫任何人把其他東西打進身體裡如果我們把疫苗換成其他東西就很清楚了。重點是你們不能強迫別人你們得讓大家自行決定。」
其實是可以強迫的一些球隊早就這麼做了他們下令所有前線職員工都要接種疫苗否則不予續聘甚至解雇已經有人因此丟掉飯碗。只是NBA球員有強大的工會撐腰聯盟管不動他們除非地方政府直接下令（目前有紐約和舊金山）。
今年7月病毒「未經同意」就強行入侵了畢爾的身體讓他確診新冠肺炎害他無法參加東京奧運而錯失金牌。其實東京奧運有規定選手一定要打疫苗畢爾根本也不能參賽。
畢爾說：「對我得過病我有抗體但也不表示我不會再得一次。這跟打過疫苗的人沒有分別還是有球員和教練打過疫苗了也染病。疫苗號稱有很強的保護力結果還是不能避免任何人染病這很好笑事實上疫苗只是降低你住院的機率。」
從湖人隊被賣過來巫師的庫茲馬(Kyle Kuzma)也和畢爾一個鼻孔出氣「沒人知道事情會怎樣發展美國也不知道某些關於個人健康的事必須永遠保持隱私。」庫茲馬拒絕談論是否接種疫苗。</t>
  </si>
  <si>
    <t>疫苗畢爾不能接種強迫下令巫師球隊球員表示身體知道可以拒絕</t>
  </si>
  <si>
    <t>畢爾疫苗新冠肺炎NBA巫師</t>
  </si>
  <si>
    <t>肺炎nba疫苗巫師畢爾</t>
  </si>
  <si>
    <t>確診死亡累計解除隔離國內</t>
  </si>
  <si>
    <t>中央流行疫情指揮中心今表示昨日國內新增1576例新型冠狀病毒肺炎相關通報截至目前累計45446件其中385例確診、6人死亡、99人解除隔離其餘持續住院隔離中。367名湖北返台民眾持續在集中檢疫所進行密切健康</t>
  </si>
  <si>
    <t>持續隔離中心集中民眾表示返台昨日國內新增指揮冠狀病毒累計肺炎截至檢疫所目前通報相關湖北住院解除死亡確診</t>
  </si>
  <si>
    <t>中央流行疫情指揮中心今表示昨日國內新增1576例新型冠狀病毒肺炎相關通報截至目前累計45446件其中385例確診、6人死亡、99人解除隔離其餘持續住院隔離中。367名湖北返台民眾持續在集中檢疫所進行密切健康監測。
指揮中心指出全球累計1640016例確診分佈於184個國家/地區；病例數以美國496535例、西班牙157022例、義大利147577例、德國113525例及法國90676例為多；病例中101578例死亡以義大利18849例、美國18586例、西班牙15843例、法國13197例及英國8958例為多。
指揮中心提醒民眾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中心通報指揮檢疫症狀民眾就醫累計持續確診咳嗽病例死亡隔離美國是否史及tocc接觸職業法國旅遊</t>
  </si>
  <si>
    <t>新冠肺炎武漢肺炎新型冠狀病毒台灣累計</t>
  </si>
  <si>
    <t>肺炎武漢冠狀臺灣病毒累計</t>
  </si>
  <si>
    <t>輕巧防疫自製有效率校園</t>
  </si>
  <si>
    <t>新冠肺炎疫情緊張高雄正修科大幼兒保育系防疫動手做19日由老師帶領學生DIY製作隨身皂走到哪洗到哪防疫更有效率；屏東美和科大成立「防疫工作坊」專家指導學生手作簡易防護衣、可替換口罩套、檢疫防護頭套</t>
  </si>
  <si>
    <t>防疫學生科大替換緊張防護衣高雄正簡易口罩幼兒疫情指導專家隨身製作diy洗到有效率成立</t>
  </si>
  <si>
    <t>新冠肺炎疫情緊張高雄正修科大幼兒保育系防疫動手做19日由老師帶領學生DIY製作隨身皂走到哪洗到哪防疫更有效率；屏東美和科大成立「防疫工作坊」專家指導學生手作簡易防護衣、可替換口罩套、檢疫防護頭套、護目鏡等實用防疫品。
大學生確診新冠肺炎全國各大專校院繃緊神經紛紛加強防疫措施而用肥皂勤洗手是病毒不上身的重要關鍵但許多大學生都認為肥皂體積大洗手後濕滑攜帶很不方便。
正修科大幼保系師生於是興起自製隨身皂想法老師杜佩紋帶領學生將皂基100克、荷荷芭油10滴、茶樹、尤加利精油各30滴加入鐵盆中拌勻再加少許起泡劑及色水全部溶勻後隨即倒入扁管中等它凝固套上蓋子就大功告成除扁管外使用完後的護唇膏、口紅膠管都可以作為盛裝皂液的工具。
另學生們也製作簡易的「口罩L夾」取下口罩不知要放在哪裡時就可以直接放進L夾中。
屏東美和科技大學成立防疫工作坊舉辦防疫護起來－防疫護具DIY課程邀請業界師資指導師生製作各項防護用具製造出的成品可提供校園第一線體溫檢測人員使用降低群聚感染風險共度疫情危機。
校長翁順祥說相關防疫、衛教知識也加入通識課程並透過校內電視牆及電子看板不斷播放希望阻絕病毒於外不讓讓學生受教權益受影響。</t>
  </si>
  <si>
    <t>防疫學生製作口罩使用病毒加入課程可以疫情防護師生指導diy肥皂科大隨身</t>
  </si>
  <si>
    <t>口罩校園肺炎簡易製作</t>
  </si>
  <si>
    <t>肺炎製作口罩簡易校園</t>
  </si>
  <si>
    <t>反彈ai業績口罩台塑國家隊塑膠</t>
  </si>
  <si>
    <t>台塑(1301)今(10)日舉辦股東會由董事長林健男主持看好隨著疫情趨緩加上現金股利入帳第3季將迎穀底反彈另外台塑也將持續深化AI應用透過AI數位平臺導入有效管理原物料也使得台塑可以全力相挺口罩國</t>
  </si>
  <si>
    <t>台塑ai可以董事長股東會林健主持看好疫情使得加上現金平臺股利物料導入有效季將管理持續穀底反彈</t>
  </si>
  <si>
    <t>台塑(1301)今(10)日舉辦股東會由董事長林健男主持看好隨著疫情趨緩加上現金股利入帳第3季將迎穀底反彈另外台塑也將持續深化AI應用透過AI數位平臺導入有效管理原物料也使得台塑可以全力相挺口罩國家隊惟台塑今日股東會現場出現小插曲除有針對六輕環保議題前來抗爭的民眾也有股東發言時提出問題與長庚醫院有關但多已與台塑今日股東會無關被阻故現場多出不少維安的糾察隊和警力維護秩序。
隨著疫情逐漸舒緩展望台塑下半年發展林健男表示隨著疫情進一步緩和更多國家解封全球經濟復甦石化產品需求提升有利帶動石化產品價格上漲因此預期下半年在銷售價格及數量同步上揚下且第3季有33億元現金股利業績可望由穀底反彈且優於上半年。
就目前全球疫情來說林健男表示台塑美國廠利用這個時間對於當地廠區進行全面總體檢而大陸地區復甦的比較快、復甦比其他地方好當然就是希望歐美快點解封現階段台灣最穩定利用後疫情時間台塑也會加強數位轉型、數位平臺持續導入AI。只是下半年國際市場還有很多變數林健男表示包括疫情是否再次爆發影響歐美市場恢復、OPEC產油國及俄羅斯能否履行減產協議、中美貿易戰後續發展以及兩岸ECFA早收清單是否終止等。
林健男強調為對抗不景氣台塑也將採取對策因應在投資方面台塑將在海內外擴建及去瓶頸總投資金額48億美元包含有大陸寧波的丙烷脫氫(PDH)廠、EVA去瓶頸台灣的SAP、PVC、PP去瓶頸、高雄洲際二期石化專區以及美國德州：德州LDPE擴建、新建PVC、VCM及(石鹹)廠。
台塑近年來持續深化AI應用推動重點包含產銷優化、品質確保、智慧保養、巡檢數位化及降低成本等到目前台塑已完成AI開發57案下半年將持續進行95案預估每年可增加利益26億元林健男說到台塑全力供應台灣口罩隊原料沒有出現任何斷料問題就是因為有數位AI平臺的幫忙有效管理原料。
此外因應5G產業發展台塑正進行PVC、PE及PP複材開發應用於5G基地台相關材料未來將配合經濟部共組產業聯盟加速5G商機佈局。</t>
  </si>
  <si>
    <t>台塑疫情林健下半年ai發展臺灣進行持續石化股東會復蘇pvc應用瓶頸表示是否數位市場大陸就是</t>
  </si>
  <si>
    <t>台塑AI人工智慧5G基地台</t>
  </si>
  <si>
    <t>ai台塑基地人工智慧</t>
  </si>
  <si>
    <t>在家辦公電大缺貨</t>
  </si>
  <si>
    <t>隨著新冠肺炎疫情擴散美國企業開始要求員工在家上班導致筆記型電腦等商品遭到搶購一空。電腦製造商因中國大陸爆發疫情波及供應鏈運作、主要零組件仍然短缺最終導致筆電供不應求。美國連鎖家電賣場百思買（Best</t>
  </si>
  <si>
    <t>美國疫情導致家電肺炎連鎖擴散供不應求企業電腦短缺爆發大陸中國供應製造商波及運作開始仍然最終搶購一空遭到要求商品在家筆記型電腦上班組件</t>
  </si>
  <si>
    <t>隨著新冠肺炎疫情擴散美國企業開始要求員工在家上班導致筆記型電腦等商品遭到搶購一空。電腦製造商因中國大陸爆發疫情波及供應鏈運作、主要零組件仍然短缺最終導致筆電供不應求。
美國連鎖家電賣場百思買（Best Buy）芝加哥分店店員坎能（Matt Canon）指出他們店裡的筆電、鍵盤與視訊電纜幾乎全賣光至於電腦螢幕與小型電視則完全斷貨。坎能表示：「從來客數與銷售來看最近業績雖無法與黑色星期五相比但絕對比平常日高出許多。」
IT產品經銷商英邁（Ingram Micro Inc）全球科技解決方案部門總裁保羅貝（Paul Bay）表示受到肺炎疫情影響越來越多美國企業要求員工在家遠距上班預估筆電需求將持續攀升而手機裝置與電腦配件（擴充基座、鏡頭與顯示器）銷售也將持續成長。
事實上受到大陸爆發肺炎疫情的影響電腦製造商產品與零件供應鏈遭到打斷迄今尚未完全的恢復。
全球電腦製造商龍頭惠普（HP Inc）表示「工廠產能正逐漸恢復當中」同時警告本季財測恐不如預期。針對筆電近來需求攀升惠普並未正面回應是否能夠因應僅表示將密切關注消費者與商家需求。
另一家電腦製造商戴爾（Dell）已意識到筆電訂單增加的事實目前正想方設法尋找其他零件替代來源。
至於聯想集團（Lenovo）則表示最近筆電搭配耳機的套裝訂單確實大幅增加但筆電產品在美國地區並未出現供應短缺現象。
事實上早在疫情爆發之前電腦製造商早就面臨零件供應短缺問題。舉例來說英特爾（Intel）這一年多來生產的晶片數量根本不足連帶拖累戴爾等電腦製造商業績。英特爾日前承諾將加大產能。</t>
  </si>
  <si>
    <t>電腦表示製造商疫情供應美國產品需求短缺零件肺炎inc業績銷售全球英特爾恢復爆發導致惠普並未最近至於</t>
  </si>
  <si>
    <t>美國疫情零組件肺炎短缺</t>
  </si>
  <si>
    <t>短缺疫情肺炎組件美國</t>
  </si>
  <si>
    <t>外交部警示尊重旅遊配合日本指揮中心調升</t>
  </si>
  <si>
    <t>日本新冠肺炎疫情持續升溫確診人數破千外交部將日本列為「黃色警示」建議國人特別注意旅遊安全並檢討應否前往。至於是否進一步提升旅遊警示外交部將完全尊重、配合中央流行疫情指揮中心。外交部發言人歐江安</t>
  </si>
  <si>
    <t>外交部疫情旅遊警示日本中心指揮持續升溫前往中央流行檢討安全並至於確診是否配合特別注意人數國人進一步建議尊重提升完全</t>
  </si>
  <si>
    <t>日本新冠肺炎疫情持續升溫確診人數破千外交部將日本列為「黃色警示」建議國人特別注意旅遊安全並檢討應否前往。至於是否進一步提升旅遊警示外交部將完全尊重、配合中央流行疫情指揮中心。
外交部發言人歐江安表示外交部完全尊重、配合中央流行疫情指揮中心依據防疫與公衛醫學的判斷。不過要提升一國防疫不只考量確診的數字也要考量土地面積與人口比率。
歐江安說我們也參考美國CDC、國務院、英國、加拿大、澳洲、歐洲等理念相近國家與先進夥伴的疫情指示。如果其他國家都沒有調整燈號只有我們是唯一做出調整這樣會顯得我方考量沒這麼周延。
歐江安強調外交部隨時採取滾動式檢討不斷更新各項因素都會納入通盤考量。
外交部領事事務局官網顯示我國與日本往來密切日本為我國出訪旅客最多之國家外交部為保障國人權益調升日本旅遊警示燈號為「黃色」提醒國人特別注意安全並檢討應否前往；另調升北海道旅遊警示燈號為「橙色」建議避免非必要旅行。</t>
  </si>
  <si>
    <t>外交部日本考量疫情旅遊警示江安燈號檢討國人提升確診防疫建議國家前往調升我國中心調整特別注意黃色</t>
  </si>
  <si>
    <t>外交部日本警示旅遊新冠肺炎</t>
  </si>
  <si>
    <t>旅遊警示日本肺炎外交部</t>
  </si>
  <si>
    <t>確診家中柯文哲家裡家人聯絡</t>
  </si>
  <si>
    <t>疫情蔓延死在家中案例頻傳先後發生北投一家三口陳屍屋內被裡長通知破門才發現男子陳屍萬華清茶館多時被房東聞到屍臭才發現臺北市長柯文哲5日嚴正說叫大家躲在家裡不是說躲在山洞裡彼此一個電話問</t>
  </si>
  <si>
    <t>發現案例先後發生嚴正家中一家陳屍柯文哲屋內被裡臺北市通知茶館房東破門男子陳屍萬華清聞到</t>
  </si>
  <si>
    <t>疫情蔓延死在家中案例頻傳先後發生北投一家三口陳屍屋內被裡長通知破門才發現男子陳屍萬華清茶館多時被房東聞到屍臭才發現臺北市長柯文哲5日嚴正說叫大家躲在家裡不是說躲在山洞裡彼此一個電話問候或視訊是必須的少出門但不代表完全不跟社會來往覺得怪怪不對勁就要多交談。
社會局長周榆修說萬華男子並沒有確診資料；而北投3口都是高齡但非弱勢福利身分主要5月疫情爆發後住萬華的兒子搬回到北投和父母住僅存的妹妹5日確定陽性確診父母、兒子這3名死者要等相驗結果。
柯強調北投這個案子是在外面住的二兒子打到家裡發現沒人接所以當地裡長才破門他雖然叫大家少出門但不是完全不跟社會來往彼此要多聯絡鼓勵用視訊。
媒體詢問有確診家屬反映2個弟弟都確診且其中1人去世自己沒有被匡列沒收到隔離通知書無法請領補助？北市副市長黃珊珊說媒體爆料後她也向媒體要到對方的連絡方式因至今在北市防疫旅館死的有4人內容應都有掌握會再瞭解。</t>
  </si>
  <si>
    <t>確診兒子媒體發現社會北市男子萬華父母沒有破門家裡</t>
  </si>
  <si>
    <t>新冠肺炎台灣確診柯文哲北投</t>
  </si>
  <si>
    <t>臺灣確診柯文哲肺炎</t>
  </si>
  <si>
    <t>遣返繳費外交部聯繫台女代表處</t>
  </si>
  <si>
    <t>為防堵新冠肺炎疫情韓國4月1日起針對所有入境旅客進行14天的強制隔離1名30多歲的台灣女子聲稱沒錢繳遭到驅逐。外交部發言人歐江安表示韓國相關單位事發時即依相關規定遣返當事人未曾聯繫我駐韓國代表處外</t>
  </si>
  <si>
    <t>韓國相關肺炎疫情聯繫未曾遣返規定進行當事人入境強制隔離臺灣女子聲稱旅客遭到驅逐外交部發言人表示江安</t>
  </si>
  <si>
    <t>為防堵新冠肺炎疫情韓國4月1日起針對所有入境旅客進行14天的強制隔離1名30多歲的台灣女子聲稱沒錢繳遭到驅逐。外交部發言人歐江安表示韓國相關單位事發時即依相關規定遣返當事人未曾聯繫我駐韓國代表處外交部也再度提醒國人注意韓國相關規定。
外傳該名赴韓後聲稱沒錢繳交相關費用的台灣女子也是韓國第1位未遵規定而被驅逐出境的外國人歐江安表示經外交部瞭解韓國相關單位事發時立即依相關規定進行遣返作業而當事人在韓國期間未曾聯繫我駐韓國代表處。
她說外交部已於3月17日起將韓國全境旅遊警示調整為「紅色」建議國人避免前往。另韓國政府自4月1日起針對所有入境旅客實施隔離檢疫措施倘旅客無固定居所則採取定點隔離相關費用須自行負擔。外交部再度提醒國人注意韓國相關規定。
歐江安強調國人在韓國如果遭遇急難請立即撥打我駐韓國代表處或者駐釜山辦事處也可請國內親友撥打外交部緊急聯絡中心電話以獲得必要協助。</t>
  </si>
  <si>
    <t>韓國相關外交部規定國人隔離旅客進行江安代表處撥打費用女子臺灣驅逐立即聲稱入境單位表示當事人</t>
  </si>
  <si>
    <t>韓國外交部代表處規定隔離</t>
  </si>
  <si>
    <t>隔離韓國代表處規定外交部</t>
  </si>
  <si>
    <t>女王國會川普時尚</t>
  </si>
  <si>
    <t>美國眾議院議長裴洛西（Nancy Pelosi）不只是國會女王一系列口罩穿搭驚艷眾人變身時尚女王相較於美國總統川普顧慮像魯蛇而始終拒戴口罩裴洛西用行動證明口罩加身不僅能展現強悍而且仍舊是目光焦點。新冠</t>
  </si>
  <si>
    <t>口罩女王裴洛西pelosi仍舊強悍展現顧慮魯蛇始終川普總統國會美國相較時尚目光眾人</t>
  </si>
  <si>
    <t>美國眾議院議長裴洛西（Nancy Pelosi）不只是國會女王一系列口罩穿搭驚艷眾人變身時尚女王相較於美國總統川普顧慮像魯蛇而始終拒戴口罩裴洛西用行動證明口罩加身不僅能展現強悍而且仍舊是目光焦點。
新冠肺炎疫情蔓延美國川普政府4月初建議全美民眾戴起口罩不論是布口罩或是圍巾都可以減緩疫情傳播。美國眾議院議長裴洛西以身作則開始戴上口罩出入國會她的口罩顏色、圖案多變有時是淡粉色有時是深藍色另外有些時候她則以絲巾充當口罩罩住口鼻口罩的樣式選擇端看當天整體服裝造型而定通常和她的套裝為同色系。
 Leader of the House majority and of mask-to-pantsuit color coordination: @speakerpelosi
 Hillary Clinton（@hillaryclinton）分享的貼文 於 PDT 2020 年 5月 月 13 日 上午 7:21 張貼
裴洛西的口罩穿搭很快就吸引時尚圈關注英國版《時尚雜誌》（Vogue）、時尚雜誌《InStyle》、《哈潑時尚》（Harper&amp;apos;s Bazaar）等近期都撰寫專文報導裴洛西的口罩穿搭風格Vogue更頌讚她是顏色搭配大師就連前美國國務卿希拉蕊（Hillary Clinton）也注意到了這位同黨女強人的穿搭實力希拉蕊在個人Instagram上放上一張裴洛西著粉色套裝、口罩的照片貼文稱讚裴洛西不只是眾議院領袖還是開拓口罩套裝穿搭風潮的潮流人士。
各家報導中以「InStyle」的評論最為犀利正當川普因為不想示弱、淪為魯蛇而持續忽視專家建議、不戴口罩甚至上周他下令所有白宮官員都要戴口罩後自己仍堅持不戴裴洛西證明瞭口罩不是無聊單調的必需品它代表了個人風格在保障個人與他人安危之餘還能夠讓人看起來很強悍而且仍舊是閃光燈焦點。</t>
  </si>
  <si>
    <t>口罩裴洛西套裝川普時尚美國個人疫情instylehillaryclinton女王vogue魯蛇報導希拉</t>
  </si>
  <si>
    <t>任天堂業績動物</t>
  </si>
  <si>
    <t>新冠肺炎大流行期間居家抗疫刺激電玩需求。根據任天堂7日公佈上個會計年度第四季（1月至3月）營業利益狂飆200％Switch遊戲機和《動物森友會》遊戲軟體熱銷帶動業績躥揚。任天堂表示3月20日在全球開賣的《</t>
  </si>
  <si>
    <t>任天堂流行期間居家表示刺激動物遊戲遊戲機switch熱銷業績需求帶動利益</t>
  </si>
  <si>
    <t>新冠肺炎大流行期間居家抗疫刺激電玩需求。根據任天堂7日公佈上個會計年度第四季（1月至3月）營業利益狂飆200％Switch遊戲機和《動物森友會》遊戲軟體熱銷帶動業績躥揚。
任天堂表示3月20日在全球開賣的《動物森友會》最新系列遊戲《集合啦！動物森友會》上市六周便創下1340萬套的紀錄銷售佳績成為最暢銷的Switch遊戲軟體。
受此激勵任天堂7日股價大漲325％以46100日圓作收。
任天堂上季營業利益揚升至894億日圓輕鬆超越分析師預期。Switch和《動物森友會》是推動業績躥升的兩大功臣。
Switch問世已經四年市場原先質疑任天堂吸引非核心玩家的能力。該公司1月底預估傳統淡季Switch的銷量可能不到200萬台但結果賣出超過300萬台讓上個財年全年度銷量上升至2100萬台大幅超越該公司預估的1950萬台。
2100萬的銷售數字包含1480萬台結合掌上型與家庭遊戲主機功能的Switch以及620萬台在2019年9月上市的掌上型遊戲機Switch Lite。
Switch需求強勁和疫情衝擊供應鏈一度造成Switch全球缺貨但任天堂表示缺貨對上一會計年度業績影響有限。
截至3月止的上個會計年度任天堂淨利年增33％至2586億日圓營收上升9％至13兆日圓。不過任天堂對本會計年度（2021年3月底止）的財測保守預期營收和淨利雙雙下滑。
任天堂預估2021年3月底止的本財年營收下滑83％至12兆日圓淨利恐年減23％降至2000億日圓預期Switch全年度銷量為1900萬台。
該公司表示新冠肺炎疫情打亂業務運作後生產和出貨逐漸復原不過若是遊戲設計師得長期居家辦公可能影響遊戲開發工作。</t>
  </si>
  <si>
    <t>switch任天堂遊戲日圓業績預期公司預估銷量月底表示會計年度動物可能疫情銷售居家影響淨利需求超越上市</t>
  </si>
  <si>
    <t>業績會計森友任天堂Switch</t>
  </si>
  <si>
    <t>任天堂會計switch業績</t>
  </si>
  <si>
    <t>產業審慎樂觀點出導體micict通訊明年科技關鍵字</t>
  </si>
  <si>
    <t>資策會產業情報研究所(MIC)針對2021年ICT產業提出最新預估認為2021年全球ICT產業展望審慎樂觀也分別點出半導體、IT產業以及通訊產業的關鍵惟疫情、美中關係仍扮演不確定因素。資策會MIC認為2021年多數資通訊</t>
  </si>
  <si>
    <t>產業ict認為通訊mic扮演美中關係疫情分別確定點出樂觀因素審慎展望全球提出關鍵it導體最新情報研究所預估</t>
  </si>
  <si>
    <t>資策會產業情報研究所(MIC)針對2021年ICT產業提出最新預估認為2021年全球ICT產業展望審慎樂觀也分別點出半導體、IT產業以及通訊產業的關鍵惟疫情、美中關係仍扮演不確定因素。
資策會MIC認為2021年多數資通訊終端產品、資訊服務與電子商務之市場將呈成長趨勢其中全球通訊市場將恢復成長動能其市場規模將成長107%不過未來ICT產0業景氣仍須留意新冠肺炎疫情、美中對抗戰、供應鏈轉移等不確定性因素仍可能影響產業景氣。
資策會MIC資深產業顧問洪春暉表示影響2021年半導體產業景氣的關鍵為「美中貿易戰、AI、5G」；影響IT產業的關鍵為「零組件供應、遠距需求」；影響通訊產業的關鍵為「新冠肺炎疫情、5G、乾淨網路」。
觀察2021年的半導體產業資策會MIC表示AI拓展物聯網應用與5G滲透率的提升有助於景氣增溫須留意上游供應鏈大陸持續強化對半導體垂直產業鏈的投資規模以及市場庫存水位過高的隱憂問題洪春暉資深產業顧問表示需觀測近期中芯國際受美國管制之下訂單轉移至台廠產能出現排擠效應導致晶圓代工價格上漲。
2021年通訊產業景氣主要受到新冠肺炎疫情、5G與乾淨網路影響資策會MIC表示5G仍將帶動部分換機需求須注意美國禁令導致華為難以取得晶片無法出貨蘋果、小米、三星、OPPO與vivo等業者搶食市場的結果將影響台廠受惠的程度；網通部分乾淨網路政策降低了陸系業者進入歐美市場的可能性促使電信商在5G網路排除陸系設備有利於更多Open RAN需求與台灣業者發展。</t>
  </si>
  <si>
    <t>產業市場影響景氣通訊網路需求供應業者表示mic疫情ict美國導致台廠乾淨關鍵為陸系部分導體成長</t>
  </si>
  <si>
    <t>新冠肺炎MIC資策會5G中芯國際</t>
  </si>
  <si>
    <t>mic肺炎國際</t>
  </si>
  <si>
    <t>新光前哨戰支援防疫前線</t>
  </si>
  <si>
    <t>全球正努力防堵新冠肺炎（COVID-19）擴散台灣防疫成績舉世肯定前線醫護人員功不可沒新壽慈善基金會、新光吳氏基金會、同心圓醫學基金會與老爺飯店有感醫護人員冒生命危險依然挺身堅守戰線守護台灣發起「暖『</t>
  </si>
  <si>
    <t>醫護人員臺灣基金會戰線堅守肺炎依然挺身生命危險covid-飯店有感擴散防疫慈善成績舉世前線肯定功不可沒守護同心圓醫學</t>
  </si>
  <si>
    <t>全球正努力防堵新冠肺炎（COVID-19）擴散台灣防疫成績舉世肯定前線醫護人員功不可沒新壽慈善基金會、新光吳氏基金會、同心圓醫學基金會與老爺飯店有感醫護人員冒生命危險依然挺身堅守戰線守護台灣發起「暖『新』便當 醫護加油」超暖打氣活動捐贈1500個便當至臺北市聯合醫院六大院區感謝作為本次防治之中重度隔離應變醫院藉此鼓舞醫護抗疫士氣向醫護台灣隊致敬！
新冠肺炎來襲醫護人員表現出臺灣的醫療水準以捨我其誰的精神築起戰役防線阻擋疫情持續入侵。另醫護人員值勤完畢脫下口罩臉上都是N95的痕跡更是常見不鮮種種抗戰付出讓人相當不捨。為此吳東進董事長呼籲社會大眾給予醫護台灣隊鼓勵與關懷。
新壽慈善基金會吳欣盈執行長指出本活動是個開端希望讓更多企業、團體能支持我們的醫護人員與政府組成「最強抗疫台灣隊達成防疫上下一心。暖新打氣便當分不同梯次送至臺北市聯合醫院陽明、中興、和平、仁愛、昆明林森與忠孝等六大院區替第一線默默付出的醫護加油。在防疫上新光醫院也繳出防疫跨國合作案例日前帛琉出現疑似新冠肺炎案例新光醫院立即以視訊教學協助採樣並送回台灣檢驗在在顯示台灣防疫實力。（跨海的守護者 新光醫院助帛琉驗新冠肺炎https://youtube/fEWdagtsjus）
新冠肺炎傳染力高除了企業投入整備民眾也應該配合政府相關措施包括勤洗手、盡量配戴口罩、減少出入人潮擁擠且空氣不流通的公共場所同時避免接觸野生動物及禽類。最重要的是遵守隔離、居家檢疫與自主健康管理措施。祈願新冠肺炎疫情儘早被控制大家生活儘早恢復正常。</t>
  </si>
  <si>
    <t>醫護人員肺炎防疫臺灣醫護醫院新光臺灣隊基金會口罩便當措施隔離政府企業疫情活動守護六大聯合醫院院區案例</t>
  </si>
  <si>
    <t>醫護人員企業肺炎台灣隊基金會</t>
  </si>
  <si>
    <t>肺炎醫護人員臺灣隊基金會企業</t>
  </si>
  <si>
    <t>確診許淑華醫師診所大安信義</t>
  </si>
  <si>
    <t>北市6月24日爆出信義區1間牙醫診所醫師（案13573）打完疫苗後確診2名牙科助理也陸續確診6月30日又有大安區耳鼻喉科醫師確診並傳染給1名病患（案14797）。但北市議員許淑華1日爆料北市府對牙醫診所16名員工和</t>
  </si>
  <si>
    <t>確診醫師牙醫診所北市許淑華疫苗議員耳鼻喉科打完傳染給市府牙科陸續助理信義大安區</t>
  </si>
  <si>
    <t>北市6月24日爆出信義區1間牙醫診所醫師（案13573）打完疫苗後確診2名牙科助理也陸續確診6月30日又有大安區耳鼻喉科醫師確診並傳染給1名病患（案14797）。但北市議員許淑華1日爆料北市府對牙醫診所16名員工和127名看診者全都只要求居家隔離而不篩檢耳鼻喉科醫師接觸的300多名病患只篩檢100多名信義、大安恐成破口。
許淑華表示柯市府對信義區牙醫診所16名員工和127名接觸醫師的看診者全部只要求做居家隔離而不篩檢；針對大安區耳鼻喉科接觸確診醫師的300多名病患也只給100多名做篩檢其他的則要求自行做快篩市府到底為什麼都不願主動篩檢？是要讓信義大安區成為下一個疫情風險區嗎？
許淑華指出事實上所謂的「信義區」確診牙醫診所和「大安區」耳鼻喉科診所只相距450公尺兩者都位在六張犁附近社區民宅眾多柯市府不給接觸者做篩檢從接觸確診者到收到隔離通知相隔數日這期間如有潛在確診者不就又把病毒傳給其他居民？市府只做半套、不主動出擊篩檢病毒傳播哪裡有終止的一天？
她說市府推說過去確診數很多因此疫調的能量不足也導致後續的匡列跟篩檢不到位但現在確診數已經降下來了疫調到底做了沒？不公佈疫調結果、不擴大匡列和篩檢對象的居心何在？市長柯文哲總在沾沾自喜確診數下降但面對疫情不料敵從寬這種心態難保不會讓疫情再起。
「北市府不要再推託！」許淑華要求市府應立即通知所有接觸者進行篩檢千萬不可因柯文哲的鬆懈和自滿而成為下一個防疫破口也必須盡速將確診個案的疫調結果公佈到底匡列了多少人？篩檢了多少人？這些資訊永遠都是被動提供搞得六張犁居民人心惶惶。</t>
  </si>
  <si>
    <t>確診市府信義接觸疫情醫師許淑華大安區診所要求牙醫到底耳鼻喉科隔離柯文哲六張犁</t>
  </si>
  <si>
    <t>篩檢許淑華大安區信義區六張犁</t>
  </si>
  <si>
    <t>大安區許淑華信義六張犁</t>
  </si>
  <si>
    <t>畫作臺灣白嘉莉安全</t>
  </si>
  <si>
    <t>白嘉莉1日舉辦─《白嘉莉另一個春天》白嘉莉40年藝術創作個展她對繪畫情有獨鍾這次展出近50幅作品一開場她感性地說：「在新冠肺炎期間能夠來參加我由衷地感謝。」當天恰逢她的生日現場有百位粉絲齊唱生日快</t>
  </si>
  <si>
    <t>生日繪畫白嘉莉獨鍾展出當天藝術創作感謝由衷開場作品參加感性能夠期間肺炎個展春天現場粉絲齊唱</t>
  </si>
  <si>
    <t>白嘉莉1日舉辦─《白嘉莉另一個春天》白嘉莉40年藝術創作個展她對繪畫情有獨鍾這次展出近50幅作品一開場她感性地說：「在新冠肺炎期間能夠來參加我由衷地感謝。」當天恰逢她的生日現場有百位粉絲齊唱生日快樂歌場面十分溫馨也叮嚀粉絲們看展期間要戴口罩、勤洗手。
白嘉莉與妹妹白菲比感情深厚妹妹遠從澳洲回台擔任畫展主持人姊妹難得同時出現在公眾場合。她坦言近幾年與妹妹相聚不易「她人都在澳洲擔任義工我們不常見面但仍常聯絡。」
難抵美食吃胖了
白嘉莉愛台灣也愛美食她說：「台灣是我長大和工作的地方每個地方我都喜歡。」她非常懷念台灣人的熱情、溫暖「台灣最有名的就是人情味。」保養得宜的她向來不忌口美食來者不拒最愛牛肉麵、燒餅油條還笑說：「都吃胖了。」
台灣美好掛嘴邊
她總把台灣的美好掛在嘴邊她原訂22日要前往新加坡和印尼因新冠肺炎疫情關係她選擇留在台灣這個安全的地方「很多國外朋友都羨慕我台灣疫情控制真的很好。」</t>
  </si>
  <si>
    <t>臺灣白嘉莉美食妹妹粉絲期間疫情擔任澳洲地方肺炎當天感謝繪畫生日由衷</t>
  </si>
  <si>
    <t>肺炎白嘉莉澳洲台灣最台灣</t>
  </si>
  <si>
    <t>澳洲臺灣肺炎白嘉莉</t>
  </si>
  <si>
    <t>警方麻將直播多角度上門蒐證號召</t>
  </si>
  <si>
    <t>太誇張都什麼時候了竟還廣揪爺奶上門打麻將甚至還全方面多視角全程直播用意啟人疑竇。彰化花壇一名直播主遭民眾檢舉在家邀人上門打麻將有群聚疑慮警方上門勸導蒐證將陳報衛生局開罰。彰化縣今年累計確</t>
  </si>
  <si>
    <t>上門麻將直播衛生局陳報蒐證花壇勸導用意民眾全程視角警方時候檢舉在家方面</t>
  </si>
  <si>
    <t>太誇張都什麼時候了竟還廣揪爺奶上門打麻將甚至還全方面多視角全程直播用意啟人疑竇。彰化花壇一名直播主遭民眾檢舉在家邀人上門打麻將有群聚疑慮警方上門勸導蒐證將陳報衛生局開罰。
彰化縣今年累計確診案例已經達到166例疫情嚴峻彰化縣長王惠美在防疫說明直播記者會上疾呼民眾避免不必要的社交活動與室內群聚行為並宣示「你開打、我開罰」將對打麻將、撲克牌等群聚社交活動開罰。
王惠美強調這個風險實在太大面對面打麻將沒有保持社交距離每個人都會中回去又傳給家裡面的人才會決定祭出禁令希望鄉親遵守防疫相關規定打麻將以後還有很多機會萬一得病又會傳給家人所以再三拜託彰化縣民戴口罩勤洗手、不出門。
彰化警分局接獲通報指花壇鄉有名60歲陳姓直播主在網路上直播自宅打麻將情景還大辣辣公告符合全程符合第三級警戒防疫規定引起警方高度重視。
警方登門一看麻將間外頭還放置酒精、額溫槍和實名制登記文件前來打麻將的3女1男還全程都戴口罩中間還加裝壓克力隔板更誇張的是麻將桌上方密密麻麻全都是線路陳男大費周章架設多個角度的視訊鏡頭收音錄影讓人看傻眼。
日前高雄市才爆出民眾室內打麻將共造成1傳15人確診案、多達119人遭到匡列陳男雖然自認做足防疫工作向警方強調是在進行網路線上直播麻將教學但仍違反彰化縣政府「非同住者的室內非必要社交聚會一律停止」的防疫規定。
彰化分局長婁自強表示從疫情升溫以來除了八大場所及休閒場所稽查外警方亦接獲大量民眾報案舉凡未戴口罩、外籍移工群聚、公園、宮廟群聚、未保持社交距離、餐廳未設隔板、梅花座等獲報後均會立即派員前往處理若經勸導未改善一定全程蒐證並陳報縣府衛生局等相關單位依照傳染病防治法第37條依權責認定裁罰。</t>
  </si>
  <si>
    <t>麻將防疫直播警方民眾全程室內口罩規定社交上門陳男隔板相關疫情確診勸導</t>
  </si>
  <si>
    <t>新冠肺炎台灣打麻將蒐證直播</t>
  </si>
  <si>
    <t>臺灣肺炎麻將蒐證直播</t>
  </si>
  <si>
    <t>頭份緊急竹南鎮公所黃昏市場五穀確診新竹</t>
  </si>
  <si>
    <t>18日下午中央疫情指揮中心最新公佈新增確診者其中1名住在新竹縣的確診者在疫調中表示曾於5月15日前往竹南鎮五穀宮以及頭份市自強路黃昏市場頭份市公所及竹南鎮公所接獲通報後18日上午配合全縣大消毒作業緊</t>
  </si>
  <si>
    <t>竹南鎮頭份確診全縣配合上午指揮中心最新公佈新增通報公所表示曾於市公所市場五穀日前</t>
  </si>
  <si>
    <t>18日下午中央疫情指揮中心最新公佈新增確診者其中1名住在新竹縣的確診者在疫調中表示曾於5月15日前往竹南鎮五穀宮以及頭份市自強路黃昏市場頭份市公所及竹南鎮公所接獲通報後18日上午配合全縣大消毒作業緊急安排清潔隊赴五穀宮及黃昏市場執行全面消毒頭份市長羅雪珠並親自到場率隊清消以防疫情擴散。</t>
  </si>
  <si>
    <t>頭份消毒五穀竹南鎮疫情市場黃昏確診中心指揮新增率隊公佈最新到場親自雪珠表示上午配合全縣曾於</t>
  </si>
  <si>
    <t>黃昏市場頭份市公所緊急清消新冠肺炎</t>
  </si>
  <si>
    <t>緊急市公所頭份市場黃昏肺炎</t>
  </si>
  <si>
    <t>肺炎確診患者出現曾赴伊拉克伊朗</t>
  </si>
  <si>
    <t>伊拉克衛生部今天表示伊拉克出現第6起武漢肺炎病例確診患者為首都巴格達（Baghdad）一名年輕男子他日前曾前往伊朗。</t>
  </si>
  <si>
    <t>出現男子年輕武漢baghdad肺炎巴格達病例首都確診患者伊拉克日前表示今天前往伊拉克衛生部伊朗</t>
  </si>
  <si>
    <t>伊拉克患者伊朗肺炎武漢</t>
  </si>
  <si>
    <t>肺炎伊拉克患者武漢伊朗</t>
  </si>
  <si>
    <t>直言專家又創新高死亡上升</t>
  </si>
  <si>
    <t>國內29日新增新冠肺炎本土個案320例、校正回歸166例總計486例。確診個案中新增21死再創單日新高。臺北市長柯文哲指出21死是預料中的事因重症患者從住進加護病房到死亡會有時間差導致死亡波峰落後死亡</t>
  </si>
  <si>
    <t>新增個案死亡病房時間差患者重症肺炎預料中本土指出柯文哲再創導致</t>
  </si>
  <si>
    <t>國內29日新增新冠肺炎本土個案320例、校正回歸166例總計486例。確診個案中新增21死再創單日新高。臺北市長柯文哲指出21死是預料中的事因重症患者從住進加護病房到死亡會有時間差導致死亡波峰落後死亡人數還會持續上升但不代表感染人數將同步上升。
此外澎湖縣政府29日深夜宣佈新冠肺炎首例1名在娛樂場所上班的50多歲婦人兩次PCR採檢都呈陽性該案例目前處於昏迷狀態縣府已匡列相關接觸者採檢並上報中央流行疫情中心。
縣府表示該案例在馬公市區租屋5月15日曾從馬公至臺北5月20日再從高雄返回澎湖。5月27日出現身體不適症狀29日至馬公市一家診所就醫之後轉至醫院急診經插管送加護病房。
昨21死亡案例最年輕僅30多歲這波疫情已累計87死其中3人在家身亡且在公佈的個案中有人約1周前就離世疫情指揮中心發言人莊人祥解釋主要是因死亡時間和指揮中心獲知時間有落差但每案都會追蹤想辦法改善。
而新增及校正回歸本土個案以新北224例居多臺北168例則是其次。本土個案破百縣市昨增至6處除雙北、桃園、彰化、基隆外新增台中。另新北本土個案數昨突破3000臺北則突破2500。
疫情中心指揮官陳時中說由5月21日到5月28日校正回歸的數目看來有雙北案件數往下降這是因前段時間的改變加快案件數通報回歸案件比較少還要觀察1、2天才能論斷。整體來看疫情沒急遽惡化也沒看到真正改善效果還是要把3級警戒做好。
台大公衛學院教授陳秀熙也表示校正回歸是為反映疫情實際情況目前本土疫情持平但近2天有突然掉下來現象還不知接下來會不會再回補上來。3級疫情警戒何時能解除有待繼續觀察。
陳秀熙表示此次本土疫情在萬華的第1波群聚後有下降原訂28日解封是有望但因流行再起曲線沒繼續往下校正回歸後就把個案數補起這背後隱含的第2波流行很可能是10至16日母親節、大賣場群聚所引起。
柯文哲則指出萬華地區快篩陽性看起來有下降疫情稍微有控制其他行政區雖有潛在感染源但由於民眾自動自發封城沒有很快擴散。他強調防疫措施若一旦放鬆疫情就會再次蔓延。台灣要思考下一步戰略就是施打有國際認證的疫苗台灣要在自動自發封城的最短時間內讓7成民眾打疫苗然後才能解封。</t>
  </si>
  <si>
    <t>疫情回歸個案本土校正中心死亡新增表示流行時間下降民眾臺北感染警戒</t>
  </si>
  <si>
    <t>本土個案臺北回歸死亡校正</t>
  </si>
  <si>
    <t>個案臺北回歸死亡校正本土</t>
  </si>
  <si>
    <t>辛酸現況朝聖工人警戒辛苦</t>
  </si>
  <si>
    <t>全國三級警戒規定民眾外出須戴口罩但也因此讓許多戶外工作的勞工吃飯被檢舉。一名網友表示為了養家餬口大熱天戴口罩上工因為做工不能改為居家線上辦公現實生活中他們只能在塵土飛揚的環境脫口罩扒飯</t>
  </si>
  <si>
    <t>全國三級警戒規定民眾外出須戴口罩但也因此讓許多戶外工作的勞工吃飯被檢舉。一名網友表示為了養家餬口大熱天戴口罩上工因為做工不能改為居家線上辦公現實生活中他們只能在塵土飛揚的環境脫口罩扒飯希望大家可以多點包容貼文吸引13萬人朝聖直呼辛苦了。
一名男網友在臉書社團《爆怨2公社》發文表示台灣疫情嚴峻許多會產生群聚的五人以上的辦公場所、企業都開始分流工作也有不少人被迫停業、放無薪假學生也都改為居家線上學習身為工人的他們當然也會擔心但為了生存仍得工作因為不可能改為居家做工。
該網友在文中喊「對我們是工人！在炎熱天氣戴口罩做工「抱歉！我們沒有密閉空間可以讓我們好好地吃上一頓飯為了盡量減少感染機率匆促扒上幾口飯後趕緊戴上口罩午睡。」除了午飯時間須摘下口罩他們同樣戴著口罩上班、吃飯喝水也都有保持社交距離。
該網友指出希望大家可以多點包容、友善的態度如果可以他們也想找陰涼遮蔽處、舒服的桌椅在午休時間好好吃便當但現實狀況是他們只能席地而坐、用餐環境塵土飛揚便當裡的食物也許還伴點泥沙調味。
該網友透露「疫情當前、我們跟你們沒有不一樣！配合中央政府的指揮、把口罩戴好保持該有的社交距離。」大家都是為了生活打拚穿著髒衣服、戴著醫療口罩、賺著辛苦的錢。我做工我祖宗都驕傲敬做工的人。」
貼文吸引13萬網友朝聖不少網友熱烈討論「什麼底層！沒你們沒有人有房子住」、「可以瞭解你的心情希望疫情趕快過去讓大家恢復平靜生活」、「沒有你們的付出我們怎麼會有好的環境及設備」、「真的很辛苦的工作大太陽底下戴口罩工作整天沒地方能吃飯沒體會過真的不知道。」</t>
  </si>
  <si>
    <t>口罩網友可以做工沒有工作疫情辛苦環境希望改為居家表示便當吃飯辦公生活</t>
  </si>
  <si>
    <t>新冠肺炎台灣口罩工人吃飯</t>
  </si>
  <si>
    <t>口罩肺炎臺灣工人吃飯</t>
  </si>
  <si>
    <t>aiappworks瞄準區塊</t>
  </si>
  <si>
    <t>創業加速器AppWorks Accelerator（之初加速器）15日舉辦AppWorks Demo Day 2020AppWorks啟動加速器至今十年整體生態系成長速度超越過去目前總募資金額、總估值、整體年營業額都繳出三位數、成長一倍以上的成績</t>
  </si>
  <si>
    <t>整體成長加速器appworks營業額生態系目前過去資金額速度超越舉辦位數day啟動acceleratordemo以上創業成績</t>
  </si>
  <si>
    <t>創業加速器AppWorks Accelerator（之初加速器）15日舉辦AppWorks Demo Day 2020AppWorks啟動加速器至今十年整體生態系成長速度超越過去目前總募資金額、總估值、整體年營業額都繳出三位數、成長一倍以上的成績為歷年之最總估值也突破百億美元。
AppWorks Accelerator為目前大東南亞區規模最大的創業加速器每半年嚴選區域中具有成長潛力的新創團隊進駐目前從AppWorks Accelerator畢業的活躍新創已達395家共1331位創業者生態系累積募資金額來到236億美元（約為683億元新台幣）年增率高達140％總估值達到1107億美元（約為3203億元新台幣）首度突破百億美元大關較去年此時增加160％。
AppWorks董事長暨合夥人林之晨表示受到新冠肺炎影響今年上半年的Demo Day暫停一次下半年的Demo Day則安排優秀的AI、物聯網、區塊鏈等團隊登臺。
本次23支團隊中十支新創以AI、五支以IoT、八支以Blockchain/Crypto為創業主題。其中更有八組國際團隊分別來自香港、新加坡、印尼、瑞典、瓜地馬拉；有出身自Google、Microsoft、聯發科的高管也有成功被併購出場的連續創業者更有年僅17歲的創業者。
林之晨發現兩大重要趨勢第一由於疫情的發展加速人類社會的數位轉型腳步包括遠端工作、零接觸商業模式、去中心化體系都推升了科技升級的需求在這當中優秀的AI以及Blockchain創業者開啟了改變世界的機會之窗。
第二AppWorks Accelerator成立邁入第十年校友網路發展蓬勃且區域化持續扮演支持創業者長期成長的重要平臺因此吸引越來越多國際優秀創業團隊進駐繼續引領大東南亞地區創業生態前進。
林之晨表示未來十年將會是新興科技帶動典範轉移的重要時期而世界變動對創業來說也是最好的時間點而對企業來說也與新創合作、打造內部與外部創新的絕佳機會。</t>
  </si>
  <si>
    <t>創業appworks創業者成長團隊新創accelerator重要優秀ai目前加速器發展科技day表示demo世界生態系整體</t>
  </si>
  <si>
    <t>總估值林之晨Demo DayAppWorks創業</t>
  </si>
  <si>
    <t>daydemo林之晨appworks創業</t>
  </si>
  <si>
    <t>製造業產值季負成長經濟</t>
  </si>
  <si>
    <t>經濟部公佈第2季製造業產值受到疫情衝擊呈現連續6季的負成長惟電腦電子產品、光學製品業因疫情推升遠端服務出現連續9季正成長。第2季製造業產值2兆9442億元為105年第2季以來最低較去年同期減少1139%</t>
  </si>
  <si>
    <t>疫情連續產值成長製造業最低製品業光學受到服務電子產品出現電腦季正衝擊呈現以來去年同期減少公佈經濟部</t>
  </si>
  <si>
    <t>經濟部公佈第2季製造業產值受到疫情衝擊呈現連續6季的負成長惟電腦電子產品、光學製品業因疫情推升遠端服務出現連續9季正成長。
第2季製造業產值2兆9442億元為105年第2季以來最低較去年同期減少1139%連續6季負成長主因受新冠疫情衝擊國際需求下滑加上國際原物料價格較上年同期大幅滑落致傳統產業表現明顯疲弱惟國內半導體高階製程接單活絡加上伺服器、網通產品業者持續擴增國內產線抵銷部分減幅。
在資訊電子產業方面電子零組件業產值年增109%連續2季二位數正成長其中積體電路業年增246%為主要貢獻來源主因受惠於5G通訊、物聯網、雲端服務、高效能運算等應用擴展加上遠距商機帶動相關設備之晶片及記憶體需求殷切。
而液晶面板及其組件業由於產品價格較上年同季仍低致產量雖已回升產值仍較上年同期下滑386%惟減幅已明顯縮小(Q1為-1652%)。電腦電子產品及光學製品業因肺炎疫情推升遠端服務相關設備接單活絡加上國內產能擴增致產值年增764%已連續9季正成長。
傳統產業方面受肺炎疫情持續延燒全球需求緊縮加上國際原物料價格重挫多數產業呈現二位數衰退主要行業中以石油及煤製品業、紡織業及化學原材料業減幅最為顯著分別年減5468%、3496%及3374%汽車及其零件業亦年減2209%主因歐美市場需求急凍加上國產小轎車及小型貨車因缺料及調整產線而減產。
經濟部表示展望第3季隨著下半年消費性電子新品將陸續推出加上5G通訊布建加速、高效能運算及物聯網相關應用快速成長以及遠端服務設備需求延續將帶動資訊電子產業生產持續暢旺此外隨國際油價、鋼價緩步上揚傳統產業將可望漸次回穩惟近期全球肺炎疫情再次升溫加上美中貿易爭端未解恐將影響製造業產銷表現仍須密切關注並審慎因應。</t>
  </si>
  <si>
    <t>加上成長疫情產值連續需求減幅傳統產業持續服務電子國際國內主因肺炎產業製造業相關上年製品業</t>
  </si>
  <si>
    <t>經濟部製造業產值新冠肺炎5G物聯網</t>
  </si>
  <si>
    <t>肺炎產值製造業聯網經濟部</t>
  </si>
  <si>
    <t>北九洲觀光推廣飛機乘客位數張雁名</t>
  </si>
  <si>
    <t>伊林娛樂藝人張雁名受邀擔任日本北九洲觀光推廣員2月中親赴北九洲拍攝旅遊影片由於正值新冠肺炎疫情肆虐張雁名這次工作快閃北九洲3日事前防疫準備做足飛機上乘客也僅個位元數他則全程戴口罩日本工作團隊</t>
  </si>
  <si>
    <t>北九洲張雁名日本工作位數乘客飛機全程擔任準備觀光防疫拍攝旅遊事前影片正值肺炎</t>
  </si>
  <si>
    <t>伊林娛樂藝人張雁名受邀擔任日本北九洲觀光推廣員2月中親赴北九洲拍攝旅遊影片由於正值新冠肺炎疫情肆虐張雁名這次工作快閃北九洲3日事前防疫準備做足飛機上乘客也僅個位元數他則全程戴口罩日本工作團隊也很貼心每日為他準備新口罩替換並隨時帶著酒精進行環境消毒。
張雁名這趟去北九洲拍攝3天快閃多個旅遊景點包括生命之旅博物館、門司港、旦過市場。他特別感受到日本人非常有禮貌但文化差異險鬧出笑話回程當天工作人員送他上機在門口一直對他點頭他也禮貌向對方點頭雙方就這樣互相點頭了3分鐘他心想怎麼還沒離開一度擔心來不及搭飛機。後來才發現原來日本習俗是送客時必須完全看不到對方才可以離開。
有趣的是此行日本工作人員也對於他實際年齡37歲感到不可置信現場還有一位與他同年齡的日方攝影助理兩人站在一起大家都覺得張雁名大概只有27歲。瞬間減齡10歲的張雁名開心說其實去年底到洛杉磯參加弟弟婚禮當時在街上逛街血拚他頂著一頭淺色頭髮也被當地人誇讚髮型好看加上一身韓系潮流穿搭竟被誤認是韓星。
張雁名在演藝圈耕耘10多年勇於挑戰各種不同角色是偶像劇及綜藝節目的常客。前陣子他利用拍戲空檔改變造型將頭髮染成淺色新造型大獲好評新增年輕及學生粉絲到國外旅遊、工作都被誤認為只有20多歲但因工作需求他現已將頭髮染黑希望多變又成熟的一面能被看見他透露今年想挑戰熟齡的角色也開始嘗試留鬍子。</t>
  </si>
  <si>
    <t>日本張雁名工作北九洲頭髮工作人員離開飛機角色旅遊淺色準備挑戰口罩拍攝點頭一面還有拍戲</t>
  </si>
  <si>
    <t>張雁名伊林娛樂北九洲日本新冠肺炎</t>
  </si>
  <si>
    <t>日本北九洲娛樂伊林張雁名肺炎</t>
  </si>
  <si>
    <t>紓困防疫產業三大最新措施肺炎拍板</t>
  </si>
  <si>
    <t>新冠肺炎疫情衝擊擴大行政院會13（今）日將拍板規模逾400億的短期紓困和振興方案針對服務業、觀光運輸業和農業三大產業紓困。其中政院擬擴大餐飲、零售、會展、商圈、夜市及傳統市場五大內需服務業適用範圍</t>
  </si>
  <si>
    <t>擴大紓困服務業衝擊市場行政院夜市傳統商圈會展零售餐飲拍板規模振興產業疫情方案三大農業觀光運輸業</t>
  </si>
  <si>
    <t>新冠肺炎疫情衝擊擴大行政院會13（今）日將拍板規模逾400億的短期紓困和振興方案針對服務業、觀光運輸業和農業三大產業紓困。其中政院擬擴大餐飲、零售、會展、商圈、夜市及傳統市場五大內需服務業適用範圍提供逾百億元紓困措施另外還要發「振興抵用券」以利疫情紓緩時刺激消費、提振經濟動能。
行政院今天將拍板五大內需服務業紓困措施主要以周轉貸款及資金營運救急為主由中小企業信保基金提供融資信用保證最高九成保證成數、免保證手續費且貸款可展延中小企業營運資金可享短期低利無息貸款利息由政府補貼每案上限約20～25萬元但中大型企業周轉金貸款則無利息補貼。
行政院發言人kolas Yotak表示在疫情期間將提供服務業數位轉型、環境優化及人才培育等協助待疫情結束後資金面提供業者新增貸款能量、在市場面透過大型展銷活動吸引消費者並透過振興抵用券等相關措施刺激消費。
經濟部昨向蘇揆簡報服務業紓困方案經費規模約160億元蘇揆指示短期振興措施要讓民眾有感經濟部昨漏夜調整中具體金額仍待院會通過後定案。官員強調今通過紓困及振興措施均以一年為期可執行為主。
至於發放振興抵用券是用於夜市、商圈或百貨賣場官員說適用範圍、發放額度由經濟部研議目的要在疫情緩解時刺激消費但不是消費券不會取代既有消費一定有適用範圍以擴大額外效益。這類抵用券是吸取去年夜市券成功經驗加以擴大調整採取消費金額可以部份抵用
另政院也決定提出防疫紓困特別條例、特別預算特別條例主責單位是衛福部今院會拍板的紓困措施經費先由部會移緩濟急或利用特種基金經濟部、交通部提出的部分措施仍需動用特別預算但特別預算項目仍待防疫及防疫假補貼等項目彙整再統整規模。防疫紓困特別條例草案最快下週四（20日）院會拍板定案。
此外針對旅行社、觀光飯店、航空、運輸、小三通等相關行業交通部提出短期補貼、紓困、貸款利息補貼等措施主要是補助損失、協助業者融資周轉經費142億元另振興方案54億元合計196億元。農業方面則提出外銷補助、農漁業和休閒農業紓困貸款等其中農漁業、休閒農業貸款準備資金503億新貸戶可享優惠貸款利率079％到168％。
此外商總理事長賴正鎰昨日在新春活動也表示預估受疫情影響全年GDP成長率下修約03個百分點全年成長率落在22％至23％之間。他強調疫情影響全球航空、旅遊、餐飲等服務業上半年業績肯定受衝擊呼籲政府儘快給予業者貸款降息、利息補貼或是減稅等紓困措施協助企業現金流或生產線能維持穩定中小企業度過難關才能穩定國內就業市場。</t>
  </si>
  <si>
    <t>紓困措施貸款疫情振興服務業補貼消費擴大提供提出經濟部拍板適用範圍利息行政院協助業者中小企業市場院會經費夜市</t>
  </si>
  <si>
    <t>補貼抵用券振興服務業紓困</t>
  </si>
  <si>
    <t>振興服務業補貼紓困</t>
  </si>
  <si>
    <t>辦公室肺炎瑞芳嚴防防疫辦公機制異地建置啟動完成</t>
  </si>
  <si>
    <t>新冠肺炎疫情持續升溫新北市瑞芳警分局為了避免因員警染疫隔離而造成治安工作停擺特別設置替代辦公室將分局內部人員分散異地隔離辦公降低染疫風險。瑞芳警分局表示替代辦公室設備齊全若是疫情升溫或</t>
  </si>
  <si>
    <t>分局替代隔離瑞芳辦公室疫情升溫持續新北特別治安工作造成辦公異地設置降低分散表示內部人員風險避免員警染肺炎</t>
  </si>
  <si>
    <t>新冠肺炎疫情持續升溫新北市瑞芳警分局為了避免因員警染疫隔離而造成治安工作停擺特別設置替代辦公室將分局內部人員分散異地隔離辦公降低染疫風險。
瑞芳警分局表示替代辦公室設備齊全若是疫情升溫或有案例出現即可立即啟動避免治安工作出現斷層並且由於員警須長時間在外服勤為了防護員警健康各地警局也針對內、外勤同仁防疫工作不斷提升保護並建置戶外偵訊區以及定期定時針對員警執勤裝備加強消毒工作。
瑞芳警分局長陳杏結表示目前在防疫作戰中惟有超前部署做好準備才能確保同仁健康除了嚴格要求人員出入處所必須量測額溫及手部清潔外針對應勤裝備、巡邏車及辦公處所更要求同仁每日使用消毒液擦拭他也嚴格的要求目的在照顧同仁健康外也保障洽公民眾安危也請民眾配合警方防疫措施。</t>
  </si>
  <si>
    <t>同仁防疫健康瑞芳分局治安工作裝備處所工作避免消毒辦公升溫疫情出現辦公室表示隔離要求替代戶外民眾</t>
  </si>
  <si>
    <t>瑞芳員警防疫工作同仁</t>
  </si>
  <si>
    <t>瑞芳防疫工作同仁員警</t>
  </si>
  <si>
    <t>檢疫入境放寬宣佈符合條件香港</t>
  </si>
  <si>
    <t>香港政府21日宣佈放寬檢疫期入境香港人士只要符合3條件包括已完成接種新冠疫苗並超過14日、機場病毒檢測無確診、驗出帶有抗體抵港後的檢疫期可縮短至7日。據東網報導香港放寬檢疫期的安排將分兩階段實行第</t>
  </si>
  <si>
    <t>檢疫香港放寬接種完成帶有包括確診抗體病毒檢測疫苗條件機場超過符合人士入境報導縮短</t>
  </si>
  <si>
    <t>香港政府21日宣佈放寬檢疫期入境香港人士只要符合3條件包括已完成接種新冠疫苗並超過14日、機場病毒檢測無確診、驗出帶有抗體抵港後的檢疫期可縮短至7日。
據東網報導香港放寬檢疫期的安排將分兩階段實行第一階段適用於香港居民預計下週三(6／30)實施。相關人員已完成接種疫苗出境前自行在坊間驗血清證明有抗體只要3個月內返港便可只檢疫7天。
港府表示會盡快公佈有關的認可坊間檢測抗體機構名單。抵港人士檢疫期間須接受2次檢測其後7天自主監測並須於抵港第12天、第16天和第19天接受強制檢測。
第二階段適用於非港人預計於7月內實施。當非港人入境後若符合已接種疫苗並過14日、病毒檢測無確診及在機場抽血驗出有抗體的要求可將檢疫期縮短至7日。
港府表示正測試機場抽血驗抗體的安排估計實施後或需時1日才有檢測結果屆時抵港者要先到檢疫酒店等候翌日有結果並得知有抗體後其檢疫期可縮至7日。港府指稱會與酒店業界商討為這些有抗體的檢疫人士縮短訂房日子。</t>
  </si>
  <si>
    <t>檢疫抗體檢測人士香港實施接種疫苗縮短機場階段接受安排入境結果表示</t>
  </si>
  <si>
    <t>新冠肺炎大陸香港檢疫期放寬</t>
  </si>
  <si>
    <t>香港肺炎大陸檢疫放寬</t>
  </si>
  <si>
    <t>出席市府盧秀燕宮研議</t>
  </si>
  <si>
    <t>大甲鎮瀾宮宣佈大甲媽祖11日即將遶境起駕台中市長盧秀燕9日表示因為是防疫 解封以後全國第一場大型宗教繞境活動為維護參與遶境民眾的安全以及瞭解鎮瀾宮防疫整備的情形已請副市長陳子敬籌組專案小組明</t>
  </si>
  <si>
    <t>市長防疫情形整備民眾宗教媽祖陳子敬全國安全表示以後即將盧秀燕台中瞭解宣佈籌組維護</t>
  </si>
  <si>
    <t>大甲鎮瀾宮宣佈大甲媽祖11日即將遶境起駕台中市長盧秀燕9日表示因為是防疫 解封以後全國第一場大型宗教繞境活動為維護參與遶境民眾的安全以及瞭解鎮瀾宮防疫整備的情形已請副市長陳子敬籌組專案小組明天前往鎮瀾宮瞭解對接並且予以協助希望繞境活動平安、順利。至於今年大甲媽起駕盧秀燕會不會出席？市府還在與鎮瀾宮研議中。
盧秀燕今日在市政會議說大甲鎮瀾宮已經表示會配合中央防疫指揮中心的防疫措施控制人數在1000人以下戴口罩等等相關人的一切措施他們全部會確實配合。
她強調因為這是解封以後全國第一場大型宗教繞境活動為了維護參與遶境民眾的安全以及瞭解鎮瀾宮防疫整備的情形委由陳子 敬籌組專案小組10日會前往鎮瀾宮瞭解對接並且予以協助期望大甲媽祖繞境活動可以平安、順利疫情漸穩定做好最周全防疫準備完成大甲媽祖遶境的年度盛會。</t>
  </si>
  <si>
    <t>防疫盧秀燕媽祖活動市長措施配合表示瞭解籌組順利專案小組平安情形宗教全國整備大甲鎮協助予以</t>
  </si>
  <si>
    <t>新冠肺炎新型冠狀病毒大甲媽盧秀燕遶境</t>
  </si>
  <si>
    <t>病毒冠狀肺炎盧秀燕</t>
  </si>
  <si>
    <t>臺灣肺炎病房痛苦哀號</t>
  </si>
  <si>
    <t>新冠肺炎疫情延燒國內今天又新增2人死亡累計已有5名確診者病逝陽明醫學博士胸腔重症醫師蘇一峰透露一般人可能無法理解加護病房病人使用的維生管路有多痛苦他們幾乎每天都在痛苦哀號！中央流行疫情指揮中</t>
  </si>
  <si>
    <t>疫情痛苦中央國內今天管路新增維生病房使用胸腔重症博士病人理解陽明醫學無法病逝醫師蘇一峰可能透露</t>
  </si>
  <si>
    <t>新冠肺炎疫情延燒國內今天又新增2人死亡累計已有5名確診者病逝陽明醫學博士胸腔重症醫師蘇一峰透露一般人可能無法理解加護病房病人使用的維生管路有多痛苦他們幾乎每天都在痛苦哀號！
中央流行疫情指揮中心表示昨晚傳出因新冠肺炎病逝的案108是奧捷團40多歲的男性領隊原本已在加護病房狀況不好發病13天後29日不幸在加護病房過世。蘇一峰今天在臉書發文指出加護病房中許多病人每天都在痛苦哀號的使用4種維生管路痛苦指數最高的是氣管內插管(痛苦指數5顆星)其次依序是：鼻胃管(痛苦指數4顆星)、氣切管及尿管(痛苦指數3顆星)。
案108於3月5日至3月14日帶團至奧地利、捷克旅遊3月17日出現發燒症狀衛生單位安排就醫採檢通報3月19日確診住院隔離治療仍不幸病逝。蘇一峰感嘆40歲的健康壯年男導遊沒想到在發病13天後就過世他也藉此呼籲疫情期間最好待在家裡才能減少親身體會這些痛苦插管的機會。許多有插管經驗的網友也紛紛回應「每天的抽血尤其抽動脈血也很痛」、「抽痰更是痛苦」、「插管痛苦至極」、「那種痛是常人無法想像」。</t>
  </si>
  <si>
    <t>痛苦病逝疫情蘇一峰病房插管指數確診今天不幸過世發病無法肺炎哀號</t>
  </si>
  <si>
    <t>志村健清明連假二等親觀光局類包機</t>
  </si>
  <si>
    <t>清明連二等親觀光局包機</t>
  </si>
  <si>
    <t>強制室內工作公共場所在家公務員口罩香港</t>
  </si>
  <si>
    <t>行政長官林鄭月娥今午(19日)4時在政府總部舉行記者會公佈收緊社交距離措施包括政府各政策局及公共部門由明日(20日)起只會提供緊急及必須服務公務員會在家工作措施暫維持一周至7月26日以及強制市民在室內</t>
  </si>
  <si>
    <t>措施政府時在維持工作在家提供公務員總部記者會舉行收緊公佈社交距離明日包括公共部門政策局服務必須緊急強制</t>
  </si>
  <si>
    <t>行政長官林鄭月娥今午(19日)4時在政府總部舉行記者會公佈收緊社交距離措施包括政府各政策局及公共部門由明日(20日)起只會提供緊急及必須服務公務員會在家工作措施暫維持一周至7月26日以及強制市民在室內公共場所必須戴口罩。
林鄭續指上周始實施的食肆「晚六朝五」禁止堂食措施及12類關閉處所停業令包括遊戲機中心、健身中心、戲院、美容院、按摩院等會延長一周並要求學校於週三(22日)網上公佈文憑試成績以及改建亞洲博覽館為社區隔離設施。
根據《東網》報導行政長官林鄭月娥宣佈因應新冠肺炎疫情持續食肆由傍晚6時至翌日清晨5時不設堂食可以進行外賣；限制食肆最多4人一枱；及關閉遊戲機中心、健身中心、卡拉OK、酒吧等12類處所的措施原本於本週二(21日)屆滿現再延長多7天。
12類關閉處所分別為遊戲機中心、健身中心、戲院、美容院、按摩院、麻雀館、酒吧、會址、卡拉OK、浴室、派對房間、夜店及夜總會。
防疫「加辣」措施
1 公務員明起在家工作一周政府部門只提供緊急及必須服務
2 強制戴口罩研擴至室內公共場所
3 食肆晚市禁堂食延長7天
4 12類處所關閉延長7天
5 改建亞博館作隔離措施
6 中學週三網上公佈DSE成績</t>
  </si>
  <si>
    <t>措施處所延長關閉公佈中心隔離政府必須包括強制改建週三公共場所酒吧遊戲機健身林鄭月娥ok卡拉公務員室內在家</t>
  </si>
  <si>
    <t>香港林鄭月娥新冠肺炎</t>
  </si>
  <si>
    <t>林鄭月娥肺炎香港</t>
  </si>
  <si>
    <t>新北風險院所傳染通訊醫護診療減少</t>
  </si>
  <si>
    <t>新冠肺炎疫情蔓延為減少第一線醫護人員傳染風險衛福部立臺北醫院今(16)起推出「視訊診療」居家隔離、檢疫及自主健康管理者如有就醫需求不用出門就能視訊就診另外急診室發燒篩檢站也改採「視訊問診」方式</t>
  </si>
  <si>
    <t>蔓延減少醫護人員傳染風險衛福部疫情臺北醫院管理者健康就醫自主需求檢疫不用推出隔離</t>
  </si>
  <si>
    <t>新冠肺炎疫情蔓延為減少第一線醫護人員傳染風險衛福部立臺北醫院今(16)起推出「視訊診療」居家隔離、檢疫及自主健康管理者如有就醫需求不用出門就能視訊就診另外急診室發燒篩檢站也改採「視訊問診」方式衛生局表示目前新北市共有13間院所提供通訊就診服務。
新北市政府日前成立居家檢疫關懷中心結合各局處及民間團體設置專線即時協助居家檢疫者相關生活事務其中衛生局共與市內11間大型醫院及2間診所提供通訊診療服務讓民眾在家也能就診。
衛生局表示居家隔離、檢疫及自主健康管理者如有就醫需求撥打居家檢疫關懷中心專線後針對發燒或有呼吸道症狀者將安排救護車護送至指定醫院就醫若無則協助轉介至指定通訊醫療院所由院所聯繫病人詢問病情並約定通訊診療時間。
臺北醫院指出目前院內提供視訊看診科別有家醫科、內科、外科、骨科、兒科看診時間為週一至週五上午8時至下午17時看診結束後醫院會通知家屬或代理人帶病人健保卡至醫院過卡繳費及領藥。
此外急診室「發燒篩檢站」也改採「視訊問診」方式就醫民眾不需提前下載任何APP或其他連結操作僅需在視訊診療機器前站定位由急診醫師在診間連接視訊機器畫面即可詢問病人的基本資料與TOCC不僅減少第一線人員傳染風險也能節省篩檢站人力及穿脫配備近1小時的作業時間。
院長徐錦池表示「視訊問診」希望能提升民眾就醫時的踏實與信任感也能降低醫護人員工作壓力減少醫護著裝耗費的時間與流汗悶熱的難受讓醫護人員工作時更安心。</t>
  </si>
  <si>
    <t>醫院時間就醫居家診療檢疫通訊醫護人員減少衛生局就診民眾表示發燒提供協助臺北新北</t>
  </si>
  <si>
    <t>新冠肺炎視訊通訊診療醫院居家檢疫</t>
  </si>
  <si>
    <t>通訊診療肺炎醫院居家檢疫</t>
  </si>
  <si>
    <t>居家鄭文燦服務病人檢疫犯人</t>
  </si>
  <si>
    <t>桃園市至21日居家檢疫人數累計3353人桃園市長鄭文燦提出居家多元服務專案研擬料理包外送、心理諮商、教導健康操短期電視頻道擴增等服務強調居家檢疫不只是管制還包括關懷與服務並強調「他們不是病人也不</t>
  </si>
  <si>
    <t>服務居家檢疫強調桃園心理教導料理健康操電視頻道關懷人數專案包括累計管制提出市長</t>
  </si>
  <si>
    <t>桃園市至21日居家檢疫人數累計3353人桃園市長鄭文燦提出居家多元服務專案研擬料理包外送、心理諮商、教導健康操短期電視頻道擴增等服務強調居家檢疫不只是管制還包括關懷與服務並強調「他們不是病人也不是犯人」。
桃園市防疫會議中針對居家檢疫民眾鄭文燦向相關單位提出料理包外送、線上借電子書、居家健康操教學及爭取短期電視頻道的擴增要讓居家檢疫不只是管制更是關懷與服務。
有感於居家檢疫的人數不斷攀升桃園已達3353人鄭文燦表示這14天不要把他們當犯人還是讓他們過比較充實的生活如可以教怎麼做健康操不要感覺度日如年市長在會議上也指示相關局處如衛生局、體育局等研擬相關設施。
衛生局原先設立的安心減壓專線03-3340953轉3069由專業心理師、社工師陪伴民眾與第一線防疫人員亦將納入多元服務專案對居家檢疫的民眾提供相關的資訊與服務。</t>
  </si>
  <si>
    <t>居家服務檢疫相關健康操桃園民眾鄭文燦心理不要防疫犯人會議市長強調提出專案衛生局電視頻道關懷</t>
  </si>
  <si>
    <t>新冠肺炎武漢肺炎新型冠狀病毒台灣居家</t>
  </si>
  <si>
    <t>肺炎武漢冠狀病毒臺灣居家</t>
  </si>
  <si>
    <t>視角鈕扣上帝空姐最美</t>
  </si>
  <si>
    <t>擁有「最美空姐」之稱的林佩瑤去年離開航空業嫁給名廚武俊傑最近夫妻倆因新冠肺炎取消日本行改去台中觀光用餐前拍下兩張辣照超胸猛的身材讓人眼睛不知往哪擺！由於新冠肺炎疫情持續增溫林佩瑤和老公計畫</t>
  </si>
  <si>
    <t>林佩瑤肺炎去年離開航空張辣持續拍下名廚用餐觀光身材台中武俊傑疫情改去最近</t>
  </si>
  <si>
    <t>擁有「最美空姐」之稱的林佩瑤去年離開航空業嫁給名廚武俊傑最近夫妻倆因新冠肺炎取消日本行改去台中觀光用餐前拍下兩張辣照超胸猛的身材讓人眼睛不知往哪擺！
由於新冠肺炎疫情持續增溫林佩瑤和老公計畫的日本行已被外交部列為黃色警示他們決定改成國內旅遊跑去台中知名溫泉度假村除了大啖美食還泡了暖呼呼的溫泉老公也幫林佩瑤拍了美照只見她化著一貫精緻的妝容黑色薄外套裡面搭著低胸衣服露出超豐滿的雙峰和深邃事業線連外套都包不住好身材完全展露無遺網友看了狂讚：「好漂亮」、「超美」。
林佩瑤曾在限時動態問答中透露自己愛用的保養品「海洋拉娜乳霜沒它我會哭死！」同時分享洗完澡後趁皮膚濕潤時會塗上嬌生嬰兒油再用毛巾擦乾身體肌膚就會光滑柔嫩。</t>
  </si>
  <si>
    <t>林佩瑤台中外套溫泉老公肺炎肌膚身體毛巾擦乾去年我會拉娜海洋分享</t>
  </si>
  <si>
    <t>林佩瑤最美空姐溫泉台中外套</t>
  </si>
  <si>
    <t>溫泉空姐台中最美林佩瑤外套</t>
  </si>
  <si>
    <t>停課強制家長全校肺炎防疫照顧</t>
  </si>
  <si>
    <t>教育部日前訂定「校園因應『嚴重特殊傳染性肺炎』疫情停課標準」提及若一班1人確診、一校2人確診就停課14天但有家長憂心可以請假嗎？不請假孩童誰要照顧？依中央流行疫情指揮中心發函指出如學校因COVID-19疫情</t>
  </si>
  <si>
    <t>疫情停課請假校園確診因應嚴重特殊指出傳染性家長肺炎照顧中心中央指揮流行提及標準孩童可以</t>
  </si>
  <si>
    <t>教育部日前訂定「校園因應『嚴重特殊傳染性肺炎』疫情停課標準」提及若一班1人確診、一校2人確診就停課14天但有家長憂心可以請假嗎？不請假孩童誰要照顧？依中央流行疫情指揮中心發函指出如學校因COVID-19疫情停課期間可申請防疫照顧假。
但依日前說明防疫照顧假不強制雇主給薪也無法申請「防疫補償」但當家長有學童照顧需求時雇主應予准假且不得視為曠工、強迫勞工以事假或其他假別處理也不得扣發全勤獎金、解僱或予不利處分。
勞動部官員說除了學校外如果短期補習班、幼兒園及兒童課後照顧服務中心等機構比照高級中等以下學校規定停課時家長也可以比照申請防疫照顧假但時間應於停課時間範疇內申請。
勞動部官員指出若要領取特別條例中的「防疫補償」則仍要遭居家隔離、居家檢疫、集中隔離、集中檢疫等才可領取。</t>
  </si>
  <si>
    <t>照顧防疫停課疫情申請家長中心指出學校官員勞動部補償雇主比照可以領取日前隔離校園因應確診嚴重特殊傳染性肺炎</t>
  </si>
  <si>
    <t>新冠肺炎請假停課防疫家長</t>
  </si>
  <si>
    <t>停課肺炎請假防疫家長</t>
  </si>
  <si>
    <t>出超低利銀行紓困信貸</t>
  </si>
  <si>
    <t>勞動部勞工紓困貸款今(6/15)日開始接受申請不少銀行據點大排長龍甚至網頁也當機顯示民眾資金需求殷切。不過勞工紓困貸款每人最高額度僅為10萬元、利率1845%若想要增加貸款額度就必須自行申請一筆信貸</t>
  </si>
  <si>
    <t>申請貸款紓困勞工增加貸款額度想要利率網頁甚至大排長龍顯示據點銀行民眾額度接受資金最高開始需求殷切必須</t>
  </si>
  <si>
    <t>勞動部勞工紓困貸款今(6/15)日開始接受申請不少銀行據點大排長龍甚至網頁也當機顯示民眾資金需求殷切。不過勞工紓困貸款每人最高額度僅為10萬元、利率1845%若想要增加貸款額度就必須自行申請一筆信貸也因此國內有銀行推出超低利小額信貸前90天的利率僅為15%比勞工紓困貸款還要低90天後則根據個人信用條件計算利率水準。此外該筆貸款有動用才計息沒有動用就不收利息且免手續費、免出門線上即可申辦最快一天擁有可動用額度。
國內持續壟罩新冠肺炎疫情各行各業及民生經濟大受衝擊不僅自營店家、服務業、小型攤販等面臨營收驟減或停業的窘境部分上班族甚至必須請防疫照顧假或者有些勞工也開始放無薪假導致生活收入銳減。為了讓民眾手頭有寬裕的資金度過難關凱基銀行即日起至12月31日止推出「佛心速還金」享動用後90天內優惠利率15%且免申辦手續費凡是有防疫照顧假、自主居家管理或無薪假證明者均可在家線上完成申辦及簽約手續從申請到核准撥款最快1天即擁有一筆可動用額度幫助安渡疫情艱難時刻。
政府勞工紓困貸款每人額度最高10萬元、利率1845%若是民眾需要的資金超過10萬想再申請一筆信貸一般都需要額外支付開辦費。凱基銀行指出「佛心速還金」是額度型貸款 最大特色是提供一筆可以隨時動用的額度沒有動用就不計利息適合緊急救援申請不需支付開辦費90天內利率只要15%相當於每借1萬元一天利息不到1元。可隨時提領沒有合約限制想提前還款也不需負擔任何費用讓有需要的民眾更能彈性周轉運用資金因應短期疫情帶來的衝擊。
舉例來說上班族陳小姐於疫情期間因照顧小孩需請防疫照顧假收入暫時減少但仍需支付房租、貸款、電信費、水電費等必要生活支出需要短期3個月的小額資金周轉便可申請佛心速還金作為緊急備用金。如於7月1日線上申請5萬元額度申請當下可先省下一筆一般信貸所需負擔的開辦費9月30日還款時只需支付利息費用約185元與200元的動用手續費換算下來每天不到5元的利息費用。如果收入恢復穩定隨時可提前還款減少利息支出且不收取提前還款的違約金較可彈性處理資金上的臨時性支出。
防疫期間為方便民眾無須外出「佛心速還金」提供線上申辦管道從申請、簽約到對保全程皆可線上完成同時也可以線上24小時隨時動用撥款至多數的銀行同名帳戶中申請人不論是在家防疫或是因居家隔離無法出門只要使用手機或電腦即可申辦順利取得救急資金。</t>
  </si>
  <si>
    <t>申請動用額度資金貸款銀行利率民眾疫情防疫申辦需要信貸勞工隨時支付收入還款</t>
  </si>
  <si>
    <t>勞工紓困貸款小額信貸防疫照顧假新冠肺炎疫情</t>
  </si>
  <si>
    <t>照顧信貸防疫貸款紓困肺炎勞工疫情</t>
  </si>
  <si>
    <t>《通信網路》全新Q2營收有「升」氣外資重申買進</t>
  </si>
  <si>
    <t>收有外資重申買進通信網</t>
  </si>
  <si>
    <t>全新(2455)董事會決議每股配息25元並自今天起實施庫藏股由於大陸加速推動5G基礎建設並持續進行去美化全新3月光通訊訂單狀況不錯全新對3月業績不看淡日系外資認為雖然新冠肺炎(COVID-19)可能影響全新</t>
  </si>
  <si>
    <t>今天認為實施外資庫藏大陸加速看淡推動業績基礎不錯建設狀況持續肺炎進行訂單通訊美化月光</t>
  </si>
  <si>
    <t>全新(2455)董事會決議每股配息25元並自今天起實施庫藏股由於大陸加速推動5G基礎建設並持續進行去美化全新3月光通訊訂單狀況不錯全新對3月業績不看淡日系外資認為雖然新冠肺炎(COVID-19)可能影響全新今年第1季業績但在大陸積極推動5G計劃下營收可望在今年第2季度恢復並對全新產品結構保持樂觀重申全新「買進」評等。
大陸各地因新冠肺炎疫情受到控制全面後加速推動5G基礎建設且WiFi 6滲透率持續提升加上VCSEL等新應用激增讓全新2月合併營收維持水準單月合併營收為208億元月減415%但年增5276%累計前2月合併營收為425億元年成長5241%；由於全新3月光通訊訂單狀況不錯將有助於全新3月營收表現。
日系外資在最新報告中指出儘管存在新冠肺炎疫情問題但因亞洲的供應鏈營運已逐漸恢復到正常水準且大陸政府希望加快5G建設以刺激當地經濟這將帶動全新光通訊晶片訂單在基礎設施端對光收發器的需求且計劃還應通過價格補貼覆蓋終端設備端的5G智慧型手機有助於帶動全新RF訂單我們認為全新已準備好搶攻快速成長的5G和3D需求週期由於股價已回落到底價重申「買進」評等目標價維持140元。
全新董事會決議自今天起至5月19日實施庫藏股買回自家股票5000張買回區間價格58元到108元激勵全新今天股價以漲停板作收。</t>
  </si>
  <si>
    <t>訂單大陸今天基礎肺炎建設通訊推動價格需求恢復合併帶動計畫今年認為股價業績持續有助於實施</t>
  </si>
  <si>
    <t>全新5G基礎建設去美化光通訊外資</t>
  </si>
  <si>
    <t>美化建設光通訊基礎外資</t>
  </si>
  <si>
    <t>蟬聯冠軍蘇貞昌韓國理由新聞人物進前</t>
  </si>
  <si>
    <t>Yahoo奇摩今天公佈2020年度台灣十大新聞人物前高雄市長韓國瑜市長回歸庶民話題性十足三度蟬聯冠軍寶座；施政滿意度高漲的新北市長侯友宜搶下第3名；總統蔡英文排名第6；強力背書萊豬的農委會主席陳吉仲以及民調</t>
  </si>
  <si>
    <t>市長年度農委會臺灣背書新聞人物強力排名蔡英文總統公佈主席搶下話題蟬聯冠軍侯友宜寶座新北高漲施政滿意度高雄韓國瑜回歸今天庶民</t>
  </si>
  <si>
    <t>Yahoo奇摩今天公佈2020年度台灣十大新聞人物前高雄市長韓國瑜市長回歸庶民話題性十足三度蟬聯冠軍寶座；施政滿意度高漲的新北市長侯友宜搶下第3名；總統蔡英文排名第6；強力背書萊豬的農委會主席陳吉仲以及民調支持度直直落的行政院長蘇貞昌分別排名第9、10名。
2020年起伏跌宕不斷Yahoo奇摩今天公佈年度十大國內外新聞及娛樂榜單包括「台灣十大新聞事件」、「台灣十大新聞人物」、「國際十大新聞事件」、「國際十大新聞人物」及「十大娛樂事件」排行榜。
在台灣十大新聞人物方面Yahoo奇摩指出選舉議題持續攻佔網友眼球「韓國瑜」總統大選失利又遭罷免市長回歸庶民話題性十足三度蟬聯「台灣十大新聞人物」冠軍寶座。
橫掃817萬票連任成功的總統「蔡英文」排名第6名；施政滿意度高漲的新北市長「侯友宜」也上榜搶下第3名。新冠肺炎成2020重要關鍵事件也讓防疫國家隊強勢霸榜！鐵人部長「陳時中」與數位政委「唐鳳」因防疫有成人氣節節攀升位居第2、8名。
台積電創辦人「張忠謀」三度出使亞太經濟合作會議（APEC）一度與川普、習近平同框奪下第4名。萊劑美豬政策成全民矚目焦點朝野攻防不斷砲火連連的「柯文哲」、改變立場為強力背書萊豬的農委會主席「陳吉仲」以及民調支持度直直落的「蘇貞昌」分別排名第5、9、10名。
Yahoo奇摩列出的前十名及主要的新聞熱度包括：
1韓國瑜 - 落選又遭罷 韓總回歸庶民
2陳時中－鐵人大臣 紅在瘟疫蔓延時
3侯友宜－施政最滿意 2024動見觀瞻
4柯文哲－防疫萊豬問題 砲口頻對中央
6蔡英文－史上最高票 辣台妹連任成功
7江啟臣－最年輕黨主席 力求凝聚共識
8唐鳳－跨性別政委 數位防疫有成
9陳吉仲－一改立場 強力背書萊豬
10蘇貞昌－民調下滑 嘆「被嫌到流涎」</t>
  </si>
  <si>
    <t>防疫排名新聞人物臺灣市長奇摩蔡英文數位yahoo施政侯友宜張忠謀蘇貞昌新聞鐵人庶民不斷柯文哲事件陳吉仲回歸強力寶座</t>
  </si>
  <si>
    <t>新聞十大人物台灣市長</t>
  </si>
  <si>
    <t>人物市長新聞臺灣</t>
  </si>
  <si>
    <t>麵包店惱羞口水下場口罩</t>
  </si>
  <si>
    <t>國內疫情持續升溫連2日本土確診案例連環爆加上「校正回歸」病例合計570筆叫民眾心慌慌但高雄市一名婦人日前到麵包店買麵包時依舊不戴好口罩也不願配合實聯制政策讓無奈的店家只好請婦人離開豈料婦人</t>
  </si>
  <si>
    <t>婦人本土確診案例只好加上店家校正回歸無奈病例政策升溫合計配合民眾心慌麵包高雄市</t>
  </si>
  <si>
    <t>國內疫情持續升溫連2日本土確診案例連環爆加上「校正回歸」病例合計570筆叫民眾心慌慌但高雄市一名婦人日前到麵包店買麵包時依舊不戴好口罩也不願配合實聯制政策讓無奈的店家只好請婦人離開豈料婦人轉身離開走出店門前用力地將土司扔回架上走出店門時甚至還見笑轉生氣對店門口的地板吐口水誇張行徑在臉書社團「爆料公社」曝光後引發網友撻罰警方今（23）日獲悉訊息後也展開追查晚間9時許找到該名婦人最後依傳染病防治法開立未戴口罩舉發單同時通報環保局依違反廢棄物清理法裁處其地板吐口水的惡行。
根據臉書社團「爆料公社」一名網友爆料高雄一名53歲劉姓婦人前（21）日晚間6時50分許到前鎮區一心路上某麵包店買麵包時口罩不僅只戴到嘴巴還拒絕配合實聯制儘管店員數度好心提醒劉女依舊屢勸不聽店家無奈之下只好請她離開想不到劉女惱羞成怒遂將手上的吐司扔回架上快走出店門口時還把口罩拉下疑朝著地板大吐口水。
事後店家雖未報案但仍拍下劉女的車牌號碼並將店內監視器畫面PO網直言「當服務業有時候真的很幹尤其現在這種疫情很多客人會來買商品囤商品最討厭的是遇到不配合的客人」更怒指「像這種奇怪的客人就拜託你不要出門了！」更不解「一場疫情然後可以看到一堆妖魔鬼怪群魔亂舞這到底怎麼回事？」「總是有人不喜歡把口罩戴好好像戴上口罩他就會立刻去世一樣！？」
此文一出不少網友也認同戴好口罩是保護他人也尊重自己的表現因此紛紛怒批「口水亂噴好髒餒！」「戴好口罩有那麼難嗎？」「有口罩偏不戴好是不知道嚴重性嗎？真的欠打！」「這種人罰15000都不夠最好罰個30000！」
獲悉該網傳訊息的前鎮分局一心所於是趕緊派員循線追查並於今日晚間9時許找到劉女訊後她坦承自己口罩沒戴好也有吐口水動作因此警方依傳染病防治法開立未戴口罩舉發單同時通報環保局依違反廢棄物清理法裁處其地板吐口水的不良行為。
★中時新聞網提醒您：不良行為請勿模仿！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口罩劉女婦人地板疫情口水客人店家網友戴好配合晚間</t>
  </si>
  <si>
    <t>口水口罩麵包店吐司實聯制</t>
  </si>
  <si>
    <t>麵包店口罩口水</t>
  </si>
  <si>
    <t>漫長夏春湧政府防疫喊話</t>
  </si>
  <si>
    <t>台灣新冠肺炎疫情持續加溫中央流行疫情指揮中心指揮官陳時中29日宣佈新增15例確診累積達298例。捧紅不少大明星的名經紀人夏春湧認為台灣確診的病例越來越多政府應該告訴國人有什麼方法可以控制不要再新</t>
  </si>
  <si>
    <t>確診疫情臺灣方法可以國人告訴指揮應該中心政府指揮官越來越陳時中病例大明認為夏春湧經紀人宣佈控制加溫</t>
  </si>
  <si>
    <t>台灣新冠肺炎疫情持續加溫中央流行疫情指揮中心指揮官陳時中29日宣佈新增15例確診累積達298例。捧紅不少大明星的名經紀人夏春湧認為台灣確診的病例越來越多政府應該告訴國人有什麼方法可以控制不要再新增病例。他說防疫是一條漫長的路如何在過程之中讓老百姓安心是政府最基本的功能。
夏春湧在臉書指出台灣確診的病例越來越多人們的恐慌也越來越大。政府現在要做的不是每天告知新增多少病例而是應該是告訴大家有什麼方法可以控制不要再新增病例。夏春湧提及防疫是一條漫長的路如何在過程之中讓老百姓安心是政府最基本的功能。
夏春湧也提及他女兒的公司公司幫全體員工付費裝了APP每一個人都可以用視訊和醫生問診如果是一般的小毛病醫生可以立刻開處方箋然後就可以去藥房拿藥。在疫情肆虐的時間點不用冒著被感染的危險去醫院更減少員工的恐慌心理。
夏春湧認為這種貼心的服務應該很適合台灣因為台灣人太喜歡看病尤其新冠肺炎大爆發若有這樣的APP就能避免人群的大量接觸也可以減少醫護人員被感染的危險「對於防治疫情的擴散絕對有非常大的幫助」。</t>
  </si>
  <si>
    <t>可以疫情病例臺灣政府確診應該app新增認為員工感染減少夏春湧提及危險恐慌越來越肺炎</t>
  </si>
  <si>
    <t>夏春湧蔡政府新冠肺炎新型冠狀病毒NCP</t>
  </si>
  <si>
    <t>肺炎政府冠狀病毒夏春湧ncp</t>
  </si>
  <si>
    <t>摸臉病毒醫學專家傳授預防技巧</t>
  </si>
  <si>
    <t>在經過大批量的防疫宣傳後大家都知道經常觸摸自己的臉對預防染不是好事但是大多數人甚至不知道自己有這個壞習慣為了防止病毒侵襲美國幾位醫學專家傳授幾個小技巧讓你可以大幅降低因觸碰臉部而感染病毒的風</t>
  </si>
  <si>
    <t>知道病毒降低大幅經常可以技巧觸摸傳授專家醫學預防美國侵襲好事甚至防止習慣</t>
  </si>
  <si>
    <t>在經過大批量的防疫宣傳後大家都知道經常觸摸自己的臉對預防染不是好事但是大多數人甚至不知道自己有這個壞習慣為了防止病毒侵襲美國幾位醫學專家傳授幾個小技巧讓你可以大幅降低因觸碰臉部而感染病毒的風險。
據《紐約時報》報導我們每天從早到晚會接觸很多物體表面比如門把、電梯按鈕、地鐵欄杆等。包括新冠病毒在內的多種病毒可以在這些地方存活數天它們可以從那些被觸摸過的表面通過指尖進入我們的鼻子、嘴巴或眼睛成為病毒感染的入口。
紐約大學朗格尼健康中心(NYU Langone Health)醫學系助理教授拉貝(Vanessa Raabe)說要改變這個習慣非常困難因為平常我們都不自覺地這麼做。以下是可以幫助你停止摸臉的四個技巧。
一、隨手準備一盒紙巾
當你想抓癢、擦鼻子或者調整眼鏡的時候用紙巾而不是直接使用手指。健康專家表示如果你覺得你必須要打噴嚏但是手邊沒有紙巾那麼要把噴嚏對準你的肘部而不是你的手。對著手打噴嚏會增加細菌傳播給別人的可能性。
二、認清為什麼你會想摸臉
拉貝博士提出這項建議你必須意識到這是一種難以控制的行為要在一開始就警覺並暫停動作。接下來想清楚你是在何時、以及為何要摸臉針對根源提出解決方案。如果是眼睛乾澀時會揉眼睛那麼請使用眼藥水；如果你正在用手托住下巴或調整頭髮就要警覺並改變它。
斯坦福健康中心(Stanford Health)皮膚病學臨床副教授賈斯汀柯(Justin Ko)博士表示他會建議戴隱形眼鏡的病人考慮戴有框眼鏡比直接告訴他們別揉眼睛有用。此外口罩在防止病毒傳播雖不是非常有效但可以成為防止下意識觸碰鼻子或嘴巴的屏障。把便利貼粘在家中或桌面上也能發揮提醒的作用。
三、讓你的手有事做
醫生說讓你的手被壓力球或其他物體佔用這可以減少觸摸臉部的次數。當然不要忘記定期消毒和清潔那些物體。如果你沒有壓力球可玩沒有郵件要分類沒有衣服要疊你可以把雙手固定在腿上或者找到另一種讓手有事做的方式。芝加哥西北醫學院的臨床心理學家西柯拉(Zach Sikora)說使用香皂或護手霜也有幫助。當你把手靠近臉部時它的香氣可以讓你警覺。
戒除這習慣並不容易川普總統也掙紮了很久。「我幾周都沒有碰過臉！幾周了」他在一個航空公司CEO會議上說：「我想念那種感覺。」
四、放輕鬆
「我一般建議人們應該嘗試減輕各方面的壓力而不是過分地擔心自己摸了哪兒」西北大學(Northwestern University)精神病學與行為科學教授尚克曼(Stew Shankman)說。「壓力會影響你的免疫系統壓力越大身體抵抗感染的能力就越弱。」只要你的手是乾淨的觸摸臉部就不會造成災難性的後果。「這是我們所有人的自然行為」尚克曼博士說：「這並不是世界末日」。</t>
  </si>
  <si>
    <t>可以壓力臉部觸摸眼睛使用建議習慣病毒物體健康鼻子紙巾摸臉博士防止沒有臨床</t>
  </si>
  <si>
    <t>新冠肺炎武漢肺炎新型冠狀病毒COVID-19台灣</t>
  </si>
  <si>
    <t>肺炎武漢冠狀病毒covid-臺灣</t>
  </si>
  <si>
    <t>商雙雄生鮮居家採買族群組合熱門</t>
  </si>
  <si>
    <t>超商雙雄—統一超(2912)7-ELEVEN及全家(5903)搶攻宅經濟商機其中7-ELEVEN提供逾10款有機蔬果箱、禦料小館全新配菜　居家自「煮」一站購足全家便利商店則與「玉美生技」合作推出每日限量500箱蔬菜箱只要在「全</t>
  </si>
  <si>
    <t>全家-eleven合作一超便利商店推出提供商機居家蔬果搶攻</t>
  </si>
  <si>
    <t>超商雙雄—統一超(2912)7-ELEVEN及全家(5903)搶攻宅經濟商機其中7-ELEVEN提供逾10款有機蔬果箱、禦料小館全新配菜　居家自「煮」一站購足全家便利商店則與「玉美生技」合作推出每日限量500箱蔬菜箱只要在「全+1行動購」購買即可宅配到府。
本土新冠肺炎疫情延燒宅經濟及自煮商機湧現統一超及全家分別推出各式生鮮採買組合其中統一超7-ELEVEN因應防疫期間消費者傾向就近採買計畫性補貨、每日變化菜色的需求即日起於i預購推出多種組合、產地直送的有機蔬果箱實體門市則因熱食自助區調整改為整包販售的包裝鮮食滿足民生所需；而鮮食品牌「禦料小館」6月2日起新增多款異國料理、地方小吃等全新配菜預計可創造逾百種配餐組合提供居家防疫安心新選擇煮婦們採買免擠賣場到7-ELEVEN「就近買、安心吃」。
統一超表示疫情期間外出採買民生物資講求精準快速以降低群聚感染風險7-ELEVEN提供豐富的生鮮商品選擇其中觀察到消費者偏好有完整包裝的食材7-ELEVEN於去年已將熱食自助區的地瓜、熱狗等開發成微波覆熱方便的包裝鮮食至今已熱銷超過800萬份近日更提供整包販售的現蒸地瓜、所長茶葉蛋、關東煮等簡單覆熱即可輕鬆上桌另外冷藏包裝的熱壓吐司多達8款鹹甜口味在家自行加熱快速方便近日買氣也有提升。
再者7-ELEVEN觀察到生鮮商品於住宅型商圈深受小家庭客層青睞於超過3500間門市擴大導入冷凍雙門冰箱結構在鄰近住宅、外島、購物不便商圈門市引進「嚴選素材鮮物」海島型冷凍冰箱販售多達50款冷凍調理食品、海鮮與肉品；此外為讓茹素及蔬食愛好者就近購買蔬素食商品7-ELEVEN積極擴大蔬食規模於超過1000間門市導入「天素地蔬」專區部分門市更設有生鮮蔬菜專區提供20多款具有機認證的當令蔬菜加上多樣化的當令水果是民眾在家附近最快速、方便、齊全的社會廚房。
在家用餐最傷腦筋的便是每日變化菜色且疫情期間許多餐館縮短營業時間7-ELEVEN除提供上百種微波、即食鮮食方便消費者選購看好搭餐商機自6月2日起將全新推出一系列主食型配菜滿足24小時全時段用餐需求。深受市場喜愛的禦料小館系列鮮食目前商品結構涵蓋冷藏配菜及冷凍食品整體品項數已超過30款預期可帶動相關業績成長10%至20%以上。
全家看好自煮需求大增全家與主打產銷履歷和有機認證蔬菜的「玉美生技」合作推出每日限量500箱蔬菜箱只要在「全+1行動購」購買即可宅配到府不用出門領取每箱販售699元內含14種蔬菜。
再者疫情影響消費者飲食習慣「全家」觀察家庭號土司對比前周銷售成長40%顯示消費者會在前日準備隔日早餐盡量在家吃早餐「全家」提供早餐匠土司、洗選蛋應援方案。
全家表示防疫期間滿足消費者自煮期望口味多變需求「全+1行動購」每日推出近10款冷凍、冷藏、常溫、日用品等限量商品每週約百款新品供民眾選購除了可使用MyFamiPay線上支付外即日起新增「全家」Fami錢包線上支付功能消費者可訂購後就近到指定店舖取貨。</t>
  </si>
  <si>
    <t>全家-eleven消費者提供蔬菜門市推出冷凍商品疫情就近採買在家需求包裝超過方便生鮮</t>
  </si>
  <si>
    <t>全家全新統一超安心全家</t>
  </si>
  <si>
    <t>全家一超安心</t>
  </si>
  <si>
    <t>北市醫學中心疫苗預約az自費爆滿</t>
  </si>
  <si>
    <t>牛津AZ疫苗21日起開放自費接種今天上午開始受理預約北部許多醫學中心湧現預約潮台大醫院4月底前500多個名額在短短2小時搶光臺北馬偕醫院21至24日就有近687人預約。COVID-19（2019冠狀病毒疾病）疫苗公費接種</t>
  </si>
  <si>
    <t>預約疫苗接種名額開放小時台大醫院月底病毒搶光受理臺北開始今天上午馬偕自費醫院covid-疾病湧現</t>
  </si>
  <si>
    <t>牛津AZ疫苗21日起開放自費接種今天上午開始受理預約北部許多醫學中心湧現預約潮台大醫院4月底前500多個名額在短短2小時搶光臺北馬偕醫院21至24日就有近687人預約。
COVID-19（2019冠狀病毒疾病）疫苗公費接種自3月22日起逐步開放醫護人員、第一線防疫人員、航空機組員、防疫計程車駕駛等對象台灣目前僅有牛津AZ廠牌。截至4月17日30萬劑僅打了1成、約32萬劑連衛福部長陳時中都坦言接種狀況不旺。
由於兩批AZ疫苗將於5月底、6月中陸續過期指揮中心決議開放有出國工作、求學需求的民眾自費接種只要支付每劑新台幣500元至600元掛號費、診察費等費用即可接種至於疫苗處理成本由國家支付。
自費牛津AZ疫苗今天上午9時在全台31家醫院開放民眾預約接種許多醫學中心湧現預約潮。
台大醫院表示院方自21日起每週一到五都有設立一個專責門診提供自費接種牛津AZ疫苗一個診有60個名額今天上午10時起開放預約未來2週的門診短短近2小時9天的門診、共540名額已全部額滿未來有必要會視情形再調度醫護人力加開門診。
臺北馬偕醫院指出週一至週五每天共開設3到4個自費疫苗接種門診週六也設有2門診每診開放60名額目前21、22日已全數額滿21至24日約有687人預約。
臺北醫學院附設醫院表示預計每週開設2個自費接種門診分別在週一及週三下午21日起至4月底共有3個自費接種門診目前已有33人預約。
外傳臺北長庚醫院一開放預約即額滿長庚醫院體系澄清臺北長庚目前不是自費AZ疫苗的接種院所全台長庚體系僅嘉義長庚有開設自費疫苗門診截至中午未來2週共有40多人預約人數持續增加中。
三軍總醫院則指出三總的自費疫苗接種門診與一般旅遊門診同步開放預約等到21日開打後才會有實際的接種數字。（編輯：陳清芳）1100419</t>
  </si>
  <si>
    <t>接種疫苗預約自費開放門診醫院az臺北名額目前月底牛津未來開設今天上午中心共有截至週一</t>
  </si>
  <si>
    <t>自費AZ疫苗預約接種醫學中心新冠肺炎</t>
  </si>
  <si>
    <t>接種醫學中心預約疫苗az自費肺炎</t>
  </si>
  <si>
    <t>畢旅肺炎身體不適結果師生出爐</t>
  </si>
  <si>
    <t>恆春地區網路傳出有學生確診新冠肺炎訊息屏東縣長潘孟安第一時間要求警局及衛生局徹查謠言來源經漏夜調查是來自桃園永豐高中畢業旅行團師生領隊共440人學生自13日下午2時起陸續出現水瀉症狀少數並有發燒情</t>
  </si>
  <si>
    <t>學生傳出水瀉出現陸續時起確診下午謠言衛生局來源要求第一時間調查潘孟安縣長訊息來自桃園</t>
  </si>
  <si>
    <t>恆春地區網路傳出有學生確診新冠肺炎訊息屏東縣長潘孟安第一時間要求警局及衛生局徹查謠言來源經漏夜調查是來自桃園永豐高中畢業旅行團師生領隊共440人學生自13日下午2時起陸續出現水瀉症狀少數並有發燒情形送醫診斷是感染性胃腸炎及大腸炎。
因逢國內疫情升溫屏縣府決定高規格預防性處理除進行新冠肺炎採檢送驗外並要求暫停畢旅行程師生都暫時安置在飯店房間禁止外出。
首批33人檢驗結果出爐、均為陰性經衛生局請示中央流行疫情指揮中心並由感染科醫師專業研判後此案朝食物中毒案件處理通知桃園市衛生局後協助師生退房返回居住地。
屏縣府指出學生陸續發生症狀後分別送到恆春地區3家醫院就醫院方於深夜通報疑似食品中毒案由於學生症狀都是水瀉極少數發燒考慮國內目前疫情狀況當即決定採取高規格方式處理除進行新型冠狀病毒的採檢送驗外並依照嚴重特殊傳染性肺炎防疫原則請飯店配合將生病與非生病的學生分開安置並要求不得離開房間全程佩戴口罩。
縣府指出440位師生中自13日下午起陸續有70人分別送到恆春的旅遊醫院、基督教醫院及南門醫院截至14日上午10時30分留院觀察為31人其中恆基7人南門醫院24人其餘離院休息。至於採檢結果第一批33人全部是陰性。
衛生局第一時間派員前往醫院及涉嫌場所調查及採檢已採集食餘檢體、環境檢體及個案與廚師等人體檢體送驗以釐清食品中毒發生原因；未免影響擴大已要求涉嫌場所停止供餐進行全面消毒並依食品良好衛生規範準則稽查現場不符規定事項予限期改善期屆仍不改善將依食安法處辦。
潘孟安表示針對恆春社群出現不實謠言除警察局及衛生局應該徹查消息來源做必要處置以免以訛傳訛引起恐慌之外也要特別提醒民眾個案及疫情等相關防疫資訊均應由中央流行疫情指揮中心統一對外公佈如接獲來源不明或未經證實的疫情或防治措施資訊時應先查證內容是否屬實。</t>
  </si>
  <si>
    <t>疫情學生師生要求醫院衛生局食品縣府處理送驗進行肺炎症狀衛生資訊防疫感染</t>
  </si>
  <si>
    <t>師生恆春衛生局畢旅採驗結果</t>
  </si>
  <si>
    <t>衛生局畢旅師生結果</t>
  </si>
  <si>
    <t>市府糾紛防疫</t>
  </si>
  <si>
    <t>安排好的旅程卻遇到新冠肺炎疫情該怎麼辦？自疫情發生後台中市府至2月中旬受理相關消費申訴共70件其中旅遊類36件最多為保障民眾權益法制局製作旅遊退費懶人包針對團客、自由行散客說明機票、住宿退費</t>
  </si>
  <si>
    <t>旅遊退費遇到疫情市府月中散客受理自由相關肺炎消費申訴保障民眾製作法制發生</t>
  </si>
  <si>
    <t>安排好的旅程卻遇到新冠肺炎疫情該怎麼辦？自疫情發生後台中市府至2月中旬受理相關消費申訴共70件其中旅遊類36件最多為保障民眾權益法制局製作旅遊退費懶人包針對團客、自由行散客說明機票、住宿退費機制讓民眾冷靜度過疫情不恐慌。
法制局長李善植指出近來因為新冠肺炎肆虐全球陷入疫情壓力衝擊民眾原訂的旅遊行程及訂房狀況交通部觀光局配合防疫措施、疫情發展及航空減班等因素要求旅行業暫停組團前往中國大陸地區旅遊至4月30日。
李善植說目前市府受理因疫情衝擊造成相關消費申訴共有70件分別包括旅遊類36件、運輸類如機票退費等29件、住宿類5件預期因受疫情影響的旅遊、住宿及運輸類解約退費糾紛持續增加。
解決民眾疑慮法制局針對疫情影響的國外旅遊退費處理方式整理旅遊退費Q&amp;A簡明圖檔可於臉書搜尋「台中市政府法制局」粉絲專頁做為解約退費機制的參考。</t>
  </si>
  <si>
    <t>旅遊疫情退費法制民眾住宿衝擊市府受理機票解約消費肺炎申訴相關運輸影響機制遇到行業暫停要求組團因素前往減班</t>
  </si>
  <si>
    <t>旅遊肺炎運輸類糾紛疫情</t>
  </si>
  <si>
    <t>疫情肺炎糾紛旅遊運輸</t>
  </si>
  <si>
    <t>高樹選手港澳馬拉松如期舉辦婉拒</t>
  </si>
  <si>
    <t>享譽全台的高樹蜜棗國際馬拉松不受疫情影響如期於16日展開賽事超過1萬名跑者報名主辦單位高樹鄉公所不敢大意出動2台紅外線體溫感測儀更宣佈婉拒來自中港澳及其他外籍人士參加企圖將防疫工作做到滴水不漏</t>
  </si>
  <si>
    <t>國際馬拉松企圖參加不受疫情外籍人士港澳影響如期來自婉拒展開賽事宣佈超過蜜棗防疫測儀體溫報名紅外線主辦單位</t>
  </si>
  <si>
    <t>享譽全台的高樹蜜棗國際馬拉松不受疫情影響如期於16日展開賽事超過1萬名跑者報名主辦單位高樹鄉公所不敢大意出動2台紅外線體溫感測儀更宣佈婉拒來自中港澳及其他外籍人士參加企圖將防疫工作做到滴水不漏。
高樹鄉長王樹圍指出辦與不辦確實沙盤推演多次但根據中央流行疫情指揮中心公告目前新冠肺炎確診病例皆來自境外或境外移入導致的家庭感染尚無社區群聚感染狀況基於維護報名者權益在加強防疫措施下仍如期舉行。
王樹圍表示賽事當天將要求所有選手填寫自主健康調查表凡是在2月1日曾經入境中港澳的跑者將全額退費、婉拒參加另現場實施體溫量測、提供酒精或乾洗手液；至於不克前來的跑者賽會也將完賽物資以郵寄方式送達郵資則由主辦單位負擔。
「來電要求退賽的跑者僅百餘人」大夥仍是躍躍欲試主辦單位將提供每人每份伴手禮主要以鄉內農產木瓜、鳳梨、小蕃茄及蜜棗可供選擇其中有超過4000人指定當季蜜棗為此工作人員特地前往包裝場視察分裝進度。
王樹圍說「高樹馬」最主要目的就是行銷地方農特產因此農產品都需經過嚴格藥檢不能有任何農藥殘留且每顆甜度要求在13度以上重量則是3至34兩除了希望賽事順利進行也希望所有跑者都能不虛此行。</t>
  </si>
  <si>
    <t>王樹圍蜜棗主辦單位賽事疫情防疫體溫提供來自婉拒高樹要求參加超過港澳感染希望家庭</t>
  </si>
  <si>
    <t>跑者蜜棗單位主辦主辦單位</t>
  </si>
  <si>
    <t>單位蜜棗主辦主辦單位</t>
  </si>
  <si>
    <t>關鍵懷疑可怕開始疫情高端打完沒來</t>
  </si>
  <si>
    <t>國內疫苗第二劑接種人口未達五成過去醫界大多呼籲「有疫苗就打」、「打得到就是好疫苗」不過衛福部草屯療養院醫師沈政男則說「這樣的傻話沒有多久就會像高端疫苗一樣讓你開始懷疑自己」他透露最可怕的疫</t>
  </si>
  <si>
    <t>疫苗懷疑開始過去高端沈政男大多沒有傻話透露衛福部醫師療養院呼籲草屯就是</t>
  </si>
  <si>
    <t>國內疫苗第二劑接種人口未達五成過去醫界大多呼籲「有疫苗就打」、「打得到就是好疫苗」不過衛福部草屯療養院醫師沈政男則說「這樣的傻話沒有多久就會像高端疫苗一樣讓你開始懷疑自己」他透露最可怕的疫情還沒到來因為兩個字「解封」並認為台灣的防疫神器其實不是疫苗。
對於有民眾質疑如果在大陸打了兩劑科興要不要追加第三劑的mRNA疫苗？沈政男(13)日在臉書表示「當然要」他認為從沒打過mRNA疫苗的人就是要想辦法去打一劑才能把保護力弄到最好；打過高端的人若有機會也應補打mRNA疫苗至於幾個月前打兩劑AZ的人也不用擔心當疫苗過剩以後就會讓他們追加了。
沈政男指出美國明尼蘇達目前染疫死亡的人口中有四成一是打過兩劑疫苗並反問「人家是打什麼疫苗？你呢？」他認為「有疫苗就打」、「打得到就是好疫苗」這樣的傻話沒有多久就會像高端疫苗一樣讓你開始懷疑自己因為突破性感染太恐怖甚至會讓你有一種「世界又回到了去年上半年」那樣的既視感。
對於英國衛報報導歐洲現在已經爆發了新一波疫情但美國卻以為自己不會有事而且已經不戴口罩了沈政男則指出口罩就是日本目前疫情趨緩與歐美爆發新疫情的差別所在並預告最可怕的疫情還沒到來因為兩個字「解封」他認為現在家家覺得好像已經天下太平並要求解封是一件「愚不可及」的事。
根據歐美估計疫苗必須打到九成五才能產生群體免疫也就是連小小孩也必須打疫苗沈政男則反問「台灣可能嗎？」他並提出「非藥物防護才更重要」因為台灣過去一年多就是靠這個而不是疫苗他強調台灣能清零跟疫苗一點關係都沒有沈政男也認為台灣不可能完全解封像歐美一樣奉勸「不要在那邊天真期待了」。</t>
  </si>
  <si>
    <t>疫苗沈政男臺灣認為疫情歐美已經打過兩劑對於mrna過去就是才能現在沒有美國</t>
  </si>
  <si>
    <t>高端疫苗沈政男防疫神器第二劑</t>
  </si>
  <si>
    <t>疫苗沈政男防疫高端</t>
  </si>
  <si>
    <t>本土死亡確診</t>
  </si>
  <si>
    <t>新冠肺炎本土疫情延燒中央流行疫情指揮中心今公佈新增549名本土案例其中372例正式本土案例177例為校正回歸個案。確診個案中今新增12例死亡。指揮官陳時中表示目前疫情沒有往下降仍維持平穩。陳時中表示</t>
  </si>
  <si>
    <t>疫情本土新增陳時中表示案例沒有下降指揮個案中心目前公佈死亡指揮官中央流行校正回歸維持確診肺炎平穩</t>
  </si>
  <si>
    <t>新冠肺炎本土疫情延燒中央流行疫情指揮中心今公佈新增549名本土案例其中372例正式本土案例177例為校正回歸個案。確診個案中今新增12例死亡。指揮官陳時中表示目前疫情沒有往下降仍維持平穩。
陳時中表示目前的疫情平穩看到這2周以來新措施加上民眾配合後疫情達到穩定不過還需要觀察千萬不能放鬆繼續努力這樣做不見得疫情往下走不過起碼會穩住這非常重要。相關的管制都會滾動式檢討希望把疫情控制住目標是月底打1劑的民眾達6成國際上都是2成就會看到效果6成的國家到控制得好。
今日新增的372例本土病例為207例男性、165例女性年齡介於未滿5歲至90多歲發病日介於今年5月2日至6月1日。另校正回歸個案177例中為96例男性、81例女性年齡介於未滿5歲至80多歲發病日介於5月13日至5月30日。
綜上所有本土個案共有549例以新北市310例最多其次為臺北市152例、桃園市28例、基隆市18例、苗栗縣12例、彰化縣10例、高雄市5例、臺東縣4例、臺中市3例新竹縣及臺南市各2例新竹市、南投縣及花蓮縣各1例。其中雙北地區以外縣市87例中1例有萬華活動史65例已知感染源21例關聯不明。相關疫情調查持續進行中。
另外今日也新增12例死亡個案共計為男性7位、女性5位年齡介於60多歲至90多歲發病日介於5月13日至5月29日確診日介於5月16日至6月1日死亡日期介於5月28日至6月1日。
截至目前國內共累計9389例確診分別為1141例境外移入8195例本土病例36例敦睦艦隊、2例航空器感染、1例不明及14例調查中；另24例(新增案7666、案8854)移除為空號。確診個案中149例死亡。
陳時中表示近期發現人流有往上升的現象提醒民眾盡量不要外出分流上班戴好口罩、勤洗手減少不必要移動、活動或集會避免出入人多擁擠的場所或高感染傳播風險場域並主動積極配合各項防疫措施共同嚴守社區防線。</t>
  </si>
  <si>
    <t>疫情本土新增民眾個案感染死亡目前確診介於措施活動配合相關表示控制看到今日</t>
  </si>
  <si>
    <t>新冠肺炎台灣陳時中疫苗大規模接種</t>
  </si>
  <si>
    <t>肺炎陳時中臺灣疫苗接種</t>
  </si>
  <si>
    <t>大陸妖魔疫苗武器社評</t>
  </si>
  <si>
    <t>疫情大爆發政府理應救人如救火大陸主動釋出善意願提供疫苗幫助台灣渡過難關民進黨政府卻冷回應「假好心」連大陸廠商代理的國外疫苗都不肯開放堅持發展國產疫苗。總統蔡英文說疫苗是一種「戰略資源」必</t>
  </si>
  <si>
    <t>疫苗大陸政府理應發展救人堅持救火主動國外提供幫助好心渡過難關民進代理臺灣釋出回應善意廠商</t>
  </si>
  <si>
    <t>疫情大爆發政府理應救人如救火大陸主動釋出善意願提供疫苗幫助台灣渡過難關民進黨政府卻冷回應「假好心」連大陸廠商代理的國外疫苗都不肯開放堅持發展國產疫苗。總統蔡英文說疫苗是一種「戰略資源」必須掌握在自己的手上。綠營智庫人士賴怡忠認為這是疫苗戰爭是一種「非武力戰爭」即使缺子彈也不能向敵人伸手。心無人道主義企圖「以疫謀獨」當然認定大陸「以疫謀統」。
只有國家戰略沒有人道情懷
賴怡忠在疫苗是「非武力戰爭」的論述中認為美、日及時出手援助疫苗顯示戰爭已經沿著新冠肺炎疫情在台灣開打。一方是想藉由擴大疫情逼使台灣向中國靠攏另一方是美、日聯合出手協助台灣反擊。中國在這場疫情中的作為顯示對台政策本質上是「留島不留人」不考慮台灣人民的想法而啟動對台攻擊。台灣對抗疫情的戰鬥已演變成為一場美日台聯手面對「中國及其在台同路人」發動的「非武力戰爭」。
從這種論述中可知民進黨人的腦袋裡對疫苗只有「戰略思考」沒有人道情懷。人道是重視人類價值特別是關心最基本的人的生命、生存的一種思想。關注的是人的幸福強調人類之間的互助、關愛與重視人類的價值。
「國際人道主義」表現在《聯合國憲章》裡更呈現在《國際人道法》之中主要是指出於人道原因國際社會設法將武裝衝突所帶來的影響限制在一定範圍之內的一系列規則的總稱。它保護沒有參與或不再參與敵對行動的人並對作戰的手段和方法加以限制。《國際人道法》也稱《戰爭法》或《武裝衝突法》。
《國際人道法》是為了保護個人避免個人在戰爭中遭到屠殺甚至出現種族屠殺的狀況。冷戰結束以後由於一些國家經歷了種族屠殺的殘害聯合國出於人道主義開始進行國際維和行動目的就是為了建造國際和平。
大陸支持國際維和行動一再主張國際秩序應該依照《聯合國憲章》的精神爭取每個國家在國際社會都能受到平等對待以及擁有同樣的發言權。這一點表現在大陸回應G7高峰會的聲明所稱新冠肺炎疫情仍在世界肆虐全球經濟低迷、復甦乏力氣候變化等全球性挑戰日益突出。在此背景下國際社會需要的是全面的團結與合作但是這次峰會讓世人看到的是搞「小圈子」和集團政治是製造對立與分裂。這是逆時代潮流而動違背全球人民的共同利益也無助於國際社會攜手應對共同的挑戰。
坐實大陸「以疫謀獨」指控
既然大陸主張國際社會應該共同攜手應對新冠肺炎的挑戰就不會「以疫謀統」發動對台「武統」戰爭。畢竟「武統」最好速戰速決否則就要打「持久戰」無論何者都會造成生命損失後者傷亡會更嚴重在疫情肆虐當下正當性不足。尤其發動戰爭必須大量集中兵力、動員物資眼前更不適當。
疫苗援台當然有統戰目的民進黨政府卻視為戰爭行為妖魔化大陸動機既不符合實情也無助於防疫。把疫苗作為戰略資源來思考更會增加國際與國內社會的不安。事實上在全球化的發展之下科技能力已成為主導地緣政治的新力量善用科技實力構築和平橋梁才是國安的最佳保障這也是非傳統安全觀把科技發展當成建構國家安全條件的理由。
以台灣來說我們有一座「護國神山」台積電在全球缺晶片的時刻各國都會關注台海安全。同樣地台灣若能發展出新冠疫苗也會有助台海安全。只是在還沒有成功發展出新冠疫苗之前應盡最大力量爭取各種疫苗進口以保障台灣的安全。民進黨政府只願意接受美日疫苗卻堅決拒絕大陸疫苗不平衡的關係只會讓大陸有指控民進黨政府「以疫謀獨」的口實。
大國「疫苗外交」強調的是人道主義是一種善的力量大陸疫苗援台也是出於善意民進黨政府卻把疫苗當成武器要打一場「疫苗戰爭」。大國若想以掌控新冠疫苗來主宰國際社會最後可能遭到人道主義的反撲無法實現強權的目標。台灣更不能企圖利用疫苗達成戰略目的違背人道原則只會遭到人民唾棄。</t>
  </si>
  <si>
    <t>疫苗國際大陸臺灣戰爭社會疫情人道人道主義民進發展國家戰略政府全球沒有安全科技</t>
  </si>
  <si>
    <t>大陸疫苗肺炎戰爭武力</t>
  </si>
  <si>
    <t>大陸肺炎武力戰爭疫苗</t>
  </si>
  <si>
    <t>輸送量貨櫃</t>
  </si>
  <si>
    <t>香港港口海運影響貨櫃輸送量同期大跌疫情持續上年突破過去歷史紀錄顯示公佈資料春節假期</t>
  </si>
  <si>
    <t>香港影響輸送量疫情肺炎廠商貨櫃復工港口穩定逐步宣武出口跌幅貿易相信</t>
  </si>
  <si>
    <t>香港港口廠商肺炎輸送量</t>
  </si>
  <si>
    <t>香港港口輸送量廠商肺炎</t>
  </si>
  <si>
    <t>肺炎感染人數新加坡</t>
  </si>
  <si>
    <t>新加坡地方媒體報導星國新增9起2019年冠狀病毒疾病（COVID-19武漢肺炎）確診病例感染總人數來到67例這次是自疫情爆發以來的最大每日增額。（</t>
  </si>
  <si>
    <t>星國以來爆發新增疫情冠狀病毒疾病來到人數covid-武漢感染肺炎病例確診報導媒體地方日增新加坡</t>
  </si>
  <si>
    <t>肺炎感染人數新加坡武漢</t>
  </si>
  <si>
    <t>感染新加坡武漢人數肺炎</t>
  </si>
  <si>
    <t>lg打亂疫情顯示器產業國際虧損</t>
  </si>
  <si>
    <t>因新冠肺炎全球大流行導致生產受阻以及智慧手機與電視機需求大減LG顯示器（LG Display）公佈連續第5季的營業虧損。LG顯示器週四公佈第一季營收年減20%為472兆韓元。營業虧損為3620億韓元（2947億美元）</t>
  </si>
  <si>
    <t>lg顯示器公佈營業虧損流行導致生產受阻智慧手機電視機全球需求季營週四肺炎連續display</t>
  </si>
  <si>
    <t>因新冠肺炎全球大流行導致生產受阻以及智慧手機與電視機需求大減LG顯示器（LG Display）公佈連續第5季的營業虧損。
LG顯示器週四公佈第一季營收年減20%為472兆韓元。營業虧損為3620億韓元（2947億美元）較去年同期的虧損1320億韓元大增但小於市場預估的虧損3900億韓元。淨損為1990億韓元高於去年同期的淨損630億韓元但小於市場預估的淨損3550億韓元。
LG顯示器在聲明中表示受新冠肺炎疫情影響未來需求料將震盪加劇儘管居家令與隨之暴增的線上活動將帶動資訊科技產品需求但產業情況仍然艱困。該公司預估需求可能比原先預期的下滑10%第二季電視機與手機的需求將大幅衰退但公司將試圖在下半年扭轉營運。
為了控制虧損LG顯示器之前已經宣佈今年底前在南韓國內的LCD TV面板廠將停產。三星顯示器上個月也宣佈年底前全面停產LCD面板。LG顯示器對此表示三星停產傳統LCD面板的決定不會對供需平衡造成重大影響。</t>
  </si>
  <si>
    <t>顯示器需求lg虧損lcd預估停產公司手機宣佈電視機營業面板影響表示三星肺炎公佈去年同期淨損隨之</t>
  </si>
  <si>
    <t>LG顯示器營收虧損淨損預期</t>
  </si>
  <si>
    <t>虧損顯示器淨損lg預期</t>
  </si>
  <si>
    <t>孕婦醫療費壓垮幸福葉克臺灣</t>
  </si>
  <si>
    <t>台灣醫療健保制度舉世聞名尤其是現在新冠肺炎疫情爆發之際不少民眾都狂讚好險台灣有健保近日急診兒科醫師吳昌騰分享一起來自中國大陸的故事一名孕婦確診肺炎後因為沒錢支付醫療費用決定「拔葉克膜」放棄治</t>
  </si>
  <si>
    <t>肺炎醫療臺灣決定費用支付中國來自葉克一起分享吳昌騰大陸確診故事孕婦醫師民眾爆發疫情</t>
  </si>
  <si>
    <t>台灣醫療健保制度舉世聞名尤其是現在新冠肺炎疫情爆發之際不少民眾都狂讚好險台灣有健保近日急診兒科醫師吳昌騰分享一起來自中國大陸的故事一名孕婦確診肺炎後因為沒錢支付醫療費用決定「拔葉克膜」放棄治療最後不幸離開人間也讓吳昌騰感嘆：「生在台灣真幸福！」
吳昌騰近日在臉書分享故事正值新冠肺炎疫情爆發期武漢大學中南醫院接收到一名確診肺炎的孕婦由於病情十分嚴重醫師及時為她裝上葉克膜之後情況才慢慢好轉起來但隨之而來的是龐大的醫療費用。
孕婦在ICU（重症監護室）住了一個多禮拜短短幾天的醫療費用就直逼20萬人民幣（約86萬新台幣）由於她的丈夫是名農村子弟醫藥費都是找親戚朋友湊的經濟狀況並不好最後在無力負擔钜額費用的情況下孕婦只好放棄治療最後不幸身亡丈夫與主治醫師看到這心酸的一幕紛紛潸然淚下。
吳昌騰提到在中國大陸一旦接上葉克膜機器光是開機費就要價5、6萬人民幣一整個療程下來醫療費用10萬人民幣是跑不掉的「這只是大概數字最後花費多少要看實際使用天數！」但更令家屬感到心痛的就是當孕婦放棄治療的隔天中國大陸政府就推出「新冠肺炎病人由國家免費治療」的政策。
吳昌騰表示若不是疫情的關係使用葉克膜治療一直都是自費的療程看完這個故事他相信大家更能體會到在台灣看病真的很幸福也不禁感嘆：「我們生活在台灣真的很幸福！」
更多 CTWANT 報導</t>
  </si>
  <si>
    <t>費用孕婦醫療治療最後肺炎臺灣故事昌騰中國疫情放棄人民幣幸福情況丈夫醫師使用吳昌騰近日分享</t>
  </si>
  <si>
    <t>新冠肺炎武漢肺炎新型冠狀病毒台灣孕婦</t>
  </si>
  <si>
    <t>肺炎武漢冠狀病毒臺灣孕婦</t>
  </si>
  <si>
    <t>確診肺炎新生兒母子發現垂直日本感染</t>
  </si>
  <si>
    <t>日本小兒科學會等團體調查發現截至去年8月確診2019冠狀病毒疾病（COVID-19）的孕婦所生的新生兒中有一人一出生即確診疑似母子垂直感染為日本國內首度發現的個案。日本放送協會（NHK）報導日本大學醫學部</t>
  </si>
  <si>
    <t>發現確診日本日本放送協會個案首度國內調查截至孕婦新生兒covid-感染去年垂直疾病病毒母子出生nhk團體報導</t>
  </si>
  <si>
    <t>日本小兒科學會等團體調查發現截至去年8月確診2019冠狀病毒疾病（COVID-19）的孕婦所生的新生兒中有一人一出生即確診疑似母子垂直感染為日本國內首度發現的個案。
日本放送協會（NHK）報導日本大學醫學部小兒科主任教授森岡一朗等人為主的日本小兒科學會等團體針對日本全國設有小兒科的1124間醫療機構進行問卷調查。
調查結果發現到去年8月底為止其中31間醫療機構有確診COVID-19（俗稱武漢肺炎）的孕婦分娩共生下52名新生兒其中1名嬰兒在出生後立即進行的核酸檢驗（PCR）驗出陽性另外51名嬰兒則是陰性。
報導指出這名出生後即確診的嬰兒健康狀況沒有問題疑似為母子垂直感染。
目前國外研究也有發現少數疑似母子垂直感染新冠肺炎這是日本國內首度發現的個案。
森岡一朗表示孕婦傳染新冠肺炎給嬰兒的可能性很低嬰兒症狀也很輕微民眾不需要過度擔心。這次調查發現日本也有類似母子垂直感染的案例提醒懷孕婦女平時要做好防疫。</t>
  </si>
  <si>
    <t>發現嬰兒確診日本感染垂直小兒科孕婦肺炎母子出生進行報導醫療機構森岡一去年新生兒調查covid-</t>
  </si>
  <si>
    <t>日本發現垂直感染母子感染</t>
  </si>
  <si>
    <t>感染垂直日本母子發現</t>
  </si>
  <si>
    <t>生活健康疫情過後建議</t>
  </si>
  <si>
    <t>近來受到新冠肺炎疫情延燒影響人們的生活型態明顯轉變人與人之間維持一定的社交距離外食用餐機會能免則免、自己在家煮食蔚為一股風氣不少餐廳名店也因為不敵疫情衝擊紛紛應聲倒下就像由藝人藍心湄、陶晶瑩</t>
  </si>
  <si>
    <t>疫情肺炎倒下應聲紛紛生活型影響人們社交衝擊距離食用機會能免則免在家煮食餐廳風氣</t>
  </si>
  <si>
    <t>近來受到新冠肺炎疫情延燒影響人們的生活型態明顯轉變人與人之間維持一定的社交距離外食用餐機會能免則免、自己在家煮食蔚為一股風氣不少餐廳名店也因為不敵疫情衝擊紛紛應聲倒下就像由藝人藍心湄、陶晶瑩及舒淇合資經營的kiki老媽川菜館近日傳出其中一間分店即將收攤、結束營業的消息尤讓小編感到惋惜的是這家餐廳挺過SARS疫情、熬過一例一休卻撐不過此次的新冠肺炎特別是以前經常與家人、朋友相約吃吃喝喝滿載著開心愉快的回憶聽到要歇業的消息心中難免感到不捨……。
相信有不少人引頸期待著疫情趕快結束、讓生活回復正軌可以不再畏懼地走進餐館用餐、如往常般與朋友見面聊天；面對災難該如何因應期待與現實之間的差異？考驗著各人的智慧！以下小花平臺整理國內養生達人提出當疫情過後的自保健康之道：
首先是吃得好、睡得好幫自己的健康「打底」！
《黃帝內經》：「五穀為養五果為助五畜為益五菜為充氣味合而服之以補精益氣……」其中的「五穀」、「五果」、「五畜」及「五菜」中的「五」字其實意思是平日三餐中要吃得雜一點不挑食、不偏食酸甜苦辣鹹各種味道都要吃一點也就是力行傳統飲食習慣就能遠離疾病並確保身體健康。
除了吃得好也要睡得好根據一項科學研究顯示人體如果長期熬夜免疫力和抵抗力自然下降身體的各種病痛也將隨之而來。以此次新冠肺炎疫情來說因為尚未開發出疫苗關鍵就在於個人的免疫力和抵抗力比較強的人愈能抵禦病毒反之則很難熬過去可見睡眠對於人體健康的重要性。
不同年齡層需要的睡眠時間也不一樣「美國國家睡眠基金會」（NSF）建議各個年齡層的「黃金睡眠時間」：
0至3個月的「新生兒」－每天睡眠至少14至17個小時。
4至11個月的「嬰兒」－每天睡眠至少12至15個小時。
1至2歲的「幼兒」－每天睡眠至少10至13個小時。
3至5歲的「學齡前兒童」－每天睡眠不能低於8個小時。
6至13歲的「學齡期兒童」－每天睡眠至少9至11個小時。
14至17歲的「青少年」－每天睡眠至少8至10個小時。
18至25歲的「年輕人」－每天睡眠至少7至9個小時。
26至64歲的「成人」－每天睡眠至少7至9個小時。
65歲以上的「老年人」－每天睡眠至少7至8個小時。
小花平臺關心你的健康提醒你唯有預先規劃保障才能在風險來臨時從容面對；受到新冠肺炎疫情延燒影響金管會近日公佈決定提早調降壽險保單責任準備金利率確定於7月調降包括：新台幣降息1碼、美元與人民幣各降息2碼至於澳幣更大幅降息4碼。
據保險業者預估外幣保單的責任準備金利率都將會調降其中又以終身型的儲蓄險和利變型保單影響最钜對於保費要變貴一事你是否聽得似懂非懂、感到「霧煞煞」？小花平臺編輯群時刻關注國內保險大小事即時、持續為讀者追蹤相關重要議題：</t>
  </si>
  <si>
    <t>疫情睡眠健康感到小時保單影響肺炎至少平臺近日朋友結束面對</t>
  </si>
  <si>
    <t>小時睡眠每天至少新冠肺炎</t>
  </si>
  <si>
    <t>至少睡眠小時肺炎</t>
  </si>
  <si>
    <t>az過來預約即日起開放莫德納媽媽疫苗自由嘉義</t>
  </si>
  <si>
    <t>中央公佈孕婦納入公費COVID-19疫苗接種第6類實施對象後嘉義市隨即宣佈今22日起孕婦可向嘉義基督教醫院、天主教聖馬爾定醫院、台中榮總嘉義分院、衛生福利部嘉義醫院及東西區衛生所預約接種疫苗莫德納、AZ可擇</t>
  </si>
  <si>
    <t>嘉義醫院疫苗接種孕婦公費covid-預約台中實施衛生所物件隨即東西區基督教宣佈可向莫德納納入衛生福利聖馬天主教</t>
  </si>
  <si>
    <t>中央公佈孕婦納入公費COVID-19疫苗接種第6類實施對象後嘉義市隨即宣佈今22日起孕婦可向嘉義基督教醫院、天主教聖馬爾定醫院、台中榮總嘉義分院、衛生福利部嘉義醫院及東西區衛生所預約接種疫苗莫德納、AZ可擇一接種。
嘉義市衛生局表示中央流行疫情指揮中心說明為降低孕婦於孕期感染新冠肺炎風險、避免影響胎兒健康將孕婦列為第6類公費疫苗接種對象即日起開放接種衛生局進一步提醒孕婦接種時務必攜帶孕婦健康手冊並與醫師詳細討論風險、接種效益再由目前供應的疫苗種類擇一接種。</t>
  </si>
  <si>
    <t>孕婦接種嘉義疫苗醫院風險健康衛生局公費對象中央台中孕期肺炎降低說明感染中心疫情避免指揮基督教流行影響胎兒</t>
  </si>
  <si>
    <t>新冠肺炎台灣孕婦AZ莫德納</t>
  </si>
  <si>
    <t>孕婦臺灣肺炎az莫德納</t>
  </si>
  <si>
    <t>穩定總體陸美世界有利學者</t>
  </si>
  <si>
    <t>大陸外交學院副院長、教授王帆16日在陸媒《環球時報》撰文〈世界總體穩定對中美都有利〉指出在新冠肺炎疫情肆虐全球的嚴峻時刻美國一些政客不思與他國聯手抗疫反而當成削弱別國機會是缺少歷史觀和戰略觀的膚</t>
  </si>
  <si>
    <t>缺少機會陸媒削弱環球時報當成撰文反而世界總體穩定聯手教授歷史觀政客有利美國指出時刻</t>
  </si>
  <si>
    <t>大陸外交學院副院長、教授王帆16日在陸媒《環球時報》撰文〈世界總體穩定對中美都有利〉指出在新冠肺炎疫情肆虐全球的嚴峻時刻美國一些政客不思與他國聯手抗疫反而當成削弱別國機會是缺少歷史觀和戰略觀的膚淺之舉。
文章說首先從安全視角分析世界的總體穩定有利於陸美兩國陸美兩國都是國際化程度很高的國家也是全球產業鏈的重要組成部分。
文章認為其次陸美相爭將引發不確定的後果。陸美兩大國之爭不會有贏家反而會引發一個「不確定的協力廠商」崛起它可能是某個現有的大國也可能是某些勢力或潛在的組織。這些第三方正在等待衝突的大國犯顛覆性錯誤。從大國力量對比來看這些潛在的協力廠商隨時可能利用時機以及大國對抗的危機迅速壯大起來。
文章表示第三從經濟角度來看互利共贏雖非利益最大化方案但卻是理性可行方案。陸美兩國任何一國的經濟危機都非另一方的機遇。
從現實角度來看避免與美國的對抗加劇仍然是當務之急。也是避免大陸陷入「美國式戰略對抗」錯誤思維的關鍵所在。必須從戰略性複合視角看待這一問題。那就是是否仍然堅持以相互依存條件下的競爭來看待這一問題。美國衰落難成大陸之幸。同理大陸出現經濟困境也絕不是美國的福音。
文章稱第四大國之爭只能選擇次優解。大國關係只能是互敬互讓、謀取都能夠接受的相對利益謀取對各方都相對有益的結果而不可能是只有利於某一個國家的最優解。
基於相互依存視角陸美都需要幫助經濟上陷於困境的競爭對手。這也是命運共同體深刻含義所在。國與國之間不僅需要同甘也需要共苦。</t>
  </si>
  <si>
    <t>大國文章美國陸美視角經濟對抗大陸來看全球相互依存需要可能看待問題錯誤戰略國家有利於世界利益總體角度反而</t>
  </si>
  <si>
    <t>新冠肺炎疫情歷史觀戰略觀顛覆性錯誤</t>
  </si>
  <si>
    <t>歷史觀戰略疫情肺炎顛覆錯誤</t>
  </si>
  <si>
    <t>合作峰會習近平特別</t>
  </si>
  <si>
    <t>史上頭一遭！新冠肺炎疫情嚴峻確診人數逼近50萬大關二十國集團（G20）領袖26日破天荒召開視訊特別峰會包括美國總統川普、俄羅斯總統普丁、大陸國家主席習近平等各自說明疫情因應以及流行病對該國經濟造</t>
  </si>
  <si>
    <t>疫情總統肺炎說明習近平嚴峻確診主席大陸國家人數逼近大關包括二十國集團峰會特別領袖破天荒召開因應普丁俄羅斯川普美國</t>
  </si>
  <si>
    <t>史上頭一遭！新冠肺炎疫情嚴峻確診人數逼近50萬大關二十國集團（G20）領袖26日破天荒召開視訊特別峰會包括美國總統川普、俄羅斯總統普丁、大陸國家主席習近平等各自說明疫情因應以及流行病對該國經濟造成的衝擊。
預備會議 美陸同意暫停火
這場會議由G20輪值主席沙烏地阿拉伯國王薩曼倡議舉行。薩曼在會議開場演說中呼籲各國提高對新冠疫苗研發的資金挹注盡快恢復商品與服務、尤其是醫療物資的正常流通並且協助開發中國家克服這場全球性的公衛危機。
值得一提的是據《南華早報》引述外交人士談話指出近來為了新冠肺炎誰該負責、互掀罵戰的美國與大陸在預備會議中同意暫時停火。
另外美國可能藉此次峰會發起討論以終結沙國與俄羅斯近來的原油價格戰。兩國大打價格戰加上疫情導致需求驟降國際原油價格已跌至近20年來新低。但俄方稍早表態不會在會中談到原油議題。
美擬討論 終結沙俄油價戰
新華社報導習近平在會中強調陸方願和有關國家分享防控有益做法開展藥物和疫苗聯合研發並向出現疫情擴散的國家提供力所能及的援助。陸方已經建立新冠肺炎疫情防控網上知識中心向所有國家開放。
習近平強調陸方支持世界衛生組織發揮領導作用盡力阻止疫情跨境傳播。二十國集團應加強疫情防控資訊共用推廣全面系統有效的防控指南適時舉辦全球公共衛生安全高級別會議。
世衛組織領導 陸表態支持
習近平指出大陸將加大力度向國際市場供應原料藥、生活必需品、防疫物資等產品。繼續實施積極的財政政策和穩健的貨幣政策堅定不移擴大改革開放放寬市場准入持續優化營商環境積極擴大進口擴大對外投資為世界經濟穩定作出貢獻。
習近平強調疫情對全球生產和需求造成全面衝擊各國應該聯手加大宏觀政策對沖力道防止世界經濟陷入衰退。要實施有力有效的財政和貨幣政策加強金融監管協調共同維護全球產業鏈供應鏈穩定。
習近平呼籲二十國集團成員採取共同舉措減免關稅、取消壁壘、暢通貿易發出有力信號提振世界經濟復甦士氣。</t>
  </si>
  <si>
    <t>疫情習近平國家經濟防控二十國集團會議全球世界大陸美國陸方肺炎強調擴大物資有力共同積極有效開放加強近來指出實施</t>
  </si>
  <si>
    <t>峰會肺炎二十國集團防控G20</t>
  </si>
  <si>
    <t>肺炎防控二十國集團峰會</t>
  </si>
  <si>
    <t>老闆口罩未戴中標北部確診台南</t>
  </si>
  <si>
    <t>台南今天新增2例本土新冠肺炎確診個案全市累計35例。案11100的50多歲男性自營工廠與案5645在5月20日短暫接觸當時未戴口罩5月31日出現發燒等症狀4日醫院採檢確診匡列9接觸者。案11102的60多歲女性5月10</t>
  </si>
  <si>
    <t>確診接觸本土匡列口罩肺炎醫院個案短暫全市累計出現發燒症狀未戴當時自營男性工廠新增今天台南</t>
  </si>
  <si>
    <t>台南今天新增2例本土新冠肺炎確診個案全市累計35例。案11100的50多歲男性自營工廠與案5645在5月20日短暫接觸當時未戴口罩5月31日出現發燒等症狀4日醫院採檢確診匡列9接觸者。案11102的60多歲女性5月10日因病在北部治療1周出院後住新北親友家親友4人確診婦人5月28日到6月4日居家隔離5日淩晨確診匡列2位接觸者。
台南市衛生局長許以霖說2例分別是仁德區及永康區。仁德區的案11100是傳產老闆在5月31出現發燒、喉嚨乾兩度到診所就醫未改善6月4日醫院採檢確診回溯他於5月20日曾與客戶、案5645接觸當時未戴口罩而被傳染匡列9人均陰性。
永康區、案11102的60多歲女性5月10日因病在北部醫院治療約1周出院後至5月28日居住新北親友家新北親友4人確診婦人於5月28日到6月4日返回台南居家隔離因列為居家隔離者由衛生局安排採檢5日淩晨確診無相關症狀匡列2位接觸者也都陰性。
此外昨天新增的佳裡區第一黃昏市場攤商確診已採檢139人都是陰性衛生局也連續3天在當地設篩檢站希望找出可能潛在感染源杜絕疫情擴大。
針對苗栗縣京元電等科技廠紛紛傳出確診憂心科學園區疫情告急台南市衛生局人員8日進駐南科協助快篩每天篩檢量能至少為1500人市府即日起也將全面稽查移工宿舍防疫措施避免移工群聚成為防疫破口。
被問到竹竹苗成立防疫作戰聯盟台南市是否跟進串連鄰近高雄、屏東組聯盟一起防疫？台南市長黃偉哲說台南平常就會與高屏首長一起共商很多政策事宜目前不會特別籌組什麼聯盟。
黃偉哲也重申6月11日端午連假開始籲請北部親友、家人暫緩返鄉目前為止台南市確診者幾乎都是去高風險縣市或北部親友南下把病毒帶回來傳染給家人、同事端午連假結束恐怕有一波大流行在南部發生為避免這種情形請大家暫緩返鄉不要造成另一波傳染高峰。
他說南市為了減少連假返鄉人潮祭出退票就給200元獎金台南旅外子弟立刻退掉返鄉車票另也鼓勵裡鄰長和熱心鄰居朋友勸導南返者篩檢若篩檢出PCR陽性確診獎金最高1萬元。</t>
  </si>
  <si>
    <t>確診台南返鄉防疫聯盟北部接觸親友匡列衛生局陰性醫院疫情一起避免</t>
  </si>
  <si>
    <t>台南新冠肺炎台灣確診親友</t>
  </si>
  <si>
    <t>肺炎臺灣確診台南親友</t>
  </si>
  <si>
    <t>個案輸入廣東境外本土新增病例</t>
  </si>
  <si>
    <t>據大陸國家衛健委網站消息7月3日0至24時31個省(自治區、直轄市)和新疆生產建設兵團報告新增確診病例14例均為境外輸入病例(雲南4例廣東3例福建2例天津1例遼寧1例上海1例廣西1例四川1例)；新增疑</t>
  </si>
  <si>
    <t>新增病例網站消息確診自治區直轄市報告新疆生產建設兵團雲南衛健廣東輸入境外上海遼寧天津四川廣西福建國家大陸</t>
  </si>
  <si>
    <t>據大陸國家衛健委網站消息7月3日0至24時31個省(自治區、直轄市)和新疆生產建設兵團報告新增確診病例14例均為境外輸入病例(雲南4例廣東3例福建2例天津1例遼寧1例上海1例廣西1例四川1例)；新增疑似病例3例均為境外輸入病例(均在上海)。
此外廣東省衛健委統計截至3日廣東省全省無新增新冠肺炎本土確診病例和本土無症狀感染者。廣東已持續11天本土確診病例和本土無症狀感染者零新增。
大陸國務院聯防聯控機制綜合組廣東工作組人員2日已全部撤離廣東省。廣東省自5月21日以來發生3輪不同疫情均與境外輸入相關。其中2輪疫情為Delta變異毒株、1輪為Alpha變異毒株。此次廣東疫情處置探索積累了中國應對境外變異毒株疫情的新組合措施。
廣東省的本土新增病例從5月21日持續到6月21日這期間廣東發生了3輪不同源頭的疫情。其中1輪首先發生於廣州其次在茂名、佛山、湛江出現病例；2輪先後發生在深圳並關聯了東莞疫情。
過去這一個月廣東省共190人感染新冠肺炎。從6月22日開始廣東省沒有再出現新的本土感染者到7月2日持續11日零新增。
廣州市新型冠狀病毒肺炎疫情防控指揮部2日發出通告稱本輪新冠肺炎疫情得到有效控制疫情防控恢復常態化階段。
廣州市和佛山市自7月3日0時起取消持48小時核酸檢測陰性證明出省管控措施。省內除深圳市、東莞市外的其他地市自7月3日0時起取消持72小時核酸檢測陰性證明出省管控措施。</t>
  </si>
  <si>
    <t>疫情廣東省廣東病例肺炎發生境外本土新增措施確診出現防控變異廣州市上海感染者輸入持續大陸</t>
  </si>
  <si>
    <t>確診廣東新冠肺炎大陸本土</t>
  </si>
  <si>
    <t>肺炎廣東大陸本土確診</t>
  </si>
  <si>
    <t>確診增至肺炎韓國新死亡</t>
  </si>
  <si>
    <t>韓國中央防疫對策本部通報至今天淩晨零時確診感染2019年冠狀病毒疾病（COVID-19武漢肺炎）病例達8236例較15日增加74例；連同今早新增案例死亡病例增至76例。新增74例中包括大邱35例、慶尚北道7例、首爾6</t>
  </si>
  <si>
    <t>病例新增本部通報今天淩晨確診感染冠狀對策病毒疾病covid-武漢肺炎防疫死亡案例增加包括</t>
  </si>
  <si>
    <t>韓國中央防疫對策本部通報至今天淩晨零時確診感染2019年冠狀病毒疾病（COVID-19武漢肺炎）病例達8236例較15日增加74例；連同今早新增案例死亡病例增至76例。
新增74例中包括大邱35例、慶尚北道7例、首爾6例、京畿道20例釜山、世宗市各一例境外移入4例。
各地確診以大邱6066例、慶尚北道1164例最多其次為首爾253例、京畿道231例、忠清南道115例、釜山107例、慶尚南道85例。仍集中在最先爆發群聚感染的大邱、慶尚北道以及首爾、京畿道等首都周邊。
韓國聯合新聞通訊社報導截至今天淩晨零時韓國境內有75例死亡連同慶尚北道新增一例共76例死亡致死率092%。
報導說慶尚北道新增的死亡案例為82歲女性原先住在慶尚北道清道郡立老人療養醫院5日確診後送至金泉醫療院治療但因肺炎症狀惡化不治。
解除隔離人數來到1137例較15日增加303例一舉突破千人。韓國至今有近275萬人接受篩檢其中25萬1297人為陰性1萬4971人仍在等待結果揭曉。</t>
  </si>
  <si>
    <t>慶尚韓國確診死亡肺炎感染報導今天淩晨案例病例增加新增釜山症狀治療</t>
  </si>
  <si>
    <t>慶尚北道死亡大邱肺炎京畿道</t>
  </si>
  <si>
    <t>肺炎死亡慶尚</t>
  </si>
  <si>
    <t>逆轉確診賽娜公開賽可出羽球泰國</t>
  </si>
  <si>
    <t>YONEX泰國羽球公開賽開打至今關於新冠肺炎方面的防疫雖然努力做到家不過目前一些狀況也還是有點混亂昨天傳出病毒檢測結果是陽性、必須立刻到醫院隔離的印度前世界球後賽娜（Saina Nehwal）後來BWF官方改口檢測</t>
  </si>
  <si>
    <t>後來nehwalsaina至今賽娜肺炎方面前世防疫印度努力隔離bwf公開賽醫院到家目前立刻狀況必須</t>
  </si>
  <si>
    <t>YONEX泰國羽球公開賽開打至今關於新冠肺炎方面的防疫雖然努力做到家不過目前一些狀況也還是有點混亂昨天傳出病毒檢測結果是陽性、必須立刻到醫院隔離的印度前世界球後賽娜（Saina Nehwal）後來BWF官方改口檢測結果錯誤賽娜可以參賽今天大會也安排補賽。
賽娜原定昨天要和馬來西亞選手琪索娜（Kisona Selvaduray）進行女單32強對抗不過賽前傳出賽娜第三次檢測結果呈陽性大會立刻請她退賽赴醫她的選手丈夫卡夏普（Parupalli Kashyap）也需跟著退賽隔離昨晚深夜卻又變成賽娜和的檢測結果有誤可以恢復參賽。
不只賽娜他的同胞普拉諾伊（H S Prannoy）及另一位德國選手也都是從退賽變成恢復比賽外電指出因為這3位選手感染過新冠肺炎但是已經恢復因此有抗體才會出現檢測結果是陽性因此可以重新比賽大會也在今天安排補賽。
而另一位元原本病毒檢測呈陽性的埃及選手艾加姆（Adham Hatem Elgamal）因抗體呈陰性表示對新冠肺炎沒抗體因此仍建議退賽、先前往當地的醫院至少隔離10天。</t>
  </si>
  <si>
    <t>選手賽娜結果檢測恢復陽性抗體隔離肺炎大會昨天變成比賽傳出病毒檢測可以立刻醫院參賽補賽今天安排</t>
  </si>
  <si>
    <t>羽球賽娜檢測選手退賽</t>
  </si>
  <si>
    <t>檢測選手賽娜羽球</t>
  </si>
  <si>
    <t>市府觀光超前部署時代疫情國旅市場</t>
  </si>
  <si>
    <t>後疫情時代來臨高市府搶救觀光大作戰超前部署不等中央安心旅遊補助到位先擬定射觀光3箭瞄準公務員、團客、散客三大族群搶攻國民旅遊市場。除攜手飯店、旅行社加碼優惠補助盼帶動公務員預購、預刷國民旅</t>
  </si>
  <si>
    <t>觀光公務員補助旅遊國民市府搶救作戰預購來臨超前帶動部署不等中央加碼散客安心族群搶攻優惠市場攜手瞄準</t>
  </si>
  <si>
    <t>後疫情時代來臨高市府搶救觀光大作戰超前部署不等中央安心旅遊補助到位先擬定射觀光3箭瞄準公務員、團客、散客三大族群搶攻國民旅遊市場。除攜手飯店、旅行社加碼優惠補助盼帶動公務員預購、預刷國民旅遊卡也與中北部旅行社合作辦踩線團而6月則推「城市探險」強調戶外防疫安心旅遊。
觀光局長邱俊龍透露現在已經進入後疫情時期高市府針對觀光政策進行超前部署環繞「振興國旅」這四個字成為相當重要的指標高市府先把資源放進去未來等中央方案再加進來相信會對高雄觀光業注入活水。
邱俊龍指出首先鎖定公務人員因每年有8000元國民旅遊卡額度可消費用於訂飯店旅遊這次高市府編列預算加碼外也號召飯店、旅行社祭出優惠刺激公務員預購、預刷讓旅宿業有現金流。這項方案預計下周對外公告細節最快6月1日上路。
針對團體旅遊部分邱俊龍透露5月7日起已與中北部旅行社合作推動踩線團將中北部遊客往南帶到高雄觀光並搭配今年高雄區域觀光元年元素推動多條旅遊軸帶。
至於散客方面邱俊龍表示今年高市觀光推動「月月有精彩」但5月因疫情而停擺接下來6月會推「城市探險」活動推廣高雄山、海等生態體驗推出系列遊程開放遊客報名也符合防疫安心旅遊概念。</t>
  </si>
  <si>
    <t>旅遊觀光邱俊龍市府旅行社推動國民公務員飯店安心高雄中北部疫情方案遊客中央散客補助加碼探險城市部署超前</t>
  </si>
  <si>
    <t>新冠肺炎疫情韓國瑜觀光國民旅遊</t>
  </si>
  <si>
    <t>韓國疫情觀光肺炎國民旅遊</t>
  </si>
  <si>
    <t>創世遊會募款攪局疫情冷清</t>
  </si>
  <si>
    <t>今年受新冠肺炎疫情影響社福團體募款持續低迷不僅活動延期或取消影響曝光機會民眾減少出門也降低小額捐款進帳屏東創世基金會趁國內疫情趨緩之際選在11月8日舉辦公益園遊會但倒數1個月時間允諾出席攤</t>
  </si>
  <si>
    <t>疫情影響倒數遊會公益舉辦肺炎時間之際進帳捐款小額國內降低基金會創世出門減少持續民眾</t>
  </si>
  <si>
    <t>今年受新冠肺炎疫情影響社福團體募款持續低迷不僅活動延期或取消影響曝光機會民眾減少出門也降低小額捐款進帳屏東創世基金會趁國內疫情趨緩之際選在11月8日舉辦公益園遊會但倒數1個月時間允諾出席攤位仍短缺一半讓社工著急萬分。
「預定募集70攤公益攤位目前還差30攤」屏東創世分院長林艾樺無奈表示過去合作攤商聽聞公益性質總是義不容辭答應但今年大家都過得很辛苦有些人以沒有預算直接婉拒部分人則是答應考慮、卻又沒有下文「確實沒有過去踴躍」。
轉頭看著臥床的患者林艾樺淡淡地說今年收入相較同期少了將近4成每月固定300萬元支出讓他們更顯艱辛但不論募款多寡植物人照護服務還是得繼續包括使用的醫材、健康食品開銷都是固定目前收治54人背後代表的就是54個家庭。
連續3年響應的在地建設公司董座王世賢獲悉消息後允諾協助更號召下游廠商一同響應他表示持續做一件良善的事需要集眾人之力希望有更多企業、店家捐贈物資大家有錢出錢、有力出力讓愛心滿溢社會各角落。
林艾樺表示此次園遊會目標募得80萬元將是全院3個月的奶粉及尿布錢至舉辦當天剛好1個月盼社會各界共襄盛舉一同協助植物人常年服務。</t>
  </si>
  <si>
    <t>表示公益今年沒有影響疫情舉辦持續回應答應固定一同募款允諾協助過去遊會目前攤位創世</t>
  </si>
  <si>
    <t>新冠肺炎社福募款創世基金會</t>
  </si>
  <si>
    <t>肺炎募款創世基金會</t>
  </si>
  <si>
    <t>病例背後原因確診湖北曝光</t>
  </si>
  <si>
    <t>新冠肺炎疫情不可收拾湖北省委書記蔣超良遭免由上海市長應勇接替；與此同時湖北的確診人數也一夕暴增到14萬為何會有這麼劇烈的改變？十年前從大陸移居香港的資深媒體人曾慧燕指出確診病例一日暴增是因</t>
  </si>
  <si>
    <t>確診不可湖北省委書記蔣超良病例上海疫情市長應勇曾慧燕香港移居接替大陸指出年前改變媒體湖北劇烈增到人數</t>
  </si>
  <si>
    <t>新冠肺炎疫情不可收拾湖北省委書記蔣超良遭免由上海市長應勇接替；與此同時湖北的確診人數也一夕暴增到14萬為何會有這麼劇烈的改變？十年前從大陸移居香港的資深媒體人曾慧燕指出確診病例一日暴增是因為新任者不願為前任背鍋目的是為人事更迭鋪路。
新冠肺炎疫情重災區湖北省傳來巨大的官場大震動！據《新華社》13日報導蔣超良不再擔任湖北省委書記、常委、委員職務改由應勇接替。就在此時湖北也改變確診標準將「臨床診斷」病例納入新冠肺炎確診案例。一夕之間病例暴增到14萬。
對此曾慧燕於臉書發文表示新人事命令公佈了真相大白！原來是新任不願為前任背鍋確診病例一日暴增1萬4900多例目的是為人事更迭鋪路。一下子把真實資料公佈出來畢竟對民憤還是在乎的。</t>
  </si>
  <si>
    <t>確診病例人事改變肺炎曾慧燕增到書記蔣超良湖北省委應勇接替鋪路疫情更迭湖北目的願為資料</t>
  </si>
  <si>
    <t>湖北新冠肺炎台灣大陸應勇</t>
  </si>
  <si>
    <t>臺灣肺炎大陸湖北應勇</t>
  </si>
  <si>
    <t>復工仁寶昆山延至</t>
  </si>
  <si>
    <t>NB代工大廠仁寶位於大陸昆山地房工廠受制中國新冠肺炎影響公司初步暫訂復工日期延後至2月17日。由於昆山地區有不少台商仁寶延後開工之舉也間接說明台商在昆山區塊的復工日期還待進一步觀察。據瞭解由於大</t>
  </si>
  <si>
    <t>昆山日期復工台商位於大陸工廠受制中國肺炎影響公司初步區塊仁寶延暫訂說明地區延後進一步</t>
  </si>
  <si>
    <t>NB代工大廠仁寶位於大陸昆山地房工廠受制中國新冠肺炎影響公司初步暫訂復工日期延後至2月17日。
由於昆山地區有不少台商仁寶延後開工之舉也間接說明台商在昆山區塊的復工日期還待進一步觀察。
據瞭解由於大陸新冠肺炎已陸續向沿海蔓延包括南京、上海、廣州甚至是北京多傳來封閉式管理措施顯示肺炎疫情仍十分嚴峻因此大陸地方政府在控制疫情考量下也多期望企業復工能延後。</t>
  </si>
  <si>
    <t>大陸肺炎昆山復工疫情日期台商延後甚至廣州位於上海北京南京傳來包括封閉式蔓延管理沿海措施顯示陸續考量</t>
  </si>
  <si>
    <t>復工仁寶大陸延後新冠肺炎</t>
  </si>
  <si>
    <t>大陸延後仁寶肺炎復工</t>
  </si>
  <si>
    <t>陳廣中保守光寶全年電腦設備樂觀</t>
  </si>
  <si>
    <t>新冠肺炎疫情導致下半年產業變數不少光寶科(2301)下半年仍可望優於上半年！光寶科總執行長陳廣中表示第3季雖然為傳統旺季但因第2波疫情尚未明朗化較為保守看待第3季不過下半年因工作天數多於上半年預估</t>
  </si>
  <si>
    <t>下半年疫情上半年光寶導致工作尚未看待明朗化旺季保守傳統較為執行長表示陳廣中天數產業變數優於肺炎多於可望預估</t>
  </si>
  <si>
    <t>新冠肺炎疫情導致下半年產業變數不少光寶科(2301)下半年仍可望優於上半年！光寶科總執行長陳廣中表示第3季雖然為傳統旺季但因第2波疫情尚未明朗化較為保守看待第3季不過下半年因工作天數多於上半年預估下半年營運仍將優於上半年樂觀看待全年營運。
原本趨緩的全球新冠肺炎疫情因各國陸續解封蠢蠢欲動大陸北京本土案例攀升美國疫情未止引發市場擔心新冠肺炎是否再現第二波疫情加上中美貿易戰未歇產業變數讓不少廠商對下半年持謹慎看法。
陳廣中表示受惠於疫情衍生的宅經濟整體電競/遊戲相關應用在今年淡季表現比往年好伺服器、5GAIoT等相關需求受到疫情影響較小第3季雖然為傳統旺季但因第2波疫情尚未明朗化較為保守看待第3季第3季恐不如以往旺由於9月出貨是為年底購物季若疫情無法控制造成失業人太多第4季感恩節及聖誕節的銷售旺季恐有壓力不過下半年因工作天數多於上半年預估下半年營運仍將優於上半年。
光寶集團去年主要營運成長主軸包括：雲端運算、LED元件、LED車用、戶外照明、5G、人工智慧及物聯網(AloT)等占總營收超過30%獲利貢獻占比逾40%。
為因應貿易戰光寶科先前已展開產能分散策略不過受到新冠肺炎疫情各國封城封國影響部分海外生產據點被迫停工目前光寶科大陸廠區已全面復工並回到正常出貨水準非大陸地區的巴西及墨西哥廠亦已全面復工印度目前局部復工泰國、高雄和越南則未受疫情影響光寶科預估今年非大陸地區產能預計可佔總產能15%~20%。</t>
  </si>
  <si>
    <t>疫情光寶下半年大陸影響營運肺炎上半年復工看待相關旺季今年貿易戰目前受到預估地區</t>
  </si>
  <si>
    <t>全球光寶科陳廣中新冠肺炎疫情產能</t>
  </si>
  <si>
    <t>陳廣中肺炎疫情光寶產能全球</t>
  </si>
  <si>
    <t>中鋒伍德活塞陽性nba</t>
  </si>
  <si>
    <t>該來的還是來了！《The Athletic》權威記者查拉尼亞15日搶先爆料曾在8日跟爵士中鋒戈貝爾在場上遭遇的活塞中鋒伍德接受新冠肺炎檢驗呈現陽性確定成為第3位新冠肺炎檢測呈現陽性的NBA球員前兩位分別是戈貝爾</t>
  </si>
  <si>
    <t>中鋒陽性戈貝爾呈現肺炎athletic記者權威查拉尼亞爵士球員nbathe伍德接受檢測檢驗成為搶先曾在場上遭遇活塞</t>
  </si>
  <si>
    <t>該來的還是來了！《The Athletic》權威記者查拉尼亞15日搶先爆料曾在8日跟爵士中鋒戈貝爾在場上遭遇的活塞中鋒伍德接受新冠肺炎檢驗呈現陽性確定成為第3位新冠肺炎檢測呈現陽性的NBA球員前兩位分別是戈貝爾、米契爾兩名爵士球星。
伍德也成為第1位出現新冠肺炎檢測陽性的非爵士球員他在8日活塞出戰爵士比賽當中先發打了38分鐘拿下30分、11籃板表現完全壓過戈貝爾的10分、12籃板卻跟戈貝爾整整對位了10分13秒遭到戈貝爾(或米契爾？)傳染新冠肺炎機率相當高。
未經選秀進入NBA的伍德堪稱活塞的未來積極培養的內線主力在活塞把原本當家中鋒德拉蒙換去騎士之後伍德逐漸獲得穩定上場時間表現也相當出色前役遭遇七六人更摘生涯新高32分根據查拉尼亞爆料目前他並未出現任何症狀但仍檢測新冠陽性。</t>
  </si>
  <si>
    <t>伍德活塞爵士戈貝爾中鋒肺炎表現相當nba陽性遭遇米契爾查拉尼亞出現檢測球員籃板成為呈現athletic拿下</t>
  </si>
  <si>
    <t>陽性中鋒NBA戈貝爾伍德</t>
  </si>
  <si>
    <t>中鋒陽性nba戈貝爾伍德</t>
  </si>
  <si>
    <t>經濟美國專欄指數趨勢期貨匯率</t>
  </si>
  <si>
    <t>今年一開年中美達成第一階段協議順利簽署實質文本且雙方均表認同。儘管美國總統川普表示原先已課徵的關稅不會取消或降低此議題將留至第二階段協議簽署後才有協調的空間但市場仍樂觀看待貿易戰暫時落幕</t>
  </si>
  <si>
    <t>階段協定簽署樂觀市場空間達成協調看待才有原先表示川普總統關稅美國認同取消順利降低雙方</t>
  </si>
  <si>
    <t>美國市場中國疫情指數資料期貨影響經濟持續匯率全球回檔表現整體進行下滑</t>
  </si>
  <si>
    <t>聯準會中國匯率期貨肺炎採取</t>
  </si>
  <si>
    <t>期貨匯率中國准會肺炎採取</t>
  </si>
  <si>
    <t>危機藍營北市高層萬安</t>
  </si>
  <si>
    <t>有意角逐2022臺北市長選舉的藍委蔣萬安在日前國民黨35位政治人物聲量排名掉入第30名引發外界的關注。對此國民黨臺北市黨部主委黃呂錦茹表示這應是疫情當下的特殊狀況明年接近選舉藍綠白在北市會回歸基本</t>
  </si>
  <si>
    <t>選舉國民黨臺北市藍綠白接近明年狀況當下特殊疫情表示藍委蔣日前黃呂錦萬安北市政治主委人物排名引發外界關注</t>
  </si>
  <si>
    <t>有意角逐2022臺北市長選舉的藍委蔣萬安在日前國民黨35位政治人物聲量排名掉入第30名引發外界的關注。對此國民黨臺北市黨部主委黃呂錦茹表示這應是疫情當下的特殊狀況明年接近選舉藍綠白在北市會回歸基本盤藍仍大有可為但政治人物在野時更要該衝就衝聲量應該再大一點。
粉專「聲量看政治」17日在臉書發文表示疫情期間的即時新聞社群聲量分析據5月10日至今國民黨35位政治人物的聲量排名如下：侯友宜的聲量為3489%是國民黨政治人物疫情期間聲量第一名；第二名為盧秀燕佔35位國民黨政治人物的566%；第三名是前高雄市長韓國瑜佔481%；第四名是資深媒體人趙少康佔466%而蔣萬安排名出乎意料為第30名、倒數第六名。
針對蔣萬安排名在第30名一事據港媒《中評網》今（20）報導黃呂錦茹表示雖然她之前也覺得在疫情期間怎都沒看到蔣萬安的新聞有所擔憂但這都只是表面事實上蔣萬安接觸基層和關懷腳步從來沒有停過會讓曾受助於蔣的市民有所體會。
黃呂錦茹認為只是蔣目標是臺北市長且現在臺北並不是國民黨執政當衛福部長陳時中和臺北市副市長黃珊珊現媒體聲量都比蔣萬安顯得多時大家對目前狀況也有點焦急但黃呂錦茹分析這應是疫情當下的特殊狀況明年接近選舉藍綠白在北市會回歸基本盤藍仍大有可為但政治人物在野時更要該衝就衝聲量應該再大一點。
事實上《ETtoday新聞雲》於7月13日至16日針對18歲以上的臺北市民進行2022臺北市長人選調查。調查結果顯示若2022臺北市長由蔣萬安與陳時中兩人藍綠對決則以蔣萬安勝出目前支持度差距為152個百分點。若台灣民眾黨派出黃珊珊加入戰局會使蔣萬安的部分支持者跑票將蔣萬安與陳時中雙方的支持度差距從152個百分點拉近為65個百分點但蔣仍領先。</t>
  </si>
  <si>
    <t>萬安臺北市國民黨政治疫情人物黃呂錦期間排名表示市長選舉黃珊珊百分點事實上狀況目前新聞有所陳時中</t>
  </si>
  <si>
    <t>聲量蔣萬安政治人物黃呂錦茹新冠肺炎</t>
  </si>
  <si>
    <t>黃呂錦人物政治萬安肺炎</t>
  </si>
  <si>
    <t>抑制抗體發現病毒力達</t>
  </si>
  <si>
    <t>◎長庚發現抗體 抑制新冠病毒力達98％抗疫新利器！長庚黃冠穎醫師團隊從確診病患中找到單株抗體經實驗發現能有效阻斷病毒且武漢株、美國株、歐洲株和埃及株都有效果抑制病毒能力達90至98％且來源是人體副作</t>
  </si>
  <si>
    <t>病毒抑制抗體發現確診能力團隊醫師找到歐洲株單株效果美國武漢黃冠實驗埃及阻斷利器</t>
  </si>
  <si>
    <t>◎長庚發現抗體 抑制新冠病毒力達98％
抗疫新利器！長庚黃冠穎醫師團隊從確診病患中找到單株抗體經實驗發現能有效阻斷病毒且武漢株、美國株、歐洲株和埃及株都有效果抑制病毒能力達90至98％且來源是人體副作用少、安全性更高可望開發成治療新冠肺炎的藥物預計6月招商技轉希望找到國際大廠合作力拼年底上市。
◎小確幸！政院核定明年放假116天 3天以上連假8個
行政院人事行政總處今天公佈行政院核定的2021年政府行政機關辦公日曆表全年365日總放假日數116日其中3日以上之連續假期（併同例假日）計8個包括開國紀念日（3日）、農曆春節假期（7日）、和平紀念日（3日）、兒童節及民族掃墓節（4日）、端午節（3日）、中秋節（4日）、國慶日（3日）及2022年開國紀念日（3日）。
◎勞動部調查：大學畢業生去年起薪逾2萬9千元
為瞭解事業單位各職類受僱員工人數及薪資水準勞動部每年均會辦理「職類別薪資調查」受回收9691家有效樣本。勞動部今天公佈2019年「職類別薪資調查」其中大學畢業生初任人員起薪達2萬9336元相較2018年的2萬8849元成長169％其中住宿及餐飲業、支援服務業、教育業及其他服務業均未滿2萬8000元。
◎文華東方回饋北市府難履約 財政局：違約則求償
文華東方酒店發生大量裁員近期不接受訂房影響北市府過去與業者簽約的「容積獎勵回饋條件」酒店以容積獎勵向北市府換得1300多坪容積作為回饋條件協議以15年的住房及宴會廳回饋交換目前還有9年要回饋但如今卻可能無法使用。產發局回應2周內立即找業者談。財政局則說若業者違約就求償。</t>
  </si>
  <si>
    <t>病毒勞動部市府業者薪資調查紀念日核定有效以上抑制文華東方酒店抗體放假今天公佈</t>
  </si>
  <si>
    <t>長庚抗體行政院勞動部起薪</t>
  </si>
  <si>
    <t>勞動部抗體行政院</t>
  </si>
  <si>
    <t>臺灣人防疫最愛fb感染高風險林傑</t>
  </si>
  <si>
    <t>近日國內新冠肺炎境外移入確診每天都1、20例全台僅剩花東、嘉義及外島沒有案例。長庚醫院毒物實驗室在已故「俠醫」林傑樑的臉書分享了10種一般民眾預防感染、增強抵抗力的最好方法連台灣人最愛的「試吃」也列</t>
  </si>
  <si>
    <t>肺炎最愛境外臺灣人方法最好確診抵抗力增強感染預防全台僅剩民眾一般分享嘉義外島沒有</t>
  </si>
  <si>
    <t>近日國內新冠肺炎境外移入確診每天都1、20例全台僅剩花東、嘉義及外島沒有案例。長庚醫院毒物實驗室在已故「俠醫」林傑樑的臉書分享了10種一般民眾預防感染、增強抵抗力的最好方法連台灣人最愛的「試吃」也列入其中竟有感染新冠病毒的風險。
「林傑樑」的臉書指出一般民眾預防染疫、增強抵抗力的最好方法有10個：
1、注意個人衛生需要時正確戴好口罩、多洗手不以手碰觸眼睛及口鼻。
2、經常開窗通風、沖馬桶蓋上蓋子。
3、人與人之間保持1-2公尺距離。
4、分餐吃飯不共食、不共用餐具。
5、碰觸過電梯按鈕、公共用品之後也要勤洗手。
6、回家後快洗澡若無法洗澡也要洗手、洗臉、漱口。
7、沒限水者可以喝足夠的水減少含糖飲料攝取。
8、多吃天然蔬果及適量蛋白質善用辛香料。
9、不要試吃、不要試用貼身物品如睫毛膏、唇膏。
10、充足睡眠、適度運動、穩定心情。
其中第9條「不要試吃」最讓人難以戒掉像是許多人去好市多、大賣場、百貨公司地下街等第一件事就是先排試吃就連地震來了也要冷靜地排隊等食物看來這習慣在疫情期間得先忍一忍了。</t>
  </si>
  <si>
    <t>不要洗手感染方法最好抵抗力一般民眾預防增強洗澡習慣看來</t>
  </si>
  <si>
    <t>試吃林傑樑10風險臉書</t>
  </si>
  <si>
    <t>林傑風險</t>
  </si>
  <si>
    <t>南港展覽館嚴峻搭建疫情</t>
  </si>
  <si>
    <t>台灣累積確診數已破萬人疫情尚看不到終點凸顯國內方艙收容不足問題。對此外貿協會董事長黃志芳今天正面回應國家疫情嚴峻如要徵用貿協展場「義不容辭、全力配合」。據瞭解貿協內部對此有做過評估如國家真</t>
  </si>
  <si>
    <t>疫情國家看不到國內終點收容凸顯不足問題內部對此外貿協會瞭解董事長展場黃志芳今天回應徵用嚴峻評估</t>
  </si>
  <si>
    <t>台灣累積確診數已破萬人疫情尚看不到終點凸顯國內方艙收容不足問題。對此外貿協會董事長黃志芳今天正面回應國家疫情嚴峻如要徵用貿協展場「義不容辭、全力配合」。據瞭解貿協內部對此有做過評估如國家真有需要願意釋出南港展覽館 (一、二館)空間供作臨時輕症收容的的方艙醫院或簡易隔離所。
至於臺北市要推疫苗快打計畫市長柯文哲點名包括世貿展覽館在內的地點作為大型接種點貿協的態度則保留認為「需要協調」。這與世貿展覽館不適合做為方艙道理一樣’因為一館並非只有展場2樓以上還進駐有6、700家進出口貿易廠商需考量對其衝擊。柯市長如提出會再問過世貿展館管委會意見。
隨著國內新冠肺炎疫情未降輕症者也不斷增多國內也需要大型室內空間供建置方艙醫院避免拖垮醫療機運作。
對於建置方艙需求黃志芳表示自己看到每天確診人數沒有大幅下降也有心理準備。前幾天內部其實也開過會假設政府要徵用貿協場地作為大型輕症感染者的照護場地有預先做思考。
他說目前還沒有任何主管機關來談這件事(建置方艙)目前就是內部先推演但強調如國家疫情嚴峻願意「義不容辭全力配合防疫政策」。
貿協表示內部有評估過可以配合的場館初步只有南港展覽館適合因為這裡主要是自己員工方便配合。且光南港一館展場面積就有4萬多平方公尺空間也夠。不過貿協沒有醫療設施與專業政府如要徵調需徵用單位元去配置也僅適合做為輕症收容醫院或簡易隔離所。
黃志芳說醫療專業貿協不懂但這幾十年下來展場進出場動線、施工、水電支援都非常純熟行政支援上絕對可以做到最好效率。</t>
  </si>
  <si>
    <t>疫情展覽館展場配合國內世貿黃志芳需要內部沒有建置適合徵用醫療國家可以收容市長醫院支援</t>
  </si>
  <si>
    <t>新冠肺炎台灣 貿協方艙展場</t>
  </si>
  <si>
    <t>臺灣肺炎展場</t>
  </si>
  <si>
    <t>關?機師新北排除可能性幼稚園</t>
  </si>
  <si>
    <t>新北市長侯友宜今上午表示不能完全排除幼兒園群聚感染跟機師染疫有關但兩者時間序對不上質疑市府甩鍋新北市副發言人蔡畹鎣回應針對群聚案新北市積極匡列疫調中一切等基因定序結果出來不排除任何感染源的</t>
  </si>
  <si>
    <t>新北排除感染表示上午不能完全出來幼稚園結果基因質疑時間對不上有關機師發言人市府匡列</t>
  </si>
  <si>
    <t>新北市長侯友宜今上午表示不能完全排除幼兒園群聚感染跟機師染疫有關但兩者時間序對不上質疑市府甩鍋新北市副發言人蔡畹鎣回應針對群聚案新北市積極匡列疫調中一切等基因定序結果出來不排除任何感染源的可能性市府會努力做好精準疫調呼籲民眾有任何疑慮或出現任何症狀可到社區篩檢站篩檢。
新北市副發言人呂家愷進一步說明新北市在進行疫調過程當中發現在中央流行疫情指揮中心公佈的時間內曾有確診者的家屬到過桃園另外也已證實有確診孩童的家屬收到細胞簡訊所以目前尚不排除新北幼兒園群聚感染案與桃園機師案的關聯性不過還是要以明天中央基因定序的比對結果為主。
★《中時新聞網》提醒您：因應新冠肺炎疫情疾管署持續加強疫情監測與邊境管制措施 如有疑似症狀請撥打：1922專線或 0800-001922並依指示配戴口罩儘速就醫同時主動告知醫師旅遊史及接觸史以利及時診斷及通報。</t>
  </si>
  <si>
    <t>新北疫情排除症狀感染時間中央市府家屬確診桃園發言人幼稚園基因機師結果接觸史及旅遊醫師</t>
  </si>
  <si>
    <t>新冠肺炎台灣幼兒園群聚感染機師</t>
  </si>
  <si>
    <t>臺灣幼稚園肺炎感染機師</t>
  </si>
  <si>
    <t>疫苗正式張亞中申請</t>
  </si>
  <si>
    <t>孫文學校校長張亞中今天上午前往衛福部疾管署親自遞交疫苗進口申請書。張亞中表示完全配合衛福部的要求願意提供擬捐贈疫苗的單位與原生產藥廠、代理公司的聯絡視窗由衛福部直接接洽相關疫苗進口所需的各項驗</t>
  </si>
  <si>
    <t>衛福部疫苗張亞中進口今天上午前往相關視窗藥廠接洽聯絡公司生產單位捐贈管署代理要求直接配合提供親自完全願意申請書遞交表示校長</t>
  </si>
  <si>
    <t>孫文學校校長張亞中今天上午前往衛福部疾管署親自遞交疫苗進口申請書。張亞中表示完全配合衛福部的要求願意提供擬捐贈疫苗的單位與原生產藥廠、代理公司的聯絡視窗由衛福部直接接洽相關疫苗進口所需的各項驗證與簽約程式。
張亞中接受北京兩岸東方文化中心代表人曾念委託捐贈台灣五百萬劑BNT疫苗以及五百萬劑大陸國藥集團北京生物公司生產疫苗。
張亞中說疫苗進口後衛福部必須統籌分配張亞中也尊重政府部門統籌調度的權限唯尊重原捐贈單位的意願希望該疫苗能夠優先提供給學校師生與弱勢民眾施打。
孫文學校說明曾念特別委託張亞中代為處理該項捐贈在台灣必須處理之各項程式以使該疫苗得以順利進入台灣提供台灣民眾抗疫之所需藉此表達大陸民間對台灣血濃於水的感情。</t>
  </si>
  <si>
    <t>疫苗張亞中衛福部捐贈臺灣提供進口學校大陸程式北京公司單位必須民眾生產尊重統籌孫文處理表達說明曾念師生政府部門特別中心東方文化</t>
  </si>
  <si>
    <t>張亞中捐贈疫苗孫文學校新冠肺炎</t>
  </si>
  <si>
    <t>孫文學疫苗捐贈張亞中肺炎</t>
  </si>
  <si>
    <t>cdc民眾擴散感恩節防疫旅行</t>
  </si>
  <si>
    <t>鑑於美國新冠病毒確診數再度激增為免加速疫情擴散疾病管制預防中心（CDC）19日勸告美國民眾下周感恩節假期勿外出旅行。CDC官員沃克（Henry Walke）週四在電話中告訴記者這是強烈建議而非硬性規定係基於新</t>
  </si>
  <si>
    <t>cdc美國記者告訴電話再度激增確診週四加速疫情walke擴散henry沃克疾病官員管制預防旅行感恩節外出中心</t>
  </si>
  <si>
    <t>鑑於美國新冠病毒確診數再度激增為免加速疫情擴散疾病管制預防中心（CDC）19日勸告美國民眾下周感恩節假期勿外出旅行。
CDC官員沃克（Henry Walke）週四在電話中告訴記者這是強烈建議而非硬性規定係基於新冠肺炎確診數、住院數及死亡數劇增所做的建議。
CDC勸告勿與未同住至少14天的人群聚新冠病毒的潛伏期為14天。CDC官員表示針對感恩節假期仍選擇外出旅遊的美國人他們也在CDC官網貼上安全指導原則。
CDC建議採取線上聚會若須親身赴會賓客應自備食物及餐具而且盡可能在戶外歡慶假期。如果選在室內聚會建議要開窗在窗戶前擺放風扇保持空氣流通還有食物準備處的附近要限制人數。</t>
  </si>
  <si>
    <t>cdc建議假期美國食物聚會勸告官員確診外出感恩節病毒準備還有空氣流通保持擺放風扇窗戶告訴記者自備</t>
  </si>
  <si>
    <t>CDC感恩節假期疫情擴散新冠病毒</t>
  </si>
  <si>
    <t>疫情擴散假期感恩節病毒cdc</t>
  </si>
  <si>
    <t>過去爵士對手染病皮皮戈貝爾nba</t>
  </si>
  <si>
    <t>爵士球星戈貝爾在今天與雷霆之戰開打前被確診染上新冠肺炎此時不但是爵士全隊上下忐忑不安就連爵士過去兩周交手的6場對手也開始皮皮挫。爵士本季目前戰績41勝23敗暫居西區第4僅次於湖人、快艇和金塊很有機</t>
  </si>
  <si>
    <t>爵士僅次於西區戰開雷霆確診戰績目前對手交手過去連爵士肺炎皮皮開始</t>
  </si>
  <si>
    <t>爵士球星戈貝爾在今天與雷霆之戰開打前被確診染上新冠肺炎此時不但是爵士全隊上下忐忑不安就連爵士過去兩周交手的6場對手也開始皮皮挫。
爵士本季目前戰績41勝23敗暫居西區第4僅次於湖人、快艇和金塊很有機會在季後賽搶得有利的種子位置。
由於新冠肺炎的潛伏期14天戈貝爾今天確診之後爵士過去兩周的對手分別是巫師、騎士、尼克、塞爾提克、活塞和暴龍戈貝爾與這6支球隊接觸了那些球員而這些球員在這兩周內打了多少場比賽疫情可能擴散到什麼程度都是一個大問題因此NBA聯盟在得知戈貝爾染病後立刻宣佈全面禁賽群聚感染的可能性恐怕是非常高。</t>
  </si>
  <si>
    <t>戈貝爾爵士確診對手過去肺炎今天可能性快艇僅次於西區感染禁賽機會全面季後</t>
  </si>
  <si>
    <t>戈貝爾爵士新冠肺炎</t>
  </si>
  <si>
    <t>肺炎爵士戈貝爾</t>
  </si>
  <si>
    <t>進入泰國緊急狀態實施宵禁對抗</t>
  </si>
  <si>
    <t>因應新冠肺炎疫情升溫泰國總理帕拉育（Prayuth Chan-ocha）今（24）日宣佈泰國自26日起進入緊急狀態一個月屆時總理將有權實施宵禁、禁止國內旅遊、限制人民行動等。路透社報導泰國總理帕拉育今日下午在記者</t>
  </si>
  <si>
    <t>總理泰國帕拉疫情升溫禁止宵禁國內旅遊限制實施人民屆時行動路透社進入緊急狀態報導prayuthchan-ocha肺炎宣佈</t>
  </si>
  <si>
    <t>因應新冠肺炎疫情升溫泰國總理帕拉育（Prayuth Chan-ocha）今（24）日宣佈泰國自26日起進入緊急狀態一個月屆時總理將有權實施宵禁、禁止國內旅遊、限制人民行動等。
路透社報導泰國總理帕拉育今日下午在記者會上宣佈為對抗新冠肺炎疫情泰國將於26日進入緊急狀態一個月預計持續至4月30日。
帕拉育說進入緊急狀態代表總理將有權力宣佈更多措施抑制疫情擴散此外也將賦予官員更多權力設置檢查站以限制人員流動。
泰國媒體The Thaiger指出緊急狀態命令將讓泰國政府有權力實施宵禁、禁止國內旅遊、無預警關閉任何一棟大樓甚至在必要時賦予政府權力審查、關閉媒體。
泰國新冠肺炎疫情急速升溫幾乎每日都新增上百確診病例今日再增106例累計境內共有827人染疫此外今日再增加2人死亡累計共4人喪命。泰國衛生官員先前指出疫情升溫主要和曼谷拳擊館群聚感染有關。</t>
  </si>
  <si>
    <t>泰國疫情權力總理今日宣佈緊急狀態升溫帕拉關閉限制官員指出賦予媒體累計進入肺炎旅遊國內禁止</t>
  </si>
  <si>
    <t>《產業》foodpanda祭3大方案助度抗疫難關</t>
  </si>
  <si>
    <t>方案foodpanda產業難關</t>
  </si>
  <si>
    <t>新冠肺炎疫情衝擊餐飲業營運即時外送平臺foodpanda對此承諾透過「補貼外送服務費振興餐飲業」、「增加上線獎金協助短期就業」及「推廣安全配送建立安心保障」3大方針盼在抗疫期間成為合作店家、外送員及消費者的</t>
  </si>
  <si>
    <t>餐飲業衝擊保障安心建立方針配送安全店家營運推廣就業協助期間合作獎金即時上線成為增加平臺foodpanda透過補貼</t>
  </si>
  <si>
    <t>新冠肺炎疫情衝擊餐飲業營運即時外送平臺foodpanda對此承諾透過「補貼外送服務費振興餐飲業」、「增加上線獎金協助短期就業」及「推廣安全配送建立安心保障」3大方針盼在抗疫期間成為合作店家、外送員及消費者的安心靠山協助度過非常時期難關。
經濟部長沈榮津先前指出新冠肺炎疫情導致夜市、商圈及傳統市場業績最多衰退5成百貨、購物中心營業額減少2成情況在3、4月將最嚴重。foodpanda對此於3月祭出免外送服務費、指定店家優惠、滿額折抵等優惠活動全力協助店家彌補流失來客。
針對新加入店家foodpanda除協助加速上線、投入行銷資源助其增加曝光並全力配合經濟部餐飲業紓困方案共同研擬方案內容努力讓全台店家所受衝擊降至最低且能更專注於製作優質餐點及維持服務品質。
其次許多公司因疫情衝擊為減少開銷而縮編人事。foodpadna對此提供「新上線補助」新進夥伴只要完成50張訂單即領2000元獎金等同補助裝備費用讓有短期就業需求的民眾能即時上線賺取報酬緩解燃眉之急。
foodpanda同時提供完整配套助外送夥伴管控感染風險除不斷加強宣導防疫觀念、主動發放口罩頭巾並將攜手富邦產險規畫合適的「個人法定傳染病補償健康保險」盼主動提供所有foodpanda外送員更完整的健康保障。
foodpanda亦同步推動「無接觸送餐」、鼓勵外送員每日執行「防疫自主檢查」、定期調查外送員「呼吸道症狀及旅遊史」、持續宣導正確防疫觀念等4項新制度以建立安心配送服務流程積極確保外送流程不成為防疫漏洞。
foodpanda董事總經理方俊強表示公司將盡其所能陪伴全台消費者、合作店家與外送夥伴希望在非常時期發揮平臺效益讓大家都能維持既有生活品質陪伴餐飲業者及需短期就業的人度過難關也讓消費者更安心面對疫情。
同時因應防疫期間第一線醫護人員工作量大增foodpanda將贊助1萬份醫護人員專屬的「免費餐點」優惠碼首波針對雙北部分重度級隔離醫院發放使醫護人員在忙碌作戰的同時也能輕鬆享受美味餐點、安心用餐。</t>
  </si>
  <si>
    <t>foodpanda防疫店家安心上線協助疫情就業衝擊餐飲業夥伴醫護人員提供消費者發放減少優惠全力健康主動</t>
  </si>
  <si>
    <t>foodpanda新冠肺炎疫情防疫餐飲業</t>
  </si>
  <si>
    <t>疫情肺炎防疫餐飲業foodpanda</t>
  </si>
  <si>
    <t>病人折磨身心隔離指揮中心檢討</t>
  </si>
  <si>
    <t>韓國疾控中心指出確診新冠肺炎患者二採陰又復陽者對於身邊的接觸者並沒有傳染力而台灣一直以來都是採取三採陰性才能解隔離出院有確診者表示因隔離時間太長身心壓力大還有人出院後出現創傷壓力症候群對</t>
  </si>
  <si>
    <t>確診出院隔離壓力肺炎患者還有一直對於沒有傳染身邊以來臺灣接觸陽者採取</t>
  </si>
  <si>
    <t>韓國疾控中心指出確診新冠肺炎患者二採陰又復陽者對於身邊的接觸者並沒有傳染力而台灣一直以來都是採取三採陰性才能解隔離出院有確診者表示因隔離時間太長身心壓力大還有人出院後出現創傷壓力症候群對此中央流行疫情指揮中心專家小組召集人張上淳表示將會來檢討目前三採陰的作法減少對隔離者的壓力。
張上淳表示有看到韓國疾病控制中心的訊息加上台灣也有四名確診者在三採陰後出院又復陽但出去後並沒有接觸者感染且回到醫院採檢立刻三採陰性很快回家專家小組據此做出建議三採陰性回家應該是安全。
至於因此是否縮短採檢陰性次數與隔離日期？張上淳表示討論認為第一步放寬的方式處理下一步再處理三採陰是否改成二採陰但因為國內剩下個案很少當時的想法是說影響不是很大。
但張上淳也坦言隔離確實會對被隔離者造成身心壓力和困擾到各醫院看會請社工和相關心理師到負壓隔離病房對患者作支持與溝通希望能減少這個樣狀況。
陳時中也表示目前國內剩下19名住院中的患者其中有一名是從三月十六住院至今確實時間很長。</t>
  </si>
  <si>
    <t>表示張上淳隔離壓力陰性患者中心確診出院減少目前專家臺灣小組國內剩下沒有接觸</t>
  </si>
  <si>
    <t>三採陰張上淳隔離出院身心折磨</t>
  </si>
  <si>
    <t>隔離出院張上淳身心折磨</t>
  </si>
  <si>
    <t>確診擴散本土新疆首府烏魯木齊爆發真正恐慌</t>
  </si>
  <si>
    <t>大陸新疆首府烏魯木齊出現新增新冠肺炎本土確診病例5例並造成另外8名無症狀感染消息傳出後引發當地民眾恐慌。目前當地多項聯外交通停駛、航班近9成取消民眾在超市瘋狂搶購食物與生活日用品各種謠言滿城亂飛</t>
  </si>
  <si>
    <t>民眾當地日用品生活本土出現確診食物病例搶購造成瘋狂超市症狀感染謠言消息取消傳出交通航班</t>
  </si>
  <si>
    <t>大陸新疆首府烏魯木齊出現新增新冠肺炎本土確診病例5例並造成另外8名無症狀感染消息傳出後引發當地民眾恐慌。目前當地多項聯外交通停駛、航班近9成取消民眾在超市瘋狂搶購食物與生活日用品各種謠言滿城亂飛包括「即將封城」、「已有大規模感染」全城充滿恐慌情緒。
綜合陸媒報導烏魯木齊從昨晚傳出消息稱一名新增新冠肺炎本土感染病例已擴散開來其中部份感染來源尚未查明導致週五達200餘班航班被取消。消息傳出後引發市民恐慌謠言甚至演變為「即將封城」許多憂心疫情重返的市民前往當地超市搶購食品與日用品貨架被清掃一空。
據新疆維吾爾自治區衛健委最新通報至今日中午12時報告新增新冠肺炎確診病例5例、無症狀感染者8例全部在烏魯木齊市。累計新疆共有確診病例6例、無症狀感染者11例另有135人接受醫學觀察病例數字並不十分嚴重但恐慌情緒卻快速蔓延。
網路上有烏魯木齊民眾稱當地許多社區已經開始限制居民出入民眾紛紛往超市搶購物資青菜水果肉類等食品「搶瘋了」。 也有傳言烏魯木齊已經「封城」新疆南部城市喀什也傳出封城但都未得到官方證實。
官方防疫通報稱最早被發現確診病例為24歲女性是當地中泉廣場營業廳工作人員經追查密切接觸者發現已造成無症狀感染者3例。至今日中午為止由此例確診擴散的感染總數至少已有16人。
從航班資料查詢所得截至17日11時20分烏魯木齊機場進港航班取消118架次出港航班取消109架次。航空公司並向旅客發出前往烏魯木齊的防疫提示即日起烏魯木齊出港旅客必須持7日內核酸檢測陰性報告才能正常辦理登機手續。前往烏魯木齊旅客要求從20號開始要持核酸檢測陰性報告除此之外按照之前防控要求執行。
新疆烏魯木齊地鐵軌道交通1號線自16日晚間10時起停止營運新疆昌吉也宣佈市內公車停運。</t>
  </si>
  <si>
    <t>烏魯木齊新疆當地航班病例感染恐慌民眾傳出確診封城取消前往超市報告搶購旅客消息食品謠言症狀日用品</t>
  </si>
  <si>
    <t>新冠肺炎武漢肺炎新型冠狀病毒COVID-19新疆</t>
  </si>
  <si>
    <t>肺炎武漢冠狀病毒covid-新疆</t>
  </si>
  <si>
    <t>新劇神話陰性人員金泰希eric延至疫情月底</t>
  </si>
  <si>
    <t>南韓女神金泰希結婚生子後睽違5年回歸演出電視劇《哈囉掰掰我是鬼媽媽》該劇邊拍攝邊播出不過就在1日傳出劇組工作人員疑似感染新冠肺炎因此當天的拍攝行程已取消。根據韓媒《OSEN》報導該工作人員正在居</t>
  </si>
  <si>
    <t>拍攝工作人員回歸演出osen電視劇掰掰結婚韓媒取消行程劇組傳出當天感染肺炎</t>
  </si>
  <si>
    <t>南韓女神金泰希結婚生子後睽違5年回歸演出電視劇《哈囉掰掰我是鬼媽媽》該劇邊拍攝邊播出不過就在1日傳出劇組工作人員疑似感染新冠肺炎因此當天的拍攝行程已取消。根據韓媒《OSEN》報導該工作人員正在居家隔離、等待檢疫結果本來預計結果於2日出爐但劇組今天下午2點多表示已經收到疑似染病工作人員的檢疫結果呈現陰性反應劇組預計重新投入拍攝會做好防護措施。詢問台灣播出單位Netflix表示目前存檔尚充足仍可維持正常播出。
南韓疫情持續受影響的還不止如此「神話」成員Eric 主演的《怪咖！文主廚》播映該劇的電視台「Channel A 」宣佈該劇原訂本月6日首播不過由於新冠病毒擴散影響劇組盡量避免進行戶外攝影及室內攝影不僅工作人員和演員的安全問題戶外攝影或外部移動時會造成市民的不安 因此決定延期至27日播出。台灣播出單位friDay影音也延至28日上架於每週六、日上午10點更新。</t>
  </si>
  <si>
    <t>播出劇組工作人員拍攝影響表示結果攝影南韓檢疫戶外單位臺灣預計回歸演出電視劇</t>
  </si>
  <si>
    <t>金泰希南韓新冠肺炎神話Eric</t>
  </si>
  <si>
    <t>肺炎南韓神話金泰希eric</t>
  </si>
  <si>
    <t>平均病毒潛伏致死研究中美合作</t>
  </si>
  <si>
    <t>根據中國大陸和美國衛生研究當局贊助的一份大規模研究2019年新型冠狀病毒引發的肺炎平均潛伏期是475天致死率估計為306%而年長男性（超過50歲）罹患機率較高。據《中央社》報導這份研究發表在醫學類論文預</t>
  </si>
  <si>
    <t>研究報導病毒引發肺炎中央平均潛伏期致死當局估計年長超過男性發表贊助冠狀衛生美國醫學大陸</t>
  </si>
  <si>
    <t>根據中國大陸和美國衛生研究當局贊助的一份大規模研究2019年新型冠狀病毒引發的肺炎平均潛伏期是475天致死率估計為306%而年長男性（超過50歲）罹患機率較高。
據《中央社》報導這份研究發表在醫學類論文預印本（preprint）網站medRxiv作者包括世界衛生組織（WHO）顧問隆吉尼（Ira Longini）、華盛頓大學（University of Washington）公衛學院流行病學系教授郝樂蘭（Elizabeth Halloran）及北京大學公衛學院學者盧慶彬等14人。
研究的樣本涵蓋1月26日為止向中國大陸疾病預防控制中心通報的所有病例來自中國大陸30省區市共8866例其中4021例為實驗室確診。
研究發現2019年新型冠狀病毒肺炎近半數（477%）病患為50歲以上而男性發病率明顯高於女性總體基本傳染數（R0值）則為377%。與嚴重急性呼吸道症候群（SARS）相較傳染力相當但致死率較低。
報導說這份研究標題為「中國所爆發2019年新型冠狀病毒的流行病學和臨床特徵」（Epidemiological and clinical features of the 2019 novel coronavirus outbreak in China）。由中國大陸傳染病防治重大專項國家自然科學基金和美國國立衛生研究院（US National Institute of Health）贊助研究。
研究還顯示感染2019年新型冠狀病毒患者診斷罹患中度肺炎的比例最高（699%）且60歲以上患有重度肺炎及延後確診的男性致死率更高出許多因此有必要針對年長患者及早確診尤其是男性以免症狀演變為重度肺炎。
由於預印本的研究尚未接受同儕審查代表研究結果尚待評估因此不應用於指導臨床實務。</t>
  </si>
  <si>
    <t>研究中國肺炎病毒男性of大陸冠狀確診致死傳染公衛臨床學院印本流行病患者年長報導贊助以上應用</t>
  </si>
  <si>
    <t>新冠肺炎武漢肺炎NCP大陸新型冠狀病毒</t>
  </si>
  <si>
    <t>肺炎武漢ncp冠狀大陸病毒</t>
  </si>
  <si>
    <t>疫苗進入臨床陸官宣試驗</t>
  </si>
  <si>
    <t>大陸新冠肺炎疫苗有新進展！在14日大陸國務院聯防聯控機制新聞發布會上大陸科技部社會發展科技司司長吳遠彬介紹目前已經有三個疫苗獲批進入臨床試驗。其中大陸軍事科學院軍事醫學研究所生物工程研究所陳薇院士</t>
  </si>
  <si>
    <t>大陸疫苗科技研究軍事醫學軍事科學院試驗司長吳遠彬生物工程發佈會臨床聯控新聞目前聯防介紹已經進入國務院新進展發展社會研究所機制</t>
  </si>
  <si>
    <t>大陸新冠肺炎疫苗有新進展！
在14日大陸國務院聯防聯控機制新聞發布會上大陸科技部社會發展科技司司長吳遠彬介紹目前已經有三個疫苗獲批進入臨床試驗。
其中大陸軍事科學院軍事醫學研究所生物工程研究所陳薇院士團隊的腺病毒載體疫苗首個獲批進入臨床研究已於3月底完成了一期臨床試驗受試者的接種工作並於4月9日開始招募二期臨床試驗志願者這是全球首個啓動二期臨床研究的新冠疫苗品種。
4月12日大陸國家藥監局批准了中國生物武漢生物製品研究所和中國科學院武漢病毒研究所聯合申請的新冠病毒滅活疫苗也進入了臨床試驗。13日又批准了北京科興中維生物技術有限公司研製的滅活疫苗開展臨床試驗。</t>
  </si>
  <si>
    <t>臨床大陸試驗疫苗研究進入研究所批准病毒活疫苗科技武漢司長吳遠彬發佈會新聞介紹聯控目前有限公司維生物技術</t>
  </si>
  <si>
    <t>臨床疫苗臨床試驗大陸研究所</t>
  </si>
  <si>
    <t>大陸試驗臨床研究所疫苗</t>
  </si>
  <si>
    <t>確診最先大學生領獎美國</t>
  </si>
  <si>
    <t>新冠肺炎延燒全球正當世界各國都苦於應對時美國卻傳出有大學生開「新冠肺炎趴」刻意邀請確診者當嘉賓藉由接觸確診者比賽誰先染疫第一名還可獲得獎金荒唐行徑讓人傻眼當地議員與消防局長也在會議中證實</t>
  </si>
  <si>
    <t>肺炎確診局長議員當地傻眼行徑荒唐獎金獲得比賽應對苦於世界美國邀請</t>
  </si>
  <si>
    <t>新冠肺炎延燒全球正當世界各國都苦於應對時美國卻傳出有大學生開「新冠肺炎趴」刻意邀請確診者當嘉賓藉由接觸確診者比賽誰先染疫第一名還可獲得獎金荒唐行徑讓人傻眼當地議員與消防局長也在會議中證實此事。
根據美國廣播公司(ABC)報導美國阿拉巴馬州塔斯卡羅薩(Tuscaloosa)近日有大學生舉辦新冠肺炎派對市議員麥金斯塔莉(Sonya McKinstry)透露舉辦人邀請確診者當嘉賓接著再號召多名學生參與參加學生入場必須繳一筆保證金接著透過接觸確診者來比賽誰最先染上新冠病毒第一名可將這筆錢全部拿走。
塔斯卡羅薩消防局長史密斯(Randy Smith)也在會議中報告此事聲稱此行為已嚴重危害市民安全並證實已經有學生染疫。市議會隨後強制市民前往公眾場合時必須配戴口罩。而如今美國因新冠肺炎而死人數即將達到13萬超過265萬人確診幾名白目大學生的行為也無疑對美國防疫造成嚴重打擊。</t>
  </si>
  <si>
    <t>美國確診肺炎大學生學生必須市民塔斯卡羅薩證實議員舉辦局長會議邀請比賽</t>
  </si>
  <si>
    <t>確診者美國大學生新冠趴新冠肺炎</t>
  </si>
  <si>
    <t>大學生美國確診肺炎</t>
  </si>
  <si>
    <t>引燃疫情經濟觀盤發展陸港機遇</t>
  </si>
  <si>
    <t>一場新冠肺炎疫情讓大陸進入封城城市的商業活動被按下暫停鍵但同時也為線上新經濟蓬勃發展帶來新機遇包括線上教育、線上醫療等不論是股價表現或是業務發展都在這波疫情中異軍突起。這場疫情打破人們原有的</t>
  </si>
  <si>
    <t>疫情發展大陸進入業務封城城市表現股價商業活動異軍突起暫停新機遇經濟醫療包括蓬勃發展帶來肺炎教育</t>
  </si>
  <si>
    <t>未來疫情發展期間模式經濟企業帶來例如大陸教育持續教學業態市場公司投資互聯網爆發</t>
  </si>
  <si>
    <t>業態新經濟線上教育企業肺炎</t>
  </si>
  <si>
    <t>經濟教育企業業態肺炎</t>
  </si>
  <si>
    <t>台中關門自主牛排館軍人店家</t>
  </si>
  <si>
    <t>敦睦艦隊24人確診新冠肺炎台中市衛生局昨（19日）晚間公佈3名台中確診官兵足跡其中1人曾造訪台中牛排館「歐奇牛排」該店老闆和老闆娘隨即在台中各社團宣佈即日起關休息至5月3日員工們也會自主管理14天網</t>
  </si>
  <si>
    <t>台中確診員工休息即日起社團隨即老闆娘宣佈歐奇牛排館造訪肺炎衛生局公佈官兵晚間自主老闆牛排</t>
  </si>
  <si>
    <t>敦睦艦隊24人確診新冠肺炎台中市衛生局昨（19日）晚間公佈3名台中確診官兵足跡其中1人曾造訪台中牛排館「歐奇牛排」該店老闆和老闆娘隨即在台中各社團宣佈即日起關休息至5月3日員工們也會自主管理14天網友紛紛大讚是良心店家重新營業後會再來吃。
歐奇牛排當晚緊急公告「今日下午衛生局人員於本店週邊消毒且告知是例行性防疫消毒演習至晚間8、9點左右經衛生局通知有確診者至本店消費為提供安全消費環境本店即日起至5/3日止自主休息並進行全面消毒其員工們自主管理14天於5/4恢復正常營業因為客人們的支持我們有責任做得更好。如有造成不便 敬請見諒。」老闆、老闆娘也在「沙鹿之美」、「清水吃透透～揪咪」、「梧棲串起來」等各社團都發文。
許多網友紛紛留言大讚「負責任的佛心店家」「我昨晚去買時老闆自己在裡面消毒我相信很多店家都是無妄之災老闆加油」、「值得肯定的店家！加油」、「歐奇是我從小吃到結婚生子還繼續吃的老店感謝老闆對品質及環境堅持與維持!大推歐奇」。
台中市衛生局19日晚間公佈3名台中敦睦艦隊確診足跡：案38─診所 4/15、4/17。案39─85度C沙鹿英才店4/15（20:30-22:30）、家樂福沙鹿店4/16（20:30-21:30）、華得來清水店4/17（17:00-18:00）。案40─歐奇牛排沙鹿店4/16（19:30-20:30）。</t>
  </si>
  <si>
    <t>老闆歐奇台中店家消毒衛生局確診本店牛排自主晚間責任社團營業環境清水老闆娘大贊網友紛紛即日起管理</t>
  </si>
  <si>
    <t>30歐奇台中店家老闆</t>
  </si>
  <si>
    <t>店家台中歐奇老闆</t>
  </si>
  <si>
    <t>確診張上淳確定發病旅外時間</t>
  </si>
  <si>
    <t>指揮中心宣佈今新增一例確診該名個案是旅英返台的30歲女性在機場攔採檢結果是陰性檢疫期間出現鼻塞、味覺異常等症狀二採後復陽確診。中央流行疫情指揮中心專家諮詢小組召集人張上淳表示目前尚無法確認女</t>
  </si>
  <si>
    <t>確診中心指揮表示張上淳召集人小組目前專家疫情味覺出現異常流行期間症狀檢疫中央新增陰性</t>
  </si>
  <si>
    <t>指揮中心宣佈今新增一例確診該名個案是旅英返台的30歲女性在機場攔採檢結果是陰性檢疫期間出現鼻塞、味覺異常等症狀二採後復陽確診。中央流行疫情指揮中心專家諮詢小組召集人張上淳表示目前尚無法確認女子的確切發病時間。
今日確診的旅英返台女（案439）在機場攔採檢結果是陰性二採後復陽確診。她在居家檢疫期間持續有流鼻水及鼻塞後來又出現味覺異常5月4日由衛生單位協助安排就醫採檢確診目前住院隔離治療。
張上淳表示該名個案一開始症狀輕微有倦怠的症狀但她誤以為是因生理期的所致。並表示病人主觀感覺不一定代表真的發病因此目前無法得知一採的時候是否已經發病。後來二採確診女子已有味覺異常發病狀況已經更明顯但目前尚無法確認女子確切發病時間。
外界對於是否造成傳播有疑慮？陳時中強調這些防疫旅館基本上都有受過教育訓練SOP都相當完整只要有遵照SOP做消毒病毒不會跳過牆壁傳染。</t>
  </si>
  <si>
    <t>確診發病目前表示異常味覺症狀個案無法女子檢疫sop張上淳後來是否期間中心已經指揮時間出現</t>
  </si>
  <si>
    <t>新冠肺炎武漢肺炎新型冠狀病毒台灣返台</t>
  </si>
  <si>
    <t>肺炎武漢冠狀病毒臺灣返台</t>
  </si>
  <si>
    <t>觀光景點禁止台人直接習性</t>
  </si>
  <si>
    <t>清明連假台灣民眾擠爆熱門觀光景點專家及醫護人員深怕因這幾天的群聚讓疫情大爆發。指揮中心隨後也公告有到11處熱門旅遊景點的民眾需自主管理14天。就有網友發問「為什麼不直接宣佈禁止去觀光景點？」貼文一曝光</t>
  </si>
  <si>
    <t>觀光熱門景點民眾擠爆疫情爆發禁止指揮深怕宣佈中心專家隨後直接醫護人員發問網友公告管理</t>
  </si>
  <si>
    <t>清明連假台灣民眾擠爆熱門觀光景點專家及醫護人員深怕因這幾天的群聚讓疫情大爆發。指揮中心隨後也公告有到11處熱門旅遊景點的民眾需自主管理14天。就有網友發問「為什麼不直接宣佈禁止去觀光景點？」貼文一曝光後立刻引發熱議許多人嘲諷指出台灣人的天性「禁止去觀光景點那些人就會改擠爆別的地方問題一樣啊！」
針對連假爆人潮、觀光疑成防疫破口爭議引起各界討論。就有網友在網路論壇批踢踢上發問：「為什麼不直接宣佈禁止去觀光景點？」該網友認為「現在就是最要緊的時候非常時期就要用非常辦法直接宣佈哪些觀光景點禁止遊客進入…不行？」該網友還先幫攤商抗議設想提出悲觀看法「等台灣疫情擴散 還有生意給你做？」
文章一出後立刻掀起討論網友紛紛留言回應「不想擔罵名呀」、「業者會抗議」、「直接禁止 那些飯店的退房都變政府買單啊」、「熟悉的中華隊後半段XD」、「觀光景點的定義是？」。
更有許多人突破盲點指出「禁止去觀光景點那些人就會改擠爆別的地方問題一樣啊」、「禁止去景點就換去擠爆百貨公司禁止特定地點沒用的」、「重點是群眾聚集不是出去玩」、「你在家附近人擠人沒有比墾丁安全」。</t>
  </si>
  <si>
    <t>觀光景點禁止網友直接擠爆疫情抗議立刻討論熱門臺灣民眾指出宣佈發問問題非常地方政府</t>
  </si>
  <si>
    <t>觀光景點直接禁止擠爆清明連假台人天性</t>
  </si>
  <si>
    <t>擠爆清明連禁止直接景點台人觀光天性</t>
  </si>
  <si>
    <t>酒精外交部互惠受益原料口罩增進情誼</t>
  </si>
  <si>
    <t>繼台美以口罩換防護衣原料後台澳也達成相互採購口罩和酒精原料的共識外交部今晚表示有關台澳防疫合作案我國與澳洲相互採購防疫物資原料確保兩國民眾防疫需求。外交部居中協助聯繫協調本案樂見台澳互惠受</t>
  </si>
  <si>
    <t>原料防疫外交部相互採購口罩協調防護衣聯繫協助居中需求民眾關台澳作案表示物資達成今晚共識酒精</t>
  </si>
  <si>
    <t>繼台美以口罩換防護衣原料後台澳也達成相互採購口罩和酒精原料的共識外交部今晚表示有關台澳防疫合作案我國與澳洲相互採購防疫物資原料確保兩國民眾防疫需求。外交部居中協助聯繫協調本案樂見台澳互惠受益增進雙邊情誼。
經濟部今天表示台灣與澳洲達成防疫物資合作澳洲向台灣採購3噸不織布台灣則向澳洲購買100萬公升的酒精原料。
外交部發言人歐江安表示澳洲長年自我國採購口罩相關材料同時也是我國重要酒精原料產地臺澳雙方各具有重要防疫物資的原料。
在當前世界各國對相關原料需求大增下她說為確保兩國民眾均有充足防疫物資我國與澳洲經由互相提供優惠價格採購所需原料共同攜手對抗武漢肺炎疫情的蔓延。
歐江安指出澳洲是臺灣重要的理念相近夥伴在印太地區同享自由民主、法治人權等普世價值。自武漢肺炎疫情爆發以來兩國一直維持密切合作至盼早日終結疫情擴散繼續深化雙邊全方位的夥伴關係與貿易產業往來。</t>
  </si>
  <si>
    <t>原料澳洲防疫採購疫情我國物資臺灣外交部表示酒精重要雙邊口罩需求武漢肺炎達成相關江安相互民眾確保全方位</t>
  </si>
  <si>
    <t>澳洲口罩酒精新冠肺炎新型冠狀病毒</t>
  </si>
  <si>
    <t>酒精肺炎冠狀口罩病毒澳洲</t>
  </si>
  <si>
    <t>藍委登記bnt政府加碼採購</t>
  </si>
  <si>
    <t>BNT疫苗28日開放18歲以上民眾意願登記民眾瘋搶對此藍委洪孟楷認為這代表大家對於國際合格認證的疫苗較有信心因此他主張BNT疫苗應該全部年齡層都能夠選擇並要求政府加碼採購1500萬劑BNT疫苗以足夠人民</t>
  </si>
  <si>
    <t>疫苗bnt民眾對此孟楷藍委洪認為代表採購對於國際合格認證加碼選擇要求能夠政府應該年齡層意願登記開放以上信心</t>
  </si>
  <si>
    <t>BNT疫苗28日開放18歲以上民眾意願登記民眾瘋搶對此藍委洪孟楷認為這代表大家對於國際合格認證的疫苗較有信心因此他主張BNT疫苗應該全部年齡層都能夠選擇並要求政府加碼採購1500萬劑BNT疫苗以足夠人民選擇及因應明年可能變化。
洪孟楷今（29日）在臉書發文表示對於BNT疫苗開放登記踴躍的程度超乎想像代表大家對於國際合格認證的疫苗較有信心而民進黨政府已經鬆口標籤不是重點內容物是否有效才是關鍵代表過去一年多拘泥在標籤根本就是政治意識形態之爭。
看到近期很多綠營的民代都紛紛跳出來要求BNT應該開放給不同年齡層施打洪孟楷主張BNT疫苗應該全部年齡層都能夠選擇疫苗數量不足之處就請政府趕快購買才能真正讓人民早日有集體保護力。
對於民進黨過去怎麼打壓或是酸言酸語針對BNT疫苗洪孟楷直言現在綠營願意轉彎也是對專業合格疫苗的「校正回歸」。既然標籤已經不是民進黨的心魔了之前兩次紓困預算通過的300多億疫苗專款專用購買經費也該採購BNT否則明年民間捐贈完畢難道台灣只能靠善心又有行動力的企業家？他呼籲預先採購才是真正超前部署別再講空話趕快行動吧！</t>
  </si>
  <si>
    <t>疫苗bnt對於政府採購標籤民進代表開放選擇明年真正過去購買人民合格登記應該趕快洪孟楷</t>
  </si>
  <si>
    <t>BNT疫苗洪孟楷台灣新冠肺炎疫苗</t>
  </si>
  <si>
    <t>洪孟楷疫苗臺灣肺炎bnt</t>
  </si>
  <si>
    <t>淡季去年欣銓導體</t>
  </si>
  <si>
    <t>測試廠欣銓(3264)受惠5G相關應用及車用晶片測試需求同步暢旺2020年12月及第四季合併營收同步「雙升」與全年營收同步改寫新高、締造「三高」佳績。展望今年在測試需求續旺、新廠投產挹注帶動下法人看好首季淡</t>
  </si>
  <si>
    <t>測試同步需求帶動挹注投產新廠法人相關應用改寫車用締造新高今年展望佳績三高暢旺及第看好受惠合併</t>
  </si>
  <si>
    <t>測試廠欣銓(3264)受惠5G相關應用及車用晶片測試需求同步暢旺2020年12月及第四季合併營收同步「雙升」與全年營收同步改寫新高、締造「三高」佳績。展望今年在測試需求續旺、新廠投產挹注帶動下法人看好首季淡季續強有機會再創新高。
在績優題材激勵下欣銓今（11）日股價開高後量增走揚最高上漲324％至398元領漲封測族群早盤維持逾3％漲幅續勢再攻去年12月中觸及的近3年波段高點。不過三大法人近期偏空操作上周合計賣超欣銓1351張。
欣銓公佈去年12月自結合併營收963億元月增344％、年增達3433％連6月改寫新高。帶動第四季合併營收達2796％季增達108％、年增達3059％累計全年合併營收9674億元、年增達2018％亦同步改寫歷史新高。
欣銓受惠5G基地台建設需求帶動網通、射頻（RF）、記憶體等測試訂單增加加上新冠肺炎疫情帶動在家工作需求使儲存及PC等測試需求同步增加加上車用市場需求回溫IDM廠擴大釋出委外車用晶片測試訂單使得去年營運逐季走強營運動能暢旺。
展望今年法人指出由於5G基礎建設需求轉強、在家工作等遠距商機持續升溫加上車用晶片需求反彈、帶動IDM廠釋出委外測試訂單使欣單訂單能見度已達第三季並可望受惠封測價格調漲效應上半年營運成長動能無虞。
同時欣銓因應國際客戶未來需求成長性於總部鼎興廠興建二期廠房預計首季將進入量產亦可望顯著挹注欣銓營運動能。法人看好欣銓首季營運淡季續強雖有工作天數較少影響仍可望持穩去年第四季高檔、有望小幅成長再創新高全年可望逐季成長。</t>
  </si>
  <si>
    <t>需求測試帶動去年欣銓法人可望營運同步車用訂單工作動能受惠加上首季四季</t>
  </si>
  <si>
    <t>欣銓營收新高成長需求</t>
  </si>
  <si>
    <t>成長新高欣銓需求</t>
  </si>
  <si>
    <t>指揮中心回台配子</t>
  </si>
  <si>
    <t>國籍陳時中宣佈出生子女配子目前選擇壓力人士沒有我國相關理解強調滯留入境准許大陸確定</t>
  </si>
  <si>
    <t>配子大陸國籍陳時中返台中心指揮陸委會表示隔離防疫管制考量目前開放時中居家人士能量入境</t>
  </si>
  <si>
    <t>陸配陳時中開放返台子女</t>
  </si>
  <si>
    <t>陸配子女返台陳時中開放</t>
  </si>
  <si>
    <t>社區感染傳播</t>
  </si>
  <si>
    <t>香港爆發疑似透過社區大樓排氣管傳播感染新冠肺炎的個案。在10日確診的6宗個案當中有一名62歲女子居住在青衣長康邨的康美樓而上月30日同一棟大樓裡有另一名75歲男子也被列為確診個案且兩人同座樓的單位編號</t>
  </si>
  <si>
    <t>個案大樓確診透過社區排氣傳播感染列為青衣居住康美樓女子上月男子同座肺炎</t>
  </si>
  <si>
    <t>香港爆發疑似透過社區大樓排氣管傳播感染新冠肺炎的個案。在10日確診的6宗個案當中有一名62歲女子居住在青衣長康邨的康美樓而上月30日同一棟大樓裡有另一名75歲男子也被列為確診個案且兩人同座樓的單位編號（07室）。專家研判病毒可能是從排氣系統傳播100多名居民也在11日淩晨連夜撤離。
香港確診數已增至49例
香港昨日再新增7個確診個案確診病例增至49例。據瞭解其中新增兩名患者是長康邨康美樓女患者的兒子和媳婦。
該名確診感染新冠病毒的62歲女子與香港第12宗確診的75歲男子均居住於青衣長康邨康美樓的07室分別為A座307室和相隔10樓的A座1307室。據調查兩戶共用同一條化糞渠另外室內排氣管也沒有密封不排除有傳播病毒的可能。
香港大學李嘉誠醫學院微生物學系傳染病學講座教授袁國勇則強調目前康美樓案例與當年SARS疫情時「淘大花園E座樓」不同因康美樓兩起個案確診時間差距不超過潛伏期不排除可能是化糞渠沒有密封導致樓下居民開啟抽風扇時讓化糞渠的空氣進入廁所將會徹底檢查排風系統後才讓居民搬回。
撤離者中4人檢出病徵
運輸及房屋局長陳帆在11日上午召開記者會說明他表示初步調查發現康美樓A座307室的住戶曾針對住宅進行改裝其中改裝的項目就包含排氣管因此相關單位同日會再進行深入調查以找出傳播管道同時會進行長康邨全面的消毒工作。
台灣感染症醫學會理事長黃立民則表示新冠肺炎經由糞管傳播是有可能的但需要幾個條件就是病毒由化糞池進入排水系統後加上水管老舊有破洞漏出但要同時具備這些條件不是那麼容易加上台灣大樓不像香港都是大型的建築型態民眾不需過度憂心。
疑似為大樓管道引起的傳染也讓康美樓的30多戶、約100位居民連夜撤離。食物及衛生局長陳肇始表示自康美樓撤離的人群中有32人需要送往檢疫中心其中已有4名經醫學檢測後發現有相關徵狀必須送往醫院檢查。截至11日近中午仍有9戶未取得聯絡衛生防護中心表示正積極聯繫中。
連夜匆促地撤離也讓部分住戶措手不及直至11日上午11時仍有至少6戶07室住戶尚未撤離多為老人、身障者以及獨居人士直到中午12時許警方才在康美樓一帶拉起封鎖線。</t>
  </si>
  <si>
    <t>康美樓確診撤離傳播表示個案香港大樓病毒居民可能住戶進行</t>
  </si>
  <si>
    <t>撤離香港肺炎病毒傳播</t>
  </si>
  <si>
    <t>傳播肺炎香港撤離病毒</t>
  </si>
  <si>
    <t>確診公主紅寶石落難</t>
  </si>
  <si>
    <t>根據「紐西蘭先驅報」報導紐西蘭地方衛生官員說一艘載有3800人的「紅寶石公主號」（Ruby Princess）已有4人確診包含3名澳籍乘客與1名船員他們皆曾與船上其他紐籍乘客接觸過並警告船上乘客若出現任何新冠肺</t>
  </si>
  <si>
    <t>乘客船上地方衛生官員載有紅寶石公主紐西蘭船員確診包含出現警告rubyprincess報導接觸</t>
  </si>
  <si>
    <t>根據「紐西蘭先驅報」報導紐西蘭地方衛生官員說一艘載有3800人的「紅寶石公主號」（Ruby Princess）已有4人確診包含3名澳籍乘客與1名船員他們皆曾與船上其他紐籍乘客接觸過並警告船上乘客若出現任何新冠肺炎的症狀盡速尋求健康專線。
報導指出該郵輪8日從雪梨離港開始環遊紐西蘭等地11日抵達峽灣地區（Fiordland）、但尼丁（Dunedin）；13日抵達阿卡羅阿（Akaroa）、14日與15日先後抵達威靈頓（Wellington）、納皮爾（Napier）及紐西蘭但因氣候因素提前於18日返回雪梨。
報導指出15日返回紐西蘭的乘客皆可能與確診病患有所接觸要求14天的自主隔離且接受每日健康檢查。據瞭解目前船組人員在抵達雪梨之前全都已允許下船。
新南威爾斯州衛生部長哈查特（Brad Hazzard）表示「紅寶石公主號」上有13名乘客接受測試其中有4人呈陽性這4名確診患者中有3名是乘客另一名則是船員。目前確診的乘客已在雪梨皇家阿爾弗雷德親王醫院接受治療而被確診的船員則留在船上。
「紅寶石公主號」與先前出現大量新冠肺炎確診病例的「鑽石公主號」以及「至尊公主號」同屬於公主遊輪公司（Princess Cruises）擁有並經營的皇冠級遊輪。</t>
  </si>
  <si>
    <t>確診乘客公主紐西蘭抵達雪梨接受紅寶石報導船員船上princess目前接觸肺炎出現指出返回遊輪衛生部長</t>
  </si>
  <si>
    <t>新冠肺炎武漢肺炎新型冠狀病毒COVID-19全球</t>
  </si>
  <si>
    <t>肺炎武漢冠狀covid-病毒全球</t>
  </si>
  <si>
    <t>建功放流金門</t>
  </si>
  <si>
    <t>在4億年前就出現有「灘地上的活化石」之稱的鱟是金門特有的海洋生物但在人為幹擾和棲地破壞下族群數量已逐年減少。縣水試所致力生態復育今（30）日上午由副縣長黃怡凱帶隊在建功嶼潮間帶放流自行育成1至</t>
  </si>
  <si>
    <t>灘地活化石潮間帶金門建功海洋生物人為帶隊干擾黃怡凱破壞縣長族群數量上午逐年減少</t>
  </si>
  <si>
    <t>在4億年前就出現有「灘地上的活化石」之稱的鱟是金門特有的海洋生物但在人為幹擾和棲地破壞下族群數量已逐年減少。縣水試所致力生態復育今（30）日上午由副縣長黃怡凱帶隊在建功嶼潮間帶放流自行育成1至2齡的三棘鱟苗4萬尾期待再見生生不息的盎然生機。
縣水試所指出披著一身甲殼經常雙雙對對出現有「鋼盔魚」、「夫妻魚」和「鴛鴦魚」之稱的鱟曾廣泛分佈於台灣西部海岸但因棲地環境的變遷如今在台灣本島幾乎已經絕跡僅金門與澎湖在野外還能發現它們的蹤跡特別是金門因位處九龍江口河海交界水域營養鹽豐富成為許多海洋生物的優良孵育場所尤其是西、北海域的潮間帶更是鱟在金門的主要繁殖地帶。
縣府以「鱟」是金門特有的大型底棲性甲殼類動物也是地區發展生態旅遊的主角之一因此在1999年12月公告畫設全國唯一面積廣達400公頃的「金門古寧頭西北海域潮間帶鱟保育區」多年來水試所致力於稚鱟繁殖、成鱟保育、海洋環境教育並定期進行潮間帶稚鱟分佈與族群量調查長期追蹤監測掌握族群動態。
黃怡凱指出鱟為海洋底棲性無脊椎動物它與早已滅絕的三葉蟲是近親在4億多年前古生代泥盆紀出現2億年前演化為現今型式縣府很期待這種具指標性的海洋生物可以在金門海域一代又一代繁衍下去。
縣水試所長楊文璽也說明放流作業以復育周邊海域漁業資源彌補自然的生產力不足為目標因近期受到新冠肺炎疫情的影響無法邀請生態保育人士及學生共同參加但仍期望藉由活動宣示讓大家對這種鄉土海洋生物有更多認識也會更加愛護和珍惜它們。</t>
  </si>
  <si>
    <t>金門海洋生物海域潮間帶出現族群生態期待黃怡凱甲殼指出放流分佈環境臺灣縣府海洋致力</t>
  </si>
  <si>
    <t>新冠肺炎武漢肺炎疫情金門灘地上的活化石</t>
  </si>
  <si>
    <t>肺炎疫情武漢灘地金門活化石</t>
  </si>
  <si>
    <t>台新金控2月自結稅後盈餘117億元每股稅後盈餘（EPS）023元主要子公司獲利表現上台新銀行稅後盈餘101億元較去年同期成長7％不受肺炎疫情衝擊。台新金表示台新銀行當月核心業務獲利動能持續穩健累計</t>
  </si>
  <si>
    <t>台新獲利銀行業務核心疫情當月肺炎不受去年同期動能eps表現子公司衝擊金表持續穩健</t>
  </si>
  <si>
    <t>台新金控2月自結稅後盈餘117億元每股稅後盈餘（EPS）023元主要子公司獲利表現上台新銀行稅後盈餘101億元較去年同期成長7％不受肺炎疫情衝擊。
台新金表示台新銀行當月核心業務獲利動能持續穩健累計前2月稅後盈餘為2404億元。資產品質持續維持穩健至2月底逾放比為020％備抵呆帳覆蓋率70657％。
台新金指出子公司台新證券2月稅後虧損006億元較1月減少008億元累計前2月稅後虧損004億元。因主要國際股市受新冠肺炎疫情蔓延影響走跌營業證券增提評價損失整體獲利較前月及去年同期微幅衰退但整體經紀市佔率仍較去年同期成長。</t>
  </si>
  <si>
    <t>獲利去年同期證券穩健持續台新疫情整體肺炎銀行子公司虧損累計比為經紀營業走跌</t>
  </si>
  <si>
    <t>台新金稅後盈餘台新銀行穩健累計前</t>
  </si>
  <si>
    <t>台新銀行穩健累計台新金</t>
  </si>
  <si>
    <t>臺灣關鍵期防疫未來破百確診情況</t>
  </si>
  <si>
    <t>新冠肺炎疫情愈來愈險竣因歐洲、美國走樣的疫情使得國內的確診病例暴增衝破百例。蔡英文總統和中央流行疫情指揮中心指揮官陳時中都表示「未來兩週是關鍵期」。指揮中心社區防疫組副組長莊人祥說明原因主要是</t>
  </si>
  <si>
    <t>疫情指揮組長防疫愈來愈中心社區關鍵期美國走樣周是使得未來國內確診衝破病例表示中都莊人祥蔡英文陳時總統指揮官中央中心流行</t>
  </si>
  <si>
    <t>新冠肺炎疫情愈來愈險竣因歐洲、美國走樣的疫情使得國內的確診病例暴增衝破百例。蔡英文總統和中央流行疫情指揮中心指揮官陳時中都表示「未來兩週是關鍵期」。指揮中心社區防疫組副組長莊人祥說明原因主要是最近14天為歐洲疫情高峰且陸續有自歐美返台之國人預測這些人的陽性率恐比以往還高合理懷疑接下來都是類似狀況。「境外與本土個案持續維持懸殊比例」是個指標莊人祥說如果反之則是另外一個警訊。
新冠肺炎台灣確診案例破百新增案例幾乎全為境外感染中央流行疫情指揮中心宣佈自19日起外國人禁止入境本國人入境都須居家檢疫14天。最近幾天的確診都是以境外移入為主。據ETtoday新聞雲報導莊人祥記者會後進一步說明為何評估未來14天是關鍵期？主要是因為歐洲疫情屬於高峰再加上很多原先住在歐美的國人陸續想要返台。
莊人祥接著解釋重點不是自歐美返台的人數特別多而是可以想見近期返台民眾的陽性比例高於過往也合理懷疑未來幾天會有類似情況。
莊人祥說要是未來一段時間境外移入個案數字持續增加他也不會太意外但他承認這會是一個威脅但如果能及早偵測就可以進一步避免國內本土感染「境外與本土個案持續維持懸殊比例」莊人祥說這樣對國內疫情管控是比較好的指標；但是如果變成本土病例上升的話或者未知感染源增加則是另外一個警訊。</t>
  </si>
  <si>
    <t>疫情未來境外返台確診國內莊人祥指揮感染歐美本土比例歐洲進一步病例持續可以合理增加最近個案關鍵期類似</t>
  </si>
  <si>
    <t>防疫關鍵期莊人祥14天疫情高峰陽性</t>
  </si>
  <si>
    <t>疫情關鍵期莊人祥高峰防疫陽性</t>
  </si>
  <si>
    <t>不停用戶超車臺灣電信科技不服氣</t>
  </si>
  <si>
    <t>就在台灣5G開台前夕台灣「電信二哥」之爭卻悄然引爆根據NCC(國家通訊委員會)統計截至2月底遠傳(4904)用戶數為7078萬險勝台灣大(3045)的7073萬在4G時代首度躍升電信二哥。對此台灣大表示目前台灣大</t>
  </si>
  <si>
    <t>臺灣電信委員會統計通訊截至國家月底ncc引爆悄然對此用戶數險勝首度躍升時代台前表示目前</t>
  </si>
  <si>
    <t>臺灣用戶用戶數電信預付行動ncc對此電信業入境近期獲利時代中華數位</t>
  </si>
  <si>
    <t>台灣大遠傳中華電NCC國家通訊委員會</t>
  </si>
  <si>
    <t>中華ncc國家通訊委員會臺灣</t>
  </si>
  <si>
    <t>疫苗接種大陸</t>
  </si>
  <si>
    <t>據中國國家衛健委今（2日）發佈截至2021年10月1日31個省（自治區、直轄市）和新疆生產建設兵團累計報告接種新冠病毒疫苗22億12206萬劑次。</t>
  </si>
  <si>
    <t>接種報告累計新疆生產建設兵團自治區直轄市截至衛健國家病毒中國疫苗</t>
  </si>
  <si>
    <t>22億劑次大陸新疫苗接種中國</t>
  </si>
  <si>
    <t>疫苗大陸接種中國</t>
  </si>
  <si>
    <t>防災公園汛期完工</t>
  </si>
  <si>
    <t>汛期即將來臨台中市長盧秀燕17日前往即將於4月底完工的大裡草湖防災公園瞭解工程進度希望汛期間它能發揮功效減少淹水。草湖防災公園採多功能設計除可滯洪排水更設計籃球場、溜滑梯等遊憩設備打造多</t>
  </si>
  <si>
    <t>設計公園防災汛期溜滑梯籃球場日前盧秀燕月底發揮完工功效減少希望工程進度瞭解排水市長</t>
  </si>
  <si>
    <t>汛期即將來臨台中市長盧秀燕17日前往即將於4月底完工的大裡草湖防災公園瞭解工程進度希望汛期間它能發揮功效減少淹水。草湖防災公園採多功能設計除可滯洪排水更設計籃球場、溜滑梯等遊憩設備打造多功能公共空間。
盧秀燕指出雖然目前新冠肺炎嚴峻但防災跟防疫一樣重要中市有1條市管河川、132條區域排水及110條土石流潛勢溪流汛期前更應做好準備地下道清淤、抽水站保養等是基本工作市府更花費1億4000萬元打造草湖防災公園因為東湖、西湖裡過去特別容易淹水預計將在汛期前完工約可保護約2000戶的鄰近住家。
水利局長範世億表示去年5月底開工打造的草湖防災公園與荷蘭鹿特丹水廣場很相似不過我們的更漂亮是台中首座運動兼治洪的複合型公園兼具智慧防災設施可透過App監控水位地底下設有雨水積磚儲水地表鋪設水滲透地面平常水積存於水積磚真正大豪雨時整個公園就是一個儲水池將降低本區域積淹水情形預計今年4月底完工目前工程進度已達95％。
草湖公園是多功能防災公園民眾平時可運動、遊憩但最主要仍是防汛功能滯洪量約1萬2500立方公尺面積約077公頃當豪大雨來臨、公園蓄水量累積至海拔426公尺時將以國語、閩南語、英語3種語言廣播通知住戶避災。水利局指出未來更可串聯周邊Dali Art國際藝術村、台中市纖維工藝博物館、台灣印刷探索館、東湖公園等觀光資源促進地方發展。</t>
  </si>
  <si>
    <t>公園防災汛期台中月底打造完工水利局指出區域東湖盧秀燕目前運動工程進度排水</t>
  </si>
  <si>
    <t>公園防災草湖汛期功能</t>
  </si>
  <si>
    <t>防災汛期公園功能</t>
  </si>
  <si>
    <t>重新探索席爾佛nba方法</t>
  </si>
  <si>
    <t>就算美國新冠疫情日趨嚴重NBA總裁席爾佛卻還要放「空話」嗎？席爾佛22日受訪時表示聯盟正在探索所有能在保障安全前提之下重新開打的方法「沒什麼是不可能的但我們現在工作重點是支持、參與和教育民眾如何面</t>
  </si>
  <si>
    <t>席爾佛疫情日趨嚴重nba總裁沒什麼方法打的重新空話之下前提支持安全保障受訪探索正在聯盟表示重點工作現在</t>
  </si>
  <si>
    <t>就算美國新冠疫情日趨嚴重NBA總裁席爾佛卻還要放「空話」嗎？席爾佛22日受訪時表示聯盟正在探索所有能在保障安全前提之下重新開打的方法「沒什麼是不可能的但我們現在工作重點是支持、參與和教育民眾如何面對疫情。」
席爾佛坦承這季是充滿挑戰的賽季對聯盟所有人都一樣畢竟NBA本季還沒開打就碰上火箭總管莫瑞發表力挺香港反送中言論造成NBA和大陸關係徹底破裂都還沒完全修補就又遇到前總裁史坦與「小飛俠」布萊恩突然過世。
截至目前為止NBA確定出現14人感染新冠肺炎其中至少10人是球員談到感染人數越來越多的現象席爾佛說：「據我們所知聯盟內越來越多的球員檢測呈現陽性這是不幸的消息但以我的觀點來看這是不可避免的情況。」
「現在就去判斷NBA的經濟會受到怎樣影響或許還言之過早我們每天都在分析不同情況之後也會不斷評估財政上的衝擊」席爾佛說「顯然一切都不樂觀但不僅是我們在這個時刻所有行業、所有的人都在同一條船上。」</t>
  </si>
  <si>
    <t>nba席爾佛聯盟總裁情況疫情感染現在球員越來越前提之下香港重新安全力挺發表保障</t>
  </si>
  <si>
    <t>NBA席爾佛聯盟復賽球員</t>
  </si>
  <si>
    <t>席爾佛球員聯盟nba複賽</t>
  </si>
  <si>
    <t>肺炎長者安心結果鄉親寶山陰性</t>
  </si>
  <si>
    <t>新竹縣寶山鄉1名8旬婦人日前因車禍而送醫採檢因4次PCR採檢陰陽反覆新竹縣衛生局不敢大意將檢體送往昆陽實驗室判定今天（8月31日）中午確定為陰性。而寶山鄉30日晚間連夜開設快篩站共196人快篩均為陰性。新</t>
  </si>
  <si>
    <t>寶山鄉陰性新竹開設連夜晚間今天判定實驗室送往昆陽車禍日前大意衛生局不敢確定中午送醫婦人</t>
  </si>
  <si>
    <t>新竹縣寶山鄉1名8旬婦人日前因車禍而送醫採檢因4次PCR採檢陰陽反覆新竹縣衛生局不敢大意將檢體送往昆陽實驗室判定今天（8月31日）中午確定為陰性。而寶山鄉30日晚間連夜開設快篩站共196人快篩均為陰性。
新竹縣衛生局指出該名8旬婦人一共做了4次檢驗首次桌上型快速檢驗PCR的CT值36、第2次高通量PCR為陰性、第3次機臺式快速檢驗CT值346第4次則又呈現陰性因此衛生局將其檢體送往中央昆陽實驗室31日中午報告出爐判定為陰性排除感染。
而寶山鄉30日快篩196人中也包含該名8旬婦人的同住家人11人快篩也均為陰性。採檢結果出爐後也讓在地人鬆一口氣。新竹縣長楊文科表示面對疫情仍不應鬆懈大眾仍須做好防疫措施。</t>
  </si>
  <si>
    <t>陰性新竹婦人衛生局寶山鄉出爐檢驗pcr判定快速ct疫情昆陽中午實驗室送往大眾</t>
  </si>
  <si>
    <t>寶山鄉台灣長者新冠肺炎新竹縣衛生局</t>
  </si>
  <si>
    <t>肺炎新竹長者臺灣寶山鄉衛生局</t>
  </si>
  <si>
    <t>供應華為導體變數</t>
  </si>
  <si>
    <t>在新冠肺炎疫情下全球消費市場買氣急凍華為總裁任正非首度公開證實華為已下調第一季的營收目標市場也傳出華為本月也將陸續對供應鏈進行砍單幅度上看3成此舉恐影響聯詠(3034)OLED驅動器IC出貨量進而</t>
  </si>
  <si>
    <t>華為影響全球消費市場買氣急凍幅度oled總裁疫情進行供應證實陸續下調市場</t>
  </si>
  <si>
    <t>在新冠肺炎疫情下全球消費市場買氣急凍華為總裁任正非首度公開證實華為已下調第一季的營收目標市場也傳出華為本月也將陸續對供應鏈進行砍單幅度上看3成此舉恐影響聯詠(3034)OLED驅動器IC出貨量進而衝擊第二季營運動能聯詠今股價開低震盪跌幅一度逾35%股價最低達1725元。
儘管大陸官方已宣稱全面復工、解封城但終端市場恢復似乎不如預期華為總裁任正非首度公開證實華為已下調第一季的營收目標在買氣銳減下更傳出華為將在本月針對供應鏈砍單幅度達3成由於大陸最大面板廠京東方占聯詠驅動IC出貨一定比重而華為即是向京東方採購面板故一旦華為砍單則聯詠勢必受到影響第二季營運也增添風險。
華為智慧機為大陸龍頭、2019年在全球出貨也排第二全年出貨量約24億支但由於美國持續加大對華為牽制力道華為智慧機銷售恐回歸自家大陸市場加上疫情的關係華為今年智慧機成長恐出現首度的負成長更不排除會摔下2億支大關。
華為已經在3月底推出全新P系列5G旗艦智慧手機P40、P40Pro搭載五顆鏡頭並採用京東方AMOLED面板導入的就是聯詠OLED驅動IC在初期拉貨潮帶動下聯詠3月合併營收5811億元、首季營收更達16891億元均寫下新高水準但第二季不排除在華為砍單下影響到聯詠營運動能。</t>
  </si>
  <si>
    <t>華為大陸智慧市場ic影響面板出貨量全球疫情買氣營運首度股價</t>
  </si>
  <si>
    <t>華為聯詠智慧機復工新冠肺炎</t>
  </si>
  <si>
    <t>復工智慧華為肺炎</t>
  </si>
  <si>
    <t>中心不能劇烈運動指揮bnt症狀學生就醫</t>
  </si>
  <si>
    <t>疫苗打完開始心包施打心肌炎bnt天內指揮中心體育課學校劇烈運動從事指揮官學生配合時間表示周內</t>
  </si>
  <si>
    <t>疫苗打完專家bnt陳時中學生運動美國調整可以必要進行時間表示症狀五大就醫配合高中生學校劇烈運動沒有體育課</t>
  </si>
  <si>
    <t>輝瑞／BNT新冠疫苗心肌炎心包膜炎新冠肺炎</t>
  </si>
  <si>
    <t>疫苗心肌炎心包bnt輝瑞肺炎</t>
  </si>
  <si>
    <t>外資衝鋒尖兵電子</t>
  </si>
  <si>
    <t>電子大型權值股熄火外資鎖定小尖兵衝鋒摩根士丹利證券看好微控制器（MCU）大陸在地化商機初評新唐（4919）喊買瑞信證券科技產業分析師看好元太（8069）電子貨架標籤（ESL）業務調高股價預期到100元野村</t>
  </si>
  <si>
    <t>看好證券電子調高業務esl標籤鎖定貨架股價尖兵元太衝鋒初評摩根士丹利商機瑞信分析科技產業微控制器大陸mcu外資</t>
  </si>
  <si>
    <t>電子大型權值股熄火外資鎖定小尖兵衝鋒摩根士丹利證券看好微控制器（MCU）大陸在地化商機初評新唐（4919）喊買瑞信證券科技產業分析師看好元太（8069）電子貨架標籤（ESL）業務調高股價預期到100元野村證券上調欣興（3037）財務預期延續ABF熱度。
摩根士丹利證券最早深入探討大陸半導體在地化趨勢過去二年來多次針對CPU、記憶體、射頻（RF）、功率半導體、雲端用半導體等建構大陸半導體在地化架構。大摩最新直指2021年將是大陸MCU在地化引爆元年當地供應商市場分額將從2020年的3億美元暴衝到2025年的20億美元換算年複合成長率高達44％。
新唐的終端市場多集中在大陸透過完成併購NTCJ新唐的高端產品可以滲透進工業用與車用領域且收購NTCJ後新唐MCU產品組合更能與國際同業並駕齊驅。摩根士丹利證券看好在MCU、MOSFET、感測器、BMIC推動下新唐2020～2023年營收年複合成長率將達40％賦予新唐155元股價預期。
外資估算新唐2021年每股純益較前年度逾倍增長至464元2022年將再大增五成以上、至721元2023年也有近二成年增率至86元。
瑞信指出元太ESL業務進入內生成長（organic growth）模式從新冠肺炎疫情爆發以來歐洲與北美客戶加速採用ESL元太薄膜材料產能至2022年底至少翻倍以支撐不斷提高的ESL與彩色電子紙顯示器（EPD）的需求。
根據瑞信所做通路調查並參照電子貨架標籤業者SES-imagotag產業後市觀點蘇厚合認為美國與亞太眾多零售業者面臨工資上漲與社交距離的要求更願意採用ESL以降低對勞動力的依賴研判元太ESL業務2020～2023年營收年複合成長率達30％。
外資估計元太2021～2023年每股純益各是431、5與616元年增率維持在高檔的16～355％之間。
ABF三虎之一的欣興過去一段時間以來獲得高盛、摩根大通、花旗環球集體看俏野村證券最新上調對欣興財務預期鎖定ABF需求爆發潮看好欣興營運長線能見度愈來愈明朗將推測合理股價升至180元。</t>
  </si>
  <si>
    <t>esl元太大陸看好mcu電子證券預期欣興業務abf摩根士丹利外資股價以來導體過去採用瑞信需求鎖定最新市場</t>
  </si>
  <si>
    <t>地化元太ESL外資MCU</t>
  </si>
  <si>
    <t>元太mcuesl外資</t>
  </si>
  <si>
    <t>乾旱飲料全球知名肺炎</t>
  </si>
  <si>
    <t>「半島電視台」（Al Jazeera）1日報導印度4月再度爆發大規模新冠肺炎（COVID-19）疫情該國東北部的產茶重地阿薩姆邦（Assam）也不能倖免目前已有超過7000名採茶工人染疫加上當地年初降雨量不足恐讓這種全</t>
  </si>
  <si>
    <t>報導降雨量印度年初當地再度加上爆發工人肺炎covid-採茶疫情超過東北部產茶不足重地目前阿薩姆邦倖免assam不能</t>
  </si>
  <si>
    <t>「半島電視台」（Al Jazeera）1日報導印度4月再度爆發大規模新冠肺炎（COVID-19）疫情該國東北部的產茶重地阿薩姆邦（Assam）也不能倖免目前已有超過7000名採茶工人染疫加上當地年初降雨量不足恐讓這種全球知名的茶葉再度遭受重擊。
根據報導自4月以來阿薩姆邦的800座大型茶園中已有403座出現工人染疫總數達7121例其中53例死亡；且由於檢測量不足實際染疫人數可能更高。如其中一名工人薩巴爾（Gautam Sabar）便是在症狀出現一週後茶園內的醫療設施仍未對其實施檢測直到病情發展成重症後才送醫最後在抵達大醫院不久後病逝。
不過即使當地政府下令收緊防疫措施各茶園卻仍讓當地人數多達百萬的採茶工人繼續上工因為5月起正是夏摘茶（Second flush）的採收時期這時採得的茶葉香氣濃烈主要用於外銷他國。因此茶園不僅沒有暫停作業反而加薪讓工人繼續採茶。
茶園辯稱讓採茶工人出門工作「比待在家裡安全」因為當地人大多十分窮困工錢可能每天不到3美元（約新台幣828元）所有人都只能擠在同一個房間既無通風也缺乏乾淨飲用水等衛生條件。
印度是全世界第二大茶葉生產地僅次於中國大陸；其中阿薩姆紅茶便佔該國茶葉總產量的一半。當地茶葉協會告訴「半島電視台」在新冠肺炎疫情下當地2020年1至5月的茶葉產量較2019年減少7800萬公斤；今年初則由於降雨量不足至今產量已較2019年減少6000萬公斤。當地若再發生大規模疫情恐對相關產業造成更大的衝擊。</t>
  </si>
  <si>
    <t>茶葉茶園工人當地不足採茶疫情印度可能阿薩姆邦檢測報導人數再度出現降雨量繼續</t>
  </si>
  <si>
    <t>新冠肺炎全球印度阿薩姆茶工</t>
  </si>
  <si>
    <t>印度全球肺炎阿薩姆</t>
  </si>
  <si>
    <t>全縣新增隔離祖居陰性</t>
  </si>
  <si>
    <t>全國新冠肺炎疫情升溫、三級警戒連江縣疫情指揮中心今（21日）公佈新增桃園案2344密切接觸需居家隔離個案1人全縣統計目前居家隔離26例、居家檢疫11人全縣各院所門急診採檢量為59件皆為陰性。連江縣疫情指揮</t>
  </si>
  <si>
    <t>疫情居家全縣連江縣隔離指揮中心公佈新增桃園肺炎門急診密切接觸院所個案升溫警戒陰性檢疫</t>
  </si>
  <si>
    <t>全國新冠肺炎疫情升溫、三級警戒連江縣疫情指揮中心今（21日）公佈新增桃園案2344密切接觸需居家隔離個案1人全縣統計目前居家隔離26例、居家檢疫11人全縣各院所門急診採檢量為59件皆為陰性。
連江縣疫情指揮中心表示疫情中心專線進話29通內容以自我健康監測問題、詢問篩檢結果及情緒支持為多地區各院所門急診採檢量為59件皆為陰性。
依據全國防疫會議內容中央流行疫情指揮中心已依《傳染病防治法》等相關規定全國民眾必須遵守的防疫措施 訂定一致性之指引及規範外出須全程佩戴之規定針對自行開車部分如為2人以上同車則應佩戴口罩另工地施工人員用餐時間可保持社交距離（15 公尺）者可允許不須佩帶口罩。
連江縣疫情指揮中心表示今（21日）也做出6點決議呼籲民眾落實相關防疫規定。
1警察局及各鄉派出所加強巡邏公共場所、賣場、超商及餐飲業落實三級防疫措施。
2各醫療院所篩檢站針對高風險族群逐步篩檢找出潛在感染源降低社區風險。
3呼籲民眾週末減少非必要出門避免群聚勤洗手戴口罩保持社交距離民政處加強廣播。
4自台返馬民眾請進行自我健康監測14日減少移動。
5建議鄉親減少赴台公教人員休假比照軍方禁止赴台休假戶外運動仍須戴口罩。
6針對來馬遊客確診者足跡重疊者進行快篩作業從高風險地區返馬民眾請與疫情中心聯繫安排篩檢時間找出潛在感染者。</t>
  </si>
  <si>
    <t>疫情口罩民眾中心防疫規定減少全國指揮院所佩戴加強時間連江縣內容措施呼籲落實監測健康進行地區居家</t>
  </si>
  <si>
    <t>新冠肺炎台灣民眾居家隔離全縣</t>
  </si>
  <si>
    <t>民眾臺灣居家肺炎隔離全縣</t>
  </si>
  <si>
    <t>出關羅志祥考驗早班車新聞智慧</t>
  </si>
  <si>
    <t>小編精選《中國時報》5件不可不知大事帶讀者掌握今天（29日）新聞重點。【1】羅志祥今出關 下一步怎走考驗智慧周揚青宣告與羅志祥（小豬）分手並踢爆小豬與愷樂（蝴蝶）有不正當男女關係讓小豬形象一落千丈。</t>
  </si>
  <si>
    <t>羅志祥不知不可大事讀者掌握今天新聞男女關係重點正當蝴蝶出關考驗宣告智慧周揚青中國時報</t>
  </si>
  <si>
    <t>小編精選《中國時報》5件不可不知大事帶讀者掌握今天（29日）新聞重點。
【1】羅志祥今出關 下一步怎走考驗智慧
周揚青宣告與羅志祥（小豬）分手並踢爆小豬與愷樂（蝴蝶）有不正當男女關係讓小豬形象一落千丈。周揚青的家世背景及微博小號、小小號陸續被起底。小豬因新冠肺炎防疫措施在深圳自主隔離今（29日）是他隔離第14天即將出關。而認了當小三的愷樂已有3代言遭撤事業崩毀。
【2】再轟1968 黃偉哲諷阿飄多
交通部觀光局因應五一連假推出「1968」APP升級版提供全台234個熱點人潮示警台南市27處高居「全台之冠」台南市長黃偉哲繼27日炮轟中央「是跟台南有仇嗎？」昨進一步公佈28日淩晨1點實測包括三峽文化路商圈、休市的台南同安夜市、新竹市立動物園竟顯示「人潮略多」他忍不住酸諷「是動物多還是阿飄多？」
【3】全球實際染疫 恐逾3000萬人
歐美引進新冠病毒抗體檢測初步結果顯示實際感染人數可能是確診人數的10倍。以美國紐約州為例以3000人進行抽樣調查的結果顯示139％的人產生了抗體。假如以紐約州人口推算約270萬人已具備抗體達到已發布的確診人數（約25萬人）10倍之多。如果這項調查具有普遍性則目前全球超過300萬人確診可能實際感染人數已經超越3000萬人。
【4】2021年經濟 呈U型復甦
新冠肺炎疫情持續衝擊全球安永公佈最新「全球資本信心晴雨錶」報告逾7成企業領袖及高階主管預期疫情會導致供應鏈中斷、消費緊縮重創全球經濟展望未來發展54％受訪者推測2021年經濟將呈現U型復甦但也有38％認為會V型反轉在今年第三季即步入常軌。
【5】基隆廟口人流管制 攤商盼放寬
面對新冠肺炎疫情基隆廟口夜市12日率先啟動人流管制限額2000人但實施半個月以來人潮高峰僅千人即使週末假日也從未達管制標準讓攤商抱怨管制嚇跑遊客認為現在疫情趨緩全台已連續3天出現零確診都盼連假能放寬管制。</t>
  </si>
  <si>
    <t>全球管制疫情人潮確診全台台南實際抗體人數經濟肺炎羅志祥黃偉哲夜市</t>
  </si>
  <si>
    <t>羅志祥周揚青1968黃偉哲基隆廟口</t>
  </si>
  <si>
    <t>基隆黃偉哲周揚羅志祥廟口</t>
  </si>
  <si>
    <t>內門初二農會停辦娘家影響肺炎活動</t>
  </si>
  <si>
    <t>考慮新冠肺炎疫情高雄市內門區農會連續多年推出「初二回娘家」辦桌活動今年取消。內門區農會總幹事洪輝煌說配合防疫需求不得已停辦此活動考慮會採訂購方式讓有需要的民眾向總舖師購買。「初二回娘家」辦</t>
  </si>
  <si>
    <t>農會活動考慮初二娘家高雄疫情市內需要方式民眾門區配合向總訂購防疫停辦不得已輝煌需求幹事</t>
  </si>
  <si>
    <t>考慮新冠肺炎疫情高雄市內門區農會連續多年推出「初二回娘家」辦桌活動今年取消。內門區農會總幹事洪輝煌說配合防疫需求不得已停辦此活動考慮會採訂購方式讓有需要的民眾向總舖師購買。
「初二回娘家」辦桌活動是地方盛事今年因為新冠肺炎疫情內門區農會決定停辦將退款給已匯款客戶。
洪輝煌表示「初二回娘家」辦桌活動每年規模有400至500桌菜色豐富包含東坡肉、放山雞、魚翅肉羹、石斑魚、櫻花蝦油飯、佛跳牆等；可能會情商一些總鋪師讓民眾以電話訂購的方式訂購桌菜或想要吃的菜餚。</t>
  </si>
  <si>
    <t>活動農會停辦初二訂購輝煌今年娘家內門方式考慮疫情肺炎民眾石斑魚肉羹櫻花魚翅</t>
  </si>
  <si>
    <t>內門初二回娘家新冠肺炎辦桌</t>
  </si>
  <si>
    <t>娘家肺炎初二內門</t>
  </si>
  <si>
    <t>顯示近期感染抗體排除哥哥改判本土埃及病例</t>
  </si>
  <si>
    <t>中央流行疫情指揮中心今（10日）針對新北幼兒園群聚公佈最新基因定序結果確定埃及爸（案16160）一家三口都染上Delta變異株同時也指出與埃及爸同日返台的表哥和哥哥（案16169、案16170）抗體檢驗結果為陰性研判</t>
  </si>
  <si>
    <t>埃及結果中心新北幼稚園公佈指揮最新基因確定同日指出染上delta變異檢驗一家抗體疫情哥哥表哥</t>
  </si>
  <si>
    <t>中央流行疫情指揮中心今（10日）針對新北幼兒園群聚公佈最新基因定序結果確定埃及爸（案16160）一家三口都染上Delta變異株同時也指出與埃及爸同日返台的表哥和哥哥（案16169、案16170）抗體檢驗結果為陰性研判是近期染疫指揮中心不排除將改列為本土感染。
今新增2例本土、5例境外移入指揮中心表示新北幼兒園群聚沒有進一步擴大維持在27例2例本土分別為北市松山區一名國中生與新北市一位民眾去醫院檢查身體經篩檢後確診。
指揮中心今公佈埃及爸一家三口病毒基因定序確定妻子（案16155）及小孩（案16145）皆感染Delta顯示和幼兒園群聚為同一感染源不過仍不能推斷埃及爸就是這起群聚感染源頭也有可能是其他社區不明感染源頭傳給他再傳回去給家人目前仍暫判埃及爸為境外移入個案。
然而指揮中心也公佈與埃及爸同日返台入境後陰轉陽的表哥和哥哥抗體測試結果呈陰性醫療應變組副組長羅一鈞研判這顯示2人為近期感染推測是在過去7-10天之內染疫可能屬於晚一波的感染個案。
羅一鈞說明後續將追蹤表哥和哥哥體內Ct值變化若Ct值有再下降顯示病毒量增加未來就有可能將這2例改判為本土病例。指揮中心發言人莊人祥表示目前不會針對埃及三兄弟回頭匡列8月4日同班機乘客畢竟已經過14天居家檢疫期也完成2次採檢就算有抓出確診者也不具有傳染力。</t>
  </si>
  <si>
    <t>感染埃及中心指揮本土顯示可能新北哥哥結果表哥公佈幼稚園確診</t>
  </si>
  <si>
    <t>本土病例埃及爸哥哥境外移入近期感染</t>
  </si>
  <si>
    <t>境外哥哥埃及近期病例本土感染</t>
  </si>
  <si>
    <t>恢復部分高校澳門教學</t>
  </si>
  <si>
    <t>澳門特區政府官網14日引用澳門高等教育局消息指出日前該局與澳門10所高等院校高層及代表召開會議就復課日期及安排進行磋商根據澎湃新聞網報導初步建議院校在滿足特定條件並根據自身實際情況可考慮於4月1</t>
  </si>
  <si>
    <t>澳門特定條件引用滿足院校建議初步報導高等院校新聞網高層澎湃代表磋商進行召開會議安排日期複課實際教育局消息指出日前情況</t>
  </si>
  <si>
    <t>澳門特區政府官網14日引用澳門高等教育局消息指出日前該局與澳門10所高等院校高層及代表召開會議就復課日期及安排進行磋商根據澎湃新聞網報導初步建議院校在滿足特定條件並根據自身實際情況可考慮於4月1日起恢復部分教學活動。</t>
  </si>
  <si>
    <t>澳門引用考慮情況實際特定條件高等院校滿足高層院校代表建議初步會議召開報導新聞網澎湃複課磋商日期安排進行教育局消息指出</t>
  </si>
  <si>
    <t>新冠肺炎CONID-19武漢肺炎新型冠狀病毒澳門</t>
  </si>
  <si>
    <t>肺炎武漢conid-病毒冠狀澳門</t>
  </si>
  <si>
    <t>中心比照返台指揮集中包機檢疫</t>
  </si>
  <si>
    <t>滯留在武漢當地的台商當初因為武漢倉促封城而無法返台第一班包機返台後終於再次啟動中央流行疫情指揮中心監測應變官莊人祥表示將比照第一班包機模式台商下機後先在台灣飛機維修公司機棚進行防疫檢查後若</t>
  </si>
  <si>
    <t>台商包機返台武漢維修公司倉促飛機中心指揮監測疫情應變流行臺灣封城中央莊人祥啟動表示再次比照下機終於</t>
  </si>
  <si>
    <t>滯留在武漢當地的台商當初因為武漢倉促封城而無法返台第一班包機返台後終於再次啟動中央流行疫情指揮中心監測應變官莊人祥表示將比照第一班包機模式台商下機後先在台灣飛機維修公司機棚進行防疫檢查後若沒有症狀者將被分送往集中檢疫場所進行隔離檢疫14天若有症狀者則後送醫院的負壓隔離病房採檢治療。
新冠肺炎肆虐大陸滯留在當地的台商因為武漢倉促封城而無法返台因此有了「武漢包機」返台模式第一班包機共有247名滯留當地的台商搭乘於3日晚間11時40分返台後來出現一名有發燒症狀經採檢後為陽性加上名單與我方開出的不符合因此第二班包機遲遲無法成行。
滯留湖北台人的包機在雙方協商僵持1個多月後總算有了突破。據瞭解10日晚間將分別由台灣華航和大陸東方航空執飛共兩架包機返台座位會採間隔方式總人數控制在200人出頭當中包含台灣提出的121人優先名單
中央流行疫情指揮中心表示第二班包機原則為「弱勢優先、疾病優先」才有辦法持續溝通。這次原則不變莊人祥也表示若登機前有發燒症狀則不能登機且全程需配戴口罩。</t>
  </si>
  <si>
    <t>包機返台症狀臺灣台商滯留表示優先大陸名單進行登機莊人祥原則晚間當地無法發燒模式武漢</t>
  </si>
  <si>
    <t>包機返台第二班台商指揮中心</t>
  </si>
  <si>
    <t>指揮返台台商包機中心</t>
  </si>
  <si>
    <t>董批政府自大運將驕傲起來</t>
  </si>
  <si>
    <t>擴大紓困上路以來民眾相當不滿小黃司機可領6萬元更是引起軒然大波雖然政府趕快澄清是相關補助加起來6萬但還是對政府威信造成傷害。對此綠媒老董吳子嘉直言連錢給人家這樣的事都沒做好代表政府有可能</t>
  </si>
  <si>
    <t>政府民眾相當不滿小黃司機以來人家連錢直言更是董吳引起軒然大波趕快對此澄清傷害</t>
  </si>
  <si>
    <t>擴大紓困上路以來民眾相當不滿小黃司機可領6萬元更是引起軒然大波雖然政府趕快澄清是相關補助加起來6萬但還是對政府威信造成傷害。對此綠媒老董吳子嘉直言連錢給人家這樣的事都沒做好代表政府有可能因為防疫成效導致有些自滿和驕傲的現象都出來了。
小黃司機領6萬元引起軒然大波交通部長林佳龍趕緊解釋原先就有薪資補貼最高1個月2萬最多領3個月而自雇計程車則是1萬元同時也鼓勵進修只要有上課就可領18萬運輸業還有12萬的油資補貼因此這是原本給的各種補助加起來而不是再多給6萬。
對此吳子嘉在政論節目《關鍵時刻》上表示連給錢給人家這樣一個事情都可以搞成民怨四起就可以想像這個政府目前為止有一些驕傲和自大然後驕傲自大之餘就發生這些事先考量不周現象出現。
吳子嘉強調現在台灣面臨一個很大危機每天下午兩點的衛福部長陳時中記者會吸引太多注意力導致其他重要事情都荒廢掉了媒體就不會關注沒關注就會變成不重要的事情像經濟就不易受到關注。</t>
  </si>
  <si>
    <t>政府事情對此現象補貼驕傲人家導致司機重要軒然大波起來補助引起可以民眾相當危機下午</t>
  </si>
  <si>
    <t>吳子嘉林佳龍綠媒老董交通部台灣</t>
  </si>
  <si>
    <t>交通部林佳龍吳子嘉臺灣</t>
  </si>
  <si>
    <t>疫情樂觀管控陸已庫克</t>
  </si>
  <si>
    <t>新冠肺炎疫情肆虐蘋果執行長庫克仍樂觀看待後續發展。庫克表示確診數字逐日下降反映大陸已管控住疫情他對此相當樂觀蘋果供應鏈復工也讓產能接近恢復正常水準。福斯財經網27日報導庫克受訪時表示基於大陸</t>
  </si>
  <si>
    <t>庫克疫情蘋果樂觀表示大陸肆虐福斯水準接近產能財經報導復工執行長供應反映下降相當確診管控發展逐日</t>
  </si>
  <si>
    <t>新冠肺炎疫情肆虐蘋果執行長庫克仍樂觀看待後續發展。庫克表示確診數字逐日下降反映大陸已管控住疫情他對此相當樂觀蘋果供應鏈復工也讓產能接近恢復正常水準。
福斯財經網27日報導庫克受訪時表示基於大陸確診數字每天下降自己對於新冠肺炎疫情發展抱持非常樂觀的態度認為大陸已經開始控制住疫情。
對於蘋果產能會否受疫情影響庫克指出iPhone等產品零件從世界各地而來蘋果在大陸的工廠供應鏈已經開始重新運轉在有條件的情況下復工。庫克稱目前邊際產量已在上升逐步進入恢復正常投產的第三階段。
日前庫克曾於蘋果股東大會上表示新冠肺炎是個相當複雜的問題也承認疫情對蘋果業績帶來挑戰。此前蘋果的Q1營收預測便指出因疫情影響營收可能無法達到原先預測的630億美元低標目標。
此前大陸各地延後復工的情況重挫仰賴大陸供應鏈的蘋果也讓外界猜測蘋果今年新品會否因此延期推出。不過在消費端蘋果在大陸的實體直營店則是陸續重新恢復營運。</t>
  </si>
  <si>
    <t>蘋果大陸庫克疫情復工樂觀表示供應肺炎預測此前相當重新產能發展情況對於影響開始已經確診</t>
  </si>
  <si>
    <t>蘋果大陸肺炎樂觀下降</t>
  </si>
  <si>
    <t>大陸肺炎下降樂觀蘋果</t>
  </si>
  <si>
    <t>防衛能量展現沒當林昶</t>
  </si>
  <si>
    <t>對於海軍磐石軍艦有24名確診新冠肺炎民進黨立委林昶佐表示必須展現防衛的能量與決心相關訓練有些不能停止。神朱學恆則說搞不清楚敦睦和展現防衛決心的差別大家不要怪他因為他沒當兵。對於海軍敦睦艦隊出訪</t>
  </si>
  <si>
    <t>決心展現防衛海軍對於確診當兵肺炎民進黨立委朱學不要表示停止不能差別訓練必須</t>
  </si>
  <si>
    <t>對於海軍磐石軍艦有24名確診新冠肺炎民進黨立委林昶佐表示必須展現防衛的能量與決心相關訓練有些不能停止。神朱學恆則說搞不清楚敦睦和展現防衛決心的差別大家不要怪他因為他沒當兵。
對於海軍敦睦艦隊出訪帛琉返台後磐石軍艦上計有24名官兵生確診新冠肺炎民進黨立委林昶佐表示「我們必須展現防衛的能量與決心相關訓練有些不能停止也不可能將國防工作完全公告周知但是在防疫疫調上國防部必須透明坦白的向指揮中心完整交代、釐清脈絡。」
林昶佐建請應該緊急回溯檢疫過去至少一個月以來針對目前不管是海軍、海巡或是教育訓練(海大)的船舶盤點相關行程以及船艦成員健康狀況。而因客觀形勢不能取消的航行計畫也應該以磐石艦為例與指揮中心一起梳理現行流程缺陷做相關調整並提升防疫措施。
而宅神朱學恒則酸「大家不要怪他因為他沒當兵所以雖然在國防外交委員會也搞不清楚敦睦和展現防衛決心的差別。他大概覺得要跑到帛琉去才能對抗中共吧！」</t>
  </si>
  <si>
    <t>相關海軍磐石訓練應該防疫決心防衛展現必須中心指揮國防軍艦當兵朱學不要</t>
  </si>
  <si>
    <t>林昶佐朱學恒宅神新冠肺炎新冠病毒</t>
  </si>
  <si>
    <t>朱學肺炎林昶病毒</t>
  </si>
  <si>
    <t>研究重症死亡率類固醇台幣</t>
  </si>
  <si>
    <t>新冠肺炎治療又有重大突破新研究顯示一種稱為「氫化可體松」（hydrocortisone）的類固醇藥物能有效降低重症患者20%的死亡率而且這種藥物相當便宜最低只要5英鎊不到200塊台幣。綜合英國《太陽報》（The Sun</t>
  </si>
  <si>
    <t>藥物英國綜合台幣重大突破研究顯示稱為太陽最低便宜可體相當hydrocortisone死亡率類固醇患者有效降低</t>
  </si>
  <si>
    <t>患者藥物研究類固醇重症效果實驗進行參與可體能夠health英國皮質theof使用顯示死亡率證實有效便宜</t>
  </si>
  <si>
    <t>新冠肺炎類固醇重症死亡率20%</t>
  </si>
  <si>
    <t>重症類固醇肺炎死亡率</t>
  </si>
  <si>
    <t>試驗療效顯著參與</t>
  </si>
  <si>
    <t>衛福部食藥署昨核准新冠肺炎新藥「瑞德西韋」（remdesivir）的輸入所屬吉立亞醫藥針對近400名新冠肺炎重症者進行臨床試驗其中有11名為台灣中、重症病患食藥署官員表示這11人的治療效果佳有肺浸潤、呼吸困</t>
  </si>
  <si>
    <t>重症肺炎效果治療表示官員臺灣臨床輸入所屬remdesivir進行吉立亞瑞德西韋醫藥新藥</t>
  </si>
  <si>
    <t>衛福部食藥署昨核准新冠肺炎新藥「瑞德西韋」（remdesivir）的輸入所屬吉立亞醫藥針對近400名新冠肺炎重症者進行臨床試驗其中有11名為台灣中、重症病患食藥署官員表示這11人的治療效果佳有肺浸潤、呼吸困難者用藥後症狀都有明顯改善。1000人次的份量以台灣目前累計442確診病例僅有不到1成符合適應症來看大概要累計1萬人確診才會用罄。
吉立亞醫藥4月底公佈一項多國多中心開放性、第3期臨床試驗的重要結果以397名新冠肺炎重症者為研究對象。吉立亞醫藥醫療長梅達帕西 (Merdad Parsey) 指出在第3次試驗中5天治療組達到一半患者的臨床改善時間為10天10天治療組則為11天；兩組皆超過一半患者在第14天出院。而在第14天5天治療組有645％患者達臨床上恢復10天治療組則有538％。
根據該試驗使用瑞德西韋5天與10天的病人恢復效果差不多未來可將瑞德西韋療程定在5天節省藥量以提供給更多病患。雖少數病人出現噁心、肝功能上升等副作用3％病人因肝功能上升停藥但疫情指揮中心專家諮詢小組召集人張上淳先前即指出整體而言瑞德西韋是比較有希望的新冠肺炎治療藥物。
食藥署署長吳秀梅表示台灣參與瑞德西韋人體臨床試驗計畫共收治11名新冠肺炎中、重度個案所有患者治療效果佳有肺部浸潤、呼吸困難者在積極用藥後症狀都有明顯改善。
中央流行疫情指揮中心發言人莊人祥表示食藥署初步下訂1000人次的份量代表會有1000人可受惠進口量大概等於6000劑以台灣目前符合使用瑞德西韋確診病例僅1成來看1000人次的量已充足。</t>
  </si>
  <si>
    <t>瑞德西韋治療試驗臨床肺炎臺灣醫藥中心患者確診病人效果改善重症表示指出吉立亞</t>
  </si>
  <si>
    <t>病人瑞德肺炎吉立亞試驗</t>
  </si>
  <si>
    <t>肺炎試驗瑞德病人吉立亞</t>
  </si>
  <si>
    <t>阿q風向不必透視新聞</t>
  </si>
  <si>
    <t>國際間已有59國開始注射新冠肺炎疫苗台灣卻買不到疫苗防疫指揮官陳時中在1月底先為國人打「預防針」他坦承「打疫苗一定比他國晚」這番大實話真是令人無言以對。對此困境民進黨立委王定宇開始帶風向稱</t>
  </si>
  <si>
    <t>疫苗開始定宇黨立委注射民進困境對此無言以對肺炎真是先為防疫指揮官實話陳時中月底一定臺灣</t>
  </si>
  <si>
    <t>國際間已有59國開始注射新冠肺炎疫苗台灣卻買不到疫苗防疫指揮官陳時中在1月底先為國人打「預防針」他坦承「打疫苗一定比他國晚」這番大實話真是令人無言以對。對此困境民進黨立委王定宇開始帶風向稱「台灣民眾在沒有出國可能或需要前實在沒有注射疫苗的急迫性」。王定宇不急但民眾很急若疫苗終於買來了不著急的王委員是不是「你先打我OK」自願最後一個注射？
新冠肺炎造成全球大流行至今已年餘國際商旅形同中斷百業悽慘民眾防疫心理壓力備增過去政府宣揚由民間與官方組成的國家隊從做口罩、研發篩檢試劑、研發疫苗均成效卓著勝過對岸一年過去了人民心裡著急想要疫苗但國內研發落後外購又買不到民眾要等到何時?
更何況如果各國紛紛完成疫苗施打重啟國門與國際恢復往來時台灣若未施打或施打率低台灣會被列入開放之列？國人有辦法走得出去嗎？
王定宇說不必急著打疫苗正如同去年初疫情剛開始時前總統馬英九、前高雄市長韓國瑜出入公共場合都戴口罩卻被綠營抨擊為製造恐慌衛福部還找醫師拍攝影片告訴民眾在公共場合可以不用戴口罩綠委更發起「我OK你先領」活動蔚成風潮。其實是為了掩飾口罩產能跟不上的事實現在又帶風向說「既不出國台灣不急著要疫苗」是不是也想隱瞞疫苗取得碰壁的窘境？
台灣防疫能成功很大的原因要歸功於台灣民眾自主的防疫意識這是大家一起努力的成果政府有做得好的地方也有做不足之處但政府遇到不利的狀況就發動網軍帶風向帶不動風向就尋找異音批鬥藉此移轉焦點。新冠肺炎是全人類前所未見的考驗防疫原本就是邊做邊修正但政府無法忍受被人指教倨傲不接受建議才是防疫最大的破口。</t>
  </si>
  <si>
    <t>疫苗民眾臺灣防疫口罩政府開始風向國際注射肺炎研發過去施打</t>
  </si>
  <si>
    <t>口罩帶風向疫苗研發肺炎</t>
  </si>
  <si>
    <t>風向研發疫苗口罩肺炎</t>
  </si>
  <si>
    <t>居家空服隔離同機防疫音樂家確診</t>
  </si>
  <si>
    <t>澳洲音樂家日前來台演出返國後確診新冠肺炎值勤該班臺北-布里斯本的組員將被要求居家隔離。事後再傳出確診音樂家是從英國倫敦搭機至曼谷再轉機到台灣長榮表示與該班機接觸過的20多名機師、空服與地勤人員</t>
  </si>
  <si>
    <t>確診音樂家班機表示臺灣接觸演出轉機返國臺北布里斯本組員肺炎值勤曼谷要求居家隔離</t>
  </si>
  <si>
    <t>澳洲音樂家日前來台演出返國後確診新冠肺炎值勤該班臺北-布里斯本的組員將被要求居家隔離。事後再傳出確診音樂家是從英國倫敦搭機至曼谷再轉機到台灣長榮表示與該班機接觸過的20多名機師、空服與地勤人員都會給予防疫假居家隔離至3月8日。
長榮航空指出依中央流行疫情指揮中心及澳洲官方衛生單位提供之資訊一位新冠肺炎確診病患曾搭乘3月2日BR315班機由臺北飛往布里斯本該班機服務之12名空服員已於今日清晨返抵台灣長榮航空依疾管署之規範給予14天有給之防疫假進行居家隔離。
此外長榮航空採取更嚴格之防疫措施該班機之3名飛行員、及曾近距離、持續性密集接觸的地勤人員比照辦理。
另外該旅客曾於2月22日搭乘BR68自倫敦經曼谷抵達臺北該班機所有飛行員、空服員、及曾密集接觸的地勤人員亦給予有給防疫假居家隔離至3月8日。</t>
  </si>
  <si>
    <t>班機確診防疫臺北空服接觸航空隔離居家地勤人員給予曼谷音樂家澳洲布里斯本臺灣肺炎搭乘飛行員br密集</t>
  </si>
  <si>
    <t>隔離防疫長榮班機居家</t>
  </si>
  <si>
    <t>班機防疫居家隔離</t>
  </si>
  <si>
    <t>很快接受川普病毒檢測</t>
  </si>
  <si>
    <t>美國總統川普13日在白宮舉行的記者會上回答提問時說他可能很快接受新冠病毒檢測相關安排正在計畫中。新華社報導上週末川普在位於佛羅裡達州的海湖莊園接待了來訪的巴西總統博索納羅一行。隨行的巴西總統府社</t>
  </si>
  <si>
    <t>川普總統巴西來訪白宮接待回答可能時說提問接受記者會病毒檢測舉行相關安排海湖莊園佛羅里達州計畫中位於新華社報導上週末</t>
  </si>
  <si>
    <t>美國總統川普13日在白宮舉行的記者會上回答提問時說他可能很快接受新冠病毒檢測相關安排正在計畫中。
新華社報導上週末川普在位於佛羅裡達州的海湖莊園接待了來訪的巴西總統博索納羅一行。隨行的巴西總統府社會傳播秘書處負責人瓦金加藤回國後被確診感染新冠病毒。13日博索納羅在社交媒體上宣佈他本人新冠病毒檢測結果呈陰性。
訪美期間瓦金加藤曾與川普、美國副總統彭斯合影。川普13日說他不知道接觸過新冠肺炎確診病例也沒有出現任何感染病毒症狀。
美國疾病控制和預防中心最新資料顯示截至13日下午美國累計新冠肺炎確診病例達1629例、死亡41例。美國首都華盛頓和46個州出現確診病例其中華盛頓州、紐約州和加州疫情較為嚴重。</t>
  </si>
  <si>
    <t>確診川普美國病例總統金加藤感染病毒病毒檢測出現索納羅巴西肺炎紐約州華盛頓州上週末位於報導佛羅里達州新華社海湖加州計畫中社會</t>
  </si>
  <si>
    <t>新冠病毒川普美國檢測</t>
  </si>
  <si>
    <t>川普美國病毒檢測</t>
  </si>
  <si>
    <t>亞馬遜新高</t>
  </si>
  <si>
    <t>近期美股反彈科技股扮演主要推手尖牙股（FAANG）再度出頭天。其中臉書與亞馬遜股價雙創新高。臉書20日股價收盤狂飆逾6％報22997美元亞馬遜股價勁升近2％收在249794美元雙雙改寫新高紀錄。21日美股</t>
  </si>
  <si>
    <t>股價亞馬遜扮演推手faang再度改寫出頭天收在科技收盤新高勁升反彈紀錄創新近期</t>
  </si>
  <si>
    <t>近期美股反彈科技股扮演主要推手尖牙股（FAANG）再度出頭天。其中臉書與亞馬遜股價雙創新高。
臉書20日股價收盤狂飆逾6％報22997美元亞馬遜股價勁升近2％收在249794美元雙雙改寫新高紀錄。
21日美股早盤臉書股價大漲2％報23468美元亞馬遜股價續漲08％報2518美元。
自新冠肺炎疫情爆發以來美股輪動從民生必需品、醫療保健、大型零售商再到半導體類股。
臉書宣佈推出最新電商功能「Shops」翌日股價便改寫新高紀錄。Shops可讓用戶在商家的臉書與Instagram頁面購物該項功能是臉書揮軍電子商務領域最大的行動。
摩根士丹利分析師表示Shops功能可望協助臉書迎戰亞馬遜和穀歌。
在新冠肺炎大流行期間電商巨擘亞馬遜的表現優於大盤投資人看好亞馬遜的長期績效且疫情期間消費者轉向網購帶動亞馬遜股價躥揚。
儘管沃爾瑪（Walmart）、Target和家得寶（Home Depot）等大型零售商的財報顯示旗下電商部門業績相當強勁但亞馬遜依舊是「電商之王」而且成長快速的雲端業務AWS也是亞馬遜股價的重要推手。
科技股漲勢淩厲推動那斯達克綜合指數走高那指自3月23日的波段低點反彈5月初時便已經收復2020年的跌勢。那斯達克綜合指數目前只較2月19日的歷史新高水準低了約5％。</t>
  </si>
  <si>
    <t>亞馬遜股價功能shops零售商疫情推手反彈期間科技肺炎那斯達克綜合新高紀錄指數</t>
  </si>
  <si>
    <t>功能肺炎大型零售商尖牙股shopping</t>
  </si>
  <si>
    <t>零售商肺炎shopping功能</t>
  </si>
  <si>
    <t>防疫就醫臺灣外籍人士淪陷開放</t>
  </si>
  <si>
    <t>中央流行疫情指揮中心22日宣佈台灣醫療能量有餘裕除健檢、醫美外要開放外籍人士來台就醫此話一出便引來許多反彈。對此前國民黨立委孫大千直言若一旦形成防疫破口是否會造成醫院的群聚感染最終導致台</t>
  </si>
  <si>
    <t>中心醫院造成宣佈是否臺灣醫療防疫能量形成一旦直言孫大健檢指揮國民黨</t>
  </si>
  <si>
    <t>中央流行疫情指揮中心22日宣佈台灣醫療能量有餘裕除健檢、醫美外要開放外籍人士來台就醫此話一出便引來許多反彈。對此前國民黨立委孫大千直言若一旦形成防疫破口是否會造成醫院的群聚感染最終導致台灣的全面淪陷呢？
指揮中心將在8月1日開放外籍人士來台就醫疫情中心發言人莊人祥表示目前排除醫美、健檢等非必要醫療行為主要還是針對過去曾在台治療的病人例如癌症等重要疾病的病人進行開放。由於新冠肺炎疫情仍持續外界質疑此政策恐形成防疫破口。藍委批評此政策缺乏周延思考也沒有和醫護人員充分溝通呼籲衛福部立即暫緩開放外籍人士來台就醫政策。
孫大千則在臉書表示民進黨政府是腦袋有問題嗎？他說上次投入數千萬片的口罩贈送給國外的友邦政府害得國內的民眾只能夠苦哈哈的排隊購買每14天配給9片的口罩還要學習如何用電鍋蒸口罩。最後外宣效果極為有限變成一種自嗨自爽的行為根本就是肉包子打狗有去無回。
孫大千指出現在為了要推動階段性的台獨不惜犧牲台灣人民的健康安全規劃開放外籍人士來台就醫。原本不是才告訴國內民眾為了保全有限的醫療資源和實力所以不推動全民普篩一旦開放外籍人士來台就醫難道不會耗費現有醫療能量嗎？「更重要的是如果一旦形成防疫破口是否會造成醫院的群聚感染最終導致台灣的全面淪陷呢？」</t>
  </si>
  <si>
    <t>開放醫療就醫外籍人士口罩政策臺灣疫情一旦中心形成有限行為民眾表示國內推動防疫重要能量健檢</t>
  </si>
  <si>
    <t>新冠肺炎外籍人士來台就醫防疫破口孫大千</t>
  </si>
  <si>
    <t>外籍人士就醫肺炎防疫孫大千</t>
  </si>
  <si>
    <t>gdp央行臺灣悲觀imf</t>
  </si>
  <si>
    <t>新冠肺炎衝擊IMF（國際貨幣基金）大砍台灣GDP中央銀行罕見對此提出說明強調IMF未在台灣設置專職單位難以即時掌握台灣現況這份外部報告有明顯低估傾向也過份悲觀將會持續與IMF溝通希望有助於其預測準</t>
  </si>
  <si>
    <t>imf臺灣溝通持續國際貨幣基金過份悲觀傾向低估明顯報告外部現況掌握gdp設置中央銀行希望罕見提出說明強調衝擊</t>
  </si>
  <si>
    <t>新冠肺炎衝擊IMF（國際貨幣基金）大砍台灣GDP中央銀行罕見對此提出說明強調IMF未在台灣設置專職單位難以即時掌握台灣現況這份外部報告有明顯低估傾向也過份悲觀將會持續與IMF溝通希望有助於其預測準確性。
央行整理出IMF近年預測2016年後對台灣經濟成長率之預測值普遍偏低以2016年為例IMF於該年10月預設台灣GDP為1％較該年實際值217％低估117個百分點。
央行副總裁嚴宗大明（20）日將赴立法院財委會就新冠肺炎造成國際經貿環境的影響與展望進行專題報告書面報告昨日出爐罕見以「附錄」方式提及IMF一事。
IMF於14日發布之「世界經濟展望」報告對台灣今年實質GDP預測值由原本19％大幅下修至負4％。不過這份報告是由總部位於英國倫敦的Consensus Economics機構所做。
央行指出IMF是採由下而上之經濟預測方法在假設本年全球經濟大幅衰退台灣屬小型開放經濟體受衝擊程度較大而國外需求驟降不利台灣輸出成長表現這也是IMF對台灣經濟成長較為悲觀的主要原因。
央行強調近期多數機構雖然調降台灣GDP預測但大部分仍有零到1％成長反映出IMF未能掌握台灣受疫情影響之真實程度及公共與民間投資情形未考慮政府紓困振興方案之正面效應會持續與IMF溝通希望有助於協助其對預測的準確性。</t>
  </si>
  <si>
    <t>臺灣imf央行經濟預測gdp報告成長影響展望低估罕見強調悲觀掌握大幅預測值機構衝擊肺炎</t>
  </si>
  <si>
    <t>準確性央行肺炎台灣GDP罕見</t>
  </si>
  <si>
    <t>gdp臺灣肺炎央行準確性罕見</t>
  </si>
  <si>
    <t>嚴防境外確診肺炎疫情回流陸新冠</t>
  </si>
  <si>
    <t>新冠肺炎肆虐全球疫情繼續擴散。惟大陸疫情增長有所放緩除了重災區湖北省外各地新增確診病例連續多天維持個別數多個省市區已陸續復工。截至3月2日大陸確診病例超過8萬宗造成2912人病亡疑似病例僅餘715</t>
  </si>
  <si>
    <t>大陸病例確診疫情全球造成超過增長肆虐有所放緩重災區陸續湖北省外復工新增個別病亡維持連續截至繼續擴散</t>
  </si>
  <si>
    <t>新冠肺炎肆虐全球疫情繼續擴散。惟大陸疫情增長有所放緩除了重災區湖北省外各地新增確診病例連續多天維持個別數多個省市區已陸續復工。截至3月2日大陸確診病例超過8萬宗造成2912人病亡疑似病例僅餘715宗累計超過44萬人治癒出院。
據港媒報導針對湖北監獄爆發疫情以及有釋囚突破「封城」返回原居地等情況湖北省長王曉東1日到荊門市檢查督導監獄系統疫情防控工作提出要嚴格做好刑滿釋放人員集中安置工作嚴防疫情向外輸出。據瞭解此次是王曉東3天內第2次檢查監獄等特殊場所的疫情防控亦是湖北省第一次明確提出刑滿釋放人員的安置方式。
另一方面因應世界各國確診人數急增大陸當局亦加強入境防控措施嚴防境外疫情回流造成疫情第二波爆發。</t>
  </si>
  <si>
    <t>疫情大陸確診監獄防控湖北湖北省病例釋放人員嚴防王曉東超過造成檢查爆發全球累計肆虐個別治癒維持</t>
  </si>
  <si>
    <t>疫情大陸監獄病例湖北</t>
  </si>
  <si>
    <t>疫情病例湖北監獄大陸</t>
  </si>
  <si>
    <t>全民治療費感染機師不服氣</t>
  </si>
  <si>
    <t>紐籍機師確診新冠肺炎不僅在飛行期間未佩戴口罩造成兩名同事染疫還將病毒傳染給30多歲的廣達集團女員工但依現行法規無論本國籍或外籍人士入境台灣確診後其治療費用均由政府預算支出引發網友不滿感</t>
  </si>
  <si>
    <t>確診支出預算政府治療費肺炎期間飛行佩戴臺灣口罩造成引發入境同事外籍人士法規病毒傳染給廣達</t>
  </si>
  <si>
    <t>紐籍機師確診新冠肺炎不僅在飛行期間未佩戴口罩造成兩名同事染疫還將病毒傳染給30多歲的廣達集團女員工但依現行法規無論本國籍或外籍人士入境台灣確診後其治療費用均由政府預算支出引發網友不滿感染科醫師王任賢今也表示「相當不服氣」。
紐籍機師成為台灣防疫破口令不少民眾憤怒有網友在PTT上討論其治療費用時絕大多數都認為「應由本人負擔或是長榮」買單。
據《三立新聞網》報導中國醫藥大學附設醫院感染科主治醫師王任賢表示「雖然很不服氣但也只能接受」由於此事事關公益政府責無旁貸。他無奈說若政府不出這筆錢以後有確診者更不會據實以告。不過針對紐籍機師疫調不實遭桃園衛生局重罰30萬他很贊成也認為「本就該重罰」。
另外王任賢也呼籲各縣市政府單位應停或暫緩辦耶誕節、跨年等活動他認為紐籍機師與廣達妹都已在社區趴趴走15日絕非指揮中心說採檢173名接觸者這麼簡單而已呼籲政府在這段時間清查個案所待過的社區、足跡徹底檢查、消毒好消除民眾心中的疑慮。</t>
  </si>
  <si>
    <t>政府機師確診認為王任賢社區臺灣呼籲網友治療費民眾感染不服氣表示重罰消毒廣達徹底集團</t>
  </si>
  <si>
    <t>紐籍機師廣達王任賢新冠肺炎</t>
  </si>
  <si>
    <t>王任賢廣達機師肺炎</t>
  </si>
  <si>
    <t>病例資料輸入警告大陸不會</t>
  </si>
  <si>
    <t>國內昨天(13日)新增一例大陸新冠肺炎輸入個案是隔8個月來再度出大陸返台確診對此急診醫生陳志金警告這一例不會是只有一例「它背後代表的數字絕對不能輕忽！」必須超前部署做好準備。陳志金在臉書提到1</t>
  </si>
  <si>
    <t>大陸陳志金準備做好部署必須超前輕忽不能絕對數字代表背後返台對此確診醫生個案警告急診輸入再度</t>
  </si>
  <si>
    <t>國內昨天(13日)新增一例大陸新冠肺炎輸入個案是隔8個月來再度出大陸返台確診對此急診醫生陳志金警告這一例不會是只有一例「它背後代表的數字絕對不能輕忽！」必須超前部署做好準備。
陳志金在臉書提到1月18日時他寫過了「大陸都靠外國檢疫揪出新冠肺炎？神奇！新冠肺炎只會出國不會在國內傳播？」當時大陸僅41例確診卻能輸出3例很不符合比例原則估計當時病例至少3000人以上果然1月21日台灣出現第一例自武漢返台的確診後23日武漢就封城了。
陳志金說10月13日台灣再度出現大陸輸入病例也警告這一例不會只有一例背後代表的數字不能輕忽「每天確診數千例的國家跑一例來台灣我相信！但大陸現在每天確診10到20例那麼巧跑一例回來台灣？這個當然是不符合比例原則！」台灣現在能過著安定生活就是因為一開始對大陸的數字保持懷疑態度「我們一定要繼續秉持著年初的不信任、超前部署做好準備！」。
對此網友紛紛留言「準備開始抖抖了」、「希望台灣人千萬別輕忽勤洗手戴口罩還是必要」、「14億人只有10-20例確診而有1-2例到他國比中樂透還難」但也有人表示「可是我們不也輸出多例至其他國家？然後台灣也沒什麼事不是嗎？」。
對於網友疑惑陳志金也回應台灣在國外被驗出的確診案例後續疾管署每一例都有追蹤、疫調有的是偽陽性、有的是在當地感染機會比較大而且這些個案在台灣都沒有造成傳播及本土疫情「如果台灣真的有疫情現在連假天天塞車去玩、到處人擠人、醫院人滿為患能夠不爆發嗎？」。</t>
  </si>
  <si>
    <t>臺灣大陸確診陳志金現在輕忽準備數字開始個案肺炎當時病例傳播對此</t>
  </si>
  <si>
    <t>新冠肺炎大陸移入個案確診陳志金台灣</t>
  </si>
  <si>
    <t>大陸個案確診肺炎陳志金臺灣</t>
  </si>
  <si>
    <t>假期蔡英文非必要週末開始出門</t>
  </si>
  <si>
    <t>明開始週末假期蔡英文總統今在臉書拜託大家明天是星期六非必要別出門。「相互體諒、配合減少出門造成的接觸機會這就是團結打贏防疫這一仗最好的方式」！總統說好好待在家裡就可以減少感染風險。假使</t>
  </si>
  <si>
    <t>總統減少出門蔡英文待在家裡明天方式好好最好非必要星期六假期防疫團結造成接觸機會可以</t>
  </si>
  <si>
    <t>明開始週末假期蔡英文總統今在臉書拜託大家明天是星期六非必要別出門。「相互體諒、配合減少出門造成的接觸機會這就是團結打贏防疫這一仗最好的方式」！
總統說好好待在家裡就可以減少感染風險。假使真的需要外出也請記得口罩一定要全程戴好戴滿違反規定就會開罰。
她說她也要建議大家；如果跟確診者沒有接觸史也沒有出現癥狀請暫緩篩檢把醫療資源留給需要的人也避免出門感染風險。
她指出防疫不容易第一線防疫人員都盡全力在拚「我們能做的就是相互體諒、配合減少出門造成的接觸機會這就是團結打贏防疫這一仗最好的方式」！
她表示拜託大家了！也請多關心家中長輩、孩子及身邊的朋友一起做到非必要別出門！</t>
  </si>
  <si>
    <t>出門防疫總統減少需要接觸感染風險非必要方式沒有最好相互蔡英文體諒假期身邊孩子</t>
  </si>
  <si>
    <t>新冠肺炎台灣蔡英文防疫週末</t>
  </si>
  <si>
    <t>蔡英文肺炎臺灣防疫週末</t>
  </si>
  <si>
    <t>線下展覽ces取消影響改線疫情形式</t>
  </si>
  <si>
    <t>CES 2020展會舉辦之際新冠肺炎（COVID-19）疫情仍處於初期階段。但時至今日疫情散播情形已截然不同全球確診人數衝破1600萬。為了保護參展廠商與參觀民眾與媒體們的健康主辦單位CTA (Consumer Technology Ass</t>
  </si>
  <si>
    <t>疫情主辦單位之際健康媒體民眾肺炎參觀covid-廠商參展保護衝破cta時至今日人數確診全球散播舉辦情形截然不同處於初期階段</t>
  </si>
  <si>
    <t>CES 2020展會舉辦之際新冠肺炎（COVID-19）疫情仍處於初期階段。但時至今日疫情散播情形已截然不同全球確診人數衝破1600萬。為了保護參展廠商與參觀民眾與媒體們的健康主辦單位CTA (Consumer Technology Association美國消費技術協會)以確認2021年CES展會將以純線上形式舉辦。
CTA公告原定將在2021年1月6日至9日在美國拉斯維加斯舉辦的CES消費性電子展將取消線下（實體）展覽的形式包含主題演講、高峰會議、產品展出以及商機媒合的會議都將以線上方式呈現。
CTA方面指出由於疫情傳播對於全球帶來的健康疑慮選在2021年初在拉斯維加斯舉辦實體展覽還有面對面對的洽談生意難以確保參加者的健康因此為了進一步保障參展者、參觀者的健康CES 2021將以線上形式舉辦。但預計2022年將會重返拉斯維加斯（舉辦實體展覽）。
CES是每年第一個大型的消費性電子展通常選在一月份在拉斯維加斯舉行2020年CES聚焦5G、人工智慧（AI）、擴增實境（AR）、虛擬實境（VR）、自駕車等議題吸引全球 160 個國家逾 4500 家廠商參展展位面積超過 290 萬平方英尺創下歷史紀錄。總共展出 2 萬項以上新品參觀人數達 184 萬人演講人數超過 1200 人。若要改以線上形式舉辦對於主辦單位也將是另一個全新的挑戰。
2020年因新冠肺炎疫情影響包含MWC全球行動通訊大展、日內瓦車展、SWSX音樂節、日本CP+攝影展器材展等展覽還有蘋果、Google、微軟以及Facebook等科技巨頭的開發者大會也被被迫取消或以線上形式舉辦。在全球多國的疫情尚未獲得緩解之前在CTA宣佈CES 2021以線上方式舉辦展會後會不會引發連鎖效應值得觀察。</t>
  </si>
  <si>
    <t>舉辦全球ces疫情健康cta形式展覽拉斯維加斯人數實體展出參觀參展廠商包含超過主辦單位對於還有美國演講</t>
  </si>
  <si>
    <t>CES消費性電子展線上展覽取消實體展覽</t>
  </si>
  <si>
    <t>電子展覽消費性取消實體ces</t>
  </si>
  <si>
    <t>無處市府新北議員確診pcr建立防疫民眾sop</t>
  </si>
  <si>
    <t>新冠肺炎疫情升溫全國三級警戒新北市議員張維倩今（20日）接獲民眾陳情民眾由PCR篩檢後得知確診卻僅能等候安排她將向市府建議市府應儘速建立整套的防疫SOP讓市民知道確診後該如何配合市府等待、隔離、以</t>
  </si>
  <si>
    <t>市府確診升溫民眾全國警戒新北議員張維倩疫情建立防疫sop等候得知市民知道陳情肺炎</t>
  </si>
  <si>
    <t>新冠肺炎疫情升溫全國三級警戒新北市議員張維倩今（20日）接獲民眾陳情民眾由PCR篩檢後得知確診卻僅能等候安排她將向市府建議市府應儘速建立整套的防疫SOP讓市民知道確診後該如何配合市府等待、隔離、以及解隔離。
張維倩表示接獲民眾陳情自己經由PCR篩檢後得知確診無奈衛生局回覆只能等候安排不知道要等到什麼時候才能去檢疫所也擔心自己在家會傳染給同住家人尤其家中又有長者及幼兒希望議員可以協助向市府反應。
張維倩表示臺北市政府在昨日的防疫記者會很清楚的放上快篩陽性以及PCR確診後該有的流程讓民眾很清楚瞭解中、重度症狀患者會透過救護車送至專責醫院及EMOC無症狀或是輕症患者會透過防疫巴士及救護車送至集中檢疫所隔離集中檢疫所會有專責人員做健康監測。
相反的新北市民只能在家苦苦等待不知道自己下一步該如何配合張維倩表示市府應儘速建立整套的防疫SOP讓市民知道確診後該如何配合市府等待、隔離、以及解隔離。
張維倩也批評針對新北市政府在疫情期間多次強調市府的防疫工作方方面皆超前部署可是針對防疫旅館、防疫物資、防疫SOP都沒有看到有超前部署的成效直到疫情嚴重才開始徵用防疫旅館疫情爆發熱區也不見市府加強快篩站設置。
張維倩質疑臺北市政府在萬華爆發感染源之後立即在萬華設置四站的快篩站反觀新北市政府在這幾天最多例的中和卻沒有設置快篩站如此的防疫作為要如何儘速地找出感染源截斷病毒的傳播鏈呢？
張維倩亦擔心中和區有許多民眾都會到萬華的環南果菜市場批發回來中和擺攤販賣人潮擁擠的傳統市場未落實稽查民眾戴口罩的情形導致近日的確診足跡許多都是出現在傳統市場亦未見這些傳統市場有安排休市或是清消的作業倘若市府沒有在第一時間儘速控制疫情的傳播恐怕疫情還會越來越嚴重。</t>
  </si>
  <si>
    <t>防疫市府張維倩疫情民眾確診新北市場中和沒有安排知道萬華表示傳統隔離議員檢疫所擔心</t>
  </si>
  <si>
    <t>新冠肺炎台灣張維倩確診市府</t>
  </si>
  <si>
    <t>張維臺灣肺炎確診市府</t>
  </si>
  <si>
    <t>結果烏龍今天台商出爐江蘇</t>
  </si>
  <si>
    <t>指揮中心前天(13日)公佈一名台商自大陸江蘇返台確診新冠肺炎是時隔8個月又見大陸移入個案光電大廠友達也證實染疫台商為昆山廠台籍幹部然而昨(14日)晚大陸疾控中心指收到我方電郵指該名台商（案530)的核酸檢</t>
  </si>
  <si>
    <t>台商大陸中心肺炎大廠友達公佈時隔返台確診個案光電自大證實江蘇昆山</t>
  </si>
  <si>
    <t>指揮中心前天(13日)公佈一名台商自大陸江蘇返台確診新冠肺炎是時隔8個月又見大陸移入個案光電大廠友達也證實染疫台商為昆山廠台籍幹部然而昨(14日)晚大陸疾控中心指收到我方電郵指該名台商（案530)的核酸檢測為陰性我指揮中心證實這名台商確實首採陽性但二採卻呈現陰性結果目前難以判斷是否染疫進一步的檢驗結果最快今天出爐。
時隔8個月又出現新冠肺炎大陸移入個案引發各界高度關注友達昨傍晚也證實確診個案是該公司昆山廠台籍幹部但陸方疾控中心昨傳出我方通報的採檢結果該個案核酸檢測為陰性加上我指揮中心前天宣佈有大陸移入個案後陸方連夜採檢友達昆山廠1970名員工結果均為陰性密切接觸者40人的血清和咽喉拭紙檢測結果也為陰性引發案530是否為烏龍確診的疑慮。
指揮中心發言人莊人祥表示這位台商是11日入境檢測12日檢驗結果陽性當日再採檢後14日檢驗結果卻是陰性。並表示這位台商入境採檢是用口水2次採檢是咽喉。目前難以判斷是否染疫已經從台商口水中嘗試培養病毒以釐清進一步檢驗結果最快今天出爐。
據中央流行疫情指揮中心公佈資料案530為40多歲男性於2月赴大陸江蘇工作10月11日返台休假因入境時出現咳嗽、流鼻水及鼻塞等症狀於機場進行採檢13日確診。</t>
  </si>
  <si>
    <t>結果台商中心陰性大陸個案指揮確診檢驗檢測友達證實入境昆山是否出現咽喉</t>
  </si>
  <si>
    <t>江蘇台商新冠肺炎確診</t>
  </si>
  <si>
    <t>台商肺炎江蘇確診</t>
  </si>
  <si>
    <t>鬆綁陳時中口罩</t>
  </si>
  <si>
    <t>本土疫情持續趨緩中央流行疫情指揮中心今天公佈10月19日至11月1日維持二級警戒不過因為疫情穩定因此宣佈口罩鬆綁規定19日起民眾從事戶外運動、室內外拍照時可以不用配戴口罩至於何時可以降到一級？指揮</t>
  </si>
  <si>
    <t>疫情口罩指揮可以流行拍照室內外戶外運動從事民眾規定宣佈穩定鬆綁中央配戴中心今天公佈維持警戒持續至於降到</t>
  </si>
  <si>
    <t>本土疫情持續趨緩中央流行疫情指揮中心今天公佈10月19日至11月1日維持二級警戒不過因為疫情穩定因此宣佈口罩鬆綁規定19日起民眾從事戶外運動、室內外拍照時可以不用配戴口罩至於何時可以降到一級？指揮官陳時中表示「降一級的條件很多還要繼續努力」。
外界關心今天宣佈二級警戒持續維持究竟二級警戒何時可以下降與兩劑疫苗覆蓋率要達到6成有關嗎？
陳時中表示要降一級有多重條件在目前為止全國疫苗一劑的覆蓋率為6211%劑次人口比8412%換句話說第二劑的覆蓋率還是只有22％還是要繼續努力請大家不要急。</t>
  </si>
  <si>
    <t>可以疫情覆蓋率警戒口罩今天繼續宣佈持續疫苗努力表示條件維持流行拍照室內外從事民眾指揮戶外運動規定</t>
  </si>
  <si>
    <t>二級警戒降級口罩鬆綁疫苗覆蓋率新冠肺炎</t>
  </si>
  <si>
    <t>疫苗覆蓋率鬆綁口罩降級警戒肺炎</t>
  </si>
  <si>
    <t>接種az疫苗男子過世台南</t>
  </si>
  <si>
    <t>台南市1名有中風、洗腎病史的58歲男子6月14日接種AZ疫苗後隔天即出現身體不適6月28日送醫治療7月24日宣告過世家屬向衛生局通報後台南市衛生局也已經向中央通報為疫苗不良反應個案。台南市衛生局指出今</t>
  </si>
  <si>
    <t>疫苗衛生局通報台南腎病男子接種身體az出現過世家屬個案中央不良反應已經中風送醫不適治療宣告</t>
  </si>
  <si>
    <t>台南市1名有中風、洗腎病史的58歲男子6月14日接種AZ疫苗後隔天即出現身體不適6月28日送醫治療7月24日宣告過世家屬向衛生局通報後台南市衛生局也已經向中央通報為疫苗不良反應個案。
台南市衛生局指出今天新增一起接種疫苗後不良反應的案例該名男子本身有慢性疾病史包括中風、洗腎等上個月14日接種AZ疫苗後隔天就出現身體不舒服並向衛生局通報男子接種疫苗2周後送醫治療住院快1個月本月24日過世。男子從接種疫苗到身亡間隔1個月衛生局已向中央通報為疫苗不良反應後續將釐清男子死因是否與疫苗相關。</t>
  </si>
  <si>
    <t>疫苗男子接種衛生局通報不良反應過世送醫治療中風身體中央出現台南az包括病史腎病後續上個月</t>
  </si>
  <si>
    <t>新冠肺炎台灣通報男子接種</t>
  </si>
  <si>
    <t>臺灣肺炎通報男子接種</t>
  </si>
  <si>
    <t>現狀歐陽靖日本臺灣確診防疫本土有成</t>
  </si>
  <si>
    <t>台灣疫情升溫近日升至為第二級警戒後昨（14日）更一口氣爆增29位本土病例讓全台灣民眾人心惶惶不過作家歐陽靖表示：「現在全世界能因為日增十幾位本土案例就恐慌成這樣的…大概也只有台灣、澳洲這些防疫有</t>
  </si>
  <si>
    <t>臺灣本土警戒升至大概恐慌人心惶惶作家民眾歐陽靖表示案例現在一口氣病例全世界</t>
  </si>
  <si>
    <t>台灣疫情升溫近日升至為第二級警戒後昨（14日）更一口氣爆增29位本土病例讓全台灣民眾人心惶惶不過作家歐陽靖表示：「現在全世界能因為日增十幾位本土案例就恐慌成這樣的…大概也只有台灣、澳洲這些防疫有成的國家了」仍舊肯定台灣防疫有成。
歐陽靖表示去年的今天日本新冠肺炎確診人數約1萬5千人每日新增病例數不到100人隨著東京奧運延期、志村健染疫身故讓日本民眾人人自危為了避免群聚及擔憂接觸感染不僅不敢叫外送甚至只能在家用視訊軟體聯繫感情但事隔一年之後日本新冠肺炎確診人數暴增到66萬人每日新增病例數為3000-7000人即使緊急事態宣佈延長卻不見民眾加強防疫反而是四處群聚飲酒、到人多的地方逛街遊玩。
這讓她好奇詢問日本的朋友：「這麼嚴重怎麼反而不緊張了？」沒想到竟得到「日子還是要過啊」的答案這讓歐陽靖感嘆要是當初留在日本一定也會變成防疫疲乏面對未知危險只求盡人事聽天命並說服自己：「其實好像也沒那麼嚴重？因為日子還是要過。」接著不忘讚美台灣防疫做得很棒畢竟「全世界能因為日增十幾位本土案例就恐慌成這樣的⋯大概也只有台灣、澳洲這些防疫有成的國家了。」
對於台灣確診病例爆增導致政府飽受民眾批評歐陽靖表示呼籲應該少一些謾罵並保持警戒的情緒下載好『台灣社交距離』APP更要做到戴口罩、勤洗手的動作相信一定可以再次渡過難關。
★中時新聞網關心您：喝酒過量有礙健康！</t>
  </si>
  <si>
    <t>臺灣防疫日本民眾歐陽靖病例表示一定確診警戒反而嚴重本土日子有成關心</t>
  </si>
  <si>
    <t>歐陽靖新冠肺炎本土確診防疫日本</t>
  </si>
  <si>
    <t>本土肺炎確診防疫歐陽靖日本</t>
  </si>
  <si>
    <t>詛咒祝不了店家肺炎亂丟垃圾奏效</t>
  </si>
  <si>
    <t>新冠肺炎疫情延燒民眾聞「肺炎」色變未料竟意外成為嚇阻民眾亂丟垃圾利器台東市中華路1間服飾店在騎樓設置洗手台長期遭民眾丟進垃圾店家不堪其擾結合「當紅時事」貼出「亂丟垃圾得肺炎」告示果然一舉</t>
  </si>
  <si>
    <t>民眾肺炎亂丟垃圾貼出時事不堪結合當紅服飾店店家垃圾設置洗手台長期意外中華路成為</t>
  </si>
  <si>
    <t>新冠肺炎疫情延燒民眾聞「肺炎」色變未料竟意外成為嚇阻民眾亂丟垃圾利器台東市中華路1間服飾店在騎樓設置洗手台長期遭民眾丟進垃圾店家不堪其擾結合「當紅時事」貼出「亂丟垃圾得肺炎」告示果然一舉奏效迄今都沒人敢亂丟垃圾。
服飾店林店長說去年12月中開店常有民眾把垃圾丟在騎樓的柱子底下及騎樓下的洗手台內幾乎每天都有垃圾狀況維持1個多月雖已張貼公告請民眾不要亂丟垃圾但情況並未改善讓她非常頭痛。
「靈機一動！出奇招」林店長說新冠肺炎年初爆發當時抱著好玩的心態結合時事在公告寫上「這是洗手台不是垃圾桶亂丟垃圾祝你得肺炎」從2月初張貼至今真的沒有人再亂丟垃圾肺炎威力無遠弗屆成功達到嚇阻效果。
看到公告的民眾說原本就不該亂丟垃圾況且還是在營業店家前但這是防君子、不防小人為了嚇阻沒有公德心的人公告內容無傷大雅蠻有趣的；但也有民眾說現在疫情讓大家很緊張公告內容似乎有點不妥。
台東衛生局表示店家張貼亂丟垃圾祝你得肺炎有詛咒亂丟垃圾民眾的意思雖沒有違反傳染病防治法相關規定但仍希望店家斟酌用詞。</t>
  </si>
  <si>
    <t>亂丟垃圾民眾肺炎公告店家洗手台沒有垃圾張貼服飾店結合時事內容疫情</t>
  </si>
  <si>
    <t>亂丟垃圾民眾肺炎 台東新冠肺炎</t>
  </si>
  <si>
    <t>民眾肺炎台東亂丟垃圾</t>
  </si>
  <si>
    <t>接觸檢驗學生結果日籍今晚出爐</t>
  </si>
  <si>
    <t>日本厚生勞動省日前通報我方當地自台灣返日的學生檢出新冠肺炎陽性。中央流行疫情指揮中心發言人莊人祥表示今早得知這名學生的CT值大於35屬於弱陽性衛生單位目前已要求100多名接觸者進行採檢截至目前44人</t>
  </si>
  <si>
    <t>學生陽性目前日前通報當地臺灣莊人祥發言人中心進行表示要求指揮疫情接觸得知流行中央ct單位</t>
  </si>
  <si>
    <t>日本厚生勞動省日前通報我方當地自台灣返日的學生檢出新冠肺炎陽性。中央流行疫情指揮中心發言人莊人祥表示今早得知這名學生的CT值大於35屬於弱陽性衛生單位目前已要求100多名接觸者進行採檢截至目前44人陰性其餘結果將在6點前出爐。
20多歲來台留學的日本籍女學生20日返回日本後被驗出新冠肺炎。日本官方資料指出該女的感染源為台灣引發外界擔憂。莊人祥表示今早接獲日方告知該女的CT值為3738在台灣通常是低於35會判陽性這個學生的狀況在台灣會被判為弱陽性。
基本上CT值大於33就養不太出病毒傳染力低而這名學生也沒有症狀很難說什麼時候感染。莊人祥表示先前要求125個接觸者改為居家隔離並採檢但其中2名同學已經不在國內還有7人仍在協尋中。116名接觸者當中截至目前已有有44人檢驗陰性其餘72人的採檢結果預計將在今晚6點前出爐。
莊人祥表示這名個案傳染力不高且衛生單位也有掌握密切接觸者採取的是精準防疫才決定不公佈足跡。至於為何等到昨天傍晚5點才公佈他表示是因為在等待日方的說法也在與學校溝通才多花了一些時間。
對於有專家建議普篩莊人祥表示指揮中心曾針對3月30日自美國紐約返台的「最毒班機」進行全採檢12名有症狀的個案都確診但沒症狀的人都檢不出病毒顯示指揮中心不普篩有根據的。</t>
  </si>
  <si>
    <t>表示學生臺灣陽性莊人祥症狀ct接觸中心日本指揮目前感染日方進行個案病毒肺炎</t>
  </si>
  <si>
    <t>日本女學生確診新冠肺炎生活台灣</t>
  </si>
  <si>
    <t>肺炎確診學生生活日本臺灣</t>
  </si>
  <si>
    <t>《農業科技》瑞基新冠肺炎病毒檢測試劑開發完成</t>
  </si>
  <si>
    <t>肺炎病毒檢測瑞基新試劑開發科技完成農業</t>
  </si>
  <si>
    <t>瑞基(4171)新冠肺炎病毒檢測試劑開發完成兩款試劑分別適用一般實驗室與瑞基POCKIT檢測平臺。瑞基說在新冠肺炎病毒檢測試劑開發上取得重大進程已成功開發出適用於實驗室使用的qPCR(Real-Time PCR)試劑以及適</t>
  </si>
  <si>
    <t>試劑開發實驗室瑞基病毒檢測肺炎qpcr使用適用于成功取得一般適用分別real-time進程檢測pockit平臺重大完成pcr</t>
  </si>
  <si>
    <t>檢測試劑pockit實驗室開發平臺儀器禽流感設計瑞基使用亞洲生物分部faowho獲得美國成功列入pcr病毒檢測qpcr適用系統現場</t>
  </si>
  <si>
    <t>新冠肺炎病毒非洲豬瘟禽流感瑞基</t>
  </si>
  <si>
    <t>非洲病毒豬瘟肺炎禽流感瑞基</t>
  </si>
  <si>
    <t>確診足跡酒客擔心金沙酒店桃園接觸</t>
  </si>
  <si>
    <t>桃園市政府19日公佈確診者足跡新增1人足跡在金沙酒店為5月10日至14日下午4時至淩晨2時。另根據苗栗縣政府資料案2011曾在11日傍晚前往該酒店當時衛生局已經匡列相關酒客、小姐、工作人員如今又傳出1人確診</t>
  </si>
  <si>
    <t>確診工作人員如今足跡小姐酒客相關苗栗匡列已經衛生局縣政府資料當時酒店前往傍晚公佈新增下午時至淩晨</t>
  </si>
  <si>
    <t>桃園市政府19日公佈確診者足跡新增1人足跡在金沙酒店為5月10日至14日下午4時至淩晨2時。另根據苗栗縣政府資料案2011曾在11日傍晚前往該酒店當時衛生局已經匡列相關酒客、小姐、工作人員如今又傳出1人確診不少酒客擔心是否有接觸史。
因金沙酒店屬於八大行業是警方列管場所定期要前往臨檢。據瞭解上次警方臨檢已經是1個多月前警方比對臨檢日期與確診者足跡後放下心中大石。
消息傳出不少酒客也連忙向酒店打聽詢問有沒有與該工作人員有所接觸多數得知沒有也鬆下一口氣。王姓酒客說得知案2011曾造訪金沙後連忙加強自主健康管理趕緊去買耳溫槍除了戴口罩也加買耳溫槍防疫。</t>
  </si>
  <si>
    <t>酒客確診警方連忙前往酒店臨檢已經工作人員金沙酒店足跡得知接觸沒有溫槍趕緊管理健康</t>
  </si>
  <si>
    <t>新冠肺炎台灣酒客金沙酒店臨檢</t>
  </si>
  <si>
    <t>酒客肺炎臺灣金沙酒店臨檢</t>
  </si>
  <si>
    <t>現場週末高峰祭掃清明北京</t>
  </si>
  <si>
    <t>上週末北京市出現今年清明祭掃首個高峰週末。據市清明節群眾祭掃服務工作臨時指揮部統計3月21日至29日9天時間全市各殯葬服務機構已累計接待311萬祭掃群眾。週六周日兩天全市223處祭掃點共接待群眾113萬餘</t>
  </si>
  <si>
    <t>祭掃群眾服務全市接待清明高峰今年機構累計週末清明節時間工作指揮部統計殯葬出現周日週六北京市上週末</t>
  </si>
  <si>
    <t>上週末北京市出現今年清明祭掃首個高峰週末。據市清明節群眾祭掃服務工作臨時指揮部統計3月21日至29日9天時間全市各殯葬服務機構已累計接待311萬祭掃群眾。週六周日兩天全市223處祭掃點共接待群眾113萬餘人疏導機動車42萬餘輛。現場祭掃人數週六同比去年下降90％周日同比下降92％機動車流量也同比下降近九成。
預約代祭掃、網上祭掃、家庭追思等方式成為不少市民今年清明祭掃的新選擇。截至29日選擇在「2020年清明節網上祭掃服務平臺」祭掃人數超過4700人。全市各掃墓點平穩有序秩序良好。
資料顯示週六當天截至17時全市223處祭掃點共接待群眾59萬餘人疏導機動車21萬餘輛同比去年分別下降90％、83％其中八寶山地區接待祭掃群眾3336人機動車832輛人數同比去年減少92％車輛同比減少84％。
網同紀念網是大陸最早做互聯網紀念的網站之一其實際負責人王曉彥表示網路祭掃的功能早已不是簡單的「花歌燭酒香」等網上點擊方式家屬可以在網上為逝者建立紀念館以視頻、音訊、圖片、文字等多種方式祭奠留念。網上紀念館已經成為一種數位情感遺產。</t>
  </si>
  <si>
    <t>祭掃網上全市群眾方式週六紀念館接待紀念下降人數機動車成為清明服務去年今年同比截至清明節周日減少已經互聯網</t>
  </si>
  <si>
    <t>新冠肺炎COVID-19武漢肺炎新型冠狀病毒大陸</t>
  </si>
  <si>
    <t>武漢肺炎covid-病毒冠狀大陸</t>
  </si>
  <si>
    <t>戈貝爾確診收到nba死亡威脅</t>
  </si>
  <si>
    <t>身為首位確診新冠肺炎NBA球員的爵士中鋒戈貝爾如今總算把悶在心裡的話都說出來！《鹽湖城論壇報》記者瓦爾登13日爆料戈貝爾坦承在確診之後就不斷收到死亡威脅畢竟他被外界認定是造成NBA無限期停賽的罪魁禍首</t>
  </si>
  <si>
    <t>戈貝爾nba確診造成認定畢竟外界肺炎死亡威脅收到球員不斷出來鹽湖城論壇爵士記者中鋒如今都說總算悶在心裡之後瓦爾登坦承</t>
  </si>
  <si>
    <t>Rudy: &amp;quot;I was getting death threats&amp;quot; after the news came out he had coronavirus
身為首位確診新冠肺炎NBA球員的爵士中鋒戈貝爾如今總算把悶在心裡的話都說出來！《鹽湖城論壇報》記者瓦爾登13日爆料戈貝爾坦承在確診之後就不斷收到死亡威脅畢竟他被外界認定是造成NBA無限期停賽的罪魁禍首。
畢竟在3月12日確診新冠病毒之前戈貝爾曾在賽後記者會刻意觸摸麥克風展示他的另類幽默甚至還被傳出故意在休息室內摸遍所有隊友物品擺明沒把新冠肺炎疫情放在心上隨後當他確診之後他也馬上遭到外界大肆抨擊。
戈貝爾隨後透過社群媒體跟所有人公開道歉且表達自己悔恨之意「NBA總裁席爾佛馬上就宣佈NBA無限期停賽充分做好他份內的工作當時我承受了很多外界批評但席爾佛這樣的作法如今看來可能拯救了很多人的生命。」
當說到戈貝爾是否感到後悔他的回答是「我向來是一個很愛開玩笑的人認識我的人現在真正知道了我的內心碰觸麥克風讓我看起來相當糟糕這完全都是個人看法的問題但這些動作讓我看起來是那種不在乎別人性命的人。」</t>
  </si>
  <si>
    <t>戈貝爾確診nba外界麥克風如今隨後畢竟席爾佛之後馬上肺炎停賽無限期gettingdeaththreats&amp;quotafterthenewswascame</t>
  </si>
  <si>
    <t>戈貝爾NBA確診死亡威脅無限期停賽</t>
  </si>
  <si>
    <t>nba死亡威脅無限期確診戈貝爾停賽</t>
  </si>
  <si>
    <t>嚇死人上海確診疫苗</t>
  </si>
  <si>
    <t>中央流行疫情指揮中心昨日（12）宣佈新增16例本土個案包括臺北、新北、宜蘭、基隆都有確診者讓全台恐慌。國民黨立委曾銘宗、賴士葆雙雙呼籲總統蔡英文別再陷意識形態趕快向上海復星醫藥採購有效且安全的德國</t>
  </si>
  <si>
    <t>醫藥中心昨日宣佈上海趕快意識形態本土個案包括蔡英文臺北採購指揮新北總統呼籲宜蘭基隆都賴士葆曾銘宗</t>
  </si>
  <si>
    <t>中央流行疫情指揮中心昨日（12）宣佈新增16例本土個案包括臺北、新北、宜蘭、基隆都有確診者讓全台恐慌。國民黨立委曾銘宗、賴士葆雙雙呼籲總統蔡英文別再陷意識形態趕快向上海復星醫藥採購有效且安全的德國BioNTech（BNT）輝瑞疫苗。
曾銘宗昨日接受香港媒體《中評社》訪問表示台灣目前採購道的AZ疫苗不管是對一般民眾或是醫護人員信心都不足尤其連具有醫療專業的醫護人員都沒信心現在變成在鼓勵一般民眾施打；即便一般民眾有意施打但眼前卻只有AZ疫苗唯一選項導致接種意願低落。
曾銘宗指出雖然中央流行疫情指揮中心說有採購505萬劑莫德納疫苗希望6月到貨但這個時程真的拖太久了何況6月到底能不能真的到貨也有疑慮他認為蔡政府應放下意識形態趕快找上海復星醫藥談盡快讓有效且安全性較高的輝瑞疫苗進來讓民眾施打。
賴士葆受訪也表示第一線的醫護人員AZ疫苗的接種率只有11%連醫療專業者都認為AZ疫苗風險高所以想等BNT疫苗或其他疫苗選項而且AZ疫苗負面新聞不斷變成大家縱然想打也不敢打；明明當初就有機會採購到BNT疫苗若不是蔡政府意識形態作祟又有人想從中撈一筆BNT疫苗也不會被白白耽誤、早就進來了。賴強調台灣現在又爆發社區感染但現在向德國買BNT疫苗的話會變比較貴和之前差到台幣70幾億。
賴士葆指出蔡政府說等國產疫苗但國產疫苗有沒有效？實驗樣本性夠不夠？這些都是問題何況只有第二期實驗就授權有不少的爭議就算對人沒有傷害有沒有防護力也是問題甚至有沒有在疫苗爆發區例如印度接受檢驗國產疫苗的保護力也仍是未知數。
綜觀眼前情勢賴士葆直言輝瑞目前被認為是最好的疫苗美國原來一天確診20萬人普遍施打後現在一天不到4萬人；現在只能要求蔡政府趕快購買保護力高、讓人民有信心的輝瑞疫苗雖然輝瑞BNT疫苗的大中華地區總代理是上海復星但只要能夠放下意識形態還是能夠趕快取得輝瑞BNT疫苗陳時中旁邊的專家諮詢小組召集人張上淳其實很懂但好像沒向陳建議因為陳很多防疫決策都是有問題的。</t>
  </si>
  <si>
    <t>疫苗bnt輝瑞賴士葆現在az採購曾銘宗趕快施打政府認為意識形態民眾醫護人員信心沒有昨日確診指出</t>
  </si>
  <si>
    <t>新冠肺炎BNTAZ台灣輝瑞</t>
  </si>
  <si>
    <t>azbnt肺炎臺灣輝瑞</t>
  </si>
  <si>
    <t>抗體患者可望研究終身免疫</t>
  </si>
  <si>
    <t>一項刊登在國際權威期刊《自然》（Nature）的美國研究發現輕症新冠患者感染病毒11個月後體內還有抗體還發現了能夠製造抗體的骨髓細胞團隊認為染疫後或許能夠終身免疫。綜合路透社、《印度人報》（The Hindu</t>
  </si>
  <si>
    <t>發現能夠抗體自然印度nature路透社美國研究綜合終身免疫期刊或許患者感染病毒認為體內骨髓細胞團隊還有權威</t>
  </si>
  <si>
    <t>一項刊登在國際權威期刊《自然》（Nature）的美國研究發現輕症新冠患者感染病毒11個月後體內還有抗體還發現了能夠製造抗體的骨髓細胞團隊認為染疫後或許能夠終身免疫。
綜合路透社、《印度人報》（The Hindu）報導美國華盛頓大學醫學院（Washington University School of Medicine）研究團隊24日在《自然》刊登最新研究發現輕症新冠患者出現症狀後11個月體內還存有抗體和先前部份研究指出抗體數量會隨時間急速消逝有所出入。
研究共同作者、華盛頓大學醫學院副教授艾勒比迪（Ali Ellebedy）表示當時有媒體解讀染新冠後的免疫力無法維持長久他說這是「錯誤解讀」「因為一般來說在急速感染期過後抗體數值本來就會下降但不會歸零只是進入停滯期。」
研究指出當人體面臨新的感染時短暫存活的成漿細胞（plasmablast）會先快速製造抗體導致體內抗體數值飆高待病毒被消滅後這些細胞就會消失患者體內抗體數值也跟著下降。不過同一時間換成其他壽命更長的細胞製造抗體：記憶型B細胞（memory B cell）在血管中巡邏防止再度感染骨髓漿細胞（bone marrow plasma cells）則遷移至骨髓內持續分泌少量抗體至血管中幫助防止再度感染病毒。
華盛頓大學醫學院研究團隊的計畫是追蹤新冠康復者血液中的抗體數值團隊一共招募77名新冠患者在初感染後1個月開始每3個月抽取、檢視血液樣本。多數參與者為輕症患者只有6人有住院過。
除此之外在初次感染7、8個月後團隊也對當中28名參與者抽取記憶型B細胞及骨髓樣本4個月後再對其中5人第2度抽取骨髓樣本。為了作比較團隊也從11名沒有得過新冠肺炎的參與者身上抽取記憶型B細胞及骨髓樣本。
團隊發現在感染後的前4個月參與者體內的抗體數值降得很快然後就趨於平穩甚至在第11個月還能檢測到抗體。
被抽取骨髓樣本的參與者中多數人體內都還偵測得到記憶型B細胞15人測到非常少量的骨髓漿細胞甚至4個月後第2度抽取骨髓樣本的參與者體內的骨髓漿細胞數值仍維持穩定。
艾勒比迪指出這些細胞在清除病毒感染後就「暫時靜止了」待在骨髓內分泌抗體「他們會這樣無限期地持續下去」並且在康復者的餘生中持續「存在、製造抗體」。
不過團隊也表示不清楚新冠中度、重度患者康復後是否也會有同樣結果。</t>
  </si>
  <si>
    <t>抗體團隊骨髓研究感染細胞數值參與者體內抽取漿細胞患者樣本製造醫學院發現指出病毒記憶型</t>
  </si>
  <si>
    <t>#新冠肺炎#全球新冠病毒抗體終身免疫骨髓細胞</t>
  </si>
  <si>
    <t>病毒全球抗體終身免疫骨髓細胞肺炎</t>
  </si>
  <si>
    <t>delta清潔員桃勤隱憂事情中秋</t>
  </si>
  <si>
    <t>大陸數月前自祿口機場清潔人員檢出印度變異株（Delta）後本土疫情便在境內多處擴散引發國際擔憂。國內今新增一名桃勤清潔人員染疫經初步定序檢出DeltaCt值僅14專家擔憂事情「大條」。由於國內過去的本土群</t>
  </si>
  <si>
    <t>清潔人員擔憂delta國內本土境內事情擴散引發國際疫情專家新增變異ct定序檢印度</t>
  </si>
  <si>
    <t>大陸數月前自祿口機場清潔人員檢出印度變異株（Delta）後本土疫情便在境內多處擴散引發國際擔憂。國內今新增一名桃勤清潔人員染疫經初步定序檢出DeltaCt值僅14專家擔憂事情「大條」。由於國內過去的本土群聚都是以職場、家戶接觸者為主加上此次碰上中秋連假專家呼籲衛生單位必須「與時間賽跑」今日應儘速把第一圈接觸者採檢完瞭解機場是否有傳播鏈連假是否需進一步限縮國人行動就得看看此次的疫情規模。
桃園市今日新增一名20多歲桃勤清潔人員（案16213）確診中央流行疫情指揮中心表示個案曾接種1劑疫苗原定在9月23日接種第2劑不過9月12日個案開始流鼻涕、頭暈14日確診Ct值只有14初步定序為Delta。由於個案9月7日快篩陰性因此匡列9月8日以後的接觸者。桃園市今午表示個案可傳染期在桃園的足跡只有全聯、家樂福其餘都以雙北為主。
北醫附醫胸腔內科主任周百謙表示南京機場數月前才爆發Delta疫情明顯機場就是個高風險場域包括門把、桌面、電梯等環境污染都有可能導致後續的傳染。國內4、5月曾爆發諾富特事件但至今機場的工作人員卻未完整接種相當可惜2劑疫苗的接種是基本的機場的人員比第2類更重要此次應看看究竟有多少工作人員還未接種疫苗。
周百謙表示一般而言清潔人員通常都會有一起吃飯、休息的地方目前並不曉得清潔人員的同事是否染疫。國人口罩遵從度高不論是近期的幼兒園群聚、過去的台電群聚都是以職場、家戶接觸者為主因此此次機場是否有傳播鏈將是首要關鍵呼籲衛生單位今應把第一圈接觸者先採檢一輪。
由於再過幾天就是中秋連假民眾跨縣市移動的機率將增高周百謙坦言此次的疫情「有隱憂」。他強調衛生單位如今必須「和時間賽跑」儘速把同事、家人等採檢完瞭解染疫的規模後才能決定是否需對連假期間的活動進行限制。</t>
  </si>
  <si>
    <t>機場人員疫情清潔是否delta個案接觸表示國內接種桃園為主疫苗衛生單位爆發</t>
  </si>
  <si>
    <t>機場清潔人員Delta接觸者個案</t>
  </si>
  <si>
    <t>接觸delta人員清潔機場個案</t>
  </si>
  <si>
    <t>法會疫情陸空意外受難者山水祈福靈鷲</t>
  </si>
  <si>
    <t>靈鷲山無生道場今（31）日在貢寮聖山寺舉辦「2022年水陸空第1場先修大法會」為新冠疫情染疫往生者、東北角濱海公路車禍意外、高雄城中城火災及雙溪區虎豹潭事故罹難者超薦祈福並捐贈新北市府愛心贊普物資及消防</t>
  </si>
  <si>
    <t>新北捐贈祈福道場罹難者事故虎豹聖山市府貢寮雙溪舉辦火災城中城陸空高雄意外大法車禍</t>
  </si>
  <si>
    <t>靈鷲山無生道場今（31）日在貢寮聖山寺舉辦「2022年水陸空第1場先修大法會」為新冠疫情染疫往生者、東北角濱海公路車禍意外、高雄城中城火災及雙溪區虎豹潭事故罹難者超薦祈福並捐贈新北市府愛心贊普物資及消防設備由民政局長柯慶忠代表受贈並回贈感謝牌表達感謝。
法會募集白米、醬油、餅乾、罐頭等愛心物資法會結束後捐給社會局、三重區及蘆洲區公所分送地區弱勢族群另外捐贈瑞芳區住宅警報器1000個及高功率太陽能閃爆燈100個等消防救助裝備充實新北市消防及交安量能。
柯慶忠表示靈鷲山無生道場為靈鷲山佛教教團總本山所在由開山住持心道法師所創致力於各項公益慈善並積極推動「愛地球、愛和平」全球運動與環保教育是新北市績優宗教團體。感謝捐贈愛心物資及消防設備嘉惠三重、蘆洲、瑞芳地區弱勢族群傳達法會的佈施精神勸發菩提心。
心道法師表示在這場疫情的震撼教育中真實感受到地球上的萬物眾生是一個生命共同體期許人們回到本初不再違反地球靈性生態倫理唯有找回靈性尊重、包容、博愛彼此分享才能互濟共生讓地球永續。</t>
  </si>
  <si>
    <t>地球新北法會捐贈物資愛心感謝疫情教育表示柯慶忠心道法師靈性族群消防設備弱勢地區蘆洲靈鷲道場共生互濟</t>
  </si>
  <si>
    <t>靈鷲山法會城中城新冠肺炎台灣</t>
  </si>
  <si>
    <t>城中城法會肺炎靈鷲臺灣</t>
  </si>
  <si>
    <t>伏地挺身超人境界</t>
  </si>
  <si>
    <t>對一般人來說單是要做幾個伏地挺身可能就得費上九牛二虎之力累得喘噓噓。可是對這位健身高人而言實在是簡單到爆。據《每日郵報》（Daily Mail）25日報導在法國巴黎郊區埃爾布萊（Herblay）的健身房裡這</t>
  </si>
  <si>
    <t>郊區伏地挺身法國巴黎可能報導maildaily九牛二虎之力郵報健身高人簡單實在爾布萊單是herblay健身房一般</t>
  </si>
  <si>
    <t>對一般人來說單是要做幾個伏地挺身可能就得費上九牛二虎之力累得喘噓噓。可是對這位健身高人而言實在是簡單到爆。
據《每日郵報》（Daily Mail）25日報導在法國巴黎郊區埃爾布萊（Herblay）的健身房裡這位高手大約在短短21秒內就展現了5種伏地挺身的超級技巧。只見他彷彿彈簧人般輕易完成了所有的動作。
而最令人歎為觀止的就是他展現絕佳的彈性匍匐騰空。據說他在展現神級運動技巧前已經運動了兩小時。
這段影片是在法國封城前拍攝的為了防控新冠肺炎疫情法國關閉了咖啡廳餐館和公共場所。不過法國總理菲力普（Edouard Philippe）說大家必須學會和新冠肺炎病毒共處因此從5月11日起將開始解封。至今法國新冠肺炎的確診人數直逼14萬人而死亡人數也接近26萬人。</t>
  </si>
  <si>
    <t>法國展現肺炎伏地挺身技巧運動人數爾布萊herblay郊區健身房法國巴黎報導法國總理mail菲力普公共場所dailyedouard可能</t>
  </si>
  <si>
    <t>新冠肺炎武漢肺炎全球法國封城</t>
  </si>
  <si>
    <t>武漢肺炎全球封城法國</t>
  </si>
  <si>
    <t>導體供應臺灣吃香疫情</t>
  </si>
  <si>
    <t>新冠肺炎肆虐全球歐美半導體大廠紛紛減產、拉長交期使台灣半導體廠成為客戶下單的首選另外中國復工後拉貨需求大增最後加上去美化效應持續發酵更讓台灣半導體供應鏈等著大啖全球訂單。新冠肺炎目前仍持續</t>
  </si>
  <si>
    <t>臺灣全球持續肺炎需求大增復工最後中國首選加上下單美化客戶效應成為半導體廠大廠紛紛半導體拉長減產</t>
  </si>
  <si>
    <t>新冠肺炎肆虐全球歐美半導體大廠紛紛減產、拉長交期使台灣半導體廠成為客戶下單的首選另外中國復工後拉貨需求大增最後加上去美化效應持續發酵更讓台灣半導體供應鏈等著大啖全球訂單。
新冠肺炎目前仍持續在全球肆虐舉凡美國、歐洲及東南亞等各國都受到影響在各國祭出封城令效應下部分半導體大廠營運也收到衝擊不過台灣由於肺炎疫情控制得當因此設廠在台灣的半導體供應鏈營運幾乎不受影響因此台灣半導體廠成為這波疫情下最大受惠者。
據瞭解目前國際IDM大廠意法半導體（ST）為響應法國政府居家隔離政策已經宣佈旗下兩座晶圓廠減產50％博通自家沒有晶圓廠但由於重要倉儲及委託製造的封測廠部分落在馬來西亞、新加坡及菲律賓等東南亞國家因此也向客戶發出信函指出交期從原先的60～90天延長至半年其他國家的科技大廠也傳出有員工確診同樣存有減產的風險。
其次目前中國大陸已經全面復工企業開始恢復運轉拉貨力道已經回到過往水準且在當前5G儼然成為中國的重點發展技術之一因此舉凡中興及華為等電信設備商以及中國移動、中國聯通及中國電信等三大電信商都開始全力發展5G相關產業。
因此台灣IC設計廠、晶圓代工及封測產業等供應鏈都已經感受到中國大陸5G相關廠商的拉貨力道包含5G手機晶片、WiFi、CPE、射頻IC及網通相關領域都成中國當前拉貨的重點產品線。
最後華為在2019年受美中貿易戰影響引發零組件缺貨危機在此之後陸廠便積極啟動去美化開始納入歐洲、台灣等半導體廠商作為供應鏈其中台灣享地利之便加上部分產品品質不輸歐美大廠因此台灣IC設計廠也開始大啖這波去美化商機。</t>
  </si>
  <si>
    <t>臺灣大廠開始已經中國半導體供應影響目前部分減產成為相關ic美化全球肺炎華為東南亞舉凡客戶</t>
  </si>
  <si>
    <t>營運中國重點中國大陸肺炎</t>
  </si>
  <si>
    <t>重點中國大陸營運肺炎</t>
  </si>
  <si>
    <t>確診肺炎全球大公</t>
  </si>
  <si>
    <t>台大公衛學院4日舉行第13周抗COVID-19說明會副院長陳秀熙表示到5月3日全球新冠肺炎344萬確診、死亡24萬、死亡率71％仍未達到預期的下降；好消息是康復率32％比上周增加4％。另外台大公衛學院也預測全球通</t>
  </si>
  <si>
    <t>衛學院大公康復消息下降周抗預期covid-說明會院長達到仍未陳秀熙表示死亡率死亡全球確診肺炎增加上周舉行</t>
  </si>
  <si>
    <t>台大公衛學院4日舉行第13周抗COVID-19說明會副院長陳秀熙表示到5月3日全球新冠肺炎344萬確診、死亡24萬、死亡率71％仍未達到預期的下降；好消息是康復率32％比上周增加4％。另外台大公衛學院也預測全球通報確診應該會來到460萬人到6月底每日新增個案數應該會小於2500人「當每日新增小於2000人通常表示流行波過去了變成冬季捲土重來或是季節性流行。」
陳秀熙提到台灣狹義認為「社交距離（social distancing）」僅意味人際距離1公尺或15公尺云云但國外指的社交距離是泛稱非藥物防疫策略。到5月2日疫情尚未控制的地區包括亞洲R0值11、非洲13、南美洲15都表示社交距離做得不夠。其中南美洲社交距離大概只做了40％；日本和新加坡是非常有趣的例子R0值一直維持1到2之間表示有些地方雖然疫情受到控制但還是有很多未感染宿主隨時可能發生小波群聚。
疫情趨緩的有澳洲R0值03、歐洲09、北美洲099。澳洲尤其值得台灣學習陳秀熙表示澳洲做了很多社交距離措施R0值是全球最低。此外歐洲花了大概2個月把R0值控制到1以下但也有部分地區R0值顯著地高像英國還在1以上這是一開始佛系防疫付出的代價大概還需半個月才能逐漸控制；俄羅斯R0值更高達25防疫措施只做到30％。
陳秀熙表示實證上看來各國工作場所採取社交距離措施可有效減少流感傳染約23％；這也可說明為何最近這一陣子流感、腸病毒減少以及為何台灣有境外移入但本土感染相當少原因就是民眾個人防護做得好病毒就算進到社區也無從入侵。另一個例子是韓國大邱隨著公共交通量減低R0值一下子就降到1以下；相較之下首都首爾仍維持一定交通量R0值就沒降那麼多。</t>
  </si>
  <si>
    <t>表示距離社交控制大概臺灣全球防疫疫情措施澳洲確診例子減少流行陳秀熙流感</t>
  </si>
  <si>
    <t>距離社交疫情學院台大公衛</t>
  </si>
  <si>
    <t>疫情社交學院大公距離</t>
  </si>
  <si>
    <t>匡列確診師生隔離應試會考</t>
  </si>
  <si>
    <t>彰化16日晚間傳出新增2名學生確診彰化縣政府17日上午由縣長王惠美率相關局處長透過臉書粉專直播說明防疫作為公佈疫調足跡表針對家長要求停課也強調未達中央規範但家長憂心而以防疫因素同意為孩子請假</t>
  </si>
  <si>
    <t>防疫家長憂心處長透過相關惠美學生確診直播規範縣長說明上午縣政府作為公佈中央</t>
  </si>
  <si>
    <t>彰化16日晚間傳出新增2名學生確診彰化縣政府17日上午由縣長王惠美率相關局處長透過臉書粉專直播說明防疫作為公佈疫調足跡表針對家長要求停課也強調未達中央規範但家長憂心而以防疫因素同意為孩子請假學校都將不列入假勤紀錄。
王惠美強調家長因為擔心疫情幫孩子向學校請假學校從寬認定不列入紀錄。因疫情停課、補課措施會依據相關因應辦法標準來辦理而課後班、幼兒園、安親班等若無法落實防疫者全部予以停止。她更感謝所有站在第一線的醫事、消防、民政人員不眠不休全力投入防疫呼籲民眾做好所有防疫措施戴口罩、勤洗手避免外出相信我們都能攜手度過難關。
衛生局長葉彥伯則說彰泰國中共2名學生陸續確診兩人同班但位置相隔2、3排平常不是同一掛的還要釐清接觸感染情況；今天起全校停課所有師生自主健康管理14天健康監測有症狀就要就醫採檢。其中1確診學生有參加第一天會考試場教室內有2名老師、42名考生一半是彰泰國中學生、另一半是和群國中學生全部匡列為居家隔離、採檢對象。
另外南彰化葡萄盤商家族又有一名小孩確診同班同學已通知隔離等候採檢結果中。3名確診學生合計匡列校內接觸者共121名師生包括教職員24人與學生97人也要求學校進行環境清潔消毒其餘班級做好防疫措施。
教育處長陳逸玲強調中央流行疫情指揮中心的停課標準是校內2人確診加上考量學校仍是相對安全的處所若全校停課並不是每位學生在家都有人照顧若學生不上課卻四處遊蕩甚至去玩水、找同學聚餐反而引起更多不良後果；只要家長因為憂心疫情同意幫孩子請假的都不列入請假紀錄。
而國中會考與彰泰國中確診學生同考場的還有芬園國中、和群國中考生經昨天反覆討論也決定讓兩校國三學生停課在家自主健康管理。
葉彥伯呼籲經過連日來疫調整理出4張足跡民眾若在同日期時段出現在這些場所應該立即從當天開始自主健康管理14天身體出現症狀就主動就醫採檢而不適把足跡圖作為獵巫、標籤化的工具那對阻斷病毒傳播一點幫助也沒有。</t>
  </si>
  <si>
    <t>學生防疫確診停課學校家長疫情措施足跡強調健康紀錄自主泰國接觸相關</t>
  </si>
  <si>
    <t>新冠肺炎台灣  確診學生採檢</t>
  </si>
  <si>
    <t>確診臺灣學生肺炎</t>
  </si>
  <si>
    <t>求救崩潰妹妹錄音心碎</t>
  </si>
  <si>
    <t>美國一名66歲老婦路安（LouAnn Dagen）在療養院染上新冠肺炎在死前不停向亞馬遜AI語音助理Alexa訴說自己的痛苦、不停求救「我好痛苦…」「我好難受我必須找到一種減輕痛苦的方法」、「我該怎麼做才能止痛？」多達</t>
  </si>
  <si>
    <t>痛苦不停louann方法dagen減輕療養院肺炎訴說alexa亞馬遜ai語音找到助理才能必須難受求救老婦</t>
  </si>
  <si>
    <t>美國一名66歲老婦路安（LouAnn Dagen）在療養院染上新冠肺炎在死前不停向亞馬遜AI語音助理Alexa訴說自己的痛苦、不停求救「我好痛苦…」「我好難受我必須找到一種減輕痛苦的方法」、「我該怎麼做才能止痛？」多達40份這樣崩潰的錄音檔讓妹妹心痛不已不敢相信自己聽到的聲音。
外媒WOOD-TV報導該療養院有31位住民及5位工作人員確診路安也是其中之一。妹妹潘妮（Penny Dagen）說4日是她最後一次見到姊姊當時她已經因血液缺氧、血壓下降被送急診、戴上呼吸器隨時可能心跳停止實施CPR搶救潘妮表示「不她不想要那樣」半小時後姊姊的心臟停止跳動病逝於醫院。
姊姊死後潘妮發現語音助理Alexa中有40份通話紀錄都是姊姊在死前對Alexa的哭訴說著自己有多痛苦、有誰可以來救她？「我很難受」、「我必須找到一種能減輕痛苦的方法」還問Alexa「怎麼樣才能止痛」、「該怎麼找到員警？」當時Alexa只回答了附近一家警察局的位址讓潘妮聽了傷心欲絕。</t>
  </si>
  <si>
    <t>alexa潘妮痛苦療養院妹妹找到dagen當時停止止痛才能語音不停助理方法難受減輕必須louann</t>
  </si>
  <si>
    <t>Alexa潘妮姊姊40痛苦</t>
  </si>
  <si>
    <t>alexa潘妮痛苦</t>
  </si>
  <si>
    <t>新民封城是否結果嚇死人臺灣</t>
  </si>
  <si>
    <t>新冠肺炎持續延燒台灣今（27）日宣佈新增15例確診病例累計確診達267人隨著確診人數攀升不少人也關注政府是否會有進一步措施。最新民調顯示若疫情繼續擴散大多數的民眾都支援封城、發布緊急命令。根據《E</t>
  </si>
  <si>
    <t>確診支持民眾擴散繼續疫情顯示臺灣新民封城措施進一步宣佈攀升是否關注政府</t>
  </si>
  <si>
    <t>新冠肺炎持續延燒台灣今（27）日宣佈新增15例確診病例累計確診達267人隨著確診人數攀升不少人也關注政府是否會有進一步措施。最新民調顯示若疫情繼續擴散大多數的民眾都支援封城、發布緊急命令。
根據《ETtoday新聞雲》最新民調若疫情持續擴散高達782%的人支持實施封城措施193%的人不認同25%不知道或沒意見。
另外是否認同蔡英文總統發布緊急命令有764%的民眾認同170%的人不認同66%表示不知道或沒意見。
此民調於3月25日至26日進行調查以20歲以上民眾為對象透過網路調查有效樣本數1484份在95%信心水準下抽樣誤差為254%。</t>
  </si>
  <si>
    <t>民眾持續是否確診措施認同緊急命令發佈調查新民支持擴散封城意見疫情樣本數有效宣佈</t>
  </si>
  <si>
    <t>封城民調新冠肺炎COVID-19武漢肺炎</t>
  </si>
  <si>
    <t>肺炎covid-武漢封城</t>
  </si>
  <si>
    <t>溺水院內感染陽性</t>
  </si>
  <si>
    <t>中央流行疫情指揮中心今天公佈中央流行疫情指揮中心今日公佈國內新增267例COVID-19確定病例分別為262例本土個案及5例境外移入個案；另有校正回歸本土個案65例總計332例。而確診個案中新增13例死亡其中有兩人是</t>
  </si>
  <si>
    <t>個案新增公佈本土中心指揮今日國內流行疫情死亡covid-確定病例回歸校正中央今天總計分別境外確診</t>
  </si>
  <si>
    <t>中央流行疫情指揮中心今天公佈中央流行疫情指揮中心今日公佈國內新增267例COVID-19確定病例分別為262例本土個案及5例境外移入個案；另有校正回歸本土個案65例總計332例。而確診個案中新增13例死亡其中有兩人是在院內感染還有一人為溺水死亡。
指揮中心表示今日新增13例死亡個案（案1757、1993、2580、2786、2993、3145、3546、4102、6517、6562、6932、7483、7793）共計為男性10位、女性3位年齡介於60多歲至80多歲發病日介於5月13日至5月27日確診日介於5月17日至5月29日死亡日期介於5月24日至5月31日。
其中案2786與案7483分別是在不同醫院內的患者但都被同病房的確診者而被匡列接觸者。
指揮中心發言人莊人祥表示案2786 住院時間也很早已有多次篩檢接觸其他確診者而被匡列。案7483本身有氣喘冠狀動脈病史五月五日入院治療後續是因為同病房的個案被匡列。有三次因為是接觸者採檢但都是陰性後來變陽性。
另外案6932則是溺水死亡。莊人祥表示死亡個案60幾歲男性5月20發燒本身有高血壓、糖尿病史有去診所就醫在5月24日時溺水死亡死後採檢確診。
莊人祥表示目前只要在家中或是非在醫院的死亡通常檢警都會去探查他們通常都會先根據他們有懷疑就可以採檢採檢了就會送驗指揮中心沒有限制什麼樣的狀況要不要檢驗非自然死亡就會有這樣類似的採檢。</t>
  </si>
  <si>
    <t>死亡個案中心指揮表示確診溺水新增匡列接觸男性病房通常莊人祥院內分別本土</t>
  </si>
  <si>
    <t>新冠肺炎台灣死亡採檢溺水</t>
  </si>
  <si>
    <t>臺灣死亡肺炎溺水</t>
  </si>
  <si>
    <t>氣候變遷頻出慢動作天鵝可怕肺炎</t>
  </si>
  <si>
    <t>新冠肺炎疫情持續、大陸洪患、澳洲大火等事件重創全球產業經濟「綠天鵝」頻出現迫使企業開始提前思考氣候及環境變遷所產生的風險。國立臺北大學商學院院長、國立臺北大學商學院金融與合作經營學系教授池祥麟指出</t>
  </si>
  <si>
    <t>商學院大學臺北持續大陸經營學合作金融澳洲大火事件重創風險全球產業產生疫情經濟變遷教授環境氣候天鵝頻出思考</t>
  </si>
  <si>
    <t>新冠肺炎疫情持續、大陸洪患、澳洲大火等事件重創全球產業經濟「綠天鵝」頻出現迫使企業開始提前思考氣候及環境變遷所產生的風險。國立臺北大學商學院院長、國立臺北大學商學院金融與合作經營學系教授池祥麟指出「氣候變遷是慢動作的新冠肺炎」大家不要心存僥倖一定要提早因應。
池祥麟指出氣候變遷導致的企業財務風險不會像新冠肺炎那麼立即明顯可辨但一旦發生產生的負面影響力會比新冠肺炎還要巨大它會導致企業倒閉、銀行虧損引發系統性的金融危機所以國際清算銀行與各國央行都開始重視這個議題。
池祥麟強調企業、社會大眾要有二大心理準備：一、全球氣候變遷的規範一定會越來越嚴格新冠肺炎大爆發與氣候變遷在未來會導致社會大眾對於政府（企業）的不作為產生反感企業也必須做好因應的準備預測法規的改變而提前部署。
二、企業要精準衡量氣候變遷帶給企業財務風險的影響並進行管理。金融機構則要有足夠能力辨識這些企業（以決定放款或投資與否）並積極透過股東議合去輔導並提升企業因應氣候變遷的能力將是金融機構財德兼備的重要競爭力。
池祥麟指出氣候變遷不只影響環境還導致全球經濟不平等加劇。緯度比較高且富有的國家更富有譬如挪威、加拿大與瑞典的每人GDP上升超過25％（1961年到2010年）緯度比較低且貧窮的國家譬如印度與奈及利亞的每人GDP下降超過29％。
另外英國經濟學人發現氣候變遷也讓大企業變更大、小企業更小。因為氣候變遷像慢動作的新冠肺炎大企業有好的償債能力、獲利所以經濟衰退時他比較不會因此倒閉中小企業就撐不過。
此外氣候變遷讓社會弱勢底層更容易受傷且更不容易復原。貧富不均不僅限於國與國之間而也在人與人之間。
池祥麟指出因應氣候變遷的大趨勢政府要主導產業公平轉型提供資源給中小企業、協助轉換跑道像是農業轉型而不是放任讓企業倒而金融機構要強化普惠金融的能力不只是把錢借給中小企業或是錦上添花而是必須往受氣候變遷影響最大的社會弱勢底層延伸並維持獲利能力。</t>
  </si>
  <si>
    <t>企業氣候變遷能力肺炎祥麟因應導致經濟社會中小企業比較全球產生金融機構風險指出影響開始轉型</t>
  </si>
  <si>
    <t>祥麟能力企業肺炎氣候變遷</t>
  </si>
  <si>
    <t>能力肺炎祥麟氣候變遷企業</t>
  </si>
  <si>
    <t>高風險考生作戰須戴防疫</t>
  </si>
  <si>
    <t>大陸高考考生進入考場是否要戴口罩？大陸教育部規定低風險地區的考生進考場前要戴進考場就座後可以自行決定要不要戴；不過備用隔離考場和中高風險地區的考生要全程戴口罩。不過山東省「建議考生進考場就座繼</t>
  </si>
  <si>
    <t>考生進考場地區考場口罩大陸就座建議隔離高風險風險是否規定教育部全程山東省自行決定可以備用進入高考</t>
  </si>
  <si>
    <t>大陸高考考生進入考場是否要戴口罩？大陸教育部規定低風險地區的考生進考場前要戴進考場就座後可以自行決定要不要戴；不過備用隔離考場和中高風險地區的考生要全程戴口罩。不過山東省「建議考生進考場就座繼續戴口罩」。
對於是否戴口罩大陸教育部此前規定低風險地區的考生在進入考場前要戴口罩進入考場就座後可以自行決定要不要戴；備用隔離考場和中高風險地區的考生要全程戴口罩。各地要求大體一致。
河南省規定低風險地區考生進入一般考場前要戴口罩進入考場前摘掉口罩放置在考生物品存放處入場就座後可自行決定要不要戴口罩；如要戴口罩可向監考員申領考場使用口罩每場考試結束後要將考場使用口罩放置在座位上不得帶出考場考生自備口罩不得帶入考場。河南省規定各地要為考試工作人員每天準備兩片、考生每天1片口罩。
對於確診新冠肺炎的考生如何處理？河南、安徽省接規定如考生是確診病例、無症狀感染者、疑似患者、密切接觸者須經衛生健康部門等專業評估教育行政部門等綜合研判是否可以在隔離或救治場所參加考試。
此外已治癒未超過14天的病例、不能排除感染可能的發熱患者須經衛生健康部門等專業評估教育行政部門等綜合研判其是否可以正常參加考試。
貴州省提出如考生是新冠肺炎確診病例、無症狀感染者、疑似患者、確診病例密切接觸者將根據專業評估綜合研判其是否可以在隔離或救治場所參加考試。
據《河北日報》、「環渤海新聞網」等媒體報導河北省6月17日召開2020年全省普通高校招生統一考試工作電視電話會議上要求凡經醫療機構確診為新冠肺炎病例的考生一律不得參加考試；6月19日銀川市發布《銀川市2020年普通高考工作方案》明確凡經醫療機構診斷為新冠肺炎確診病例、新冠肺炎疑似病例、無症狀感染者的考生不得參加考試。</t>
  </si>
  <si>
    <t>考生口罩考場病例參加考試確診規定是否考試不得可以就座肺炎隔離患者地區工作進入要求專業進考場</t>
  </si>
  <si>
    <t>口罩考場肺炎考試戴口罩</t>
  </si>
  <si>
    <t>肺炎考場口罩考試</t>
  </si>
  <si>
    <t>nso確診音樂音樂家總監道歉</t>
  </si>
  <si>
    <t>訪台澳籍音樂家確診罹患新冠肺炎造成上百位接觸者須居家隔離。邀請該音樂家來台的國家交響樂團音樂總監呂紹嘉在今(10)日發出公開信為此一事件造成的社會恐慌向社會大眾道歉。訪台前即有咳嗽症狀的澳籍音樂家</t>
  </si>
  <si>
    <t>音樂家造成台前道歉確診呂紹嘉總監咳嗽大眾向社會恐慌音樂社會發出交響樂團公開信事件國家邀請隔離居家肺炎</t>
  </si>
  <si>
    <t>訪台澳籍音樂家確診罹患新冠肺炎造成上百位接觸者須居家隔離。邀請該音樂家來台的國家交響樂團音樂總監呂紹嘉在今(10)日發出公開信為此一事件造成的社會恐慌向社會大眾道歉。
訪台前即有咳嗽症狀的澳籍音樂家傳出在與樂團排練時便有團員建議他戴上口罩卻遭高層斥責。呂紹嘉發出公開信內雖未提及「高層」為何人但也再度引發外界揣測。
執行長郭玟岑表示澳籍音樂家事件造成社會恐慌樂團為大家致上最深的歉意。對於外界傳言的「高層斥責」她表示其實並無斥責而是溝通相關細節有不同角度思考任何角度都可做為借鏡。除了對社會的公開信外對團員也不斷的持續相互關懷確認大家健康狀況交流相關資訊。
呂紹嘉在公開信中坦言「這次在一些處理細節上我們的確輕忽了病菌狡詐的隱匿強項與不可預測部分舉措作得不夠完善身為樂團音樂總監我責無旁貸要在這裡向各位致上最深的歉意。」
呂紹嘉表示從事發到現在隔離期間無時無刻不感受到各界對於樂團與他的關心「經歷這次事件我親身體驗新冠狀肺炎跟我們的距離原來只在咫尺之間。」
呂紹嘉除感謝防疫中心以外他也表示病毒的變化快速、疫情的嚴峻以及個案的非典型症狀對於全國甚至全世界來說都是無比的挑戰對於樂團也是一樣「感謝所有NSO的音樂家們在音樂上你們總是全力以赴即使遇到這樣的難關你們也為社會做了最好的示範。」
呂紹嘉承諾交響樂團就是社會的縮影在這次事件累積的所有經驗值都是樂團進步的動力未來一定會做得更好。深信當溫暖的樂音再起之時正是展現人性光明的時刻祈願社會早日恢復平靜人們健康平安。
【臉書全文】
致所有關心NSO國家交響樂團的大家：
經歷這次事件我親身體驗新冠狀肺炎跟我們的距離原來只在咫尺之間。
在這段從事發到現在隔離期間我無時無刻不感受到各界對於樂團與我的關心在這裡向大家致謝。而我與樂團也要為這次事件造成的社會恐慌向社會大眾致上最深的歉意。
病毒的變化快速疫情的嚴峻以及個案的非典型症狀對於全國甚至全世界來說都是無比的挑戰對於樂團也是一樣。謝謝防疫單位的明快處置細心協助我們在專業的社會資源支持之下調整了前進的步伐。謝謝所有NSO的音樂家們在音樂上你們總是全力以赴即使遇到這樣的難關你們也為社會做了最好的示範。
在未知的病菌與命運面前人人都是平等的我十分理解社會因為這次樂團音樂家染疫事件所受到的衝擊更心疼NSO團員、音樂界人士以及相關從業人員感受到的壓力這次在一些處理細節上我們的確輕忽了病菌狡詐的隱匿強項與不可預測部分舉措作得不夠完善身為樂團音樂總監我責無旁貸要在這裡向各位致上最深的歉意。
交響樂團就是社會的縮影我們在這次事件累積的所有經驗值都是樂團進步的動力未來我們一定會做得更好。深信當溫暖的樂音再起之時正是展現人性光明的時刻祈願社會早日恢復平靜人們健康平安。
呂紹嘉</t>
  </si>
  <si>
    <t>社會樂團呂紹嘉音樂家事件表示對於nso公開信相關團員交響樂團造成音樂高層歉意最深細節斥責隔離</t>
  </si>
  <si>
    <t>澳洲音樂家新冠肺炎樂團NSO音樂家</t>
  </si>
  <si>
    <t>音樂家肺炎樂團nso澳洲</t>
  </si>
  <si>
    <t>聯手凱基鴻海滙豐</t>
  </si>
  <si>
    <t>凱基投顧、匯豐證券聯袂出手於鴻海財報公佈後啟動降評點出未來需求不確定性升高利空鴻海營業利益率同步面臨壓力2020年獲利恐有衰退之虞雙雙降評至「中立」。大型研究機構對鴻海的疑慮氛圍愈來愈濃繼本土</t>
  </si>
  <si>
    <t>證券連袂出手於鴻海疑慮滙豐公佈啟動面臨壓力獲利同步利益營業機構確定性點出</t>
  </si>
  <si>
    <t>凱基投顧、匯豐證券聯袂出手於鴻海財報公佈後啟動降評點出未來需求不確定性升高利空鴻海營業利益率同步面臨壓力2020年獲利恐有衰退之虞雙雙降評至「中立」。
大型研究機構對鴻海的疑慮氛圍愈來愈濃繼本土投顧大行降評鴻海、摩根大通證券下修鴻海財測後國際資金2月便已間歇性調節鴻海3月6日以來更是開啟賣超循環也導致鴻海股價從80元左右一路被砍至70元；凱基投顧與匯豐證券此時終結對鴻海樂觀看法是否進一步激化國際資金賣股求現瞬間成為台股最熱焦點。
凱基投顧科技產業分析師陳佳儀先前就點出全球景氣被新冠肺炎疫情影響急凍終端需求有連動風險早早下修蘋果iPhone與全球智慧型手機出貨量。她最新看法是大陸疫情度過確診高峰鴻海於當地營運3月已恢復正常然因人員限制出入規定尚未完全鬆綁產能利用率短期內恐低檔徘徊若疫情於下半年趨緩鴻海營收最快要到第三季才有機會重拾動能。
同樣由多頭看法轉保守的匯豐證券則指出鴻海第二季雖將因生產復工有利營運動能但這個利多很可能被下半年新iPhone的不確定性給抵消。由於新冠肺炎疫情擴散導致旅遊禁令蘋果的工程師可能到第二季底都無法出差也就是說蘋果新機恐難在最後期限前完成設計驗證測試（DVT）新iPhone延遲量產風險變高。
更重要的是研究機構推估蘋果與消費性電子產品約貢獻鴻海集團五成營收按出貨市場別歐美占比應在50％以上鴻海身為全球最大專業電子代工（EMS）業者難以自外於全球疫情衝擊儘管短期內企業與網通產品展現較佳韌性一旦企業客戶因景氣蕭條不再擴大支出相關業務同樣得面臨下修風險。
再者鴻海瞄準電動車相關商機然深耕開放式汽車平臺生態系屬長期佈局凱基認為雖然有機會幫助集團達成毛利率10％目標但短期內尚難有所造化。外資與法人估計鴻海2020年每股純益將由去年的832元衰退逾一成、至731～748元2021年則有機會重返2019年水準。</t>
  </si>
  <si>
    <t>疫情全球蘋果看法凱基證券風險iphone機會相關景氣可能滙豐營運導致</t>
  </si>
  <si>
    <t>蘋果鴻海凱基肺炎疫情</t>
  </si>
  <si>
    <t>凱基肺炎疫情蘋果</t>
  </si>
  <si>
    <t>新增前夕本土解封死亡</t>
  </si>
  <si>
    <t>中央流行疫情指揮中心今(12)日公佈國內新增24例COVID-19確定病例分別為23例本土及1例境外移入；另確診個案中新增1例死亡。指揮中心表示今日新增之23例本土病例(其中9例為居家隔離期間或期滿檢驗陽性者)為13例</t>
  </si>
  <si>
    <t>新增中心指揮本土病例隔離個案國內公佈死亡今日期間居家境外covid-確診確定表示期滿檢驗疫情分別陽性者流行</t>
  </si>
  <si>
    <t>中央流行疫情指揮中心今(12)日公佈國內新增24例COVID-19確定病例分別為23例本土及1例境外移入；另確診個案中新增1例死亡。
指揮中心表示今日新增之23例本土病例(其中9例為居家隔離期間或期滿檢驗陽性者)為13例男性、10例女性年齡介於未滿10歲至90多歲發病日介於今(2021)年6月20日至7月11日。個案分佈以新北市10例為最多其次為臺北市9例基隆市、桃園市、新竹市及臺中市各1例；其中17例為已知感染源、4例關聯不明、2例調查中相關疫情調查持續進行中。
指揮中心說明今日新增1例死亡個案(案2598)為60多歲男性具慢性病史及其他確診者接觸史；個案於5月11日出現發燒等症狀5月19日就醫採檢5月20日確診並住院治療6月11日解除隔離並出院。7月10日因其他原因死亡。
指揮中心指出近期確診個案解隔離情形5月11日至7月10日累計公佈14019位確診個案中已有11850人解除隔離解隔離人數達確診人數845%。
指揮中心表示今日新增1例境外移入個案(案15370)為克羅埃西亞籍未滿10歲女童6月28日自瑞士入境持搭機前3日內檢驗陰性報告入境後至防疫旅館檢疫7月10日進行檢疫期滿前採檢於今日確診(Ct值33)。個案在臺期間並無症狀相關接觸者匡列中。
中央流行疫情指揮中心指揮官陳時中表示以確診者居住縣市來看還是集中在雙北現在解除隔離人數達845%這周以來病例數只有一天18例以外接下來都是20~30多例連續三週Rt值都小於1比較好的情況下會持續減少相關案件數。
指揮中心統計截至目前國內累計1639921例新型冠狀病毒肺炎相關通報(含1622834例排除)其中15273例確診分別為1203例境外移入14017例本土病例36例敦睦艦隊、2例航空器感染、1例不明及14例調查中；確診個案中累計105例移除為空號。自2020年起累計741例COVID-19死亡病例其中733例本土個案居住縣市分佈為新北市369例、臺北市283例、基隆市25例、桃園市21例、彰化縣12例、新竹縣9例、臺中市4例、宜蘭縣、苗栗縣及花蓮縣各2例臺東縣、雲林縣、南投縣及高雄市各1例；另8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個案確診指揮中心隔離相關病例感染死亡措施累計新增防疫今日本土減少解除入境</t>
  </si>
  <si>
    <t>新冠肺炎台積電永齡基金會輝瑞／BNT陳時中</t>
  </si>
  <si>
    <t>永齡台積電基金會輝瑞肺炎bnt陳時中</t>
  </si>
  <si>
    <t>看到傻眼奧運東奧採訪記者醜聞</t>
  </si>
  <si>
    <t>隨著東京奧運即將展開大量外國記者已隨選手們抵達日本不過有一名法國記者在推特上發文表達對主新聞中心（Media Press Centre MPC）中餐點的不滿認為又貴又難吃。其他記者表示正爭取取消出外採購餐食時僅限</t>
  </si>
  <si>
    <t>記者出外取消爭取表示採購presscentrempcmedia中餐不滿難吃展開即將中心新聞貴又表達認為外國發文</t>
  </si>
  <si>
    <t>Nouveau scandale olympique : le burger du MPC (media press center) Viande caoutchouc pain froid présentation immonde Le tout pour 1600¥ Camarades journalistes mangez avant pictwittercom/0SPCk0vkQQ
隨著東京奧運即將展開大量外國記者已隨選手們抵達日本不過有一名法國記者在推特上發文表達對主新聞中心（Media Press Centre MPC）中餐點的不滿認為又貴又難吃。其他記者表示正爭取取消出外採購餐食時僅限15分鐘的規定。
法國雜誌「Japon Eco」主編艾諾（Regis Arnaud）在推特上貼出照片稱媒體中心內的漢堡要價1600日圓（約新台幣4067元）內容物為「橡膠一般的肉、冷掉的麵包、糟糕的擺盤」並痛批這份餐點是奧運的「新醜聞」。
日本雜誌《女性自身》指出東京奧運的主新聞中心和國際轉播中心（International Broadcasting Centre IBC）設於東京都江東區有明的東京國際展示場（Tokyo Big Sight）是日本面積最大的展覽場地。不過為避免大量外國訪客加劇日本本土新冠肺炎（COVID-19）疫情主辦單位對餐飲設下嚴格規定。
一名未具名的日本體育記者透露外國媒體人員只能在奧運會場和住宿地點用餐若住宿地點無法提供餐點則允許其前往附近的便利商店購買但得遵守「15分規定」即須在15分鐘內返回住宿地點否則可能受到沒收記者證等懲罰。目前外國媒體正要求主辦單位撤銷該規定。
《東京新聞》先前報導目前主新聞中心餐廳內僅提供6種餐點最便宜的是1000日圓（約新台幣2542元）的牛肉咖哩自動販賣機中一瓶500毫升裝的茶則要價280日圓（約新台幣712元）高於一般日本超市或便利商店的售價。加上選手村內設備不足等狀況遭批評日本先前宣稱的「款待」精神已然崩壞。</t>
  </si>
  <si>
    <t>日本規定記者外國中心媒體東京新聞奧運le日圓便利商店地點台幣住宿centre先前mpc法國一般</t>
  </si>
  <si>
    <t>東京奧運餐點醜聞主新聞中心新冠肺炎</t>
  </si>
  <si>
    <t>新聞醜聞中心奧運東京肺炎</t>
  </si>
  <si>
    <t>傳染肺炎捉摸賴明詔感染症狀病毒</t>
  </si>
  <si>
    <t>去年12月爆發的新冠肺炎病毒（2019-nCoV）為冠狀病毒史上感染力最強人體遭感染後即使沒有症狀也可能傳染給他人。中央研究院院士、冠狀病毒之父賴明詔接受《中國時報》專訪時指出這場病毒與人類的戰爭中</t>
  </si>
  <si>
    <t>病毒冠狀指出專訪接受感染人體沒有症狀賴明詔可能感染力傳染給院士中央研究院肺炎-ncov中國時報</t>
  </si>
  <si>
    <t>去年12月爆發的新冠肺炎病毒（2019-nCoV）為冠狀病毒史上感染力最強人體遭感染後即使沒有症狀也可能傳染給他人。中央研究院院士、冠狀病毒之父賴明詔接受《中國時報》專訪時指出這場病毒與人類的戰爭中對抗病毒要靠個人良好衛生習慣與足夠的免疫力。
冠狀病毒之父 當年抗煞功臣
賴明詔為全球最早投入冠狀病毒研究的學者之一被學界尊為「冠狀病毒之父」。2003年台灣爆發SARS疫情賴明詔返台擔任中央研究院副院長立即投入SARS疫情防治讓台灣迅速掌握SARS病毒特性幫助台灣迅速脫離疫情。
蝙蝠被視為是吉祥動物賴明詔指出但是蝙蝠體內冠狀病毒非常多科學家正在研究為何蝙蝠可以和病毒和平共存。人類侵入蝙蝠的棲地和蝙蝠與其他野生動物接觸機率增加使得蝙蝠與野生動物身上冠狀病毒有機會傳染給人類伊波拉病毒也是從蝙蝠傳染給人類。
衛生良好免疫力足 抗疫關鍵
賴明詔指出所謂R0值是指病毒的傳染力這個數字若大於1表示病毒會越來越多。如果從1個人擴散到3個人那麼這個病毒的R0值為3。相關學者研究新冠病毒R0值介於2～3這是非常高的數字為冠狀病毒裡最高的。
賴明詔指出SARS病毒R0值為05表示會越來越弱經過幾代後最後會消失。史上傳染力最強的病毒是麻疹R0值介於10～15。
為何冠狀病毒不斷突變？賴明詔表示病毒突變是自然現象新種病毒出現是因病毒接觸新的細胞。因為人類捕捉蝙蝠或其他野生動物
使得新病毒出現。
洗手最重要 口罩之亂沒必要
賴明詔指出當年SARS爆發病人發燒才具有傳染力可以採取量體溫做為篩選工具但新冠病毒感染者沒有症狀也具有傳染力使得防治上比較困難許多無症狀感染者無法隔離。他研判新冠病毒傳染力驚人疫情高峰期尚未到目前很難預測何時為高峰期情況不樂觀。
面對這場史上最強冠狀病毒與人類的戰爭賴明詔表示美國通常是生病者戴口罩待在家裡休息；一般健康者不必戴口罩。台灣公共衛生水準高勤洗手最重要口罩之亂沒有必要國人不必恐慌。</t>
  </si>
  <si>
    <t>病毒賴明詔冠狀蝙蝠人類傳染指出sars疫情口罩臺灣表示沒有症狀使得傳染給野生動物爆發研究</t>
  </si>
  <si>
    <t>口罩傳染力病毒蝙蝠冠狀病毒</t>
  </si>
  <si>
    <t>病毒傳染蝙蝠口罩冠狀</t>
  </si>
  <si>
    <t>風險機制評估落後香港提倡專家機組人員檢疫</t>
  </si>
  <si>
    <t>香港國泰航空53歲男貨機機師由德國返香港後確診新冠肺炎香港大學感染及傳染病中心總監何栢良今日（15日）表示近日歐洲疫情反彈但香港風險評估機制落後部分地區仍然屬於中風險地區有機組人員受感染是可預計</t>
  </si>
  <si>
    <t>香港感染風險地區德國機組人員確診肺炎香港大學中心今日傳染病總監何柏良表示近日部分歐洲疫情反彈落後機制評估</t>
  </si>
  <si>
    <t>香港國泰航空53歲男貨機機師由德國返香港後確診新冠肺炎香港大學感染及傳染病中心總監何栢良今日（15日）表示近日歐洲疫情反彈但香港風險評估機制落後部分地區仍然屬於中風險地區有機組人員受感染是可預計認爲港府需檢討風險評估機制建議他們抵港後到檢疫酒店檢疫7日
何栢良說港府有需要檢討風險評估機制強調機組人員屬於高風險接觸人員不應讓他們走入社區建議他們抵港後到檢疫酒店檢疫7日也要接種第3劑新冠疫苗。何續指他們應接種BNT疫苗除了預防重症更希望可減低病毒傳播風險。</t>
  </si>
  <si>
    <t>風險香港機制評估感染屬於機組人員接種疫苗建議地區檢疫檢討德國酒店bnt重症預防希望</t>
  </si>
  <si>
    <t>檢疫風險評估機制機組人員香港</t>
  </si>
  <si>
    <t>風險評估機制機組人員檢疫香港</t>
  </si>
  <si>
    <t>家人隔離最後自責病逝醫護確診</t>
  </si>
  <si>
    <t>「爺爺離開了」。近日一名一線醫護人員表示91歲的爺爺平常都會去龍山寺拜拜沒想到因此染疫最後仍敵不過新冠病毒離世爺爺生前最大的遺憾就是害全家人跟著一起隔離無法再見家人最後一面令醫護悲痛地說「那</t>
  </si>
  <si>
    <t>爺爺最後一面表示家人再見平常無法一起都會隔離全家人拜拜就是龍山寺遺憾想到生前敵不過</t>
  </si>
  <si>
    <t>「爺爺離開了」。近日一名一線醫護人員表示91歲的爺爺平常都會去龍山寺拜拜沒想到因此染疫最後仍敵不過新冠病毒離世爺爺生前最大的遺憾就是害全家人跟著一起隔離無法再見家人最後一面令醫護悲痛地說「那些不知逃院、砍傷醫護人員的霸淩醫護人員的我就問你們腦袋都在想什麼？」
該名醫護人員昨（2）日於個人臉書透露一名高齡9旬的爺爺平常固定會到龍山寺拜拜自覺咳嗽後篩檢確診入住集中檢疫所後因呼吸急促住院因病況不穩家屬忍痛簽屬DNR（不施行心肺復甦術）轉至專責病房。
醫護人員表示住院期間爺爺非常配合醫護的照護工作每次進入爺爺的病房都會用一種「終於有人來陪伴的眼神」就像怕被人遺忘某次爺爺忘記如何吞嚥時還會不斷地道歉直說自己會配合希望藉此能趕快回家醫護人員回顧爺爺剛入院時相當自責不斷地說自己是壞人害全家人因此被隔離不應該沒事亂跑。
昨日早上９時許爺爺的生命徵象十分不穩定儀器持續發出警告聲當醫護人員衝進去時爺爺已經走了醫護人員趕緊通知正在隔離的爺爺兒子透過視訊電話爺爺的兒子忍著淚說「爸好好跟菩薩走家裡我會顧好我會把你跟媽媽放在一起。」此時幫忙拿著手機的醫護人員眼眶充滿淚水只能勉強拿著手機避免晃動。
醫護人員表示入行7年看了不少生死但這次特別有感觸內心也格外脆弱「但我們依然會堅強地完成工作」染疫真的沒有錯反倒是那些逃院、砍傷醫護「我就問你們到底知不知足？懂不懂珍惜？腦袋都在想什麼？」
★《中時新聞網》提醒您：因應新冠肺炎疫情疾管署持續加強疫情監測與邊境管制措施 如有疑似症狀請撥打：1922專線或 0800-001922 並依指示配戴口罩儘速就醫同時主動告知醫師旅遊史及接觸史以利及時診斷及通報。</t>
  </si>
  <si>
    <t>爺爺醫護人員醫護隔離表示住院持續最後病房配合工作拜拜一起龍山寺平常</t>
  </si>
  <si>
    <t>新冠肺炎台灣醫護人員隔離爺爺</t>
  </si>
  <si>
    <t>醫護人員臺灣肺炎隔離爺爺</t>
  </si>
  <si>
    <t>可能增加藥品胃酸病毒感染風險強效</t>
  </si>
  <si>
    <t>新冠病毒Covid-19仍在流行病理學家也在調查感染風險。一項新的研究表明常用來治療胃灼熱及胃酸逆流的胃酸抑制劑可能會無意中增加感染COVID-19的機會。醫療訊息 (Medical Xpress)報導超過53萬名美國人都有胃</t>
  </si>
  <si>
    <t>感染covid-胃酸超過報導xpressmedical訊息美國醫療機會常用無意表明流行增加研究病理學家風險調查逆流胃灼熱抑制治療</t>
  </si>
  <si>
    <t>新冠病毒Covid-19仍在流行病理學家也在調查感染風險。一項新的研究表明常用來治療胃灼熱及胃酸逆流的胃酸抑制劑可能會無意中增加感染COVID-19的機會。
醫療訊息 (Medical Xpress)報導超過53萬名美國人都有胃酸過多的毛病最近有醫學團隊發現患有胃病的人感染新冠肺炎的機率似乎比較高研究小組進一步調查發現許多服用強效胃藥比如奧美拉唑（Omeprazole）和艾索美拉唑 (Esomeprazole) 的病患也有較高的新冠病素感染風險。
長效胃藥是一種稱為氫離子幫浦阻斷劑（Proton pump inhibitor 簡稱為 PPI）為目前最強效的胃藥此藥物能阻斷胃壁細胞上的氫離子幫浦（H/K ATPase）進而有效減低胃酸分泌常用來治療消化性潰瘍、胃食道逆流等腸胃道疾病。
但是正因為效果太好也造成人體抗病原防線的弱化研究員克裡斯多福‧阿爾馬利歐（Christopher Almario）博士解釋說：「 PPI可以阻止胃酸分泌但是胃酸也有殺菌殺病毒的功能被抑制了以後感染風險也會增加。」
最近的研究表明冠狀病毒不只侵襲呼吸系統一但從食道進到胃也會影響胃腸道系統。
那麼該怎麼辦呢? 阿爾馬利歐建議先改用短效果胃藥也就是另一類稱為組胺2受體拮抗劑（H2RAs）這一族的胃藥包括法莫替丁(Famotidine）、尼紮替丁（Nizatidine）和西咪替丁 (Cimetidine)使用這類藥的患者未發現較高的新冠病毒感染風險。
美國胃腸病學協會發言人安德魯·陳（Andrew Chan）博士對此觀點表示支持。陳博士說：「總體來說我同意個人應該服用盡可能低劑量的藥物。」</t>
  </si>
  <si>
    <t>感染風險發現胃酸稱為研究博士美國ppi服用效果阿爾馬最近食道阻斷逆流covid-</t>
  </si>
  <si>
    <t>感染風險胃藥強效新冠病毒胃酸</t>
  </si>
  <si>
    <t>強效病毒風險感染胃酸</t>
  </si>
  <si>
    <t>影響老字型大小高雄肺炎渝香宣佈歇業</t>
  </si>
  <si>
    <t>今(5日)高雄老字號餐廳「渝香園」宣佈將於3月底歇業此消息一出讓許多粉絲透過電話、臉書表達深感不捨該餐廳負責人Jenny表示：「要決定歇業是一件非常難過的事情。」新冠肺炎疫情為遏止前似乎壓垮餐飲界的最</t>
  </si>
  <si>
    <t>餐廳歇業似乎遏止疫情肺炎渝香壓垮事情難過宣佈非常月底電話透過表達深感消息粉絲</t>
  </si>
  <si>
    <t>今(5日)高雄老字號餐廳「渝香園」宣佈將於3月底歇業此消息一出讓許多粉絲透過電話、臉書表達深感不捨該餐廳負責人Jenny表示：「要決定歇業是一件非常難過的事情。」新冠肺炎疫情為遏止前似乎壓垮餐飲界的最後一根稻草。
位於前鎮區的渝香園成立至今已37年該餐廳以台菜、川菜為主知名的料理有椒麻肉、金沙四季豆小卷、臘味飯、蝦球尤其是南瓜海鮮羹是老顧客必點的一道菜餐廳空間寬敞很適合舉家享用再加上負責人Jenny為人熱情因此累積不少忠實顧客。
受到新冠肺炎疫情影響Jenny認為此次疫情影響餐飲業甚钜由於餐廳的人事成本極高經慎重思考過後忍痛宣佈渝香園歇業她表示：「這家餐廳是我一磚一瓦建立起來的這是我的興趣也是我的工作我非常享受這一切餐廳已經開37年了今天決定要關店一事我非常痛心員工也哭好幾天。」
渝香園粉絲團上寫到「走過最艱難的SARS走過高雄人的痛高雄氣爆但這次我們真的要在三月底跟大家說聲再見了。」網友們也留言回應表示「感謝你們讓高雄人有回味的美食」、「 真的好捨不得渝香園收起來！」</t>
  </si>
  <si>
    <t>餐廳渝香jenny表示非常歇業高雄人顧客粉絲疫情負責人決定肺炎宣佈走過影響起來四季豆臘味金沙</t>
  </si>
  <si>
    <t>香園餐廳歇業影響Jenny</t>
  </si>
  <si>
    <t>歇業影響餐廳jenny</t>
  </si>
  <si>
    <t>平衡基金退可守進可攻</t>
  </si>
  <si>
    <t>今年以來全球金融市場屢受政經不確定性的影響包括中美貿易紛爭、中東地緣政治緊張、新冠肺炎疫情等使得市場表現震盪。法人表示新冠肺炎疫情讓近期的全球股市出現了較大的震盪但這並非經濟基本面出現惡化建</t>
  </si>
  <si>
    <t>震盪出現肺炎疫情確定影響包括經濟貿易紛爭中東地緣政治全球股市緊張近期金融市場基本</t>
  </si>
  <si>
    <t>今年以來全球金融市場屢受政經不確定性的影響包括中美貿易紛爭、中東地緣政治緊張、新冠肺炎疫情等使得市場表現震盪。法人表示新冠肺炎疫情讓近期的全球股市出現了較大的震盪但這並非經濟基本面出現惡化建議投資人不妨以跨國組合平衡基金的多重資產佈局特性因應達到進可攻、退可守的投資效果。
群益投信表示新冠肺炎疫情蔓延但全球股市並沒大跌現階段風險性資產仍有表現機會不過國際市場仍存在許多變數不排除為股債帶來波動因此建議穩健型投資人採取多元配置的投資策略一來分散投資風險有效控制投資組合波動度二來也增加投資組合彈性把握不同資產上漲契機提升投資效率。
群益環球金綻雙喜基金經理人葉啟芳表示高於平均的經濟成長與偏低的通膨環境有利風險性資產（包括股票與信用債）表現加上全球企業獲利普遍性改善建議投資比重股債均衡未來除非經濟以及企業基本面意外惡化再進行較大幅度調整股債比。
整體而言疫情將影響今年全球經濟成長建議可逐步逢高獲利了結科技股及高成長股票轉移至低波動及防禦性股票並遂步增加債券部位比重。
台新全球多元資產組合基金經理人謝夢蘭表示新冠肺炎疫情仍有許多不確定性但目前分析師普遍對第一季的股市仍不看淡主要在於市場的資金非常充沛Fed每月持續購買600億國債、歐洲央行今年進行QE、日本持續寬鬆貨幣政策、大陸隨時可能降息或降準等。
目前資金行情超越基本面與疫情主導金融市場加上美國的基本面不差因此第一季金融市場仍然樂觀。不過由於短線股市漲多未來震盪將加大建議採多元資產、股債同時佈局的方式以分散市場風險同時也可掌握類股輪動行情。
謝夢蘭指出操作上建議股採股票六成、債券四成的配置比重股票可著重在成長動能強勁的美股、科技股；新興市場則看好具補漲空間的印度股市。債券則可佈局具高股息、低波動的優先高收益債以發揮最佳的防禦效果進可攻退可守。</t>
  </si>
  <si>
    <t>資產建議投資市場疫情股票全球經濟波動基本組合表示佈局成長股市震盪比重表現肺炎債券金融市場持續</t>
  </si>
  <si>
    <t>肺炎確定性金融佈局股債</t>
  </si>
  <si>
    <t>肺炎佈局金融確定性</t>
  </si>
  <si>
    <t>饑餓感關鍵巨大出現抗體再生疫苗打完</t>
  </si>
  <si>
    <t>高端疫苗於本週23日開打不少民眾反映接種完後食慾大增。對此家庭醫學專科醫師王姿允表示其實不只高端疫苗許多在施打AZ、莫德納疫苗後也出現「巨大飢餓感」她認為2原因是關鍵。王姿允28日在臉書分享針</t>
  </si>
  <si>
    <t>王姿允疫苗高端關鍵認為饑餓感家庭原因醫學對此食欲專科接種民眾反映醫師巨大出現其實表示</t>
  </si>
  <si>
    <t>高端疫苗於本週23日開打不少民眾反映接種完後食慾大增。對此家庭醫學專科醫師王姿允表示其實不只高端疫苗許多在施打AZ、莫德納疫苗後也出現「巨大飢餓感」她認為2原因是關鍵。
王姿允28日在臉書分享針對接種後產生的飢餓感不少台大感染科跟重症科醫師認為是「心理壓力放鬆所致胃口大開」。她則認為跟兩原因有關其一是「對疫苗的免疫反應使熱量跟營養素需求大增」雖T細胞誘發抗體產生保護力約要2-3週的時間但疫苗的佐劑對身體來說畢竟是外來物「嗜中性細胞或巨噬細胞會警鈴大作對這些剛注入人體的異物產生細胞激素的一連串反應包括發燒、疲勞和肌肉疼痛。」
王姿允解釋由於這些先天性免疫會增加反應期間對熱量、巨量營養素（蛋白質）和微量營養素的需求加上發燒期間的基礎代謝會提升「營養素對免疫細胞的增殖跟分化至關重要所以會更容易感到飢餓。」
另一個原因則是「需水量增加」導致王姿允說疫苗引起的免疫反應會造成體溫的上升連帶水份容易散失由於飢餓和口渴的生理狀態相近且食慾跟渴慾中樞在大腦區域都是在同個位置很多人便會把「缺水」的訊號誤認為「飢餓」進食的行為可能是想要「從食物中獲取水份」。王姿允建議可以在喝完500cc左右的水之後再看看食慾是否有下降的感覺。
王姿允指出蛋白質營養不良也會影響免疫系統的正常發揮要獲得最佳免疫結果「營養」是關鍵。因此打完疫苗後的飢餓感實屬對疫苗佐劑成分的「正常免疫反應後的現象」並非不良反應只要多喝水、多補充優良的蛋白質跟纖維、補充微量營養素其實不用去擔心疫苗帶來的短暫飢餓感還有助於接下來的抗體生成。</t>
  </si>
  <si>
    <t>疫苗反應免疫細胞饑餓感食欲營養素王姿允產生饑餓姿允蛋白質認為原因發燒醫師容易其實增加接種</t>
  </si>
  <si>
    <t>高端王姿允飢餓感營養素疫苗</t>
  </si>
  <si>
    <t>王姿允疫苗高端饑餓感營養素</t>
  </si>
  <si>
    <t>致信美國會支持參加who</t>
  </si>
  <si>
    <t>正值美陸因新冠病毒關係陷入緊繃之際參眾兩院的外交事務委員會主席致信給超過50個國家呼籲這些國家支持台灣參與世界衛生組織指出需要讓更可能的廣泛參與以讓全世界會員國共同對抗大流行。路透社報導指出在</t>
  </si>
  <si>
    <t>參與指出病毒國家關係陷入之際參眾兩院外交事務委員會主席抗大共同會員國全世界世界衛生組織需要致信超過流行呼籲支持臺灣廣泛可能</t>
  </si>
  <si>
    <t>正值美陸因新冠病毒關係陷入緊繃之際參眾兩院的外交事務委員會主席致信給超過50個國家呼籲這些國家支持台灣參與世界衛生組織指出需要讓更可能的廣泛參與以讓全世界會員國共同對抗大流行。
路透社報導指出在大陸的反對下台灣仍不是聯合國成員也被聯合國旗下的世界衛生組織（WHO）拒於門外。美議員在信中表示在全球努力防範新冠病毒擴散之際確保所有國家把全球健康及安全置於政治之上顯得更加重要而台灣的資源和專業知識是能造福全球抗疫的資產況且台灣在2009年到2016年都受邀出席世界衛生大會（WHA）。
消息人士透露這封信是發送給理念相同的不同大小國家都被視為台灣的盟友或站在同一陣線包括加拿大、泰國、日本、德國、英國、沙烏地阿拉伯及澳洲。
署名信件的包括眾議院外交事務委員會的民主黨籍主席恩格爾（Eliot Engel）及共和黨籍首席議員麥考爾（Michael McCaul）還有參議院外委會的共和黨籍主席裡契（Jim Risch）及民主黨籍首席議員梅南德茲（Robert Menendez）。
報導分析指出此時美國總統川普和其他美國官員近期大力在疫情蔓延議題上抨擊中國由於新冠病毒最早在大陸武漢市被發現川普政府指控大陸隱匿資訊放任疫情惡化。
台灣一直尋求參與WHO的決策組織也就是將在本月舉行WHA大會並受到華府與許多美國盟友支持。不過在大陸「一中政策」下仍視台灣為其不可分離的一省指稱台灣是出於政治動機而非公衛考量；台灣則反駁世衛組織不讓台灣參與會在全球對抗疫情之際造成危險的缺口。</t>
  </si>
  <si>
    <t>臺灣全球參與大陸疫情國家議員之際主席指出病毒美國包括政治盟友who大會世界衛生組織首席報導民主黨籍川普</t>
  </si>
  <si>
    <t>新冠病毒新冠肺炎武漢肺炎COVID-19台灣</t>
  </si>
  <si>
    <t>武漢肺炎covid-病毒臺灣</t>
  </si>
  <si>
    <t>不好不能政府ptt宋少卿</t>
  </si>
  <si>
    <t>台灣新冠肺炎疫情嚴峻讓老百姓人心惶惶56歲資深相聲演員宋少卿上個月才因為批評政府言論惹來網軍出征然而他今(6日)更因為網友一句留言「疫苗沒來也罵；疫苗來了也罵」爆氣寫下400字長文回覆被PTT網</t>
  </si>
  <si>
    <t>疫情嚴峻疫苗老百姓人心惶惶相聲演員長文宋少卿肺炎上個月批評政府言論網友留言</t>
  </si>
  <si>
    <t>台灣新冠肺炎疫情嚴峻讓老百姓人心惶惶56歲資深相聲演員宋少卿上個月才因為批評政府言論惹來網軍出征然而他今(6日)更因為網友一句留言「疫苗沒來也罵；疫苗來了也罵」爆氣寫下400字長文回覆被PTT網友推爆大讚邏輯清楚罵的好！
宋少卿今日遭網友質疑疫苗有沒有來都罵爆氣寫下400多字長文回擊他說：「怎麼？不能罵？政府做得不好不能罵？」更以小時候讀書寫作業來舉例相信大家都共同經驗明明沒寫作業卻跟老師說忘了帶那「說謊」是不是該要「自我反省」呢？
宋少卿認為每個人都有沒寫作業的背後原因這個舉例就是我們都知道台灣當前在國際局勢上處境困難「但是你嘴上說了沒帶而沒交作業的時候是不是就等於給了你更多的時間回家寫作業（這就相當於給了政府一年的時間做『超前部署』)結果我們還是沒有自己寫作業（反而靠其他同學或朋友家人幫忙）⋯⋯『捐贈』了作業好讓你交差！這樣不該罵？」
宋少卿說我們在台灣生活、工作、繳稅、投票甚至生老病死結果政府做不好卻不能罵？更直言沒要罷免、沒喊下臺已經很厚道了「『罵』！是希望政府做得更好。『罵』！是很鐵不成鋼。『罵』！是愛之深責之切。『罵』你是剛好而已。」
宋少卿這篇回應網友質疑的回覆被網友轉發至PTT八卦版更火速獲鄉民推爆盛讚他內文邏輯清晰「覺青就是紅衛兵」、「在台灣不能罵政府這是常識好嗎」、「罵得好啊」、「說相聲瓦舍只會酸DPP的要不要去看一下那集講『鹿耳朵的毛』那集」、「推民主政治被搞到像共產統治」、「推老師教訓1450雙標仔」。</t>
  </si>
  <si>
    <t>作業政府網友臺灣少卿不能老師相聲是不是沒有就是沒寫結果疫苗</t>
  </si>
  <si>
    <t>宋少卿PTT疫苗新冠肺炎台灣</t>
  </si>
  <si>
    <t>疫苗肺炎ptt宋少卿臺灣</t>
  </si>
  <si>
    <t>接種受害救濟累計結果疫苗出爐</t>
  </si>
  <si>
    <t>隨著我國疫苗覆蓋率突破六成台灣目前累計912人接種疫苗後死亡而申請受害救濟的案件數也不斷增加根據衛福部統計截至10月15日為止已收案1347件申請目前已有5件死亡個案完成審定初步判定與疫苗無關將不予</t>
  </si>
  <si>
    <t>疫苗目前死亡申請判定覆蓋率初步突破審定增加不斷截至統計衛福部臺灣完成個案累計案件數救濟受害接種</t>
  </si>
  <si>
    <t>疫苗救濟目前申請調閱受害個案完成周志浩透露死亡衛福部衛福協助提供關聯排除接種案件案件數審定</t>
  </si>
  <si>
    <t>受害救濟疫苗死亡初步結果陳時中</t>
  </si>
  <si>
    <t>死亡疫苗初步結果救濟陳時中受害</t>
  </si>
  <si>
    <t>隱憂引爆回歸校正傳播</t>
  </si>
  <si>
    <t>指揮中心昨日公佈新增312例本土另外400例是校正回歸將案例回補到昨天以前的天數。對此臺北巿立聯合醫院陽明院區胸腔內科醫師蘇一峰表示漏登400例事小若過去幾天沒人通知這些確診者進行隔離或匡列接觸者</t>
  </si>
  <si>
    <t>確診通知沒人過去回歸案例進行昨天新增以前天數對此臺北市立聯合醫院表示陽明醫師院區內科胸腔蘇一峰</t>
  </si>
  <si>
    <t>指揮中心昨日公佈新增312例本土另外400例是校正回歸將案例回補到昨天以前的天數。對此臺北巿立聯合醫院陽明院區胸腔內科醫師蘇一峰表示漏登400例事小若過去幾天沒人通知這些確診者進行隔離或匡列接觸者恐引爆更大傳播鏈貼文曝光也引發網友擔憂更感嘆原來台灣沒有擴大篩檢的能量。
「校正回歸」一詞曝光不僅民眾霧煞煞蘇一峰昨（22）日在臉書第一時間也表示十分不解認為321例本土病例再加上400例怎麼還會是321例顯示檢驗能量不足才會造成塞車這才是核心問題。
蘇一峰表示如果只是單單漏登400例那就只是小事但不知道過去這幾天有沒有人通知這些確診者或匡列相關人員進行隔離若沒有通報恐引爆更大的傳播鏈更認為雙北的檢驗能量已燒到極限。
論點曝光後引發網友熱烈討論「過去一年原來我們中央完全沒擴大篩檢能量」、「這些人有無匡列跟擴大匡列令人憂心」、「過去一年真的過得太安逸了疫情爆發什麼問題都顯露無遺」、「如果每天都驗不完那不是每天都有校正數字怎知高峰已過？」、「多麼脫線的政府」、「想甩鍋什麼理由都有」。
★《中時新聞網》提醒您：因應新冠肺炎疫情疾管署持續加強疫情監測與邊境管制措施 如有疑似症狀請撥打：1922專線或 0800-001922 並依指示配戴口罩儘速就醫同時主動告知醫師旅遊史及接觸史以利及時診斷及通報。</t>
  </si>
  <si>
    <t>過去能量疫情校正蘇一峰沒有曝光表示醫師擴大匡列接觸問題回歸認為本土引發檢驗原來</t>
  </si>
  <si>
    <t>新冠肺炎台灣校正回歸蘇一峰</t>
  </si>
  <si>
    <t>臺灣校正肺炎回歸蘇一峰</t>
  </si>
  <si>
    <t>致病全台風險媽祖囡仔今年請假</t>
  </si>
  <si>
    <t>近期因為受到新冠肺炎（COVID-19）疫情影響年度盛事「媽祖遶境」爭議不斷。到底要不要繼續辦？各界說法紛紜對於疫情來說大型活動能延期就應盡量延後但對於虔誠的媽祖信眾來說則面臨了心靈與現實上的抉擇。</t>
  </si>
  <si>
    <t>疫情媽祖對於面臨肺炎covid-影響爭議年度盛事心靈虔誠說法延後大型活動儘量延期現實繼續</t>
  </si>
  <si>
    <t>近期因為受到新冠肺炎（COVID-19）疫情影響年度盛事「媽祖遶境」爭議不斷。到底要不要繼續辦？各界說法紛紜對於疫情來說大型活動能延期就應盡量延後但對於虔誠的媽祖信眾來說則面臨了心靈與現實上的抉擇。去年參加人生首次遶境活動的《張修修》表示活動恐藏3大染病風險呼籲所有的「媽祖囝仔」今年能夠「請假一次」。
YouTuber《張修修》昨（25日）在影片中分享說他能理解想參與媽祖遶境的香客在想什麼因為去年他剛完成人生首次的「大甲媽祖遶境」可說是獲益良多。但他表示就是因為經歷過更需要向還在猶豫是否要參加這項年度盛事的大家呼籲今年就向媽祖請一次假吧。
張修修指出媽祖遶境並不像一般大眾所認為的一樣只是個健康的休閒活動真的走完全程疲累程度可稱作是極限運動。其中就蘊藏了3個可能染上肺炎的風險希望能讓大家再想一想。
●媽祖遶境真的會很累
張修修分享扛轎的人走得速度飛快對女生還來說可能還要加小跑步才能跟上。而駐駕和起駕的時間間隔也非常短他形容「好像媽祖都不用睡覺似的」但確實「祂真的不用睡覺！」且扛轎人力會不停輪換。張修修說他自己跟轎大概過了3天後已經累到吃不下東西只能坐在路邊休息「還把肚子裡東西都給吐出來」。
張修修認為跟轎真的會搞到身心俱疲而人在最累的時候免疫力肯定很虛弱此時就給了新型冠狀病毒很合適的傳播機會。
●遶境途中居無定所
張修修說別以為宮廟提供的香客大樓多棒環境不但人滿為患他更看到一群人擠在宮廟的小角落「只要不被踩到就好」。有些人更直接在路邊騎樓舖上報紙就寢整體環境將當差。同時和一群不特定的人共處一室染上各種疾病的風險就會大增。
●飲食複雜難躲飛沫
張修修提到參與媽祖遶境最大特點就是「不用花半毛錢買吃的」在行進的過程中熱情的店家和人群都會不斷遞給香客們食物、茶水但可怕的是宮廟通常都是提供大鍋菜在多人取用的過程中很難避免到飛沫傳染而多人用過的桌椅設備也都有潛在染病的機率。
張修修認為綜合3點遶境潛在風險在活動結束後很有可能會造成一股「疫情的大爆發」如果因為參加活動而讓疫情快速蔓延實在很可惜。張修修說「有參加過媽祖遶境的都知道我們都稱自己是媽祖的囡仔媽祖就像媽媽一樣默默守護著我們既然這樣祂絕不會想看到疫情在台灣爆發讓祂自己的小孩受苦受難。」
所以張修修決定今年不參加媽祖遶境改用「吃素一個月」慶祝同時也呼籲所有人一同向媽祖娘娘「請個假吧」！</t>
  </si>
  <si>
    <t>媽祖修修疫情風險參加真的香客可能認為宮廟</t>
  </si>
  <si>
    <t>張修修媽祖遶境媽祖風險參加</t>
  </si>
  <si>
    <t>媽祖參加風險修修</t>
  </si>
  <si>
    <t>肆虐疫情大陸傳遞臺灣人溫暖</t>
  </si>
  <si>
    <t>大陸爆發「新型冠狀病毒」全世界幾乎沒有一個國家能夠倖免。兩岸雖然在地理上有著台灣海峽分隔著但兩岸多年以來的交流台商已有超過數十萬人在大陸地區建廠、工作甚至落地生根兩岸之間往來的旅客更是多到無法</t>
  </si>
  <si>
    <t>兩岸大陸旅客往來幾乎全世界之間沒有國家能夠生根地理倖免落地建廠地區以來甚至超過工作交流台商病毒上有</t>
  </si>
  <si>
    <t>大陸爆發「新型冠狀病毒」全世界幾乎沒有一個國家能夠倖免。兩岸雖然在地理上有著台灣海峽分隔著但兩岸多年以來的交流台商已有超過數十萬人在大陸地區建廠、工作甚至落地生根兩岸之間往來的旅客更是多到無法想像台灣也有許多觀光、服務業受惠於大陸旅客固然這和過去政府的政策有關但更凸顯台灣和大陸無論在承平時期或是疫情階段仍然維持著緊密的關聯。
當大陸身陷「封城」、「封省」的政策時筆者對於無情的病毒固然感到無奈前些日子眼看大陸疫情越來越嚴重三不五時透過「微博」搜尋最新的疫情資訊；對於大陸的朋友尤其是學生時期因交換的名義來到台灣就讀的大陸學生朋友雙方早於過去建立了交流。
對方目前身在杭州縱然彼此早已脫離學生身分但仍會透過「微信」保持聯繫更透過簡單的問候瞭解彼此的近況。
當我知道對方在大陸一切平安時才將心中的石頭放下因個人能力有限我所能給予對方的僅有祝福、祈福期待能盡棉薄之力為對方增添些許溫暖。
大陸身陷疫情風暴全球都受到影響尤其是開工日期一延再延預計蘋果系列的手機應會延後上市其他諸如星巴克、麥當勞、特斯拉等公司將延後開市原先預計繳交的訂單將持續延後這是全球化下的必然結果也是全球化下的脆弱性。台灣當然無法倖免目前能努力的在於努力生產醫療相關用品持續保護個人健康同時停止政治口水不再增加兩岸之間不必要的政治攻防與誤會。
我相信人心是肉做的意識形態絕非拒絕關懷對方的藉口至少以個人的經驗來說透過網路上的問好與關懷大陸朋友仍能感受到台灣的溫暖更能讓兩岸之間的人們充滿更多溫馨氣氛的對話而非政治上的口水！
（宋磊／中華戰略前瞻協會會員）</t>
  </si>
  <si>
    <t>大陸兩岸臺灣疫情透過個人政治學生之間朋友持續口水倖免對方延後交流病毒關懷對於預計過去旅客</t>
  </si>
  <si>
    <t>大陸兩岸台灣新冠肺炎疫情</t>
  </si>
  <si>
    <t>臺灣肺炎兩岸疫情大陸</t>
  </si>
  <si>
    <t>嘉義接觸確診失意緊急</t>
  </si>
  <si>
    <t>中央流行疫情指揮中心今9日公佈的案120383日才從臺北坐高鐵南下回水上鄉老家居住8日因頭暈由救護車送往醫院治療但未等到篩檢結果出爐就自行離開衛生局昨晚11點多接獲院方通報得知他確診緊急把人找出來送</t>
  </si>
  <si>
    <t>中心確診緊急得知通報院方昨晚衛生局臺北離開自行出爐結果南下高鐵回水指揮治療</t>
  </si>
  <si>
    <t>中央流行疫情指揮中心今9日公佈的案120383日才從臺北坐高鐵南下回水上鄉老家居住8日因頭暈由救護車送往醫院治療但未等到篩檢結果出爐就自行離開衛生局昨晚11點多接獲院方通報得知他確診緊急把人找出來送醫並匡列6人進行採檢目前已知5接觸者篩檢結果陰性。
嘉義縣今9日未公佈確診個案但嘉義縣長翁章梁下午3點緊急召開線上記者會公佈外縣市案12038的足跡。翁章梁說案12038離開水上鄉10多年長年在北部發展但謀生狀況不太好近來受疫情波及以前常住的地方都關門所以才返鄉。
翁章梁說案12038於3日當天下午4點多搭高鐵0845車次坐在4車10E號車位南下約6點50分抵達隨後叫計程車返回水上鄉內溪村的住家據案12038自述他這段時間都沒有出門多委託一名黃姓友人全送餐食8日晚間6點到7點之間曾到村莊裡的廟宇「仁安宮」拜拜之後因身體不適叫救護車由嘉縣消防局三和分隊送往醫院。
之後案12038又自行叫救護車離開深夜11點多院方通知衛生局他確診今淩晨找到人馬上將人送到醫院治療。翁章梁說目前共匡列7名接觸者包括2名計程車司機、黃姓友人共3人要居家隔離另村長、派出所兩名員警和案12038的堂哥自主管理不含堂哥已篩檢6人5人篩檢陰性。
因無法確認案12038供稱足跡是否屬實縣府也委託警察局、地方人士協助追蹤還原至於案12038是否在北部就出現症狀卻仍返鄉？衛生局長趙紋華說還要再釐清。</t>
  </si>
  <si>
    <t>翁章梁救護車離開確診公佈醫院地方南下友人計程車疫情北部返鄉下午高鐵</t>
  </si>
  <si>
    <t>案12038翁章梁確診接觸者新冠肺炎</t>
  </si>
  <si>
    <t>接觸確診翁章梁肺炎</t>
  </si>
  <si>
    <t>填息動能營運觀光</t>
  </si>
  <si>
    <t>連鎖餐飲集團六角（2732）股東常會通過配發每股現金股利85元今（2）日進行除息交易每股參考價151元。六角今日股價開高穩揚最高上漲232％至1545元填息率達約4118％隨後漲勢有所收斂早盤維持近1％漲幅</t>
  </si>
  <si>
    <t>常會配發現金股利有所進行漲勢除息隨後交易參考價股東今日股價上漲開高最高維持收斂填息集團</t>
  </si>
  <si>
    <t>連鎖餐飲集團六角（2732）股東常會通過配發每股現金股利85元今（2）日進行除息交易每股參考價151元。六角今日股價開高穩揚最高上漲232％至1545元填息率達約4118％隨後漲勢有所收斂早盤維持近1％漲幅。
六角受惠「Chatime日出茶太」全球展店效益顯現2019年合併營收達4955億元年增2852％毛利率略降至4678％但營益率升至1211％、創近6年高點。歸屬母公司稅後淨利38億元年增達128倍每股盈餘（EPS）97元營收、獲利、EPS齊創新高。
由於新冠肺炎疫情延燒全球受各國相繼封城鎖國防疫影響六角2020年2～4月合併營收明顯遭受衝擊。所幸4月後已見消費市場動能逐步回溫5月自結合併營收262億元月增2625％、年減3526％自近3年低檔顯著回升確立營收已於4月落底。
六角表示「Chatime日出茶太」5月業績已見回升轉投資的杭州瑞裡業績自3月起逐月回升4、5月已持平去年同期。經營餐食品牌的王座則受惠台灣防疫有成、祭出振興消費券激勵5月營收月增近7成。整體而言預期營運將在第二季落底下半年動能看升。
由於4月首波「六角消費振興券」成效顯著並因應「振興三倍券」即將發放六角推出第二波方案持「振興三倍券」於旗下9大品牌消費200元面額可升級消費240元、500元面額可升級消費650元並祭出10倍奉還優惠各回饋2000、5000元優惠券。</t>
  </si>
  <si>
    <t>消費振興回升品牌全球祭出防疫動能受惠合併日出chatime業績常會配發現金</t>
  </si>
  <si>
    <t>六角日出茶太Chatime股利除息</t>
  </si>
  <si>
    <t>股利chatime除息日出</t>
  </si>
  <si>
    <t>規定嘉義檢疫主動通報居家</t>
  </si>
  <si>
    <t>嘉義市有12名民眾18日陸續主動打電話通報市政府3月5日從西班牙、土耳其、愛爾蘭、荷蘭旅遊入境返台市府民政處表示將依據中央疫情指揮中心指示追蹤管理這12人做居家檢疫裡幹事到家戶關懷。中央流行疫情指揮中</t>
  </si>
  <si>
    <t>中央疫情指揮陸續市政府西班牙土耳其愛爾蘭荷蘭旅遊入境民眾返台市府民政居家里幹事管理表示檢疫到家追蹤關懷主動依據</t>
  </si>
  <si>
    <t>嘉義市有12名民眾18日陸續主動打電話通報市政府3月5日從西班牙、土耳其、愛爾蘭、荷蘭旅遊入境返台市府民政處表示將依據中央疫情指揮中心指示追蹤管理這12人做居家檢疫裡幹事到家戶關懷。
中央流行疫情指揮中心指揮官陳時中18日宣佈3月5日起入境台灣不分國籍一律居家檢疫14天此項防疫措施自19日淩晨零時起實施。
市府表示中央疫情指揮中心發布管制措施後陸續接到5男7女共12名市民打電話通報5日返台入境市府將依中央規定追蹤管理他們的居家檢疫。</t>
  </si>
  <si>
    <t>中央入境市府中心指揮陸續居家檢疫疫情措施返台打電話通報追蹤表示管理市政府西班牙土耳其市民愛爾蘭旅遊民眾</t>
  </si>
  <si>
    <t>新冠肺炎CONID-19武漢肺炎新型冠狀病毒嘉義</t>
  </si>
  <si>
    <t>武漢肺炎conid-病毒冠狀嘉義</t>
  </si>
  <si>
    <t>楊金龍因應三風</t>
  </si>
  <si>
    <t>中央銀行總裁楊金龍12日將赴立法院財政委員會業務報告他在10日出爐的書面報告指出全球經濟面臨三大風險包括肺炎疫情蔓延、主要經濟體貿易談判結果未定、地緣政治衝突及極端氣候威脅。至於央行如何應變楊金龍</t>
  </si>
  <si>
    <t>楊金龍威脅氣候極端衝突政治地緣未定結果貿易談判經濟體蔓延疫情肺炎包括風險三大面臨法院財政經濟委員會全球業務指出報告</t>
  </si>
  <si>
    <t>中央銀行總裁楊金龍12日將赴立法院財政委員會業務報告他在10日出爐的書面報告指出全球經濟面臨三大風險包括肺炎疫情蔓延、主要經濟體貿易談判結果未定、地緣政治衝突及極端氣候威脅。
至於央行如何應變楊金龍也提出三大重點首先是密切關注肺炎疫情最新發展對大陸及全球的影響尤其對台灣經濟金融的衝擊；其次是新冠肺炎疫情發展加劇全球金融市場波動央行將持續關注資金大量進出對國內金融市場的影響並本於職責維護外匯市場秩序及金融市場的穩定。
第三是央行會關注金融體系流動性及銀行授信情況充分支應市場資金需求確保貨幣政策傳遞管道順暢運作。
楊金龍針對新冠肺炎指出若疫情不能在短期降溫國際主要機構預估大陸經濟受創程度將加重並延長。加上疫情擴散至日、韓、義、美、伊等近100國大陸居全球第二大經濟體扮演供應鏈核心角色生產中斷及需求下滑對全球經濟負面外溢衝擊將遠大於SARS。
其次楊金龍說明主要經濟體貿易談判結果仍未定包括中美簽署第一階段貿易協議雖稍緩解緊張局勢但衝突恐長期存在。美國與歐盟談判仍進行中及英國進入脫歐過渡期無協議脫歐風險仍存。
至於地緣政治衝突及極端氣候威脅楊金龍分析年初美國與伊朗的衝突隨後緊張情勢雖未再升溫但雙方關係仍難修復。還有極端氣候災害發生頻率增加嚴重乾旱、洪災、森林大火、強烈風暴等極端氣候事件發生頻率愈來愈高帶來的經濟衝擊日益嚴重。
楊金龍強調國際貿易緊張情勢暫趨緩今年初主要國際機構多預期在風險不致加劇下全球經濟可望穩健成長但肺炎疫情蔓延拖累全球經濟並加劇金融市場波動仍應密切關注並審慎因應。</t>
  </si>
  <si>
    <t>經濟楊金龍全球疫情肺炎關注衝突金融市場極端大陸風險衝擊央行經濟體氣候加劇需求資金影響情勢緊張協議美國發生</t>
  </si>
  <si>
    <t>大陸極端氣候肺炎楊金龍金融</t>
  </si>
  <si>
    <t>極端肺炎楊金龍氣候金融大陸</t>
  </si>
  <si>
    <t>蘋果疫情門市</t>
  </si>
  <si>
    <t>美國新冠肺炎疫情升溫1日新增確診病例突破5萬人、創下單日新高促使部分州政府與企業暫停經濟重啟計畫。為防範肺炎疫情擴大蘋果公司2日宣佈再度關閉30家分店累計達到77家。美國肺炎疫情慘烈週三單日新增病</t>
  </si>
  <si>
    <t>疫情肺炎新增美國州政府部分促使企業新高暫停創下經濟突破病例確診升溫防範再度關閉達到分店宣佈累計擴大</t>
  </si>
  <si>
    <t>據點蘋果疫情麥當勞美國肺炎宣佈關閉病例分店營業再度開放確診重新感染截至公司恢復影響顯示佛州</t>
  </si>
  <si>
    <t>關閉蘋果重啟計畫企業美國</t>
  </si>
  <si>
    <t>蘋果企業美國關閉</t>
  </si>
  <si>
    <t>韓國超荒謬健身房禁令疫情</t>
  </si>
  <si>
    <t>韓國新冠疫情嚴峻首爾自12日起實施最高第4級防疫措施當中健身房有2項限制引人側目包括有氧等團體課程禁止播放每分鐘超過120拍的音樂跑步機也須限速在時速6公里以下引發韓國民眾砲轟「荒謬」專家也覺得非</t>
  </si>
  <si>
    <t>爾自實施最高荒謬防疫措施炮轟當中健身房韓國民眾嚴峻限制引發引人包括以下有氧團體時速課程禁止限速播放超過</t>
  </si>
  <si>
    <t>韓國新冠疫情嚴峻首爾自12日起實施最高第4級防疫措施當中健身房有2項限制引人側目包括有氧等團體課程禁止播放每分鐘超過120拍的音樂跑步機也須限速在時速6公里以下引發韓國民眾砲轟「荒謬」專家也覺得非常好笑。
受Delta變種病毒影響韓國第4波疫情來勢洶洶韓聯社報導韓國今（14）日新增1615例確診病例創下疫情以來單日確診數最高紀錄並且已經連續8天單日確診破千人上周新增病例中高達7成和Delta病毒有關韓國衛生當局警告至8月中單日確診數可能飆破2000人直到8月底才有可能控制住疫情目前韓國已經累計有逾17萬人確診。
首都圈仍是韓國這波疫情的中心今天新增病例中首都圈佔比達75%為了壓制疫情韓國政府12日宣佈首爾自當日起至25日實施最高第4級防疫措施包括晚上6時以後禁止3人以上聚會晚上家庭聚會也只限2人婚禮、葬禮僅限親屬出席等。
另外健身房也有新措施除了如同台灣不開放淋浴間外還另外規定跑步機限速每小時6公里飛輪、有氧舞蹈等團體課程播放的音樂節奏每分鐘不能超過120拍（bpm）韓國官員認為這些措施能夠避免民眾呼吸太過用力或是讓汗水噴濺到其他人身上以降低感染風險。
後面這2項新規引發側目以音樂來看江南大叔PSY的熱門舞曲「江南Style」因為每分鐘節拍達132下超過規定可能會在首爾健身房遭到禁播。
《紐約時報》（New York Times）報導首爾高麗大學九老醫院的傳染病專家金宇珠（Kim Woo-joo音譯）砲轟這2項措施「荒謬」、「無效」。
健身房教練薑勝鉉（Kang Seung hyun音譯）表示他的健身房已經決定停用跑步機而不是限制時速他說不懂為何健身車、飛輪車可以使用跑步機卻不能。
另一名健身教練尹拉爾夫（Ralph Yun）指出當音樂節奏和運動時的心跳接近時能夠提升運動表現但不一定會讓人運動得更加起勁就算是聽慢板音樂也可以劇烈運動。
研究音樂對運動影響長達30年的英國布魯內爾大學（Brunel University）教授卡拉格奧爾吉斯（Costas Karageorghis）表示他被韓國政府的健身房政策「逗笑了」直言相當「愚蠢可笑」。
他說如果民眾決心要進行高強度運動音樂根本擋不了他們。
他說明音樂可以讓人分散對疲憊的感覺、改善情緒音樂確實可以改善民眾運動、鍛鍊的方式但不是像韓國政府預期的那樣。此外將音樂節奏限制在120拍下也不一定有效果因為有很多音樂節奏在120拍下卻仍然很有活力不少運動員鍛鍊時反而會選擇節奏比較慢的饒舌歌曲。</t>
  </si>
  <si>
    <t>音樂健身房疫情運動韓國措施節奏民眾確診可以跑步韓國政府可能限制已經超過新增病例最高報導影響</t>
  </si>
  <si>
    <t>#新冠肺炎#全球韓國健身房音樂節奏</t>
  </si>
  <si>
    <t>全球韓國健身房肺炎音樂節奏</t>
  </si>
  <si>
    <t>檢測瞄準設備基金題材</t>
  </si>
  <si>
    <t>新冠肺炎發展至今已造成數百萬人染疫數十萬人死亡速度之快影響範圍之大都是前所未見的。目前看起來北半球的狀況慢慢有緩和的跡象各國也開始陸續展開解封的動作。不過南半球的疫情卻讓人憂心尤其是南美</t>
  </si>
  <si>
    <t>至今速度動作解封疫情展開陸續開始發展跡象緩和南半球範圍慢慢狀況影響北半球看起來前所未見目前</t>
  </si>
  <si>
    <t>新冠肺炎發展至今已造成數百萬人染疫數十萬人死亡速度之快影響範圍之大都是前所未見的。目前看起來北半球的狀況慢慢有緩和的跡象各國也開始陸續展開解封的動作。不過南半球的疫情卻讓人憂心尤其是南美洲由於經濟考量對於防疫政策不如北半球的已開發國家積極因此目前的疫情有持續升溫的跡象。
富邦證券表示如果時序進入六-七月而南半球疫情又開始升溫的話那整個新冠肺炎疫情就有可能在今年冬季再次捲土重來換句話說也就是新冠病毒進入季節性的流感化以目前的情況來看往這樣的方向發展機率變得相當大。因此接下來防疫器材、檢測試劑及治療藥品將會是各國重要的佈局其中投資人可以關注PCR及ELISA檢測、自動化PCR設備等產業發展方向。
據瞭解台灣的相關概念股：如高端（6547）繼新型冠狀病毒核酸檢驗試劑（RT-PCR）取得歐盟和台灣上市許可後該公司5日也與美國國衛院（NIH）簽署新冠疫苗全球行銷和生產製造的完整權利正式加入國際賽局。普生（4117）完成研發生產的GB SARS-CoV-2 RT-PCR核酸檢測試劑獲歐盟體外診斷醫療器材（CE-IVD）認證將有助加速於歐盟CE認證之國家中展開銷售推廣。
現階段不論是治療藥品的臨床試驗與檢測試劑的開發都在緊鑼密鼓的展開也逐漸看到成效各項防疫及醫療器材的儲備也都積極進行雖然疫苗的開發無法在今年完成不過到了下半年防疫器材、檢測試劑及治療藥品這三方面的準備下對抗新冠肺炎的威脅人類將不會再措手不及。
富邦證券表示檢測試劑部份是現階段進展最快也是商機最大的部份。新冠病毒的檢測試劑屬於體外診斷試劑可以分成三大類：
第一類是檢測病毒核酸的PCR（聚合(酉每)連鎖反應）技術也是目前主要的檢測方式PCR的優點就是準確率高在潛伏期就能夠檢測到病毒因此PCR的靈敏度比較高不過缺點是檢測時間比較久大概要2~3小時還有必須把檢體送到實驗室才能進行。
第二類是檢測病人血清裡面的抗體這個技術叫做ELISA和PCR一樣都要在實驗室才能完成。但是因為感染新冠病毒後最快也要7天才會產生所謂的IgM抗體而IgG抗體還要再晚幾天才會出現也就是說ELISA只能用來檢測感染中後期的患者缺點一樣是檢測時間比較長大概要1~4小時。
第三類就是所謂的快篩優點是篩檢的時間短要在15分鐘內完成而且檢體不用後送到實驗室當場就可以快速得到結果快篩可以分成驗病毒抗原的抗原快篩以及檢測血液中抗體的抗體快篩不過這兩種快篩的靈敏度一般都不會太高。主要都是用在所謂的初步篩選若篩選結果呈現陽性再用其他更準確的方式確診。
過去病毒檢測試劑產品必需先取得當地政府許可後才可以上市、銷售不過這次新冠肺炎疫情來勢洶洶美國面臨篩檢資源不足為加快檢測速度啟動緊急使用授權（EUA）主要是由廠商先向美國FDA提交EUA申請後在FDA核准前可以有條件賣給美國境內H等級的實驗室執行檢測。
富邦證券表示目前取得EUA的快篩廠商已超過165家大陸廠商最多93家、美國44家其次南韓、台灣也都有廠商入列但得到EUA授權不代表最後會得到FDA核准也不代表業績就會大幅成長。
由於PCR檢測流程繁複檢測速度較慢如何透過檢測設備的自動化將檢驗數量拉高也就是所謂的高通量檢測來達成大規模檢測就成為各國檢驗能量的重要關鍵。透過PCR的自動化檢測設備不但可以大幅縮短整體的檢測時間也可以降低人工檢測的錯誤率韓國這次之所以能快速的大規模檢測就是因為自動化檢測做得不錯。富邦證券表示隨著新冠肺炎可能流感化的趨勢來看新冠肺炎檢測試劑相關廠商、自動化設備產業的後勢仍可期值得投資人持續追蹤關注。</t>
  </si>
  <si>
    <t>檢測試劑可以pcr病毒目前美國肺炎完成疫情實驗室廠商自動化防疫eua</t>
  </si>
  <si>
    <t>普生檢測PCR檢測試劑快篩</t>
  </si>
  <si>
    <t>pcr檢測試劑普生</t>
  </si>
  <si>
    <t>不到隔離</t>
  </si>
  <si>
    <t>昨晚今天公佈桃園醫院家屬住院者需要居家隔離人力緊急實在太表示道歉變化陳時中指揮官已經專線打爆應答民眾造成</t>
  </si>
  <si>
    <t>隔離已經昨晚希望應答相關今天公佈表示變化通知可以目前居家表達歉意以上時中問題人力緊急</t>
  </si>
  <si>
    <t>新冠肺炎群聚感染部立桃園醫院確診</t>
  </si>
  <si>
    <t>感染肺炎桃園醫院確診</t>
  </si>
  <si>
    <t>測儀肺炎經濟部</t>
  </si>
  <si>
    <t>經濟部次長林全能下午在行政院紓困振興記者會中表示工研院已完成潛伏期快篩偵測儀利用核酸分子試劑快篩可在1時內完成測試最快7月就可量產。林全能說為更早掌握感染者快篩是很重要的佈局方向目前希望用</t>
  </si>
  <si>
    <t>完成下午行政院紓困振興重要記者會全能表示工研院感染者佈局林全掌握潛伏期測儀</t>
  </si>
  <si>
    <t>經濟部次長林全能下午在行政院紓困振興記者會中表示工研院已完成潛伏期快篩偵測儀利用核酸分子試劑快篩可在1時內完成測試最快7月就可量產。
林全能說為更早掌握感染者快篩是很重要的佈局方向目前希望用核酸的分子快篩在病患還沒有症狀時可以高準度的測得患者目前的快篩需要4小時但現在鎖定的核酸分子快篩希望在1小時內且有90％準確率。
他說這樣的開發是結合工研院及業者來佈局工研院負責技術及芻型品開發另外就是試量產林全能也拿起手邊的核酸偵測儀說配合試劑開放可在1小時測得高達90％準確率這是全世界最小的偵測儀現在已開發出芻型4月底可完成臨床測試希望6月完成試量產7月開始進行量產。
林全能並表示假如肺炎演變成流感秋冬就必需有快篩儀器提早防範。</t>
  </si>
  <si>
    <t>全能完成核酸開發測儀小時工研院希望表示分子佈局目前現在準確率</t>
  </si>
  <si>
    <t>林全能新冠病毒核酸偵測儀經濟部快篩</t>
  </si>
  <si>
    <t>病毒核酸測儀經濟部全能</t>
  </si>
  <si>
    <t>蝙蝠東南亞</t>
  </si>
  <si>
    <t>新冠肺炎蔓延儘管有研究病毒的源頭有可能是蝙蝠讓許多人「聞蝠色變」但是在東南亞某國家部分地區仍然是熱銷！根據《鳳凰網》報導咖哩蝙蝠是當地熱銷菜餚饕客拿起咖哩蝙蝠肉配飯吃得津津有味。顧客說不</t>
  </si>
  <si>
    <t>蝙蝠熱銷可能蔓延津津有味東南亞研究國家部分地區仍然菜肴病毒</t>
  </si>
  <si>
    <t>新冠肺炎蔓延儘管有研究病毒的源頭有可能是蝙蝠讓許多人「聞蝠色變」但是在東南亞某國家部分地區仍然是熱銷！
根據《鳳凰網》報導咖哩蝙蝠是當地熱銷菜餚饕客拿起咖哩蝙蝠肉配飯吃得津津有味。
顧客說不相信當地有病毒存在他們常常吃這類食物也不會害怕會不會生病由老天決定。
販賣蝙蝠肉的攤販說每天可賣50到60隻蝙蝠遇到節慶更可賣600隻有時庫存還不足銷量沒有受到疫情影響因為疫情只發生在中國大陸。
報導引述專家說法呼籲民眾還是盡量不要食用接觸飼養野生動物。</t>
  </si>
  <si>
    <t>蝙蝠當地報導病毒熱銷疫情儘量民眾銷量呼籲專家引述不足說法中國東南亞</t>
  </si>
  <si>
    <t>新冠肺炎武漢肺炎新型冠狀病毒NCP台灣</t>
  </si>
  <si>
    <t>肺炎武漢冠狀病毒ncp臺灣</t>
  </si>
  <si>
    <t>嚴重蕭條以來經濟體展望經濟陸正最新成長imf</t>
  </si>
  <si>
    <t>國際貨幣基金組織（IMF）24日發佈《世界經濟展望》（World Economic Outlook）顯示IMF將2020年和2021年中國大陸國內生產總值(GDP)的增長預測分別下調至1%和82%較上次預測值再分別下調02和1個百分點。受疫情影</t>
  </si>
  <si>
    <t>下調分別imf世界展望經濟worldeconomic增長outlookgdp顯示大陸國內生產總值中國百分點預測值預測上次疫情國際貨幣基金組織</t>
  </si>
  <si>
    <t>國際貨幣基金組織（IMF）24日發佈《世界經濟展望》（World Economic Outlook）顯示IMF將2020年和2021年中國大陸國內生產總值(GDP)的增長預測分別下調至1%和82%較上次預測值再分別下調02和1個百分點。受疫情影響今年大陸GDP成長亦將創下改革開放以來最低水準但仍是今年全球唯一呈現正成長的主要經濟體。
據《環球網》報導IMF週三發佈最新的《世界經濟展望》預2020年全球GDP增速為-49%在此之前的4月份預估為-3%。到了明年預估全球GDP增速為54%此前預期為58%。
報導說IMF就大蕭條以來最嚴重的經濟下滑發出警告稱全球悲觀情緒日益加劇社交疏離和防疫安全措施持續打擊需求早期的封鎖對供應鏈傷害超出預期。
IMF表示2020年全球經濟預期持續下調也是由於新冠病毒對消費的衝擊大於最初預期預計中國大陸2020年經濟增速為1%是全球主要經濟中唯一增長的國家。
報導說預計2020年發達經濟體GDP增速為-80%全球主要經濟體如美國-80%、法國為-125%、義大利-128%、英國-102%、日本-58%狀況都極為慘烈。新興市場及發展中經濟體稍為好些平均GDP增速為-30%。
IMF表示隨著疫情的持續蔓延對生計、就業保障和不平等造成長期負面影響的前景變得更加嚴峻預計90%以上的新興市場和發展中經濟體的人均收入將出現下降。
值得注意的是IMF上調2021年全球GDP增速至54%但如果明年出現第二波新冠肺炎疫情當年的全球經濟增速可能下調至05%。
此外IMF指出受新冠肺炎疫情影響經濟活動大幅下可能造成企業破產以及國家債務違約全球金融市場將出現大幅回檔各國政府需要更多的財政和貨幣政策支持。IMF首席經濟學家戈皮納特稱病毒將對全球經濟造成1200兆美元的損失。</t>
  </si>
  <si>
    <t>全球imf經濟gdp增速經濟體疫情持續預期下調預計造成出現大陸報導以來大幅病毒增長成長今年國家可能</t>
  </si>
  <si>
    <t>IMFGDP2020年下調預期</t>
  </si>
  <si>
    <t>gdpimf預期下調</t>
  </si>
  <si>
    <t>入場啟動台達電安計外勞桃園</t>
  </si>
  <si>
    <t>為守住桃園移工的「馬其諾防線」市長鄭文燦祭出「固安計畫」9日啟動企業到場快篩他視察提到台達電為了安全營運本勞加移工共6000人全快篩有的同一廠區、有的混線生產要一起完成強調桃園移工陽性率仍</t>
  </si>
  <si>
    <t>桃園安計祭出啟動鄭文燦企業生產到場馬其諾強調市長一起防線視察提到完成台達電營運</t>
  </si>
  <si>
    <t>為守住桃園移工的「馬其諾防線」市長鄭文燦祭出「固安計畫」9日啟動企業到場快篩他視察提到台達電為了安全營運本勞加移工共6000人全快篩有的同一廠區、有的混線生產要一起完成強調桃園移工陽性率仍低沒有熱區現象但為了員工和地方安心要按部就班完成。
負責快篩的桃園市醫師公會在理事長莫振東率隊下出動4人1天預計可篩800人莫振東指出4人都是耳鼻喉科專科醫師非常瞭解「耳鼻喉」的結構能精準掌握採檢的鼻咽與喉嚨接觸帶準確率高即使是鼻中膈彎曲的病患也能採檢全場最快下周就能完成。
鄭文燦9日一早到台達電視察企業到場快篩情況時表示疫情期間企業要持續營運必須做好預防性的準備市府推動企業快篩媒合醫師公會團隊到廠區進行快篩採取「採檢亭」或「採檢屏風」的方式以標準快篩試劑篩檢若呈陽性反應立刻執行PCR核酸檢測並送到防疫旅館靜候結果。
「就算多廠區快篩一樣可以很順利！」鄭文燦讚台達電是台灣綠能能源的領導廠商在桃園有5個廠區雇用的移工1500人、本勞4500人因為有的是同一廠區、有的是混線生產所以要一起完成6000人同時快篩。
「桃園推動企業快篩確實有必要性！」鄭文燦說桃園外籍移工是全台灣第一名產業型外籍移工達9萬7000人雇用移工的工廠非常多光是雇用100人以上企業就有141家以5、6月PCR篩檢經驗看桃園還不是熱區、陽性率並不高整個桃園外籍移工感染事件只有2起、18人、比率低但為確保每一個潛在感染個案都能最快、最佳處理仍要按部就班完成。
鄭文燦說桃園固安計畫已獲行政院、經濟部、勞動部肯定和支援部分大型企業則是和健檢廠商合作駐點快篩透過預防性的擴大篩檢讓桃園的企業可以安全營運也能夠讓員工、企業及社區三贏。
鄭文燦也提到市府會在各大工業區設13個聯合快篩站10日起陸續啟用他解釋聯合快篩站是1站6線採檢環境佳可以讓各企業預約登記強調到場快篩和聯合快篩同時並行上波雙北熱區防線桃園守住了相信竹竹苗移工群聚感染熱線桃園一樣也會守住。
鄭文燦也預告原來13個快篩站未來經過適當改造也可以成為疫苗接種站桃園的疫苗接種計畫除了流感系統外還另外增設桃園體育館的大型接種站1天可以到6000人工業區站外展接種站達8個另外還有社區跟學校60站每週施打人數可達10萬人。</t>
  </si>
  <si>
    <t>桃園企業鄭文燦可以完成熱區營運接種感染台達電外籍</t>
  </si>
  <si>
    <t>新冠肺炎台灣桃園快篩企業</t>
  </si>
  <si>
    <t>桃園臺灣肺炎企業</t>
  </si>
  <si>
    <t>返台確診歐美疫情</t>
  </si>
  <si>
    <t>中央流行疫情指揮中心昨公佈新增3名新冠肺炎境外移入個案其中2人為30多歲男性（案519、521）1人為20多歲女性（案520）均為本國籍分別自美國及法國返台。感染專家黃立民表示近期台灣新冠肺炎確診者又現從歐</t>
  </si>
  <si>
    <t>肺炎中心確診公佈國籍分別新增美國法國返台感染專家黃立民境外指揮表示臺灣近期個案疫情</t>
  </si>
  <si>
    <t>中央流行疫情指揮中心昨公佈新增3名新冠肺炎境外移入個案其中2人為30多歲男性（案519、521）1人為20多歲女性（案520）均為本國籍分別自美國及法國返台。感染專家黃立民表示近期台灣新冠肺炎確診者又現從歐美返台民眾可說是第二波疫情來襲的前哨；顯示歐美疫情又開始變壞加上氣溫變冷非常不利防疫建議入境者居家檢疫期滿都應再篩檢陰性再回社區是相對容易防疫模式。
中央流行疫情指揮中心發言人莊人祥表示案519長期在美國工作約2至3個月返台一次在美國期間無不適症狀10月4日返台入境時主動告知搭機時出現喉嚨癢症狀由機場檢疫人員協助採檢昨天確診。同班機接觸者共21人。
案520今年於法國留學畢業後9月中旬再前往法國。莊人祥指出案520是在9月27日至30日陸續出現發燒、頭痛、流鼻水、鼻塞及嗅覺異常症狀未於法國當地就醫；10月4日返國入境時主動告知檢疫人員有症狀於機場進行採檢確診。至於案521其長期於美國工作與案519搭乘同班機返台但兩人互不認識機組員7人已列為案519接觸者不重複匡列而同班機前後二排座位旅客共11人則列居家隔離。
針對昨天一口氣三名確診個案都是歐美確診者台灣感染症醫學會理事長黃立民表示顯示歐、美洲疫情又開始變得更糟他憂心秋冬天氣變冷加上台灣民眾真的「關」了很久恐再也不耐受到行動限制兩者加乘下非常不利於防疫。
中華民國防疫學會理事長王任賢指稱這不是第二波疫情全球都還在第一波疫情未清的狀況新冠肺炎病毒從沒消失過。但他也認為國內目前沒有社區感染只要守住邊境、戴口罩並保持社交距離不用太悲觀他不認為台灣疫情有再大爆發可能。</t>
  </si>
  <si>
    <t>疫情返台臺灣症狀法國確診防疫表示美國班機肺炎檢疫歐美社區認為感染</t>
  </si>
  <si>
    <t>肺炎同班機返台疫情台灣</t>
  </si>
  <si>
    <t>臺灣疫情肺炎返台班機</t>
  </si>
  <si>
    <t>林右昌充足放寬無需規定預約</t>
  </si>
  <si>
    <t>基隆市新增2例本土確診個案1例家庭群聚、1例疫調中累計270例為嚴防疫情擴散防疫單位進行擴大、預防性採檢市長林右昌表示只要自覺有疑慮可以預約申請外在篩檢站量能充足下民眾也可以直接前往醫護人</t>
  </si>
  <si>
    <t>可以嚴防疫情本土擴散民眾防疫單位確診足下進行擴大家庭預防市長疑慮林右昌</t>
  </si>
  <si>
    <t>基隆市新增2例本土確診個案1例家庭群聚、1例疫調中累計270例為嚴防疫情擴散防疫單位進行擴大、預防性採檢市長林右昌表示只要自覺有疑慮可以預約申請外在篩檢站量能充足下民眾也可以直接前往醫護人員會安排進行採檢。
林右昌公佈2確診案例案13578為70多歲女性丈夫為確診者被匡列居家隔離第一次採檢陰性近日身體不適篩檢確診；案13642為60多歲女性身體不適自行就醫採檢確診皆已收治醫院。他說疫情看起來趨緩但還是提醒市民防疫是長期戰爭這幾天還要密切觀察端午節移動造成的波動呼籲市民還是要做好防疫不能掉以輕心。
昨天疫情記者會市府提及目前防疫目標在撲滅社區熱點努力找出無症狀的隱性確診者詳細作為為何林右昌說明未來將在過去有許多確診者集中的熱點地區再進行匡列會通知附近居民前往篩檢站採檢也希望民眾主動參與他說現在篩檢站已逐步放寬限制只要量能足夠市民可以不用預約直接前往會由人員安排採檢。
至於是否在熱區增設篩檢站林右昌說表示基隆雖分為7個行政區但實際上是一個大生活圈不需和雙北一樣分為中正區、大安區也不希望再有像萬華區被標籤化的現象目前市府、防疫單位會主動將有風險疑慮的社區進行匡列並通知民眾採檢。
衛生局長吳澤誠也補充說明擴大匡列是為了找出無症狀感染者預防社區傳播他提及目前一天PCR採檢可以做1千份篩檢量能相當充足。</t>
  </si>
  <si>
    <t>確診防疫匡列林右昌進行疫情市民可以社區目前民眾前往分為說明熱點</t>
  </si>
  <si>
    <t>新冠肺炎台灣   採檢篩檢站林右昌</t>
  </si>
  <si>
    <t>肺炎臺灣林右昌</t>
  </si>
  <si>
    <t>最怕全球治理病毒</t>
  </si>
  <si>
    <t>近日來因敦睦艦隊返航盤石軍艦的官兵新冠肺炎確診數增加引起各地方政府的重視紛紛以不同的方式規畫超前部署的防治措施卻因與中央流行疫情指揮中心意見不盡一致而有中央與地方不同調的「府際爭議」情狀發生</t>
  </si>
  <si>
    <t>地方中央返航磐石軍艦官兵同調肺炎艦隊確診增加不盡一致引起意見疫情政府方式超前流行重視紛紛不同措施部署</t>
  </si>
  <si>
    <t>近日來因敦睦艦隊返航盤石軍艦的官兵新冠肺炎確診數增加引起各地方政府的重視紛紛以不同的方式規畫超前部署的防治措施卻因與中央流行疫情指揮中心意見不盡一致而有中央與地方不同調的「府際爭議」情狀發生；尤其對於高雄市政府的超前防治規畫更為「罷韓」團體視為拖延罷免的行徑頗多過甚其辭之言論一一出現。
就此次新冠肺炎肆虐全球的大災難言之不僅國內須行政一體積極協同防治國際間更宜以全球治理觀點採取相互支援的人道措施。我國最近捐贈友邦防治器材固是「防疫外交」的作為也頗受友我國家的好評即是台灣身為全球一員的「協力治理」卓越成就。基於此一認知回顧國內中央與地方的防疫作為認知差異尤其媒體、名嘴的偏頗助瀾不免令人憂心知識分子的良知何在？有必要如此不分是非嗎？倒是行政院長蘇貞昌希望朝野不要再對立值得省思。
誠然防疫當前既然中央已成立指揮中心基於資源共用以及行動一致的必要性理論上宜以中央疫情指揮中心的「指揮」為唯一行動基準；地方政府能夠知所依循應係理性選擇而非盲目施為。問題是中央指揮中心對於防疫的指揮本就須視疫情的衍變而有不同的策略規畫。就以口罩的分配來說雖未到一日數變至少可說一個月好幾變乃有口罩10、20、30乃至40的說法。地方政府看到國際疫情的走勢依據學者專家的呼籲斷然採取若干超前的演練措施中央指揮中心實無倒喝采之必要何況中央指揮中心還有意無意有南北不同的指示比如：新北市的兵演召集人張上淳還專程蒞臨指導並且肯認新北市的做法；反之高雄市的做法即一一駁斥有如一無是處。這不免令人有支援「罷韓」的聯想。
中央指揮中心對於疫情的指揮宜有「策略選擇」和「時機選擇」的考量就「封城」而言行政院蘇貞昌院長既以「全國一致」作為策略選擇不僅地方政府務須全力貫徹就是媒體、名嘴亦當協同策進更不宜有故入人罪的譁眾取寵行徑。此外地方政府依自治權的行使尤其自治區域內的公益治理作為中央指揮中心不僅宜樂觀其成並且在技術上要多所指導在經費上更要多所支援。相信此次疫情必可在最短期間內完全控制持續維持本土病例的零確診而國外傳入的確診數亦可逐日減少尤其敦睦艦隊意外染疫如機關間相互體諒或協助應即可打住。
新冠肺炎是全球人類的最大敵人自當認清敵人的真面目採取一切有效的防治措施這是此次新冠肺炎給人類的經驗和教訓。全球治理或許有其值得檢討之處但全球治理卻是制勝新冠肺炎的唯一良方。此時此刻國人應有更寬廣的心胸去瞭解和協同防治於任何一塊國土才是。
（作者為銘傳大學公共事務學系客座教授）</t>
  </si>
  <si>
    <t>中央指揮地方防治中心疫情政府全球治理尤其肺炎作為防疫措施選擇支援協同採取不同策略確診超前</t>
  </si>
  <si>
    <t>地方政府中央指揮指揮肺炎防治</t>
  </si>
  <si>
    <t>中央指揮政府肺炎防治地方</t>
  </si>
  <si>
    <t>政策資金力挺</t>
  </si>
  <si>
    <t>陸股表現出乎投資人預期法人表示投資人相信大陸官方必出手另外資金充沛、陸股價格合理等都是資金力挺陸股原因。為降低疫情對經濟及股市的衝擊台新中証消費服務領先指數基金經理人葉宇真表示大陸人行持續大</t>
  </si>
  <si>
    <t>表示大陸資金投資人相信葉宇真出手指數官方力挺領先金經理服務消費原因新中經濟衝擊股市降低疫情法人充沛價格合理</t>
  </si>
  <si>
    <t>疫情市場中國持續影響產業相關企業基本投資大陸經濟表現消費表示因素投資人波動趨勢金經理復工流動性</t>
  </si>
  <si>
    <t>基本面回升關注肺炎葉宇真</t>
  </si>
  <si>
    <t>肺炎葉宇真基本關注回升</t>
  </si>
  <si>
    <t>旅客機場親友入境禁止違者最高</t>
  </si>
  <si>
    <t>27日起入境者一律入住檢疫旅館或集中檢疫所桃園機場公司今天說即時起實施入境旅客一律搭乘防疫車隊前往檢疫地點籲入境旅客親友不要再前往機場接機減低病毒傳播風險。因應最早在印度發現的Delta變異株疫情</t>
  </si>
  <si>
    <t>機場檢疫前往入境一律旅客印度因應風險發現病毒傳播減低入住檢疫所旅館公司今天桃園集中delta即時實施不要</t>
  </si>
  <si>
    <t>27日起入境者一律入住檢疫旅館或集中檢疫所桃園機場公司今天說即時起實施入境旅客一律搭乘防疫車隊前往檢疫地點籲入境旅客親友不要再前往機場接機減低病毒傳播風險。
因應最早在印度發現的Delta變異株疫情中央流行疫情指揮中心日前宣佈27日起入境者一律入住檢疫旅館或集中檢疫所不可居家檢疫。
桃園機場公司今天發出新聞稿表示配合指揮中心指示即時起實施入境旅客一律搭乘防疫車隊前往檢疫地點呼籲入境旅客親友不要再前往機場接機減低病毒傳播風險。
機場公司也提醒入境旅客入境後請依照指標及現場保全引導至第一、第二航廈入境大廳防疫車隊搭乘處由現場人員登記確認後指引搭車同時也持續加強所有車輛及場域清消、司機自我防護確保每名乘客乘車環境安全無虞。
指揮中心發言人莊人祥今天晚間告訴中央社記者由於即起入境者不可再返家檢疫也就不再需要親友專門接送減少病毒傳播風險即起禁止入境旅客親友前往機場接機確保社區防疫安全。
莊人祥說明即起若旅客自巴西、印度、英國、祕魯、以色列、印尼及孟加拉等7個重點高風險國家入境應搭乘交通部安排的防疫車輛前往集中檢疫所；若旅客並非由前述「重點高風險國家」入境應自費搭乘防疫車輛或自行駕車前往防疫旅宿或自費集中檢疫所檢疫地點。
若入境旅客的親友違反指揮中心公告仍執意前往機場接機或入境旅客拒絕搭乘防疫車輛前往檢疫地點者莊人祥表示得依「傳染病防治法」第58條及69條規定處新台幣1萬至15萬元罰鍰。</t>
  </si>
  <si>
    <t>入境旅客前往防疫檢疫機場指揮中心車輛親友搭乘今天集中檢疫所公司風險印度地點病毒傳播表示莊人祥現場安全確保</t>
  </si>
  <si>
    <t>入境旅客防疫車隊桃機檢疫新冠肺炎</t>
  </si>
  <si>
    <t>車隊檢疫防疫旅客肺炎入境</t>
  </si>
  <si>
    <t>聯盟全壘打疫苗才打新漢克阿倫過世月初</t>
  </si>
  <si>
    <t>月初才以身作則施打新冠肺炎疫苗看來神采奕奕的前大聯盟生涯全壘打王漢克阿倫（Hank Aaron）今天由其女兒證實已不幸辭世享壽86歲。名人堂兩天前才痛失生涯324勝的強投蘇頓（Don Sutton）如今連阿倫也撒手人</t>
  </si>
  <si>
    <t>生涯如今suttondon蘇頓連阿倫疫苗肺炎看來今天女兒證實aaron神采奕奕hank漢克阿倫不幸痛失辭世享壽聯盟</t>
  </si>
  <si>
    <t>月初才以身作則施打新冠肺炎疫苗看來神采奕奕的前大聯盟生涯全壘打王漢克阿倫（Hank Aaron）今天由其女兒證實已不幸辭世享壽86歲。名人堂兩天前才痛失生涯324勝的強投蘇頓（Don Sutton）如今連阿倫也撒手人寰令老球迷悲慟不已。
綽號「鐵鎚」（Hammer）的漢克阿倫是大聯盟長青樹從1954年打到1976年雖然是效力勇士、釀酒人兩支小市場球隊他的生涯755轟卻在大聯盟維持了30多年直到2007年才被邦茲（Barry Bonds）所超越。
然而相對於破了紀錄卻因禁藥蒙塵的邦茲阿倫不論場內外都是模範人物。儘管生涯全壘打退居次席他仍是大聯盟生涯打點（2297）、壘打數（6856）、長打（1477）等3項紀錄保持人3298場出賽、3771安都是史上第3得分2174則排第4。
阿倫在1957年幫助勇士贏得世界大賽冠軍他也榮膺國聯MVP。此外他曾獲兩屆國聯打擊王、3座外野金手套25次入選明星賽也是紀錄。1982年首次獲得名人堂候選資格阿倫就以978％的高得票率上榜大聯盟更從1999年起頒發「漢克阿倫獎」表彰當年美聯、國聯的最佳打者。
球場之外阿倫為爭取黑人權利積極努力因為他自己就是種族歧視的受害者。阿倫出生於阿拉巴馬州莫比爾家境貧寒更從未打過正式棒球校隊因為只有白人學生可以參加。而在打破「棒球之神」貝比魯斯（Babe Ruth）的生涯全壘打紀錄過程中阿倫收到許多死亡威脅因為有人不想看到黑人打破這項紀錄。
但阿倫還是做到了！他在1974年開季的首打席、首次揮棒就擊出追平魯斯的714轟。4月8日阿倫在亞特蘭大主場53775名觀眾面前再將道奇左投道寧（Al Downing）的滑球一棒掃出左外野牆外以715轟成為新科大聯盟全壘打王。
當下阿倫展開英雄式的跑壘過程一度被兩位熱情球迷衝進場幹擾其中一位是已逝的TNT電視網場邊記者塞格（Craig Sager）。最後阿倫終於踏回本壘被包圍的隊友們高高舉起他也與觀眾席上的雙親擁抱成為大聯盟史上最經典的感人畫面之一。
阿倫引退後成為勇士隊行政高層也幫助更多黑人球員能跟他一樣在卸下球員身分後也能轉任行政職務。
Nothing to it! I&amp;apos;m proud to roll up my sleeve and be among the first to receive the COVID-19 vaccine at Morehouse School of Medicine with my friends Hank Aaron and Dr Louis Sullivan I do hope hope everyone who has the opportunity follows our example!https://tco/o6veVeD0JS
2002年阿倫獲頒象徵美國最高平民榮譽的「總統自由勳章」。但他曾語重心長的說：「黑人在球場上能夠成為超級巨人但一旦我們的球員生涯結束就是一切的終點。我們又得『坐回巴士後面』。」這個典故來自1955年的「蒙哥馬利公車事件」一位非裔美國女士因為拒絕把前排座位讓給白人竟然遭到逮捕。
漢克阿倫最後一次公開露面是本月初在亞特蘭大公開接種新冠肺炎疫苗也呼籲民眾踴躍施打熱心公益的他開心的說：「能做一件不只幫助自己也能幫助社會的事情我覺得非常棒！」可惜不到20天後阿倫的笑容就像他飛出牆外的755支全壘打一樣只能留給後人追憶了。</t>
  </si>
  <si>
    <t>阿倫生涯聯盟紀錄全壘打黑人成為漢克阿倫the幫助to美國國聯白人andmy最後</t>
  </si>
  <si>
    <t>全壘打王漢克阿倫貝比魯斯新冠疫苗新冠病毒</t>
  </si>
  <si>
    <t>貝比魯斯漢克阿倫疫苗全壘打病毒</t>
  </si>
  <si>
    <t>臺北市市府確診</t>
  </si>
  <si>
    <t>新冠肺炎確診個案急速上升中央流行疫情指揮中心指揮官陳時中坦言失聯確診者在臺北市有146名、新北市164名失聯雖然不是代表完全失聯但這樣的數字仍然是太高。北市府表示日前50名失蹤者已尋獲19人臺北市政</t>
  </si>
  <si>
    <t>確診臺北市個案上升中央疫情流行指揮失蹤日前中心表示市府指揮官數字仍然陳時中坦言新北</t>
  </si>
  <si>
    <t>新冠肺炎確診個案急速上升中央流行疫情指揮中心指揮官陳時中坦言失聯確診者在臺北市有146名、新北市164名失聯雖然不是代表完全失聯但這樣的數字仍然是太高。
北市府表示日前50名失蹤者已尋獲19人臺北市政府副發言人黃瀞瑩表示後來31人中又找到了10人剩下的21人裡面有17人是非臺北市民另外4個正在積極努力聯繫中。
至於中央流行疫情指揮中心指揮官陳時中25日提及的北市146名失聯者部分臺北市政府副發言人黃瀞瑩澄清截至昨日晚間為止臺北市收到的失聯者為78人員警們也相當努力在聯繫與追蹤盼中央能給予基層員警更多鼓勵以最快的速度找到這些個案。</t>
  </si>
  <si>
    <t>中央臺北市表示確診聯繫努力發言人臺北市政府流行指揮官陳時中鼓勵疫情指揮中心速度基層給予</t>
  </si>
  <si>
    <t>新冠肺炎台灣失聯臺北市確診者</t>
  </si>
  <si>
    <t>臺灣肺炎臺北市確診</t>
  </si>
  <si>
    <t>停辦羽球賽臺北還要</t>
  </si>
  <si>
    <t>今年東京奧運帶動的體育熱潮原本要由9月7日到12日舉辦的臺北羽球公開賽延續可惜因為新冠肺炎國際疫情尚未趨緩加上變種病毒致疫情反彈中華羽協昨宣佈繼去年之後再度取消。臺北羽球公開賽是國內羽球饗宴不少</t>
  </si>
  <si>
    <t>羽球疫情公開賽臺北體育熱潮帶動原本取消去年之後病毒變種羽協昨中華宣佈反彈尚未延續再度國際肺炎可惜</t>
  </si>
  <si>
    <t>今年東京奧運帶動的體育熱潮原本要由9月7日到12日舉辦的臺北羽球公開賽延續可惜因為新冠肺炎國際疫情尚未趨緩加上變種病毒致疫情反彈中華羽協昨宣佈繼去年之後再度取消。
臺北羽球公開賽是國內羽球饗宴不少國際好手來台參賽過去年因新冠疫情停辦今年原訂9月回歸中華羽協也在7月底呈交防疫計畫給中央流行疫情指揮中心並獲同意、發布舉辦消息。
羽協防疫計劃提到今年來台的國外選手除了提供抵台72小時內新冠肺炎檢疫陰性證明來到台灣後也必須先隔離5天才能參賽選手僅能搭乘專車往返住宿地點、比賽場地採取團進團出方式參與賽事比賽也將採取閉門方式媒體也被限制不得進入場邊。
此外國外、國內選手及大會工作人員每2天採檢一次來自高風險國家地區的選手每天採檢國外選手在賽事結束後也將比照東京奧運規定48小時內就要離境。
不過萬全準備還是難敵新冠疫情的不確定中華羽協昨透過聲明表示鑒於國際疫情尚未趨緩周邊國家亦有擴散情形國內持續執行邊境嚴管措施主辦單位BWF世界羽球聯盟在考量國際疫情因素及賽事安全維護的可行性後與中華羽協、教育部體育署研議後決定取消2021臺北羽球公開賽。
羽協也向參與籌備賽事的協辦單位、贊助廠商、報名選手們及所有熱心支持的球迷朋友們表達歉意與感謝並期待疫情早日緩和。</t>
  </si>
  <si>
    <t>疫情選手羽球賽事國際國內中華國外今年臺北公開賽防疫體育去年舉辦採取參賽小時參與羽協昨</t>
  </si>
  <si>
    <t>臺北羽球公開賽羽協羽球肺炎選手</t>
  </si>
  <si>
    <t>羽協羽球公開賽肺炎選手臺北</t>
  </si>
  <si>
    <t>鐵腕新北取締口罩重罰未戴</t>
  </si>
  <si>
    <t>國內新冠肺炎疫情蔓延新北市警察局各分局配合區公所執行取締未戴口罩依據新北市警察局統計至下午3時止全市共取締37件、勸導206件民眾多為外出購物、騎車等未佩戴口罩各分局依法通告衛生局後續裁罰將處以</t>
  </si>
  <si>
    <t>分局口罩取締新北警察局後續衛生局疫情通告依法蔓延佩戴外出民眾勸導騎車購物全市肺炎時止統計下午未戴執行依據配合</t>
  </si>
  <si>
    <t>國內新冠肺炎疫情蔓延新北市警察局各分局配合區公所執行取締未戴口罩依據新北市警察局統計至下午3時止全市共取締37件、勸導206件民眾多為外出購物、騎車等未佩戴口罩各分局依法通告衛生局後續裁罰將處以3000元至1萬5000元罰鍰。
警方指出未佩戴口罩將通報衛生局依違反《傳染病防治法》開罰3000元至1萬5000元罰鍰呼籲民眾防疫期間配合政府防疫措施落實勤洗手、戴口罩並遵守社交距離的規定避免前往人潮聚集、密閉空間及易造成群聚感染的場所。</t>
  </si>
  <si>
    <t>口罩取締分局民眾配合新北警察局衛生局佩戴空間防疫密閉聚集人潮前往造成避免疫情規定距離社交蔓延遵守勤洗手</t>
  </si>
  <si>
    <t>新冠肺炎台灣戴口罩取締新北市警察局</t>
  </si>
  <si>
    <t>口罩臺灣取締新北肺炎警察局</t>
  </si>
  <si>
    <t>定存利率</t>
  </si>
  <si>
    <t>台股衝上高點投資人紛紛出現疑問到底還有沒有便宜好股票？答案是肯定的。首先回顧去年的變化從台股大盤跳水式的下跌、美股三月出現4次熔斷導致金融市場秩序大亂接著美國FED緊急宣佈降息至0利率、推出7000億</t>
  </si>
  <si>
    <t>出現緊急fed美國疑問大亂到底秩序金融市場沒有宣佈便宜導致股票答案熔斷肯定首先回顧去年變化大盤三月跳水</t>
  </si>
  <si>
    <t>台股衝上高點投資人紛紛出現疑問到底還有沒有便宜好股票？答案是肯定的。首先回顧去年的變化從台股大盤跳水式的下跌、美股三月出現4次熔斷導致金融市場秩序大亂接著美國FED緊急宣佈降息至0利率、推出7000億美元購債計劃讓全球市場驚奇大V轉。隨著市場波動劇烈投資人心理壓力也隨之加重因此找到高殖利率又不受疫情影響的定存股就格外重要。
創下40%以上報酬率的抱緊組合
以老牛為例在股災來臨持有高殖利率定存股除了一路抱緊緊不怕以外投資組合甚至創下高達44%的報酬率。因此老牛就要跟大家分享一些2021年7%高殖利率的定存股提供不私藏的「抱緊股選股策略」。回顧老牛抱緊組合中可發現累計報酬率前三高分別為豪展（4735）正19229%、中菲行（5609）正15555%及根基（2546）正3838%有兩檔是翻倍的成長。而報酬率較差的前三大則為新巨（2420）負316%、美律（2439）負375%及成霖（9934）負1181%因此讀者應該可以發現這個組合呈現「大賺小賠」。
超越大盤的抱緊股選股策略SOP
能創下超越大盤的報酬率最重要就是老牛找到低本益比、高殖利率的抱緊股才能遇到下跌「抱得安心」、看到上漲「抱得開心」。而老牛的價值投資SOP分別是「見識內在價值」、「確認獲利空間」、「低價逐步買進」、「靜待價值回歸」、「高價獲利賣出」。而抱緊股也必須符合以下四個特性：
1獲利成長：公司獲利成其穩健成長穩定累積盈餘。
2高殖利率：公司獲利成長也願意分享讓股東一起同樂。
3高防禦性：在營運健全之下具備足夠的現金流因應黑天鵝來襲。
4股價便宜：內在價值不斷增加但股價卻尚未反映價值。
除了符合抱緊股特性外基本面表現也要滿足五大條件：
1去年EPS &amp;gt; 1元：過去賺取足夠的獲利來發放給股東。
2前三季盈餘較去年成長：盈餘成長有機會帶動股利給得越多。
3近兩年盈餘發放率介於70%~100%之間：公司願意將盈餘分享給股東但也不可過度發放。
4本益比 &amp;lt; 12倍：盡量挑選相對便宜的股票。
5預估殖利率介於7～15%之間：我們目標是大於7%的高殖利率但也要避開過於誇張的公司。
台股便宜股已不復見？
隨著大盤不斷創高具有基本面的便宜股像是「日本壓縮機」一樣越來越稀少目前台股只剩下不到50家（台股檔數在1700以上）。但以一般投資人來說其實50家仍是不易管理因此投資組合最好能再具備三個面向：
1風險分散：涵蓋不同產業例如橫跨電子業、資訊服務業、再到營建業與生活類股。建議大家持股介於10-15檔之間除了便於管理也能讓整體組合風險大幅分散。
2獲利成長：挑選的10檔個股最好前三季EPS累計已達前一年全年度的8成以上甚至公司前三季就已經超越全年度的獲利數字。
3大方配息：公司願意與股東同樂個股必須符合連續10年以上配出現金股利甚至連續3年股利成長這也代表企業能長期獲利。
抱緊股示範：根基（2546）
根基成立於1982年目前為國內前十大營造廠也是冠德（2520）轉投資的子公司。營造業的工作就是接案、蓋房公司主要承攬母公司冠德及企業（如台積電南科、鐵路局南迴鐵路）等建設發包。而根基連續六年營收成長（近三年均突破百億大關）近三年也都出現在老牛的選股清單中連續配息也高達14年且近年殖利率都在7%EPS都也能維持在3-4元左右而去年營收也創下歷史新高配息率都在80%左右那麼隨著持續成長的EPS自然就有機會配發更多股息了。
什麼樣的股票才能抱緊？
首先要提醒大家好股票的體質相對健全無論面對新冠肺炎、中美貿易戰、金融風暴都能在每次的挑戰中越發強壯。2020年是振幅最大的一年面臨大盤急墜下殺後緊接著又創下30年來的新高點不過觀察過去經驗高殖利率價值股仍會持續成長。而股價當然也與公司營運表現息息相關所以如果確認股票營運趨勢向上那麼通常這些股票都具有「左拿股利、又賺價差」的特性長期看下來勝率都不會太低。只要掌握老牛的「抱緊股三四五法則」（三個投資策略、四個抱緊股特性、五個抱緊股營運條件）那麼股市就會幫助你賺到超額報酬若對抱緊股有興趣的朋友也歡迎加入老牛的專案（請點我）一起討論。
本文由PressPlay Academy專欄作家股海老牛授權轉載原文刊於PressPlay Academy</t>
  </si>
  <si>
    <t>利率獲利成長老牛公司組合價值便宜大盤股票創下報酬率以上eps</t>
  </si>
  <si>
    <t>定存股大盤新冠肺炎股票PressPlay Academy</t>
  </si>
  <si>
    <t>肺炎股票大盤pressplayacademy定存</t>
  </si>
  <si>
    <t>卡拉確診ok感染香港</t>
  </si>
  <si>
    <t>香港衛生署防護中心傳染病處主任張竹君今日在記者會上表示香港新增32例新冠病毒確診病例當中為19男11女有24例曾有境外旅遊史包含12名學生。另外有5人為在卡拉OK包廂內唱歌所發生的交叉感染。事實上香港</t>
  </si>
  <si>
    <t>香港傳染病唱歌中心發生主任包廂竹君ok卡拉學生今日記者會表示病例新增病毒防護交叉包含境外</t>
  </si>
  <si>
    <t>香港衛生署防護中心傳染病處主任張竹君今日在記者會上表示香港新增32例新冠病毒確診病例當中為19男11女有24例曾有境外旅遊史包含12名學生。另外有5人為在卡拉OK包廂內唱歌所發生的交叉感染。
事實上香港在3月27日宣佈將禁止4人以上的聚集自28日起包含店鞥院、健身房、桌球室等娛樂場所都必須強制關閉；工作場合、法院、婚喪禮以及餐廳等可被豁免但餐廳僅能提供一半的座位給客人飯桌間也必須保持安全距離並且客人也得量體溫後才進入用餐除吃飯外也得全程配戴口罩。
該起唱歌群聚感染的病例發生在尖沙嘴RedMr卡拉OK7名確診或疑似病例曾在該處唱歌該群組一共有7人其中5名已確診另外2名已經送往檢疫中心。</t>
  </si>
  <si>
    <t>香港確診唱歌必須客人病例包含卡拉中心感染發生ok餐廳法院場合傳染病工作關閉提供強制</t>
  </si>
  <si>
    <t>香港病例唱歌感染新冠肺炎</t>
  </si>
  <si>
    <t>感染唱歌病例香港肺炎</t>
  </si>
  <si>
    <t>藍營四起質疑國家呼籲新南口罩配給制加碼</t>
  </si>
  <si>
    <t>政府啟動口罩援外繼上周宣佈捐贈千萬片口罩予歐美外交部昨加碼捐贈逾100萬片予新南向國家。國民黨昨指出若口罩產量滿足國內需求行有餘力當然樂見援外但政府應先將口罩配給透明化。革實院副院長遊淑慧</t>
  </si>
  <si>
    <t>口罩援外捐贈政府透明化配給應先樂見當然需求國內滿足產量指出新南國民黨國家上周</t>
  </si>
  <si>
    <t>口罩民眾政府援外國內分配中心疫情產量國人國民黨質疑配給購買建議排隊外交臺灣人表示配給制不夠</t>
  </si>
  <si>
    <t>援外口罩質疑配給分配武漢肺炎</t>
  </si>
  <si>
    <t>配給質疑分配口罩武漢援外肺炎</t>
  </si>
  <si>
    <t>提醒鄭文燦用餐不能國小講話視察</t>
  </si>
  <si>
    <t>新冠肺炎疫情升溫為免病從口入桃園市長鄭文燦11日中午至平鎮義興國小視察學校廚房防疫工作及學生打菜用餐情形並與學童一同學習正確洗手與用餐防疫禮儀有趣的是在市長關心學童打菜防疫裝扮時遭打菜學童制</t>
  </si>
  <si>
    <t>防疫學童市長打菜用餐升溫病從口入桃園鄭文燦疫情中午平鎮興國視察學校廚房工作情形正確洗手學生禮儀關心有趣肺炎</t>
  </si>
  <si>
    <t>新冠肺炎疫情升溫為免病從口入桃園市長鄭文燦11日中午至平鎮義興國小視察學校廚房防疫工作及學生打菜用餐情形並與學童一同學習正確洗手與用餐防疫禮儀有趣的是在市長關心學童打菜防疫裝扮時遭打菜學童制止提醒「市長不能講話」現場十分尷尬。
桃園防疫不漏洞為關心學校廚房及營養午餐防疫工作鄭文燦11日中午至平鎮義興國小瞭解校方廚房防疫措施及學生打菜的情形並和學童一同用餐。沒想到市長在裝菜時關心學童打菜防疫裝扮卻遭2年級打菜學童提醒「市長不能講話」讓市長深刻學習「用餐不聊天」的防疫禮儀。
義興國小校長馮立縈表示學校廚房在製作午餐前會先消毒並監督廚工需確實穿戴工作服（含圍裙、髮網帽、雨鞋）及配戴口罩強調廚工要經過手部消毒後才能進行廚務工作每天供餐結束後餐桶餐具清洗完會亦放置於消毒櫃進行高溫殺菌並以清潔劑、漂白水刷洗班級餐車、推車、及廚房四周以確保供餐環境衛生安全。
鄭文燦表示因應疫情嚴峻為確保學生用餐健康已要求桃園市學校應全面落實各項午餐衛生安全管理與防疫措施如定期清潔消毒廚房、各班打菜學生需戴口罩、圍裙、帽子及手套以免飛沫接觸感染更指出導師應宣導「濕、搓、沖、捧、擦」及「內外夾攻大力丸」等正確洗手步驟。</t>
  </si>
  <si>
    <t>防疫廚房市長消毒學童用餐打菜學校桃園學生午餐鄭文燦圍裙口罩進行供餐關心廚工疫情確保表示興國安全衛生措施</t>
  </si>
  <si>
    <t>新冠肺炎CONID-19武漢肺炎新型冠狀病毒鄭文燦</t>
  </si>
  <si>
    <t>武漢肺炎conid-冠狀病毒鄭文燦</t>
  </si>
  <si>
    <t>核酸檢測前端萃取儀器及試劑大廠圓點奈米(6797)4月份合併營收12億元年增128％前4月營收89億元較去年同期成長719％。全球新冠肺炎疫情數度攀上高峰多國防疫措施從前期的大量檢測陸續改為強制隔離然而各</t>
  </si>
  <si>
    <t>檢測從前措施儀器防疫試劑多國大廠高峰攀上圓點數度疫情月份肺炎合併陸續全球去年同期</t>
  </si>
  <si>
    <t>核酸檢測前端萃取儀器及試劑大廠圓點奈米(6797)4月份合併營收12億元年增128％前4月營收89億元較去年同期成長719％。全球新冠肺炎疫情數度攀上高峰多國防疫措施從前期的大量檢測陸續改為強制隔離然而各國疫苗的採購預算壓縮檢測產品採購空間核酸檢測需求暫緩因此圓點奈米4月營收相較去年下半年以來的表現出現落差但仍較去年同期大幅成長。
圓點奈米表示新冠肺炎疫情短期內仍看不到盡頭尤其圓點奈米的核酸萃取產品在過去一年得到國際肯定已成功躍上全球許多知名客戶的採購名單檢測需求仍然強勁的情況下公司營收將可保持穩定表現。
全球新冠肺炎疫情再拉警報多國醫療資源與人力不堪負荷防疫措施從全民檢測改為強制隔離公衛習慣也從看診篩檢轉為自主隔離；此外旅遊泡泡配套措施尚未到位邊境開放日期仍未明朗疫情再度升溫造成各國瘋搶疫苗的現象也暫時壓縮了檢測產品市場的成長空間。圓點奈米短期出貨情況因前述因素而受到影響長期的成長態勢則仍然不變。新冠肺炎病毒持續變種在印度等國造成空前危機因應未來邊境防疫需求增加、新冠肺炎將流感化的趨勢圓點奈米提前佈局國際核酸檢測市場核酸檢測的常態需求預期仍是穩定成長。
核酸檢測為分子診斷的重要環節將大量應用於預防醫學、精準醫療及傳染病檢測圓點奈米在打開國際知名度後更將積極推出新產品拓展更廣大的核酸檢測市場。在儀器設備方面今、明兩年將推出全新的核酸萃取儀器除全新設計的高／中通量儀器外也有專為科學研究單位所設計的設備儀器蓄勢攻向科學研究市場產品線更加齊全。試劑方面法醫檢測試劑、植物(葉類樣本不需研磨)與遊離核酸(cfDNA)檢測試劑等預計將於今年下半年上市其中法醫檢測試劑已成功從骸骨、菸蒂、口香糖、織品血跡等萃取難度較高的樣本中萃取出核酸將是刑事案件偵破的重要技術手段之一。</t>
  </si>
  <si>
    <t>檢測核酸圓點試劑產品肺炎成長需求疫情市場儀器隔離防疫全球國際邊境造成醫療採購</t>
  </si>
  <si>
    <t>圓點奈米大量全新全球核酸檢測</t>
  </si>
  <si>
    <t>檢測圓點核酸全球</t>
  </si>
  <si>
    <t>傳醫院爆感染 台股「嚇」跌拉回15500</t>
  </si>
  <si>
    <t>感染醫院拉回</t>
  </si>
  <si>
    <t>台股今開低震盪走低主要原因係盤中傳來桃園地區某大型防疫醫院疑似爆發院內新冠肺炎感染使市場賣壓相對沈重一度大跌136點所幸台積電、日月光投控與部分防疫概股力撐短多才使跌幅稍收歛。不過受制盤後</t>
  </si>
  <si>
    <t>防疫原因跌幅盤中傳來桃園地區走低醫院所幸一度院內沈重相對賣壓市場</t>
  </si>
  <si>
    <t>台股今開低震盪走低主要原因係盤中傳來桃園地區某大型防疫醫院疑似爆發院內新冠肺炎感染使市場賣壓相對沈重一度大跌136點所幸台積電、日月光投控與部分防疫概股力撐短多才使跌幅稍收歛。
不過受制盤後才由防疫指揮中心召開記者會說明因此在消息面不明朗下法人、主力群等市場大咖加大逢高打帶跑動作致集中交易市場加權股價指數收跌566點報155007點跌幅036%成交量放大至369601億元。
台積電週二開低震盪走高仍係呈現拉回就被「有心人」逢低接手榮景盤中高點一度來到597元直逼600元大關；也帶動大盤一度上攻15642點再度雙創歷史天花板；之後隨著台積電漲幅收歛及市場憂心疫情是否失控？使大盤一度上演多殺多窘境。
但上市、櫃盤中個股依題材領先盤勢發展仍無所畏懼包括矽力-KY、旭隼、譜瑞-KY、上銀、亞德客-KY、弘塑、漢磊、聚陽、欣興、富邦媒、大同及群聯等仍多逆勢大漲。另外生醫族群與防疫概念股則趁勢崛起包括普生、生華科、健亞、ABC-KY、杏國、藥華藥、恆大、康那香、熱映、毛寶、南六、博錸及基亞等也紅光滿面。
重量級集團股除台積電、日月光投控力挺多方陣營外包括台達電、和碩與富邦金等也站在多方。餘鴻海、股王大立光、國巨、長榮、元大金、國泰金、兆豐金、中信金、玉山金、中鋼、南亞科、長榮航、華航、聯電、仁寶、友達、群創、台塑四寶、台泥、亞泥、遠東新、統一、台玻及第一金等都臉色不佳。
櫃買市場方面除生技類跌深小反彈外餘電子、紡纖、電機、化學、鋼鐵、營建、航運與觀光等族群都臉色鐵青使盤勢開高震盪殺低終場指數大跌143%報18618點成交82198億元。
業內人士指出盤勢今帶量下挫短線籌碼將趨於淩亂加上融資餘額仍在高檔使近期盤勢或進入整理待變格局；不過疫情畢竟屬非經濟因素層面對台灣2021年的GDP的衝擊雖待觀察唯預期在全民多有防疫風險意識下負面因數不會過分悲觀。
另外美國政壇未來是否和平轉移也待進一步觀察今消息面雖傳來川普對日前國會爆亂事件坦承將負一部分責仼但以川普善變的黑天鵝性格市場仍不敢掉以輕心係短期台股逢高也相對承壓遠因。而金管會高層週二再對盤勢表態應居高思危來看不排除政策面或有降溫考量使台股短線操作或暫宜低調逢高善設停利點再視消息面變數伺機而動為上策。</t>
  </si>
  <si>
    <t>防疫市場盤勢一度消息包括盤中震盪-ky川普</t>
  </si>
  <si>
    <t>鴻海遠東新華航聚陽長榮航</t>
  </si>
  <si>
    <t>華航聚陽遠東</t>
  </si>
  <si>
    <t>醫生現在施景中臺灣國外羡慕過去福報</t>
  </si>
  <si>
    <t>新冠肺炎疫情在台灣已經緩和許多但國外疫情依舊緊張。對此婦產科名醫施景中感嘆過去會羨慕國外的醫生但「曾幾何時現在我知道在台灣當醫生是個福報」。施景中在個人臉書上表示全世界的感染病例已達500萬</t>
  </si>
  <si>
    <t>施景中國外臺灣醫生疫情全世界表示書上個人感染福報緊張對此名醫婦產科感歎羡慕過去已經病例緩和知道現在曾幾何時肺炎</t>
  </si>
  <si>
    <t>新冠肺炎疫情在台灣已經緩和許多但國外疫情依舊緊張。對此婦產科名醫施景中感嘆過去會羨慕國外的醫生但「曾幾何時現在我知道在台灣當醫生是個福報」。
施景中在個人臉書上表示全世界的感染病例已達500萬例超過兩倍臺北市人口。台灣人的生活卻沒什麼變化像是置身事外一樣享受家庭生活。他分享自己假日還能與家人一起上餐廳吃飯後的感受「這次的疫情讓全人類遭受重大損失。台灣雖然身受其害此時此刻的我們卻又感覺幸福滿滿」。
施景中透露多年前大部分的醫生認為在台灣當醫生是很倒楣的事那幾年醫學系畢業的都到國外去當醫生不然就是轉行不當醫生。但看看現在的狀況後施景中說「曾幾何時現在我知道在台灣當醫生是個福報」。
施景中感嘆過去會羡慕著美國、新加坡、日本和香港的醫生現在不會這樣想了。「或許疫情過了我會選擇性拒絕國外演講的邀約吧因為我現在能體認真正幸福是什麼」。</t>
  </si>
  <si>
    <t>醫生施景中臺灣國外現在疫情生活幸福感歎過去羡慕福報曾幾何時病例超過感染臺北市享受家庭全世界人口臺灣人</t>
  </si>
  <si>
    <t>施景中當醫生台灣國外醫生</t>
  </si>
  <si>
    <t>國外臺灣醫生施景中</t>
  </si>
  <si>
    <t>縣市政府明至規範暫停宣佈開放餐飲mallglobal</t>
  </si>
  <si>
    <t>因著新北市的疫情升溫幼兒園群聚案例更確定為Delta病毒為了防疫優先Global Mall也宣佈將依循縣市政府規範於明（9日）起至15日期間暫停開放餐飲內用同時自疫情升溫以來不僅落實餐飲安心防疫措施積極推</t>
  </si>
  <si>
    <t>防疫升溫疫情餐飲安心縣市政府依循幼稚園宣佈mall開放global落實優先確定delta病毒案例於明起至規範期間暫停以來</t>
  </si>
  <si>
    <t>因著新北市的疫情升溫幼兒園群聚案例更確定為Delta病毒為了防疫優先Global Mall也宣佈將依循縣市政府規範於明（9日）起至15日期間暫停開放餐飲內用同時自疫情升溫以來不僅落實餐飲安心防疫措施積極推動外帶、外送服務及優惠設置「無接觸快取區」搭配行動支付同時也設立外送平臺單一取貨區提供消費者快速且安心購物。
疫情發生以來Global Mall持續落實並提升安心商場防疫措施每週全館消毒、每兩小時公共區域消毒、實施實聯制量測體溫、提供酒精消毒液、出入口進行分流、人流管制每三小時員工測量體溫同時也增設防疫消毒門、人臉辨識溫測裝置積極落實防疫。</t>
  </si>
  <si>
    <t>防疫消毒疫情安心落實提供小時升溫globalmall措施餐飲積極以來幼稚園縣市政府開放依循案例確定人流</t>
  </si>
  <si>
    <t>新冠肺炎台灣GlobalMall落實</t>
  </si>
  <si>
    <t>臺灣global肺炎mall落實</t>
  </si>
  <si>
    <t>青年臺灣網友門戶洞開範雲</t>
  </si>
  <si>
    <t>台灣於5月中旬新冠肺炎疫情爆發外界將其歸咎於民進黨立委範雲協助推動放寬機組員檢疫措施為「3+11」所造成。範自5月12日起臉書均未發文神隱83天後3日晚間首度發文強調自己任內工作報告重點項目是「守護主權</t>
  </si>
  <si>
    <t>發文肺炎疫情爆發報告外界工作歸咎民進黨立委強調範雲協助推動放寬機組員首度檢疫晚間措施造成範自重點專案</t>
  </si>
  <si>
    <t>台灣於5月中旬新冠肺炎疫情爆發外界將其歸咎於民進黨立委範雲協助推動放寬機組員檢疫措施為「3+11」所造成。範自5月12日起臉書均未發文神隱83天後3日晚間首度發文強調自己任內工作報告重點項目是「守護主權防範紅色滲透」。對此國民黨青年部副主任詹為元痛批：「有妳在根本不用等紅色滲透妳就讓台灣門戶洞開了。」
範雲在臉書刊出自己自2020年2月至2021年7月的工作成果報告其中第一項是「深化民主守護主權」第一句話就寫著「守護主權防範紅色滲透」強調自己上任後就積極處理中研院院士國籍、中研院外文名稱正名等問題。
詹為元3日深夜在臉書發文抨擊：「範雲不道歉就是不道歉有妳在根本不用等紅色滲透妳就讓台灣門戶洞開了。」詹表示範消失了近3個月終於出來了竟仍無任何一絲悔意與歉意起手式第一點就在那邊防範紅色滲透標準綠色共產主義的思維以為所有事情罵了中共就有人支持。
詹為元直言：「我跟妳說有妳在立法院根本不用等到紅色滲透妳自己就幫台灣門戶洞開。噁心死了危機處理爛躲了這麼久要是我是妳就直接把臉書關了然後安安靜靜的做完剩下任期。」詹質疑新冠肺炎截至3日已累計789人死亡範雲怎麼隻字未提？難道以為這樣世人就會遺忘嗎？
網友紛紛在詹為元文章下留言：「太扯了啦」、「妖孽鬼扯瞎掰」、「等到有選舉才會出來吧！」、「錯誤的決策比貪汙更可怕無形殺人也是要償命的民進黨不要這麼囂張！」</t>
  </si>
  <si>
    <t>範雲紅色滲透發文臺灣出來防範洞開民進等到門戶以為主權強調根本肺炎守護工作處理報告</t>
  </si>
  <si>
    <t>範雲3+11疫情新冠肺炎防疫破口</t>
  </si>
  <si>
    <t>肺炎疫情防疫範雲</t>
  </si>
  <si>
    <t>海盜確診mlb</t>
  </si>
  <si>
    <t>大聯盟春訓20繼續對球員實施新冠肺炎篩檢今天又有海盜、國民、白襪、紅雀隊宣佈各有2名球員確診使得23日球季開賽蒙上一層陰影。海盜隊總教練謝爾頓（Derek Shelton）表示菜鳥投手塞德林德（Blake Cederlind）</t>
  </si>
  <si>
    <t>球員海盜繼續表示shelton實施投手derek謝爾敦肺炎教練今天陰影蒙上球季使得開賽確診宣佈</t>
  </si>
  <si>
    <t>大聯盟春訓20繼續對球員實施新冠肺炎篩檢今天又有海盜、國民、白襪、紅雀隊宣佈各有2名球員確診使得23日球季開賽蒙上一層陰影。
海盜隊總教練謝爾頓（Derek Shelton）表示菜鳥投手塞德林德（Blake Cederlind）和外野手布裡托（Socrates Brito）檢測結果呈陽性反應確診。在與記者的視頻電話採訪中謝爾頓感謝兩名球員允許公開他們的姓名兩人將被隔離治療直到痊癒。
紅雀隊棒球運營總裁莫澤裡亞克表示三壘手蒙泰羅（Elehuris Montero）的新冠肺炎測試呈陽性但無症狀。先前紅雀也公佈了左投手桑契斯（Ricardo Sanchez）和卡布瑞拉（Genesis Cabrera）測試結果呈陽性反應確診。
白襪隊也證實有2位球員確診但並有出現症狀球團已對2人進行聯繫追蹤目前正在接受球隊醫務人員的監測並將在未來幾天接受後續測試。球團表示2名球員都要求保密所以無法透露姓名。
國民隊總教練馬丁尼茲（Dave Martinez）則表示接受測試的60名球員中有2人出現新冠肺炎病毒陽性反應。這2名球員在向球隊報到前已先接受測試其他球員則還在等檢測結果出爐。
按照大聯盟公佈的安全手冊測試結果為陽性的球員痊癒後必須兩次測試為陰性並通過其他與新冠肺炎相關的規定後才能返回球隊繼續練球和比賽。</t>
  </si>
  <si>
    <t>球員測試表示接受結果肺炎球隊確診紅雀陽性反應投手謝爾敦姓名海盜痊癒公佈教練檢測症狀繼續國民</t>
  </si>
  <si>
    <t>新冠肺炎測試馬丁尼茲國民隊海盜隊紅雀隊</t>
  </si>
  <si>
    <t>國民馬丁尼茲測試肺炎海盜紅雀</t>
  </si>
  <si>
    <t>制裁大陸法案外交部參議員堅決反對</t>
  </si>
  <si>
    <t>美國參議院司法委員會主席格雷厄姆12日提交法案建議一旦大陸若未能如實交代新冠肺炎疫情爆發的起因時授權總統制裁大陸。大陸外交部發言人趙立堅13日稱美國對中美貿易合作設障只會損害美國投資者自身利益中</t>
  </si>
  <si>
    <t>大陸美國提交起因法案爆發疫情肺炎損害建議未能交代如實一旦合作貿易格雷厄姆總統授權</t>
  </si>
  <si>
    <t>美國參議院司法委員會主席格雷厄姆12日提交法案建議一旦大陸若未能如實交代新冠肺炎疫情爆發的起因時授權總統制裁大陸。大陸外交部發言人趙立堅13日稱美國對中美貿易合作設障只會損害美國投資者自身利益中方對此堅決反對。
東網報導該項《新冠肺炎問責法案》要求總統在60日內確認大陸已向美國、美國的盟友或世界衛生組織等聯合國屬下組織領導的調查充分及全面交代新冠肺炎疫情。此外又要求總統確認大陸關閉可能傳播人畜共通疾病的溼貨街市。
法案授權總統在一旦未能確認上述各項時可以立即制裁大陸包括凍結指定官員的資產和向他們發出旅遊禁令、吊銷給大陸國民的簽證、禁止美國及國際金融機構貸款予大陸企業、禁止大陸企業在美國上市等。有關法案獲得另外8名共和黨參議員支持。
格雷厄姆表示大陸拒絕讓調查人員瞭解新冠肺炎疫情如何爆發；而自己則相信如果大陸沒有欺騙的話病毒就不會傳到美國；又指除非強迫大陸去做否則對方是絕不會配合認真的調查。
大陸外交部發言人趙立堅回應事件指全球化時代各國利益深度交融你中有我我中有你中美經濟合作本質是互利共贏；但該議員以所謂國家安全為由對美國投資者進入大陸市場設障甚至政治化只會損害美國投資者自身利益。
趙立堅又表示美國國會個別議員完全罔顧事實妄圖通過搞有罪推定式的調查向中方推卸自身抗疫不力的責任這極不道德中方對此堅決反對；而大陸已經立法全面禁止非法野生動物的獵捕、交易、運輸和食用大陸根本沒有西方所謂的野生動物溼貨市場。
美媒曝光共和黨參議院委員會對黨內競選陣營的備忘錄中要求共和黨候選人要積極攻擊大陸來應對本地的疫情。趙立堅指美國的「甩鍋」大戲已被嚴重劇透沒有再演下的意義；奉勸美國有關政客不要入戲太深把心思和精力都放到抗疫和維護美國人民生命安全上去把自己的事情做好不要一心想著轉移視線。</t>
  </si>
  <si>
    <t>大陸美國調查法案共和黨沒有趙立堅總統疫情中方肺炎利益要求不要確認投資者議員野生動物所謂</t>
  </si>
  <si>
    <t>大陸美國法案新冠肺炎肺炎</t>
  </si>
  <si>
    <t>法案美國肺炎大陸</t>
  </si>
  <si>
    <t>要來時中證實莫德納週三到貨</t>
  </si>
  <si>
    <t>疫苗週三莫德納證實我國誤差報導美國novavax確實媒體班次談過curevac德國航班只不過進來公司今天採購陳時中將來</t>
  </si>
  <si>
    <t>疫苗審查資料novavax平臺證實都會今天媒體談過時中陳時中廠商進來比較時間試驗相關成功現在可能</t>
  </si>
  <si>
    <t>陳時中莫德納到貨Novavax新冠肺炎</t>
  </si>
  <si>
    <t>到貨novavax莫德納陳時中肺炎</t>
  </si>
  <si>
    <t>疫苗落後不能採購陳宜民再分塗維穗顏色</t>
  </si>
  <si>
    <t>國際新冠疫苗陸續研發成功國際藥廠開發的新冠疫苗已陸續進行三期臨床試驗包括：美國輝瑞（Pfizer）和德國BioNTech合作開發的疫苗；美國莫德納（Moderna）的新冠疫苗mRNA-1273；阿斯利康（AZ）與牛津大學的疫苗。</t>
  </si>
  <si>
    <t>疫苗美國陸續輝瑞合作開發pfizer包括試驗臨床進行開發藥廠國際研發成功mrna-biontech德國moderna莫德納阿斯利康az牛津大學</t>
  </si>
  <si>
    <t>國際新冠疫苗陸續研發成功國際藥廠開發的新冠疫苗已陸續進行三期臨床試驗包括：美國輝瑞（Pfizer）和德國BioNTech合作開發的疫苗；美國莫德納（Moderna）的新冠疫苗mRNA-1273；阿斯利康（AZ）與牛津大學的疫苗。世界上更有一些國家已開始施打新冠肺炎疫苗國內疫苗採購狀況持續受到各界關注。
據報載有消息指出中央流行疫情指揮中心已購買AZ疫苗、輝瑞疫苗並且通過各管道購買約1500萬劑疫苗。本月16日指揮官陳時中透露外界傳聞的購買廠牌「大部分沒錯但排列組合不對」且可望買到超過3000萬劑疫苗。
依據世界衛生組織（WHO）指出新冠疫苗若達到群體免疫單一國家接種疫苗覆蓋率要達到65～70%新冠確診病例與死亡人數最多的國家需70～85%人口接種疫苗才能產生群體免疫。因應疫情時代來臨國際航空運輸協會（IATA）12月研究報告也提出有關「疫苗護照」護照上可記錄民眾檢測以及疫苗施打的狀況作為各國或是各個機場之間的認證機制。
IATA並擬定第4階段疫苗施打情境進行航空運輸業配合防疫措施分析包括：第1階段為非常有限接種疫苗（占全世界人口的10%）凡接種疫苗的旅客免遭檢疫和檢驗；第2階段為易受感染的群體接種疫苗（占全世界總人口的25%)各國或是各個機場可放寬邊境措施及檢疫措施但如搭機乘客所在國家接種疫苗的次數有限應啟動原有邊境措施及檢疫措施。
第3階段疫苗接種已普及（占全世界總人口的50%）各國可實施疫苗／抗體測試要求但是法律適用性問題仍需要解決；第4階段疫苗接種已達到群體免疫效果各國旅客應定期接種疫苗但應建立病毒突變相關應變措施。
綜觀各個國際組織對新冠肺炎產生群體免疫及邊境與檢疫措施規定之疫苗覆蓋率標準顯示台灣若要開放邊境保守估計國內疫苗覆蓋率至少需7成。
若以比較嚴謹的群體免疫標準及統計方式依據109年11月統計我國總人口數約2360萬人來看如果疫苗接種要達7成疫苗須施打1650萬人且目前國際藥廠開發的新冠疫苗大多需要施打兩劑則需3300萬劑疫苗才能達到符合國際規範的最低標準。且據報載無論政府規畫採購疫苗數1500萬劑還是3000萬劑還可能差約150萬到1800萬劑都還是存在到底有哪些人可以接種多少人可以接種等問題。且各藥廠雖紛紛喊出明年產能將超過10億劑但事實上仍存在短期內如何大量生產需分批量產、超低溫運輸供貨等問題。
為了全民的健康各界質疑疫苗採購量1500萬～3000萬劑是否有足夠免疫力自費接種是否納入採購範圍等問題政府均應妥善釐清及早規畫並有完善嚴謹的配套措施以足量而且要採購防護效能最佳的疫苗為原則避免民眾會選擇性不打反而造成資源浪費。
另外建議政府採購疫苗的合約不應使用平均分配選擇採購的方式而應以防護力最佳的疫苗優先。中央流行疫情指揮中心應接受專家建議及以科學的角度來評估疫苗的採購而非以顏色或政治立場作考量讓國內疫苗得以順利施打乃為全民之福。
（作者凃維穗為國家政策研究基金會高級助理研究員陳宜民為永續發展組召集人）</t>
  </si>
  <si>
    <t>疫苗接種採購國家措施問題群體階段免疫邊境達到施打國內檢疫購買覆蓋率疫情研究藥廠</t>
  </si>
  <si>
    <t>疫苗接種疫苗採購新冠疫苗群體免疫</t>
  </si>
  <si>
    <t>疫苗採購群體接種免疫</t>
  </si>
  <si>
    <t>金錢豹海派稽查強力今晚關燈台中歇業</t>
  </si>
  <si>
    <t>中央9日宣佈酒店、舞廳暫停營業台中市府加碼宣佈八大特種行業實施「實名制」連續四天突擊檢查店家12日晚上由副市長陳子敬帶隊前往稽查強調「有男女陪侍之視聽歌唱業等營業場所都應該停業」金錢豹、海派兩</t>
  </si>
  <si>
    <t>宣佈場所營業歌唱視聽侍之男女應該舞廳強調市府稽查前往加碼八大帶隊陳子敬特種行業市長實施晚上店家連續</t>
  </si>
  <si>
    <t>中央9日宣佈酒店、舞廳暫停營業台中市府加碼宣佈八大特種行業實施「實名制」連續四天突擊檢查店家12日晚上由副市長陳子敬帶隊前往稽查強調「有男女陪侍之視聽歌唱業等營業場所都應該停業」金錢豹、海派兩家酒店不敢大「疫」配合政策暫時停業經發局長張峯源表示最高罰款100萬元業者勿心存僥倖。
中央流行疫情指揮中心9日宣佈全台酒店、舞廳等一律禁止營業10日再度解釋凡有男女陪侍之視聽歌唱業等營業場所都應該停業。
市府9日起配合中央政策立即啟動聯合稽查小組全市查察兩家登記為舞廳的營業場所均已停業市長盧秀燕表示
防疫如同作戰將持續強化所轄特定行業執行聯合稽查發現有男女陪侍服務未停止營業相關局處會嚴格執法。
市府今晚由陳子敬率隊經發局、都發局、消防局、警察局
、衛生局等局處組成「維護公共安全聯合稽查小組」強力針對視聽歌唱業、三溫暖業、酒家業、酒吧業、舞廳業、舞場業、飲酒店業、夜店業等持續執行稽查。
對金錢豹酒店一樓為舞廳已停業二到四樓登記為視聽歌唱KTV不在停業之列但市府稽查發現涉及「男女陪侍之視聽歌唱業等營業場所」符合中央要求應該停業對象今晚到場稽查時金錢豹與海派都配合中央政策停業。
陳子敬表示感謝業者在疫情嚴峻時歇業至於要停業到何時？將視疫情控制情況為防範這些酒店女公關為了生計
是否變成地下化他直言健康生命很重要人人應自保
不要為了貪歡付出健康代價也恐成防疫破口害人害己。
張峯源說業者勿再存僥倖心態應配合中央立即停止營業一旦查獲有陪侍且持續營業者將依《嚴重特殊傳染性肺炎防治及紓困振興特別條例》裁處5萬元以上100萬元以下罰鍰。</t>
  </si>
  <si>
    <t>停業營業稽查中央酒店市府舞廳疫情配合陳子敬持續業者表示聯合健康歌唱政策視聽金錢豹宣佈男女防疫場所</t>
  </si>
  <si>
    <t>新冠肺炎新型冠狀病毒台中市府歇業金錢豹</t>
  </si>
  <si>
    <t>病毒冠狀台中市府肺炎歇業金錢豹</t>
  </si>
  <si>
    <t>滅菌隊友入門自動防疫消毒</t>
  </si>
  <si>
    <t>台灣疫情嚴峻第一線員警協助防疫工作因工作需要經常面對不特定民眾危險性相對提高警友楊文志特別請廠商設計「紫外線消毒滅菌門」捐贈給文正派出所使用讓洽公民眾及員警進出派出所前先經過「滅菌門」一</t>
  </si>
  <si>
    <t>派出所滅菌工作民眾危險性相對提高楊文志特別第一線廠商員警進出設計紫外線協助消毒使用文正捐贈防疫需要</t>
  </si>
  <si>
    <t>台灣疫情嚴峻第一線員警協助防疫工作因工作需要經常面對不特定民眾危險性相對提高警友楊文志特別請廠商設計「紫外線消毒滅菌門」捐贈給文正派出所使用讓洽公民眾及員警進出派出所前先經過「滅菌門」一入門即自動消毒讓人民保母執勤及為民服務更安心。
員警稱之為「神隊友」的「紫外燈消毒滅菌門」人員開門進入時即啟動紫外燈照射據說消毒3至5秒能將病毒清除；文正派出所長李健瑋說同仁全天候出勤進進出出為加強防疫措施大家通過「滅菌門」稍作停留、照一下多一份消毒防護。
有員警說執勤需頻繁進出醫院等公共場域或密閉空間很怕不慎沾染病毒帶回所內也擔心洽公民眾會帶入病毒在所內吃飯也無法安心啟動消毒滅菌門後人員進出都進行全身消毒較能安心工作及保護家人。
文正派出所警友站長楊文志說文正所位處市區員警業務繁忙進出匆忙洽公民眾也多疫情期間一定要提升防疫措施購置「紫外燈消毒滅菌門」讓忙碌出勤的員警進入時透過紫外燈照消毒殺菌且空氣門的設計將室內（外）空氣隔絕做到人員分流有效降低染疫風險。
面對疫情的威脅台中市警第二分局長蔡元戎呼籲民眾應確實遵守防疫相關規定減少非必要外出及群聚活動保護自己也保護他人同時也要求同仁於執勤過程中應隨時提高警覺、不容鬆懈共同為防疫加油。</t>
  </si>
  <si>
    <t>消毒防疫滅菌員警進出執勤安心病毒疫情人員派出所提高民眾面對保護工作公民出勤同仁</t>
  </si>
  <si>
    <t>滅菌民眾員警進出消毒</t>
  </si>
  <si>
    <t>員警消毒民眾進出滅菌</t>
  </si>
  <si>
    <t>隔離女王確診侍僕貼身</t>
  </si>
  <si>
    <t>經常與英國女王接觸的侍僕新冠肺炎確診如今已返家自我隔離而高齡93歲的女王在疫情威脅下目前在溫莎城堡（Windsor Castle）隔離兩年來首度和高齡98的夫婿菲立普親王（Prince Philip）同住同一個屋簷下。據《</t>
  </si>
  <si>
    <t>高齡隔離肺炎確診prince如今親王侍僕菲立返家夫婿首度目前女王windsor城堡溫莎castle疫情威脅philip接觸英國女王</t>
  </si>
  <si>
    <t>經常與英國女王接觸的侍僕新冠肺炎確診如今已返家自我隔離而高齡93歲的女王在疫情威脅下目前在溫莎城堡（Windsor Castle）隔離兩年來首度和高齡98的夫婿菲立普親王（Prince Philip）同住同一個屋簷下。
據《太陽報》（The Sun）和《每日郵報》（Daily Mail）28日報導英國新冠肺炎火速蔓延確診已超過17萬人死亡人數也破了1000。除了女王的長子王儲查爾斯確診隔離外首相強森和衛生大臣韓考克（Matt Hancock）也都相繼確診如今連身邊的僕役也確診可說是危機四伏。
據悉這名侍僕的工作包括每天幫女王遛狗與送餐飲、介紹賓客還有遞送信件等雙方接觸相當頻繁。而其他數十名王室內廷宮務人員也都在家接受了檢測目前全都呈陰性反應。不過有侍僕確診的消息傳出仍令大家膽戰心驚。「每個人都嚇壞了」一名王室消息人士透露「他們不只是為自己害怕也為女王和親王擔憂。」
自從白金漢宮傳出有工作人員確診後女王已遷居溫莎城堡和夫婿菲立普親王同住。基於謹慎起見官員已限制部份親信幕僚和女王接觸。如今負責照顧女王和親王的只剩幾名最基本的員工。
另一方面3月12日在白金漢宮見過女王的查爾斯24日已確診。而他的私人醫師認為從顯現的症狀看來他最早可能在13日就已感染。至於查爾斯的另一半卡蜜拉檢測雖然呈陰性但在蘇格蘭的伯克豪（Birkhall）大宅仍和夫婿保持距離。在孤單一人的情況下如今唯一陪伴查爾斯的只有他喜愛的紅松鼠。</t>
  </si>
  <si>
    <t>女王確診查理斯如今接觸隔離侍僕夫婿王室目前城堡檢測和親王高齡傳出白金漢宮菲立</t>
  </si>
  <si>
    <t>武漢肺炎新型冠狀病毒全球英國女王</t>
  </si>
  <si>
    <t>病毒冠狀全球英國肺炎武漢女王</t>
  </si>
  <si>
    <t>東奧重申明年知事如期舉行東京都</t>
  </si>
  <si>
    <t>日本自上週四以來每天的新冠肺炎確診人數逾兩千人讓人擔心明年7月東京奧運能否如期舉行之際東京都知事小池百合子週二重申有能力維持安全環境去舉行奧運強調許多日本民眾有道德責任心願意配合政府的防疫措施</t>
  </si>
  <si>
    <t>奧運日本願意責任心肺炎道德確診民眾配合東京強調能否知事週二百合小池重申有能力維持如期舉行舉行之際東京都環境安全</t>
  </si>
  <si>
    <t>日本自上週四以來每天的新冠肺炎確診人數逾兩千人讓人擔心明年7月東京奧運能否如期舉行之際東京都知事小池百合子週二重申有能力維持安全環境去舉行奧運強調許多日本民眾有道德責任心願意配合政府的防疫措施。</t>
  </si>
  <si>
    <t>東京都知事重申東奧新冠肺炎確診數逾</t>
  </si>
  <si>
    <t>東奧肺炎重申確診知事數逾東京都</t>
  </si>
  <si>
    <t>翻倍成長</t>
  </si>
  <si>
    <t>瑞磁（ABC-KY6598）受惠出貨給寵物檢測大廠Idexx（愛德士）和多元腸胃道檢測試劑的銷售暢旺帶動上半年營收達15億元年成長140％目前正持續加強在腸胃道檢測的佈局預期秋冬季時也可望通過美國FDA 510k的2</t>
  </si>
  <si>
    <t>檢測腸胃寵物秋冬季預期大廠佈局可望年成上半年受惠目前帶動加強試劑持續銷售暢旺idexx</t>
  </si>
  <si>
    <t>瑞磁（ABC-KY6598）受惠出貨給寵物檢測大廠Idexx（愛德士）和多元腸胃道檢測試劑的銷售暢旺帶動上半年營收達15億元年成長140％目前正持續加強在腸胃道檢測的佈局預期秋冬季時也可望通過美國FDA 510k的20項呼吸道檢測試劑增添營運成長力道。
截至6月愛德士已拉貨27部BioCode 2500數位生物條碼分析儀未來幾個月瑞磁仍會持續交貨。愛德士名列標準普爾S&amp;P 500指數公司之一為全球獸醫診斷技術領導公司隨著愛德士積極推進商業化瑞磁的儀器與數位生物條碼銷售將繼續增加。
瑞磁表示美國疫苗施打普及新冠肺炎檢測量開始下降但過去一年在美國新增了數百家專門做新冠肺炎檢測的實驗室這些實驗室都需要有新的檢測項目瑞磁通過美國FDA 510k的多元腸胃道檢測一次就可以準確的檢測17項引起腹瀉症狀的細菌、病毒與寄生蟲並且有保險給付因此成為熱門檢測產品。
針對腹瀉症狀做多元診斷競爭對手僅有美商Luminex（今年被DiaSorin 18億美元併購）與BioMerieux（市值110億歐元的體外診斷大廠）。但Luminex檢測平臺缺乏自動化Biofire檢測通量低、且試劑售價很高因此瑞磁的自動化、高通量、多元檢測能力在腹瀉症狀的檢測上特別顯出優勢對大型實驗室最具吸引力。
瑞磁說紐澤西州最大的實驗室QDX自美國新冠疫情以來就是該公司的客戶而近幾個月QDX的採購主力開始轉向多元腸胃道檢測。QDX的服務地區不僅有有紐澤西也向全國的醫檢單位收檢體主要業務包括腸胃道致病菌檢測、泌尿道感染檢測、婦科健康與腫瘤疾病檢測都是和瑞磁產品開發高度相關的項目。</t>
  </si>
  <si>
    <t>檢測腸胃美國德士診斷試劑公司qdx實驗室腹瀉症狀luminex持續銷售大廠紐澤西自動化數位</t>
  </si>
  <si>
    <t>銷售暢旺實驗室肺炎檢測試劑腸胃道</t>
  </si>
  <si>
    <t>實驗室檢測肺炎暢旺試劑銷售腸胃</t>
  </si>
  <si>
    <t>恐慌下人有種郵輪</t>
  </si>
  <si>
    <t>因新冠肺炎疫情擴散淪為國際人球的郵輪「威士特丹號」今（13）日終於停靠柬埔寨針對各國都拒收這艘郵輪柬埔寨卻反國際趨勢而行柬埔寨總理洪森（Hun Sen）表示他此舉是想打破世界對新冠肺炎的「恐慌症」</t>
  </si>
  <si>
    <t>柬埔寨國際郵輪肺炎世界打破表示senhun擴散洪森淪為總理停靠終於威士特丹疫情趨勢拒收</t>
  </si>
  <si>
    <t>因新冠肺炎疫情擴散淪為國際人球的郵輪「威士特丹號」今（13）日終於停靠柬埔寨針對各國都拒收這艘郵輪柬埔寨卻反國際趨勢而行柬埔寨總理洪森（Hun Sen）表示他此舉是想打破世界對新冠肺炎的「恐慌症」。
載有1000多位乘客的荷美公司旗下郵輪威士特丹號（Westerdam）今日終於停靠柬埔寨施亞努港。
柬埔寨英文媒體《高棉時報》（Khmer Times）報導柬埔寨總理洪森昨（12）日接受Freshnews專訪時表示許多國家都禁止威士特丹號停靠唯獨柬埔寨允許是希望消除世界各國對新冠肺炎的恐慌症。
「我之前說過比病毒更可怕的是『恐慌症』而不是病毒本身」他說「柬埔寨不會歧視任何民族只要有人需要我們會積極參與人道協助。」
「我們需要互相説明、共同合作在郵輪上的人需要救助柬埔寨不會歧視任何民族。柬埔寨不只和中國合作也會和全世界所有國家合作。」他補充「人道主義協助是無國界的我們需要幫助那些需要幫助的人。」
針對柬埔寨讓威士特丹號停靠世界衛生組織秘書長譚德塞（Tedros Adhanom Ghebreyesus）表示感謝他在致函柬埔寨的信件中指出「這是我們一直以來呼籲的、國際合作的範例」「疫情爆發會為人類帶來最好及最壞的事」「侮辱個人或是整個國家無濟於事只會帶來傷害。」
據美聯社報導威士特丹號今日上午停靠在施亞努港外海1公里處當地一組衛生官員登船位船員進行檢疫。柬埔寨衛生官員指出約有20名乘客表示出現肚子痛、發燒情形不過官員認為他們只是普通感冒症狀不過出現身體不適的乘客仍會先受到隔離如果他們最終被檢驗出新冠病毒後續會為他們進行治療。
威士特丹號此前遭亞洲、太平洋四國拒絕停靠淪為海上人球。船上共有1455名乘客、802名工作人員荷美公司先前強調船上沒有人染上新冠病毒。</t>
  </si>
  <si>
    <t>柬埔寨威士特丹停靠乘客郵輪合作表示官員國家需要病毒國際報導出現帶來進行指出船上肺炎</t>
  </si>
  <si>
    <t>宣佈台中盧秀燕特種行業停業舞廳酒店</t>
  </si>
  <si>
    <t>因應新冠肺炎疫情持續蔓延中央9日下午宣佈酒店、舞廳暫停營業台中市政府超前部署、率先加嚴；市長盧秀燕今日宣佈台中除酒店、舞廳外其餘8大特種行業即日起實施「實名制」違者將裁罰3000元至1萬5000元</t>
  </si>
  <si>
    <t>宣佈舞廳酒店疫情持續實施即日起蔓延特種行業中央違者肺炎下午率先市長部署盧秀燕超前台中暫停營業台中市政府今日</t>
  </si>
  <si>
    <t>因應新冠肺炎疫情持續蔓延中央9日下午宣佈酒店、舞廳暫停營業台中市政府超前部署、率先加嚴；市長盧秀燕今日宣佈台中除酒店、舞廳外其餘8大特種行業即日起實施「實名制」違者將裁罰3000元至1萬5000元讓防疫加嚴加密共同對抗疫情。
盧秀燕表示全球疫情嚴峻為避免人潮聚集地成為防疫破口針對娛樂場所市府3月第一階段祭出「強力稽查、柔性勸導」策略多家大型娛樂業者配合自主停業；第二階段宣導娛樂業者保持室內15公尺、戶外1公尺的社交距離或戴口罩。
針對中央今天宣佈酒店、舞廳暫停營業盧秀燕說市府為每個人的健康第三階段進一步要求台中市其餘8大特種行業包含視聽歌唱業、三溫暖業、酒吧業、舞場業、特種咖啡茶室、飲酒店業、夜店業、電子遊戲場業；即日起應實名登記守護全民安全市府將聯合稽查希望業者善盡社會責任「防疫工作大家一起來！」
經發局長張峯源指出業者必須實名登記、出入口測量體溫、所有人員進出配戴口罩、室內保持社交距離15公尺、每人空間至少3至4平方公尺違者將依《傳染病防治法》裁罰3000元至1萬5000元。
警察局長楊源明指出市府超前部署今年3月23日至今已有52家娛樂場所配合自主停業包括X-CUBE、MUSE、CHOWHOUSE等知名夜店以及金錢豹、海派(海七、海八)、紫爵等知名酒店。市府將持續不定期聯合稽查提醒民眾避免出入密閉式娛樂場所降低感染風險。
衛生局長曾梓展說3月27日已公告「台中市供公眾使用各類場所防疫指引」請各類娛樂場所配合執行相關防疫措施包括活動場所維持良好通風、足夠換氣、控管入場人數等。根據統計有5％至15％陽性患者沒有症狀今天推出的防疫措施就是要對此進行防護因此必須超前部署提醒民眾應自主健康管理出門戴口罩、勤洗手、量體溫做好基本防疫工作人人有責。</t>
  </si>
  <si>
    <t>防疫市府娛樂場所酒店台中口罩階段超前部署稽查疫情盧秀燕自主配合舞廳包括知名今天避免業者宣佈措施持續必須指出</t>
  </si>
  <si>
    <t>盧秀燕酒店舞廳實名制強力稽查</t>
  </si>
  <si>
    <t>舞廳酒店強力盧秀燕稽查</t>
  </si>
  <si>
    <t>隔離肆虐台星橫店肺炎管制露面近況</t>
  </si>
  <si>
    <t>新生代潛力演員李宗霖正在新冠肺炎疫區之一的浙江省拍戲家人朋友都很擔心想說服他回台他13日報平安說：「大家放心我很好。」李宗霖去年底拍攝導演張之亮的電影《阿麥從軍》殺青後立刻轉往橫店投入新劇農</t>
  </si>
  <si>
    <t>立刻殺青從軍肺炎阿麥疫區電影浙江省張之亮橫店李宗導演拍戲拍攝家人去年底朋友宗霖擔心放心</t>
  </si>
  <si>
    <t>新生代潛力演員李宗霖正在新冠肺炎疫區之一的浙江省拍戲家人朋友都很擔心想說服他回台他13日報平安說：「大家放心我很好。」李宗霖去年底拍攝導演張之亮的電影《阿麥從軍》殺青後立刻轉往橫店投入新劇農曆年也沒辦法和家人一起過「這是第2年沒在家裡過年去年錄製《青春有你》在河北大廠過年今年就和劇組300多人待在橫店」。
李宗霖農曆年前在橫店收到劇組停工消息經紀人原打算讓他先回台與劇組溝通後才知道所有演職員都留在原地待命由劇組負責一日三餐與日用品採購住宿酒店也嚴格執行人員隔離管制其實相對安全因此沒撤離。
李宗霖樂觀說：「劇組對我們照顧無微不至拍戲過程中也經常會有各種需要共患難的情境產生不要太緊張、太焦慮就把這些日子當成是獲得不能出門的假期調養生息待復工的時候拿出好的狀態和效率全力以赴交出最好作品。」他有空就在房內做棒式變形運動健身及打發時間。
李宗霖參與錄製最新一期播出的網路綜藝節目《花花萬物》被問起比較害怕哪位主持人的提問？他直言：「S姊。」他笑說：「感覺比較犀利一點之前錄過《康熙》康永哥感覺比較會照顧人會幫我緩解一些尷尬」。
《花花萬物》錄影前製作單位要求李宗霖多帶一些有故事的或好用的物件到現場與觀眾分享節目最後會讓藝人選擇其中一件送出做公益拍賣平常就是科技宅男的李宗霖帶了各種黑科技產品像是會自走的行李箱、免清洗豆漿機、5秒充電電蚊拍、電熱衛生衣褲…等等新奇實用的物品讓節目製作單位封他「帶貨小李」稱號。
本來以為只有一件物品拍賣節目錄影最後主持人蔡康永即興要求李宗霖只能帶走一件物品其他都做公益拍賣。李宗霖最後帶走發熱衛生衣因為出了攝影棚第2天還要在零下10多度的外景拍戲李宗霖開心笑說：「康永哥真的很照顧我把東西都留給節目組拍賣其實是幫我舖哏這樣才不會播出被剪光。」</t>
  </si>
  <si>
    <t>劇組李宗宗霖節目拍賣拍戲最後比較照顧橫店錄製其實</t>
  </si>
  <si>
    <t>李宗霖新冠肺炎武漢肺炎新冠狀病毒大陸</t>
  </si>
  <si>
    <t>肺炎病毒武漢大陸李宗</t>
  </si>
  <si>
    <t>房屋價值成就單月永慶方奕凱收入新鮮</t>
  </si>
  <si>
    <t>「小姐您好我是小方對政大這邊熟悉嗎？」高挑帥氣的外表遇到客人親切招呼、細心介紹總是把客戶當朋友的永慶房屋文山區經紀人方奕凱出社會才1年24歲的他上半年業績已突破450萬元曾獲得百萬戰將、超級戰</t>
  </si>
  <si>
    <t>政大突破熟悉業績高挑帥氣上半年外表社會遇到客人方奕凱親切招呼經紀人細心文山區介紹房屋總是永慶客戶朋友小方獲得</t>
  </si>
  <si>
    <t>「小姐您好我是小方對政大這邊熟悉嗎？」高挑帥氣的外表遇到客人親切招呼、細心介紹總是把客戶當朋友的永慶房屋文山區經紀人方奕凱出社會才1年24歲的他上半年業績已突破450萬元曾獲得百萬戰將、超級戰將的殊榮奕凱自我期許：「想要挑戰自己並且發揮專業與個人特質幫大家解決買賣房屋的大事。」
文化大學觀光系畢業的奕凱曾在連鎖義式餐廳等餐廳打過工不過他發現餐飲業工時長、工作量大薪資水準與付出並不成正比因此畢業後沒有選擇投入相關行業。奕凱說「我喜歡服務業與人互動的感覺！」當初找工作時就鎖定房仲業加上看到永慶保障新人前9個月每月5萬彈性工作8小時、團隊合作等完善制度決定挑戰高收入一頭鑽進房仲的世界。
師徒制、團隊合作效率快轉 打造工作「好玩」體驗
很多人會覺得房仲一樣工時長、工作量大但方奕凱認為在永慶工作自己的收入和付出可以成正比讓自己的努力更有價值。進公司後不僅有彈性工作8小時制度可以自由安排不同班別工作與生活平衡加上團結合作的環境大家不分你我高效率的做好服務贏得客戶信賴。
奕凱也分享到:「永慶有完整的師徒制房仲新手不怕沒人教！」不管是店長還是學長姐都很願意分享服務技巧與房產知識幫助他打好基本功讓他在第3個月就開花結果順利成交甚至不到一年時間拿下百萬業績獲得人生第一條「百萬戰將」的肯定。
此外永慶房屋打造「永慶大聯盟」平臺讓經紀人每天上班就像玩遊戲把工作內容轉化成「解任務闖關」奕凱開心地說「自己本身就很喜歡打手遊接觸公司創新的遊戲化系統後完全一拍即合！完成任務還能獲得永者幣獎勵像我就喜歡換電影票或是餐券與女友約會時超實用。」
深耕在地商圈 細心傾聽客戶需求加速成交
從小居住在政大商圈的奕凱儼然是社區萬事通加上外向、健談的個性總是能和客戶打成一片好人緣的他藉由聊天的過程找出客戶的需求點進而推薦適合的物件獲得客戶肯定今年到現在已成交10件幾乎月月都有成交最高月收入更高達20萬元。
「陳太太為什麼想看政大這邊的房子？」許多房仲通常順著客戶的需求就直接開始找物件但奕凱的目標則是想盡辦法多聊一會兒他笑著說「太多客戶最後買的跟原本要的不一樣！」所以多問一句「為什麼」真正瞭解客戶購屋原因才能更有效率地為客戶找到合適的房屋。
奕凱更透露工作最開心的莫過於「和客戶當朋友」只要展現熱情與積極透過紮實的服務就能獲得客戶信賴他舉例「有一次幫客戶篩選案子雖然花了很長時間與客戶對話但客戶卻沒感到不耐煩反而覺得他很細心有重視自己的需求最後帶看一間合適的物件就順利成交。」
加入永慶更加圓滿 讓特質被看見
回想剛進房仲業時家人對業務有著高工時、高壓力的刻板印象認為賺不到錢但現在媽媽每個月收到孝親費超級開心!方奕凱慶幸地說:「還好當初的選擇是對的沒有投入餐飲業不然現在應該在放無薪假了。」
面對新冠肺炎持續延燒奕凱說「永慶一直都做好準備！」投入創新科技提供更便利的賞屋服務像是力求無接觸的「實境找房」讓消費者在家就能先過濾物件掌握周邊生活機能甚至拍攝「專人導覽」線上帶看服務減少客戶和屋主接觸風險大受使用者肯定。
在永慶經過一年的磨練奕凱不僅熟悉房地產相關事務憑著能力月月晉升當上業務襄理證明好的企業文化讓他的特質被看見成功當一位助人「圓夢成家」的推手。談及未來的生涯規劃奕凱秉持「趁年輕時不斷挑戰與學習」的想法希望能夠持續在房仲領域發光發熱感謝公司願意給予機會讓他建構出潛力無窮的職涯。</t>
  </si>
  <si>
    <t>客戶工作永慶奕凱服務獲得成交物件房屋需求挑戰政大房仲公司</t>
  </si>
  <si>
    <t>世界業務新冠肺炎永慶房仲</t>
  </si>
  <si>
    <t>肺炎永慶業務房仲世界</t>
  </si>
  <si>
    <t>加緊官方推進以上莆田疫苗福建接種</t>
  </si>
  <si>
    <t>截至9月12日24時大陸福建莆田此次疫情累計報告本土確診病例35例無症狀感染者33例。疫情延燒當地官方正加緊推進12歲以上人員疫苗接種。據微信公眾號「健康幸福仙遊」披露經專家研判鋪頭小學1名學生家長林某</t>
  </si>
  <si>
    <t>疫情福建專家披露莆田幸福健康累計公眾微信接種疫苗報告人員以上病例推進本土加緊確診官方</t>
  </si>
  <si>
    <t>截至9月12日24時大陸福建莆田此次疫情累計報告本土確診病例35例無症狀感染者33例。疫情延燒當地官方正加緊推進12歲以上人員疫苗接種。
據微信公眾號「健康幸福仙遊」披露經專家研判鋪頭小學1名學生家長林某某疑似為本次疫情源頭即新加坡入境人員導致的傳染鏈。而林某某從入境到9月10日確診中間已經過去了38天。
根據官方通報林某某於8月4日乘坐廈門航空MF852航班自新加坡從廈門機場入境在廈門進行集中隔離14天後於8月19日點對點轉運至仙遊縣集中隔離點繼續集中隔離。
根據福建省的疫情防控辦法林某某在完成14＋7天的集中隔離之後於8月26日開始實行7天的居家健康監測而也就是在這時林某某才開始向家人傳播。
值得一提的是官方通報顯示在入境後21天集中隔離期間林某某共進行了9次核酸檢測和1次血清檢測結果均為陰性。
此次疫情已形成了鋪頭小學和協勝鞋廠為中心的兩條傳播鏈。目前鋪頭小學密切接觸者及全部師生都已到達指定隔離點。
這波疫情有19例年齡小於12歲及以下最小的3歲而這部分人群目前尚未開展新冠疫苗的接種工作。
莆田市疾控中心工作人員表示目前莆田市正在加緊推進12歲以上人員的疫苗接種工作下一步會繼續擴大疫苗接種人群「一定會逐漸覆蓋12歲以下人群但還沒有明確的時間表。」
莆田市教育局11日發布通知指出各地各學校要加大12歲到14歲學生第二劑疫苗接種工作力度提高接種覆蓋率。9月15日前全面完成教職員工和12歲到17歲學生疫苗接種工作。</t>
  </si>
  <si>
    <t>疫情林某某接種疫苗隔離入境目前官方莆田市集中人群小學人員健康確診開始以下工作傳播通報新加坡中心進行繼續</t>
  </si>
  <si>
    <t>大陸莆田疫苗接種新冠肺炎福建</t>
  </si>
  <si>
    <t>接種疫苗肺炎莆田福建大陸</t>
  </si>
  <si>
    <t>真相防疫醫師住院不可思議</t>
  </si>
  <si>
    <t>自指揮中心發布醫事人員出國禁令引發醫事人員不滿。一名住院醫師透露過去2年除了10天特休每天4點就到醫院上班。更批一片口罩在醫院戴一天隔天還要繼續戴著髒口罩才能進醫院讓他心寒「防疫爛到不可思議」。</t>
  </si>
  <si>
    <t>醫院口罩人員不滿住院醫師透露過去心寒才能戴著繼續戴一天防疫發佈出國上班</t>
  </si>
  <si>
    <t>自指揮中心發布醫事人員出國禁令引發醫事人員不滿。一名住院醫師透露過去2年除了10天特休每天4點就到醫院上班。更批一片口罩在醫院戴一天隔天還要繼續戴著髒口罩才能進醫院讓他心寒「防疫爛到不可思議」。
「這種政策為何有人可以挺得下去？」這名醫師在Dcard發文解釋為什麼被剝奪特休醫生會如此氣憤「過去兩年除了特休我每天上班四點到醫院、五點看病人資料查完房進刀房平均晚上九點半下刀」之後回病房補病歷、補order、處理病人到11點「如果沒值班就回家準備晨會寫paper弄年會弄報告。隔天3點半鬧鐘準時響起催著你到醫院」。
結果原PO努力工作換來的10天特休、蜜月還被剝奪「要我不能出國？憑什麼？這是最基本人權還是說在台灣當醫生基本人權都不配有？」現在政府表面上放寬但把審核壓給醫院跟轉彎前是一模一樣都是限制出境。
原PO更說自新冠肺炎開始台灣防疫爛到一個不可思議「我每天被配給一個口罩一定要到醫院才能拿但進出醫院都需要戴口罩。所以這一個口罩不論中間接觸新冠肺炎、肺結核、流感通通得戴著再把那充滿各樣細菌病毒的口罩放在家裡不然第二天我還進不了醫院上不了班」對整個國家政策失去信心。</t>
  </si>
  <si>
    <t>醫院口罩病人戴著po政策出國肺炎醫生臺灣剝奪人員不可思議才能</t>
  </si>
  <si>
    <t>醫院特休口罩爛到新冠肺炎</t>
  </si>
  <si>
    <t>口罩醫院肺炎</t>
  </si>
  <si>
    <t>鈔票焦味微波爐消毒大媽病毒上有不能</t>
  </si>
  <si>
    <t>新冠肺炎人心惶惶江蘇無錫江陰市一名李姓婦人怕鈔票沾染病毒便把3125元（約新台幣13萬）的鈔票全放入微波爐加熱想要透過高溫消毒沒想到一分鐘過去飄出濃濃燒焦味。李婦趕緊把鈔票取出但已來不及鈔票</t>
  </si>
  <si>
    <t>鈔票趕緊無錫李婦江蘇焦味江陰市過去沒想李姓消毒高溫婦人透過想要加熱沾染微波爐病毒台幣人心惶惶</t>
  </si>
  <si>
    <t>新冠肺炎人心惶惶江蘇無錫江陰市一名李姓婦人怕鈔票沾染病毒便把3125元（約新台幣13萬）的鈔票全放入微波爐加熱想要透過高溫消毒沒想到一分鐘過去飄出濃濃燒焦味。李婦趕緊把鈔票取出但已來不及鈔票早已碳化成黑色無法使用了。
根據陸媒《環球網》報導新冠肺炎爆發後不少人都擔心病毒會透過如紙鈔、硬幣等流動性極高的物品傳播因此都會進行消毒。不料李姓婦人竟異想天開把剛從銀行取出的錢放進微波爐內消毒結果不到一分鐘便飄出濃濃燒焦味。
李婦趕緊將東西取出但已為時已晚鈔票都碳化不能用了。她趕緊跑到銀行尋求幫助經行員花了一整個下午比對、鑑定以及清算終於換回3125元。
據瞭解防疫敏感時期金融機構每日將鈔票入庫前都會為鈔票噴消毒液再使用紫外光燈消毒最少一個小時存放至少14天才會再度流入市面。專家則提醒雖然銀行會進行消毒但還是鼓勵民眾使用電子支付或刷卡盡可能阻斷疫情傳播風險。
更多 CTWANT 報導</t>
  </si>
  <si>
    <t>消毒鈔票使用銀行取出趕緊傳播透過病毒微波爐進行李姓婦人都會報導肺炎焦味疫情</t>
  </si>
  <si>
    <t>鈔票消毒微波爐銀行新冠肺炎</t>
  </si>
  <si>
    <t>微波爐銀行消毒鈔票肺炎</t>
  </si>
  <si>
    <t>司機郵輪基隆今晚解禁心驚沖繩</t>
  </si>
  <si>
    <t>「鑽石公主號」確診新冠肺炎已逾200人該船在1日曾泊靠的沖繩今爆出計程車司機確診首例由於停泊沖繩前一天才在基隆上岸並搭車引起熱議；市府指出54名與郵輪遊客接觸司機目前居家隔離中皆無異狀預計15日</t>
  </si>
  <si>
    <t>司機沖繩確診肺炎隔離居家目前市府引起搭車接觸遊客郵輪指出基隆曾泊天才</t>
  </si>
  <si>
    <t>「鑽石公主號」確診新冠肺炎已逾200人該船在1日曾泊靠的沖繩今爆出計程車司機確診首例由於停泊沖繩前一天才在基隆上岸並搭車引起熱議；市府指出54名與郵輪遊客接觸司機目前居家隔離中皆無異狀預計15日0時解除管制民眾勿恐慌。
鑽石公主號疫情在船上蔓延累積確診感染冠狀病毒疾病（COVID-19）攀升至218人就連日本檢疫官也「中鏢」目前仍有22名台灣旅客受困船上其中6旬婦人與8旬麥姓老翁先後確診下船就醫今再傳出沖繩6旬女計程車司機確診染疫。
公主郵輪1日停泊那霸港約9小時2600多名旅客上岸乘坐觀光巴士或計程車出遊因1月31日該船曾停靠基隆港也多循相同模式出遊疾管署追蹤遊客足跡遍及九份、故宮、基隆廟口等35處景點整理出地圖呼籲民眾留意以及自我健康管理。
基隆市府衛生局長吳澤誠表示日前接獲疾管署通知針對當天曾經與下船者接觸的2名觀光巴士、54名個人計程車司機依《傳染病防治法》強制居家隔離14天目前皆沒有出現疑似新冠肺炎症狀依規定在週六淩晨0時將可望解除管制。
對於近來網路謠傳基隆廟口有攤商「中鏢」導致生意一落千丈；吳澤誠說衛生局在船上有確診病例傳出後已派員至廟口消毒追蹤攤商健康狀況也無異狀他指出居家隔離已限制54名小黃司機人身自由若無異常沒理由再繼續管制。</t>
  </si>
  <si>
    <t>基隆確診司機計程車船上廟口目前公主沖繩居家隔離市府民眾解除管制下船旅客追蹤管署遊客出遊指出</t>
  </si>
  <si>
    <t>基隆司機計程車新冠肺炎鑽石公主號</t>
  </si>
  <si>
    <t>計程車肺炎司機鑽石基隆公主</t>
  </si>
  <si>
    <t>平臺醫院預約新竹診所azbnt接種</t>
  </si>
  <si>
    <t>新竹市衛生局為有效利用並加速民眾完成新冠肺炎疫苗接種10日起開放全市5家醫院及15家診所提供免平臺預約接種BNT、AZ疫苗未來接種第1、2劑BNT或AZ疫苗衛生局也將視庫存、到貨與接種情形適度調整合約院所家數</t>
  </si>
  <si>
    <t>接種疫苗衛生局適度bntaz情形利用加速到貨民眾完成庫存醫院診所肺炎提供全市調整平臺開放預約</t>
  </si>
  <si>
    <t>新竹市衛生局為有效利用並加速民眾完成新冠肺炎疫苗接種10日起開放全市5家醫院及15家診所提供免平臺預約接種BNT、AZ疫苗未來接種第1、2劑BNT或AZ疫苗衛生局也將視庫存、到貨與接種情形適度調整合約院所家數以利民眾就近接種。
衛生局表示新竹市第1劑疫苗涵蓋率至今天已達894％為全國排名第1為讓疫苗更有效運用及提供未於平臺預約接種的民眾方便施打疫苗衛生局協調竹市5大醫院及15家診所優先提供接種第1、2劑BNT或AZ疫苗後續也將視疫苗接種及配送情形增加接種服務院所家數尚未接種疫苗的民眾可多加運用。
接種BNT第2劑須為18歲以上符合接種間隔滿4周以上者；AZ疫苗則開放第2劑接種間隔滿8周以上民眾接種相關院所接種資訊請可至新竹市防疫資訊專區查詢前往醫療院所接種前請先電話洽詢預約。
衛生局同時提醒民眾除COVID-19疫苗外流感疫苗也已開打呼籲符合公費流感疫苗資格民眾宜盡速接種尤其是長者及幼童接種流感疫苗提高自我保護力但需注意與COVID-19疫苗接種間隔7天以上避免發生疫苗接種不良事件無法釐清。有關合約醫療院所可至衛生局網站查詢或撥打1999市民服務專線洽詢。</t>
  </si>
  <si>
    <t>接種疫苗民眾衛生局院所流感疫苗預約bntaz提供間隔有效合約醫療符合新竹查詢covid-以上運用服務醫院診所開放</t>
  </si>
  <si>
    <t>新冠肺炎台灣新竹市接種疫苗</t>
  </si>
  <si>
    <t>新竹臺灣肺炎接種疫苗</t>
  </si>
  <si>
    <t>日經新高指數創下確診東京</t>
  </si>
  <si>
    <t>東京都的新冠肺炎單日新增確診病例創下逾1個月來新高使投資人信心受挫週三日股午後由升轉跌終場日經225指數收跌007%為2253432點。東證一部指數收跌042%為158050點。船運股與紡織股份別下挫261%與16</t>
  </si>
  <si>
    <t>指數新增確診病例創下新高投資人信心受挫週三午後肺炎船運日經終場紡織分別</t>
  </si>
  <si>
    <t>指數投資人新增措施確診公佈激勵經濟週三創下病例肺炎宣佈今日最差稍晚公司國際貨幣基金imf更新</t>
  </si>
  <si>
    <t>日股指數收跌單日新東京</t>
  </si>
  <si>
    <t>指數東京</t>
  </si>
  <si>
    <t>痛哭勸導街頭口罩戴好家庭紛爭</t>
  </si>
  <si>
    <t>蘆竹30歲羅姓婦人23日淩晨和丈夫發生激烈口角憤而離家出走因邊哭沒戴好口罩被巡邏的龜山大坑派出所員警發現警方勸導見她泛淚關心獲悉緣由曉以大義並護送返家婦人婆婆和2小孩在家門口焦急盼望5歲女兒更當</t>
  </si>
  <si>
    <t>婦人家門口小孩淩晨婆婆丈夫返家激烈發生護送口角曉以大義離家出走獲悉緣由關心戴好口罩巡邏勸導警方山大</t>
  </si>
  <si>
    <t>蘆竹30歲羅姓婦人23日淩晨和丈夫發生激烈口角憤而離家出走因邊哭沒戴好口罩被巡邏的龜山大坑派出所員警發現警方勸導見她泛淚關心獲悉緣由曉以大義並護送返家婦人婆婆和2小孩在家門口焦急盼望5歲女兒更當場飛撲熊抱媽媽說「永遠不離開」讓員警直呼：「有洋蔥！」也樂見幫忙緩解家庭紛爭。
大坑派出所員警陳俊傑、林思宏4時許巡邏經龜山區南上路路段發現未戴好口罩羅姓婦人在清晨街頭行走上前勸導請她配合戴好眼尖員警發現婦人神情哀戚眼眶不斷流淚關懷詢問下她不時啜泣拭去淚水娓娓道出深夜與丈夫發生激烈口角衝突感到無比委屈負氣離家因為淩晨不敢打擾親友才會漫無目的在街頭遊走。
警員陳俊傑獲悉不斷安撫曉以大義以小孩為重再跟丈夫好好談婦人才願意坐上巡邏車讓員警送回住處抵達蘆竹區住家時看見婆婆一手抱著未滿1歲男嬰、另一手牽著5歲孫女佇立在社區門口焦急等待媳婦的消息丈夫則出去四處找老婆。
女童一見媽媽平安歸來奔跑上前挽住媽媽的手臂一直說不要跟媽媽分開現場的人聽到非常窩心婆婆也萬分感謝員警護送媳婦歸來家人終於能夠團聚放下心中坎坷不安巨石。員警也適時提醒雖然每個家家有本難念的經仍然需要互相溝通達成最大的公約數全家和樂融融一家人頻頻向員警道謝。</t>
  </si>
  <si>
    <t>員警婦人丈夫媽媽婆婆發現淩晨焦急不斷媳婦街頭歸來口罩巡邏陳俊傑戴好小孩勸導護送上前獲悉曉以大義派出所</t>
  </si>
  <si>
    <t>新冠肺炎台灣員警婦人勸導</t>
  </si>
  <si>
    <t>臺灣肺炎員警婦人勸導</t>
  </si>
  <si>
    <t>確診院區衛生局長松山醫院三軍</t>
  </si>
  <si>
    <t>三軍總醫院松山院區護理師參加進香團染疫中央流行疫情指揮中心日前也證實為案號1352但非院內感染不過有院內人員爆料匡列採檢醫護的人員中一名醫師傳出確診但院方卻未在第一時間通知讓同仁暴露在風險中</t>
  </si>
  <si>
    <t>人員院內護理參加進香團通知中央流行第一時間疫情指揮中心日前院區證實院方確診醫護傳出醫師</t>
  </si>
  <si>
    <t>三軍總醫院松山院區護理師參加進香團染疫中央流行疫情指揮中心日前也證實為案號1352但非院內感染不過有院內人員爆料匡列採檢醫護的人員中一名醫師傳出確診但院方卻未在第一時間通知讓同仁暴露在風險中。
三軍總醫院松山院區14日傳出有門診醫護確診消息傳出後院方目前已針對門診醫護、工作人員與接觸者做採檢豈料匡列採檢的醫護人員中又傳出一名醫師確診對此總松山院區表示雖未在第一時間告知護理同仁但因沒有直接接觸所以也無須過度擔憂。
至於北市衛生局是否掌握三軍總醫院醫師確診消息衛生局長黃世傑則表示尚未接獲通知會請同仁掌握瞭解詳細情形。</t>
  </si>
  <si>
    <t>確診同仁醫護醫師院區傳出接觸醫院護理掌握表示三軍通知消息第一時間門診院方匡列采人員院內松山流行指揮中央疫情</t>
  </si>
  <si>
    <t>新冠肺炎台灣三軍總醫院院區確診</t>
  </si>
  <si>
    <t>三軍臺灣醫院肺炎院區確診</t>
  </si>
  <si>
    <t>價格疫苗肺炎懸殊</t>
  </si>
  <si>
    <t>隨著各家新冠肺炎疫苗陸續進入大規模人體試驗階段預定價格也紛紛出爐但各家計價方式落差顯著從每劑數美元到一個療程70美元都有。嬌生、阿斯特捷利康（AstraZeneca）、Moderna及輝瑞（Pfizer）等藥廠近日陸續發</t>
  </si>
  <si>
    <t>陸續肺炎疫苗pfizer進入輝瑞moderna人體astrazeneca捷利康試驗阿斯特階段預定價格紛紛療程出爐計價顯著方式落差藥廠</t>
  </si>
  <si>
    <t>隨著各家新冠肺炎疫苗陸續進入大規模人體試驗階段預定價格也紛紛出爐但各家計價方式落差顯著從每劑數美元到一個療程70美元都有。
嬌生、阿斯特捷利康（AstraZeneca）、Moderna及輝瑞（Pfizer）等藥廠近日陸續發表與各國政府簽下的最新疫苗供應合約。根據最新合約推算新冠肺炎疫苗價格從每劑10美元到37美元不等與前一批合約最低每劑4美元的價格相比有上漲趨勢。
以嬌生為例該公司先前獲得美國政府資助46億美元加速疫苗研發後近日與美國政府簽下1億劑疫苗供應合約總價超過10億美元相當於每劑價格10美元。
Moderna近日也宣佈和多國政府簽下少量疫苗供應合約平均價格在每劑32至37美元之間也就是說兩劑療程所需費用最高74美元。Moderna雖未透露簽約的政府包含哪幾國但加拿大政府近日公佈和Moderna簽約。</t>
  </si>
  <si>
    <t>疫苗價格moderna近日合約政府療程陸續簽下供應美國政府肺炎簽約最新公司先前生為獲得資助落差費用趨勢最高</t>
  </si>
  <si>
    <t>每劑Moderna合約新冠肺炎疫苗簽下</t>
  </si>
  <si>
    <t>肺炎合約疫苗moderna簽下</t>
  </si>
  <si>
    <t>選手no東奧</t>
  </si>
  <si>
    <t>新冠肺炎疫情全球延燒國際奧會（IOC）17日發布公告還是重申「現階段仍致力東奧如期舉行」。至於健康疑慮怎麼辦？中華奧會顧問孫立群今天表示IOC主席巴赫（Thomas Bach）已強調「不會因為經濟利益而不顧選手的</t>
  </si>
  <si>
    <t>ioc全球強調國際疫情thomas東奧如期舉行致力bach巴赫至於主席現階段健康疑慮重申中華表示發佈公告今天孫立群</t>
  </si>
  <si>
    <t>新冠肺炎疫情全球延燒國際奧會（IOC）17日發布公告還是重申「現階段仍致力東奧如期舉行」。至於健康疑慮怎麼辦？中華奧會顧問孫立群今天表示IOC主席巴赫（Thomas Bach）已強調「不會因為經濟利益而不顧選手的健康」而且參賽的主角是選手孫立群說：「選手說No的話我們沒有任何人有資格去強迫選手做任何事情。」
孫立群透露東奧的主角是選手而如期舉辦的健康疑慮運動員也有管道表達聲音。因為巴赫跟運動員代表包括運動員委員會委員和國際運動員有一個網絡每個國家也會為其相關運動員報名註冊參加19日的電話會議。
「這個意見在該會議中有備表達IOC也很清楚的表達不會為了經濟利益去犧牲選手的健康這是一個很重要的保障。」孫立群說：「『我們』最重要的就是選手選手怎麼評估中華奧會和體育署怎麼提供他們客觀資訊來做決定這是最重要的比賽的是選手他們才是主角。」
至於東奧能否如期舉行的健康評估IOC跟WHO與日本東奧籌委會有個小組到時候若評估出現問題不會因為損失的經濟利益而一定要舉辦。至於決策的時間點孫立群說上次得到的官方訊息是5月多來做決定而到目前為止沒有收到任何「不舉辦」的官方消息目前維持「蠻動態」的發展。
萬一東奧如期舉辦但部分運動員仍有疑慮不願前往中華「代表團」該如何因應？孫立群則說這是還沒有發生的事情不過代表團牽涉到各單項協會與選手個人屆時一定會有一個很完整的考量包括國訓中心、體育署、各單項協會與組團的中華奧會都責無旁貸「再強調一次選手的健康是最重要的。」</t>
  </si>
  <si>
    <t>選手孫立群東奧健康ioc舉辦運動員沒有評估至於疑慮經濟表達中華利益國際協會主角包括</t>
  </si>
  <si>
    <t>東京奧運東奧中華奧會孫立群國際奧會</t>
  </si>
  <si>
    <t>中華東奧奧運孫立群東京國際</t>
  </si>
  <si>
    <t>川普紓困政府參院共識史上</t>
  </si>
  <si>
    <t>據路透社報導白宮官員透露美國參議員已與川普政府就減緩因新冠病毒疫情造成的經濟衝擊的紓困案達成共識這項紓困計畫規模高達2兆美元（約新台幣61兆元）。美國有線電視新聞網（CNN）報導指出若此案一旦出爐</t>
  </si>
  <si>
    <t>報導紓困cnn透露美國美國有線電視新聞網參議員台幣川普政府衝擊經濟減緩規模病毒造成疫情官員達成共識</t>
  </si>
  <si>
    <t>據路透社報導白宮官員透露美國參議員已與川普政府就減緩因新冠病毒疫情造成的經濟衝擊的紓困案達成共識這項紓困計畫規模高達2兆美元（約新台幣61兆元）。美國有線電視新聞網（CNN）報導指出若此案一旦出爐將會是國會史上最為昂貴措施最為廣泛的一次紓困方案。
白宮法制工作主管尤蘭德（Eric Ueland）指出自20日起就展開馬拉松式談判後雙方於當地時間25日淩晨1時左右達成共識。參議院多數黨領袖麥康奈（Mitch McConnell）在參院表示「至少我們達成了共識。針對這場大流行疫情經過數日緊密的談判參議院達成了歷史性紓困方案的兩黨協議」。
麥康奈說形容這規模兩兆美元的紓困案是「戰爭時期層級的國家投資」並表示參院將在25日稍晚通過但目前仍未確定投票時間。報導指出雖然詳細細節尚未公佈但在過去24小時內已有部分章節內容已經媒體報導包括2500億美元的個人與家庭補助、3500億美元的小型企業貸款以及2500億美元的失業保險以及針對財困公司的的5000億美元的貸款。
參議院少數黨領袖舒默（Chuck Schumer）也在參院表示這將是美國歷史上最大的包括紓困案「但此時並非值得慶祝時刻而是出於必要」。白宮首席經濟顧問庫德洛（Larry Kudlow）也稱這項包裹紓困案將是美國歷史上最大的單一紓困方案。</t>
  </si>
  <si>
    <t>紓困報導指出達成白宮參議院參院表示共識方案美國包括經濟時間談判領袖規模疫情貸款康奈</t>
  </si>
  <si>
    <t>新冠病毒新冠肺炎武漢肺炎COVID-19疫情</t>
  </si>
  <si>
    <t>肺炎武漢covid-病毒疫情</t>
  </si>
  <si>
    <t>大陸有錢vip銀行肺炎金額</t>
  </si>
  <si>
    <t>這波新冠肺炎疫情讓很多人荷包嚴重縮水不過對有錢富豪似乎沒有受到太大的衝擊不僅人數增加資產規模也水漲船高。根據統計顯示今年上半年16家私人銀行資產管理規模（AUM）合計達1396兆元（人民幣下同）</t>
  </si>
  <si>
    <t>規模資產疫情荷包嚴重縮水aum有錢富豪肺炎似乎沒有受到管理衝擊銀行人數上半年增加顯示私人今年水漲船高統計合計</t>
  </si>
  <si>
    <t>增加銀行客戶家族資產規模上半年疫情上市業務私人管理成長今年數量披露導致財富人數淨值</t>
  </si>
  <si>
    <t>客戶16私人銀行兆元增加</t>
  </si>
  <si>
    <t>私人兆元增加客戶銀行</t>
  </si>
  <si>
    <t>畢旅中小學月底暫緩避免跨縣交流</t>
  </si>
  <si>
    <t>受新冠肺炎疫情影響經過史上最長暑假後剛開學北部校園就傳出疫情；南投縣教育處防疫優先已通知國中、小學在9月底前暫停跨縣市交流畢業旅行可以提前規畫但要有備案以因應疫情變化。南投縣教育處副處長王</t>
  </si>
  <si>
    <t>疫情教育處影響史上暑假跨縣交流暫停畢業旅行月底可以小學提前國中開學通知北部</t>
  </si>
  <si>
    <t>受新冠肺炎疫情影響經過史上最長暑假後剛開學北部校園就傳出疫情；南投縣教育處防疫優先已通知國中、小學在9月底前暫停跨縣市交流畢業旅行可以提前規畫但要有備案以因應疫情變化。
南投縣教育處副處長王淑玲表示北部有學校傳出疫情基於防疫考量應該避免跨縣市交流；至於畢業旅行縣內多數學校通常年底時舉辦學校可以事先籌畫行程但必須有替代方案屆時視疫情變化情況進行調整。
受新冠肺炎疫情影響今年很多學校停止舉辦畢業旅行甚至畢業典禮都在線上舉行連與同學當面道別的機會都沒有讓今年的畢業生感到失望；由於BNT疫苗即將施打將於明年畢業的學生都希望接種疫苗後可以順利舉辦畢業旅行。</t>
  </si>
  <si>
    <t>疫情畢業學校旅行可以舉辦疫苗今年防疫變化北部傳出跨縣教育處影響交流肺炎道別當面舉行</t>
  </si>
  <si>
    <t>南投縣國中小學畢業旅行暑假疫情</t>
  </si>
  <si>
    <t>中小學畢業旅行暑假疫情</t>
  </si>
  <si>
    <t>急診疫情清明連注意</t>
  </si>
  <si>
    <t>新冠疫情延燒但不少民眾忍受不住清明連假的誘惑單日超過5萬人跑去墾丁爽玩恐成防疫破口也讓政府緊急發布國家級警報呼籲勿前往墾丁。對此林口長庚兒科急診醫師吳昌騰就指出若爆發第3波疫情潮最該注意的</t>
  </si>
  <si>
    <t>疫情爆發民眾指出忍受吳昌騰醫師清明連急診兒科誘惑超過林口長政府緊急發佈防疫對此</t>
  </si>
  <si>
    <t>新冠疫情延燒但不少民眾忍受不住清明連假的誘惑單日超過5萬人跑去墾丁爽玩恐成防疫破口也讓政府緊急發布國家級警報呼籲勿前往墾丁。對此林口長庚兒科急診醫師吳昌騰就指出若爆發第3波疫情潮最該注意的就是無症狀患者的傳染力。
吳昌騰在臉書PO文指出新冠病毒就是叫「社交病毒」只要接觸確診者短短幾分鐘近距離接觸就可能染病他呼籲千萬別跟自己賭運氣與陌生人近距離接觸。
他指出大家都很擔心清明連假過後若知名景點、飯店出現人潮又沒保持好社交距離也沒戴好口罩就會出現感染案例而若發生這第3波感染最要注意的就是隱性感染者(無症狀患者)的傳染力。文末他也呼籲這段期間別去密閉空間因為極有可能增加感染機會。</t>
  </si>
  <si>
    <t>呼籲指出距離接觸出現清明連感染可能社交疫情傳染病毒患者注意症狀對此</t>
  </si>
  <si>
    <t>清明連假第3波新冠肺炎墾丁吳昌騰</t>
  </si>
  <si>
    <t>肺炎清明連吳昌騰</t>
  </si>
  <si>
    <t>真正需要貸款店家紓困羅智強不到</t>
  </si>
  <si>
    <t>國民黨革實院院長羅智強今晚主持「未來沙龍」邀請國民黨立委洪孟楷與淡水商圈理事長盧育佑談論政府紓困成效。當盧育佑被問到有多少淡水商圈的店家成功貸款時他僅能無奈的回答「沒有概念」。針對淡水商圈的業</t>
  </si>
  <si>
    <t>淡水商圈國民黨盧育佑羅智強院長今晚主持未來沙龍邀請沒有無奈回答問到理事長貸款成功洪孟楷店家概念紓困政府</t>
  </si>
  <si>
    <t>國民黨革實院院長羅智強今晚主持「未來沙龍」邀請國民黨立委洪孟楷與淡水商圈理事長盧育佑談論政府紓困成效。當盧育佑被問到有多少淡水商圈的店家成功貸款時他僅能無奈的回答「沒有概念」。
針對淡水商圈的業績盧育佑說二月時掉到六成三月則「跳樓式」的下滑到不足二成。目前約有二成的店家選擇歇業寧願賠違約金也不願繼續營業。「這是一個惡性循環生意不好店家變少店家變少生意就更不好」。
盧育佑說「他很努力的幫大家找紓困的方式但是手續實在太繁雜」。雖然政府劃出了八千億的貸款大餅但是主導權還是在銀行身上。「銀行也不敢確定借錢給店家店家之後生意就會變好還得出來因此就有很多的條件沒有辦法滿足」甚至還有店家在申貸的時候因為「戶頭裡有錢」而被拒絕「但那是人家的貨款啊」。
盧育佑說淡水商圈的店家申請貸款的約有四成而申貸成功的？　盧育佑只能兩手一攤無奈的回答：「我真的沒有概念。」
洪孟楷說淡水商圈是台灣的指標景點台灣雖然旅遊漸有起色人潮變多了但是「錢還放在口袋」店家的收入並沒有改善。洪孟說有八大行庫的高層用簡訊要求第一線人員「貸款出去」的業績但真正的小型業者卻難以申貸成功。
羅智強說「雨天收傘」是銀行業的慣性可惜政府推動政策的時候沒有想到這一點。羅智強一位企業界友人說他現在的困擾是「銀行拜託他來借錢」因為他的公司屬性是疫情期間業績反而微幅增加的。因此羅智強感嘆「看起來八千億的貸款額度很高但反而是越不需要借錢的人越容易借得到」
最後羅智強與洪孟楷聯合推薦淡水商圈的「假日酷碰券」疫情會持續生活還要過。趁著現在店家聯合促銷大家戴著口罩配合防度來到淡水出遊絕對是「俗夠大碗」。</t>
  </si>
  <si>
    <t>店家淡水羅智強沒有盧育佑商圈貸款業績政府成功銀行疫情聯合現在時候紓困</t>
  </si>
  <si>
    <t>羅智強紓困貸款新冠肺炎新冠病毒台灣</t>
  </si>
  <si>
    <t>肺炎貸款紓困臺灣病毒羅智強</t>
  </si>
  <si>
    <t>和緩疫情觀盤佈局陸港</t>
  </si>
  <si>
    <t>無畏新冠肺炎疫情變化陸股持續向上。截至20日收盤滬深300指數收漲23％收414466點創業板指數則上漲221％至218674點資金仍持續流入。疫情蔓延造成全球70餘國對中國旅客下達禁止造訪令儘管如此不</t>
  </si>
  <si>
    <t>疫情持續指數禁止下達旅客中國造訪全球變化造成蔓延向上截至流入收盤上漲資金肺炎</t>
  </si>
  <si>
    <t>中國經濟疫情影響市場持續成長率向上佈局部分指數產業投資研發</t>
  </si>
  <si>
    <t>投資人經濟成長率中國肺炎觀察</t>
  </si>
  <si>
    <t>肺炎經濟中國成長率觀察投資人</t>
  </si>
  <si>
    <t>導體設備北美締造再創新高最旺可望</t>
  </si>
  <si>
    <t>SEMI（國際半導體產業協會）公佈北美半導體設備出貨報告2020年12月份設備製造商出貨金額成長達26808億美元創下歷年同期新高紀錄。由於半導體市場需求暢旺晶圓代工廠及IDM廠產能滿載到下半年記憶體廠新一代</t>
  </si>
  <si>
    <t>半導體設備產能協會idm代工廠公佈晶圓導體北美市場需求紀錄新高創下記憶體下半年金額同期歷年滿載產業</t>
  </si>
  <si>
    <t>SEMI（國際半導體產業協會）公佈北美半導體設備出貨報告2020年12月份設備製造商出貨金額成長達26808億美元創下歷年同期新高紀錄。由於半導體市場需求暢旺晶圓代工廠及IDM廠產能滿載到下半年記憶體廠新一代製程進入量產預期2021年全球半導體產業將進入新一波產能擴張循環。
根據SEMI統計2020年12月北美半導體設備製造商出貨金額達26808億美元較2020年11月的26116億美元成長26％與2019年12月的24917億美元相較成長76％創下設備出貨金額的歷年同期新高紀錄。
過去第四季都是資本支出淡季但去年半導體市場需求強勁未受到新冠肺炎疫情及美中貿易戰等外在因素影響設備出貨淡季轉旺2020年第四季北美半導體設備製造商出貨金額達79406億美元與2019年同期相較成長186％。累計2020年北美半導體設備製造商出貨金額達297827億美元較2019年242893億美元成長226％創下年度出貨金額歷史新高。
SEMI全球行銷長暨台灣區總裁曹世綸表示2020年12月北美半導體設備製造商出貨金額增長年度出貨金額更超越2018年所創下的產業新高為充滿挑戰的一年畫下完美句點。創紀錄的出貨金額顯示半導體產業在新冠肺炎疫情期間為實現數位轉型發揮了關鍵作用。
SEMI預估2021年全球半導體廠資本支出將改寫新高市場持續看好資本支出概念股表現包括EUV光罩盒（EUV Pod）供應商家登、EUV設備模組代工及廠務工程業者帆宣、廠務工程業者漢唐及信紘科、先進封裝及濕製程設備廠弘塑、蝕刻及薄膜設備代工廠京鼎等2021年營運看旺營收及獲利均可望創下歷史新高。</t>
  </si>
  <si>
    <t>設備半導體金額semi新高產業北美創下支出資本全球導體制程代工廠產能淡季四季市場需求euv同期製造商進入</t>
  </si>
  <si>
    <t>成長北美半導體設備肺炎歷史新高資本支出</t>
  </si>
  <si>
    <t>肺炎設備歷史新高導體資本北美支出成長</t>
  </si>
  <si>
    <t>防疫高標準台企台商大陸經驗</t>
  </si>
  <si>
    <t>近期大陸疫情再起各地實施嚴格防疫措施大陸台企、台商也都相當配合防控要求採取高標準放疫舉措。「減少跨省活動記得勤洗手帶口罩出入看健康碼和行程卡中高風險區的配合核酸檢測不出門。」台企聯總會長李</t>
  </si>
  <si>
    <t>配合大陸檢測防疫核酸措施台企高風險台商行程健康口罩出入勤洗手活動減少舉措</t>
  </si>
  <si>
    <t>近期大陸疫情再起各地實施嚴格防疫措施大陸台企、台商也都相當配合防控要求採取高標準放疫舉措。「減少跨省活動記得勤洗手帶口罩出入看健康碼和行程卡中高風險區的配合核酸檢測不出門。」台企聯總會長李政宏也再次提出呼籲他並不擔心因為「大家都很有經驗了！」
廈門台商協會長吳家瑩表示廈門台協積極配合各類大陸官方防疫措施外也組成志工隊協助各小區的防疫宣導也有台商提供醫療單位物資同時台企也會對內部要求禁止餐廳大規模聚會、減少非必要的長距離移動等。
至於這波疫情較嚴重的南京、揚州台商防疫措施更加嚴格。南京台協副監事長劉鴻寬此前表示「高風險區防疫要求高。所有人包括台企人員對防疫工作都採取了最為嚴謹的態度。」
南京台企主管指出他們在工廠與員工宿舍「兩點一線」之間啟用了閉環交通通道減少員工與外界的接觸。為避免員工集體外出做核酸檢測對生產造成影響政府部門主動上門服務在企業公司內開通了檢測點進行錯峰檢測。企業除落實員工核酸檢測、防控措施和人員排查工作外對生產廠房、辦公區、單位食堂等工作場所與公共區域也都有明確負責人。
揚州市台協會長、虹揚科技董事長方丁玉表示配合揚州市政府防疫要求揚州地區生產企業從8月1日起就暫時不安排員工到崗上班。位於揚州的永豐餘造紙（揚州）公司、永道射頻技術公司也公告停止生產作業全廠嚴格施行防疫措施進出人員均須有健康綠碼、行程碼、最近一次核酸檢測證明及量測體溫並每天執行全廠消毒作業。
企業生產進出貨雖受到一定程度影響不過大多仍能維持正常營運。南京台企主管指出物流因南京祿口機場關閉還好長三角仍有許多替代方案包括到無錫、上海甚至合肥機場中轉。外地貨車無法直接進城需先找到一處接駁點車上貨物經過消毒後再由其他貨車接駁到工廠。在南京、揚州的低風險地區企業的生產經營基本正常。
方丁玉則指出之前揚州的企業要發貨還可以透過申請緊急通道但8月初這些緊急通道都中斷了揚州部分地區停工、停產且停運位於揚州的台企也很配合。雖然有些無奈但他認為嚴格防疫「不是壞事」隨著疫情漸漸穩定企業也就逐步復工復產。</t>
  </si>
  <si>
    <t>揚州防疫企業生產台企南京員工配合檢測措施減少要求核酸嚴格表示疫情公司指出台商地區人員工作通道貨車機場</t>
  </si>
  <si>
    <t>新冠肺炎揚州台企生產企業</t>
  </si>
  <si>
    <t>台企揚州肺炎生產企業</t>
  </si>
  <si>
    <t>企業才懂資之後重要性疫情</t>
  </si>
  <si>
    <t>資誠（PwC）聯合會計師事務所今（12）日發布《全球數位信任洞察》報告。受新冠肺炎影響96％受訪企業將改變網路安全性原則50％受訪企業研擬將網路安全和隱私納入業務決策。資誠智慧風險管理諮詢公司執行董事張晉瑞</t>
  </si>
  <si>
    <t>網路受訪企業風險管理智慧事務所會計師發佈全球數位信任公司洞察決策報告業務納入隱私安全肺炎</t>
  </si>
  <si>
    <t>資誠（PwC）聯合會計師事務所今（12）日發布《全球數位信任洞察》報告。受新冠肺炎影響96％受訪企業將改變網路安全性原則50％受訪企業研擬將網路安全和隱私納入業務決策。
資誠智慧風險管理諮詢公司執行董事張晉瑞表示由於新冠肺炎的空前影響許多組織不得不重新考慮並重新制定網路安全性原則資安長的角色及其對組織生存及成長的重要性前所未見。對於資安長來說在科技和企業營運之間取得平衡同時支持組織的網路安全性原則非常重要。</t>
  </si>
  <si>
    <t>網路組織企業安全性原則安長肺炎影響受訪發佈事務所全球數位會計師信任洞察公司執行報告風險管理董事智慧</t>
  </si>
  <si>
    <t>聯合網路安全組織新冠肺炎受訪企業</t>
  </si>
  <si>
    <t>組織安全肺炎受訪網路聯合企業</t>
  </si>
  <si>
    <t>試驗完成巴拉圭疫苗施打高端</t>
  </si>
  <si>
    <t>高端疫苗選定巴拉圭進行新冠肺炎疫苗第3期臨床試驗上週三 (13)日正式展開；試驗執行已1個星期時間已有超過300位民眾登記近日受試者持續完成第1劑疫苗施打；高端疫苗表示從今日起受試者施打會加速展開預計</t>
  </si>
  <si>
    <t>疫苗受試者展開試驗高端超過今日民眾登記肺炎臨床近日持續施打會進行巴拉圭時間執行星期正式表示施打週三</t>
  </si>
  <si>
    <t>疫苗試驗受試者az肺炎完成展開臨床執行澳洲巴拉圭進行加速取得國際預計比對高端保護免疫採用施打正式</t>
  </si>
  <si>
    <t>試驗高端疫苗新冠肺炎巴拉圭第1劑</t>
  </si>
  <si>
    <t>疫苗高端肺炎試驗巴拉圭</t>
  </si>
  <si>
    <t>員工檢測全棟清總部</t>
  </si>
  <si>
    <t>金融業員工紛傳染疫位於敦化北路的中國人壽總部大樓20日亦證實其14樓有內勤員工染疫中壽表示該員工工作性質單純並沒有接觸客戶且在職場均配戴口罩、體溫正常目前已安排同層員工進行檢測、並立即居家不要</t>
  </si>
  <si>
    <t>員工進行安排體溫目前口罩配戴正常在職敦化北路客戶接觸中國總部位於大樓人壽沒有單純性質工作證實表示內勤</t>
  </si>
  <si>
    <t>金融業員工紛傳染疫位於敦化北路的中國人壽總部大樓20日亦證實其14樓有內勤員工染疫中壽表示該員工工作性質單純並沒有接觸客戶且在職場均配戴口罩、體溫正常目前已安排同層員工進行檢測、並立即居家不要外出且19日已進行全棟大樓的清潔消毒。
金融業員工紛紛傳出疫情中壽表示是19日晚間接獲通報14樓一位內勤員工檢測為陽性這位員工工作性質單純並無接觸客戶均依規定於配戴口罩、量測體溫正常後始進入職場於職場內也全程配戴口罩並做好相關防護措施。
中壽強調重視員工權益以「保護員工安全」為優先原則確保全體員工健康及客戶服務、業務皆能持續營運不受影響在第一時間依照衛生主管機關指示以嚴謹、審慎態度迅速進行相關處置及各項應變措施
包括立刻安排同樓層員工進行檢測；通知同樓層員工返家不外出並加強自我健康監測；19日晚間已經安排專業消毒廠商進行大樓全面性消毒。
因應這波疫情變化中壽為維護員工健康安全大幅提升員工居家辦公比例超過6成異地辦公及原地辦公員工也採取彈性上下班時間藉由人員分流、分散以降低感染風險。同時提醒員工加強自我健康監測、定期回報更提供公司醫師專屬諮詢專線解決員工健康疑慮。
中壽強調將持續加強職場衛生及員工健康保護並將配合政府政策積極努力做好防疫呼籲員工做好自我健康照顧祈願大家齊心團結攜手共度難關一起為台灣防疫盡一份心力。</t>
  </si>
  <si>
    <t>員工健康進行大樓口罩做好安排客戶配戴消毒加強防疫檢測持續衛生居家相關措施晚間外出保護正常</t>
  </si>
  <si>
    <t>新冠肺炎台灣 中壽檢測染疫</t>
  </si>
  <si>
    <t>臺灣檢測肺炎</t>
  </si>
  <si>
    <t>行動無限暢打疫苗防疫推出宣佈到場盧秀燕接種</t>
  </si>
  <si>
    <t>冷氣團一波波來襲！加上人流增加台中市長盧秀燕23日在市政會議中宣佈疫苗充足市府推出疫苗無限暢打服務民眾只要符合施打的資格即可聯絡熟悉的醫院診所；另外「你揪團我來打」只要揪團30人即可派出行動防</t>
  </si>
  <si>
    <t>即可疫苗人流台中增加市長盧秀燕市政會議宣佈無限暢打服務診所民眾符合醫院打的資格熟悉聯絡加上</t>
  </si>
  <si>
    <t>冷氣團一波波來襲！加上人流增加台中市長盧秀燕23日在市政會議中宣佈疫苗充足市府推出疫苗無限暢打服務民眾只要符合施打的資格即可聯絡熟悉的醫院診所；另外「你揪團我來打」只要揪團30人即可派出行動防疫車服務民眾提升市民的防護力。
媽媽市長有細心的特質！盧秀燕今天主持市政會議時說雖然新冠疫情相對平緩但絕不能鬆懈歲末寒冬、人流增加必須要加強防疫市府考慮到疫苗充足推出疫苗無限暢打服務鼓勵民眾盡量施打當然為安全起見醫院診所衛生所採分流施打。
盧秀燕指出診所衛生所只有一種疫苗避免錯打但醫院規模大可施打兩種以上疫苗不用上預約平臺民眾向熟悉的醫療院所詢問即可。
盧秀燕說還有你揪團我來打市府感謝磐石會捐贈1輛防疫車有些地方政府當篩檢車台中市增加很多功能包括疫苗儲存設備因此命名為行動防疫車只要揪團30人即可派出行動防疫車載著接種團隊前往服務民眾施打同一種疫苗歡迎各機關團體組織夜市菜市場業者都可揪團。
秋冬季節是流感的高峰季節為加強市民保護力市府採購73萬8350劑疫苗到22日為止施打率8038％。65歲以上接種率3993％高於全國平均率但跟去年比還是下降723％可能打過新冠疫苗長輩因此鬆懈。幼兒階段也下降276％特別呼籲長者、幼兒盡量施打流感疫苗提升保護力。</t>
  </si>
  <si>
    <t>疫苗民眾施打防疫盧秀燕市府即可增加醫院服務診所鬆懈人流台中市民下降行動</t>
  </si>
  <si>
    <t>疫苗盧秀燕揪團防疫車行動</t>
  </si>
  <si>
    <t>防疫盧秀燕行動疫苗</t>
  </si>
  <si>
    <t>疫情衝擊羅麗芬首季業績</t>
  </si>
  <si>
    <t>大陸地區新冠肺炎疫情延後復工日常生活及消費活動因防疫措施而受限羅麗芬-KY(6666)首季營收113億元較去年同期減少635％平均毛利率71％因推出新品牌增加營銷費用營業費用較去年同期增加95％首季小幅</t>
  </si>
  <si>
    <t>去年同期首季增加肺炎疫情復工延後日常生活消費活動防疫措施受限羅麗芬-ky品牌行銷毛利率推出平均減少費用營業費用地區</t>
  </si>
  <si>
    <t>大陸地區新冠肺炎疫情延後復工日常生活及消費活動因防疫措施而受限羅麗芬-KY(6666)首季營收113億元較去年同期減少635％平均毛利率71％因推出新品牌增加營銷費用營業費用較去年同期增加95％首季小幅虧損145萬元每股稅後虧損003元。
受疫情衝擊影響大陸第一季首度出現經濟負成長據中國大陸國家統計局的統計資料民眾減少外出消費社會消費品零售總額也衰退了19％不過「宅經濟」帶動新型消費加快發展第一季實物商品網上零售額年成長59％占社會消費品零售總額比重為236％比去年同期提高54個百分點。隨著企業復工復市市場活力提升先前壓抑的一些消費行為已有回補跡象實體通路銷售開始陸續好轉。
羅麗芬指出第二季起也陸續於各省導入旗下三大品牌暢銷爆品至最新開發網路商城(美時芬)銷售；新零售品牌-伊姿佰EasyBio在自營線上商城及天貓、京東等平臺上線銷售引導消費者於線上消費預期在第二季逐漸收到成效。
美容美體養護產品的線下體驗仍然是培養長期消費者的最快途徑在防疫優先的情況下美容院雖陸續開業仍有人流限制因此雖然大陸各城市逐步解封但要回復常態外出消費仍需要一段時日目前還是謹慎防疫優先羅麗芬4月份營收5097萬元年減5532%前4月營收1億6325萬元年減6136%。</t>
  </si>
  <si>
    <t>消費大陸銷售品牌防疫陸續去年同期羅麗芬商城復工消費者疫情經濟外出優先減少首季零售總額消費品增加</t>
  </si>
  <si>
    <t>羅麗芬首季虧損每股虧損4月營收新冠肺炎疫情</t>
  </si>
  <si>
    <t>虧損肺炎首季疫情羅麗芬</t>
  </si>
  <si>
    <t>農曆國巨年前看法訂單景氣陳泰銘</t>
  </si>
  <si>
    <t>國巨董座陳泰銘14日表示農曆年前訂單無虞稼動率將緩步爬升國巨合併基美、普思之後車用相關比重衝上35％隨著各國政府理解如何在新冠肺炎以及經濟活動之間取得平衡2月開始急凍的車市已經邁向復甦；陳泰</t>
  </si>
  <si>
    <t>車市農曆急凍年前開始訂單平衡取得之間活動經濟肺炎緩步已經表示爬升國巨理解政府合併</t>
  </si>
  <si>
    <t>國巨董座陳泰銘14日表示農曆年前訂單無虞稼動率將緩步爬升國巨合併基美、普思之後車用相關比重衝上35％隨著各國政府理解如何在新冠肺炎以及經濟活動之間取得平衡2月開始急凍的車市已經邁向復甦；陳泰銘此番產業景氣的解讀為2020年以來首次翻多。
電動車產業的MIH聯盟預計2021年6月前獨立運作陳泰銘表示MIH聯盟志在建立平臺新國巨在車用累積長年經驗對於加入MIH聯盟。陳泰銘說不排除其可能性。陳泰銘也首度表示基美是一家有101年歷史的公司在汽車領域中累積多年經驗由於鴻海集團大部分的解決方案來自海外無法就近取得服務加上語言溝通、文化背景的隔閡有必要尋找一家國際性佈局的企業提供更迅速的解決方案國巨對外合作追求互補過程中將提前掃除零件問題的障礙。
據瞭解國巨合併基美已歷經四個月根據國巨集團的清點基美、普思先後加入國巨集團之下車用營收占比攀升至35％細項來看MLCC的50％、鉭質電容的40％、晶片電阻的20％及普思的35％重壓在車規合計高階應用佔了新國巨營收70％並逐漸朝80％邁進。
陳泰銘指出基美、普思原本就不做一般品市場合併進來之後基美加上國巨的MLCC規模上看10億美元新國巨的車用純度很高而且主要應用集中在引擎、控制系統、安全系統上全球一線車廠均為旗下客戶將可降低景氣循環波動國巨現有低階產能僅維持規模新增產能將以佈局高階產品為主。
至於景氣的看法陳泰銘表示長線景氣仍無法斷定但是國巨在農曆年前的訂單無虞稼動率受招工不順影響僅維持80％接下來將緩步爬升目前低於60天的庫存水位在農曆年前還是無法拉高庫存量。
國巨前三季大賺兩個股本由於第四季可望淡季不淡法人預期國巨2020年每股盈餘將達28元2021年有機會突破三個股本上看36元獲利可望連續第二年邁向成長。</t>
  </si>
  <si>
    <t>國巨陳泰銘景氣車用表示普思新國mih聯盟取得合併農曆佈局年前加上方案解決</t>
  </si>
  <si>
    <t>無虞農曆年前聯盟新國國巨</t>
  </si>
  <si>
    <t>聯盟年前農曆新國國巨</t>
  </si>
  <si>
    <t>上次蔡英文打完接種疫苗高端手臂完成酸痛</t>
  </si>
  <si>
    <t>蔡英文總統、賴清德副總統今天先後前往「台大醫學院體育館」接種第二劑高端疫苗蔡英文上午7點12分抵達現場醫師詢問上次接種第一劑情況蔡英文摸摸手臂表示「只有這裡有些酸痛」隨後前往接種區完成第二劑接種</t>
  </si>
  <si>
    <t>接種蔡英文前往隨後台大醫學院酸痛體育館表示手臂摸摸抵達疫苗高端情況上午上次現場醫師詢問今天先後總統賴清德完成</t>
  </si>
  <si>
    <t>蔡英文總統、賴清德副總統今天先後前往「台大醫學院體育館」接種第二劑高端疫苗蔡英文上午7點12分抵達現場醫師詢問上次接種第一劑情況蔡英文摸摸手臂表示「只有這裡有些酸痛」隨後前往接種區完成第二劑接種態度相當輕鬆。
蔡英文總統由臺灣大學副校長張上淳、臺大醫院院長吳明賢、臺大醫學院院長倪衍玄及立法委員邱泰源等人陪同在上午7點12分左右抵達現場依照流程完成報到。
在問診區醫師詢問上次接種後是否有發燒等狀況蔡英文表示「都沒有」僅摸摸上臂表示「只有這裡有點酸痛」隨後前往接種區。
護理師在注射前按照前次慣例先高舉高端疫苗讓媒體拍攝然後快速完成施打過程僅幾秒鐘蔡英文也將打完兩劑高端疫苗的黃卡高舉讓媒體拍攝神情相當輕鬆。
賴清德則是在7點42分抵達現場同樣依照相關流程進行報到和問診程式被詢及上次施打是否有發燒等症狀時賴清德也表示都很好隨後簽署接種同意書並前往接種區完成接種後離開現場由醫療團隊後續掌握身體狀況。</t>
  </si>
  <si>
    <t>蔡英文接種現場完成賴清德高端抵達表示疫苗前往上次台大醫學院施打輕鬆隨後相當問診上午拍攝總統流程發燒是否醫師</t>
  </si>
  <si>
    <t>接種蔡英文賴清德高端疫苗新冠肺炎</t>
  </si>
  <si>
    <t>高端疫苗賴清德蔡英文肺炎接種</t>
  </si>
  <si>
    <t>保處疫情影響三不原則蝙蝠洞降低瑞芳風險</t>
  </si>
  <si>
    <t>新冠肺炎疫情延燒新北市瑞芳區的蝙蝠洞公園也大受影響日前傳出新冠肺炎疫情會爆發是因為大陸有研究員遭蝙蝠的血液噴濺而來因此不少遊客走訪東北角旅遊的時候特別迴避蝙蝠洞一帶。台灣蝙蝠學會則指出病毒會</t>
  </si>
  <si>
    <t>蝙蝠蝙蝠洞疫情肺炎北角學會走訪臺灣遊客旅遊時候特別噴濺血液一帶回避影響研究員公園瑞芳區日前</t>
  </si>
  <si>
    <t>新冠肺炎疫情延燒新北市瑞芳區的蝙蝠洞公園也大受影響日前傳出新冠肺炎疫情會爆發是因為大陸有研究員遭蝙蝠的血液噴濺而來因此不少遊客走訪東北角旅遊的時候特別迴避蝙蝠洞一帶。台灣蝙蝠學會則指出病毒會快速突變在同一族群中會有能突破物種特異性的限制所以原本在蝙蝠身上的病毒要進入人體並不困難而在時常接觸蝙蝠的人身上應也會發生但是新冠病毒能否感染到人體還需研討但蝙蝠學會呼籲以「管制人類與蝙蝠的接觸」來減少蝙蝠病毒轉變成人類病毒的機會才是上策。
對此瑞芳區海濱裡長鄧麗華指出在蝙蝠洞公園內棲息的蝙蝠為東亞折翅蝠與新冠肺炎疫情的菊頭蝠為不一樣的品種而折翅蝠的移轉前來停留的時間為五月到九月她強調當地的居民都知道所以請前來觀光的遊客都免驚在蝙蝠洞公園並不會有傳染疾病的風險。
針對民眾反映蝙蝠洞是否會有傳染風險新北市動保處長陳淵泉受訪時表示到目前為止對於蝙蝠跟新型冠狀病毒之間的關係目前沒有任何科學證據顯示有直接的關係所以請大家不必恐慌但是觀賞蝙蝠或其他動物的時候他請前往旅遊的民眾遵循不撿拾、不餵食、不要有直接的接觸的「三不原則」像五月到九月之間的夏天蝙蝠飛回來的時候如果要前往觀賞只要保持距離、不要恐慌便可以大幅降低危險性。
陳淵泉也指出目前中央疫情防疫中心已明確規定若民眾有接觸傳染的機會、風險時一定要戴口罩所以雖蝙蝠洞還不會封鎖但若有旅客要進入到蝙蝠洞內請於進入前後做好勤洗手及消毒的工作避免有任何的疑慮發生。</t>
  </si>
  <si>
    <t>蝙蝠蝙蝠洞病毒指出疫情接觸公園民眾時候進入風險遊客瑞芳區不要恐慌目前前來淵泉</t>
  </si>
  <si>
    <t>蝙蝠蝙蝠洞疫情病毒風險</t>
  </si>
  <si>
    <t>疫情蝙蝠風險蝙蝠洞病毒</t>
  </si>
  <si>
    <t>科興批准疫苗接種風險年齡效益</t>
  </si>
  <si>
    <t>香港食物及衛生局依聯合科學委員會的建議批准3至17歲人士接種中國科興疫苗並且優先安排疫苗予12至17歲青少年接種。港府發言人表示是參考了顧問專家委員會的意見並考慮新型冠狀病毒對公眾健康構成的威脅後</t>
  </si>
  <si>
    <t>委員會接種公眾疫苗病毒冠狀考慮意見建議批准專家健康人士顧問中國參考青少年表示發言人科學科興構成優先安排聯合威脅</t>
  </si>
  <si>
    <t>香港食物及衛生局依聯合科學委員會的建議批准3至17歲人士接種中國科興疫苗並且優先安排疫苗予12至17歲青少年接種。
港府發言人表示是參考了顧問專家委員會的意見並考慮新型冠狀病毒對公眾健康構成的威脅後認為批准科興疫苗適用年齡的效益大於風險可以保護他們免受新冠病毒感染盡早回復正常的校園和日常生活。</t>
  </si>
  <si>
    <t>委員會疫苗批准接種科興儘早病毒感染免受保護回復可以風險建議效益意見考慮公眾冠狀專家顧問病毒參考健康表示發言人</t>
  </si>
  <si>
    <t>新冠肺炎大陸科興疫苗疫苗年齡</t>
  </si>
  <si>
    <t>科興大陸疫苗肺炎年齡</t>
  </si>
  <si>
    <t>確診中生北市新北就醫本土民眾新增陽性</t>
  </si>
  <si>
    <t>今增7例確診個案其中2例為本土、5例為境外移入；另確診個案中有1人死亡。中央流行疫情指揮中心指揮官陳時中表示2個本土案例臺北市與新北市各1例臺北的個案為松山區某國中的學生、新北市的個案則是民眾去看病被</t>
  </si>
  <si>
    <t>個案本土新北確診流行中央疫情指揮死亡中心指揮官陳時中表示臺北案例臺北市學生中的松山區民眾境外</t>
  </si>
  <si>
    <t>今增7例確診個案其中2例為本土、5例為境外移入；另確診個案中有1人死亡。中央流行疫情指揮中心指揮官陳時中表示2個本土案例臺北市與新北市各1例臺北的個案為松山區某國中的學生、新北市的個案則是民眾去看病被檢查出來疫調仍在進行中。
陳時中表示今增2例本土臺北市的案例是松山某國中的國一學生確診該班已停課比較好的消息是確診國中生就讀國小的妹妹採檢結果是陰性；至於新北市的案例是一位民眾去看病的時候被檢查出來的相關疫調仍在進行中。
陳時中也說新北幼兒園的群聚案今天沒有新增個案。長榮機師群聚的二採結果全都是陰性因此這個案子目前可以算是控制住了未來是否有個案還要等解隔離那一波再採檢了。
指揮中心說明今日新增2例本土病例中案16173為60多歲男性9月7日出現胸痛、輕微噁心、肌肉痠痛等症狀9月8日就醫並採檢於今日確診已匡列接觸者6人列居家隔離餘匡列中。案16179為10多歲男性 9月8日出現胸痛、呼吸痛等症狀9月9日就醫採檢於今日確診已匡列接觸者51人列居家隔離餘匡列中。衛生單位將持續進行疫情調查及防治以釐清感染源。
指揮中心表示今日新增5例境外移入個案分別自美國(案16174、案16175)、土耳其(案16176)、日本(案16177)、亞美尼亞(案16178)入境入境日介於8月26日至9月8日均持有搭機前3日內檢驗陰性報告詳如新聞稿附件。
指揮中心指出今日新增1例死亡個案(案10387)為70多歲男性具慢性病史及其他確診者接觸史6月3日因其他原因就醫同日出現發燒、咳嗽等症狀採檢後住院治療於6月4日確診8月26日解除隔離9月5日死亡。
指揮中心統計截至目前國內累計2938839例新型冠狀病毒肺炎相關通報(含2921268例排除)其中16069例確診分別為1452例境外移入14563例本土病例36例敦睦艦隊、3例航空器感染、1例不明及14例調查中；另累計110例移除為空號。2020年起累計839例COVID-19死亡病例其中829例本土個案居住縣市分佈為新北市411例、臺北市318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個案確診指揮中心本土新北死亡感染隔離陰性措施今日新增民眾表示進行累計症狀案例咳嗽</t>
  </si>
  <si>
    <t>本土轉移國中生感染源不明台灣</t>
  </si>
  <si>
    <t>中生感染不明轉移本土臺灣</t>
  </si>
  <si>
    <t>臺灣不要沈富雄事件小孩德塞到處嚷嚷</t>
  </si>
  <si>
    <t>世界衛生組織 (WHO) 幹事長譚德塞昨天公開指控台灣發動對他個人的種族歧視言論攻擊；前民進黨立委沈富雄今表示這一役台灣的表現世人有目共睹不要像小孩子唯恐人不知到處嚷嚷「台灣來了」！沈富雄今在臉</t>
  </si>
  <si>
    <t>臺灣沈富雄德塞昨天公開指控發動個人種族歧視攻擊言論小孩子人不知民進唯恐不要黨立委到處有目共睹世人嚷嚷表現表示幹事長</t>
  </si>
  <si>
    <t>世界衛生組織 (WHO) 幹事長譚德塞昨天公開指控台灣發動對他個人的種族歧視言論攻擊；前民進黨立委沈富雄今表示這一役台灣的表現世人有目共睹不要像小孩子唯恐人不知到處嚷嚷「台灣來了」！
沈富雄今在臉書指出「別跟譚某一般見識」；譚德塞被罵黑鬼的新聞上了紐約時報頭版。「台灣處理的方式是典型的吳釗燮模式我不喜歡」。
他認為「如果我是小英總統我不會以上駟對下駟如果非說不可的話我會這麼說：『在這個網軍橫行的網路時代再文明的國家總不缺不文明的網民希望祕書長忙你的防疫當下全世界的各個角落不少人都認為你的份內工作尚有不少有待改進的地方…』」。
他強調做為地球村的一份子台灣應該學習的是：「優雅、厚道、堅毅、不屈與有力。」</t>
  </si>
  <si>
    <t>臺灣認為德塞沈富雄文明優雅學習當下改進防疫地方角落工作全世界應該尚有有待網路昨天</t>
  </si>
  <si>
    <t>沈富雄種族歧視譚德塞疫情新冠肺炎</t>
  </si>
  <si>
    <t>疫情德塞種族歧視肺炎沈富雄</t>
  </si>
  <si>
    <t>口罩新北配送暫停藥局</t>
  </si>
  <si>
    <t>口罩實名制20將上路但日前食藥署貼出公告由於有104間藥局口罩數量剩過多因此10-12日都不會收到新口罩而大部分暫停配送的藥局都位在雲林、台南以及高雄等地新北唯一一間則位在瑞芳。藥師全聯會日前轉貼公</t>
  </si>
  <si>
    <t>口罩日前藥局藥師上路瑞芳貼出新北公告高雄聯會台南雲林收到數量過多配送</t>
  </si>
  <si>
    <t>口罩實名制20將上路但日前食藥署貼出公告由於有104間藥局口罩數量剩過多因此10-12日都不會收到新口罩而大部分暫停配送的藥局都位在雲林、台南以及高雄等地新北唯一一間則位在瑞芳。
藥師全聯會日前轉貼公告部分藥局暫停口罩配送調整之後會再重新上線這104間藥局主要以雲林縣和台南市最多由於部分藥局位元處偏鄉需求量沒有都市區域來的高。而這104間藥局當中還包含了一間位在新北瑞芳的藥局。
另外藥師全聯會也公告11、12日口罩配送調整機制的結果有262家藥局會持續配送成人及兒童口罩位在新北市泰山區 、三芝區、桃園市新屋區、新竹市香山區、新竹縣竹北市、寶山鄉 、湖口鄉、新豐鄉、苗栗縣頭份市、後龍鎮、竹南鎮、台中市梧棲區、神岡區、清水區、沙鹿區、大雅區、彰化縣鹿港鎮、南投縣南投市、花蓮縣秀林鄉等日均銷售率達80％之鄉鎮市區其餘5921家藥局僅出貨成人口罩。</t>
  </si>
  <si>
    <t>口罩 實 名 制 20 將 上路 但 日前 食 藥 署 貼出 公告 由於 有 104 間 藥局 口罩 數量 剩 過多 因 此 10 12 日 都 不 會 收到 新 口罩 而 大部分 暫停 配送 的 藥局 都 位 在 雲林 台南 以及 高雄 等 地 新北 唯一一 間 則 位 在 瑞芳 藥師 全 聯會 日前 轉貼 公告 部分 藥局 暫停 口罩 配送 調整 之 後會 再 重新 上線 這 104 間 藥局 主要 以 雲 林縣 和 台南 市 最 多 由於 部分 藥局 位元處 偏 鄉 需求量 沒有 都市 區域 來 的 高 而 這 104 間 藥局 當中 還 包含 了 一 間位 在 新北 瑞芳 的 藥局 另外 藥師 全 聯會 也 公告 1112 日 口罩 配送 調整機制 的 結果 有 262 家 藥局 會 持續 配送 成人 及 兒童 口罩 位 在 新北 市 泰山區 三芝 區 桃園 市 新屋 區 新竹 市 香山 區 新竹 縣 竹北市 寶山鄉 湖口鄉 新豐鄉 苗栗縣 頭份 市 後龍鎮 竹南鎮 台中 市 梧棲 區 神岡 區 清水區 沙鹿區 大雅 區 彰 化 縣 鹿港鎮 南 投 縣 南投市 花蓮縣 秀林鄉 等 日均 銷售率 達 80 之鄉 鎮 市區 其 餘 5921 家 藥局 僅 出 貨 成人 口罩</t>
  </si>
  <si>
    <t>藥局口罩配送新北公告日前部分台南暫停瑞芳藥師聯會成人新竹南投市花蓮縣秀林鄉銷售率日均</t>
  </si>
  <si>
    <t>新冠肺炎武漢肺炎COVID-19新型冠狀病毒台灣</t>
  </si>
  <si>
    <t>肺炎武漢covid-病毒冠狀臺灣</t>
  </si>
  <si>
    <t>疫情群體免疫全球肆虐目前尚未研發直言疫苗部分醫師資料最新研究國家超過甚至至今爆發期待</t>
  </si>
  <si>
    <t>群體免疫研究抗體病毒疫苗疫情西班牙陽性大約症狀醫師吳昌騰目前至今資料報告人員部分國家出現</t>
  </si>
  <si>
    <t>資料抗體病毒免疫陽性群體</t>
  </si>
  <si>
    <t>照曝光大街出遊亮點報復完了</t>
  </si>
  <si>
    <t>新冠肺炎在台疫情趨緩也催出「報復性旅遊」端午連假全台各大景點全都塞爆指標性的墾丁大街更是恢復了多年前的繁榮人潮水泄不通一名網友就貼出墾丁大街上人擠人照片許多人看了也冷汗直流直呼完蛋了因</t>
  </si>
  <si>
    <t>大街報復旅遊端午疫情全台景點冷汗直流全都指標性繁榮人潮貼出網友更是</t>
  </si>
  <si>
    <t>新冠肺炎在台疫情趨緩也催出「報復性旅遊」端午連假全台各大景點全都塞爆指標性的墾丁大街更是恢復了多年前的繁榮人潮水泄不通一名網友就貼出墾丁大街上人擠人照片許多人看了也冷汗直流直呼完蛋了因為照片中的觀光客幾乎都沒戴口罩。
男網友今天(27日)在臉書「爆廢公社」PO出照片表示自己待在墾丁2天了詢問「有多少廢友也在這」。只見照片中人潮爆滿整條墾丁大街都塞滿了人潮彷彿回到4、5年前陸客造訪時的榮景。
人潮擠爆商家也不亦樂乎但不少網友看到照片後卻冷汗直流直呼完蛋：「幾乎都沒人戴口罩」、「感覺過幾天又要看到疫情新聞了」、「社交距離已經沒人在乎了」、「這個人潮也太誇張」、「完蛋了第二波疫情爆發也不意外」、「還好沒有去」、「大家都懶得戴口罩了」、「人果然是健忘的一下就完全忘記病毒的存在」。</t>
  </si>
  <si>
    <t>人潮照片疫情網友口罩大街完蛋看到沒人幾乎冷汗直流全台端午旅遊健忘</t>
  </si>
  <si>
    <t>口罩墾丁大街人潮完蛋報復性出遊</t>
  </si>
  <si>
    <t>人潮完蛋大街報復口罩出遊</t>
  </si>
  <si>
    <t>特別預算執行率紓困百分蘇貞昌</t>
  </si>
  <si>
    <t>國民黨立委林奕華今天在立法院質詢行政院長蘇貞昌過去SARS的特別預算執行率僅46％林奕華問蘇貞昌有沒有信心這次要通過的紓困特別預算執行率可以到90％蘇貞昌則誇下海口要以執行率百分之百為目標。林奕華指出</t>
  </si>
  <si>
    <t>蘇貞昌林奕華執行率特別預算法院質詢行政院長誇下海口過去沒有sars紓困信心今天可以百分之百目標國民黨指出</t>
  </si>
  <si>
    <t>國民黨立委林奕華今天在立法院質詢行政院長蘇貞昌過去SARS的特別預算執行率僅46％林奕華問蘇貞昌有沒有信心這次要通過的紓困特別預算執行率可以到90％蘇貞昌則誇下海口要以執行率百分之百為目標。
林奕華指出SARS當時也有通過特別預算但是執行率才46％而當時的行政院長就是現在的立法院長遊錫堃林奕華質詢蘇貞昌有沒有信心做得比當時的行政院長還要好？
由於遊錫堃也在現場主持院會場面有點尷尬蘇貞昌也立刻幫忙打圓場蘇貞昌說「不能怪當時的院長預算通過的時候是5月但是6月就已經沒有SARS了」蘇貞昌也說自己會以執行率百分之百為目標。</t>
  </si>
  <si>
    <t>蘇貞昌當時執行率預算行政院長sars林奕華沒有特別遊錫堃質詢院長信心百分之百目標尷尬有點主持現場法院院會要好今天</t>
  </si>
  <si>
    <t>新冠肺炎新型冠狀病毒 COVID-19台灣大陸</t>
  </si>
  <si>
    <t>病毒冠狀肺炎covid-臺灣大陸</t>
  </si>
  <si>
    <t>肺炎患者高齡治癒</t>
  </si>
  <si>
    <t>大陸新冠肺炎疫情發生以來14日晚間出現迄今治癒的最高齡患者──一名98的確診患者在河南省南陽市中心醫院成功治癒。現已轉到普通病房進行康復治療。現年98歲朱姓男患者最初以「發熱1天」為主訴進入南陽市第</t>
  </si>
  <si>
    <t>患者治癒南陽市疫情發生以來晚間出現肺炎最初發熱迄今朱姓進行現年病房治療康復普通轉到成功中心醫院為主高齡</t>
  </si>
  <si>
    <t>大陸新冠肺炎疫情發生以來14日晚間出現迄今治癒的最高齡患者──一名98的確診患者在河南省南陽市中心醫院成功治癒。現已轉到普通病房進行康復治療。
現年98歲朱姓男患者最初以「發熱1天」為主訴進入南陽市第二人民醫院。2月2日檢查確診感染新冠肺炎3日轉入南陽市中心醫院治療；12、13日兩度核酸複檢陰性14日複查肺部CT下肺感染明顯吸收。但因患者仍存在心功能不全及心房顫動等情況已轉到普通病房進行康復治療。</t>
  </si>
  <si>
    <t>患者南陽市治癒治療感染確診肺炎轉到普通病房複查全及心功能存在心房顫動肺部情況ct吸收明顯疫情進行</t>
  </si>
  <si>
    <t>患者治療南陽市醫院新冠肺炎</t>
  </si>
  <si>
    <t>南陽市醫院治療患者肺炎</t>
  </si>
  <si>
    <t>疫苗高端新供貨青少年試驗</t>
  </si>
  <si>
    <t>衛福部疾管署30日表示已和高端疫苗簽約採購新冠疫苗不過事實上高端的二期試驗根本還未完成12到18歲青少年的部分還沒做。且就在簽約的前一天新竹馬偕才嚴正聲明網傳的「高端在新竹馬偕徵青少年接受二期試驗」是</t>
  </si>
  <si>
    <t>高端竹馬青少年簽約試驗疫苗表示部分偕征根本事實上聲明嚴正管署完成採購</t>
  </si>
  <si>
    <t>衛福部疾管署30日表示已和高端疫苗簽約採購新冠疫苗不過事實上高端的二期試驗根本還未完成12到18歲青少年的部分還沒做。且就在簽約的前一天新竹馬偕才嚴正聲明網傳的「高端在新竹馬偕徵青少年接受二期試驗」是假消息且新竹馬偕表示查證之後發現消息是由廠商自行發布；高端同日則說明青少年二期試驗還未啟動對新竹馬偕感到抱歉。但高端並未承認自行發布上述消息。
衛福部疾管署30日表示已和高端疫苗簽約「110年國內COVID-19疫苗採購（案號CL110017）」合計採購500萬劑疫苗再附上後續擴充500萬劑。
不過高端的二期試驗根本還未完成且還造成糾紛。5月29日新竹馬偕聲明表示日前有群組網傳訊息「高端疫苗在新竹馬偕醫院徵12-18 歲青少年接受COVID-19疫苗二期試驗…」完全是子虛烏有新竹馬偕並表示「經查相關違法訊息係為廠商自行發布與本院無關」。
同日高端官網也發表聲明但僅說明近日新竹馬偕招募相關訊息是「社群媒體傳播」且造成醫院困擾高端在此澄清與致歉並提醒民眾「此試驗將待食藥署及各式驗中心人體試驗委員會審查同意後才會正式啟動受試者招募活動」。高端並未承認自行發布上述消息。
在這則「高端新冠疫苗青少年（12-18歲）二期臨床試驗說明」文中也指出高端疫苗已召募完COVID-19疫苗二期臨床試驗的20歲以上成人受試者日前已由獨立資料審查委員會（IDMC）審閱初步安全性資料依據台灣EUA（緊急使用授權）法規同意高端疫苗規劃青少年臨床試驗相關事宜。高端強調目前尚未正式招募青少年（12-18歲）受試者臨床試驗目前正持續和主管機關討論試驗設計。</t>
  </si>
  <si>
    <t>高端試驗疫苗竹馬青少年表示臨床訊息招募相關受試者說明自行發佈covid-聲明消息委員會同意審查目前資料採購日前</t>
  </si>
  <si>
    <t>新冠肺炎台灣試驗新竹馬偕高端</t>
  </si>
  <si>
    <t>試驗臺灣竹馬肺炎高端</t>
  </si>
  <si>
    <t>難關問題開工策略</t>
  </si>
  <si>
    <t>我的供應商無法交貨了怎麼辦？我的公司有400個員工在湖北不知道何時才能回崗位上班？我過春節的貨都賣不出去業績怎麼辦？新冠肺炎疫情延燒讓台商非常頭痛。資誠創新諮詢公司董事長劉鏡清指出受到新冠肺炎疫情影</t>
  </si>
  <si>
    <t>公司肺炎疫情員工湖北知道才能崗位班?春節頭痛創新非常台商董事長賣不出去</t>
  </si>
  <si>
    <t>我的供應商無法交貨了怎麼辦？我的公司有400個員工在湖北不知道何時才能回崗位上班？我過春節的貨都賣不出去業績怎麼辦？新冠肺炎疫情延燒讓台商非常頭痛。
資誠創新諮詢公司董事長劉鏡清指出受到新冠肺炎疫情影響預計要到3月底整個工廠生產才會回復到穩定狀態。換句話說整個製造生產將被影響至少2個月。另外消費也受到極大衝擊主要的原因是一月底至二月消費市場急凍整個消費循環都衝擊到估計第一季如果是大陸內銷為主的產業如手機、汽車相關等最高有可能近40%的影響。
擬定三項策略
曾任陸委會台商張老師、華信統領企管總經理袁明仁指出疫情可能要3個月才會完全平息台商口袋要夠深才能撐得過這波混亂；他說中美貿易戰受傷較重的是作外銷的台商此波新冠肺炎疫情則是重挫不少作內需市場的台商特別是很多回臺上市的台商例如餐飲業等這些台商在疫情時期無法開店但仍要付租金要付員工薪水口袋不夠深實在很難撐的下去。
面對種種問題劉鏡清指出台商需要擬定人力、生產和營收等三項短中長期策略：一、解決人力需求的問題長期而言企業應做好人才培育主管接班梯次計畫同時強化數位轉型與工業40減少對員工的依賴。
二、解決供應鏈的潛在問題短期掌握交期與數量：儘快與客戶聯繫再次確認訂單與交期因為變更的機率非常大。尤其是當客戶如果是手機、汽車等相關以大陸內需為主的產業更要特別注意。因為終端消費受影響客戶所在地如果被封城影響更大。長期而言要分散供應商地點建立彈性供應鏈。
三、解決營收與業績的問題產業是最終消費產品必須重新評估通路的吃貨能力及市場消費力需訂出更積極的銷售與行銷策略積極搶市占率；若是B2B公司能做的有限除了積極開拓市場必須設法於4至12月補足業績差額。
另外臺北經營管理研究院長陳明璋指出台商現在想移動也困難他估計大陸會提出積極的產業政策建議台商留在當地爭取紓困補助先求升級後做較複雜的轉型未來可朝大健康產業、醫療產品、文創等產業轉型。</t>
  </si>
  <si>
    <t>台商影響疫情指出問題消費積極產業員工業績策略公司客戶轉型生產解決大陸肺炎才能市場必須非常</t>
  </si>
  <si>
    <t>擬定業績台商員工肺炎</t>
  </si>
  <si>
    <t>業績員工擬定台商肺炎</t>
  </si>
  <si>
    <t>急診倒數解封</t>
  </si>
  <si>
    <t>全國三級警戒至7月12日屆時能不能解封備受關注雖然近期每日新增確診數趨緩不過中山醫學大學附設醫院兒童急診科主任謝宗學表示有3件事攸關重大若能先達到這3條件且維持一段時間才能暫時脫離封城的日</t>
  </si>
  <si>
    <t>才能一段時間維持不能條件解封達到備受近期新增確診數趨中山醫學關注大學附設醫院兒童急診科主任宗學表示重大</t>
  </si>
  <si>
    <t>全國三級警戒至7月12日屆時能不能解封備受關注雖然近期每日新增確診數趨緩不過中山醫學大學附設醫院兒童急診科主任謝宗學表示有3件事攸關重大若能先達到這3條件且維持一段時間才能暫時脫離封城的日子。
對於連續多日來新增本土病例都維持在2位數外界預期7月12日解封機率高。謝宗學在臉書《Dr E 小兒急診室日誌》表示今(1)日本土病例新增47例扣除正在居家檢疫隔離的病例後對社區有風險的病例剩下26位顯示疫情緩解趨勢持續中。不過謝宗學也指出若想恢復正常生活脫離只能宅在家裡的封城日子必須先達到下列3條件：
一、	對社區有風險、不明感染源的本土病例數每日少於10人
二、	沒有爆發群聚感染
三、	篩檢陽性率持續低於1%甚至更低
謝宗學說若以上這些條件都符合且維持一段時間我們將能恢復有條件的正常生活。他並預期疫苗覆蓋率將快速上升下一個我們要努力創造的台灣奇蹟就是疫苗覆蓋率在今年內達到50%以上比齊先進國家行列。
此外謝宗學也肯定疫情指揮中心終於採納各方意見同意對於入境旅客全部PCR採檢他認為在現今傳染力超強的Delta變異株肆虐國際的時空背景下多一次採檢就對社區多一分保障。</t>
  </si>
  <si>
    <t>病例宗學條件新增達到維持社區表示對於疫情持續感染以上預期生活覆蓋率疫苗本土脫離日子</t>
  </si>
  <si>
    <t>解封三級警戒疫苗防疫排名急診醫</t>
  </si>
  <si>
    <t>疫苗防疫排名警戒急診解封</t>
  </si>
  <si>
    <t>時中英國病毒變種台英管制境外</t>
  </si>
  <si>
    <t>國內今天新增3例新冠肺炎境外移入個案加上近期傳出英國出現變種新冠病毒倫敦20日緊急封城世界各國也中斷英國航班引發台灣民眾恐慌衛福部長、疫情中心指揮官陳時中表示台英往來管制加嚴下午一點半記者</t>
  </si>
  <si>
    <t>英國管制往來台英表示陳時中指揮官中心疫情部長衛福恐慌民眾臺灣肺炎引發航班境外中斷個案緊急世界封城加上</t>
  </si>
  <si>
    <t>國內今天新增3例新冠肺炎境外移入個案加上近期傳出英國出現變種新冠病毒倫敦20日緊急封城世界各國也中斷英國航班引發台灣民眾恐慌衛福部長、疫情中心指揮官陳時中表示台英往來管制加嚴下午一點半記者會公佈細節。
英國疫情爆發甚至還被發現是變種的新冠肺炎國民黨立委陳玉珍今天在立院質詢衛福部長陳時中對於台灣跟英國之間的交通往來是否有評估？陳時中表示疫情指揮中心還在評估中不過大方向就是「加嚴」下午一點半會對外說明。
陳玉珍指出現在很多國家都跟英國暫時停止航班往來台灣如何評估？陳時中表示對於現在英國變種病毒是否增加傳染力指揮中心都提高警覺並搜集各國相關情報目前決定「方向是加嚴」細節中午一點半會在記者會上宣佈大半方向定下來了。
陳玉珍說疫情期間往來的必要性也是減少陳時中說「對」。陳玉珍說暫時停止往來也是必要方向？陳時中回答方向是要加嚴可行性還要評估。</t>
  </si>
  <si>
    <t>英國陳時中往來疫情方向評估中心變種表示臺灣病毒肺炎陳玉珍玉珍是否現在今天指揮衛福記者會</t>
  </si>
  <si>
    <t>英國變種病毒疫情新冠肺炎陳玉珍</t>
  </si>
  <si>
    <t>疫情病毒肺炎變種陳玉珍英國</t>
  </si>
  <si>
    <t>疫情產業紓困國際加碼</t>
  </si>
  <si>
    <t>立法院臨時會開議在即考量新冠肺炎第2波國際疫嚴峻為因應外銷產業衝擊。蘇揆今天指示行政院祕書長李孟諺召集經濟部等相關部會會同行政院副院長沈榮津進行盤點不排除再加碼紓困及薪資補貼預算。沈榮津上午在</t>
  </si>
  <si>
    <t>行政院沈榮津在即考量肺炎薪資國際加碼開議紓困嚴峻因應外銷排除產業衝擊盤點蘇揆今天進行指示院長秘書長李孟</t>
  </si>
  <si>
    <t>立法院臨時會開議在即考量新冠肺炎第2波國際疫嚴峻為因應外銷產業衝擊。蘇揆今天指示行政院祕書長李孟諺召集經濟部等相關部會會同行政院副院長沈榮津進行盤點不排除再加碼紓困及薪資補貼預算。
沈榮津上午在向行政院長蘇貞昌報告時特別點出外銷市場可能受第2波國際疫情嚴重影響需研議增加薪資補貼。蘇揆回應不可能只有薪資補貼包括各產業紓困方案、資金挹助都應通盤討論。
目前包括經濟部及交通部都有提出新的紓困需求。蘇揆將在盤點後聽取相關建議。據悉若所需額度較高有可能再請立法院追加特別預算。</t>
  </si>
  <si>
    <t>蘇揆紓困補貼薪資經濟部相關外銷行政院可能沈榮津產業盤點國際包括特別預算法院在即考量都應通盤討論</t>
  </si>
  <si>
    <t>紓困薪資補貼國際產業</t>
  </si>
  <si>
    <t>產業薪資紓困補貼國際</t>
  </si>
  <si>
    <t>流動偷營麻將電錶函送裁處眼尖</t>
  </si>
  <si>
    <t>全國3級警戒特殊場所需歇業。桃園市龜山區一間麻將館卻涉私下營業員警獲報發現大門深鎖但電表快速流動決定入內盤查。雖內部僅有業者但麻將桌上有飲料隨即在後方防火下找到7名客人立即函送裁處。桃園市龜</t>
  </si>
  <si>
    <t>麻將桃園歇業電錶大門快速發現流動決定員警營業找到客人盤查立即後方函送防火私下</t>
  </si>
  <si>
    <t>全國3級警戒特殊場所需歇業。桃園市龜山區一間麻將館卻涉私下營業員警獲報發現大門深鎖但電表快速流動決定入內盤查。雖內部僅有業者但麻將桌上有飲料隨即在後方防火下找到7名客人立即函送裁處。
桃園市龜山警分局指出20日22時許位於龜山區萬壽路某麻將館疑似偷偷關門營業員警以電錶流動確定營業要求開門。雖然45歲吳姓業者辯稱無對外開放但是員警發現麻將桌上有飲料隨即在後門防火巷找到7名客人龜山警分局迴龍派出所開立記錄表移請市府依傳染病防治法開罰6萬至30萬元。
龜山分局表示新冠病毒疫情快速升溫全國進入三級警戒桃園市政府為了市民健康要求娛樂場所暫時歇業就是避免群聚感染員警機關配合政策強力宣導民眾配合政策並特別強調各派出所一定要針對相關特種行業強力執法不容許有偷偷營業情事避免造成防疫破口。</t>
  </si>
  <si>
    <t>營業麻將桃園員警分局派出所快速歇業避免強力要求偷偷業者發現客人流動電錶山區找到政策配合警戒飲料</t>
  </si>
  <si>
    <t>新冠肺炎台灣員警流動麻將館</t>
  </si>
  <si>
    <t>員警臺灣流動肺炎麻將</t>
  </si>
  <si>
    <t>崩潰菊花從沒az打完</t>
  </si>
  <si>
    <t>許多人打完疫苗都會出現副作用但多是接種部位痛、肌肉痠痛和發燒等症狀但昨天一名網友發文透露他打完AZ疫苗隔天除了發燒之外還出現超特殊的症狀「菊花痛」不舒服到他睡不著引起網友討論不少人看了忍不</t>
  </si>
  <si>
    <t>網友出現發燒症狀疫苗打完引起接種副作用菊花部位肌肉特殊酸痛之外透露az昨天發文討論</t>
  </si>
  <si>
    <t>許多人打完疫苗都會出現副作用但多是接種部位痛、肌肉痠痛和發燒等症狀但昨天一名網友發文透露他打完AZ疫苗隔天除了發燒之外還出現超特殊的症狀「菊花痛」不舒服到他睡不著引起網友討論不少人看了忍不住質疑這個症狀是不是其他原因造成的畢竟連疾管家健康回報都沒這選項不過也有人認為如果真的感覺不適建議還是盡速就醫為上。
一名網友昨在PTT上發文表示大概在26日的下午六、七點左右去打了AZ疫苗當下並沒有什麼特別的感覺直到隔天淩晨兩點半副作用才開始發作讓他從睡夢中醒過來由於身體實在很不舒服趕緊測量體溫才發現原來他開始發燒了。
該網友指出他的體溫從原本的376度一路上升到389度只覺得自己全身又冷又熱最扯的是就連「菊花」也開始不舒服。且打完疫苗的副作用實在太難受讓他躺在床上怎麼樣都睡不著最後只好吞普拿疼來緩解。「我抵抗力好成這樣後天有辦法上班嗎？」
不少網友看了直呼「發燒正常肛門酸痛幾乎沒聽過疾管家健康回報都沒這選項」、「之前打也發燒、全身痠痛無力但沒有菊花痛這回事」、「疫苗打完有些微副作用很正常但肛門那個是怎麼回事」、「英國人打了第一劑AZ後形容像被卡車撞到一樣痛苦原來是真的」。
至於原PO分享的「肛門痛」症狀多數網友都表示從未聽過因此建議他如果持續感到不舒服建議還是去看醫生比較好。
根據疾管署網站上公佈的新冠疫苗副作用其中包括接種部位紅腫疼痛、疲倦、頭痛、肌肉痠痛、發燒、畏寒、關節痛等症狀不過多數的症狀都會在48小時內緩解。</t>
  </si>
  <si>
    <t>網友發燒疫苗症狀副作用酸痛舒服打完開始肛門az菊花建議原來表示</t>
  </si>
  <si>
    <t>發燒症狀副作用AZ新冠肺炎</t>
  </si>
  <si>
    <t>副作用az症狀發燒肺炎</t>
  </si>
  <si>
    <t>數位可先零售業kpmg企業</t>
  </si>
  <si>
    <t>新冠肺炎持續衝擊零售產業KPMG安侯建業消費與零售產業主持會計師黃柏淑20日表示如果上半年度疫情爆發和消費者的信心下降沒有緩和許多實體零售企業可能無法生存。她建議零售業應考慮併購數位企業創造投資機</t>
  </si>
  <si>
    <t>零售企業產業衝擊數位並購考慮零售業建議主持表示上半年疫情會計師爆發消費者生存信心黃柏淑無法下降可能沒有緩和實體持續kpmg消費</t>
  </si>
  <si>
    <t>新冠肺炎持續衝擊零售產業KPMG安侯建業消費與零售產業主持會計師黃柏淑20日表示如果上半年度疫情爆發和消費者的信心下降沒有緩和許多實體零售企業可能無法生存。她建議零售業應考慮併購數位企業創造投資機會。
黃柏淑表示近一個月以來新冠肺炎疫情持續升溫各國採取區域封閉管制導致全球航運、海運等物流配送受影響零售業將面臨供應鏈挑戰復甦速度將有待觀察應及早透過併購數位公司或是及早導入線上行銷系統因應。
KPMG全球20日發布新冠肺炎對零售業影響的產業報告指出近19年中國大陸零售產業每年春節期間實體零售商機都在成長自2001年041兆元人民幣逐年提升到2019年的101兆元人民幣呈現倍數成長。但2020年受到新冠肺炎影響零售產業實體店面飽受衝擊但線上零售則躍升到05兆元人民幣。
報告也顯示在2002～2003年中國大陸的消費品零售總額成長率多在9％以上但在2003年3月～7月因適逢SARS期間成長率降至43％但半年後隨即回升到83％。
雖然疫情比SARS影響層面更廣但KPMG報告認為按照過去經驗只要新冠肺炎疫情獲得控制加上大陸電商蓬勃發展長期來看零售消費仍有良好的復甦力道。
黃柏淑則建議零售業應從控管成本、建立線上行銷和數位零售功能等減緩衝擊並建立長期營運能力。她舉例以控管成本而言企業應以靈活的管理方式來控制人力成本、租金成本並有效調整營業時間、降低成本讓現金流量處於合理水位。
黃柏淑也表示零售業要確保所有產品都有兩個以上的供應商使供應鏈更加流暢避免過度依賴單一供應商同時應導入線上銷售系統、投資機器人流程自動化（RPA）以長期發展為考量降低人工成本並提高效率。</t>
  </si>
  <si>
    <t>零售零售業成本疫情黃柏淑影響長期產業企業肺炎kpmg大陸表示報告實體衝擊數位人民幣供應商全球降低投資</t>
  </si>
  <si>
    <t>肺炎零售業成長率零售產業黃柏</t>
  </si>
  <si>
    <t>零售業零售產業成長率黃柏肺炎</t>
  </si>
  <si>
    <t>高端最慘後果登記數</t>
  </si>
  <si>
    <t>公費疫苗預約平臺重新開放意願登記新增高端疫苗選項截至今(28)日17時有意願接種高端疫苗的總計有55萬2445人其中只登記高端的有92萬人和昨天的37萬人相比一夕暴增對於突然有這麼多人願意打高端引起</t>
  </si>
  <si>
    <t>疫苗意願登記高端突然對於重新開放選項截至增高接種願意平臺相比昨天預約公費</t>
  </si>
  <si>
    <t>公費疫苗預約平臺重新開放意願登記新增高端疫苗選項截至今(28)日17時有意願接種高端疫苗的總計有55萬2445人其中只登記高端的有92萬人和昨天的37萬人相比一夕暴增對於突然有這麼多人願意打高端引起網路上一片好奇有網友分析有得打就打「無效大不了回頭打AZ最慘就這樣而已」。
根據指揮中心公佈截至28日17時全國意願登記完成總人數866萬7679人只登記AZ的有43萬5134人佔比502%；登記AZ、Moderna的421萬9066人佔比4868%；登記AZ、Moderna、高端的有37萬2704人佔比43%；登記AZ、高端的1萬6815人佔比019%；只登記Moderna的346萬0956人佔比3993%；登記Moderna、高端的7萬0787人佔比082%；只登記高端的有9萬2217人佔比106%。
由於高端疫苗還沒做出三期初步結果保護力如何近來受到高度討論有PTT網友驚訝表示「竟然有人敢打高端！」對於指揮中心公佈的意願統計也感到意外原PO指出雖然高端是次單位重組蛋白疫苗施打後副作用較小但有沒有效還不是那麼清楚好奇詢問「各位自己敢打高端？」
貼文一出引起熱議網友紛紛回應「高端就適合給那種很怕副作用的人啊」、「實際去的有4萬就不錯了」、「安慰自己還夠用想出國照樣要打別家啦」；也有人指出「身邊確實有朋友登記打高端」、「既然也沒證明沒效過度的嘲諷其實真的沒必要」。有網友分析如果副作用小頂多就是打了沒效神回「無效大不了回頭打AZ最慘就這樣而已」。</t>
  </si>
  <si>
    <t>高端疫苗意願登記網友副作用az沒效指出對於引起截至好奇公佈中心指揮分析</t>
  </si>
  <si>
    <t>高端疫苗疫苗預約意願登記莫德納AZ</t>
  </si>
  <si>
    <t>預約意願疫苗莫德納登記az高端</t>
  </si>
  <si>
    <t>美國經濟西岸分頭聯盟社會成軍國際</t>
  </si>
  <si>
    <t>因新冠狀病毒危機終於出現放緩跡象美國東北部7個州與西岸3個州各自敲定區域協議將聯手推動協同、逐步的重啟經濟計畫但也強調必須採取預防措施以免疫情再度爆發。週一美國通報至少1500個新冠肺炎新增死亡病例</t>
  </si>
  <si>
    <t>美國聯手協議推動至少協同逐步危機出現經濟計畫終於強調放緩跡象通報必須採取預防措施爆發週一疫情再度</t>
  </si>
  <si>
    <t>因新冠狀病毒危機終於出現放緩跡象美國東北部7個州與西岸3個州各自敲定區域協議將聯手推動協同、逐步的重啟經濟計畫但也強調必須採取預防措施以免疫情再度爆發。
週一美國通報至少1500個新冠肺炎新增死亡病例但遠低於上周每24小時就新增約2000個死亡病例顯示這場危機似乎已出現到頂的跡象。
在美國總統川普宣稱任何重啟美國經濟的決定都由他作主後以紐約州為首的東岸州政府團隊以及由加州、奧勒岡與華盛頓等3州組成的西岸團隊分頭宣佈其聯手復甦計畫。
紐約州長古莫（Andrew Cuomo）表示他將與鄰近的紐澤西、康乃狄克、德拉瓦、賓州與羅德島等合作研擬放寬防疫居家令的最佳策略。麻薩諸塞州隨後宣佈加入這個東岸聯盟。
美國西岸三個州亦宣佈將遵循共同的解除社交疏離計畫但也表示大規模重啟經濟的前提是新冠肺炎的傳播速度放緩。
這10個州的州長僅有麻州州長貝克（Charlie Baker）是共和黨籍其餘全屬民主黨。他們並未提出結束社交封鎖的時間表僅強調何時與如何重啟非必要商業活動與學校的決定將以居民的健康為優先並取決於科學而非政治。</t>
  </si>
  <si>
    <t>美國宣佈西岸經濟決定強調社交紐約州表示東岸聯手危機放緩病例死亡團隊跡象肺炎新增出現</t>
  </si>
  <si>
    <t>美國區域協議新冠肺炎防疫</t>
  </si>
  <si>
    <t>協定區域肺炎防疫美國</t>
  </si>
  <si>
    <t>新增確診升溫疫情新高</t>
  </si>
  <si>
    <t>韓國19日通報新冠肺炎確診病例新增297人不僅創下3月初以來單日新高紀錄更是連續第六日新增病例維持在三位數而這也讓總確診人數來到16058人死亡306人。新增病例主要集中於首都首爾及鄰近地區促使韓國當局</t>
  </si>
  <si>
    <t>病例新增確診韓國爾及首都集中新高紀錄以來肺炎更是連續月初位數創下維持鄰近地區人數來到死亡促使通報當局</t>
  </si>
  <si>
    <t>韓國19日通報新冠肺炎確診病例新增297人不僅創下3月初以來單日新高紀錄更是連續第六日新增病例維持在三位數而這也讓總確診人數來到16058人死亡306人。新增病例主要集中於首都首爾及鄰近地區促使韓國當局趕緊加強防疫並限制人潮聚集。</t>
  </si>
  <si>
    <t>病例新增確診韓國加強趕緊當局促使防疫鄰近地區爾及首都集中新高紀錄以來更是連續月初肺炎位數創下維持限制</t>
  </si>
  <si>
    <t>單日韓國新增病例第六日疫情升溫</t>
  </si>
  <si>
    <t>病例疫情新增升溫韓國</t>
  </si>
  <si>
    <t>墜毀佛州飛行員驚險逃生</t>
  </si>
  <si>
    <t>一架美國F-22隱形戰機週五早晨約9:15時在佛州進行例行訓練中墜毀飛行員安全彈射逃生並被送往當地艾格林空軍基地（Eglin Air Force Base）的醫院接受觀察與評估目前情況穩定。綜合外電報導這起墜機事件發生</t>
  </si>
  <si>
    <t>早晨外電報導綜合穩定情況佛州目前進行例行評估訓練觀察接受墜毀醫院base飛行員force安全週五air彈射逃生eglin空軍基地</t>
  </si>
  <si>
    <t>一架美國F-22隱形戰機週五早晨約9:15時在佛州進行例行訓練中墜毀飛行員安全彈射逃生並被送往當地艾格林空軍基地（Eglin Air Force Base）的醫院接受觀察與評估目前情況穩定。
綜合外電報導這起墜機事件發生在艾格林空軍基地東北方12英里（近20公里）的訓練場。美國空軍在聲明中說這次墜機沒有造成人員喪生或是民間財產損失而軍方正在調查事故原因。
這架戰機參與了向新冠肺炎醫護人員致敬的「美國強」（America Strong）飛行秀但發生墜機事故後表演將暫停。不過稍後艾格林空軍基地官員說這架飛機並未參與飛行秀。
F-22是公認世上最先進的戰機之一一架造價143億美元（近43億台幣）。由於五角大廈將重心轉移到生產F-35上因此從2011年起就不再製造F-22。
由於五角大廈將重心轉移到生產F-35上因此從2011年起就不再製造F-22。而F-22原本就不多再折損一架將產生重大的衝擊。事實上2018年時在颶風麥可（Hurricane Michael）重創下好幾架停在佛羅裡達州汀道爾空軍基地（Tyndall Air Force Base）F-22都因而受損。
而汀道爾空軍基地因受災嚴重許多戰機後來都遷往艾格林空軍基地。</t>
  </si>
  <si>
    <t>f-空軍基地戰機艾格林墜機事故參與飛行發生道爾baseforceair美國五角大廈michael颶風hurricane製造</t>
  </si>
  <si>
    <t>F-22墜毀隱形戰機新冠肺炎武漢肺炎</t>
  </si>
  <si>
    <t>戰機墜毀肺炎武漢f-</t>
  </si>
  <si>
    <t>歐洲多國因接種AZ疫苗後出現血栓故暫時施打亞洲的泰國昨日（12）也宣佈停打衛福部部長陳時中卻呼籲「持續施打」引發不少質疑。藥師林士峰表示血栓發生率約萬分之006AZ疫苗的保護力卻只有70~90%之間台灣</t>
  </si>
  <si>
    <t>施打疫苗血栓az保護宣佈衛福部部長昨日陳時中萬分出現呼籲泰國表示持續亞洲引發發生率暫時質疑</t>
  </si>
  <si>
    <t>歐洲多國因接種AZ疫苗後出現血栓故暫時施打亞洲的泰國昨日（12）也宣佈停打衛福部部長陳時中卻呼籲「持續施打」引發不少質疑。藥師林士峰表示血栓發生率約萬分之006AZ疫苗的保護力卻只有70~90%之間台灣應跟著停打較妥。網友則直言陳時中既然對自己那麼有信心又一再批評大陸製疫苗就應帶頭打AZ疫苗才對。
針對歐盟藥品管理局（EMA）表示歐洲已接種的500萬人中有30例血栓事件。藥師林士峰12日在臉書貼文強調疫苗就好像是施打在體內的「口罩」但是不同於口罩的是疫苗也是一種藥品凡使用藥品都有一定的機率必須承受藥品可能發生的「副作用」而使用藥品同時也要考量的點則是「他們能發揮多少的功效」。
林士峰指出500萬人施打疫苗後出現30例血栓發生率約為萬分之006遠低於罕見「千分之一到萬分之一之間」發生率血栓算是嚴重的副作用。但是考慮到AZ疫苗的保護力只有70~90%之間也遠低於輝瑞或莫德納疫苗的95%保護力。因此他才會主張我國是否也跟著去停打AZ疫苗會是比較有利的選項。
對此網友紛紛回應：「阿中啊！既然有信心是時候帶頭示範打AZ了」、「牙醫部長跟總統、院長應率全家公開先打……」「阿中先打AZ疫苗蔡英文接著打苗文武百官跟著打直接證據會出現」、「這個人壞透了多國已經停打有例證證明嚴重副作用可以讓健康人失去生命而自己怕死不帶頭施打？」「總統與五院院長還有陳時中先打！」「為什麼自己不敢先打？還要逼別人去打？」「請小英、陳時中、蘇貞昌及民進黨立委、高官先打都沒有問題了再給國民施打」。</t>
  </si>
  <si>
    <t>疫苗az施打陳時中血栓藥品副作用帶頭之間出現發生率保護表示信心網友總統部長</t>
  </si>
  <si>
    <t>AZ疫苗蔡英文疫苗新冠肺炎陳時中</t>
  </si>
  <si>
    <t>疫苗蔡英文肺炎陳時中az</t>
  </si>
  <si>
    <t>經濟刺激川普協定達成歐盟疫情世界更慘</t>
  </si>
  <si>
    <t>《中時電子報》精選5件不可不知的國際大事帶讀者掌握今（22）日的國際新聞重點。【1】歐盟達成25兆經濟刺激協議 各國領袖大爆走在新冠肺炎疫情衝擊下歐盟領袖21日在氣氛火爆的峰會中終於達成7500億歐元（約25</t>
  </si>
  <si>
    <t>領袖歐盟國際達成不可不精選大事峰會肺炎氣氛火爆疫情新聞協議衝擊刺激重點經濟</t>
  </si>
  <si>
    <t>《中時電子報》精選5件不可不知的國際大事帶讀者掌握今（22）日的國際新聞重點。
【1】歐盟達成25兆經濟刺激協議 各國領袖大爆走
在新冠肺炎疫情衝擊下歐盟領袖21日在氣氛火爆的峰會中終於達成7500億歐元（約25兆台幣）的經濟刺激協議。據傳法國總統馬克宏在峰會上大動肝火痛罵奧地利總理庫爾茨、荷蘭總理呂特等人。
【2】川普終於認了：新冠疫情會更慘
白宮21日重啟疫情記者會川普大轉性終於承認美國的新冠肺炎疫情會更惡化同時他也呼籲民眾如不能遵守社交距離就要戴上口罩不過整場記者會上川普本人並未以身作則戴上口罩。
【3】法國表態 不會禁止華為在法投資
英國13日決定今年底不再採購華為相關設備並在2027年要求營運商全數替換華為電信設備外界關注作為華為重點市場的歐盟國家下一步動態不過法國21日率先表態有別於英國立場法政府當局不會禁止華為在法國投資。
【4】美正式起訴2陸駭客 控竊新冠、國防機密
美國司法部21日正式起訴2名大陸籍駭客指控他們竊取新冠肺炎相關研究資料及國防機密造成全球數百人受害。
【5】1956年來首次 諾貝爾獎因疫情取消宴會
新冠肺炎蔓延全球不少大型活動取消或延期。諾貝爾獎基金會（Nobel Foundation）21日表示由於新冠肺炎疫情影響將取消12月例行諾貝爾獎宴會頒獎典禮也將以「新形式」舉行。</t>
  </si>
  <si>
    <t>疫情華為肺炎法國川普終於歐盟諾貝爾獎取消峰會相關國際重點領袖達成全球機密國防英國記者會表態協定刺激</t>
  </si>
  <si>
    <t>1分鐘看世界國際新聞全球新聞中時電子報世界衛生組織</t>
  </si>
  <si>
    <t>新聞全球電子國際世界世界衛生組織</t>
  </si>
  <si>
    <t>指揮遭到刁難中心工作提供返回解隔單確診</t>
  </si>
  <si>
    <t>不少曾經確診的個案既無法打疫苗也拿不到陰性證明返回工作崗位遭到刁難中央流行疫情指揮中心醫療應變組副組長羅一鈞表示已經要求地方政府提供「解隔單」若雇主刁難可以依照傳染病防治法開罰一到十五萬</t>
  </si>
  <si>
    <t>刁難疫苗可以傳染病陰性無法已經表示要求羅一鈞證明地方政府提供雇主組長應變醫療中心返回遭到工作崗位</t>
  </si>
  <si>
    <t>不少曾經確診的個案既無法打疫苗也拿不到陰性證明返回工作崗位遭到刁難中央流行疫情指揮中心醫療應變組副組長羅一鈞表示已經要求地方政府提供「解隔單」若雇主刁難可以依照傳染病防治法開罰一到十五萬元。
本土疫情確診病患超過一萬人解除隔離羅一鈞表示最近接獲很多民眾詢問許多康復的民眾有需要回去上班但因為居住、安養等機構有設下管制要有七日內檢驗報告或是疫苗接種證明才能返回工作。然而因為確診者後續會有陰陽反覆等可能會長達三個月加上確診過六個月內不能列入公費疫苗接種對象面臨兩邊卡關。
為瞭解套羅一鈞表示讓民間事業者希望對於確診者不能要求其出示證明但可以拿衛生局由縣市政府拿「解隔單」開立一兩天內會收到上面有清楚說明不會具有傳染力讓曾確診的個案可持解除隔離通知書就形同康復證明書「請各單位不要再為難確診者用這個代替檢驗陰性證明可以安全返回工作。」
羅一鈞表示根據傳染病防治法第十一條、第十二條也有保護就學權、工作權等。這次主管機關對於感染者出現不公平待遇時可以檢具違法可以處以一到十五萬元罰鍰。</t>
  </si>
  <si>
    <t>確診表示可以羅一鈞證明疫苗工作返回疫情康復刁難隔離解除要求接種不能防治法檢驗傳染病對於</t>
  </si>
  <si>
    <t>確診者康復羅一鈞刁難解隔單</t>
  </si>
  <si>
    <t>羅一鈞康復刁難解隔單確診</t>
  </si>
  <si>
    <t>新北工程中心侯友宜確診</t>
  </si>
  <si>
    <t>北藝中心爆出有40人群聚感染新北市長侯友宜表示這暗中有16人住在新北都在掌握中他也說薪北9項工程中也共計有11人確診都經過停工、隔離、清消、確認9項工程都已經復工。侯友宜說前一段時間建築工程都</t>
  </si>
  <si>
    <t>侯友宜工程新北人群感染確認市長復工隔離已經停工表示確診掌握共計爆出暗中中心</t>
  </si>
  <si>
    <t>北藝中心爆出有40人群聚感染新北市長侯友宜表示這暗中有16人住在新北都在掌握中他也說薪北9項工程中也共計有11人確診都經過停工、隔離、清消、確認9項工程都已經復工。
侯友宜說前一段時間建築工程都有做很多防疫作為雙北建築工程常常互相交流除了到臺北工地也會到新北做市府都加強掌控。
侯友宜說新北工程防疫作為包括進入工地實名制、量測體溫、酒精消毒、全程配戴口罩、落實勤洗手、用餐開會採梅花座、保持安全距離等。</t>
  </si>
  <si>
    <t>新北工程侯友宜工地作為建築工程防疫開會用餐勤洗手落實口罩梅花座配戴全程消毒酒精測體溫</t>
  </si>
  <si>
    <t>新冠肺炎台灣新北侯友宜北藝中心</t>
  </si>
  <si>
    <t>新北侯友宜臺灣肺炎中心</t>
  </si>
  <si>
    <t>網友新北參議</t>
  </si>
  <si>
    <t>新北市疫情嚴峻總統府參議郭昆文9日在臉書發文寫下「第一第一得第一侯友宜讚」被罵翻郭隨即刪文嗣發表聲明表示本人臉書的私人貼文並無影射之意惟因引起不當的聯想造成混亂深感抱歉！不過此事件被P</t>
  </si>
  <si>
    <t>混亂總統府造成聯想參議不當郭昆文引起深感嚴峻發文影射寫下侯友宜隨即私人</t>
  </si>
  <si>
    <t>新北市疫情嚴峻總統府參議郭昆文9日在臉書發文寫下「第一第一得第一侯友宜讚」被罵翻郭隨即刪文嗣發表聲明表示本人臉書的私人貼文並無影射之意惟因引起不當的聯想造成混亂深感抱歉！不過此事件被PTT八卦版罵翻「還在政治鬥爭？」
郭昆文9日在臉書發表「第一第一得第一侯友宜讚」被罵翻郭隨即刪文。郭昆文嗣後發表聲明本人臉書的私人貼文並無影射之意惟因引起不當的聯想造成混亂深感抱歉！郭昆文表示無論中央或地方的防疫團隊都非常努力非常辛苦都應該受到支持與鼓勵更希望各界團結一起讓疫情早日得到控制大家能回到正常的生活。
郭昆文的發文被PTT八卦版罵翻紛紛砲轟到現在還在政治鬥爭下限無止盡這種水準？把疫情當兒戲看嗎？人前講同島一命這種早該辭職了吧！以為新北百萬人沒有DPP選民？20年內別想拿回雙北了！</t>
  </si>
  <si>
    <t>郭昆文疫情表示發表新北政治鬥爭發文抱歉ptt八卦深感年內選民聲明dpp混亂沒有應該</t>
  </si>
  <si>
    <t>新冠肺炎台灣侯友宜郭昆文新北</t>
  </si>
  <si>
    <t>侯友宜肺炎臺灣郭昆文新北</t>
  </si>
  <si>
    <t>現在採取omicron行動鐘南山</t>
  </si>
  <si>
    <t>新冠變種病毒Omicron來襲針對大陸將如何應對中國工程院院士鐘南山研判Omicron變種病毒的危害性還需要一段時間的判斷需隨時注意但是現在還不會採取比較大的行動。中國罕見病聯盟呼吸病學分會第一屆全國會議</t>
  </si>
  <si>
    <t>omicron病毒變種中國行動比較採取現在應對中國工程院注意隨時判斷院士大陸鐘南山一段時間需要危害性呼吸</t>
  </si>
  <si>
    <t>新冠變種病毒Omicron來襲針對大陸將如何應對中國工程院院士鐘南山研判Omicron變種病毒的危害性還需要一段時間的判斷需隨時注意但是現在還不會採取比較大的行動。
中國罕見病聯盟呼吸病學分會第一屆全國會議28日在廣州舉行鐘南山出席會議並講話。
鐘南山表示從目前的情況來看Omicron變種病毒傳播速度快已在南非等地區流行近期在香港也發現了一例。Omicron變種病毒很新雖然分子基因檢測發現它在受體結合部位有比較多的變化但是它有多大的危害性、傳播會有多快、會不會使疾病更加嚴重以及是否需要針對它進行疫苗研發還要根據情況來判斷現在下結論為時太早。</t>
  </si>
  <si>
    <t>omicron變種鐘南山病毒情況需要發現現在判斷危害性比較全國廣州會議中國是否地區南非行動近期</t>
  </si>
  <si>
    <t>Omicron鐘南山變種病毒基因檢測疫苗研發</t>
  </si>
  <si>
    <t>病毒基因檢測變種鐘南山疫苗研發omicron</t>
  </si>
  <si>
    <t>華府川普外長連任新書波頓干預世界事務</t>
  </si>
  <si>
    <t>展開新的一天中時新聞網帶您看看世界發生了哪5件大事。【1】美國前國安顧問波頓出書大曝總統川普為了連任曾要中國大陸國家主席習近平幫忙還說在這位白宮主人眼裡台灣很渺小。【2】在中美關係緊張之際</t>
  </si>
  <si>
    <t>新聞網臺灣看看眼裡主人世界發生白宮大事美國幫忙習近平國安顧問主席渺小國家波頓出書大陸中國</t>
  </si>
  <si>
    <t>展開新的一天中時新聞網帶您看看世界發生了哪5件大事。
【1】美國前國安顧問波頓出書大曝總統川普為了連任曾要中國大陸國家主席習近平幫忙還說在這位白宮主人眼裡台灣很渺小。
【2】在中美關係緊張之際雙方外長閉門會議17日在夏威夷登場雙方各自表達了立場。
【3】北韓最近態度十分強硬繼皇妹金與正下令爆破拆除開城兩韓聯絡辦公室後又傳出平壤可能秀潛射飛彈的消息。
【4】新冠肺炎第二波疫情來襲病毒在北京可能已潛伏1個月。
【5】美國總統大選今年11月即將見真章由於現任總統川普引發的爭議不斷新民調顯示他遠遠落後民主黨對手拜登。</t>
  </si>
  <si>
    <t>美國可能川普總統雙方遠遠顯示新民新聞網不斷看看落後白宮主人眼裡幫忙臺灣習近平世界爭議主席渺小國家</t>
  </si>
  <si>
    <t>川普波頓習近平台灣美國</t>
  </si>
  <si>
    <t>美國臺灣習近平川普波頓</t>
  </si>
  <si>
    <t>隔離中南宛如普渡獨家</t>
  </si>
  <si>
    <t>37歲的張先生是專帶歐洲團的領隊2/16帶團前往義大利旅遊沒想到旅遊到一半義大利確診人數瞬間從3人激增至&amp;nbsp;400人(目前已破2500例)中央指揮中心2/27於是將義大利旅遊疫情升至第三級警告導致張先生一團共</t>
  </si>
  <si>
    <t>大利旅遊張先生警告歐洲團領隊升至帶團疫情前往中央人數指揮確診中心導致&amp;nbsp目前激增瞬間</t>
  </si>
  <si>
    <t>37歲的張先生是專帶歐洲團的領隊2/16帶團前往義大利旅遊沒想到旅遊到一半義大利確診人數瞬間從3人激增至 400人(目前已破2500例)中央指揮中心2/27於是將義大利旅遊疫情升至第三級警告導致張先生一團共17人2/29抵台便需要進行14天的居家檢疫。
「我們的團員來自北中南有4對新婚夫妻、也有50多歲的熟齡族大家旅遊時感情就很好再加上都要居家檢疫14天所以我們就成立一個群組每天分享檢疫生活的趣事。」張先生說目前他們已經進入居家檢疫的第5天最有趣的莫過於各團員分享的居家檢疫關懷包大家收到的時間都不相同以他自己居住的新北市為例大約是第4天時收到其他有些人則是第2天。
各個地方政府的居家檢疫包共通點是都附上14個口罩其他部分則各有風格「以新北市來說線上服務做得非常棒有14天免費影音可以盡情追劇還有雲端圖書館、宅在家運動指南。」台中的居家檢疫包的特色是附贈體溫計方便自我檢測健康狀況台南則帶些寧靜的禪意居然提供《靜思語》書籍希望居家檢疫生活能夠沉澱心靈。
其中最令團員們「激賞」的莫過於桃園的居家檢疫包除了有消毒水之外居然有滿滿的零食跟泡麵再加上是新婚夫妻一起居家檢疫所以是2人份的分量擺出來拍照簡直就像普渡拜拜一般澎湃。張先生笑說新婚夫妻不僅吃得好、兩人還會在家一起唱卡拉ok甜蜜蜜放閃也讓其他人戲稱14天後應該就會傳出好消息！
更多 CTWANT 報導</t>
  </si>
  <si>
    <t>檢疫居家旅遊張先生新婚大利夫妻團員在家居然目前新北一起生活</t>
  </si>
  <si>
    <t>新冠肺炎武漢肺炎居家檢疫義大利隔離</t>
  </si>
  <si>
    <t>肺炎居家武漢檢疫大利隔離</t>
  </si>
  <si>
    <t>日後預估公司飆漲新北果菜價格物資</t>
  </si>
  <si>
    <t>本土疫情大增雙北週六升三級警戒引發民眾恐慌性採購新北果菜公司週末所有蔬菜大漲近40％「菜母」高麗菜價格更是漲飆破3倍新北果菜公司總經理江惠貞表示產地蔬菜供貨充足如今碰上雙北18日起高中職以下</t>
  </si>
  <si>
    <t>蔬菜新北果菜公司雙北警戒碰上如今引發充足民眾供貨北周恐慌性採購產地表示漲飆江惠貞週末總經理</t>
  </si>
  <si>
    <t>本土疫情大增雙北週六升三級警戒引發民眾恐慌性採購新北果菜公司週末所有蔬菜大漲近40％「菜母」高麗菜價格更是漲飆破3倍新北果菜公司總經理江惠貞表示產地蔬菜供貨充足如今碰上雙北18日起高中職以下停課團膳每天約可釋出約18公噸蔬菜預估18日後菜價可回穩一些。
江惠貞說週六雙北提升三級警戒週末民眾瘋搶物資果菜公司週末沒有刻意從南部進口菜因此蔬菜整體約漲40％「菜母」高麗菜是所有民生便當、團膳常用蔬菜加上目前不是產季產量較少因此高麗菜價格飆漲33倍而葉菜類像是大陸妹、小白菜、牛番茄等約都漲到15倍反映民眾恐慌心理。
「菜都還在田裡不會不夠！」江惠貞說產地蔬菜量都足夠由於疫情關係民眾避不出門拍賣場人也少目前整體供貨型態會有所改變目前大多採預約交易或直接透過電商平臺購菜18日起學生停課兩周中央餐廚蔬菜頓時停止供餐團餐兩周約可釋出約200公噸蔬菜預估價格可回穩。
新北果菜公司經理郭瑞榮進一步指出今年氣候好梅雨季節短蔬菜量充足水果部分雖然整體較往年小顆但甜度也較甜且因為不是日常用食因此價格沒有落差太大其實供貨端的產地也很緊張週末時很擔憂因為疫情無法將菜輸出民眾不必搶囤蔬菜。
郭瑞榮坦言非常時期蔬菜價格漲跌、供應多寡本來就會較不穩定他也聽聞南部有搶購蔬菜新北果菜公司目前致力媒合團膳公司釋出的蔬菜提供電商、宮廟、企業認購等方式以平衡蔬果物價。</t>
  </si>
  <si>
    <t>蔬菜價格民眾公司果菜目前週末新北疫情供貨整體產地警戒沒有郭瑞榮充足</t>
  </si>
  <si>
    <t>新冠肺炎台灣  蔬菜新北果菜公司民眾</t>
  </si>
  <si>
    <t>蔬菜臺灣新北肺炎果菜公司民眾</t>
  </si>
  <si>
    <t>接種疫苗bnt施打az</t>
  </si>
  <si>
    <t>混打開放中心日前預告指揮表示az醫療出席頒獎典禮政策急轉彎指揮官規劃奉獻獎陳時中bnt公佈昨日疫苗疫情</t>
  </si>
  <si>
    <t>接種表示混打疫苗開放莊人祥預約bnt校園指揮中心az時間流感疫苗符合民眾資格疫情發言人預計</t>
  </si>
  <si>
    <t>混打陳時中開放AZ疫苗</t>
  </si>
  <si>
    <t>疫苗開放az陳時中混打</t>
  </si>
  <si>
    <t>獲利電子業績</t>
  </si>
  <si>
    <t>鴻海（2317）今（15）日召開線上法說公佈2020年首季財報。受新冠肺炎疫情衝擊毛利率45％、營益率049％、淨利率022％歸屬母公司稅後淨利2083億元季減9564％、年減8949％每股盈餘（EPS）015元均為2</t>
  </si>
  <si>
    <t>淨利召開公佈首季衝擊疫情肺炎母公司毛利率歸屬營益</t>
  </si>
  <si>
    <t>首季疫情增加指出新低黃德才產品毛利率成本預期費用營益客戶低點公佈</t>
  </si>
  <si>
    <t>鴻海營收毛利率營益率獲利</t>
  </si>
  <si>
    <t>毛利率營益獲利</t>
  </si>
  <si>
    <t>學生到校桃園校長出面確診喊冤</t>
  </si>
  <si>
    <t>桃園市桃園區北科附工1名學生確診學校3日緊急停課不少家長指責「已經知道有人確診為何今天還讓其他學生到校上課？」校長陳勝利喊冤2日晚間8點得知學生自行快篩陽性先向上通報11點半PCR陽性確診但礙於</t>
  </si>
  <si>
    <t>學生確診陽性自行得知知道已經學校晚間到校家長停課指責今天陳勝利喊冤校長上課緊急通報先向</t>
  </si>
  <si>
    <t>桃園市桃園區北科附工1名學生確診學校3日緊急停課不少家長指責「已經知道有人確診為何今天還讓其他學生到校上課？」校長陳勝利喊冤2日晚間8點得知學生自行快篩陽性先向上通報11點半PCR陽性確診但礙於時間已晚且學生需進行快篩3日早上8點多一併於校內宣佈停課進一步進行快篩。
北科附工全校有2400多名學生200多名教師師生共將近2700人。桃園市教育局指出染疫學生（案16122）所在班級有35名學生、曾接觸3名老師案16122僅開學日9月1日有到校上課當天體溫、身體健康狀況皆正常但9月2日早上覺得身體疲累請假未到校上課晚間在家使用快篩後發現陽性再近一步做PCR檢測才確診。
陳勝利表示學校2日晚間接獲學生聽到消息學生快篩陽性已是晚上8點半夜11點半才知道確診與衛生局討論後決定3日宣佈停課等所有學生到校後由衛生局先做衛教並發放快篩試劑給學生後來臨時通知全校都要做PCR檢測3點起醫療人員進駐學校目前正在進行PCR檢測中。</t>
  </si>
  <si>
    <t>學生確診到校pcr學校陽性上課晚間進行停課檢測早上全校知道衛生局桃園宣佈</t>
  </si>
  <si>
    <t>新冠肺炎台灣學生確診PCR</t>
  </si>
  <si>
    <t>臺灣學生肺炎確診pcr</t>
  </si>
  <si>
    <t>肺炎影響勤業不動產業</t>
  </si>
  <si>
    <t>勤業眾信（Deloitte）聯合會計師事務所今（21）日發布《2020不動產業趨勢展望》報告內容指出新冠肺炎改變既有的生活與工作型態不動產業傳統的行銷和銷售方式亦受到消費模式變化、遠距辦公等因素影響。根據台</t>
  </si>
  <si>
    <t>不動產業變化聯合模式會計師消費受到事務所方式銷售發佈行銷deloitte傳統趨勢展望指出改變肺炎型態報告內容工作生活</t>
  </si>
  <si>
    <t>勤業眾信（Deloitte）聯合會計師事務所今（21）日發布《2020不動產業趨勢展望》報告內容指出新冠肺炎改變既有的生活與工作型態不動產業傳統的行銷和銷售方式亦受到消費模式變化、遠距辦公等因素影響。
根據台灣不動產投資協會《2020年第一季台灣商業不動產投資信心指數調查》疫情衝擊商業不動產投資信心「土地開發、辦公室、經濟環境、店面和旅館」五指標表現均下降。勤業眾信建議業者應藉此機會思考轉型策略善用「數位科技、個人化服務、強化資安與隱私」精準掌握「地點、體驗與分析」致勝關鍵。
勤業眾信聯合會計師事務所不動產產業負責人楊清鎮表示美中貿易戰促使企業思考供應鏈重組和台商回流工業區開發、辦公廠房市場需求看漲。然而新冠疫情延燒造成不動產上游營建業面臨進口建材原料斷鏈、人力短缺等問題而企業面臨經營困境或因實施遠距辦公使得商辦租賃需求減少進而導致開發商推案進度延遲、租售業未來交易表現不如預期等衝擊。
楊清鎮認為疫情期間「線上看房」意願將大幅上升並可能成為長期趨勢建議不動產業者強化數位技術來提升客戶體驗以因應疫情過後的市場需求回溫和避免在轉型浪潮中被淘汰；同時面對勢必迎接的「後疫情」時期建議業者「提前開發與尋找合適地點、強化體驗與分析技術」精準掌握不動產業的致勝關鍵。</t>
  </si>
  <si>
    <t>疫情不動產業不動產辦公開發建議強化體驗面臨企業表現轉型思考清鎮投資數位市場需求勤業業者衝擊地點事務所技術</t>
  </si>
  <si>
    <t>聯合不動產業勤業眾信不動產清鎮</t>
  </si>
  <si>
    <t>勤業不動產業不動產清鎮聯合</t>
  </si>
  <si>
    <t>az疫苗宣佈日本運送</t>
  </si>
  <si>
    <t>日本外務大臣茂木敏充今（6）日宣佈將在8日追加提供台灣113萬劑AZ疫苗。路透社報導日本外務大臣茂木敏充今日在例行記者會上表示日本將會再捐贈台灣113萬劑AZ疫苗這批疫苗將於8日配送。日本先前已經無償捐贈</t>
  </si>
  <si>
    <t>日本疫苗敏充az臺灣捐贈外務大臣今日表示例行記者會提供路透社報導配送宣佈追加先前已經</t>
  </si>
  <si>
    <t>日本外務大臣茂木敏充今（6）日宣佈將在8日追加提供台灣113萬劑AZ疫苗。
路透社報導日本外務大臣茂木敏充今日在例行記者會上表示日本將會再捐贈台灣113萬劑AZ疫苗這批疫苗將於8日配送。
日本先前已經無償捐贈台灣124萬劑阿斯特捷利康（AstraZenecaAZ）疫苗這批疫苗已於6月4日運抵台灣總計日本至今提供台灣237萬劑AZ疫苗。
目前台灣自行採購的疫苗劑量總計達2981萬劑包括向阿斯特捷利康採購1000萬劑AZ疫苗、莫德納採購505萬劑疫苗、透過COVAX採購476萬劑疫苗、及1000萬劑國產疫苗當中已到貨約152萬劑分別為自行採購的117萬劑AZ、COVAX平臺分配的6096萬劑AZ、以及80萬劑莫德納疫苗。
另外日本捐贈237萬劑AZ疫苗、美國捐贈250萬劑莫德納疫苗、立陶宛捐贈2萬劑AZ總計外國贈台489萬劑疫苗目前已到貨374萬劑。</t>
  </si>
  <si>
    <t>疫苗az日本臺灣採購總計捐贈自行阿斯特敏充莫德納捷利康提供目前covax到貨外務大臣今日例行表示記者會分別</t>
  </si>
  <si>
    <t>#新冠肺炎#台灣#全球日本AZ113萬劑疫苗</t>
  </si>
  <si>
    <t>臺灣全球肺炎日本az疫苗</t>
  </si>
  <si>
    <t>遍及足跡境外公佈咖啡北市</t>
  </si>
  <si>
    <t>中央流行疫情指揮中心7日公佈1境外移入確診個案16147北市衛生局今公佈足跡說明指出案16147 在6日確診感染源為境外移入8月28日解除隔離前採檢為陰性因需出國至醫院採檢陽性確診(CT值超過30)。北市衛生局表</t>
  </si>
  <si>
    <t>確診公佈衛生局北市境外中心陽性ct隔離解除足跡指出說明感染指揮個案陰性醫院超過疫情</t>
  </si>
  <si>
    <t>中央流行疫情指揮中心7日公佈1境外移入確診個案16147北市衛生局今公佈足跡說明指出案16147 在6日確診感染源為境外移入8月28日解除隔離前採檢為陰性因需出國至醫院採檢陽性確診(CT值超過30)。
北市衛生局表示9月2日下午6點30分至晚上8點曾到過Dreamers Coffee Roaster；9月4日早上10點曾到家樂福超市臺北八德店；9月5日下午6點全聯福利中心吉祥店已於9／6完成清消9／7停業1天。</t>
  </si>
  <si>
    <t>確診公佈衛生局下午北市境外已於完成中心陽性早上超市家樂福dreamers臺北晚上隔離吉祥分至解除</t>
  </si>
  <si>
    <t>境外移入新冠肺炎台灣臺北市足跡</t>
  </si>
  <si>
    <t>肺炎臺灣臺北市境外足跡</t>
  </si>
  <si>
    <t>白工家長下線封鎖同業聲援白嫖只能</t>
  </si>
  <si>
    <t>本土疫情不見升溫為了降低感染風險不少辛苦的醫護人員改先看診、後收費的「視訊看診」方式不過卻有民眾罔顧醫護人員的信任看完診一秒下線並封鎖醫師帳號鑽小門的舉動令人傻眼！日前小兒科醫師陳木榮就</t>
  </si>
  <si>
    <t>醫師降低感染風險日前辛苦傻眼醫護人員升溫舉動小門封鎖方式下線民眾信任顧醫護人員小兒科不見</t>
  </si>
  <si>
    <t>本土疫情不見升溫為了降低感染風險不少辛苦的醫護人員改先看診、後收費的「視訊看診」方式不過卻有民眾罔顧醫護人員的信任看完診一秒下線並封鎖醫師帳號鑽小門的舉動令人傻眼！
日前小兒科醫師陳木榮就在粉絲團《柚子醫師的育兒診療室 - Dr陳木榮醫師》無奈PO文稱自己看視訊門診看得「昏天暗地」可是卻有家長得知孩子沒甚麼大礙也不用吃藥後立馬下線還封鎖診所LINE帳號錢都沒付就腳底抹油溜了讓陳木榮忍不住高喊「爸爸媽媽……你們還沒有付錢啊啊啊！」
此文一出許多網友聽了也怒氣沖沖留言聲援「沒品到極點」、「過河拆橋太誇張了」、「怎麼會這樣咧？真的是很沒有道德觀念耶！給方便當隨便！」其中還有人向陳木榮醫師喊話不能姑息養奸直呼「故意的！惡劣！以後誰敢／願意用這種方式遠端看診真的得先收費才看診！」「醫療不可以被這樣下流的使用不可以縱容！」
不僅如此同在醫界服務的婦產科名醫蘇怡寧看到此文也發聲力挺強調「我們的信念就是你只能白嫖我一次」至於網紅醫師《黑眼圈奶爸Dr 徐嘉賢醫師》則看了心有戚戚焉表示貪小便宜心態的家長為數不少所以他見怪不怪只能說「其實作為一個在網路上面常常跟大家閒聊的醫生跟大家回答問題我都很樂意只要在合理的範圍內都ok。但是我偶爾也會遇到一些無理的家屬和無理的要求認為這些都是理所當然的。我自己鼻子摸一摸就當作可能孩子生病父母心情就不會好就會亂發飆就不計較了。」
但話鋒一轉徐嘉賢醫師也強調「行政人員和護理師真的很辛苦疫情期間頂著面罩、穿著隔離衣要幫忙聯繫、打電話、再三確認、幫忙安排時間。而藥師也是穿著多重防護衣調劑藥物⋯備好藥膏、氣喘過敏的藥再三核對在已經忙碌的工作下再三確認後另外放置好」同時呼籲民眾尊重醫護人員畢竟「視訊看診要事前準備的工作很多跟一般看診難度更高。不體恤我也沒關係… 但同仁的付出真的不能被抹滅。」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醫師真的陳木榮再三家長不能辛苦沒有務必強調使用</t>
  </si>
  <si>
    <t>醫師看診陳木榮視訊看診</t>
  </si>
  <si>
    <t>陳木榮醫師</t>
  </si>
  <si>
    <t>積極壽司展店亞洲步調</t>
  </si>
  <si>
    <t>日系迴轉壽司業者亞洲藏壽司（2754）上半年營運轉虧每股虧損04元財務長田村和也表示主要受展店初期費用較高及新冠肺炎疫情影響。目前開業滿1年的既有店營收已回升至去年同期的80～90％未來仍將延續積極展店</t>
  </si>
  <si>
    <t>展店上半年營運未來去年同期回升虧損財務長田村既有開業目前影響表示疫情肺炎</t>
  </si>
  <si>
    <t>日系迴轉壽司業者亞洲藏壽司（2754）上半年營運轉虧每股虧損04元財務長田村和也表示主要受展店初期費用較高及新冠肺炎疫情影響。目前開業滿1年的既有店營收已回升至去年同期的80～90％未來仍將延續積極展店方針並致力提升獲利表現。
亞洲藏壽司第二季合併營收498億元季減256％、年增065％但毛利率降至3797％、營益率負176％本業小幅虧損。稅後虧損6325萬元、每股虧損017元連3季出現虧損但衰退幅度較首季減少2913％。
亞洲藏壽司上半年合併營收101億元、年增847％續創同期新高。但毛利率3802％、營益率負145％較去年同期4322％、1021％明顯轉虧。稅後虧損1525萬元、每股虧損04元較去年同期獲利6494萬元、每股盈餘191元明顯轉虧。
田村和也表示上半年營運轉虧主要由於新冠肺炎疫情導致來客減少影響落於2～4月、又以4月最嚴重。不過5月以來營運狀況已見明顯回升營運1年以上的店面單月營收已恢復到去年同期的80～90％。
隨著疫情影響趨緩帶動來客數回流配合展店效益持續顯現亞洲藏壽司7月自結合併營收223億元月增1845％、年增1456％改寫歷史新高。前7月合併營收1234億元、年增953％續創同期新高。
田村和也指出藏壽司的店鋪投資成本較高營收規模將顯著影響獲利表現由於會在展店初期便認列大部分費用壓抑短期獲利表現但為確保未來獲利成長空間將維持積極展店方針目標每年新展5～10家步調並持續致力提升獲利表現。</t>
  </si>
  <si>
    <t>展店獲利影響營運虧損去年同期表現亞洲疫情明顯持續減少來客費用</t>
  </si>
  <si>
    <t>亞洲藏壽司營收毛利率營益率虧損</t>
  </si>
  <si>
    <t>毛利率營益壽司亞洲虧損</t>
  </si>
  <si>
    <t>關鍵期清明連階段陳時中過關</t>
  </si>
  <si>
    <t>清明連假危機平安度過了嗎？今天4月12日是原本指揮中心認為清明連假後要觀察是否造成連假後發病潮的關鍵時間然而今天只有3名確診個案疫情指揮官陳時中表示目前第一段沒有出現徵兆算是過關但還是要持續觀</t>
  </si>
  <si>
    <t>今天清明連算是徵兆沒有出現目前表示陳時中指揮官疫情個案確診時間發病度過原本關鍵過關認為中心指揮</t>
  </si>
  <si>
    <t>陳時中清明連假過關鬆懈徵兆</t>
  </si>
  <si>
    <t>鬆懈清明連過關陳時中徵兆</t>
  </si>
  <si>
    <t>不爽過來人辦公居家缺點</t>
  </si>
  <si>
    <t>新冠肺炎的疫情在全球持續延燒雖然正值防疫期間上週末的清明連假卻在各地湧現人潮防疫中心憂出現「防疫破口」特別針對11個景點發出國家級警報許多企業也都跟進要求有到景點的員工「居家辦公」對此就有</t>
  </si>
  <si>
    <t>防疫景點全球持續正值員工期間疫情上週末清明連湧現人潮要求跟進企業警報特別發出居家辦公肺炎</t>
  </si>
  <si>
    <t>新冠肺炎的疫情在全球持續延燒雖然正值防疫期間上週末的清明連假卻在各地湧現人潮防疫中心憂出現「防疫破口」特別針對11個景點發出國家級警報許多企業也都跟進要求有到景點的員工「居家辦公」對此就有網友好奇發問「居家辦公到底爽不爽啊？」文章也掀起網友熱烈的討論。
一名網友在PTT八卦板以標題「居家辦公到底爽不爽啊？」發文表示現在越來越多企業要求員工居家辦公他認為對員工來說爽的是不用浪費通勤時間也開玩笑稱壞處是沒有正妹同事可以看但最後還是忍不住好奇想知道「有沒有居家辦公到底爽不爽的卦啊？」
文章曝光之後引起熱議不少正在居家辦公的過來人紛紛跳出來表示「不爽超級麻煩」、「不爽！下班時間更不定時！」、「隨時視訊、電話來哦」、「更不爽吧上下班時間更模糊」、「不爽工時還變長」、「貓貓一直會來亂效率很差」、「煩最多一個禮拜一天 不然受不了」但也有人認為「可以一邊吸貓一邊工作還不賴」、「在家工作我願意減薪20％～30％」、「應該不錯不用擔心天氣問題」、「光節省通勤時間就很爽」、「平常效率越高的越爽多超多時間打電動」。</t>
  </si>
  <si>
    <t>不爽辦公居家防疫時間景點網友沒有可以員工認為企業好奇到底表示要求工作全球文章</t>
  </si>
  <si>
    <t>居家辦公11景點防疫國家級警報台灣</t>
  </si>
  <si>
    <t>辦公景點警報防疫居家臺灣</t>
  </si>
  <si>
    <t>元之網友崩潰黑人紓困問號</t>
  </si>
  <si>
    <t>紓困金給領？不給領？新冠肺炎疫情自2020年初至今民生、企業、生產等問題全球都受到影響台灣當然也不例外行政院6日推出萬元紓困補助申請提供給受到疫情影響的民眾和企業能暫時度過眼前的難關然而美意卻</t>
  </si>
  <si>
    <t>企業疫情影響受到紓困度過暫時肺炎眼前年初民眾至今行政院民生推出例外生產補助問題當然全球臺灣提供申請</t>
  </si>
  <si>
    <t>申請紓困民眾方案網友標準條件資格公所資料證明分析網路衛福部</t>
  </si>
  <si>
    <t>新冠肺炎申請紓困金民眾紓困方案</t>
  </si>
  <si>
    <t>紓困申請肺炎民眾方案</t>
  </si>
  <si>
    <t>防疫徐國勇配合參拜天宮感謝</t>
  </si>
  <si>
    <t>大甲媽遶境新港因新冠肺炎疫情延期內政部長徐國勇15日代表蔡英文總統和行政院長蘇貞昌向嘉縣新港鄉奉天宮廟方表達感謝。徐國勇表示防疫視同作戰感謝奉天宮長期配合中央政策防疫工作是台灣最團結最驕傲的事</t>
  </si>
  <si>
    <t>徐國勇防疫感謝疫情工作延期內政部長政策臺灣中央代表蔡英文總統行政院長配合蘇貞昌天宮嘉縣長期肺炎新港鄉天宮廟作戰</t>
  </si>
  <si>
    <t>大甲媽遶境新港因新冠肺炎疫情延期內政部長徐國勇15日代表蔡英文總統和行政院長蘇貞昌向嘉縣新港鄉奉天宮廟方表達感謝。徐國勇表示防疫視同作戰感謝奉天宮長期配合中央政策防疫工作是台灣最團結最驕傲的事全民應承擔應有的責任和義務。
徐國勇昨日由縣長翁章梁、立委陳明文、蔡易餘、新港鄉長林茂盛、新港奉天宮董事長何達煌和董監事、新港文教基金會董事長陳政鴻等人陪同上香祈福感謝媽祖慈悲保佑國泰民安風調雨順四時無災疫情早日遠離何達煌也代表廟方回贈國寶級大師林洸沂燒製的九鯉化龍盤交趾陶。
徐國勇致詞時說希望新冠肺炎遠離台灣疫情不能排除社區傳播的可能性中央各部會到地方都非常小心防止在遶境、祭祖方面也拜託大家配合政府防止疫情擴散這次來也感謝奉天宮很多地方都主動配合。
陳政鴻藉蔡易餘的衣服強調「顧好咱莊頭」是當下最重要的。翁章梁表示這次可以看到全民的警覺性和高配合度遵守並支持政府各項防疫政策表現出臺灣應有的國民水準和防疫觀念；接下來即將面對清明祭祖的防疫工作地方政府皆努力研商對策希望能避免群聚效應又能讓鄉親安心祭祖。</t>
  </si>
  <si>
    <t>徐國勇防疫配合疫情感謝地方政府祭祖臺灣天宮希望代表全民翁章梁應有蔡易中央防止表示遠離何達煌工作</t>
  </si>
  <si>
    <t>配合新港肺炎延期遶境</t>
  </si>
  <si>
    <t>延期肺炎配合</t>
  </si>
  <si>
    <t>裡長一起防疫警民消毒水</t>
  </si>
  <si>
    <t>新冠肺炎肆虐防疫警民齊心協力中市南屯區惠中裡裡長曾善體恤員警執勤辛勞日前特地自掏腰包買了一大瓶可稀釋的消毒水送到大墩派出所讓該所能夠常保環境衛生安全保護員警也保護洽公民眾。新冠肺炎疫情越演</t>
  </si>
  <si>
    <t>肺炎保護衛生公民環境能夠常保派出所警民齊心協力防疫市南消毒水稀釋惠中一大</t>
  </si>
  <si>
    <t>新冠肺炎肆虐防疫警民齊心協力中市南屯區惠中裡裡長曾善體恤員警執勤辛勞日前特地自掏腰包買了一大瓶可稀釋的消毒水送到大墩派出所讓該所能夠常保環境衛生安全保護員警也保護洽公民眾。
新冠肺炎疫情越演越烈造成世界大恐慌各國紛紛限制疫區旅客入境但台灣地理位置鄰近大陸民眾往來頻繁防堵疫情擴散中市警局第四分局大墩派出所除於駐地門口張貼防疫宣導海報外也加強駐地環境的消毒清潔但員警出勤或站櫃檯接觸民眾包羅萬象更增防疫缺口為防範未然目前執勤員警均須配戴口罩並備有消毒酒精與額溫槍使用。
轄區內的惠中裡長曾善體恤員警執勤辛勞日前特地買了一大瓶可稀釋的消毒水送到大墩派出所讓員警們能夠時常維護派出所及民眾洽公區等周邊環境衛生連執勤時的隨身裝備也能常常擦拭與消毒希望略盡棉薄之力協助員警防疫第一線執勤員警身體健康了才能進而守護地方治安。
大墩派出所所長葉信良表示感謝裡長暖心力挺作為員警堅強有力的後盾同時呼籲：「民眾應勤洗手、注意環境衛生清潔、出入公眾場所應戴口罩、不生食肉品落實個人防疫措施及自主管理全民共同為防疫努力！」</t>
  </si>
  <si>
    <t>防疫員警執勤民眾派出所消毒衛生環境裡長口罩疫情惠中駐地清潔能夠肺炎體恤辛勞</t>
  </si>
  <si>
    <t>員警防疫派出所民眾肺炎</t>
  </si>
  <si>
    <t>員警肺炎民眾防疫派出所</t>
  </si>
  <si>
    <t>運費聯邦快遞運量獲利產業國際</t>
  </si>
  <si>
    <t>受惠於調漲運費以及在去年底節日購物旺季期間新冠肺炎疫情帶動電商交貨量激增美國聯邦快遞公司（FedEx Corp）上季獲利飆高表現優於市場預期預期。自一年前這場大流行病迫使聯邦政府關閉企業並發布居家令以來</t>
  </si>
  <si>
    <t>企業關閉去年底政府節日聯邦迫使購物預期旺季期間發佈獲利肺炎疫情帶動corp運費fedex公司交貨快遞</t>
  </si>
  <si>
    <t>受惠於調漲運費以及在去年底節日購物旺季期間新冠肺炎疫情帶動電商交貨量激增美國聯邦快遞公司（FedEx Corp）上季獲利飆高表現優於市場預期預期。
自一年前這場大流行病迫使聯邦政府關閉企業並發布居家令以來聯邦快遞的股價已經上漲逾1倍。
週四盤後聯邦快遞股價上漲逾4%報27499美元。
其創始人兼執行長Frederick Smith表示他預期對電子商務與國際快遞服務的需求在可預見的未來仍將非常強勁。
聯邦快遞公佈第三財季（截至2月28日）營收年增23%為215億美元。這段期間約5億件包裹的運量以及新冠肺炎疫苖的配送為營收帶來提振。
經調整後淨利年增153%為939億美元相當於每股347美元優於市場預期的每股323美元。
即使2月的酷寒天候導致曼非斯（Memphis）、印第安納波利斯（Indianapolis）和北德州的重要設施服務中斷並導致上季營業利益減少約35億美元聯邦快遞仍然交出了非常亮眼的成績單。
由於這場大流行病衝擊了利潤較高的企業間運送並觸發大量的網購交貨訂單聯邦快遞與其同業優比速（United Parcel Service）決定調漲價格以維持利潤。
第三財季FedEx Ground平均每日包裹量大增25%達到1320萬件。每包裹營收成長11%為972美元。
在所有事業部門利潤同步增長的假設下聯邦快遞預期全年經調整後每股盈餘將介於1760美元～1820美元優於市場預估的1740美元。
展望未來聯邦快遞營銷部門主管Brie Carere表示隨著已接種新冠肺炎疫苗的購物者重返商店電子商務包裹運送量可能短暫減少但我們深信電商占零售業比重仍有相當大的成長空間。</t>
  </si>
  <si>
    <t>聯邦快遞預期利潤包裹肺炎優於市場企業導致服務表示交貨部門減少運送快遞</t>
  </si>
  <si>
    <t>聯邦快遞運費新冠肺炎FedExFrederick Smith</t>
  </si>
  <si>
    <t>肺炎fedexfrederick運費聯邦快遞smith</t>
  </si>
  <si>
    <t>嘉義接種莫德納omicron健康</t>
  </si>
  <si>
    <t>為防堵新冠肺炎新變種病毒Omicron嘉義縣推出各鄉鎮衛生所隨到隨打服務即日起接種莫德納還能獲得健康米一包7、8日兩天樸子市、大林鎮全聯門市也會設接種站方便購物民眾接種藉此提高2劑疫苗接種率進而追</t>
  </si>
  <si>
    <t>接種病毒omicron義縣推出肺炎即日起莫德納變種全聯大林鎮樸子市健康米一門市獲得提高各鄉鎮民眾</t>
  </si>
  <si>
    <t>為防堵新冠肺炎新變種病毒Omicron嘉義縣推出各鄉鎮衛生所隨到隨打服務即日起接種莫德納還能獲得健康米一包7、8日兩天樸子市、大林鎮全聯門市也會設接種站方便購物民眾接種藉此提高2劑疫苗接種率進而追加第3劑進階防護確保醫療及防疫量能。
中央疫情指揮中心2日宣佈醫事、一線防疫人員等1至3類及因公出國人員為第3劑優先對象凡第2劑接種滿5個月者提供莫德納追加第3劑此外嘉義縣更針對18歲以上民眾評估自身感染風險以及接種意願第2劑滿5個月者經醫師評估後可接種。
衛生局指出Omicron威脅全球春節將近返國人潮激增快速提升社區防禦迫在眉睫嘉縣第1劑涵蓋率已達768％第2劑548％期望在農曆年前第2劑能達7成。
衛生局說明目前除第16輪平臺預約接種持續至8日6日下午也將在大埔美工業區開設接種站服務廠區員工另與企業結合樸子市及大林鎮全聯門市各在12月7、8兩天設站提供購物民眾接種樸子接種位於四維門市開放時間下午2至4點；大林接種位於忠孝門市時間下午4至6點若現場人潮眾多則加開到7點。
各鄉鎮衛生所也開放隨到隨打服務即日起接種莫德納更可獲得精美禮品健康米數量有限送完為止。衛生局長趙紋華表示為提升接種可近性民眾有需求並符合接種間隔除透過平臺預約也可電洽18鄉鎮衛生所或嘉義長庚、大林慈濟、灣橋榮民醫院、樸子醫院預約。
嘉義縣長翁章梁今前往大林國小疫苗接種站視察關心施打狀況表示全台目前疫苗施打相當順利疫情也控制得很好最關鍵還是在境外管理以及人民都戴好口罩國外不像國內平靜沒有很多國家跟台灣一樣不受太大影響感謝所有醫護人員努力希望繼續保持良好戰果盡快還給大家正常生活。</t>
  </si>
  <si>
    <t>接種民眾嘉義疫苗大林門市預約omicron衛生所提升人潮疫情下午防疫莫德納衛生局追加健康目前服務</t>
  </si>
  <si>
    <t>新冠肺炎台灣接種Omicron莫德納</t>
  </si>
  <si>
    <t>肺炎接種臺灣omicron莫德納</t>
  </si>
  <si>
    <t>病毒武漢源自國際證實組織證據美稱</t>
  </si>
  <si>
    <t>美國國務卿蓬佩奧日前稱「有大量證據」證實新冠病毒來自武漢病毒實驗室不過蓬佩奧的指控卻遭到國際情報集團「五眼聯盟」否認。該聯盟成員之一的澳洲就指出蓬佩奧指出的「證據」是基於幾篇公開的新聞報導的內</t>
  </si>
  <si>
    <t>證據佩奧病毒指出聯盟日前證實情報遭到國際指控否認成員五眼集團來自武漢實驗室蓬佩公開澳洲國務卿</t>
  </si>
  <si>
    <t>美國國務卿蓬佩奧日前稱「有大量證據」證實新冠病毒來自武漢病毒實驗室不過蓬佩奧的指控卻遭到國際情報集團「五眼聯盟」否認。該聯盟成員之一的澳洲就指出蓬佩奧指出的「證據」是基於幾篇公開的新聞報導的內容實際上並沒有做任何情報蒐集工作。
據澳媒《雪梨先驅晨報》4日報導指出多位澳洲情報官員透露近期在五眼聯盟中傳閱的一份研究檔當中大部分基於幾篇聲稱大陸隱瞞新冠疫情的公開新聞報導彙整而成。一名澳洲情報官員更暗示美國政府手握的「大量證據」與這些新聞報導的內容差不多。
另一方面澳洲情報機構則於4月底多次公開表示目前澳洲還沒有找到證據能證明新冠病毒來源於武漢實驗室。澳洲總理莫里森5月1日也坦言沒有看到任何明確的證據表明該病毒起源於武漢病毒研究所。他還指出目前僅僅知道感染病例最早應是在武漢被發現的但這並不表示該病毒起源於武漢因為還存在其他的可能性。</t>
  </si>
  <si>
    <t>澳洲證據情報武漢病毒指出沒有公開新聞報導聯盟目前佩奧官員表示內容五眼實驗室起源日前檔當中研究傳閱</t>
  </si>
  <si>
    <t>病毒澳洲美國台灣全球</t>
  </si>
  <si>
    <t>全球澳洲病毒臺灣美國</t>
  </si>
  <si>
    <t>道歉疫情趙立堅陸對新荒謬要求可笑無知</t>
  </si>
  <si>
    <t>美國福斯電視新聞台主播要求大陸應該對新冠肺炎疫情向全球擴散正式道歉大陸外交部發言人趙立堅回應稱美媒個別主持人的言論「荒謬可笑充分暴露出他對中國的傲慢、偏見和無知。」在此次疫情防控中「中國力量、</t>
  </si>
  <si>
    <t>大陸疫情中國要求偏見應該暴露出傲慢充分言論可笑主持人荒謬個別回應趙立堅發言人外交部肺炎全球擴散道歉正式</t>
  </si>
  <si>
    <t>美國福斯電視新聞台主播要求大陸應該對新冠肺炎疫情向全球擴散正式道歉大陸外交部發言人趙立堅回應稱美媒個別主持人的言論「荒謬可笑充分暴露出他對中國的傲慢、偏見和無知。」在此次疫情防控中「中國力量、中國效率、中國速度」受到了國際社會的廣泛讚譽。為了世界各國健康和安全中國人民也付出了巨大犧牲作出了重大貢獻。
福斯新聞台主持人傑西沃特斯日前在節目上公開要求大陸為新冠肺炎疫情擴散向全世界道歉這位主持人還表示中共當局餵不飽人民老百姓因飢餓才會「生吃蝙蝠」以致釀成嚴重的疫情。而此一「中國道歉論」最近也在社群媒體上被廣為討論。
在5日的大陸外交部例行記者會上則有媒體就此提問稱：近期美國福斯新聞台主持人在播出節目時稱中國人應該就新冠肺炎疫情「正式道歉」。我們注意到一些社交媒體上也有類似論調。你對此有何評論？
發言人趙立堅答稱：你提到的個別主持人的言論荒謬可笑充分暴露出他對中國的傲慢、偏見和無知。痛批個別主持人的言論荒謬可笑充分暴露出他對中國大陸的傲慢、偏見和無知。
趙立堅強調：第一疫病是人類的公敵。各國患病的人都是受害者不知道「道歉論」從何說起？當前世界各國人民正在攜手努力共同抗擊新冠肺炎疫情。世界衛生組織多次表示汙名化比病毒本身更危險。在這個時候個別人散佈這種毫無邏輯的言論居心何在？
第二「中國道歉論」毫無根據也毫無道理。目前病毒源自何處尚無定論。無論病毒源自哪裡中國同其他出現疫情的國家一樣都是病毒的受害者都面臨阻擊疫情蔓延的挑戰。2009年美國爆發的H1N1流感蔓延到214個國家和地區當年就導致至少18449人死亡誰要求美國道歉了嗎？
第三中國抗疫體現了一個負責任大國的應有擔當。在此次疫情防控中中國力量、中國效率、中國速度受到了國際社會的廣泛讚譽。為了世界各國人民的健康和安全中國人民也付出了巨大犧牲作出了重大貢獻。全球170多個國家領導人和40多個國際地區組織負責人向中國領導人來函致電、發表聲明表示慰問支持對中國抗疫舉措及其積極成效以及為阻止疫情蔓延作出的巨大犧牲和貢獻予以高度肯定。世界衛生組織總幹事譚德塞指出中國強有力的舉措既控制了疫情在中國境內擴散也阻止了疫情向其他國家蔓延為世界各國抗擊疫情樹立了新標桿。</t>
  </si>
  <si>
    <t>中國疫情道歉主持人大陸美國國家人民病毒個別世界要求媒體言論蔓延肺炎擴散作出世界衛生組織無知</t>
  </si>
  <si>
    <t>背後行醫非洲上臺原因跳級羅一鈞曝光</t>
  </si>
  <si>
    <t>新冠疫情延燒一年多中央流行疫情指揮中心團隊已成為全民熟面孔其中擔任醫療應變組副組長的羅一鈞被衛福部草屯療養院醫師沈政男大讚是「數理資優又悲天憫人的文藝青年」他還翻出羅一鈞跳級上臺大的超狂經歷</t>
  </si>
  <si>
    <t>疫情上臺跳級指揮翻出中心團隊青年文藝成為悲天憫人全民資優面孔數理擔任醫療大贊應變沈政男組長醫師</t>
  </si>
  <si>
    <t>新冠疫情延燒一年多中央流行疫情指揮中心團隊已成為全民熟面孔其中擔任醫療應變組副組長的羅一鈞被衛福部草屯療養院醫師沈政男大讚是「數理資優又悲天憫人的文藝青年」他還翻出羅一鈞跳級上臺大的超狂經歷並爆料他曾赴非洲行醫背後的真正原因。
沈政男13日在臉書談到有慢性病的老人家適不適合打AZ疫苗時說如果不相信他可以聽聽羅一鈞的講法並強調他特別上網找了所有羅一鈞的相關資料指出羅一鈞是建中數理資優生據說是跳級考上台大醫學系而且還是那年的聯考榜首台大醫學系只念了六年就畢業。
沈政男指出雖然羅一鈞數理資優但他後來在醫學之外最有興趣的似乎是藝文他從網路上兩個羅一鈞十幾年前所寫的部落格看到他在非洲行醫與美國受訓的紀錄還看出他對文學有興趣、文筆不錯也有在聽流行音樂與看一些電影可以說是一個文藝青年。
此外沈政男說從羅一鈞後來走非典型行醫道路就知道他對醫學本身並沒有那麼大的興趣。醫學系畢業後剛好那時前總統陳水扁為了拓展邦交開辦了非洲醫療團而羅一鈞就是其中一員當時最有名的是連加恩而羅一鈞則是走上了更堅定的史懷哲之路。
沈政男指出羅一鈞在馬拉威行醫兩年原本打算學成後要回去幫助當地的愛滋病患他對醫業的認同在於這是一個救苦救難的工作並不是他對醫學有多大興趣而是為了幫助可憐的病患。
羅一鈞從馬拉威回台後進入台大內科然後在感染科受訓在拿到感染科證照準備回馬拉威服務的時候馬拉威跟台灣斷交了於是羅一鈞只好到疾管局當防疫醫師並為此到美國受訓兩年後來羅一鈞就當了公家的防疫醫師並順便在台大看診主治愛滋病患。
沈政男說羅一鈞對病患很好也編寫了教材可說是仁心仁術。至於他為什麼不走博士、升教授的路？沈政男強調因為羅一鈞骨子裡就是一個文藝青年而且是數理資優又悲天憫人的文藝青年是一個最單純卻也是一個最複雜的人很少自我揭露翻遍了他的兩個部落格想要尋找更多個人的成長故事都找不到。
沈政男並肯定羅一鈞之前在PTT上看到大陸疫情相關訊息時第一時間幫台灣升起了防疫警戒成為國際典範。</t>
  </si>
  <si>
    <t>羅一鈞沈政男醫學行醫台大馬拉威興趣非洲防疫疫情受訓醫師後來青年指出數理成為</t>
  </si>
  <si>
    <t>羅一鈞台大跳級沈政男非洲行醫</t>
  </si>
  <si>
    <t>跳級沈政男非洲台大行醫羅一鈞</t>
  </si>
  <si>
    <t>不要民眾呼籲名將游泳日常生活日本即可</t>
  </si>
  <si>
    <t>目前正在與白血病對抗的日本游泳名將池江璃花子今天在個人網站上呼籲日本民眾不要瘋狂囤貨按照日常生活即可。新冠肺炎在日本持續蔓延尤其是東京都的疫情更加嚴峻日本首相安倍晉三有可能在今天有重大宣佈。</t>
  </si>
  <si>
    <t>日本今天嚴峻日本首相更加游泳疫情東京都名將池江花子尤其蔓延持續日常生活個人肺炎網站即可呼籲不要瘋狂</t>
  </si>
  <si>
    <t>目前正在與白血病對抗的日本游泳名將池江璃花子今天在個人網站上呼籲日本民眾不要瘋狂囤貨按照日常生活即可。
新冠肺炎在日本持續蔓延尤其是東京都的疫情更加嚴峻日本首相安倍晉三有可能在今天有重大宣佈。
有鑑於此日本民眾開始前往各大賣場搶購物資。池江璃花子非常擔心「大家不要著急著去超市別驚慌也不需要囤積物品和往常一樣買必要的東西就可以。」
池江璃花子寫著超市的物資與糧食有著足夠的存量但同時也可能有無症狀感染者現在一下子湧進超市感覺非常恐怖。</t>
  </si>
  <si>
    <t>日本超市池江花子可能民眾不要今天物資非常東京都疫情尤其蔓延持續更加肺炎往常物品囤積需要</t>
  </si>
  <si>
    <t>新冠肺炎池江璃花子</t>
  </si>
  <si>
    <t>池江肺炎花子</t>
  </si>
  <si>
    <t>不要過度陳菊消費荷包</t>
  </si>
  <si>
    <t>連日因為新冠肺炎疫情大爆發各大賣場造成搶購總統府秘書長陳菊今表示家買好吃的同時也別忘了不要搶購囤積、浪費食物、過度消費以免荷包哭哭。陳菊今天在臉書指出台灣物產豐饒米食、漁產、蔬果自產自</t>
  </si>
  <si>
    <t>搶購豐饒物產臺灣指出總統府食物浪費秘書長囤積陳菊今爆發不要表示別忘了好吃今天陳菊荷包造成消費疫情</t>
  </si>
  <si>
    <t>連日因為新冠肺炎疫情大爆發各大賣場造成搶購總統府秘書長陳菊今表示家買好吃的同時也別忘了不要搶購囤積、浪費食物、過度消費以免荷包哭哭。
陳菊今天在臉書指出台灣物產豐饒米食、漁產、蔬果自產自銷最新鮮。
他說目前國內的公糧米倉都有90萬公噸以上豐富的漁產蔬果更是供應無虞各項物資也都準備充足。面對大家的熱情採購政府也媒合業者加大物流產能大家也要多多交關我們台灣在地好吃的農漁特產喔！
陳菊表示購買國產優質且具溯源的農產品讓大家在防疫期間買得安心、買得開心。</t>
  </si>
  <si>
    <t>搶購臺灣陳菊表示蔬果漁產好吃爆發農產品總統府溯源食物浪費秘書長購買囤積政府期間物流</t>
  </si>
  <si>
    <t>陳菊肺炎新冠新冠肺炎漁產</t>
  </si>
  <si>
    <t>肺炎漁產陳菊</t>
  </si>
  <si>
    <t>sop黃珊珊污染環境檢測人員助理隔離研究中研院</t>
  </si>
  <si>
    <t>中研院P3實驗室女研究助理染疫指揮官陳時中指出個案脫隔離衣的SOP有誤中研院長廖俊智今更坦承「其他研究人員疑似也沒有完整遵守SOP」。臺北市副市長黃珊珊今前往中研院視察時表示「應該是SOP出問題環境才</t>
  </si>
  <si>
    <t>sop研究中研院助理應該陳時中指出指揮官表示個案隔離視察沒有完整遵守前往有誤人員中研坦承</t>
  </si>
  <si>
    <t>中研院P3實驗室女研究助理染疫指揮官陳時中指出個案脫隔離衣的SOP有誤中研院長廖俊智今更坦承「其他研究人員疑似也沒有完整遵守SOP」。臺北市副市長黃珊珊今前往中研院視察時表示「應該是SOP出問題環境才會有問題」連他們2位檢測人員現在也在隔離。
被問及是否掌握實驗室SOP出問題黃珊珊表示SOP主要是中央調查不過看到媒體有一些報導他們有去做環境檢測的確環境上面不是很理想「可能真的在實驗室裡面有一些汙染連我們檢測人員現在也在隔離」重點是在於說應該是SOP出問題環境才會有問題嘛沒有SOP出問題環境怎麼會有問題。
黃珊珊補充檢測的同仁上週六就跟著中央官員一起進去查看實驗室環境一回來之後因為環境檢體是陽性所以進去的人有兩位當天就被隔離至於多少檢體陽性？黃表示細節等中央公佈還是場域盡量做到確定安全性才會放鬆。</t>
  </si>
  <si>
    <t>sop實驗室隔離環境中央檢測黃珊珊表示問題人員研究進去陽性沒有中研院應該現在確定儘量做到</t>
  </si>
  <si>
    <t>新冠肺炎台灣SOP環境檢測</t>
  </si>
  <si>
    <t>臺灣sop肺炎環境檢測</t>
  </si>
  <si>
    <t>缺口行政院防疫指示加強管理</t>
  </si>
  <si>
    <t>行政院發言人Kolas Yotaka今日下午接受電訪表示行政院呼籲雇主不要雇用非法移工並已指示勞動部、衛福部、內政部加強對合法、非法移工的管理處置另外也會對全國移工加強宣導防疫措施。台灣第32例新冠肺炎確診案</t>
  </si>
  <si>
    <t>加強行政院下午臺灣今日接受措施表示防疫呼籲宣導雇主不要全國雇用管理yotaka合法指示勞動部內政衛福部</t>
  </si>
  <si>
    <t>行政院發言人Kolas Yotaka今日下午接受電訪表示行政院呼籲雇主不要雇用非法移工並已指示勞動部、衛福部、內政部加強對合法、非法移工的管理處置另外也會對全國移工加強宣導防疫措施。
台灣第32例新冠肺炎確診案例是一名30多歲印尼籍非法女看護上月該女得知確診後於臉書直播發布消息當時多家媒體報導並痛斥其散佈染病資訊行徑甚至還用「在鏡頭前微笑搔首弄姿」等等聳動標題。
但在新聞發佈後許多社會輿論紛紛對相關報導做出批評並認為該名移工是透過直播向海外親友告知訊息並故作樂觀希望家人不要為她擔心。而後新北市衛生局對此案也做出不罰裁定。
行政院政務委員林萬億今日表示在抗疫期間不宜討論移工到底是否合法而是要趕快把這些移工都先納入防疫衛教體系否則若因此出現防疫缺口反而得不償失。
Kolas表示有許多病患家屬在知情或不知情的情況下僱用了失聯移工做為看護希望解決照顧病人的燃眉之急這是真實發生在醫院裡某些家庭的現況。而行政院也再次呼籲雇主不要雇用失聯移工立場並沒有改變。</t>
  </si>
  <si>
    <t>行政院表示防疫不要報導直播希望做出看護確診今日kolas雇用加強合法呼籲雇主鏡頭還用微笑甚至搔首弄姿</t>
  </si>
  <si>
    <t>移工行政院防疫缺口新冠肺炎</t>
  </si>
  <si>
    <t>防疫缺口行政院肺炎</t>
  </si>
  <si>
    <t>標籤bnt疫苗首批週四證實</t>
  </si>
  <si>
    <t>由慈濟、台積電、永齡基金會購買捐贈的BNT疫苗首批「客製化標籤」將於本週四到貨。今晨一度傳出該批疫苗已由華航運送抵台後證實誤傳。最新消息指出這批疫苗數量共140萬劑其中55萬劑將於本週四抵台。民間企業</t>
  </si>
  <si>
    <t>疫苗於本週四購買捐贈bnt首批基金會標籤證實華航運誤傳傳出最新消息指出一度到貨今晨數量永齡台積電</t>
  </si>
  <si>
    <t>由慈濟、台積電、永齡基金會購買捐贈的BNT疫苗首批「客製化標籤」將於本週四到貨。今晨一度傳出該批疫苗已由華航運送抵台後證實誤傳。最新消息指出這批疫苗數量共140萬劑其中55萬劑將於本週四抵台。
民間企業、團體購買後捐給政府的BNT疫苗今年底前將到貨800至900萬劑以每週約70萬劑的頻率來台。原本傳出一批BNT今晨落地結果中央流行疫情指揮中心澄清「今天沒有疫苗」。
鴻海創辦人郭台銘PO文指「客製化標籤」BNT原本要在中秋節當周起運但負責載運的盧森堡航空滿載加上原廠倉庫發貨繁忙導致手續延遲。經多方協調排定30日（週四）先送55萬劑接下來還有大約85萬劑將分兩次陸續到貨。
指揮中心發言人莊人祥日前表示初步規劃BNT會在第十輪開打由第九類40歲以下往下開；若疫苗數量充足再自64歲以下逐年齡層往下開。</t>
  </si>
  <si>
    <t>疫苗bnt週四到貨購買指揮中心原本傳出今晨數量於本標籤以下原廠倉庫加上發貨滿載繁忙航空</t>
  </si>
  <si>
    <t>BNT疫苗客製化標籤新冠肺炎</t>
  </si>
  <si>
    <t>標籤疫苗bnt肺炎</t>
  </si>
  <si>
    <t>大公被動院長啟示一定</t>
  </si>
  <si>
    <t>日女無症狀返日被確診引起社會大眾熱議台灣是否如防疫國家隊所說社區很乾淨安全。對此台大公共衛生院詹長權認為此病例帶給台灣的啟示被動採檢就一定會有破口出現漏網之魚。日本女學生疑在台染疫一事</t>
  </si>
  <si>
    <t>臺灣學生確診日本引起漏網之魚出現社會大眾一定是否社區對此安全乾淨大公共衛生院</t>
  </si>
  <si>
    <t>日女無症狀返日被確診引起社會大眾熱議台灣是否如防疫國家隊所說社區很乾淨安全。對此台大公共衛生院詹長權認為此病例帶給台灣的啟示被動採檢就一定會有破口出現漏網之魚。
日本女學生疑在台染疫一事詹長權今在臉書上評論說台灣第一個被他國確診的COVID-19案例給了我們啟示被動採檢必有無症狀感染者漏掉。
詹長權提到6月22日日本厚生勞動省宣佈新增新冠肺炎3個案其中有1名20多歲女性有台灣旅遊史。6月24日台灣中央疫情指揮中心證實該名日本籍女性於今年2月底自日本入境台灣於南部就學上周搭機返回日本時於入境採檢檢出新型冠狀病毒陽性個案當時無症狀。
詹長權接受媒體訪問時表示國內被動式採檢方式肯定會有無症狀者沒被檢測到。現在疫情到一個程度時就應該採取主動式採檢才能更瞭解國內疫情的傳播情況。
台大小兒部主任黃立民認為這案例是由日本官方宣佈具有一定可信度他受訪時指出台灣的檢驗數目確實不夠多尤其是最近檢驗數目在下降中這代表連臨床醫師都不太做檢驗了這是隱憂那有點危險的。他建議該女學生除了匡列接觸者也應對接觸者或針對社區驗抗體瞭解有哪些人曾被感染。</t>
  </si>
  <si>
    <t>臺灣日本症狀疫情檢驗社區學生確診認為案例一定女性個案國內宣佈入境數目有無</t>
  </si>
  <si>
    <t>新冠肺炎武漢肺炎新型冠狀病毒台灣被動採檢</t>
  </si>
  <si>
    <t>肺炎冠狀臺灣病毒武漢被動</t>
  </si>
  <si>
    <t>土地減收租金工業區延長</t>
  </si>
  <si>
    <t>經濟部日前（5日）表示為了減輕產業衝擊由工業局轄管的62處工業區配合「嚴重特殊性傳染性肺炎防治及紓困振興特別條例」實施期間推動延長土地租金紓困措施各事業有承租工業區內土地以及國有房舍者如營業</t>
  </si>
  <si>
    <t>工業區土地紓困減輕產業衝擊工業國有表示配合嚴重肺炎特殊性防治傳染性振興特別期間承租條例實施推動延長事業</t>
  </si>
  <si>
    <t>經濟部日前（5日）表示為了減輕產業衝擊由工業局轄管的62處工業區配合「嚴重特殊性傳染性肺炎防治及紓困振興特別條例」實施期間推動延長土地租金紓困措施各事業有承租工業區內土地以及國有房舍者如營業額較同期衰退15％以上可以申請土地租金減收二成至110年6月30日止。
工業局指出工業區內產業以中小企業為主自去（109）年受到新冠肺炎的影響不少中小企業到衝擊工業局也於去年4月推出「嚴重特殊傳染性肺炎防疫期間工業區紓困方案」透過將產業應繳納的維護費、土地租金、污水處理費等規費透過減收或緩繳的方式藉此來減輕產業的負擔。
由於工業區內產業型態以出口外銷為導向在國外肺炎疫情仍嚴峻的情況下仍有許多企業營收受到衝擊為協助廠商度過難過經濟部於今（110）年1月核定將工業區紓困方案再延長至今（110）年6月30日。
工業局表示此次工業區紓困方案在土地租金減收方面需由企業提出佐證於109年12月起營業額較同期衰退15％以上才可申請租金減收20％去年申請減收的企業在申請月份不重疊的情形下仍可提出申請。
工業局也提醒因為配合國家能源政策、能源法規執行期限、地方回饋承諾事項以及相關優惠不重覆等原則工業區紓困方案針對再生能源發電業者或已經申請租金緩繳之廠商不適用此次的申請。提醒廠商在申請之前可以洽詢當地工業區服務中心確認是否符合申請的資格。</t>
  </si>
  <si>
    <t>工業區申請租金紓困土地產業工業肺炎方案企業衝擊廠商受到提出減收期間透過配合可以緩繳中小企業減輕延長</t>
  </si>
  <si>
    <t>工業局企業租金肺炎土地租金</t>
  </si>
  <si>
    <t>肺炎租金企業土地工業</t>
  </si>
  <si>
    <t>新藥華科新fda申請臨床</t>
  </si>
  <si>
    <t>生華科(6492)旗下被視為治療新冠肺炎潛力新藥Silmitasertib緊急人體臨床試驗(eIND)的合作夥伴美國Banner Health 新冠醫療團隊已在10月31日正式向美國FDA送件申請Silmitasertib用於新冠肺炎二期人體臨床試驗規</t>
  </si>
  <si>
    <t>美國silmitasertib肺炎人體臨床試驗視為治療正式醫療fda團隊healtheindbanner潛力申請緊急合作夥伴用於新藥華科</t>
  </si>
  <si>
    <t>生華科(6492)旗下被視為治療新冠肺炎潛力新藥Silmitasertib緊急人體臨床試驗(eIND)的合作夥伴美國Banner Health 新冠醫療團隊已在10月31日正式向美國FDA送件申請Silmitasertib用於新冠肺炎二期人體臨床試驗規劃收治40人。
生華科指出若獲核准生華科新藥旋即可用於治療新冠患者生華科和Banner Health團隊希望Silmitasertib在這項較大規模的人體臨床試驗中同樣能在短時間內治癒新冠患者同時目標將爭取美國FDA授予緊急使用授權有機會成為全球治療新冠肺炎的重磅藥物！
生華科總經理宋台生博士表示全球首位接受Silmitasertib治療的新冠患者在康復出院後健康情況良好Banner Health也持續關心進行追蹤接下來在由Banner Health主導發起的二期人體臨床試驗希望能重現eIND首位患者的康復經驗收治病患能迅速恢復健康出院生華科團隊在藥品製備和運送也將給予全力的支持。
美國Banner Health醫療機構旗下亞利桑那州鳳凰城大學醫學中心在九月三日成功運用生華科新藥Silmitasertib治癒第一位eIND新冠重症患者康復出院從開始給藥治療到康復僅五天時間負責主持計畫的Dr Marilyn Glassberg Csete醫療團隊相當振奮因為這位患者已經接受過包括瑞德西韋、類固醇地塞米松、兩種抗生素和抗凝血劑等藥物治療都沒有療效Silmitasertib卻成功把患者從瀕死的鬼門關前救回來因此Banner Health希望盡速啟動大型臨床收治更多新冠患者能夠有效率進行治療；同時Banner Health將對病患進行病毒載量、血液和免疫因數等進行分析將更大量且完整瞭解Silmitasertib作用於人體的抗病毒感染和抗自體免疫風暴機制運作。
近日多項包括新冠疫苗和抗體療法的大型臨床試驗都因為出現安全疑慮或無明顯療效喊停在這種氛圍下美國FDA對不同機制的新穎藥物皆持積極開放態度生華科新藥Silmitasertib已經在首例病患取得成效法人表示接下來若能夠在大型臨床對更多新冠患者有正面積極療效有利獲得以爭取緊急使用授權EUA為目標的國際大型臨床合作機會將是Silmitasertib於新冠藥物開發的下一個里程碑。</t>
  </si>
  <si>
    <t>silmitasertib患者臨床bannerhealth治療華科美國試驗藥物人體團隊進行新藥療效fda出院希望eind緊急用於</t>
  </si>
  <si>
    <t>生華科新冠新藥Silmitasertib二期臨床</t>
  </si>
  <si>
    <t>新藥華科silmitasertib臨床</t>
  </si>
  <si>
    <t>進口李德維bnt一舉疫苗政府民進</t>
  </si>
  <si>
    <t>台灣陷入疫苗荒民眾搶打殘劑外界對永齡基金會和台積電等機構引進BNT疫苗殷殷期待各式傳聞、報導不斷。對此國民黨立委李德維觀察一些媒體報導他認為進口BNT疫苗應該有譜了之所以如此肯定是因為府院黨</t>
  </si>
  <si>
    <t>疫苗bnt報導民眾應該外界永齡基金會台積電機構引進進口肯定觀察李德維國民黨對此認為媒體期待傳聞</t>
  </si>
  <si>
    <t>台灣陷入疫苗荒民眾搶打殘劑外界對永齡基金會和台積電等機構引進BNT疫苗殷殷期待各式傳聞、報導不斷。對此國民黨立委李德維觀察一些媒體報導他認為進口BNT疫苗應該有譜了之所以如此肯定是因為府院黨開始搶功。
對於近來一些媒體報導BNT疫苗進度李德維今（5日）在臉書發文表示由永齡基金會與台積電採購的BNT疫苗進口應該有譜了而他之所以這麼肯定理由也很簡單因為府院黨開始搶功。
李德維觀察上週部分親綠媒體的御用記者們已經開始放消息、寫小說又是「獨家」又是「內幕」：某新聞網說多虧行政院政務委員羅秉成幫忙；另一家新聞網則強調德國政府出手相助。李德維認為這些報導的動機與筆觸昭然若揭就是要模糊焦點永齡基金會與台積電的疫苗交易還是透過上海復星繞回「東洋模式」完成。
針對這些媒體舉動李德維直言又是認知作戰因為民進黨政府終究無法解釋為了「抗中」、「反中」無視商業代理機制硬是抵制上海復星與「東洋模式」結果就是虛耗大半年置人民生命與生計於險境。如果去年10月當東洋生技以「有條件授權」來洽商時指揮中心就直接採購3000萬劑會不會如今600多位的死者其中有些人就能逃過一劫？
李德維稱其實都是老套路相信民眾都能看破馬腳但真正重要的是即便永齡基金會與台積電加上慈濟出手採購量還是不夠全民施打兩劑更別說是為了防範變異病毒的第三劑。既然永齡基金會與台積電已經把路走通了那上海復星也不再是問題政府應該趕緊跟上追加採購。編了數百億元預算結果被捐贈的比買到的多；民間買到的比政府買到的好李譏諷民進黨政府的「黑色幽默」人民無福消受。</t>
  </si>
  <si>
    <t>李德維疫苗永齡基金會採購媒體政府台積電報導東洋bnt開始新聞網上海民眾應該出手已經結果民進</t>
  </si>
  <si>
    <t>李德維BNT疫苗永齡基金會台積電新冠肺炎</t>
  </si>
  <si>
    <t>基金會永齡台積電疫苗bnt肺炎李德維</t>
  </si>
  <si>
    <t>監控健康接觸後天威士特丹解除</t>
  </si>
  <si>
    <t>美國郵輪「威士特丹號」爆出首例新冠肺炎個案由於2月4日曾停靠高雄港中央及地方防疫單位聯手追查可能的接觸者共215位包含港務公司、計程車及公車司機等將持續健康監控直到後天正式解除目前都未出現異</t>
  </si>
  <si>
    <t>解除首例正式後天肺炎直到個案監控健康持續停靠高雄司機公車爆出目前中央計程車地方公司港務防疫單位包含</t>
  </si>
  <si>
    <t>美國郵輪「威士特丹號」爆出首例新冠肺炎個案由於2月4日曾停靠高雄港中央及地方防疫單位聯手追查可能的接觸者共215位包含港務公司、計程車及公車司機等將持續健康監控直到後天正式解除目前都未出現異狀。至於美籍確診個案行蹤則有待中央流行疫情指揮中心進一步追查。
高市衛生局長林立人今早表示該郵輪停靠期間在高雄9號碼頭進行旅客入境後部分旅客到各景點遊玩；根據統計港務分公司等相關工作人員及34位計程車司機、10位大巴士公車駕駛總計215位名單目前中央掌控當中中央會持續健康監測至2月18日止19日則正式解除目前未接獲有任何異狀。
林立人指出這些遊客在高雄旅遊的景點包括佛光山、高雄美術館、九號碼頭、蓮池潭及西子灣。台南奇美博物館、安平古堡、赤崁樓以及屏東墾丁。提醒民眾在當天早上至下午到過這些景點可以多加留意身體狀況。
至於最關鍵的確診個案行蹤林立人表示國際港埠檢疫工作權責在於中央目前還是沒辦法掌握這位美國籍的確診個案中央也很努力搜尋相關資料追蹤只要有進一步的訊息一定會幫助地方來配合相關的防疫作為。</t>
  </si>
  <si>
    <t>中央目前個案高雄景點相關林立人確診追查進一步碼頭港務地方持續停靠表示異狀司機公車健康郵輪至於解除行蹤計程車</t>
  </si>
  <si>
    <t>科大校外消毒盧秀燕師生朝陽環保局</t>
  </si>
  <si>
    <t>台中市朝陽科技大學因學生夜唱狂歡成為新冠肺炎疫情「重災區」22日上午環保局出動到學校清潔消毒目前夜唱團20名學生已全部採檢完畢其中17名為台中人當中有6人確診、11名陰性；外縣市有3人、其中1名設籍南投</t>
  </si>
  <si>
    <t>學生當中大學台中人完畢上午重災區環保局出動疫情肺炎學校狂歡清潔消毒成為目前</t>
  </si>
  <si>
    <t>台中市朝陽科技大學因學生夜唱狂歡成為新冠肺炎疫情「重災區」22日上午環保局出動到學校清潔消毒目前夜唱團20名學生已全部採檢完畢其中17名為台中人當中有6人確診、11名陰性；外縣市有3人、其中1名設籍南投的學生確診、另2名為陰性市長盧秀燕請學校緊急通報已離校及離開台中、超過1萬4000名師生主動快篩。
盧秀燕表示市府除設立前進指揮所對留校師生快篩也呼籲校外1萬4000名師生及曾於5月13日晚間11時至5月14日早上7時曾至美樂地KTV的民眾主動就近到快篩站篩檢。
市府指出20日在朝陽大學設立前進指揮所至21日中午共快篩793例個案其中19名陽性至晚間為止再進行PCR檢驗已確認17名陰性2名尚待檢測結果出爐。
環保局長陳宏益說今日動員清潔隊再次到朝陽科大消毒朝陽科大確診案足跡範圍集中於朝陽科大當地區裡環保局已全數完成消毒工作請民眾放心但未來且因應消毒人力即日起暫停水肥清運、停止流動廁所借用等業務將有限人力用於清消工作。</t>
  </si>
  <si>
    <t>消毒學生陰性朝陽確診人力師生環保局學校晚間科大民眾盧秀燕主動大學設立市府工作前進指揮所台中</t>
  </si>
  <si>
    <t>朝陽科大盧秀燕新冠肺炎台灣師生</t>
  </si>
  <si>
    <t>盧秀燕肺炎臺灣科大師生朝陽</t>
  </si>
  <si>
    <t>生活防疫口罩高明</t>
  </si>
  <si>
    <t>隨著口罩解禁可自由買賣；而疫情指揮中心也宣佈6月7日起大幅解禁防疫措施進行人流與活動的放寬。屆時由於已歷經四波的潛伏期國內本土都沒有新增病例。加上之前「有驚無險」的舞廳閉店、酒店大停業、外籍提琴</t>
  </si>
  <si>
    <t>解禁酒店閉店舞廳有驚無險之前加上自由病例新增沒有買賣指揮本土疫情國內中心潛伏期歷經屆時宣佈放寬活動</t>
  </si>
  <si>
    <t>隨著口罩解禁可自由買賣；而疫情指揮中心也宣佈6月7日起大幅解禁防疫措施進行人流與活動的放寬。屆時由於已歷經四波的潛伏期國內本土都沒有新增病例。加上之前「有驚無險」的舞廳閉店、酒店大停業、外籍提琴家表演、長照護理師確診、軍艦艦內感染等案台灣都相安無事；顯見只要守好境外馬其諾防線國內社區傳染機率趨近於零國人可以適時摘下口罩展開防疫新生活。但滿城盡是口罩一族的現象可能要適時調整戴口罩時機以符所需。
根據5月分《刺胳針》（The Lancet）一篇〈新冠肺炎大流行期合理使用口罩〉的文章指出各國對於要不要戴口罩何時、何人須戴上口罩還有國風民情的不同都有不同的做法與規定。文章末尾指出台灣很特別的是預見口罩會短缺所以早有準備儲存了大量口罩。鼓吹大眾普遍戴上口罩有一個明顯的好處是如果有不舒服症狀的人可以自在地戴上口罩而不受歧視。但當社會都集體戴上口罩時有的風險是忽略了洗手的重要性也有風險是口罩可能短缺那些最需要用到口罩的前線醫護工作者可能缺乏防護口罩而受到感染的高風險。
文章建議口罩的使用應先擺在重點群體例如在前線的醫事人員還有易受感染的人群例如65歲以上的長者還有健康狀況不佳的人們。因此隨著疫情的解封國內有必要區分感染風險等級來配戴口罩或摘下口罩不但可以合理使用口罩也可有如下的優點。
首先人類是社交的動物俗語說知人知面不知心；但如果連臉部表情都不見了人們之間的心理距離就更加隔閡而難以親近了。在口罩底下人人變成日本卡通中的「無臉男」令人感到冷漠無情根本連對方的喜怒哀樂都難以察覺很難有進一步的互動遑論活絡社交生活與經濟活動。其次運動、長時間配戴口罩容易導致如昏沉、注意力不集中、頭暈目眩、睡眠障礙、記憶力下降乃至於呼吸困難、缺氧等症狀血氧量嚴重不足者可能導致猝死。第三外科口罩仍是前線醫護工作者與高風險族群的常備物品如果大眾都搶著配戴不但目前的防護效用不高且會排擠醫事人員的資源於事無補。
防疫新生活的開始雖還是要配合疫情指揮中心的各項指示在大眾運輸內、密閉空間、醫療院所、長照機構仍還要配戴口罩。至於若到空曠處、運動場合則可以免除口罩配戴大口呼吸、笑臉迎人暫時一掃疫情帶來的陰霾免除隨同疫病而來的憂鬱。
（作者為國立台灣大學醫學院名譽教授）</t>
  </si>
  <si>
    <t>口罩配戴疫情感染可能國內可以大眾防疫還有前線文章使用免除活動難以風險</t>
  </si>
  <si>
    <t>口罩戴上口罩防疫新生活國內前線</t>
  </si>
  <si>
    <t>防疫生活口罩國內前線</t>
  </si>
  <si>
    <t>外交部友邦蓄意打擊疫苗轉贈我國薩爾瓦多形象</t>
  </si>
  <si>
    <t>外媒報導指出2018年與我國斷交的薩爾瓦多總統布格磊宣佈將無償把大陸捐助的50萬劑科興新冠肺炎疫苗其中至少34萬劑提供給鄰近的我國友邦宏都拉斯恐影響台灣與宏都拉斯的邦交關係。外交部發言人歐江安表</t>
  </si>
  <si>
    <t>我國宏都拉斯關係邦交斷交薩爾瓦多友邦總統布格宣佈鄰近大陸捐助外交部科興提供肺炎至少疫苗指出臺灣影響發言人報導</t>
  </si>
  <si>
    <t>外媒報導指出2018年與我國斷交的薩爾瓦多總統布格磊宣佈將無償把大陸捐助的50萬劑科興新冠肺炎疫苗其中至少34萬劑提供給鄰近的我國友邦宏都拉斯恐影響台灣與宏都拉斯的邦交關係。
外交部發言人歐江安表示宏都拉斯政府面對嚴峻的新冠肺炎疫情正全力設法透過多元管道取得疫苗以保護宏都拉斯人民的健康；另外日前宏都拉斯七個地方政府洽獲薩爾瓦多捐贈的三萬多劑疫苗其實是AstraZeneca疫苗並非大陸疫苗。此外報導中提及中國「捐贈」並於日前運抵薩爾瓦多的大陸科興疫苗事實上該批疫苗是由薩國政府自行採購而不是陸中方贈與。
另針對報導引述路透社文章指出美國國務院將中南美洲17名重量級政治人物納入貪腐收賄的調查清冊其中包括宏都拉斯現任總統葉南德茲（Juan Orlando Hernandez)經查路透社報導內容薩爾瓦多總統親信及安全部長被列入相關名單但並未提及宏都拉斯總統。
歐江安強調對於部分媒體甘願配合大陸的宣傳和假訊息攻勢進行混淆事實的錯誤報導外交部表示極為遺憾。該報導未經嚴謹查證企圖製造台宏邦誼不穩的假像、造成台灣人民與民主政府之間的矛盾並蓄意打擊我國政府的形象；此外相關報導也極浮誇聳動實不可取外交部特別澄清說明。
外交部在維護國人健康權益的前提下也將繼續秉持同舟共濟的精神結合理念相近國家的力量協助友邦設法取得所需疫苗共同渡過公衛危機、捍衛民主並協助保護友邦人民的健康與安全。</t>
  </si>
  <si>
    <t>報導宏都拉斯疫苗政府總統大陸薩爾瓦多外交部我國友邦健康人民相關路透社協助提及民主臺灣指出捐贈表示日前設法江安取得肺炎</t>
  </si>
  <si>
    <t>新冠肺炎國際宏都拉斯薩爾瓦多我國</t>
  </si>
  <si>
    <t>宏都拉斯肺炎國際薩爾瓦多我國</t>
  </si>
  <si>
    <t>口罩私賣衛生局診所前往小兒科北市</t>
  </si>
  <si>
    <t>新冠肺炎持續延燒口罩更是1片難求但在ptt爆掛版傳出臺北市八德路上的某小兒科診所疑似私賣口罩且每片以10元價格販售引發網友討論北市衛生局食品藥物管理科長陳怡婷指出衛生局將會派人員前往瞭解會評估</t>
  </si>
  <si>
    <t>口罩衛生局人員會派指出陳怡婷藥物ptt食品傳出臺北市北市路上小兒科討論前往網友診所</t>
  </si>
  <si>
    <t>新冠肺炎持續延燒口罩更是1片難求但在ptt爆掛版傳出臺北市八德路上的某小兒科診所疑似私賣口罩且每片以10元價格販售引發網友討論北市衛生局食品藥物管理科長陳怡婷指出衛生局將會派人員前往瞭解會評估販賣的口罩來源如為一般醫療級口罩就會以市場機制為標準但如為進口貨其他來源口罩則未強制規定販售價格。
Ptt網友Campbell天堂與地獄的分界今天下午在八掛版提到某小兒科診所買的到口罩但卻以合法掩護非法診所樓上就是藥局大門也貼著「要買口罩請上樓」一片口罩販售10元且不限購買次數並指出「當我們守法排隊買口罩的人都是時間太多的白癡嗎？」引發不少網友熱議不過也有不少民眾認為診所藥局販賣口罩沒有不對因規定進入診所一定要戴口罩。
陳怡婷指出近日衛生局會派人員到現場瞭解狀況會先瞭解口罩來源目前雖然沒有硬性規定口罩要賣多少錢但哄抬價格可能違反公平交易法如為一般醫療級口罩就會以市場機制價格為標準。</t>
  </si>
  <si>
    <t>口罩診所價格網友指出衛生局來源ptt藥局小兒科引發瞭解販賣規定陳怡婷沒有人員會派</t>
  </si>
  <si>
    <t>新冠肺炎新型冠狀病毒武漢肺炎COVID-19NCP</t>
  </si>
  <si>
    <t>肺炎病毒武漢冠狀covid-ncp</t>
  </si>
  <si>
    <t>經濟振興風向網上廣交會</t>
  </si>
  <si>
    <t>經濟提出大陸重振投資公佈負責之後概念基建國家發改委所謂伴隨家電推動車市力度消費再進一步規劃資料成長宏觀經濟政策方向中國人民銀行</t>
  </si>
  <si>
    <t>廣交會大陸疫情市場政策提出網上企業公佈重要外貿經濟平臺可以擴大運作視為內需客商之下</t>
  </si>
  <si>
    <t>大陸肺炎重要內需擴大</t>
  </si>
  <si>
    <t>擴大大陸肺炎重要內需</t>
  </si>
  <si>
    <t>邊緣疫情高峰清明連</t>
  </si>
  <si>
    <t>新冠肺炎疫情衝擊全球仍擋不住台灣民眾連假出遊決心各大景點都湧入觀光人潮像是墾丁光3天遊客就高達7萬人讓人擔憂清明連假後疫情恐攀高峰對此歌手魏如萱則在臉書喊話：「當一下邊緣人不會死掉」。魏如萱擔</t>
  </si>
  <si>
    <t>疫情魏如萱衝擊全球像是人潮觀光湧入遊客丁光臺灣擋不住邊緣民眾景點決心出遊喊話歌手對此</t>
  </si>
  <si>
    <t>新冠肺炎疫情衝擊全球仍擋不住台灣民眾連假出遊決心各大景點都湧入觀光人潮像是墾丁光3天遊客就高達7萬人讓人擔憂清明連假後疫情恐攀高峰對此歌手魏如萱則在臉書喊話：「當一下邊緣人不會死掉」。
魏如萱擔憂清明連假後恐會爆出另一波疫情高峰昨天先在臉書向所有人喊話若還想趁著連假尾聲去哪裡溜達拜託取消這個念頭更強調防疫這件事情還不能鬆懈不過似乎眼看各大景點湧入滿滿人潮讓她再次宣達防疫觀念除了要大家勤洗手之外也要大家外出一定要保持社交距離此外更在三強調：「當一下邊緣人不會死掉」。
由於清明連假各景點都湧現出遊人潮讓中央流行疫情指揮發送2則「國家級警報」地點涵蓋全台11區像是阿里山森林遊樂區、花蓮東大門夜市以及墾丁等地等列入範圍呼籲大家保持社交距離並且記得配戴口罩。</t>
  </si>
  <si>
    <t>疫情景點像是防疫清明連社交強調高峰保持距離人潮喊話湧入邊緣擔憂</t>
  </si>
  <si>
    <t>魏如萱清明連假邊緣人新冠肺炎武漢肺炎</t>
  </si>
  <si>
    <t>邊緣肺炎清明連武漢魏如萱</t>
  </si>
  <si>
    <t>歐巴交通法文局長洗手part直播防疫</t>
  </si>
  <si>
    <t>因應新冠肺炎疫情台中市政府衛生局全國首創於官方臉書《健康就是讚》推出《我的保健室：曾醫師聊聊日》直播活動！上週三首播後獲得熱烈迴響8日再邀請「型男歐巴」交通局長葉昭甫分享不同運輸工具防疫措施還順</t>
  </si>
  <si>
    <t>疫情運輸工具台中市政府不同衛生局分享全國葉昭甫首創官方局長交通健康肺炎防疫歐巴就是推出邀請保健室醫師迴響首播</t>
  </si>
  <si>
    <t>因應新冠肺炎疫情台中市政府衛生局全國首創於官方臉書《健康就是讚》推出《我的保健室：曾醫師聊聊日》直播活動！上週三首播後獲得熱烈迴響8日再邀請「型男歐巴」交通局長葉昭甫分享不同運輸工具防疫措施還順應粉絲要求邊唱法文歌、邊教洗手方式「內外夾弓大立腕」萌樣引發粉絲尖叫！
葉昭甫說行人出門記得洗手、戴口罩儘量少到密閉空間若一定得去也要戴口罩、保持安全距離；騎家裡腳踏車出門的民眾應注意車輛及手部清潔台中iBike的站點、手把、座椅都會清潔請民眾放心；針對自行開車民眾記得使用酒精消毒車輛內部時要通風避免危險。
葉昭甫指出民眾若搭公車、計程車或其他大眾運輸時一定要戴口罩將先柔性勸導勸導不聽則罰3000元至1萬5000元在車上少交談並遵守禁止飲食的規定。
兩位局長於直播活動上耐心一一回應民眾問題有人問到「搭大眾運輸戴布口罩可以嗎？」衛生局長曾梓展醫師回答戴布口罩、活性碳口罩、醫用口罩、N95口罩都可以；「誰可以搭中市防疫計程車？」曾醫師說防疫計程車提供台中居家檢疫及居家隔離者自指定地點至醫療院所或檢疫地點交通接送服務。
粉絲要求曾經留法的葉昭甫教大家戴口罩的法文並邊唱法文歌邊教洗手口訣；為不讓粉絲失望暖男葉昭甫順應要求與曾梓展醫師一起唱著法文歌同時表演「內外夾弓大立腕」洗手舞連現場工作人員也被逗得哈哈大笑氣氛歡樂、「笑」果十足。
衛生局指出《我的保健室：曾醫師聊聊日》直播活動配合不同防疫主題由局長化身曾醫師邀請市府各局處首長、醫事人員公協會、區管指揮官等專業人士即時回應民眾防疫生活問題每週三中午時段播出。
每週二直播預告當週主題與隔日直播時間民眾可留言提出防疫生活相關問題週三中午曾局長將直播解答歡迎市民朋友追蹤衛生局官方臉書《健康就是讚》( https：／／pseis／R3X33 )即時獲得最新防疫資訊。</t>
  </si>
  <si>
    <t>民眾口罩防疫醫師直播粉絲局長洗手衛生局葉昭甫要求週三法文活動計程車問題車輛交通即時記得台中獲得指出清潔</t>
  </si>
  <si>
    <t>新冠肺炎疫情法文歌教洗手超萌</t>
  </si>
  <si>
    <t>法文疫情肺炎洗手</t>
  </si>
  <si>
    <t>關卡失守</t>
  </si>
  <si>
    <t>新冠肺炎疫情所造成的恐慌持續在本周擴大道瓊指數週三(18日)終場大跌133846點或630%、報收1989892點為2017年2月以來首次道瓊指數跌破2萬點大關。投資者悲觀情緒籠罩道瓊指數期貨週四(19日)開盤下挫超過300</t>
  </si>
  <si>
    <t>指數造成恐慌持續週四疫情擴大期貨籠罩情緒週三大關跌破以來報收終場肺炎悲觀投資者開盤下挫超過</t>
  </si>
  <si>
    <t>新冠肺炎疫情所造成的恐慌持續在本周擴大道瓊指數週三(18日)終場大跌133846點或630%、報收1989892點為2017年2月以來首次道瓊指數跌破2萬點大關。投資者悲觀情緒籠罩道瓊指數期貨週四(19日)開盤下挫超過300點隨後跌勢擴大到500點代表道瓊指數開盤恐怕也有200點以上的跌勢。
截至美東時間上午7點道瓊指數期貨下跌超過300點標普500指數期貨微幅下跌納斯達克100期貨指數表現持平就在前一晚美股指數期貨一度翻紅上漲但隨著恐慌情緒仍未消散美股指數期貨再度翻黑平盤震盪。
Vital Knowledge 創辦人Adam Crisafulli 表示市場顯然仍處於恐慌以及斷頭賣壓狀態風險處於高水位一旦解決部分清償問題情況將更加明顯。市場還在等待上午8點30分即將發布的每週失業申請藉此評估新冠肺炎疫情對美國經濟造成的經濟損失。
截至臺北時間晚間7點40分道瓊指數期貨下跌524點或264%、暫收19329點；標普500指數期貨下跌61點或254%、暫收23405點；那斯達克100指數期貨下跌11625點或161%、暫收708925點。</t>
  </si>
  <si>
    <t>指數期貨恐慌市場上午跌勢處於下跌情緒開盤造成截至擴大超過時間疫情肺炎部分清償問題解決一旦水位</t>
  </si>
  <si>
    <t>道瓊指數期貨美股新冠肺炎下跌</t>
  </si>
  <si>
    <t>期貨肺炎指數下跌</t>
  </si>
  <si>
    <t>可以放生直接搖頭台人打到習性疫苗</t>
  </si>
  <si>
    <t>各國狂打疫苗盼能擋住Delta但突破性感染案例頻傳一名網友發文說感覺打完2劑疫苗也無法保護所有人特別是高風險族群但若台灣疫苗打到90％以上政府敢直接放生大家不管防疫了嗎？貼文引起網友討論首先台</t>
  </si>
  <si>
    <t>疫苗網友放生防疫擋住直接突破性delta感染案例政府以上打到特別臺灣文說族群感覺高風險所有人</t>
  </si>
  <si>
    <t>各國狂打疫苗盼能擋住Delta但突破性感染案例頻傳一名網友發文說感覺打完2劑疫苗也無法保護所有人特別是高風險族群但若台灣疫苗打到90％以上政府敢直接放生大家不管防疫了嗎？貼文引起網友討論首先台灣要打到90％就不是很容易也不知道要多久才會實現再加上台灣人的習性就是怕死看到1例確診都會恐慌到不行怎麼可能允許政府放生。
一名網友在PTT上發文表示Delta變異株來勢洶洶突破性感染的案例頻傳感覺新冠疫苗接種完2劑也無法保護所有人特別是老人、胖子、慢性病患者與免疫力低下的族群不知道台灣如果疫苗覆蓋率提升至90％以後政府敢直接「放推（網路用語：放給它爛）」大家嗎？
貼文引發網友討論「12歲以下不能打應該很難到90％」、「疫苗根本沒啥屁用以色列示範給大家看了」、「台灣打到90%時其他國家早就開放」、「不太可能兩劑到90%頂多70%就算很厲害了」。不過也有人認為台灣不可能打完疫苗就放給它爛因為台灣人光是看到1例確診就可以恐慌到不行台灣人就是怕死啦！
另有網友則以新加坡為例說當時新加坡的開放宣言就說了初期確診會爆增但要密切觀察重症人數是否增加希望符合疫苗接種資格的老人快出來打「有目標的準備開放絕對會比追著其他國家開放而在沒有準備好的狀態下被迫跟進來得好」。</t>
  </si>
  <si>
    <t>疫苗網友臺灣開放政府打到臺灣人確診準備老人國家接種delta放生放給知道感覺</t>
  </si>
  <si>
    <t>疫苗突破性感染台灣新冠肺炎習性</t>
  </si>
  <si>
    <t>臺灣感染突破性肺炎習性疫苗</t>
  </si>
  <si>
    <t>台中陽性工作確診埔裡</t>
  </si>
  <si>
    <t>南投縣23日新增例確診個案1例為陽性個案皆為在台中市工作的南投埔裡鎮民案14356為30歲男性於桃園發病就地就醫23日確診為新冠肺炎22日開車回埔裡後已送集中檢疫所收治治療中另其同住朋友為31歲男性</t>
  </si>
  <si>
    <t>埔裡男性確診個案收治治療檢疫所集中開車台中就醫就地桃園工作發病</t>
  </si>
  <si>
    <t>南投縣23日新增例確診個案1例為陽性個案皆為在台中市工作的南投埔裡鎮民案14356為30歲男性於桃園發病就地就醫23日確診為新冠肺炎22日開車回埔裡後已送集中檢疫所收治治療中另其同住朋友為31歲男性22日經PCR檢測結果為陽性但未取案號目前也已送集中檢疫所收治治療。
南投縣衛生局長黃昭郎指出南投23日新增2本土案例都是設籍南投埔裡鎮泰安裡的埔裡鎮民不過2人長期居住在台中一起從事攤商的工作但因疫情關係5月底就結束營業後2人就常常往返桃園、苗栗、新竹、台中甚至彰化主要活動史都是在台中南投縣則無活動史。
黃昭郎接著指出2人於22日前往桃園時案14356因感覺身體不適有肌肉痠痛、咳嗽、喉嚨痛、腹瀉及全身倦怠等症狀就近前往桃園市醫院就醫醫院安排PCR檢測結果為陽性當日晚上2人就開車回埔裡南投縣衛生局立即安排其友人PCR檢測也是陽性後2人一起送集中檢疫所收治治療23日案14356也收到新冠肺炎確診通知其朋友則尚未有案號2人在桃園匡列的10名友人、及二人各縣市活動史已通報各縣市衛生局追縱。
雖2案例皆無南投活動史黃昭郎表示仍會在6月24日上午9時到12點再次啟動一場次「埔裡鎮新冠肺炎社區篩檢站」地點是埔裡鎮綜合球場提醒有南投縣政府近期公佈確診者足跡有重疊者、自覺有新冠肺炎（COVID-19）臨床症狀者（發燒、上呼吸道症狀、腸胃道症狀、四肢無力）。可攜帶健保卡全程戴醫用口罩請勿搭乘大眾運輸工具接受篩檢。</t>
  </si>
  <si>
    <t>埔裡桃園台中確診症狀活動肺炎陽性檢測pcr工作黃昭郎</t>
  </si>
  <si>
    <t>新冠肺炎台灣陽性南投台中</t>
  </si>
  <si>
    <t>臺灣陽性肺炎台中</t>
  </si>
  <si>
    <t>桃園全力啟動防疫旅館delta病毒南京機場</t>
  </si>
  <si>
    <t>桃園9日啟動防疫旅館新制在6家大型防疫旅館設置採檢站減少入境隔離期滿民眾到醫院採檢的移動風險市長鄭文燦說桃園26家防疫旅館有6成是外縣市或外籍旅客入住率超過7成還有增加的需求他也以南京祿口機</t>
  </si>
  <si>
    <t>旅館防疫桃園增加還有超過入住需求旅客外籍外縣市成是設置期滿隔離減少民眾入境醫院移動風險鄭文燦</t>
  </si>
  <si>
    <t>桃園9日啟動防疫旅館新制在6家大型防疫旅館設置採檢站減少入境隔離期滿民眾到醫院採檢的移動風險市長鄭文燦說桃園26家防疫旅館有6成是外縣市或外籍旅客入住率超過7成還有增加的需求他也以南京祿口機場失守成大陸Delta擴散破口為例希望機場持續提高防疫等級包括建立PCR檢驗能量、機場從業人員雲端健康監測等全力防堵Delta病毒。
「屏東只有一個Delta入境個案桃園是每天要面對Delta病毒都可能進來的風險！」鄭文燦說Delta病毒7月20日從南京祿口國際機場入侵後開始有蔓延的現象目前入境確診個案基因定序大部分是Delta病毒所以國境一定要保護好桃園是國境到社區的第二道防線更要守住包括防疫計程車、防疫旅館、集中檢疫所和醫院4大防線目前533輛防疫計程車都打了疫苗除了個人防護裝備到位也要把握單趟清消的原則。
鄭文燦也提到9日起桃園也啟動提高防疫等級的新制安排醫護人員到6個大型防疫旅館入館採檢避免入境民眾隔離期滿還得搭防疫計程車到醫院採檢減少移動風險工務局也提供採檢屏風保護採檢人員的安全務必讓民眾一個採完再換一個保持距離避免接觸風險。
鄭文燦指出中央7月2日啟動入境普篩、期中快篩、期滿二採、隔離14天的國境防疫4大對策後目前入境旅客全都要住檢疫所跟防疫旅館桃園26家防疫旅館、3200間房間入住率已經超過7成預料還會提高只要國境防疫4大對策沒有改變桃園還會再增加防疫旅館數量。
鄭文燦說桃園防疫旅館入住旅客桃園人跟非桃園人的比例大概是4比6有6成是外縣市跟外籍人士但該做的服務一項都不能少包括關懷包、第十天的居家快篩的提醒、還有期滿前第13天要做PCR等務必把隔離期滿二採處理完善。
鄭文燦表示桃園從去年2月到現在都採取14天隔離二採的政策也篩檢出很多確診個案這些個案可能CT值都超過30比較不具傳染力但這是嚴謹防疫的原則他提到機場目前採取唾液快速PCR政策但應該建立入境一採PCR的檢驗能量畢竟檢體若都送到醫院實驗室檢驗會比較麻煩人的檢疫應該比照動植物入境檢疫動線如果不夠要增加動線。
鄭文燦也認為機場疫苗覆蓋率要盡量到達百分之百機場從業人員的健康監測也應該比照醫院或者是防疫旅館採用雲端監測的方式每天都要自我健康管理守住機場的第一線他將向中央流行疫情指揮中心持續反映強調機場端一定要徹底保護好嚴格執行各種防疫對策機場端到桃園社區端也要守護好避免社區有任何風險阻絕境外。</t>
  </si>
  <si>
    <t>防疫機場入境桃園旅館鄭文燦delta風險醫院隔離目前病毒期滿國境避免pcr包括超過旅客</t>
  </si>
  <si>
    <t>新冠肺炎台灣防疫旅館機場桃園</t>
  </si>
  <si>
    <t>臺灣防疫肺炎旅館機場桃園</t>
  </si>
  <si>
    <t>影響文娛疫情企業官方給予北京市補貼</t>
  </si>
  <si>
    <t>北京市委宣傳部、市政府新聞辦2月19日聯合多部門召開新聞發布會宣佈北京市文化改革和發展領導小組辦公室出臺《關於應對新冠肺炎疫情影響促進文化企業健康發展的若干措施》。其中包括緩解當前企業經營壓力的措施11</t>
  </si>
  <si>
    <t>發展文化企業聯合措施部門召開新聞發佈會宣佈緩解北京市改革健康應對新肺炎領導小組辦公室影響疫情出臺促進新聞辦當前包括經營市政府壓力北京市委宣傳部</t>
  </si>
  <si>
    <t>北京市委宣傳部、市政府新聞辦2月19日聯合多部門召開新聞發布會宣佈北京市文化改革和發展領導小組辦公室出臺《關於應對新冠肺炎疫情影響促進文化企業健康發展的若干措施》。
其中包括緩解當前企業經營壓力的措施11條；保障精品內容創作生產的措施3條；培育產業發展全新動能的措施4條；加大金融服務支援力度的措施6條；優化提升政務服務水準的措施4條。
新冠肺炎疫情發生後大陸電影院、文藝演出場所、文博單位、娛樂場所均暫停營業很多文化企業因疫情影響陷入經營困境。文化企業普遍反映當前最需要的是延繳社保、減免房租、貸款延期和融資補貼等資金政策支援。
《北京日報》客戶端指出北京市委宣傳部會同市發展改革委、市科委、市財政局、市人力社保局、市文化和旅遊局、市廣播電視局、市地方金融監管局、人民銀行營業管理部等16個部門及各區有關單位對北京3000多家文化企業進行深入調研找准疫情期間文化企業的難點痛點有針對性地提出地解決措施。
其中針對影視行業對今年春節期間受疫情影響未能如期上映的北京企業生產的影片給予一次性宣傳發行補貼；今年春節前後處於集中創作期受疫情影響而暫停的重點專案給予創作製作特殊補貼；對於出版行業則鼓勵北京地區數位出版企業及相關文化機構在疫情期間免費對公眾開放優質內容資源及公益性線上演出等數位文化內容服務。
調查顯示疫情期間網路遊戲、網路影音、數位音樂、網路教育、知識付費、有聲讀物等新興業態使用者規模有了較快增長。
《若干措施》也特別強調未來要著力深化文化科技融合大力發展「文化＋互聯網」明確新興業態、場景應用的主攻方向為文化企業更好地抓住發展機遇提供指引。</t>
  </si>
  <si>
    <t>文化企業疫情措施發展期間影響補貼內容數位創作部門業態社保支援單位行業生產今年春節北京服務給予北京市委宣傳部當前肺炎經營</t>
  </si>
  <si>
    <t>關於應對新冠肺炎疫情影響促進文化企業健康發展的若干措施新冠肺炎武漢肺炎新冠狀病毒全球</t>
  </si>
  <si>
    <t>肺炎影響措施企業文化促進健康發展疫情病毒武漢全球應對新</t>
  </si>
  <si>
    <t>肺炎天內研究產生北京抗體再次獼猴</t>
  </si>
  <si>
    <t>近日《科學》雜誌發表一項在大陸所做的研究被新冠肺炎感染的獼猴在28天內會產生抗體不會再受到2次感染。不過研究人員表示目前尚不清楚抗體能在體內維持多久可能需要等到數年後才能得知在疫情大流行期間</t>
  </si>
  <si>
    <t>研究抗體感染得知才能大陸等到需要可能疫情維持體內清楚肺炎尚不發表獼猴天內人員目前表示</t>
  </si>
  <si>
    <t>近日《科學》雜誌發表一項在大陸所做的研究被新冠肺炎感染的獼猴在28天內會產生抗體不會再受到2次感染。不過研究人員表示目前尚不清楚抗體能在體內維持多久可能需要等到數年後才能得知在疫情大流行期間感染者是否有抗體存在。
據《TRT World》報導北京協和醫學院對6隻獼猴進行抗體實驗他們將一定劑量的SARS-CoV-2病毒注入獼猴氣管中結果觀察到獼猴出現了輕度到中度的症狀大約需要兩周時間才能恢復。研究人員表示6隻獼猴首次感染的第28天後對其中4隻注射另一劑病毒實驗結果只有體溫稍有升高沒有再度感染的跡象。
研究人員通過頻繁採樣發現獼猴被感染3天後病毒載量達到最高峰。科學家表示獼猴首次感染新冠肺炎後身體表現出較強的免疫反應產生了更多的「中和抗體」這些抗體可以保護牠們在短期內免受感染。不過研究人員指出需要有更多實驗來觀察這個免疫力能維持多久。
因為獼猴與人類相似因此北京協和醫學院對他們進行新冠肺炎抗體研究為了找出牠們對病毒是否有短期免疫力；目前研究結果是獼猴在初階時有出現免疫力不過尚不清楚在人體內的反應可能要等到數年後才能得知當時疫情爆發期間被感染的人們是否有產生抗體不會再度被感染。
更多 CTWANT 報導</t>
  </si>
  <si>
    <t>抗體獼猴感染研究病毒需要人員免疫力實驗結果是否表示才能產生反應肺炎尚不清楚維持再度出現</t>
  </si>
  <si>
    <t>獼猴抗體新冠肺炎產生研究人員</t>
  </si>
  <si>
    <t>肺炎產生研究抗體人員獼猴</t>
  </si>
  <si>
    <t>漏洞不得防疫疏忽</t>
  </si>
  <si>
    <t>新冠肺炎兩岸四地嚴防死守之下大陸的疫情已經趨緩現在面臨的是倒灌回來的境外輸入病例台灣、香港也一樣連守得最好的澳門也都因境外輸入破了一個多月來0新增的防禦罩。在病毒無所不入的侵襲之下防疫堵漏</t>
  </si>
  <si>
    <t>之下境外輸入嚴防死守不入大陸疫情病毒已經防禦現在兩岸新增面臨倒灌回來香港臺灣病例侵襲肺炎連守</t>
  </si>
  <si>
    <t>新冠肺炎兩岸四地嚴防死守之下大陸的疫情已經趨緩現在面臨的是倒灌回來的境外輸入病例台灣、香港也一樣連守得最好的澳門也都因境外輸入破了一個多月來0新增的防禦罩。在病毒無所不入的侵襲之下防疫堵漏稍有疏忽就會破口絲毫無法鬆懈。
大陸在全面封城之下總算新增病例到了個位數與疫情盛行時期每日數千新增確診相比非常不容易也可以看出大陸的全面封城發揮了阻擋疫情擴散的極大功效。
但是這幾天除了境外輸入病例之外又新增門診確診病例令專家再度擔心有不明確的防疫漏洞存在。從中外專家共同發表的論文指出大陸在疫情初期記錄到的確診病例只有14%高達86%未被記錄到這些未被記錄到的除了無症狀或症狀輕微之外也有可能是潛伏期出乎目前醫學界的認知之外這也使得新冠肺炎這個新出現的流行疾病更難捉摸一切有可能的防疫手段都要再審視是否有漏洞未堵住。
對於前所未見的新疾病尤其是像新冠肺炎這種兇猛的傳染疾病防疫工作本來就是極大的挑戰相較於兩岸四地的嚴陣以待歐美各國初期的輕忽造成目前的全面大流行顯見一點疏忽都會造成大災難。堵漏工作全世界都要共同努力。</t>
  </si>
  <si>
    <t>病例防疫大陸疫情新增之下之外全面疾病確診境外輸入專家工作極大肺炎漏洞初期目前堵漏流行</t>
  </si>
  <si>
    <t>大陸肺炎輸入堵漏疫情</t>
  </si>
  <si>
    <t>輸入大陸疫情肺炎堵漏</t>
  </si>
  <si>
    <t>疫苗北市就算柯文哲信心十足清零</t>
  </si>
  <si>
    <t>有專家建議疫情警戒從三級降至二級前可先施行「25級過度版」措施先完成老人疫苗接種並觀察一至兩周的人流如未造成小型群聚感染再降到二級警戒臺北市長柯文哲表示就我專業概念臺北市從現在起每</t>
  </si>
  <si>
    <t>警戒臺北市柯文哲可先過度施行措施完成老人疫苗接種再降觀察造成人流感染專業表示概念</t>
  </si>
  <si>
    <t>有專家建議疫情警戒從三級降至二級前可先施行「25級過度版」措施先完成老人疫苗接種並觀察一至兩周的人流如未造成小型群聚感染再降到二級警戒臺北市長柯文哲表示就我專業概念臺北市從現在起每週確診者會降一半很快數量就會降到相當低就算沒有疫苗再給我們1個月時間北市也能做到清零。
柯文哲說臺北要清零做得到但同島一命假設雙北都清零但其他縣市仍有潛伏的案例還是沒辦法北市12個行政區有5個行政區從13日起就沒有案例表示精準追殺有用一段時間後北市潛伏感染源就可殲滅。
柯文哲表示但如果從外縣市來的例如一個獅子王就可以造成很多感染所以真的是「同島一命」這問題我想很久不過我想還有1個月的時間先用幾周時間把北市清零清零後全台怎麼做真的不是北市問題也不是雙北問題是全台要一起想的問題。」</t>
  </si>
  <si>
    <t>北市清零感染柯文哲表示疫苗時間沒有案例警戒造成潛伏問題臺北市全台</t>
  </si>
  <si>
    <t>北市清零柯文哲群聚感染</t>
  </si>
  <si>
    <t>感染柯文哲清零北市</t>
  </si>
  <si>
    <t>新創ai基金爆發力</t>
  </si>
  <si>
    <t>歐美新冠肺炎疫情再起一方面市場擔憂經濟復甦遭拖累然另一方面卻因而加快AI在各產業的進展速度成為後疫情時代下科技產業最火紅的創新技術法人表示5G與AI將是推動未來十年的新成長引擎預估到2035年5G結</t>
  </si>
  <si>
    <t>ai疫情再起市場引擎擔憂成長復蘇經濟未來推動拖累加快科技產業時代創新產業表示進展法人技術</t>
  </si>
  <si>
    <t>歐美新冠肺炎疫情再起一方面市場擔憂經濟復甦遭拖累然另一方面卻因而加快AI在各產業的進展速度成為後疫情時代下科技產業最火紅的創新技術法人表示5G與AI將是推動未來十年的新成長引擎預估到2035年5G結合AI應用將可為全球經濟增加14兆美元貢獻超過日本和德國兩大經濟體的GDP合併規模。
法人強調AI結合各行各業突破傳統框架潛藏投資爆發力極具想像空間可作為長線佈局產業基金。
第一金全球AI人工智慧基金經理人陳世傑表示AI產業受惠於全球企業積極推動智慧化轉型加上新冠肺炎疫情加快AI發展如自動化物流、無人配送等持續推動經濟活動。以美國零售業為例6月實體零售銷售額年減8％線上零售卻較前月大增18％代表這一波AI數位革命浪潮趨勢確立。因此即便短期股價陷入盤整長期在技術領導下AI相關股價有機會再度衝高。
法人指出AI引領產業技術變革將推動未來十年內各產業出現突破性創新與革命性的變化最直接受惠領域包括行動通訊、醫療照顧、媒體與娛樂、農業及工業應用等五大領域另外金融、物流、資安等產業對AI需求與技術應用也將大提升。
5G和AI將是驅動人類第四次工業革命的新發動機亦帶旺半導體產業持續火紅儘管現在歐美第二波疫情再起但國際半導體協會（SEMI）預估疫情對半導體產業影響甚微全球半導體需求在未來幾個季度將逐步改善主要成長動能來自雲端與伺服器需求持續暢旺相關需求將可望延續至後疫情時代配合中國市場的支撐下展望2021年全球半導體設備出貨預估將從2020年的650億美元再進一步成長至700億美元新高。
展望科技產業長線趨勢法人認為未來是「萬物聯網」的時代預估到2025年全球IoT連結數量將近250億個全球物聯網（IoT）將更蓬勃發展AI技術與應用將迎來更龐大的市場商機大型雲端業者如亞馬遜、微軟、Google皆積極投入AI應用服務。</t>
  </si>
  <si>
    <t>ai產業全球疫情法人預估技術推動未來應用經濟需求持續市場時代半導體領域長線受惠雲端股價</t>
  </si>
  <si>
    <t>法人肺炎各產業半導體產業科技產業</t>
  </si>
  <si>
    <t>產業肺炎半導體科技產業法人</t>
  </si>
  <si>
    <t>大街管制封街週末業者連兩哀歎</t>
  </si>
  <si>
    <t>墾丁大街在清明連假湧入大量人潮中央流行疫情指揮中心發出國家級警報連假後墾丁人氣慘跌觀光產業被打趴在地住房率跌至2成。縣府及警方連2個週末在墾丁大街實施封街及人流管制不過大街幾已成空城業者質疑</t>
  </si>
  <si>
    <t>大街已成住房產業疫情中央流行指揮縣府人潮中心觀光週末警方慘跌湧入發出人氣警報管制</t>
  </si>
  <si>
    <t>墾丁大街在清明連假湧入大量人潮中央流行疫情指揮中心發出國家級警報連假後墾丁人氣慘跌觀光產業被打趴在地住房率跌至2成。縣府及警方連2個週末在墾丁大街實施封街及人流管制不過大街幾已成空城業者質疑人潮如此寂寥何需再管制？
墾丁大街繼上週末實施封街及人流管制措施後本週末繼續施行將「墾丁大街將視同大型室內場所」屏東縣政府各局處、保七總隊第八大隊、公路總局、墾管處等單位出動進行人車分流、量測體溫、酒精消毒、佩戴口罩、宣傳保持社交距離等。
不過接連2週末墾丁大街人潮都少得可憐攤商苦笑說「員警和宣導人員都快比遊客多了！」「人都少成這樣了還管制什麼？做什麼人車分流？是在做心酸的嗎？」
王姓攤商大嘆「1個晚上只賣200元要怎麼活下去？」很多攤商乾脆都停業或撤離留下來的攤商也在「垂死掙紮」他考慮另移他處但疫情尚未結束實在也沒地方可去。
墾丁商圈發展會協總幹事蔡正榮說墾丁業者一定會配合政府防疫政策但政府也該為百姓的經濟著想。租金、人事、原物料都是成本大家都在苦撐都在吃老本恐怕等不到政府的振興方案或補助就全部倒了希望政府腳步能快些否則大家只能吃土。
一家飯店主管表示墾丁現在已進入史無前例的「觀光黑暗期」星級飯店的住房率都跌到2成以下民宿更慘大概1成左右。接下來的五一連假原本有7成訂房率但自從清明連假之後一直退訂目前約剩4成。業者即使有優惠也不敢促銷怕引發眾怒有苦難言。</t>
  </si>
  <si>
    <t>大街政府管制業者人潮週末疫情觀光分流清明連住房</t>
  </si>
  <si>
    <t>墾丁大街週末管制連假新冠肺炎</t>
  </si>
  <si>
    <t>管制週末大街肺炎</t>
  </si>
  <si>
    <t>化身要求發起人聯盟吳欣岱韓國瑜黨員停止</t>
  </si>
  <si>
    <t>台灣醫事行動聯盟發起人吳欣岱今日透過台灣基進黨發出聲明表示高雄市長韓國瑜提出的「普篩」根本沒有必要而且若出現偽陰性反而會造成防疫破口韓國瑜應停止普篩停止製造對立配合中央普篩。吳欣岱指出高</t>
  </si>
  <si>
    <t>吳欣岱韓國瑜臺灣停止聯盟發起人今日透過發出中央反而陰性聲明造成表示出現防疫必要高雄沒有市長根本</t>
  </si>
  <si>
    <t>台灣醫事行動聯盟發起人吳欣岱今日透過台灣基進黨發出聲明表示高雄市長韓國瑜提出的「普篩」根本沒有必要而且若出現偽陰性反而會造成防疫破口韓國瑜應停止普篩停止製造對立配合中央普篩。
吳欣岱指出高雄市政府今日所召開的防疫記者會韓國瑜提到有前線反應擔心自己感染因此決定對高雄市一線醫療人員共4千人進行普篩並已經從高雄市政府籌措出足夠的資金。
吳欣岱說一線醫療人員只要由醫師判定本就可以進行篩檢。所謂的「普篩」根本沒有必要更會造成檢驗能量的浪費。
吳欣岱認為檢查結果也可能出現偽陽性的狀況而一個偽陽性要有幾十甚至幾百人居家隔離如此必定造成多餘的醫療人力浪費也可能導致臨床人員輕忽反造成防疫破口。
吳欣岱表示高雄市府應取消普篩計畫將籌措之資金用於充實各醫院防疫物資存量。也請配合中央政策由防疫、公衛及感控人員組成的專業團隊來評估封城演練的必要性及施行細節不要為了博取鎂光燈而勞師動眾浪費更多資源和行政人員的時間。
據瞭解吳欣岱雖以台灣醫事行動聯盟發起人發表聲明。但另一身分為台灣基進黨員也曾獲得基進黨提名2020不分區立委第3順位但基進黨僅獲得315％的政黨票因此未能取得不分區立委席次。</t>
  </si>
  <si>
    <t>吳欣岱人員防疫造成浪費高雄醫療臺灣可能資金中央今日聲明一線表示配合籌措進行</t>
  </si>
  <si>
    <t>吳欣岱基進黨罷韓國家機器台灣醫事行動聯盟</t>
  </si>
  <si>
    <t>臺灣國家機器行動吳欣岱聯盟</t>
  </si>
  <si>
    <t>張上淳複出心聲</t>
  </si>
  <si>
    <t>中央流行疫情指揮中心召集人張上淳兒子日前出國惹議後張上淳已連續5天都沒有公開露面包括媒體及網友都很關心張上淳去向張上淳今天終於「復出」在記者會中神情平靜化身張教授分析病例面對外界關心他親</t>
  </si>
  <si>
    <t>張上淳關心中心召集人病例張教授分析化身平靜兒子神情日前記者會複出包括媒體露面公開網友連續天都沒有指揮面對出國</t>
  </si>
  <si>
    <t>中央流行疫情指揮中心召集人張上淳兒子日前出國惹議後張上淳已連續5天都沒有公開露面包括媒體及網友都很關心張上淳去向張上淳今天終於「復出」在記者會中神情平靜化身張教授分析病例面對外界關心他親自回應「謝謝鼓勵」。
張上淳的醫生兒子日前赴美看NBA引發爭議外傳張上淳因自責一度要離開指揮中心團隊遭指揮官陳時中強力慰留「你很重要絕對不能離開」。張上淳神隱多日後今親上火線復出指揮中心記者會面對媒體詢問他以平常心簡單回應「謝謝很多人對我的鼓勵但指揮中心正式記者會上還是希望不談我個人的事」。一旁的陳時中則說他有幫忙轉達網友想念張上淳的心聲並感謝大家對他的關心。
中央流行疫情指揮中心祭出醫護人員不得出國措施後張上淳的醫師兒子遭爆仍赴美引發爭議事後張上淳表示兒子去的國家當時醫事司還未列入旅遊警示﹐對於兒子事後臉書貼文又惹議張上淳也發聲明道歉。鬧出「出國風波」後陳時中日前則強調「張上淳沒有離開也不會離開的團隊」。對於張上淳今天終於現身疾管署記者會直播時引起眾多網友歡呼：「淳淳回來了！！」、「歡迎張教授回歸」。</t>
  </si>
  <si>
    <t>張上淳兒子中心指揮記者會網友陳時中離開關心出國日前面對對於媒體張教授事後複出沒有團隊回應</t>
  </si>
  <si>
    <t>張上淳復出指揮中心疾管署奎寧</t>
  </si>
  <si>
    <t>中心指揮複出管署奎寧張上淳</t>
  </si>
  <si>
    <t>金獎菁英揭曉研發成果</t>
  </si>
  <si>
    <t>素有工研院奧斯卡美稱象徵科技研發最高榮耀的工研菁英獎23日正式揭曉共有六項金獎技術展現工研院在擘畫「2030技術策略與藍圖」下重要研發成果涵蓋「智慧生活」、「健康樂活」、「永續環境」及「智慧化共通技術</t>
  </si>
  <si>
    <t>技術研發智慧工研院象徵環境科技最高健康菁英榮耀生活揭曉正式金獎共有涵蓋成果藍圖策略重要美稱樂活</t>
  </si>
  <si>
    <t>素有工研院奧斯卡美稱象徵科技研發最高榮耀的工研菁英獎23日正式揭曉共有六項金獎技術展現工研院在擘畫「2030技術策略與藍圖」下重要研發成果涵蓋「智慧生活」、「健康樂活」、「永續環境」及「智慧化共通技術」領域的創新應用並且導入科技大廠。
工研院院長劉文雄表示「養兵先日、用在一時」新冠肺炎襲捲全球台灣透過超前部署成功守住疫情從科技的角度來說科技的超前部署就是要洞悉產業的變化與趨勢指引未來發展方向。面對後疫情時代工研院擘畫的「2030技術策略與發展藍圖」期許帶領台灣產業共創新局今年脫穎而出的「產業化貢獻獎」及「傑出研究獎」六大金牌獎技術以市場需求為導向佈局下世代創新技術更是工研院將創新研發能量真正落實到產業攜手共創新商機的豐厚成果期望協助台灣產業在未來十年奠定根基。
獲得傑出研究金牌獎的「智慧物聯網關鍵記憶體」以讀取速度快、功耗低可達到更穩定、更快速存取的優勢目前已導入半導體大廠晶圓製程。「iKNOBEADS於次世代細胞免疫治療之應用」以獨特的突觸結構有效提升人體T細胞活化效率將與國內大型醫院合作推出臨床用GMP等級產品。「可循環熱固型樹脂合成設計與產業應用鏈結」則可解決環氧樹脂無法回收再利用之環保問題。
獲得產業化貢獻獎的有「新型耐溫熱塑彈性體推動」不只耐候、耐寒、抗衝擊還能再生利用目前已進入試量產與驗證階段預期可達百億以上的市場規模。「應用人工智慧提升光電半導體與PCB產業競爭力」與「推動Pre-5G/5G小基站白牌化產業」則扣合最新AI人工智慧、5G最新發展趨勢以前瞻的研發實力及系統化平臺分別導入帆宣、華邦電及5G上下游廠商。</t>
  </si>
  <si>
    <t>產業研發技術應用創新工研院科技導入臺灣智慧利用細胞提升目前推動半導體獲得世代發展成果人工智慧疫情</t>
  </si>
  <si>
    <t>策略工研院導入技術工研</t>
  </si>
  <si>
    <t>工研院技術導入策略</t>
  </si>
  <si>
    <t>肺炎公佈確診呼籲足跡葉毓蘭</t>
  </si>
  <si>
    <t>台灣地區新冠肺炎確診者持續增加但政府不公佈新冠肺炎確診者足跡令許多民眾無所適從不曉得自己是否曾與患者同時間出現在同場合是否需要自主健康管理。台大也因為中研院已經有群聚感染所以請衛福部提供確診</t>
  </si>
  <si>
    <t>確診是否肺炎感染已經中研院台大管理健康自主需要場合曉得無所適從民眾公佈足跡政府增加持續</t>
  </si>
  <si>
    <t>台灣地區新冠肺炎確診者持續增加但政府不公佈新冠肺炎確診者足跡令許多民眾無所適從不曉得自己是否曾與患者同時間出現在同場合是否需要自主健康管理。台大也因為中研院已經有群聚感染所以請衛福部提供確診病例的足跡卻遭拒絕國民黨立委葉毓蘭今天也在臉書貼文為台大發聲呼籲政府應公佈新冠肺炎確診者足跡。
葉毓蘭指出台大與中研院的互動頻繁密切甚至有不少老師是台大與中研院合聘教育部對校園防疫已經有明確的規範台大要求防疫指揮中心提供名單甚或病例足跡紀錄有其必要性而衛福部對於病例個資採高標準保護恐怕有些矯枉過正。
葉毓蘭舉例歐美各國也都是捍衛隱私權的先鋒大國。但是這次疫災中確診的英國王儲、首相、西班牙公主、摩納哥親王甚至大咖運動明星、知名藝人都公開主要也有提醒大眾防疫的效果發揮他們的社會責任。
葉毓蘭表示當然為了個人隱私避免造成困擾可以不公佈姓名、住址但確診病例的活動足跡應該適當公開以利防疫。</t>
  </si>
  <si>
    <t>確診葉毓蘭足跡台大病例防疫中研院公佈甚至是否公開提供已經政府衛福部肺炎場合王儲英國首相</t>
  </si>
  <si>
    <t>足跡葉毓蘭台大防疫新型冠狀病毒</t>
  </si>
  <si>
    <t>冠狀葉毓蘭台大防疫足跡病毒</t>
  </si>
  <si>
    <t>防疫成為多國語言宣導措施嚴防</t>
  </si>
  <si>
    <t>全國新冠肺炎疫情嚴峻三級警戒再延長至6月28日移民署北區事務大隊新北市服務站為讓移工落實防疫措施利用多國語言公佈「移工工作、生活及外出管理注意事項」以利雇主、私立就業服務機構及移工有所依循同時</t>
  </si>
  <si>
    <t>疫情嚴峻警戒延長移民署肺炎事務大隊新北機構以利注意事項服務雇主服務站管理就業外出生活工作落實防疫</t>
  </si>
  <si>
    <t>全國新冠肺炎疫情嚴峻三級警戒再延長至6月28日移民署北區事務大隊新北市服務站為讓移工落實防疫措施利用多國語言公佈「移工工作、生活及外出管理注意事項」以利雇主、私立就業服務機構及移工有所依循同時於站內、官網、臉書、人力仲介公司、新住民相關團體及社群軟體廣為宣導三級警戒延長等相關訊息。
中央流行疫情指揮中心呼籲移工「非必要不要外出」新北市服務站秉持防疫不漏接主動向站內、官網、臉書、人力仲介公司、新住民相關團體及社群軟體宣導勞動部以多國語言於「[email protected]移點通」及1955臉書推播相關防疫措施並請協助移工到勞動力發展署網站下載使用一起共同抗疫。
新北市服務站主任林振智表示現在是防疫的關鍵時刻惟有民眾與政府相互配合才可控制疫情。所以也請人力仲介業者及外籍學生善加利用外籍移工及學生線上申辦系統辦理相關居留業務以網路替代馬路減少不必要的外出避免人員流動群聚感染。
移民署為配合減少人員流動防疫政策部分已啟動居留效期即將到期的外來人口自動延期居留期限30日不限次數直到疫情警戒標準降至二級當日起30日內再至管轄地服務站補辦延期居留手續。
另外來人口的停留效期即將到期及原來經許可延長離台期限的外來人口可暫時不用辦理延長停留及離台期限手續直到疫情警戒標準降至二級的次日起10日內再至當地服務站補辦延長停留及離台期限手續。
此外外來人口不符合申請延長停留及離台期限規定在疫情警戒標準降至二級的隔日起10日內不必到各服務站辦理離境手續直接至機場辦理相關手續即可離境該段期間不算逾期停留。</t>
  </si>
  <si>
    <t>防疫相關疫情服務站延長警戒居留辦理停留外出手續期限新北外來人口減少語言多國</t>
  </si>
  <si>
    <t>新冠肺炎台灣移工服務站相關</t>
  </si>
  <si>
    <t>臺灣肺炎服務站相關</t>
  </si>
  <si>
    <t>法院下令釋放疫情移民傳出兒童拘留所</t>
  </si>
  <si>
    <t>新冠疫情持續蔓延。美國洛杉磯地方法院26日裁定移民家庭拘留所必須釋放100多名移民兒童以避免他們感染新冠肺炎。外媒報導美國的3個移民家庭拘留所中有2個已經出現確診病例。目前在美國移民及海關執法局（ICE</t>
  </si>
  <si>
    <t>移民美國拘留所家庭美國移民目前病例確診出現海關已經蔓延洛杉磯避免感染兒童地方法院肺炎裁定報導執法持續釋放</t>
  </si>
  <si>
    <t>新冠疫情持續蔓延。美國洛杉磯地方法院26日裁定移民家庭拘留所必須釋放100多名移民兒童以避免他們感染新冠肺炎。
外媒報導美國的3個移民家庭拘留所中有2個已經出現確診病例。目前在美國移民及海關執法局（ICE）設施中共收容124名移民兒童。洛杉磯地方法官下令ICE在7月17日之前讓兒童的父母將他們領回或經父母同意後交由「合適的擔保人」照顧。
美國總統川普2018年對非法移民實施「零容忍」政策當時海關人員把非法移民和子女強行分開做法引起不少爭議。
據美國有線電視新聞網（CNN）報導目前ICE設施內已有超過2500人確診感染。</t>
  </si>
  <si>
    <t>移民美國兒童ice目前報導洛杉磯設施家庭拘留所確診感染父母同意海關人員子女交由擔保人合適強行分開實施引起做法</t>
  </si>
  <si>
    <t>兒童移民美國新型冠狀病毒拘留所</t>
  </si>
  <si>
    <t>冠狀移民病毒美國拘留所兒童</t>
  </si>
  <si>
    <t>足跡包含多南確診新增家樂福經國桃園</t>
  </si>
  <si>
    <t>桃園市政府4日表示新增11例本土確診案例以龜山新增4例最多11例中9人接觸過確診者2人尚在調查足跡包含好市多、市場、全聯、家樂福等。年齡介於10多歲至50多歲之間。6月4日足跡包含5月23日至5月30日前往大園</t>
  </si>
  <si>
    <t>足跡包含確診新增本土家樂福全聯年齡介於市場尚在調查表示接觸之間案例市政府桃園大園日前</t>
  </si>
  <si>
    <t>桃園市政府4日表示新增11例本土確診案例以龜山新增4例最多11例中9人接觸過確診者2人尚在調查足跡包含好市多、市場、全聯、家樂福等。年齡介於10多歲至50多歲之間。
6月4日足跡包含5月23日至5月30日前往大園公有零售市場、Costco南崁店、全聯大園菓林店、全聯大園華興店、好朋友百貨、全國桃園國際店。
6月3日足跡包含5月23日至6月2日前往頂好福祿店、美聯社蘆竹六福店、興達黃昏市場、誠心藥局、野上麵包坊、家樂福經國店。</t>
  </si>
  <si>
    <t>市場足跡包含確診家樂福新增桃園日前聯大本土野上麵包藥局誠心黃昏尚在興達朋友華興店調查蘆竹百貨</t>
  </si>
  <si>
    <t>足跡全聯好市多家樂福新冠肺炎</t>
  </si>
  <si>
    <t>家樂福全聯足跡肺炎</t>
  </si>
  <si>
    <t>戈貝爾米契爾假新聞否認翻臉nba</t>
  </si>
  <si>
    <t>眼見最近自己跟米契爾不和謠言越傳越誇張爵士中鋒戈貝爾終於首次跳出來回應他在電玩「太空戰士7復刻版」直播間放話「媒體有時候說的並非事實不僅是在籃球方面也在生活方面他們有時候獲取的新聞跟事實並</t>
  </si>
  <si>
    <t>有時候事實方面中鋒謠言戈貝爾終於跳出回應太空戰士複刻版直播間並非媒體誇張爵士米契爾不和生活</t>
  </si>
  <si>
    <t>眼見最近自己跟米契爾不和謠言越傳越誇張爵士中鋒戈貝爾終於首次跳出來回應他在電玩「太空戰士7復刻版」直播間放話「媒體有時候說的並非事實不僅是在籃球方面也在生活方面他們有時候獲取的新聞跟事實並不相符！」
戈貝爾的這番話無疑是指責最近盛傳他跟米契爾不和是假新聞畢竟兩人都在爵士當了兩年多的隊友私下關係也很密切卻因戈貝爾成為首位確定感染新冠肺炎的NBA球員米契爾也變第2位確診球員兩人不和的傳言才會亂傳。
畢竟戈貝爾在確診之前做出相當多的脫序舉止像是在賽後記者會刻意亂摸麥克風或是在休息室亂摸隊友東西儘管他隨即公開道歉且呼籲大眾重視這次新冠肺炎疫情卻讓外界仍然難以原諒甚至開始謠傳他跟米契爾已經翻臉。
如今隨著戈貝爾公開澄清自己跟米契爾並無不和一切只是媒體惡意炒作卻還需等到兩人公開見面或是真正有所對話才有辦法說服外界相信戈貝爾的個人說詞否則目前兩人關係越說越誇張甚至到了爵士必須趕緊交易戈貝爾程度。</t>
  </si>
  <si>
    <t>戈貝爾米契爾公開爵士不和外界媒體隊友畢竟甚至確診有時候肺炎事實關係誇張球員</t>
  </si>
  <si>
    <t>戈貝爾米契爾不和NBA爵士</t>
  </si>
  <si>
    <t>爵士米契爾nba戈貝爾不和</t>
  </si>
  <si>
    <t>曝光足跡全台確診海軍</t>
  </si>
  <si>
    <t>海軍敦睦艦隊爆發新冠肺炎群聚感染至昨天(4/19)為止共爆出24例確診都是在磐石軍艦上的官兵目前共有基隆、北市、桃園、台中、雲林、嘉義、台南、高雄、屏東共9縣市公佈這些海軍確診者足跡最北到過淡水最南</t>
  </si>
  <si>
    <t>確診海軍足跡肺炎基隆北市共有桃園目前台中官兵雲林嘉義感染軍艦台南磐石昨天公佈高雄</t>
  </si>
  <si>
    <t>海軍敦睦艦隊爆發新冠肺炎群聚感染至昨天(4/19)為止共爆出24例確診都是在磐石軍艦上的官兵目前共有基隆、北市、桃園、台中、雲林、嘉義、台南、高雄、屏東共9縣市公佈這些海軍確診者足跡最北到過淡水最南到台南新光三越新天地、瑞豐夜市、義大商城、潮州健身工廠運動足跡遍佈全台以下是《中時新聞網》的統整。
(13：28更新新北市個案)
【新北市：1名確診】
新北市衛生局長陳潤秋今表示該個案4月15日下船後搭乘軍方安排專車返回北部營區隔天（16日）返家大部分時間都待在家中曾外出買早餐外帶、眼鏡行修眼鏡、到超商領錢時間都很短暫。
【高雄：9名確診】
高市疫調顯示又增加一名官兵染疫9名確診官兵曾停留漢神巨蛋（海港餐廳、添好運、cafe del sol）、瑞豐夜市、義大商城、家樂福鼎山店、好市多大順店、四維羽球場及小港郵局停留至少半小時在漢神巨蛋、義大商城更停留逾2小時。
4月15日09：00~10：00到四維羽球場
4月16日11：30~13：30到漢神巨蛋（海港餐廳、添好運、cafe del sol）
4月16日13：30~18：00到義大商城
4月16日21：00~22：30到瑞豐夜市
4月17日09：00~10：00到好市多大順店
4月17日10：00~11：00到家樂福鼎山店
4月17日小港郵局停留30分鐘
衛生局長林立人指出除了昨公佈的7個地點外經內部研議確認後再增14地點包括：麗馨商旅七賢館、玫瑰汽車旅館、赤鬼牛排、新光三越高雄左營店等地方。
中正一路120號5樓之7教室(苓雅區)-4／16 18：00-20：00
緣髮百元精緻快速剪(林園區)-4／17 15：00-16：00
麗馨商旅七賢館(前金區)-4／15 住宿一晚
天天汕頭火鍋(鹽埕區)-4／15 19：00-20：30
玫瑰汽車旅館(左營區)-4／16 18：30-21：00
赤鬼牛排(左營區)-4／17 11：30-13：30
韓咪達韓式料理店(三民區)-4／17 12：00-13：30
卡布Cappu 義式料理(楠梓區)-4／16 18：30-19：30
Mr 帕(鼓山區)-4／17 19：30-21：00
吳媽媽餃子館家常菜(左營區)-4／14 18：30-19：00
澤野燒肉屋(左營區)-4／15 18：00-20：30
新光三越高雄左營店(左營區)-4／15 15：00-19：00
素香庭(三民區)-4／17 19：00-21：00
老四川巴蜀麻辣燙(鼓山區)-4／17 18：30-20：00
【嘉義市：1名確診】
嘉義市政府衛生局表示此案例於4/15由家人開車接回家全程均有戴口罩4/16、17休假二日在嘉義市及台南市活動。
4月16日11：30-13：30千葉火鍋(垂楊店)與家人午餐
4月17日10：12-11：00自強號火車103車次第3車。由嘉義市前往台南
4月17日12：30-14：30台南市南紡夢時代MOMO壽喜燒火鍋與同袍用餐
4月17日14：30-17：30台南市享溫馨KTV與同袍唱歌
4月17日18：01-18：42自強號火車146車次。由台南市回到嘉義市
4月17日19：00-19：30國華街路邊ㄉㄚ仔魯肉飯。與家人用晚餐
4月18日11：00軍隊召回集中檢疫；19日確診後住院隔離治療
【桃園市：2名確診】
鄭文燦指出案397男性於 4月15日從國防大學政戰學校搭捷運和台鐵到桃園火車站16日4點半到5點15分到統領的誠品因為有症狀全程戴口罩。
案402女性活動史都在嘉義跟高雄 17日去桃園八德廣豐新天地的家樂福。
另有住屏東的官兵16、17日到龜山體育大學找朋友住進某棟宿舍吃飯、剪頭髮、長庚醫院看病。
【臺北市：1名確診】
北市副市長黃珊珊今指出該個案有見女友、搭公共運輸17日下午3、4時與女友到家樂福桂林店爭鮮用餐只有在用餐時脫口罩沒有進到賣場其他時間都有戴口罩。她強調確定個案後昨已派人到家樂福消毒。
【基隆：1名確診】
市長林右昌表示確診個案15日上午下船後搭「部隊交通車」返回海軍陸戰隊學校。
4月17日18：55搭乘「高鐵」自左營返回臺北
4月17日21：20左右轉搭國光客運返回基隆
4月17日21：50分左右下車後即步行返家並未搭乘基市公車客運或計程車。
林右昌指出請17日晚上9時20分左右搭乘往基隆的國光客運乘客能主動跟市府聯繫。
【屏東：4名確診】
屏東縣政府衛生局也公佈4例個案皆於15日下船。
第1例當日自行騎車返家1小時即又返回軍艦未有社區活動史。
第2例16日下午5時半至7時、17日下午3時50分至5時半曾出入屏東市國民運動中心、17日下午5時半至7時出入長治鄉玄天上帝廟附近球場其他地點皆短暫且有戴口罩。
第3例16日下午至屏東大學找朋友、17日至屏東大學接朋友並於環球影城食用晚餐即返家未出。
第4例16日上午10時半至下午2時曾至潮州健身工廠運動同日全程戴口罩搭乘火車及高鐵前往其他縣市。
【雲林縣：1名確診】
雲林縣衛生局長曾春美指出該感染者15日下午由父母開車接回雲林16日與父母拜訪親友共進午餐16日下午搭台鐵到臺北當天晚上10點多搭再高鐵到高雄找朋友並借住朋友家。
【台中市：3名確診】
台中衛生局指出住清水的23歲軍艦實習生4月15日下船返家後搭乘火車從軍營到新左營火車站並搭乘高鐵至烏日站。該案返家後活動範圍僅有家裡與診所目前匡列接觸者7名居家隔離中均無不適症狀。
住沙鹿的28歲男正職士官4月15日下船後自凹子底搭乘捷運至左營高鐵站再搭高鐵回台中烏日站之後搭巴士到台中與朋友碰面目前匡列接觸者5名。
4月15日20：30~22：30與友到85度C沙鹿英才店喝咖啡
4月16日20：30~21：30與母到家樂福沙鹿店購物
4月16日19：30~20：30到歐奇牛排沙鹿店吃飯
4月17日17：00~18：00自己到華得來清水店買飲料
家住龍井27歲的男士官4月15日隨船返港後由家人開車至左營接送先至雲林縣外婆家再返回台中4月16日到歐奇牛排沙鹿店用餐4月17日曾開車至苗栗女友家中再至新竹某風景區散步後至苗栗商場購物晚間返回台中住家4月18日早上部隊召集匡列接觸者10名。
【苗栗：0確診有台中第3例的遊玩足跡】
家住龍井27歲的男士官4月17日曾開車至苗栗女友家中再至新竹峨眉湖風景區散步後至苗栗商場購物。</t>
  </si>
  <si>
    <t>確診搭乘台中返回指出高雄返家下午家樂福口罩個案家人台南嘉義</t>
  </si>
  <si>
    <t>海軍盤石艦、敦睦艦隊24確診全台足跡9縣市</t>
  </si>
  <si>
    <t>確診艦隊敦睦全台足跡磐石海軍</t>
  </si>
  <si>
    <t>1政府抗疫作為 54%英國人不買單皮尤中心調查14 個已開發國家其中英國和美國民眾對自己政府應對新冠疫情的認同度排名墊底。有52% 美國民眾和54% 英國受訪者認為政府的防疫措施不到位。只有不到18%的美國受訪者表示</t>
  </si>
  <si>
    <t>英國政府美國民眾受訪者調查中心單皮排名認同度開發疫情國家措施應對新防疫認為作為</t>
  </si>
  <si>
    <t>美國疫情全球國家年輕人城市排名影響口罩糧食奢華英國受訪者政府人口可能</t>
  </si>
  <si>
    <t>美國英國新冠肺炎糧食危機奢華排名</t>
  </si>
  <si>
    <t>肺炎糧食危機英國奢華排名美國</t>
  </si>
  <si>
    <t>死於非裔報告驗屍完整官方</t>
  </si>
  <si>
    <t>引發全美示威抗議的非裔男子佛洛伊德（George Floyd）官方完整驗屍報告週三出爐顯示他罹患新冠肺炎並死於心肺驟停。綜合外電報導明尼蘇達州漢尼本郡（Hennepin County）的驗屍報導顯示44歲的佛洛伊德早在4月</t>
  </si>
  <si>
    <t>驗屍佛洛伊德顯示男子georgefloyd官方綜合外電報導死於明尼蘇達州肺炎完整漢尼hennepincounty報告週三出爐非裔報導</t>
  </si>
  <si>
    <t>引發全美示威抗議的非裔男子佛洛伊德（George Floyd）官方完整驗屍報告週三出爐顯示他罹患新冠肺炎並死於心肺驟停。
綜合外電報導明尼蘇達州漢尼本郡（Hennepin County）的驗屍報導顯示44歲的佛洛伊德早在4月3日時新冠肺炎檢測就呈陽性而這種病毒可以潛伏在體內長達數週。報告指出雖然後來他沒有症狀但驗屍時仍呈現陽性。官方的驗屍報告最後歸納在警方執法時佛洛伊德死於心肺停止。
首席醫檢師貝克（Andrew Baker）在報告中指出雖然佛洛伊德的肺部看似正常但心臟的部份動脈狹窄。
然而佛洛伊德家庭律師委託的獨立專家驗屍後卻發現他死於「機械性窒息」（mechanical asphyxia）也就是窒息。此外獨立驗屍報告指出佛洛伊德沒有病史。
這份長達20頁的報告在家屬同意後公開而驗屍官辦公室週一已公佈總結說他在遭警方壓制時心臟病發並將白人員警蕭文（Derek Chauvin）以膝蓋壓頸導致他5月25日的死亡歸類為殺人罪。此外先前的報告指出他有芬太尼（Fentanyl）中毒跡象最近也用過甲基安非他命（methamphetamine）但這並非致死原因。
而據約翰霍普金斯大學（Johns Hopkins University）的統計顯示明尼蘇達州至今有超過1000人死於新冠肺炎。
★中時新聞網關心您：保護自己、遠離毒品！</t>
  </si>
  <si>
    <t>驗屍報告佛洛伊德死於指出顯示肺炎明尼蘇達州警方獨立陽性官方窒息沒有男子derekchauvin</t>
  </si>
  <si>
    <t>美國暴動非裔男驗屍佛洛伊德新冠肺炎</t>
  </si>
  <si>
    <t>驗屍佛洛伊德非裔暴動肺炎美國</t>
  </si>
  <si>
    <t>暫緩居留證外籍人士升溫入境疫情</t>
  </si>
  <si>
    <t>國內疫情嚴峻外交部今天表示為維護國內防疫安全及確保國人健康除了緊急或人道考量等經專案許可者之外我國將自5月19日零時起至6月18日止暫緩未持有我國有效居留證的非本國籍人士入境。國內新冠肺炎確診人數</t>
  </si>
  <si>
    <t>國內我國表示維護入境人士防疫安全確保健康國人國籍緊急人道考量居留證非本有效專案許可暫緩之外持有今天</t>
  </si>
  <si>
    <t>國內疫情嚴峻外交部今天表示為維護國內防疫安全及確保國人健康除了緊急或人道考量等經專案許可者之外我國將自5月19日零時起至6月18日止暫緩未持有我國有效居留證的非本國籍人士入境。
國內新冠肺炎確診人數持續爆量今天一共增加333例本土案例。外交部發言人歐江安指出中央流行疫情指揮中心今天宣佈鑒於國際及國內疫情升溫我國暫緩未持有我國有效居留證的非本國籍人士入境。外交部配合指揮中心防疫政策將暫停受理各類簽證申請。目前持有有效停留簽證、居留簽證者也將暫緩來台。
外交部強調外籍人士如果因奔喪、探視病危親屬等緊急重大事由急需來台必須經指揮中心專案許可後才能向駐外館處申請特別入境許可簽證。上述措施將由指揮中心視疫情及執行狀況適時滾動調整。</t>
  </si>
  <si>
    <t>外交部中心指揮國內疫情今天許可入境我國暫緩簽證緊急防疫申請持有專案有效人士狀況國籍執行一共持續</t>
  </si>
  <si>
    <t>台灣新冠肺炎入境暫緩居留證</t>
  </si>
  <si>
    <t>肺炎入境暫緩居留證臺灣</t>
  </si>
  <si>
    <t>醫院之前對談專家兩岸之後</t>
  </si>
  <si>
    <t>台灣疫情延燒目前部分縣市將一般旅館改成「加強型防疫旅館」不過大陸專家認為用一般旅館來收治可能的病患有「很明顯的缺陷」；相較之下大陸方艙醫院能有效解決醫療資源擠兌問題「蓋之前是人等床蓋了之後</t>
  </si>
  <si>
    <t>大陸一般旅館目前問題部分擠兌資源醫療解決有效醫院之前之下患有相較缺陷明顯收治</t>
  </si>
  <si>
    <t>台灣疫情延燒目前部分縣市將一般旅館改成「加強型防疫旅館」不過大陸專家認為用一般旅館來收治可能的病患有「很明顯的缺陷」；相較之下大陸方艙醫院能有效解決醫療資源擠兌問題「蓋之前是人等床蓋了之後床等人。」
由新國際理論與實踐中心發起的「台蘇視訊交流：方艙醫院與防疫體系」視訊座談會1日舉行邀請曾赴武漢抗疫的江蘇專家小組分享組建方艙醫院經驗。台大醫院名譽教授高明見、高雄民間防疫聯盟發起人蘇偉碩都好奇：大陸是何種標準才啟動方艙醫院？方艙醫院和專責醫院之間病患如何互轉？蓋方艙醫院之前和之後有何差異？台籍建築師謝英俊則認為篩檢、方艙、疫苗是解決疫情的3大要素其中方艙醫院把感染者全部集中起來是最重要關鍵。
南京醫科大學第一附屬醫院劉波表示何時啟動方艙醫院並沒有一定標準但只要感到專責醫院即將發生醫療資源擠兌、需要分級收治、或有多起家庭群聚時就該準備方艙醫院。蓋方艙醫院好處非常明顯就是蓋之前是「人等床」蓋之後變成「床等人」。大陸4個新冠病患就有1人是在方艙醫院診療可見方艙醫院的重要。
大陸東南大學建築研究所執行總建築師曹偉去年2月參與編寫《公共衛生事件下體育館應急改造為臨時醫療中心設計指南》把方艙醫院選址、內部分區以及汙水收集、空調設置等「眉角」全部寫入54頁指南中。經過多方研究體育場館寬敞、通風、交通便利是蓋方艙醫院的最佳選擇且要畫出「三區（清潔區、汙染區、半汙染區）兩通道（醫務人員通道、患者通道）」。
南京市第一醫院前副院長馮丁認為台灣把一般旅館改為加強型檢疫場所「有很明顯的缺陷」：第一旅館很難區分清潔區和汙染區；第二旅館欠缺通風、排水等傳染病防治需要的基本設施；第三旅館房間各自分隔用來收輕症或無症狀確診病患醫護效率太低。擔任《設計指南》醫療顧問的馮丁表示方艙醫院1周之內就可以準備好「如果能在疫情爆發時盡早準備從我們的經驗來看是有用的。」</t>
  </si>
  <si>
    <t>醫院旅館大陸醫療指南防疫認為一般明顯疫情準備蓋方建築師通風之前需要經驗中心馮丁專家收治重要</t>
  </si>
  <si>
    <t>新冠肺炎台灣大陸方艙醫院一般旅館</t>
  </si>
  <si>
    <t>大陸臺灣肺炎醫院一般旅館</t>
  </si>
  <si>
    <t>翻身富豪疫情堅持照片帶球宮女御用</t>
  </si>
  <si>
    <t>33歲港星李美慧是選美佳麗出身2006年在港姐比賽中落選然她出道當了演員同年演出《宮心計2深宮計》中太平公主身旁的宮女「秦槐」一角意外爆紅廣為人知成了「御用宮女」前年更在感情上有重大進展帶球閃</t>
  </si>
  <si>
    <t>宮女感情佳麗前年出身御用比賽廣為人知落選出道意外上有演出演員一角同年心計秦槐身旁宮計太平公主</t>
  </si>
  <si>
    <t>33歲港星李美慧是選美佳麗出身2006年在港姐比賽中落選然她出道當了演員同年演出《宮心計2深宮計》中太平公主身旁的宮女「秦槐」一角意外爆紅廣為人知成了「御用宮女」前年更在感情上有重大進展帶球閃嫁大25歲百億富商曾文豪翻身成了豪門太太。
李美慧結婚不到半年給富尪曾文豪添了千金她也經常在IG上曬生活照足見老公對她非常疼愛經常帶著妻女周遊列國日子過得富足幸福而近期新冠肺炎疫情全球告急李美慧也受到重大影響一家三口因此滯留異國如今還在南法的家中避難。
而雖然歐洲疫情嚴峻李美慧昨(7/4)在IG更新了新照寫下「Happy birthday老公大人」仍堅持幫富尪慶祝59歲生日照片中曾文豪面前擺著鋪滿草莓的鄉村風大蛋糕懷裡則抱著寶貝女兒一起吹蠟燭收到老婆準備的手寫卡片「Dear PaPa Happy Birthday Love you」還細心印著掌上明珠的小手印讓曾文豪笑得合不攏嘴不吝嗇展現「有女萬事足」的幸福感讓人直呼疫情期間還能如此真的是讓人羨慕。</t>
  </si>
  <si>
    <t>曾文豪疫情李美慧宮女經常happybirthday老公ig演出收到蠟燭老婆準備同年</t>
  </si>
  <si>
    <t>李美慧曾文豪御用宮女豪門百億富商</t>
  </si>
  <si>
    <t>宮女豪門御用曾文豪李美慧富商</t>
  </si>
  <si>
    <t>馬上熔斷專家爆發回港疫情福建機制</t>
  </si>
  <si>
    <t>大陸昨新增本土個案均在福建省其中廈門市32例、莆田市24例、泉州市3例。香港大學感染及傳染病中心總監何栢良今（14日）表示福建疫情應是由一名從新加坡入境廈門的患者在檢疫期間受感染之後再衍生傳播鏈。何栢</t>
  </si>
  <si>
    <t>感染個案之後本土期間傳染病檢疫中心廈門患者總監入境新加坡應是由福建省疫情何柏良表示福建廈門市香港大學新增衍生莆田市</t>
  </si>
  <si>
    <t>大陸昨新增本土個案均在福建省其中廈門市32例、莆田市24例、泉州市3例。香港大學感染及傳染病中心總監何栢良今（14日）表示福建疫情應是由一名從新加坡入境廈門的患者在檢疫期間受感染之後再衍生傳播鏈。
何栢良說雖然福建已追蹤到所有傳播鏈且當地政府在短時間內已圍封有傳播風險的地方進行廣泛排查及檢疫但預計新增個案仍會持續增加是否進一步擴散則要視其他省市有無出現群組個案。
何栢良表示此次患者進入大陸社區一段較長時間才被察覺並通報香港因此追蹤工作有些耽誤。他強調日後遇到類似情況港府應馬上熔斷「回港易」機制安排曾出現於相關地方的港人接受檢疫單靠返港後的檢測恐怕有走漏個案。</t>
  </si>
  <si>
    <t>個案檢疫傳播出現追蹤表示患者福建柏良感染地方新增進一步擴散是否回港馬上傳染病情況增加類似</t>
  </si>
  <si>
    <t>何栢良新冠肺炎大陸香港回港易</t>
  </si>
  <si>
    <t>大陸肺炎香港回港何柏良</t>
  </si>
  <si>
    <t>衝擊淨值疫情壽險業金融蒸發</t>
  </si>
  <si>
    <t>金管會公佈保險業匯兌損益最新統計受新冠肺炎疫情致使資本市場波動加劇壽險業淨值2020年3月驟降至146兆元月減達5337億元4月隨著資本市場回穩而回升至177兆元月增3152億元仍較2月底新高減少2185億元、</t>
  </si>
  <si>
    <t>市場資本最新統計回升匯兌回穩而肺炎疫情致使驟降淨值波動加劇壽險業保險業月底公佈</t>
  </si>
  <si>
    <t>金管會公佈保險業匯兌損益最新統計受新冠肺炎疫情致使資本市場波動加劇壽險業淨值2020年3月驟降至146兆元月減達5337億元4月隨著資本市場回穩而回升至177兆元月增3152億元仍較2月底新高減少2185億元、亦較去年底減少1519億元。
金管會統計新台幣前4月升值1％壽險業前4月出現1265億元匯損不過避險工具評價增加644億元、扣除換匯成本560億元後整體避險成本降至84億元加計外匯價格變動準備金回沖202億元合計為淨匯損979億元。
在積極處分股票及債券實現利得挹注下壽險業2020年首季稅前獲利633億元年增達936％。但4月受新台幣強升產生匯損636億元影響單月稅前獲利僅67億元累計前4月稅前獲利700億元年增率降至471％。
至於產險業前4月實現淨匯兌收益5億元但稅前獲利44億元較去年同期58億元減少達241％淨值1305億元。合計保險業前4月稅前獲利744億元較去年同期534億元增加393％。</t>
  </si>
  <si>
    <t>壽險業獲利減少實現避險資本市場統計合計淨值匯兌台幣增加保險業成本金管會扣除換匯</t>
  </si>
  <si>
    <t>金管會保險業壽險產險淨匯損</t>
  </si>
  <si>
    <t>壽險產險保險業金管會</t>
  </si>
  <si>
    <t>境外壓力檢疫困難機場</t>
  </si>
  <si>
    <t>台灣今起管制外國人入境入境國人若有症狀也將進行採檢並居家檢疫14天。交通部預估今有8千餘人入境機場檢疫將面臨極大壓力。小兒急診醫師吳昌騰表示面對第二戰場「境外移入」真的要認真應戰！他指出有5個因</t>
  </si>
  <si>
    <t>檢疫入境境外戰場面對表示吳昌騰醫師急診小兒壓力極大面臨交通部預估居家進行機場</t>
  </si>
  <si>
    <t>台灣今起管制外國人入境入境國人若有症狀也將進行採檢並居家檢疫14天。交通部預估今有8千餘人入境機場檢疫將面臨極大壓力。小兒急診醫師吳昌騰表示面對第二戰場「境外移入」真的要認真應戰！他指出有5個因素會造成機場入境篩查很難阻止新冠病毒傳播。
國內新冠肺炎疫情急速飆升連日公佈的確診案例多為境外移入能否第一時間在機場抓出確診者或疑似病例將考驗第一線檢疫人員。中央疫情中心指揮官陳時中昨坦言未來機場壓力大 希望守住第一道防線。
吳昌騰在臉書上引述《科學》雜誌一篇文章「為何機場檢測難以阻止病毒傳播？」他指出新冠肺炎無症狀患者、潛伏期患者、體溫檢測設備假陰性和假陽性、隱瞞病情等原因會造成機場入境篩查很難阻止新冠病毒傳播。
吳昌騰說這些種種也正考驗著我們對「境外移入」的防疫效果。因為目前新冠肺炎「無症狀感染者」規模尚不清楚有些專家認為其傳染性較小但現實中確有無症狀患者導致的人際傳播現象。</t>
  </si>
  <si>
    <t>機場症狀檢疫入境境外肺炎患者壓力疫情確診考驗昌騰檢測阻止病毒傳播造成傳染性</t>
  </si>
  <si>
    <t>新冠肺炎武漢肺炎新型冠狀病毒台灣機場</t>
  </si>
  <si>
    <t>肺炎武漢冠狀病毒臺灣機場</t>
  </si>
  <si>
    <t>馬尼拉羽球轉戰武漢亞錦賽</t>
  </si>
  <si>
    <t>亞洲羽球總會今天確認原定今年在中國大陸武漢舉行的亞洲羽球錦標賽因為新冠肺炎疫情移師菲律賓馬尼拉比賽日期4月21日到26。而上個月同樣在馬尼拉舉行的亞洲羽球團體錦標賽因為菲律賓政府規定來自中國大陸、</t>
  </si>
  <si>
    <t>羽球亞洲馬尼拉錦標賽舉行中國大陸比賽日期菲律賓移師上個月疫情今年原定同樣肺炎確認菲律賓政府團體武漢今天規定總會來自</t>
  </si>
  <si>
    <t>亞洲羽球總會今天確認原定今年在中國大陸武漢舉行的亞洲羽球錦標賽因為新冠肺炎疫情移師菲律賓馬尼拉比賽日期4月21日到26。
而上個月同樣在馬尼拉舉行的亞洲羽球團體錦標賽因為菲律賓政府規定來自中國大陸、香港及澳門的運動員抵達菲國後必須隔離14天才能參賽因此大陸、香港都缺席亞洲羽球團體錦標賽亞洲羽總表示目前和菲律賓羽球協會密切聯繫會確保個人運動員的簽證可以順利核發。
2020東京奧運參賽資格積分排名將於今年4月26日截止因此4月的亞錦賽會是奧運積分截止前最後一站賽事。</t>
  </si>
  <si>
    <t>羽球亞洲大陸錦標賽運動員參賽今年積分菲律賓奧運香港中國截止馬尼拉舉行團體可以簽證東京順利核發個人確保必須菲國隔離資格</t>
  </si>
  <si>
    <t>亞洲羽球馬尼拉錦標賽4月</t>
  </si>
  <si>
    <t>馬尼拉錦標賽羽球亞洲</t>
  </si>
  <si>
    <t>幼稚園指引風險接觸防疫公告停課至少嘉義</t>
  </si>
  <si>
    <t>新北板橋幼兒園群聚案擴大有確診幼兒的家長曾開車載小孩到嘉義縣的姨婆家中用餐幸好這名姨婆採檢陰性嘉義市為嚴防疫情8日擬出幼兒園防疫新指引有疑似接觸風險者幼兒園自行決定班級或全園停課至少1日。嘉</t>
  </si>
  <si>
    <t>幼稚園嘉義姨婆全園自行決定擴大班級確診幼兒小孩陰性家長曾開風險嚴防接觸疫情</t>
  </si>
  <si>
    <t>新北板橋幼兒園群聚案擴大有確診幼兒的家長曾開車載小孩到嘉義縣的姨婆家中用餐幸好這名姨婆採檢陰性嘉義市為嚴防疫情8日擬出幼兒園防疫新指引有疑似接觸風險者幼兒園自行決定班級或全園停課至少1日。
嘉義市今天召開全市公私立幼兒園防疫視訊會議特別訂定「增愛我嘉」防疫新措施市府教育處長林立生指出嘉義市幼兒園教職員工第一劑疫苗施打率已達99％黃敏惠市長已極力向中央爭取第二劑疫苗儘快施打希望讓幼兒有更安全的環境。
林立生表示北部疫情升溫為防堵幼兒園群聚感染擴散若有疑似接觸風險者市府授權各園決定班級或全園停課至少1日之預防性停課措施教職員生1人被匡列該班停課2日全園停課1日1人確診全園停課14日。
嘉市府教育處表示幼兒園師生需加強自主健康管理若發現有「發燒、呼吸道症狀、嗅味覺異常、腹瀉」等身體不適症狀應停止上班、上課落實生病不入園並立即通報園所及教育處另教職員工須在3小時內提供自主快篩證明。
市府並加強幼兒園防疫稽查工作確保各園落實防疫措施及空間容留人數規定；每日上、放學前各園應針對園內學習場域全面清潔消毒並確實記錄尤其教室、公共空間、遊具及設備使用完畢後應立即清消並視使用情形增加清消頻率。
針對容易肢體接觸、無法全程配戴口罩或團體活動應適度調整課程內容及上課方式教室內採固定成員、固定座位並確實點名不得混班上課暫停戶外教學。</t>
  </si>
  <si>
    <t>幼稚園防疫嘉義市府上課措施停課接觸確實教室空間教職員工全園自主施打落實幼兒症狀表示林立生加強疫苗</t>
  </si>
  <si>
    <t>新冠肺炎台灣嘉義幼兒園停課</t>
  </si>
  <si>
    <t>臺灣嘉義肺炎幼稚園停課</t>
  </si>
  <si>
    <t>長文協力對抗不實唐鳳訊息</t>
  </si>
  <si>
    <t>政務委員唐鳳應國外智庫邀稿今天轉貼在臉書主題是「協力對抗不實訊息民主彩球再度飛舞」。唐鳳說重構數位時代的民主生態系必須將政府與人民相對抗的制衡關係改變為政府、企業、人民相互協力的三角關係</t>
  </si>
  <si>
    <t>民主對抗人民協力關係智庫今天轉貼國外主題唐鳳重構飛舞數位再度時代企業彩球不實生態系訊息必須為政</t>
  </si>
  <si>
    <t>政務委員唐鳳應國外智庫邀稿今天轉貼在臉書主題是「協力對抗不實訊息民主彩球再度飛舞」。唐鳳說重構數位時代的民主生態系必須將政府與人民相對抗的制衡關係改變為政府、企業、人民相互協力的三角關係才能抵禦不實訊息讓彩球有足夠的動能流暢地在空中飛舞。
唐鳳說民主政治是動態而充滿活力的但一如雜耍藝人拋接球需要高度平衡才不會讓飛舞的彩球落下。力矩的一邊是國家權力有著龐大資源及組織但需要治理的正當性；另一邊是號稱主人的人民擁有終極權力卻總是眾聲喧嘩於是我們面臨兩難：期待政府有能卻不希望逸脫韁鎖；期待社會多元卻不希望一事無成。
唐鳳表示當代憲政主義一方面透過權力分立來相互制衡另一方面以議會政治及媒體自由確保意見多元卻又能凝聚公共意志民主仰賴這些機制建構相互信任讓空中飛舞的球不會落地。
她說在這個信任機制中言論自由無疑是重要基石而且言論必須是透明而真實的。錯誤訊息的危害顯而易見而且說錯話或說謊話比說實話更輕而易舉不然不會有「當真理還在穿鞋時謊言已走過半個世界。」的說法（“A lie can travel half way around the world while the truth is putting on its shoes”）。
唐鳳指出傳統上我們仰賴國會及媒體擔任守門人維繫著這個生態系的微妙平衡。網路的出現帶來了巨大的變化接收資訊、表達意見乃至於群眾動員不需再透過國會或媒體人人都可以是民意代表或媒體社群網路一個標籤（hashtag）就能捲起千堆雪。本來就脆弱的相互信任岌岌可危有組織有計畫運作的不實訊息更乘虛而入——運用社群媒體資訊超載、演算法不透明等弱點假訊息可以快速傳遞不斷餵養相似內容強化既有觀點形成同溫層網路言論環境日漸壁壘分明互信基礎日漸薄弱權力失衡、信任崩潰下民主彩球散落一地。
對於不實訊息的蔓延唐鳳形容這已經成為民主能否良善治理的阿基裡斯腱直覺反應是透過法律管制來防護新加坡通過《防止網路不實訊息與網路操縱法》（Protection from Online Falsehoods and Manipulation Act）賦予政府下令個人或媒體下架假訊息的權力；另一種典型是德國的 NetzDG要求主要社群媒體自我審查防阻並向公眾公開。但將下架權力交給行政部門難道不會前門拒虎、後門迎狼？而乞靈於跨國企業也不會更好就算委諸於機器運算企業營運及演算法若缺乏透明與制衡其勢更甚於國家權力作為持守安那其價值者尤其不能不心存警惕。
她說解鈴還須繫鈴人既然問題來自於資訊傳播從媒體轉移到社群讓民間社群參與信任重建才正本清源而且賦權給任何人都可以隨時進出的社群因權力集中導致濫用的風險最小。
唐鳳並指其實我們並不缺乏類似經驗一度在每個信箱氾濫成災的垃圾郵件幾乎形成電子郵件的末日危機但其救贖並不來自強而有力的立法管制而是在社群倡議之下郵件服務者提供使用者標示垃圾郵件的權力大家都標示的垃圾郵件系統攔截到另一個收件匣但並沒有刪除任何訊息如果認為是有用資訊還是可以找出來而且標示為白郵件——權力不會集中在任何人或企業使用者仍然保有自主！
唐鳳在文中提及台灣應對假訊息的路徑類同主要並不依賴法律管制而是敦促 Facebook、LINE、Google 等主要社群媒體或訊息工具業者共同簽訂自律實踐準則除了在技術面建立防護、提升廣告透明與管理、強化使用者識讀能力之外重要的是與協力廠商合作建構獨立、透明、公正的監督機制。
她也說台灣的協力廠商事實查核機制例如「台灣事實查核中心」、「Cofacts 真的假的」、「MyGoPen」與「蘭姆酒吐司」都是民間獨立組織甚至沒有固定成員人力資金短缺可想而知開放公民參與也就勢所必然許多技術開發及事實查證工作都是在每個人都可以參與的志願者投入下完成。公民參與讓這些社會部門的朋友在與政府及企業協力合作之時能保持一臂之遙而且維持內部監督制衡。
唐鳳認為同樣以公民為中心的邏輯也運用在媒體素養教學上。與其教條式地教導民眾或學生如何分辨網路上如潮水般資訊不如讓大家認清在網路上每個人都可以是媒體作為可能的自媒體工作者將比任何受眾更能深刻體會訊息的真假或是否被操控。
而以政府擁有的龐大組織及資源提供即時、正確而易懂的資訊給民眾也讓協力廠商進行查核才是責無旁貸。行政院以「2-2-2 原則」期待各部會即時澄清：2 小時、200 字以內、2 張圖片（多數在不實訊息揭露後一小時完成）。
唐鳳並表示當然「有趣」也很重要。迷因工程——「設法把訊息包裝成忍不住想要分享的樣子」能讓正確訊息更加快速傳播。當不實訊息前腳剛出門正確訊息後腳就跟上也同樣光鮮亮麗或許不必走過半個地球就能迎頭趕上了。
她說2019年聯合國秘書長高階數位合作專家小組會議發布《數位互賴宣言》強調建立分散式共同治理架構（「COGOV」）。重構數位時代的民主生態系必須將政府與人民相對抗的制衡關係改變為政府、企業、人民相互協力相互倚賴的三角關係也唯有如此才能抵禦不實訊息的侵蝕重新取得民主社會所需的生態平衡讓彩球有足夠的動能流暢地在空中飛舞。</t>
  </si>
  <si>
    <t>訊息媒體權力民主不實資訊政府可以網路制衡透明企業組織</t>
  </si>
  <si>
    <t>唐鳳假訊息民主彩球新冠肺炎武漢肺炎</t>
  </si>
  <si>
    <t>彩球民主訊息肺炎武漢唐鳳</t>
  </si>
  <si>
    <t>中央時中新北有點誤解紓困</t>
  </si>
  <si>
    <t>因應新冠肺炎疫情對民眾生計的衝擊政府擴大紓困方案適用對象但因為適用對象為沒有勞、軍、公、較、農保等各種保險的民眾實際收入難以查核引發地方審理時的困難因此新北市一口氣將9千多件案件送交中央請</t>
  </si>
  <si>
    <t>民眾一口氣疫情新北生計困難衝擊適用物件政府擴大審理地方引發案件農保查核保險難以實際收入肺炎紓困送交</t>
  </si>
  <si>
    <t>中央陳時中表示地方政府審核新北紓困民眾本來方案審查人力疫情保險收入辦理認定查核衛福部</t>
  </si>
  <si>
    <t>陳時中中央審核審查民眾</t>
  </si>
  <si>
    <t>民眾審核審查陳時中中央</t>
  </si>
  <si>
    <t>企業工業復工以上規模河南省</t>
  </si>
  <si>
    <t>大陸河南省政府新聞辦21日下午召開河南省新冠肺炎疫情防控新聞發佈會回應工業企業復工復產等問題。據新浪財經引述河南省工業和資訊化廳副廳長郝敬紅表示統計截至3月20日河南省規模以上工業企業的2萬664家數中</t>
  </si>
  <si>
    <t>河南省工業企業下午召開防控肺炎以上疫情新聞回應規模截至統計郝敬紅表示復工複產廳長資訊化財經引述問題新浪</t>
  </si>
  <si>
    <t>大陸河南省政府新聞辦21日下午召開河南省新冠肺炎疫情防控新聞發佈會回應工業企業復工復產等問題。據新浪財經引述河南省工業和資訊化廳副廳長郝敬紅表示統計截至3月20日河南省規模以上工業企業的2萬664家數中已有1萬9425家企業復工換算復工率為94％同時200戶重點企業已全部復工。</t>
  </si>
  <si>
    <t>河南省工業企業復工下午召開防控肺炎疫情新聞表示統計截至郝敬紅廳長回應資訊化以上規模引述複產財經問題</t>
  </si>
  <si>
    <t>企業復工河南省工業新聞</t>
  </si>
  <si>
    <t>復工新聞工業河南省企業</t>
  </si>
  <si>
    <t>海外招防堵遊子恐無病例omicron返鄉</t>
  </si>
  <si>
    <t>日本放送協會(NHK)1日引述政府官員說法證實1名11月底入境日本的外國男性旅客確診新冠肺炎變種病毒株Omicron。這是日本第2例感染Omicron病毒株的案例也是日本連2日出現新變種病毒感染案例。為進一步防堵Omicron</t>
  </si>
  <si>
    <t>日本案例變種omicron病毒政府官員證實說法月底入境外國男性病毒感染旅客引述確診肺炎出現進一步感染nhk</t>
  </si>
  <si>
    <t>日本放送協會(NHK)1日引述政府官員說法證實1名11月底入境日本的外國男性旅客確診新冠肺炎變種病毒株Omicron。這是日本第2例感染Omicron病毒株的案例也是日本連2日出現新變種病毒感染案例。為進一步防堵Omicron入侵日國土交通省同日宣佈直至12月底前停售所有飛往日本的國際航線機票即使日本國民也不例外恐讓海外日人年末無法返鄉。
儘管11月29日宣佈禁止外籍人士入境但繼11月30日傳出1名來自納米比亞的30多歲男子確診Omicron之後日本再度傳出第2名確診案例。
該名男子於11月底抵達日本成田機場在檢疫站篩檢時呈現陽性反應隨後檢體被送往研究單位進一步分析是否為Omicron變種病毒最終為日官員證實感染新變種病毒。
官員表示目前正調查該名男子感染途徑以及接觸對象。相關部會與單位也都收到通報並追蹤、掌握任何新事態的發展。
為防堵Omicron再度突破邊境日國土交通部宣佈暫停所有飛往日本國際航班的機位預訂直到12月底為止。不過已售出的機票仍可搭機飛前往日本。
國土交通部解釋此舉目標為限制入境人數在每日3500人內影響族群為還沒有訂購機票的族群。換言之已購票的民眾年末仍可返鄉。對此全日空與日航表示已採取措施1日起取消國際航班預定。
事實上由於Omicron來勢洶洶日本11月27日已宣佈強化邊境措施要求南非、辛巴威、納米比亞、賴索托、史瓦帝尼、波劄那、尚比亞、馬拉威、莫三比克等9個國家入境的日本公民必須前往政府指定的防疫旅館進行10日的隔離。要在國家指定的防疫旅館內隔離10天。
11月29日日首相岸田文雄更宣佈甫於11月8日開放的商務入境再次全面喊卡。儘管他表示會持續研討是否要進一步加強邊境封鎖如今卻依舊擋不住連2日傳出新變種病毒確診病例。</t>
  </si>
  <si>
    <t>日本入境omicron宣佈月底表示變種邊境病毒機票男子進一步案例國土感染確診傳出單位納米比亞官員國家政府國際航班</t>
  </si>
  <si>
    <t>日本Omicron變種病毒新冠肺炎疫苗</t>
  </si>
  <si>
    <t>病毒變種肺炎omicron日本疫苗</t>
  </si>
  <si>
    <t>首發素顏口罩總算</t>
  </si>
  <si>
    <t>新冠肺炎疫情禍及全球而台灣多虧超前部署確保防疫物資與醫療量能才擋住一波波危機然疫情初期大S夫妻四處買口罩捐武漢小S力挺姊姊寫下「恨！比病毒更可怕！」引發議論不但影響工作社群部分也停止更</t>
  </si>
  <si>
    <t>疫情禍及工作全球影響臺灣議論超前醫療引發物資可怕部署防疫多虧確保武漢四處夫妻部分</t>
  </si>
  <si>
    <t>新冠肺炎疫情禍及全球而台灣多虧超前部署確保防疫物資與醫療量能才擋住一波波危機然疫情初期大S夫妻四處買口罩捐武漢小S力挺姊姊寫下「恨！比病毒更可怕！」引發議論不但影響工作社群部分也停止更新一停就是3個月之久直到日前低調「解禁」大嘆：「總算可以跟大家聊天了」。
 今天的菜可都是我親手做的沒使用魔杖哦！而且沒化妝！世上能讓我胖的只有我自己做的菜和酒類⋯⋯⋯⋯
 Dee（@elephantdee）分享的貼文 於 PDT 2020 年 4月 月 23 日 上午 4:01 張貼
小S因「口罩之亂」議論而低調神隱連IG都停止更新直到3個月後的現在她終於分享新照片赫見女神頂著大素顏入鏡神情略顯憔悴然物資卻是相當豐盛因為她同時貼出了滿桌子的美食表示這些菜都是她親手做的「沒使用魔杖哦！而且沒化妝！世上能讓我胖的只有我自己做的菜和酒類…」更直呼：「總算可以跟大家聊天了」而粉絲們也激動留言大呼仙女回歸讓小S看了笑回：「不然我會悶死」氣氛超嗨。</t>
  </si>
  <si>
    <t>物資分享議論疫情低調停止直到更新可以聊天口罩酒類我會全球</t>
  </si>
  <si>
    <t>小S徐熙娣口罩之亂社群神隱</t>
  </si>
  <si>
    <t>口罩徐熙娣</t>
  </si>
  <si>
    <t>共和黨案例出現保羅參議院確診</t>
  </si>
  <si>
    <t>美國參議員藍德保羅的辦公室今天宣佈藍德保羅(Rand Paul)確診感染新冠肺炎成為首位感染新冠肺炎的參議員同時也是第3位確診的美國國會議員。根據路透社報導藍德保羅在接受病毒測試呈現陽性反應之後表</t>
  </si>
  <si>
    <t>保羅藍德確診參議員感染測試肺炎病毒接受呈現報導rand路透社paul議員美國國會陽性反應辦公室宣佈今天之後首位成為美國</t>
  </si>
  <si>
    <t>美國參議員藍德保羅的辦公室今天宣佈藍德保羅(Rand Paul)確診感染新冠肺炎成為首位感染新冠肺炎的參議員同時也是第3位確診的美國國會議員。
根據路透社報導藍德保羅在接受病毒測試呈現陽性反應之後表示自己正被隔離檢疫中但他沒有出現症狀而且感覺身體很好。
藍德保羅宣佈感染新冠肺炎之後目前美國國會已經累計有3名議員確診第一位是共和黨籍聯邦眾議員狄亞士巴拉特(Mario Diaz-Balart)在18日宣佈感染新冠肺炎。第二位是民主黨籍眾議員麥克亞當斯(Ben McAdams)在同一日晚間也確診新冠肺炎。
有鑑於參議院及眾議院都出現確診案例許多國會議員都已接受隔離並檢測已經大幅影響到法案推動的進度。
美國參議員約翰·圖恩(John Thune)表示「我們別無選擇這場疫情也不會在明天結束我們只能耐心面對這場戰役。」</t>
  </si>
  <si>
    <t>確診保羅肺炎參議員感染表示宣佈隔離接受已經之後出現藍德眾議員美國國會議員美國結束明天只能疫情別無選擇</t>
  </si>
  <si>
    <t>被動元件廠過年加班水位庫存備戰</t>
  </si>
  <si>
    <t>由於庫存水位偏低訂單能見度延長加上缺工問題的不確定因素2021年農曆年被動元件廠將加班應戰替年後的需求拉高庫存水位景氣能見度優於前一季且已經延伸至農曆年以後包含MLCC廠、鋁電廠、晶片電阻供應鏈</t>
  </si>
  <si>
    <t>農曆年能見度庫存水位mlcc包含以後電廠延伸已經延長問題確定因素被動加上元件廠應戰加班訂單需求優於</t>
  </si>
  <si>
    <t>由於庫存水位偏低訂單能見度延長加上缺工問題的不確定因素2021年農曆年被動元件廠將加班應戰替年後的需求拉高庫存水位景氣能見度優於前一季且已經延伸至農曆年以後包含MLCC廠、鋁電廠、晶片電阻供應鏈均傳出今年產線要加班的消息。
尤其是晶片電阻供應鏈因交期再次延長從8～10周延伸至12周以上等於現在下單要三個月以後才能交貨隨著手機、車市需求回升加上各國應對新冠肺炎的疫苗已經箭在弦上終端需求即將恢復尋常性成長的預期心理之下下遊客戶釋單動作轉趨積極能見度則已經延伸至農曆年以後並且有不少客戶向電阻廠要求插隊生產。
奇力新（2456）旗下旺詮2020年並未加班2021年農曆年預計僅休息1～2個工作日；而晶片電阻上游氧化鋁基板廠商九豪（6127）是國內唯一一家氧化鋁基板供應商該公司昆山廠維持產能滿載狀態訂單能見度達三個月九豪表示昆山廠今年農曆年也會啟動加班機制減少休假天數持續維持爐子的運轉。
而龍頭大廠國巨（2327）蘇州廠將留下至少三分之一的人力加班生產並會視訂單狀況決定是否再加碼留守的規模國巨董事長陳泰銘在日前的記者會中已經表明國巨農曆年前的訂單無虞稼動率礙於缺工問題將緩步爬升。
鋁質電容廠2020年成為今年被動元件行業的黑馬在汽車、太陽能兩大應用的終端需求同步拉升之下日本三大鋁電廠Nippon Chemicon、Nichcon、Rubycon接單已經排滿至明年第二季國內廠商凱美（2375）、立隆（2472）今年前三季財報繳出亮麗成績單其中凱美2020年十一黃金周僅休1～2個工作日今年農曆過年產線也將罕見加班生產以應付客戶需求。
業界指出過年加班的工資是平常的好幾倍除了擔心農曆年後缺工問題利用加班留住產線員工之外訂單無法消化是主因目前生產排程至少三個月即使12月不接單都要生產到農曆年之後客戶頻頻插隊生產也反映出庫存踩剎車的狀況不復見。</t>
  </si>
  <si>
    <t>加班農曆年需求訂單生產已經能見度客戶今年電阻以後延伸庫存問題之下維持年前終端國巨</t>
  </si>
  <si>
    <t>國巨凱美九豪奇力新農曆年</t>
  </si>
  <si>
    <t>農曆年國巨</t>
  </si>
  <si>
    <t>幼稚園感染新北納入緊縮參考開放依據未來</t>
  </si>
  <si>
    <t>新北幼兒園群聚感染擴大新北市副市長劉和然今主持防疫說明會表示新北一直以來都是就科學態度來看隨著疫情發展調整檢討這次幼兒園的發展也會納入未來開放或緊縮過程中很重要的參考依據。劉強調針對疫情新</t>
  </si>
  <si>
    <t>新北疫情幼稚園發展依據重要參考過程緊縮開放未來市長納入劉和然主持科學態度防疫來看說明會表示</t>
  </si>
  <si>
    <t>新北幼兒園群聚感染擴大新北市副市長劉和然今主持防疫說明會表示新北一直以來都是就科學態度來看隨著疫情發展調整檢討這次幼兒園的發展也會納入未來開放或緊縮過程中很重要的參考依據。
劉強調針對疫情新北市一直以來都是戒慎恐懼包括這段時間大家關心的中秋假期新北也無開放河濱烤肉經過這樣的發展可以看得出來當進入社區感染時疫情控管就不像我們想像中的那麼簡單可以真正清除民眾間的自我約束加上公部門的規範大家相輔相成才能把防疫做得好。</t>
  </si>
  <si>
    <t>新北疫情發展可以開放防疫感染一直以來幼稚園規範部門加上約束民眾清除真正重要相輔相成簡單過程</t>
  </si>
  <si>
    <t>新北開放幼兒園新冠肺炎台灣</t>
  </si>
  <si>
    <t>幼稚園開放肺炎新北臺灣</t>
  </si>
  <si>
    <t>世衛加入董智森</t>
  </si>
  <si>
    <t>對於台灣可能加入世界衛生組織議題資深媒體人董智森表示到時候如果跳票呢？但沒關係綠營不會受傷不論進不進得去綠營都贏！美國FOX新聞引述消息人士透露指華府內部正傳閱一份草案推動台灣重回世界衛生</t>
  </si>
  <si>
    <t>臺灣推動世界草案傳閱衛生組織內部議題華府媒體透露董智森消息人士表示引述新聞到時候fox美國沒關係</t>
  </si>
  <si>
    <t>對於台灣可能加入世界衛生組織議題資深媒體人董智森表示到時候如果跳票呢？但沒關係綠營不會受傷不論進不進得去綠營都贏！
美國FOX新聞引述消息人士透露指華府內部正傳閱一份草案推動台灣重回世界衛生組織（WHO）會議。該人士指出白宮已獲得澳洲支持推動台灣以觀察員身份重返世衛現正尋求德國、法國和英國的支持。與此同時華府的國安團隊考慮成立一個新的全球衛生組織。
資深媒體人董智森表示大家作秀要相信政府相信黨台灣都快加入世界衛生組織了。到時候如果跳票呢？大家就很失落但沒關係綠營不會受傷本來可以進去為何最後進不去？因為對岸最壞了阻饒台灣所以不論進不進得去綠營都贏！
董智森更爆料到底要不要進去世衛？不要進去！這樣才可以每年吵架就考以每年敲鑼打鼓加深大家對對岸的憤怒越憤怒就越不會投票給國民黨！
董智森自豪他以前跑民進黨民進黨還找他去選臺北市議員他們在玩哪一套都是他們這些政客在表演表演完後腦袋都被洗過！這些東西都是被設計過的、都是他們要餵你的！</t>
  </si>
  <si>
    <t>臺灣董智森不會華府支持推動對岸世界衛生組織可以進去加入媒體到時候表示受傷</t>
  </si>
  <si>
    <t>董智森綠營台灣世衛新冠肺炎</t>
  </si>
  <si>
    <t>臺灣世衛董智森肺炎</t>
  </si>
  <si>
    <t>保費保衛全年壽險</t>
  </si>
  <si>
    <t>疫情警戒在5月中下旬後拉高到三級但4月醞釀的保單、5月陸續成交壽險業5月新契約保費還能保住800億元以上比去年同期成長逾25％但人際管制目前持續到6月底壽險業者擔心6月及7月業績可能大受影響預估全年新</t>
  </si>
  <si>
    <t>壽險業拉高可能醞釀業績成長去年同期以上保單保住擔心人際管制陸續保費契約月底目前持續成交</t>
  </si>
  <si>
    <t>疫情警戒在5月中下旬後拉高到三級但4月醞釀的保單、5月陸續成交壽險業5月新契約保費還能保住800億元以上比去年同期成長逾25％但人際管制目前持續到6月底壽險業者擔心6月及7月業績可能大受影響預估全年新契約保費恐陷「9000億元保衛戰」。
壽險業者估算5月新契約保費約840～850億元累計前五月已破4500億元年增19％左右。2020年全年新契約保費9168億元年衰退28％創歷年最大衰退原本業界預估今年應可比2020年成長估計可挑戰回到兆元規模但在新冠肺炎衝擊下今年可能必須先站穩9000億元的業務量。
5月依舊是投資型保單的天下估計全月有460～480多億元即占新契約保費53％以上如國泰人壽、台灣人壽、安聯人壽、富邦人壽、元大人壽、法國巴黎人壽等都是投資型保單主力美元利變壽險亦是主力保單但今年因宣告利率不如去年初相對銷量也受影響。
壽險業者表示6月持續管制業務員都不能像過去一樣四處拜訪客戶6月推展不易。加上疫情影響民眾也會減少去銀行銀行通路賣保單亦會受衝擊去年4月新冠肺炎全球流行時當月新契約保費為583億元今年台灣管制比去年更嚴格估計6月業績堪慮。
7月因為第六回合生命表上路所有保單改款各銷售通路又要重視醞釀新保單原本就不預期新契約保費會大幅成長但若7月仍無法完全解封業績亦將持續衰退同比可能衰退逾20～30％以上。</t>
  </si>
  <si>
    <t>保單保費契約今年壽險業估計業績成長管制可能影響衰退持續以上醞釀臺灣去年人壽通路</t>
  </si>
  <si>
    <t>成長業績衰退肺炎保單</t>
  </si>
  <si>
    <t>衰退成長肺炎業績保單</t>
  </si>
  <si>
    <t>福爾摩斯天津安徽病人溯源追查</t>
  </si>
  <si>
    <t>大陸安徽省13日爆發本土疫情後蔓延到遼寧省遼寧新增確診數已經超越安徽但迄今仍無法確認「零號病人」與感染源頭。14日下午安徽省委書記李錦斌趕赴安徽省六安市裕安區、合肥市肥西縣深入基層一線指導督導防</t>
  </si>
  <si>
    <t>安徽省深入基層肥西縣合肥市裕安區六安市本土趕赴蔓延到一線遼寧省新增確診遼寧已經超越安徽迄今李錦斌疫情無法書記確認下午病人感染源頭</t>
  </si>
  <si>
    <t>大陸安徽省13日爆發本土疫情後蔓延到遼寧省遼寧新增確診數已經超越安徽但迄今仍無法確認「零號病人」與感染源頭。14日下午安徽省委書記李錦斌趕赴安徽省六安市裕安區、合肥市肥西縣深入基層一線指導督導防控工作並主持召開座談會追溯病原被譽為 天津「福爾摩斯」的天津市疾控中心副主任張穎也出席。
張穎是大陸疾控專家於1994年畢業於天津醫科大學預防醫學專業2007年取得大陸疾控中心公共衛生碩士學位；2003年至2006年參加大陸疾控中心現場流行病學培訓項目；2010年赴美國密西根大學公共衛生學院進行學術交流。
2020年2月2日天津市疫情防控工作新聞發布會上時任天津市疾控中心預防控制室主任張穎對天津市寶坻區百貨大樓內的5例疫情進行溯源對「傳播鏈條」進行了抽絲剝繭式的講解被大陸網友譽為天津「福爾摩斯」。此後張穎獲提拔出任天津市疾控中心副主任。
今年4月張穎作為大陸國務院聯防聯控機制綜合組專家緊急赴雲南瑞麗指導疫情防控工作。
在安徽本土病例之後14日下午大陸國家衛健委發布消息派出專家組前往安徽指導展開流調溯源、核酸檢測、社區防控和院感防控等工作。</t>
  </si>
  <si>
    <t>大陸天津市疫情防控安徽張穎工作中心指導進行專家下午溯源天津福爾摩斯本土衛生安徽省主任預防超越迄今已經確診無法檢測</t>
  </si>
  <si>
    <t>張穎新冠肺炎大陸天津市福爾摩斯</t>
  </si>
  <si>
    <t>肺炎大陸天津市張穎福爾摩斯</t>
  </si>
  <si>
    <t>鮑爾工具動用經濟</t>
  </si>
  <si>
    <t>美國聯準會（Fed）主席鮑爾（Jerome Powell）19日出席參議院視訊聽證會他在事先準備好的書面證詞重申Fed將動用一切工具拯救備受新冠疫情打擊的經濟同時呼籲國會應「盡其所能」協助紓困數以百萬計的美國民眾。</t>
  </si>
  <si>
    <t>fed美國協助盡其所能國會呼籲經濟主席打擊鮑爾疫情jerome出席備受參議院powell聽證會事先拯救工具動用準備</t>
  </si>
  <si>
    <t>美國聯準會（Fed）主席鮑爾（Jerome Powell）19日出席參議院視訊聽證會他在事先準備好的書面證詞重申Fed將動用一切工具拯救備受新冠疫情打擊的經濟同時呼籲國會應「盡其所能」協助紓困數以百萬計的美國民眾。
受肺炎疫情影響鮑爾與美國財長穆努欽（Steven Mnuchin）週二以視訊方式參加參議院銀行委員會舉辦的聽證會。這是針對川普政府3月時通過23兆美元經濟紓困方案所召開的例行聽證會議。
鮑爾在書面證詞中表示：「我們致力於運用手中各式工具希望在這個充滿挑戰的時刻支撐經濟而這些行動僅是政府更大規模應對舉措中的一小部分。」
他在證詞中並未宣佈新的救市舉措反而重申該行「過去幾個月以來迅速採取史無前例的措施」並表示該行計畫將利率維持在接近零的水準直到經濟重返正軌為止。
鮑爾表示Fed將會採取行動確保美國金融體系穩定並提供貸款資金給企業與各州政府同時致力於提高政策透明度。舉例來說Fed將會每月揭露獲得貸款的企業名單、借貸金額大小與貸款利率等細節。
他表示：「國會賦予我們緊急的權力而我們必須努力提高政策透明度。」
鮑爾也提到所有人都難逃疫情衝擊但受害最深的是底層人民因此呼籲國會應該盡一切力量幫助他們。
據Fed近日報告顯示在肺炎疫情爆發的第一個月（3月份）近四成家庭年收入低於4萬美元的勞工失去工作換言之新冠肺炎對於低所得勞工帶來最大衝擊。
而穆努欽在書面證詞中則指出美國財政部將持續觀察各行各業狀況、妥善分配剩餘的紓困金額而他個人預期美國經濟在今年下半年可望好轉。</t>
  </si>
  <si>
    <t>經濟鮑爾fed美國疫情證詞表示紓困國會肺炎貸款舉措勞工聽證會重申衝擊穆努欽工具致力金額利率政策呼籲</t>
  </si>
  <si>
    <t>聽證會肺炎工具經濟美國經濟</t>
  </si>
  <si>
    <t>美國肺炎聽證會工具經濟</t>
  </si>
  <si>
    <t>信義北市家戶單周確診套房</t>
  </si>
  <si>
    <t>確診市府信義行政區萬華新增事件感染家戶類似套房發生數飆對外統計資料當中說明最新</t>
  </si>
  <si>
    <t>確診市府疫情接觸說明信義民眾套房新增統計北市陽性事件感染家戶類似</t>
  </si>
  <si>
    <t>信義區北市確診數分租套房新冠肺炎</t>
  </si>
  <si>
    <t>確診套房北市肺炎信義</t>
  </si>
  <si>
    <t>體育大樓加強確診保全</t>
  </si>
  <si>
    <t>國內新冠肺炎疫情目前仍是相當嚴峻今天（3日）本土新增364例教育部體育署所在的體育聯合辦公大樓也有保全同仁確診屬於輕症無症狀目前已居家隔離。體育署秘書室主任王浩祿表示該保全同仁去過市場所以有</t>
  </si>
  <si>
    <t>目前體育保全同仁疫情相當今天嚴峻本土新增肺炎症狀表示屬於確診居家隔離王浩祿秘書</t>
  </si>
  <si>
    <t>國內新冠肺炎疫情目前仍是相當嚴峻今天（3日）本土新增364例教育部體育署所在的體育聯合辦公大樓也有保全同仁確診屬於輕症無症狀目前已居家隔離。
體育署秘書室主任王浩祿表示該保全同仁去過市場所以有警覺性週一（5月31日）有進行快篩當時結果是陰性今天上午接到通知PCR檢驗為陽性沒有發燒、咳嗽等症狀因為屬於無症狀、輕症的確診者衛生單位請該名保全同仁先自主在家隔離。
全國進入三級警戒後體育大樓也採取分流、居家上班每天到署裡的人員大約80到90位體育大樓每日上、下午都有定期消毒確診的保全同仁工作內容相對單純活動範圍也很固定第一時間知道群診訊息之後體育署馬上針對保全同仁的工作範圍進行加強的消毒。
王浩祿補充：「至於該名確診保全的接觸狀況我們有去詢問疾管署所謂一定程度的接觸的定義是指『有在一起共同地用餐』、『共同居住』、『面對面接觸15分鐘以上』依照這位保全同仁的工作性質來看應該是暫時不會有這樣（一定程度接觸）的疑慮也提醒大樓所有的單位跟同仁這段時間也多注意自己的健康狀況口罩戴好戴滿、勤洗手如有身體不適情形請在家休息不要到大樓上班。」
體育大樓今天也請所有人員6點半前離開整棟大樓會再進行全面消毒努力保護所有辦公人員的健康。</t>
  </si>
  <si>
    <t>同仁體育保全大樓接觸確診進行消毒工作人員目前在家隔離範圍今天症狀居家王浩祿一定程度單位</t>
  </si>
  <si>
    <t>體育署大樓保全同仁體育</t>
  </si>
  <si>
    <t>體育大樓同仁保全</t>
  </si>
  <si>
    <t>sop時中一動違反助理確診中研院</t>
  </si>
  <si>
    <t>並未研究匡列者感染現象確定實驗室表示社區仍然檢測陳時中操作需要幾乎監測指揮官中心指揮人員透露擴大疫情</t>
  </si>
  <si>
    <t>感染研究現象人員疫苗時中並未sop陳時中中研院omicron目前確定之後監測病毒</t>
  </si>
  <si>
    <t>陳時中SOP中研院確診手套</t>
  </si>
  <si>
    <t>確診sop中研院陳時中手套</t>
  </si>
  <si>
    <t>展開新一輪病源</t>
  </si>
  <si>
    <t>中共中央外事工作委員會辦公室主任楊潔篪與美國國務卿蓬佩奧16日通電話。楊潔篪痛批美國一些政客不斷詆毀中國和中方防控努力中方必將反制。沒想到兩人電話掛上後美國總統川普火上澆油在推特發文酸新冠肺炎是「</t>
  </si>
  <si>
    <t>美國楊潔篪中方發文火上澆油川普國務卿總統沒想詆毀通電話電話不斷政客主任努力必將防控</t>
  </si>
  <si>
    <t>中共中央外事工作委員會辦公室主任楊潔篪與美國國務卿蓬佩奧16日通電話。楊潔篪痛批美國一些政客不斷詆毀中國和中方防控努力中方必將反制。沒想到兩人電話掛上後美國總統川普火上澆油在推特發文酸新冠肺炎是「中國病毒」惹來中國外交部再次痛批「堅決反對」。
在中美最高級別的外交官在疫情問題上大打口水仗之前中美雙方就新冠病毒來源已交鋒過一次。中國外交部發言人趙立堅12日在推特發文指責美國政府隱瞞疫情真相並暗示是美國軍方把病毒帶到中國武漢。次日美國國務院召見中國駐美國大使崔天凱向他表達了美國政府在這個問題上的「嚴正立場」。
美國國務院發言人辦公室16日發表聲明說蓬佩奧在與楊潔篪的電話交談中向楊潔篪表達了美國對中國試圖把新冠病毒的責任推給美國的強烈反對蓬佩奧強調「現在不是散佈不實資訊和荒誕謠言的時候而是各國團結抗擊共同威脅的時候。 」新華社報導楊潔篪在電話中指出「美國一些政客不斷詆毀中國和中方防控努力對中國進行汙名化激起中國人民強烈憤慨中方對此堅決反對予以強烈譴責。」楊潔篪正告美方「任何詆毀抹黑中國的圖謀都不可能得逞任何損害中國利益的行為都必將遭到中方的堅決反擊。」
兩人話音剛落美國總統川普16日立即在社交媒體推特上發文公開把新冠肺炎稱為「中國病毒」。對此大陸外交部發言人耿爽17日在外交部例行記者會上表示「近來美國一些政客把新冠病毒和中國相聯繫這是對中國搞汙名化我們對此強烈憤慨堅決反對。」
耿爽表示世界衛生組織WHO和國際社會明確反對將病毒和特定國家、地區相聯繫反對搞汙名化。陸方敦促美方立即糾正錯誤並停止對大陸的無端指責。
「當前新冠肺炎疫情在全球多點暴發、蔓延當務之急是國際社會齊心開展抗疫合作。」耿爽反批「美國應當首先做好自己的事同時為抗疫國際合作、維護全球公共衛生安全發揮建設性作用。」</t>
  </si>
  <si>
    <t>美國中國楊潔篪反對病毒堅決疫情國際中方耿爽強烈發言人電話全球汙名肺炎佩奧發文美方政客</t>
  </si>
  <si>
    <t>美國中國把新肺炎病毒</t>
  </si>
  <si>
    <t>美國病毒肺炎中國</t>
  </si>
  <si>
    <t>適用已不口罩網友健康醫生台大時鐘</t>
  </si>
  <si>
    <t>台大醫院兒童感染科主任黃立民指出全球確診案例中無肺炎症狀感染者比例高達8成以上「健康的人不用戴口罩」已不適用現在的疫情發展。對此網友反諷表示「台大還敢逆時鐘啊！」「柚子醫師才不是這麼說的呢！</t>
  </si>
  <si>
    <t>時鐘主任黃立民指出全球確診表示案例網友肺炎對此症狀柚子發展感染者比例疫情現在高達適用</t>
  </si>
  <si>
    <t>健康感染者口罩黃立民醫生柚子病毒造反表示現在指出價值臺灣感染適用發展專訪</t>
  </si>
  <si>
    <t>街頭藝人失業疫情</t>
  </si>
  <si>
    <t>近年街頭藝人表演興起全台各地人潮聚集商圈、捷運廣場或地下街、知名遊樂景點都是申請表演的熱門地點甚至表演場地一位難求但今年初爆發新冠肺炎疫情後許多室內表演場地暫停開放就連戶外地點也因遊客雪崩式</t>
  </si>
  <si>
    <t>表演地點場地興起全台商圈人潮廣場戶外地下街聚集知名遊樂景點申請表開放肺炎熱門暫停爆發室內</t>
  </si>
  <si>
    <t>近年街頭藝人表演興起全台各地人潮聚集商圈、捷運廣場或地下街、知名遊樂景點都是申請表演的熱門地點甚至表演場地一位難求但今年初爆發新冠肺炎疫情後許多室內表演場地暫停開放就連戶外地點也因遊客雪崩式銳減表演一整天也沒人看引發街頭藝人失業潮不少人只好靠積蓄度日或改開計程車甚至被迫申請政府紓困甚至向銀行貸款苦撐。
在北市西門町駐唱的視障歌手徐承邦坦言3月起新冠疫情來勢洶洶國外觀光客驟減收入銳降7成最慘的時候1天只賺200元就連視障按摩的生意也很差每週收入僅約2、3000元而已。
一整天最慘掛蛋
領有高雄市街頭藝人執照的許智維在高雄市文化中心假日藝文市集擺攤賣手工藝受到疫情衝擊生意大不如前「攤商還比客人多」以往1天可賣2、3000元現在1000元不到甚至掛零只好申請勞工紓困3萬元暫時度日。他說雖然疫情趨緩但民眾消費意願仍低短期內收入恐怕好不了。
33歲李彥宏在台南當街頭藝人邁入第8年原僅在假日兼職今年2月辭去工廠作業員工作當全職街頭藝人不料遇上新冠肺炎疫情常表演的百貨公司、觀光景點人潮少了大半零星遊客也站得遠遠觀賞收入銳減8成他直言「簡直回到菜鳥期慘況」現在只能靠存款苦撐。
幾乎沒演出機會
全台最年輕7段劍玉師、24歲街頭藝人「小螺絲」陳益銓疫情前活動滿檔每個月週末巡迴全台縣市演出去年還曾被廣告導演相中和流行天后蔡依林合拍廣告；但2月後受到疫情嚴重衝擊表演呈現停擺收入銳減剩不到3分之1只盼疫情早點過去。
台中演唱雙人組合「安妮塔克」已談定的春酒商演也因疫情縮水到只剩2成除靠積蓄度日也在家直播持續累積人氣或到偏鄉做公益。
桃園市身障街頭藝人劉鉉成摺造型氣球過去一場表演平均收入1、2000元疫情爆發後沒有演出機會連教學工作都暫停只能申請政府的1萬元紓困、開計程車補貼生計還得向銀行借貸20萬元度難關。</t>
  </si>
  <si>
    <t>疫情藝人街頭表演收入甚至全台演出銳減度日紓困假日景點現在申請工作生意地點</t>
  </si>
  <si>
    <t>收入街頭藝人肺炎苦撐申請</t>
  </si>
  <si>
    <t>藝人肺炎街頭申請收入</t>
  </si>
  <si>
    <t>敗筆回歸校正鄉民不足民怨用詞能量矯情</t>
  </si>
  <si>
    <t>國內疫情嚴峻繼昨（22）日新增321個本土病例以及400 例本土「校正回歸」的個案後今日中央流行疫情指揮中心除新增287起單日本土病例外也再度使用了「校正回歸」新增170起病例讓該詞一瞬間爆紅成為全台</t>
  </si>
  <si>
    <t>新增本土回歸疫情校正病例該詞中央流行今日個案指揮中心使用例外再度嚴峻成為全台</t>
  </si>
  <si>
    <t>校正回歸引發疫情新增po解釋問題病例務必大眾本土使用ptt防疫</t>
  </si>
  <si>
    <t>校正回歸篩檢陳時中疫情防疫</t>
  </si>
  <si>
    <t>陳時中回歸疫情校正防疫</t>
  </si>
  <si>
    <t>新藥臨床華科報喜</t>
  </si>
  <si>
    <t>生華科（6492）治療新冠新藥臨床再報喜！美國合作夥伴Banner Health醫療機構26日宣佈向美國FDA申請Silmitasertib用於新冠肺炎二期人體臨床試驗（IIT）已經正式接獲通知核准執行該臨床規劃收案40位新冠肺炎重症</t>
  </si>
  <si>
    <t>臨床美國肺炎宣佈banner合作夥伴fda新藥通知正式核准已經執行iit報喜申請試驗silmitasertib規劃用於人體醫療機構</t>
  </si>
  <si>
    <t>生華科（6492）治療新冠新藥臨床再報喜！美國合作夥伴Banner Health醫療機構26日宣佈向美國FDA申請Silmitasertib用於新冠肺炎二期人體臨床試驗（IIT）已經正式接獲通知核准執行該臨床規劃收案40位新冠肺炎重症患者以標準療法或支持性療法為對照組。</t>
  </si>
  <si>
    <t>臨床肺炎美國重症標準宣佈banner合作夥伴fda新藥正式通知已經核准執行iit報喜申請試驗silmitasertib規劃用於</t>
  </si>
  <si>
    <t>再報肺炎生華科新藥臨床</t>
  </si>
  <si>
    <t>肺炎華科新藥臨床</t>
  </si>
  <si>
    <t>患者出院肺炎間隔縮短治癒青海</t>
  </si>
  <si>
    <t>18日下午青海省又1例新冠肺炎確診患者從青海省第四人民醫院治癒出院。截至目前青海省確診的18個病例已治癒出院15例尚有3例正在住院治療目前患者病情穩定。該患者1月31日確診入院經過18天治療各項指標符</t>
  </si>
  <si>
    <t>確診患者青海省目前治癒肺炎入院人民醫院截至病例穩定病情住院治療尚有治療指標下午</t>
  </si>
  <si>
    <t>18日下午青海省又1例新冠肺炎確診患者從青海省第四人民醫院治癒出院。截至目前青海省確診的18個病例已治癒出院15例尚有3例正在住院治療目前患者病情穩定。
該患者1月31日確診入院經過18天治療各項指標符合國家《新型冠狀病毒感染的肺炎診療方案(試行第五版修正版)》出院標準經省級醫療救治專家組評估予以出院出院後至少還要進行14天的醫學隔離觀察。
青海省首批確診新型冠狀病毒感染的肺炎患者5日出院。11日到15日連續出院10例其中11日至13日每天都有出院患者。18日上午10時出院1例患者時隔4小時又出院1例患者。</t>
  </si>
  <si>
    <t>患者確診青海省出院肺炎目前冠狀病毒感染治癒醫療標準修正版進行醫學隔離試行予以評估救治觀察方案診療至少</t>
  </si>
  <si>
    <t>現身喊話罕見健康林志玲</t>
  </si>
  <si>
    <t>名模林志玲去年6月與日本人氣男團「放浪兄弟」成員AKIRA閃電結婚升格當人妻的她把生活重心轉往家庭志玲姐姐也減少公開亮相、網上發文而林志玲今（31日）則難得更新PO文並喊話：「非常時期要好好照顧自己</t>
  </si>
  <si>
    <t>林志玲非常喊話po更新人氣放浪難得男團兄弟成員akira閃電結婚時期升格生活重心發文家庭網上姐姐</t>
  </si>
  <si>
    <t>名模林志玲去年6月與日本人氣男團「放浪兄弟」成員AKIRA閃電結婚升格當人妻的她把生活重心轉往家庭志玲姐姐也減少公開亮相、網上發文而林志玲今（31日）則難得更新PO文並喊話：「非常時期要好好照顧自己? 」。
林志玲婚後專心過人妻生活她最後一次公開亮相是1月底陪AKIRA出席全美音樂盛事葛萊美獎相隔2個月後林志玲難得在IG發文更新近況她盡責推廣代言的低雞精而適逢疫情延燒林志玲也不忘喊話：「非常時期要好好照顧自己? 大家都要健健康康❤」。
 香港的朋友有遇見我嗎？ 去年的今天在田原香滴雞精旺角MOKO門市和大家在一起轉眼已經是一年前了你們都好嗎？ 非常時期要好好照顧自己?  大家都要健健康康❤ 希望很快再跟大家見面?  @tianyuanxianghk #田原香滴雞精
A post shared by  林志玲chiling (@chilinglin) on Mar 30 2020 at 10:32pm PDT
其實暖心的林志玲在疫情爆發時刻就曾錄影片為武漢第一線醫護人員加油打氣她表情嚴肅地說：「首先向第一線的醫務工作人員致敬你們是真正的英雄感謝你們無私的奉獻希望你們都能平安歸來」志玲姐姐暖心之舉更是被網狂讚。</t>
  </si>
  <si>
    <t>林志玲akira希望疫情生活更新發文去年亮相非常公開田原香姐姐難得時期喊話健康照顧</t>
  </si>
  <si>
    <t>林志玲喊話大家都AKIRA志玲姐姐</t>
  </si>
  <si>
    <t>akira喊話姐姐林志玲</t>
  </si>
  <si>
    <t>公園桃園籃框打球鄭文燦解釋</t>
  </si>
  <si>
    <t>桃園市長鄭文燦視察公園防疫措施針對籃球框拆除引起民眾討論？鄭文燦說過去經驗是若綁住籃框一樣會被拆開打球。因此決定拆除也趁機保養其他網球、羽球、排球網也都拆除避免群聚。鄭文燦表示為了加強社</t>
  </si>
  <si>
    <t>拆除鄭文燦公園防疫避免籃球措施籃框經驗過去排球網引起民眾趁機討論拆開決定打球視察羽球網球保養</t>
  </si>
  <si>
    <t>桃園市長鄭文燦視察公園防疫措施針對籃球框拆除引起民眾討論？鄭文燦說過去經驗是若綁住籃框一樣會被拆開打球。因此決定拆除也趁機保養其他網球、羽球、排球網也都拆除避免群聚。
鄭文燦表示為了加強社區的防疫等級全桃園797個公園禁止飲食、禁止群聚、強制戴口罩公園裡的運動設施停止使用遊戲設施包括遊具也一律用圍籬圍起來避免青少年跟兒童群聚。也會加強公園的巡邏稽查。
媒體詢問有必要到拆下籃框嗎？鄭文燦說過去經驗是如果綁起來青少年還是會把它拆開所以直接把籃框拆下來也趁機保養一下。
媒體也詢問篩檢站說30個但目前僅有14個夠嗎？鄭文燦說30個採檢站是按照桃園市生活圈規畫另外是要按照疫情發展如果大流行要全面性的篩檢那當然就要30個。
鄭文燦也說桃園已經購買了食藥署核准的PCR檢測儀器目前購買15部加上6500試劑給11家責任醫院民眾住院前必須採取兩個方式第一個是標準程式送實驗室的PCR檢測或者是用PCR的快篩進行檢測確認陽性後讓病人可以在短時間內住院。鄭文燦強調採取PCR準確度幾乎到達百分之百的檢測模式對醫院的保護才是比較方便的。</t>
  </si>
  <si>
    <t>鄭文燦檢測公園桃園pcr拆除籃框醫院民眾購買住院目前採取加強詢問防疫避免青少年媒體</t>
  </si>
  <si>
    <t>新冠肺炎台灣鄭文燦球框公園</t>
  </si>
  <si>
    <t>鄭文燦肺炎臺灣公園</t>
  </si>
  <si>
    <t>肺炎嚴重主管插管機師</t>
  </si>
  <si>
    <t>國內昨新增1名機師小孩確診若扣除在澳確診機師目前華航、諾富特飯店事件共累計19人確診。對於本起事件個案的嚴重程度中央流行疫情指揮中心發言人莊人祥透露目前有3名重症案例包括嚴重肺炎的機師（案1079、</t>
  </si>
  <si>
    <t>機師確診目前嚴重事件包括指揮重症透露莊人祥案例發言人中心疫情流行中央程度累計華航飯店個案富特對於小孩新增</t>
  </si>
  <si>
    <t>國內昨新增1名機師小孩確診若扣除在澳確診機師目前華航、諾富特飯店事件共累計19人確診。對於本起事件個案的嚴重程度中央流行疫情指揮中心發言人莊人祥透露目前有3名重症案例包括嚴重肺炎的機師（案1079、案1122）以及插管中的房務部主管（案1120）。
案1079發病前 曾住過諾富特
指揮中心指出案1079為60多歲機師4月10至12日飛往印度、盧森堡並在14日執勤到美國於當地旅館檢疫4月16日返台進行3天居家檢疫隔日出現喉嚨癢、全身痠痛症狀19日自費採檢後20日確診新冠肺炎。這名機師發病前曾住過諾富特飯店病毒序列與案1120房務部主管相同有嚴重肺炎目前仍在治療中。
案1120為40多歲諾富特飯店房務部主管近期無出國史平時工作項目為檢查房間環境之清潔偶爾協助機組員購買物品。主管4月17日起陸續出現咳嗽、流鼻水、食慾不振及呼吸喘等症狀並於4月19日至4月26日間3次至同一診所就醫因症狀未改善27日至醫院就醫發現肺炎並收治住院隔離、採檢29日確診新冠肺炎。醫療應變組副組長羅一鈞表示由於這名主管還在插管治療無法進一步疫調但會努力去尋找飯店群聚的源頭。
案1122為50多歲機師4月2日至9日執勤至美國返台後於防疫旅館檢疫至4月15日期間無症狀檢疫期滿採檢陰性。4月19日機師再次執勤至美國24日自美國經日本返台25日入境後返回住處居家檢疫27日出現喉嚨痛及發燒症狀由衛生單位安排就醫採檢於4月29日確診有嚴重肺炎仍在治療中。
對飛機採檢 阿中稱有困難
衛福部長陳時中昨參加南丁格爾頒獎典禮後受訪時被問到華航群聚案目前個案1101、1102是英國變種病毒株為什麼沒有想要針對航空器採檢？陳時中表示航空器的機組員都有做個人的基本消毒且發現病例的時候航空器已經又再飛出去了這其實有實際上的困難。</t>
  </si>
  <si>
    <t>機師主管肺炎症狀目前確診飯店檢疫嚴重航空器出現富特治療就醫發現機組員執勤個案返台病毒陳時中</t>
  </si>
  <si>
    <t>採檢房務主管美國檢疫</t>
  </si>
  <si>
    <t>主管美國房務檢疫</t>
  </si>
  <si>
    <t>作為防疫慰勉執勤視察人員辛勞蔡英文</t>
  </si>
  <si>
    <t>總統蔡英文6日上午到桃園機場巡視國境各項防疫、檢疫作為同時慰勉衛福部、內政部、財政部、交通部、農委會等第一線執勤人員辛勞前後停留約1個小時。蔡英文總統6日上午10時抵達桃園機場第2航廈由內政部長徐國勇</t>
  </si>
  <si>
    <t>機場桃園蔡英文上午總統交通部財政部農委會內政衛福部執勤慰勉人員作為辛勞檢疫前後防疫抵達停留國境巡視小時</t>
  </si>
  <si>
    <t>總統蔡英文6日上午到桃園機場巡視國境各項防疫、檢疫作為同時慰勉衛福部、內政部、財政部、交通部、農委會等第一線執勤人員辛勞前後停留約1個小時。
蔡英文總統6日上午10時抵達桃園機場第2航廈由內政部長徐國勇、交通部長林佳龍、財政部長蘇建榮、桃園市長鄭文燦、中央流行疫情指揮中心副指揮官陳宗彥、農委會副主委黃金城、衛福部疾管署署長周志浩、桃園機場公司董事長林國顯等人陪同到桃機各單位視察國境防疫作為。
蔡英文總統先在桃機1019簡報室內頒獎表揚機場防疫、檢疫相關單位由桃園機場公司總經理林祥生、衛福部疾管署署長周志浩、內政部移民署署長邱豐光、內政部警政署航空警察局局長黃嘉祿、農委會動植物防疫檢疫局新竹分局分局長柯榮輝、財政部關務署署長謝鈴媛、桃園機場排班計程車自律委員會主任委員黃良易、租賃車防疫車隊慶賓租賃車公司副總經理胡慶隆、防疫巴士車隊國光客運公司副董事長王應傑、防疫巴士車隊龍泰遊覽車公司董事長張永紹等人代表受獎。
隨後在會議室內聽取各單位防疫作為簡報後進入第2航廈管制區內先後到入境長廊發燒篩檢站、檢疫官審核入境旅客書面資料臨時櫃台、移民署證照查驗櫃台、海關檢查台等地巡視稍後又到入境大廳防疫巴士、防疫租賃車、防疫計程車上車處等地實地瞭解入境旅客防疫、檢疫動線直至11時結束巡視慰問行程後離開。</t>
  </si>
  <si>
    <t>防疫桃園機場檢疫入境公司農委會巡視署長單位作為衛福部巴士蔡英文車隊財政部租賃總統簡報計程車內政移民署旅客</t>
  </si>
  <si>
    <t>防疫桃園機場蔡英文新冠肺炎武漢肺炎</t>
  </si>
  <si>
    <t>蔡英文機場肺炎桃園武漢防疫</t>
  </si>
  <si>
    <t>體操課在家兄妹親自設備劉耕巨集</t>
  </si>
  <si>
    <t>劉畊宏和老婆王婉霏去年疫情在全球爆發後就向教育部申請讓10歲大兒子劉宇恩、8歲二女兒劉宇芙（小泡芙）、6歲小女兒劉宇珊3個小孩自學今年過完農曆年新的這1學期就跟另外一個家庭共5位小孩在家上課。不過上</t>
  </si>
  <si>
    <t>小孩疫情全球爆發教育部二女兒申請劉宇恩家庭大兒子去年劉宇珊今年自學學期農曆年過完在家劉宇芙女兒王婉霏上課</t>
  </si>
  <si>
    <t>劉畊宏和老婆王婉霏去年疫情在全球爆發後就向教育部申請讓10歲大兒子劉宇恩、8歲二女兒劉宇芙（小泡芙）、6歲小女兒劉宇珊3個小孩自學今年過完農曆年新的這1學期就跟另外一個家庭共5位小孩在家上課。
不過上周警戒升至第二級後他們連每週三在戶外公開場所上的團體課程都先取消只剩下在家的個人課程上週六也著手跟所有學科老師聯繫預備做線上課程本週一（17日）開始施行預計先到6月沒想也恰巧在昨宣佈雙北高中以下學校停課「本來想說先預備以防萬一沒想到居然那麼快就派上用場了」。
王婉霏今天一早就起來為3位寶貝測試設備除了大型投影布幕外還給他們準備了1人1台平板和耳機她透露第一天從早上9點開始中文、英文課到下午世界課結束大概3點半放學晚上再各自練琴整天非常充實孩子們也都覺得很新奇禮拜三取消的戶外課也改由爸爸親自為他們上體操課。家裡還有Switch供他們練舞、運動設施、圖書館等一家5口也會一起下棋、畫畫就算不出門也不會在家裡悶壞。
而王婉霏目前經營的殺菌機事業這幾天疫情拉警報確診人數不斷創新高她透露殺菌機的訂單量在3天內已賣出超過500台昨天早上更是1小時內便湧入超過100張訂單已達電商平臺刷卡300萬的上限比起過往成長了300％。
另外去年與友人合資超過百萬在東區開設小型健身房「PURPOSE SPACE」的小禎面對疫情嚴峻需停業2周她不僅開始居家運動開心秀結實腹肌照外也在網友們極力敲碗下推出居家防疫課程直播公開自己的日常訓練菜單也推出客製化的健身課程呼籲「在家無聊就跟著動起來」並祝福大家「疫情結束還是腹肌人」。
小禎目前就讀國一的女兒Emma也停課在家線上自主學習至於目前演藝工作的部分小禎現在不會去想損失了多少「目前就是積極配合各個單位為了我們各自的健康暫時先在家好好防疫。」</t>
  </si>
  <si>
    <t>課程在家疫情目前超過開始王婉霏小孩去年透露殺菌機結束小禎早上運動訂單預備家裡</t>
  </si>
  <si>
    <t>新冠肺炎台灣劉畊宏王婉霏</t>
  </si>
  <si>
    <t>劉耕宏臺灣肺炎王婉霏</t>
  </si>
  <si>
    <t>cnn武漢檢測線索重大早期起源血液揭新冠樣本</t>
  </si>
  <si>
    <t>美國有線電視新聞網（CNN）13日報導一名中國大陸官員透露作為調查新冠病毒起源的一環武漢將檢測數萬個早期血液樣本專家指出這些樣本將提供新冠病毒起源的關鍵線索。今年2月世界衛生組織（WHO）的調查小組</t>
  </si>
  <si>
    <t>調查起源病毒中國大陸樣本官員透露報導今年作為線索關鍵早期檢測武漢提供世界衛生組織血液專家指出whocnn美國有線電視新聞網小組</t>
  </si>
  <si>
    <t>樣本血液中國專家可能檢測病例病毒武漢指出疫情表示大陸小組人類保存線索美國關鍵發生採集爆發官員</t>
  </si>
  <si>
    <t>#新冠肺炎#中國大陸#全球血液樣本武漢檢測捐血</t>
  </si>
  <si>
    <t>樣本血液中國武漢大陸全球檢測肺炎</t>
  </si>
  <si>
    <t>金牌國家拜登戰略</t>
  </si>
  <si>
    <t>美國已有超過41萬人死於新冠肺炎總統拜登上任後立刻快馬加鞭展開抗疫行動21日揭櫫長達198頁的抗疫國家戰略訂定疫苗接種、擴大檢測、復學復工、國際合作等七大目標。當天簽署10道行政命令包括實施更嚴格的戴</t>
  </si>
  <si>
    <t>包括行政命令死於簽署當天目標肺炎七大合作總統國際拜登復工實施複學上任超過檢測擴大接種疫苗立刻快馬加鞭</t>
  </si>
  <si>
    <t>美國已有超過41萬人死於新冠肺炎總統拜登上任後立刻快馬加鞭展開抗疫行動21日揭櫫長達198頁的抗疫國家戰略訂定疫苗接種、擴大檢測、復學復工、國際合作等七大目標。當天簽署10道行政命令包括實施更嚴格的戴口罩規定、搭機入境旅客須隔離檢疫等措施。他同時警告美國新冠肺炎死亡人數下個月可能突破50萬人。
強化疫苗接種及戴口罩
拜登上任後的第一個完整工作天聚焦對抗新冠肺炎疫情。拜登21日簽署10項與疫情有關的行政命令和指令包括強制民眾在機場以及飛機、火車和巴士等大眾運輸工具上戴口罩、增加疫苗和醫療設備的生產同時試圖安全地讓學校和企業重新開門。這些檔與20日重返世界衛生組織、所有聯邦建物內必須戴口罩等決定共同組成美國對抗新冠病毒大流行國家戰略。
拜登表示在他執政下科學家將「不受政治幹預」。這份戰略訂定的七大目標中「恢復美國社會大眾的信任」被列在首位依序為推廣疫苗接種、制定公共衛生標準、擴大緊急救濟、復產復學、保護弱勢群體以及加強全球合作。
這份國家戰略指出美國人口只占世界人口的4％但新冠確診病例占世界的25％染疫死亡人數占全球染疫死亡的20％。拜登稱扭轉情勢需要幾個月的時間不過「救援已在路上了。」
拜登說防疫視同作戰他將動用《國防生產法》啟動國民兵等各項聯邦資源全力防疫。考慮到現在出現變種新冠病毒他頒布行政命令要求相關部門在14天內針對國際旅客制定防疫計畫。
26日起赴美須隔離7天
根據拜登發布的行政命令赴美旅客至少在起飛前3天必須接受新冠病毒核酸檢測須出示檢測陰性報告才能登機到達美國之後也必須按照美國CDC的指示隔離7天。
拜登強調戴口罩跟推廣疫苗接種的重要性。他表示將在就職的100天內為美國民眾接種1億劑新冠疫苗。他也說將會針對第一線工作人員尤其許多是少數族群盡快接種疫苗。</t>
  </si>
  <si>
    <t>拜登美國疫苗接種口罩行政命令戰略防疫旅客必須國家病毒隔離生產肺炎檢測聯邦大眾死亡制定民眾國際</t>
  </si>
  <si>
    <t>國家戰略美國拜登肺炎戴口罩</t>
  </si>
  <si>
    <t>肺炎美國拜登戰略口罩國家</t>
  </si>
  <si>
    <t>疫苗全球產量有得年底免疫才達群體</t>
  </si>
  <si>
    <t>新冠肺炎疫情全球持續延燒台大公共衛生學院教授陳秀熙今（3）日線上說明對於各國對疫苗需求若渴目前預估疫苗生產量至2021年底約為10億劑尚無法達到特定族群免疫若以每人施打2劑疫苗計算達群體免疫需要</t>
  </si>
  <si>
    <t>疫苗免疫全球持續大公共衛生學院教授施打疫情族群無法對於說明生產量年底達到計算肺炎</t>
  </si>
  <si>
    <t>新冠肺炎疫情全球持續延燒台大公共衛生學院教授陳秀熙今（3）日線上說明對於各國對疫苗需求若渴目前預估疫苗生產量至2021年底約為10億劑尚無法達到特定族群免疫若以每人施打2劑疫苗計算達群體免疫需要超過100億劑。
在疫苗研發部分陳秀熙指出今年一月底有兩支疫苗的第三期臨床試驗期中報告結果出爐分別是美國 NOVAVAX 重組蛋白疫苗和美國嬌生-楊森載體疫苗兩種疫苗皆以新冠肺炎病毒的棘突蛋白為標的進行研發根據第二和第三期臨床試驗結果施打兩劑NOVAVAX疫苗可有效對抗新冠肺炎病毒感染效力高達893％在老年人和愛滋感染者這些免疫力相對較差的族群同樣有效NOVAVAX疫苗也是目前第一個在臨床試驗中直接證實對英國和南非突變病毒株皆有效的疫苗。
根據第三期臨床試驗結果楊森疫苗只需注射一劑便可有效降低因新冠肺炎病毒導致的中重度呼吸道感染症和死亡風險效力達66％如果針對因新冠肺炎病毒造成的重症與死亡進行分析效力則高達85％在老年人這類免疫力相對較差的族群以及針對南非突變病毒株皆有效。 NOVAVAX和楊森疫苗只需儲存在2-8℃在運輸和保存上較為便利且成本相對較低。
至於全球疫情方面陳秀熙說美國疫情趨緩全美上周新增105萬確診約2萬名死亡案例確診前5名州別為加州、德州、紐約、佛州及伊利諾州確診人數均呈下降趨勢幅度降17％~38％。相對應一周新增死亡人數除加州上升1％外其餘四周降6％~17％。美國全國新冠肺炎疫苗至少一劑施打率為 76％累積1月31日已施打2520萬人。
中南美洲各國部分陳秀熙提到包含巴西及墨西哥等國家均面臨第二波疫情之襲擊且中南美洲各國疫苗施打率仍低。
變種病毒自英國傳出英國疫情因此深受關注。陳秀熙提到目前全英國累計確診個數約380萬人累積死亡約10萬6千人；自9月開始英國南部有新病毒株B11出現7後1疫情開始升溫11月稍微趨緩後12月疫情又開始爆發新病毒株B117已遍佈全英國自2月開始接種牛津及輝瑞疫苗1月5日開始英國首相強生宣佈實施封鎖策略後目前疫情有趨緩的趨勢截至1月30日已有14％至少施打一劑疫苗。</t>
  </si>
  <si>
    <t>疫苗疫情死亡英國病毒施打目前肺炎開始確診陳秀熙美國有效試驗novavax臨床族群相對</t>
  </si>
  <si>
    <t>疫苗施打群體免疫新冠肺炎病毒陳秀熙</t>
  </si>
  <si>
    <t>免疫肺炎群體施打病毒疫苗陳秀熙</t>
  </si>
  <si>
    <t>發佈美國務院三思全球旅遊出國警示</t>
  </si>
  <si>
    <t>在美國總統川普宣佈對歐洲實施嚴格的旅行管制自13日午夜起30日暫停14日內曾在歐盟申根區內旅遊的外籍旅客赴美。隨後美國務院也罕見對「全球」發出旅遊警示建議美國民眾再三考慮再出國旅遊。據美國有線電視新</t>
  </si>
  <si>
    <t>旅遊美國實施歐洲嚴格旅行日內出國歐盟區內再三民眾美國務院外籍旅客建議赴美隨後全球警示罕見發出宣佈管制午夜</t>
  </si>
  <si>
    <t>在美國總統川普宣佈對歐洲實施嚴格的旅行管制自13日午夜起30日暫停14日內曾在歐盟申根區內旅遊的外籍旅客赴美。隨後美國務院也罕見對「全球」發出旅遊警示建議美國民眾再三考慮再出國旅遊。
據美國有線電視新聞網報導川普11日在白宮發表全國演說批評歐洲面對「外國病毒」反應不夠快之外稱美國先前暫停與陸旅行已挽救了許多生命現在美國必須對歐洲做出同樣決定。美國國土安全部隨後表示根據總統川普宣佈的旅行限制將禁止過去14天曾赴歐洲申根區國家的大多數外籍人士進入美國。
而在川普宣佈禁歐洲旅行不久後美國國務院也更新國人赴全球旅行警示至第3級建議美國民眾「三思而後行」（reconsider travel）並指出世界許多區域正在經歷新型冠狀病毒疫情爆發可能採取限制旅客行動的措施例如隔離及邊境管制。
聲明強調即使是目前尚未傳出有確診病例的國家及地區也可能在無預先通知下隨即採取旅遊限制並建議美國民眾參考國務院旅行網站上的建議以及從駐外大使館進網站進一步查詢的當地防疫管制措施。</t>
  </si>
  <si>
    <t>美國旅行旅遊歐洲川普限制建議管制病毒民眾國家可能旅客隨後宣佈暫停採取網站全球措施警示總統尚未目前強調傳出聲明</t>
  </si>
  <si>
    <t>新冠肺炎武漢肺炎新型冠狀病毒COVID-19美國</t>
  </si>
  <si>
    <t>肺炎武漢冠狀covid-病毒美國</t>
  </si>
  <si>
    <t>數飆確診大利羅馬喪命淪陷</t>
  </si>
  <si>
    <t>義大利新冠肺炎疫情持續升溫過去24小時增加18人喪命確診數也飆破2000人大關。旅遊重鎮羅馬也首度淪陷一名警官一家4口全部中鏢。綜合路透社、當地媒體The Local報導義大利疫情急速升溫衛生官員昨（2）日晚</t>
  </si>
  <si>
    <t>升溫疫情大利衛生綜合路透社當地媒體一家警官the淪陷首度local持續羅馬旅遊重鎮肺炎報導喪命小時增加過去</t>
  </si>
  <si>
    <t>義大利新冠肺炎疫情持續升溫過去24小時增加18人喪命確診數也飆破2000人大關。旅遊重鎮羅馬也首度淪陷一名警官一家4口全部中鏢。
綜合路透社、當地媒體The Local報導義大利疫情急速升溫衛生官員昨（2）日晚間表示自周日以來過去24小時內義大利再新增18例新冠肺炎死亡病例累計境內已經有52人喪命。
此外義大利週一再新增342確診病例境內總確診數上升至2036人飆破2000人關卡。值得注意的是義大利上週六才宣佈確診數飆破千人才兩天又多了千人染疫。
過去幾天義大利病例多集中在較富裕的北部地區包含倫巴底（Lombardy）、威尼托（Veneto）、以及艾米利羅馬那區（Emilia Romagna）等3個區域英國《衛報》（The Guardian）報導昨日位在中部的旅遊重鎮、首都羅馬也首度出現確診病例一名警官及一名消防員雙雙確診警官的妻子、2個孩子等也全數中鏢。報導說羅馬此前曾出現3例確診病例不過當中2人是來自武漢的大陸夫妻另1人則是自大陸撤出的義大利僑民。
義大利國家衛生研究院院長布魯塞弗羅（Silvio Brusaferro）週一表示未來7天將是阻止義大利疫情擴散的關鍵時間他們將會知道現階段義大利的防疫機制是否發揮作用他個人對整個情勢相當樂觀。</t>
  </si>
  <si>
    <t>大利病例確診羅馬報導疫情過去表示the週一警官升溫小時喪命肺炎旅遊出現境內重鎮首度</t>
  </si>
  <si>
    <t>民主黨疫情騙局川普</t>
  </si>
  <si>
    <t>新冠肺炎在美國累計64例確診病例美國總統川普痛批民主黨不僅將新冠肺炎「政治化」還利用新冠病毒「騙局」來傷害他和他的政府。在各國提高防疫尋求解方之際川普仍熱中於選戰以及口水戰。川普28日在南卡羅來納州</t>
  </si>
  <si>
    <t>川普肺炎美國之際解方尋求提高政府防疫傷害病毒騙局總統口水民主黨選戰熱中病例確診利用累計</t>
  </si>
  <si>
    <t>新冠肺炎在美國累計64例確診病例美國總統川普痛批民主黨不僅將新冠肺炎「政治化」還利用新冠病毒「騙局」來傷害他和他的政府。在各國提高防疫尋求解方之際川普仍熱中於選戰以及口水戰。
川普28日在南卡羅來納州一場競選集會上痛批民主黨利用通俄門來打擊他但效果不太好接著又用「通烏門」彈劾騙局「這次（新冠肺炎）就是他們的新騙局。」
除了牽拖民主黨川普也不忘為自己政府美言稱美國防疫陣線是由「世界上最優秀的專業人員」共同組成且美國政府正在為最糟的情況預做準備。無論是正在談論的病毒或是其他眾多公衛威脅反觀民主黨開放邊境的政策都直接威脅所有美國人的健康和福祉。」
至2月28日止美北加州、俄勒岡州、華盛頓州共出現4例感染源頭不明病例。4人均無出國旅遊史、也未接觸感染源頭專家憂慮新冠病毒可能已在美西北部地區出現社區傳播。2月28日通報的第4起感染源不明確診病例為華盛頓州一名未滿18歲青少年目前在家中隔離其就讀的高中將停課到3月3日。
美疾病管制暨預防中心（CDC）2月26日才證實全美社區傳播首例患者是加州一名女性目前在戴維斯加州大學醫院治療。由於一開始她不符CDC公佈的檢測標準就醫11天後才被確診且情況危急曾接觸她的124名醫護人員現在都得居家自主隔離。飽受抨擊的CDC才宣佈更改篩檢標準只要出現病徵即便沒有旅遊史或接觸史仍可接受檢驗。
對於4例感染源頭不明病例加州大學戴維斯分校傳染病專家布隆伯格（Dean Blumberg）表示：「這表明病毒就在社區意味幾乎每個人都處於危險之中。」</t>
  </si>
  <si>
    <t>病毒民主黨川普美國cdc感染出現社區接觸病例確診騙局源頭隔離不明目前標準加州</t>
  </si>
  <si>
    <t>川普肺炎病毒民主黨社區</t>
  </si>
  <si>
    <t>社區肺炎川普民主黨病毒</t>
  </si>
  <si>
    <t>樂園會館冰上巨蛋關閉</t>
  </si>
  <si>
    <t>新冠肺炎升溫目前國內累積確診人數已超過200例配合北市政府疫情小組應變會議決議提升密閉、近距離接觸性質的場館防疫應變措施臺北小巨蛋冰上樂園及北投會館才剛宣佈採實名制北捷今宣佈自明(25)日起暫停</t>
  </si>
  <si>
    <t>應變宣佈目前國內累積確診人數升溫超過配合距離才剛會館密閉接觸性質提升場館決議市政府會議</t>
  </si>
  <si>
    <t>新冠肺炎升溫目前國內累積確診人數已超過200例配合北市政府疫情小組應變會議決議提升密閉、近距離接觸性質的場館防疫應變措施臺北小巨蛋冰上樂園及北投會館才剛宣佈採實名制北捷今宣佈自明(25)日起暫停營業未來視疫情緩和情形再決定開放營運時間。</t>
  </si>
  <si>
    <t>疫情應變宣佈目前國內累積情形確診人數緩和升溫超過未來決定暫停營業配合距離接觸性質密閉場館提升</t>
  </si>
  <si>
    <t>新冠肺炎武漢肺炎COVID-19台灣會館</t>
  </si>
  <si>
    <t>武漢肺炎covid-臺灣會館</t>
  </si>
  <si>
    <t>防疫調配邱臣遠嚴守來勢洶洶邊境omicro管制</t>
  </si>
  <si>
    <t>新冠肺炎變異株Omicron病毒引起國際高度警戒部分國家原本鬆綁邊境管制現在再度實施旅行禁令。民眾黨立委邱臣遠呼籲Omicron變種病毒傳染力與變異程度史上最強疫情指揮中心要做好邊境控管緊盯他國的邊境政策</t>
  </si>
  <si>
    <t>邊境omicron變異病毒做好中心疫情指揮旅行再度現在實施管制禁令鬆綁民眾党原本國家部分警戒程度引起高度</t>
  </si>
  <si>
    <t>新冠肺炎變異株Omicron病毒引起國際高度警戒部分國家原本鬆綁邊境管制現在再度實施旅行禁令。民眾黨立委邱臣遠呼籲Omicron變種病毒傳染力與變異程度史上最強疫情指揮中心要做好邊境控管緊盯他國的邊境政策與疫情狀況隨時做出反應並針對防疫旅館及車隊的配置進行完整規畫確保能量足夠應對。
國內疫情趨緩穩定但Omicron變種病毒來勢洶洶面對未知的變種病毒且即將迎來聖誕節慶、跨年晚會等大型活動以及春節返台等大規模入境即將到來台灣沒有任何放鬆警戒的本錢。
中央防疫指揮中心日前已宣佈將南非等10國列為「重點高風險國家」旅客抵台前14天曾到上述國家或轉機者一律公費入住集中檢疫所14天不會住到防疫旅館並維持二級警戒到12月13日。至於是否封鎖邊境指揮中心表示14天的隔離政策已足夠嚴密且Omicron無法逃脫快篩檢測因此對於較為寬鬆的春節檢疫方案「7＋7」、「10＋4」召集人李秉穎也說「雖有風險但可接受」。
對於指揮中心決定暫不加嚴防疫管制措施邱臣遠呼籲中央要做好邊境控管緊盯他國的邊境政策與疫情狀況隨時做出反應；另外莫德納執行長預測現有疫苗對付Omicron的效果有限恐需開發新疫苗因應但施打第三劑疫苗仍有加強保護力的效果政府應讓高風險族群盡快接種並明確第三劑混打的各類可行性。
邱臣遠表示台灣在長時間的防疫規範下不少民眾的心理健康已經受到影響許多商家更早已支撐不住、關門歇業台灣社會已難再承受更進一步的衝擊面對變種病毒再起防疫政策必須要嚴謹落實嚴防變種病毒入侵台灣。</t>
  </si>
  <si>
    <t>防疫omicron病毒變種臺灣指揮中心邊境疫情邱臣遠國家警戒疫苗高風險春節對於即將足夠效果管制表示政策中央變異旅館呼籲</t>
  </si>
  <si>
    <t>新冠肺炎台灣Omicron變種病毒邱臣遠</t>
  </si>
  <si>
    <t>臺灣omicron變種肺炎病毒邱臣遠</t>
  </si>
  <si>
    <t>北市資料中央可能黃珊珊誤解</t>
  </si>
  <si>
    <t>臺北市副市長黃珊珊在昨(12)日爆中央認為北市匡列太寬甚至刪除北市上傳的居家隔離紀錄外界質疑究竟匡列標準是中央訂定還是授權地方訂定？匡列太寬是否真的會被刪除？中央流行疫情指揮中心發言人莊人祥表示匡</t>
  </si>
  <si>
    <t>中央刪除匡列太北市中心指揮疫情流行發言人質疑外界認為紀錄究竟隔離居家匡列標準上傳真的是否莊人祥</t>
  </si>
  <si>
    <t>臺北市副市長黃珊珊在昨(12)日爆中央認為北市匡列太寬甚至刪除北市上傳的居家隔離紀錄外界質疑究竟匡列標準是中央訂定還是授權地方訂定？匡列太寬是否真的會被刪除？
中央流行疫情指揮中心發言人莊人祥表示匡列部分10日區管中心和地方衛生局討論因為在文山區有位個案的接觸者有60人當時衛生局同意改列自我健康監測並未刪除居隔紀錄之後又把這60位列為居家隔離也未再做其他修正可能是中間有誤解。</t>
  </si>
  <si>
    <t>中央刪除中心匡列衛生局隔離紀錄居家地方匡列太北市可能當時同意修正文山區健康監測</t>
  </si>
  <si>
    <t>黃珊珊匡列北市刪除居隔</t>
  </si>
  <si>
    <t>居隔黃珊珊匡列刪除北市</t>
  </si>
  <si>
    <t>林濁水暴跌真相排名防疫震撼臺灣</t>
  </si>
  <si>
    <t>美國媒體近日公佈6月各國「新冠韌性排名」台灣排名雪崩式暴跌到44名淪為倒數第10名。對此前民進黨立委林濁水認為原因「很震撼」恐與「數位疫苗護照」上路歐盟 27國 7月1日直接刷手機通關有關。難怪台灣在5</t>
  </si>
  <si>
    <t>臺灣排名手機直接暴跌公佈淪為歐盟倒數第上路對此護照疫苗民進數位黨立委林濁水震撼認為原因韌性</t>
  </si>
  <si>
    <t>美國媒體近日公佈6月各國「新冠韌性排名」台灣排名雪崩式暴跌到44名淪為倒數第10名。對此前民進黨立委林濁水認為原因「很震撼」恐與「數位疫苗護照」上路歐盟 27國 7月1日直接刷手機通關有關。難怪台灣在53個主要經濟體中由第2 名一路掉到44名。
美媒《彭博社》公佈6月份各國「新冠韌性排名」（The Covid Resilience Ranking）台灣繼5月份從先前的「前段班」重摔到15名後更進一步慘跌到44名。
對於台灣防疫排名慘跌林濁水今(1日)也在臉書表示很震撼！歐盟「數位疫苗護照」上路！27國於7月1日直接刷手機通關。難怪排名一路狂調這也是防疫戰戰術取向的、「解決當前問題取向」的台灣固然盛於前終於輸給戰略取向的、佈局末來前瞻取向的西方國家。
《美麗島電子報》董事長吳子嘉6月29日則是在政論節目直言這個下滑的速度是世界之最若自己是行政院長蘇貞昌或衛福部長陳時中早就吃不下飯了。
針對外界質疑民進黨立院黨團副幹事長黃世傑則表示是因為三級警戒後各種人流管制以及疫苗接種率較低所以排名才往下掉。他還指出防疫排名並非政府在意的因素控制住疫情才是最重要的。
「數位疫苗護照」上路！歐盟 27 國 7/1 直接刷手機通關。
很震撼！
難怪彭博資訊「全球防疫韌性排名」台灣在53個主要經濟體中由第2 名一路掉到44名。
這也就是防疫戰戰術取向的、「解決當前問題取向」的台灣固然盛於前終於輸給戰略取向的、佈局末來前瞻取向的西方國家的故事。</t>
  </si>
  <si>
    <t>排名臺灣防疫取向疫苗震撼民進難怪韌性月份表示林濁水通關數位手機公佈歐盟護照慘跌直接</t>
  </si>
  <si>
    <t>新冠肺炎台灣林濁水44名民進黨</t>
  </si>
  <si>
    <t>林濁水肺炎臺灣民進</t>
  </si>
  <si>
    <t>確診風險才有猝死族群注意</t>
  </si>
  <si>
    <t>新冠肺炎在台灣延燒近日陸續傳出確診者在家猝死的消息各界專家紛紛指出可能跟新冠肺炎特有的「快樂缺氧(happy hypoxia)」有關。國泰醫院心血管中心一般心臟科主治醫師蘇彥伯提醒低血氧雖在疫情爆發後受到重視</t>
  </si>
  <si>
    <t>肺炎疫情提醒蘇彥伯主治醫師心臟爆發一般中心心血管國泰醫院有關確診在家陸續傳出猝死hypoxia消息近日專家happy</t>
  </si>
  <si>
    <t>新冠肺炎在台灣延燒近日陸續傳出確診者在家猝死的消息各界專家紛紛指出可能跟新冠肺炎特有的「快樂缺氧(happy hypoxia)」有關。國泰醫院心血管中心一般心臟科主治醫師蘇彥伯提醒低血氧雖在疫情爆發後受到重視但其實平時有許多疾病也會造成低血氧的現象。
●從沒事到猝死只需半天！？隱形殺手：快樂缺氧
蘇彥伯醫師表示「快樂缺氧」是一種由低血氧所導致的致命危機正如其名患者在罹病初期血氧的濃度其實已經隨著肺部的受傷而漸漸地降低但是當下並不會覺得特別不舒服也不會喘當病患開始覺得喘的時候病情已經急轉直下轉為重症這時候血氧濃度已經低到危及生命進展的速度甚至會讓病人還來不及救醫便猝死在家中。
最主要的關鍵在於新冠肺炎的病人初期血液含氧量不足造成的症狀並不明顯讓患者毫無察覺再加上情況嚴重時病情會急速惡化從沒事到喪命往往不到半天的時間。
●為何確診者進入「快樂缺氧」這麼快？
蘇彥伯醫師指出低血氧對人體的影響非常廣泛當人體進入缺氧的狀態身體各器官都可能受到影響包括器官衰竭最嚴重的就是休克、猝死。
而新冠肺炎的患者不只是因為肺部的發炎影響氧氣的交換再來就是這個病毒會造成身體各個器官的小血管發炎而造成微小血栓使得血氧運送受阻讓病況雪上加霜。以往像是肺炎的治療在血氧含量低到90%以下才需要接受額外的氧氣輔助治療新冠肺炎患者恐怕在94%以下時就需要積極的介入治療否則等到發現血氧量不足時恐怕為時已晚。
●低血氧不只確診者才有4大風險族群要注意！
蘇彥伯醫師解釋血液氧氣飽和濃度需靠血氧濃度計才有辦法監控數值原理是利用紅外線照射肢端末梢的微血管偵測光線的變化轉換為血氧的濃度。一般正常的情況下成人的血氧數值正常為95%~100%之間。隨年紀增長年長者、慢性病等族群血氧濃度就可能較低不過還是約落在95%以上。
只要血液中的氧氣沒有辦法順利輸送到全身偵測的血氧濃度就可以降低。低血氧的問題其實在生活中不算少見可粗分為急性低血氧和慢性低血氧兩種像是心肌梗塞造成休克或是肺部感染造成缺氧新冠肺炎都是屬於急性低血氧。這種狀況往往都伴隨生命不穩定的症狀需要積極的介入治療才能挽回生命。
慢性低血氧則常隱藏在其他高風險慢性病族群當中。例如慢性氣喘、慢性阻塞性肺病會因為肺部氧氣的交換效率不佳、或是慢性心臟病患者因為血液無法有效率的輸送至全身都會讓身體長期屬於慢性低血氧的狀態這樣的患者平常的血氧濃度可能就在90%上下雖然平時不至於有生命危險但若加上其他危險因數例如感冒、感染等風險將會大幅提升。
●日常防範低血氧風險族群留意４症狀！
蘇彥伯醫師提醒瞭解低血氧的嚴重性一般的民眾不必過度恐慌或多準備血氧濃度計但年長者、慢性病族群、心肺功能不佳者、染疫者就建議最好考慮多做準備並且時時要留意自己的呼吸狀態是否正常若有發現自己的呼吸開始逐漸變喘、心跳加快、呼吸急促、呼吸困難等就應提高警覺盡早就醫以免憾事發生。</t>
  </si>
  <si>
    <t>患者肺炎濃度氧氣造成缺氧族群猝死血液肺部可能蘇彥伯治療一般生命</t>
  </si>
  <si>
    <t>今健康新冠肺炎台灣低血氧快樂缺氧</t>
  </si>
  <si>
    <t>肺炎臺灣健康快樂缺氧</t>
  </si>
  <si>
    <t>中藥處方階段防疫使用時機清冠</t>
  </si>
  <si>
    <t>新冠肺炎在2021年5月中旬在台灣快速傳播防疫指揮中心宣佈提升全臺地區防疫爲第3級戒備影響國民生活。中醫師陳潮宗表示看到很多民眾對於中藥新藥清冠一號的使用出現了有些問題及誤解特別呼籲並提供正確使用中</t>
  </si>
  <si>
    <t>防疫使用臺灣快速呼籲傳播誤解指揮問題出現中心冠一號全台地區新藥對於中藥民眾看到戒備表示陳潮中醫師影響國民生活中旬提供特別</t>
  </si>
  <si>
    <t>新冠肺炎在2021年5月中旬在台灣快速傳播防疫指揮中心宣佈提升全臺地區防疫爲第3級戒備影響國民生活。中醫師陳潮宗表示看到很多民眾對於中藥新藥清冠一號的使用出現了有些問題及誤解特別呼籲並提供正確使用中藥防疫3個階段處方。
●中西合作快速改善確診者症狀 可快速出院且無後遺症
在2020年初新冠肺炎侵入台灣時多位在西醫加護病房的病人藉由國家中醫藥研究所團隊的蘇奕彰教授兼所長與三軍總醫院、彰化基督教醫院、長庚醫院中醫部協力合作在各個醫院的加護病房中西醫合作治療新冠肺炎結果成效卓著並做了一些初步觀察及統計對未能迅速3採陰的病人加以中藥治療結果發現患者很快能出院並沒有留下肺部纖維化或氣喘的後遺症確定有效後定名爲清冠一號。
●清冠一號處方應經由中醫師開立處方 切勿自行購買
中醫師陳潮宗表示清冠一號處方有10種中藥內容：黃芩清上焦風熱、可抗菌、抗病毒；板藍根能抗菌、抗病毒、減少病毒的數量；瓜婁實可去熱痰、清肺熱對於肺部的發炎的改善；荊芥、防風2味中藥可以消散風熱、消除肌肉的酸痛兼有退燒作用；薄荷止咳化痰清風熱而且肌肉的酸痛；魚腥草殺菌抗病毒止咳；厚樸能寬中氣、定喘；甘草健脾和胃調和諸藥作用；桑葉入肺肝經可疏風清熱。該注意的是該藥方需經由中醫師親自看診後開立處方切勿自行購買服用。
●平時可運用中藥提升免疫 保健身體不讓外來邪氣入侵
中醫的防疫處方應隨著流行疫區的遠近及確診者的接觸可能、是否感染後有出現呼吸道症狀等而有所不同千萬不可任意服用否則不僅破財又無法得到治療的效果。</t>
  </si>
  <si>
    <t>中藥處方防疫中醫師治療快速合作作用肺炎病人病毒服用止咳出現醫院肺部出院後遺症提升中醫結果</t>
  </si>
  <si>
    <t>NOW健康新冠肺炎台灣清冠一號中藥</t>
  </si>
  <si>
    <t>肺炎臺灣清冠健康中藥now</t>
  </si>
  <si>
    <t>演唱會活動取消忍痛下月影響日本</t>
  </si>
  <si>
    <t>新冠肺炎肆虐全球疫情在日本仍不斷擴散日本傑尼斯天團嵐多場演唱會受阻原定下月15至16日在容納至少8萬人的東京新國立競技場舉行的演唱會14日已決定延期5位成員也分別回應櫻井翔表示為了防止疫情擴散取</t>
  </si>
  <si>
    <t>疫情演唱會擴散表示全球回應日本分別成員延期日本傑尼斯決定容納受阻至少原定下月</t>
  </si>
  <si>
    <t>新冠肺炎肆虐全球疫情在日本仍不斷擴散日本傑尼斯天團嵐多場演唱會受阻原定下月15至16日在容納至少8萬人的東京新國立競技場舉行的演唱會14日已決定延期5位成員也分別回應櫻井翔表示為了防止疫情擴散取消演唱會是痛苦的決定但唯有延期才能保障歌迷的安全其餘成員也呼籲歌迷要勤洗手嗽口抗疫。而嵐在大阪、愛知、福岡舉行的「ARASHI EXIBITION“JOURNEY」展覽則中止他們早前也已取消4月的首次北京演唱會。
嵐將在今年底休團可惜今年度安排的多項大型演出都因新冠肺炎疫情而被迫喊卡包括已延至下年的東京奧運嵐本來應無法為NHK電視台擔任大使但NHK方面上月卻表示計劃未有變動有望5人明年休團後合體為奧運任特別報道員。
受影響的不只如此朝日電視台新聞節目《報導STATION》的43歲男主播富川悠太日前確診武肺同台於17日現場直播的音樂節目《Music Station》15日取消本月所有直播免得74歲主持森田一義（Tamori）與女主播並木萬裡菜受感染風險屆時節目將播出以前片段。</t>
  </si>
  <si>
    <t>演唱會取消疫情表示station奧運舉行東京擴散延期成員決定歌迷肺炎節目屆時風險木萬里</t>
  </si>
  <si>
    <t>嵐新冠肺炎</t>
  </si>
  <si>
    <t>胸腔不算陳時中</t>
  </si>
  <si>
    <t>台灣5月中爆本土疫情4月15日將機組員檢疫措施改成「3+11」被視為防疫破口但指揮中心指揮官陳時中昨卻說「華航諾富特案是群聚不算社區破口」。對此胸腔科醫師蘇一峰忍不住吐槽機師同住家人在4月就驗出大量I</t>
  </si>
  <si>
    <t>家人疫情機師機組員檢疫忍不住措施蘇一峰本土醫師視為胸腔防疫對此卻說富特華航諾指揮</t>
  </si>
  <si>
    <t>台灣5月中爆本土疫情4月15日將機組員檢疫措施改成「3+11」被視為防疫破口但指揮中心指揮官陳時中昨卻說「華航諾富特案是群聚不算社區破口」。對此胸腔科醫師蘇一峰忍不住吐槽機師同住家人在4月就驗出大量IgG抗體而IgG抗體要感染超過一個月才會產生若不是「機組員的隔離檢疫時間太短增加家人被感染的風險家人就把病毒傳出去了」。
蘇一峰昨天在臉書發文分享疫情累計的死亡人數來到817例中央流行疫情指揮中心指揮官陳時中強調「3+11政策未影響社區」華航諾富特案是群聚事件不算是社區破口讓他聽了忍不住吐槽說「看來範雲無罪了可以出來了」。
貼文引起網友熱烈討論「原來萬華爆發不是3+11害的是萬華自己生出來的病毒」、「所以病毒真的是天上掉下來的？」、「3+11既非破口那之前說要負責是要負什麼責呢」、「反正話都是他在說的」。
但也有網友留言說病毒早在三月就進來了與萬華和諾富特案幾乎同時散開加上無法確定諾富特員工是否有去萬華阿公店消費或是機師傳染給諾富特員工後再去萬華消費因此整件事應和4月15日將機組員檢疫措施調整為「3+11」沒有關係吧？
對此蘇一峰表示機師同住家人早在四月就驗出大量IgG抗體而家人們平常並不需要隔離所以病毒早就傳進來了因為IgG抗體要感染超過一個月才會產生。因此他認為機組員的隔離檢疫時間太短增加家人被感染的風險家人就把病毒傳出去了。「也許在3+11前的5+9就已經是破口了。」</t>
  </si>
  <si>
    <t>病毒富特疫情萬華蘇一峰機組員檢疫機師社區隔離網友igg感染消費對此出來抗體進來指揮</t>
  </si>
  <si>
    <t>陳時中3+11破口負責範雲</t>
  </si>
  <si>
    <t>負責范雲陳時中</t>
  </si>
  <si>
    <t>北美票房預期馮迪</t>
  </si>
  <si>
    <t>新冠肺炎疫情重創好萊塢除了娛樂活動及影視產業停擺觀眾上戲院觀影的意願低導致北美週末電影票房創20年來新低紀錄僅收逾5530萬美元（166億台幣）即使「唐老大」馮迪索（Vin Diesel）不畏疫情、端出科幻钜</t>
  </si>
  <si>
    <t>疫情重創不畏好萊塢diesel娛樂活動vin產業馮迪老大觀眾台幣戲院觀影意願紀錄導致新低北美週末</t>
  </si>
  <si>
    <t>新冠肺炎疫情重創好萊塢除了娛樂活動及影視產業停擺觀眾上戲院觀影的意願低導致北美週末電影票房創20年來新低紀錄僅收逾5530萬美元（166億台幣）即使「唐老大」馮迪索（Vin Diesel）不畏疫情、端出科幻钜片《血衛》仍抵擋不了來勢洶洶的疫情。北美週末總票房較上週末下跌44％《紐約時報》更寫道：「在週末票房上上帝打敗了超級英雄。」
新冠肺炎病毒大流行打亂美國人原來生活步調政府為了避免群聚傳染美國的電影院也陸續被迫關閉除了賓州和紐澤西州的影院率先停業外15日晚間紐約市長比爾白思豪（Bill de Blasio）下令該市所有電影院、夜店、小型劇院和音樂會場所從17日開始關閉；在此同時洛杉磯市長艾瑞克賈西迪（Eric Garcetti）也宣佈即刻起至月底關閉影院、酒吧、餐廳等娛樂場所這對美國可說是空前舉動。
馮迪索在《血衛》扮演超級英雄該片北美票房僅收逾930萬美元（28億台幣）比起預估票房數字少了30％不過該片12日在台灣倒是為市場增添來客數上映4天全台累計逾3170萬元為台灣低迷的觀影市場注入一股活水。</t>
  </si>
  <si>
    <t>美國關閉疫情週末票房電影院觀影影院臺灣英雄北美馮迪市場台幣肺炎白思豪billde</t>
  </si>
  <si>
    <t>超級英雄北美票房觀影肺炎關閉</t>
  </si>
  <si>
    <t>英雄肺炎北美票房觀影關閉</t>
  </si>
  <si>
    <t>霜淇淋公司meiji事業疫苗az日本</t>
  </si>
  <si>
    <t>日本無償提供台灣124萬劑AZ疫苗叫國人感動不已大呼台日友好不過有眼尖網友發現食藥署檢驗疫苗的畫面裡AZ包裝盒上印有「meiji」的（明治）商標有好奇寶寶因此循線調查意外得知原來該公司不只生產巧克</t>
  </si>
  <si>
    <t>疫苗az得知意外調查循線寶寶好奇原來商標明治國人meiji呼台感動不已印有友好包裝盒眼尖網友發現畫面</t>
  </si>
  <si>
    <t>日本無償提供台灣124萬劑AZ疫苗叫國人感動不已大呼台日友好不過有眼尖網友發現食藥署檢驗疫苗的畫面裡AZ包裝盒上印有「meiji」的（明治）商標有好奇寶寶因此循線調查意外得知原來該公司不只生產巧克力、霜淇淋事業版圖還橫跨農藥、醫療用品、動物疫苗等項目驚人發現引發網友熱議。
根據Twitter該文指出有網友發現日本提供的AZ疫苗盒上印有「meiji」（明治）標誌因此忍不住上網查詢赫然驚覺「做霜淇淋那間公司」是日本疫苗此趟背後負責冷鍊運輸的公司於是興奮PO網跟大家分享資訊。
由於「meiji」的Logo大多現身超市貨架上所以這回從疫苗包裝盒左下角冒出來許多網友也嘖嘖稱奇但還是有老司機早知此事在留言區進一步說明指稱日本企業本來就很愛「亂點技能樹」所以明治公司除製造霜淇淋、巧克力提供冷鍊運輸外還涉及農藥、醫療用品、動物用疫苗等產業產品更包括運動營養品、非處方藥等無遠佛屆、難以想像的企業版圖令人驚呼連連。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苗公司網友日本運輸明治霜淇淋meiji發現企業提供版圖務必az防疫冷鍊口罩包裝盒巧克力專線動物印有用品醫療</t>
  </si>
  <si>
    <t>AZmeiji霜淇淋疫苗明治</t>
  </si>
  <si>
    <t>疫苗霜淇淋azmeiji明治</t>
  </si>
  <si>
    <t>出遊上課教師否認學生舉手家長</t>
  </si>
  <si>
    <t>昨日疫情指揮中心上午急開記者會要求清明連假到過11個熱點風景區、人潮擁擠地方出遊的人都要居家上班、請假不去上學實施自主健康管理14天。但一名幼教老師表示她調查連假出遊狀況時家長與孩子的答案竟大相</t>
  </si>
  <si>
    <t>出遊上午孩子家長記者會要求清明連狀況中心上學實施自主請假健康上班管理熱點答案幼教居家調查</t>
  </si>
  <si>
    <t>昨日疫情指揮中心上午急開記者會要求清明連假到過11個熱點風景區、人潮擁擠地方出遊的人都要居家上班、請假不去上學實施自主健康管理14天。但一名幼教老師表示她調查連假出遊狀況時家長與孩子的答案竟大相逕庭讓她傻眼。
這名幼教老師在臉書PO文指出5日晚上她用Line傳訊息問家長是否有在連假期間帶孩子到11處景點玩「結果家長每個都回傳4天都乖乖在家沒出門喔！」結果隔天一早問小孩一半以上都說有出去玩「開始巴拉巴拉的說去了哪裡玩跟誰去」都不是昨晚家長說的4天都在家沒出門。
看到這種結果原PO表示這調查一點意義也沒有「會據實以告的人真的太少！」並呼籲真的乖乖待在家防疫的人自求多福吧！</t>
  </si>
  <si>
    <t>家長結果po孩子出遊幼教老師乖乖調查表示在家出門真的上午天都中心記者會要求</t>
  </si>
  <si>
    <t>家長連假出遊11幼教老師調查</t>
  </si>
  <si>
    <t>老師幼教出遊調查家長</t>
  </si>
  <si>
    <t>中央落差死亡數侯友宜確診雙北</t>
  </si>
  <si>
    <t>有媒體報導累計至6月3日雙北統計確診火化數臺北市155例、新北市106例與中央統計明顯不符讓不少人質疑死亡人數也要校正回歸？對此新北市長侯友宜今受訪表示確診者死亡原因必須由中央判定地方會透過法傳系</t>
  </si>
  <si>
    <t>確診死亡統計中央新北地方判定必須透過火化原因回歸人數對此質疑市長明顯校正表示侯友宜</t>
  </si>
  <si>
    <t>有媒體報導累計至6月3日雙北統計確診火化數臺北市155例、新北市106例與中央統計明顯不符讓不少人質疑死亡人數也要校正回歸？對此新北市長侯友宜今受訪表示確診者死亡原因必須由中央判定地方會透過法傳系統上傳呈報中央中間難免會有時間差希望愈快縮短愈好。
根據平面媒體報導累計至6月3日為止雙北統計確診火化數北市155例、新北市106例共261例。但根據CDC統計1至4月確診死亡數僅有3例即便加上其他縣市中央公佈的新冠肺炎死亡累積至6月5日和應該公佈人數足足短少破百例讓不少人質疑要「校正回歸」嗎？</t>
  </si>
  <si>
    <t>中央死亡確診統計新北人數公佈質疑校正報導累計回歸系統上傳透過時間差地方呈報</t>
  </si>
  <si>
    <t>確診新冠肺炎雙北台灣死亡</t>
  </si>
  <si>
    <t>肺炎雙北臺灣死亡確診</t>
  </si>
  <si>
    <t>步驟參考包裹才能經驗家門澳洲</t>
  </si>
  <si>
    <t>英國變種病毒不只傳染力相當強家庭傳播力尤其驚人一項挪威研究顯示在同一個家戶之內原來的新冠病毒每136次密切接觸會發生036次的次發感染；英國變種病毒每145次密切接觸會發生061次的次發感染換算</t>
  </si>
  <si>
    <t>病毒變種密切接觸發生英國尤其驚人挪威顯示研究家戶傳染之內原來感染傳播家庭相當換算</t>
  </si>
  <si>
    <t>英國變種病毒不只傳染力相當強家庭傳播力尤其驚人一項挪威研究顯示在同一個家戶之內原來的新冠病毒每136次密切接觸會發生036次的次發感染；英國變種病毒每145次密切接觸會發生061次的次發感染換算出來的家戶傳染率差異很大英國變種病毒竟達42%而原來的新冠病毒只有265%。所以阻絕病毒於家門口之外自然是最重要的事！
中國醫藥大學新竹附設醫院感染科主任張凱音說所有從外面帶進家裡的物品包括購物或宅配包裹最好按照以下步驟處理。「第一個步驟是將外包裝的塑膠袋、提袋丟棄或是用酒精消毒。」張凱音說許多人會以紫外線燈來消毒物品但由於物品會有凹凸部分難以照射到所以只能消滅部分病毒千萬不要過度信任紫外線燈的防護效果。
澳洲維多利亞州曾經歷2次封城有一次甚至長達112天有民眾分享阻絕病毒的經驗外出購物返家後他們會先噴灑酒精所有物品如蔬菜在室外通風30～60分鐘後才會拿進門。
張凱音認為這個方法的確有用所以第二步驟可以將進家門的物品放置通風處30分鐘左右如果不想花太多時間她建議也可以將蔬菜、水果等食物趕快放入冰箱就好。」這樣做不是因為冰箱的低溫能殺死病毒而是可以預防你再次觸碰然後最重要的是最後一定要洗淨雙手後再觸摸家中其他物品。
崔可忠說就算蔬菜上沾附病毒只要經過清洗、烹調就很安全更何況吃下肚之後病毒幾乎沒有機會存活新冠病毒主要還是從眼、口、鼻進入體內。
張凱音說「最好的情況是不要觸碰公共物品例如有些人會自備衛生筷去操作ATM但每用完一次就丟掉嗎？還是先用塑膠袋裝著？沒有處理好會不會反而沾染病毒？」還有許多人使用塑膠袋裝購物時找回的零錢但花錢時還是會觸碰到紙鈔、硬幣。「最終還是需要洗手。」張凱音認為洗手才是最重要的道理雖然很簡單但要持之以恆並不容易。
更多 CTWANT 報導</t>
  </si>
  <si>
    <t>病毒物品張凱音購物蔬菜可以重要感染家戶傳染步驟塑膠沒有</t>
  </si>
  <si>
    <t>宅配包裹酒精通風英國變種病毒</t>
  </si>
  <si>
    <t>酒精通風包裹英國變種病毒</t>
  </si>
  <si>
    <t>導覽藝術展大山</t>
  </si>
  <si>
    <t>新冠肺炎期間屏東美術館仍集結縣內23名原住民藝術家舉辦歷年來最大型展覽「未來潮－大山地門當代藝術展」17日開展。不過受疫情影響逾百件平面、立體作品從5個展間延伸到戶外廣場並推出線上導覽及講座希望</t>
  </si>
  <si>
    <t>推出廣場美術館戶外集結延伸個展作品藝術家平面期間舉辦歷年來影響疫情展覽</t>
  </si>
  <si>
    <t>新冠肺炎期間屏東美術館仍集結縣內23名原住民藝術家舉辦歷年來最大型展覽「未來潮－大山地門當代藝術展」17日開展。不過受疫情影響逾百件平面、立體作品從5個展間延伸到戶外廣場並推出線上導覽及講座希望更多人不受疫情影響來認識原住民藝術。
這場藝術展籌備超過1年不巧碰上新冠肺炎疫情因此不舉辦開幕儀式並加強防疫。參展藝術家及協同策展人伊誕巴瓦瓦隆表示「藝術的力量可以超越一切的恐懼」藝術是進行式疫情也可說成了展覽呈現的一部分。
這次的展覽聚焦在三地門、霧台、瑪家鄉等地藝術家的「斜坡文化」作品媒材從木雕、石雕、金屬創作、編織、琉璃珠、陶壺、複合媒材、繪畫、錄像到多媒材裝置等。伊誕表示展覽試圖探討從1900年來的120年原住民當代藝術如何連結祖先的智慧及現在的知識及技術創造未來的潛在力量。
不過受到疫情影響除了將部分作品延伸到戶外廣場並管制入館人數、加大室內展覽間隔另外也規畫了線上導覽及線上藝術座談讓民眾不用冒群聚風險就能線上欣賞藝術有興趣民眾可上「大山地門當代藝術」粉專查詢。</t>
  </si>
  <si>
    <t>疫情展覽藝術藝術家影響作品媒材舉辦未來藝術展當代藝術大山表示伊誕民眾原住民戶外廣場肺炎延伸導覽</t>
  </si>
  <si>
    <t>肺炎藝術線上導覽大山舉辦</t>
  </si>
  <si>
    <t>導覽藝術大山舉辦肺炎</t>
  </si>
  <si>
    <t>肺炎扣除額財長暫不考慮</t>
  </si>
  <si>
    <t>立法院財政、內政、經濟、教育及文化、交通、社會福利及衛生環境委員會聯席會議5日審查「中央政府嚴重特殊傳染性肺炎防治及紓困振興特別預算案」。綠委陳素月質詢時提議新冠肺炎疫情持續蔓延財政部會不會考慮設</t>
  </si>
  <si>
    <t>肺炎經濟教育文化持續交通疫情社會福利衛生環境委員會聯席會議內政審查財政部提議質詢陳素月中央政府嚴重預算案特殊傳染性</t>
  </si>
  <si>
    <t>立法院財政、內政、經濟、教育及文化、交通、社會福利及衛生環境委員會聯席會議5日審查「中央政府嚴重特殊傳染性肺炎防治及紓困振興特別預算案」。綠委陳素月質詢時提議新冠肺炎疫情持續蔓延財政部會不會考慮設立特殊病情的扣除額給民眾減稅？
財長蘇建榮備詢時回應扣除額部分涉及修法可說是緩不濟急因此暫不考慮。不過他也強調財政部仍會採取三大措施第一是提供民眾、企業分期繳稅只要有財務困難可依照稅捐稽徵法第26條規定最多可分36期（即為三年）繳納。
第二是延緩繳稅期限若民眾、企業因被隔離而錯過繳稅期限可依照稅捐稽徵法第10條規定最多可延長繳稅期限一個月。包括4月的使用牌照稅以及5月的房屋稅、綜所稅及營所稅等都包含在內只要是有延期繳納需求所有民眾、公司行號都可提出申請國稅局將從寬認定。
第三則是受疫情影響而休業的商家在暫停營業的期間也可以免繳營業稅。</t>
  </si>
  <si>
    <t>民眾繳稅肺炎期限特殊疫情扣除額考慮繳納財政部企業經濟教育文化交通社會福利稅捐稽征衛生環境內政委員會</t>
  </si>
  <si>
    <t>扣除額繳稅綠委財長</t>
  </si>
  <si>
    <t>繳稅扣除額財長</t>
  </si>
  <si>
    <t>人人勞工補助最高職業工會</t>
  </si>
  <si>
    <t>疫情持續嚴峻勞動部今年再度提出「自營作業者或無一定雇主之勞工生活補貼」相較去年僅限投保級距基本工資以下勞工才能申請今年擴大至所有級距勞工皆能申請206萬職業勞工再扣除被排富後有185萬名職業工會勞</t>
  </si>
  <si>
    <t>勞工今年級距申請再度扣除提出自營作業者一定雇主生活補貼相較去年投保勞動部基本工資以下職業</t>
  </si>
  <si>
    <t>疫情持續嚴峻勞動部今年再度提出「自營作業者或無一定雇主之勞工生活補貼」相較去年僅限投保級距基本工資以下勞工才能申請今年擴大至所有級距勞工皆能申請206萬職業勞工再扣除被排富後有185萬名職業工會勞工可望依其投保級距不同可領1萬至3萬元不等的生活補貼。
勞動部去年針對投保在職業工會且級距在2萬4000元以下、且2018年綜合所得未達課稅標準的勞工可以請領3萬元生活補貼據統計去年共有122萬3347件申請、核准112萬6046人、發出337億8138萬元。
但遭外界詬病許多自營作業者明明受到疫情衝擊但卻無法獲得補貼勞動部今天提出的「自營作業者或無一定雇主之勞工生活補貼」放寬至投保級距2萬4000元以下的勞工可以請領3萬元生活補貼而2萬4000元以上的勞工則可請領1萬元補貼據勞保局3月統計受益人數可望達206萬餘人。</t>
  </si>
  <si>
    <t>勞工補貼級距生活申請勞動部投保以下作業者自營去年今年可望職業工會請領統計疫情可以提出雇主明明受到扣除詬病</t>
  </si>
  <si>
    <t>新冠肺炎台灣紓困勞工生活補貼</t>
  </si>
  <si>
    <t>紓困臺灣勞工肺炎生活補貼</t>
  </si>
  <si>
    <t>絕招烈焰紅唇演唱會</t>
  </si>
  <si>
    <t>面對一波波持續不斷的新冠肺炎疫情美國「烈焰紅唇」（The Flaming Lips）樂團仍在樂迷簇擁下舉行了嗨翻天的現場演唱會。據CNN新聞網18日報導在別出心裁的演唱會裡不僅是這群來自奧克拉荷馬市（Oklahoma City</t>
  </si>
  <si>
    <t>演唱會來自肺炎疫情美國烈焰紅唇不斷別出心裁theflaminglipscnn樂團現場樂迷簇擁翻天舉行奧克拉荷馬持續報導新聞網</t>
  </si>
  <si>
    <t>面對一波波持續不斷的新冠肺炎疫情美國「烈焰紅唇」（The Flaming Lips）樂團仍在樂迷簇擁下舉行了嗨翻天的現場演唱會。
據CNN新聞網18日報導在別出心裁的演唱會裡不僅是這群來自奧克拉荷馬市（Oklahoma City）的歌手把自己包在塑膠泡裡所有參加現場演唱會的樂迷每個人都有一個專屬泡泡。
「烈焰紅唇」（The Flaming Lips）樂團主唱主唱兼吉他手韋恩柯伊（Wayne Coyne）16日告訴CNN新冠肺炎疫情爆發初期他就有相關構想。
他畫了些草圖2019年時他是唯一在太空泡泡裡的人其他人都和平常一樣。不過新冠肺炎疫情爆發後他又繪製了新草圖在12日晚的演唱會中不只是他所有參加演唱會的人都在泡泡裡。
韋恩柯伊說原本他以為新冠肺炎在這個構想落實前就會消失。他說3月中時大家或許都認為新冠肺炎可能1、2個月內就能控制住可是8個月後它還流連不去。他表示最初他和樂團公開提出這個構想是在5月上「荷伯報到」（The Late Show with Stephen Colbert）的深夜脫口秀節目時。一開始他們是在唱幾首歌時嘗試讓大約30人在泡泡裡。後來他們開始想讓所有的人都進泡泡或許真的辦得到。
事實上長久以來「太空泡泡」一直都是「烈焰紅唇」的舞臺戲碼之一早已熟悉相關作業。為了這次大型活動他們從中國大陸訂購了100個塑膠泡泡讓在新冠疫情中舉行大型演唱會的夢想成真。</t>
  </si>
  <si>
    <t>泡泡演唱會肺炎疫情構想the烈焰紅唇樂團相關塑膠或許樂迷草圖cnn開始現場</t>
  </si>
  <si>
    <t>新冠肺炎The Flaming Lips烈焰紅唇泡泡演唱會</t>
  </si>
  <si>
    <t>flaminglipsthe肺炎烈焰紅唇泡泡演唱會</t>
  </si>
  <si>
    <t>病毒創建艦艇新建類似預防隔離病房</t>
  </si>
  <si>
    <t>針對未來各種類似新冠肺炎病毒隨時有爆發可能海巡署今天動工建造的第2艘4000噸級專業醫療巡防艦除首創負壓隔離病房及醫療手術室外另於普通病床增設負壓隔離罩降低交叉感染風險保護執勤隊員與隨艦醫療人員</t>
  </si>
  <si>
    <t>醫療肺炎病毒隨時爆發可能海巡署今天動工隊員建造風險保護感染專業執勤交叉降低隔離增設病床手術普通</t>
  </si>
  <si>
    <t>針對未來各種類似新冠肺炎病毒隨時有爆發可能海巡署今天動工建造的第2艘4000噸級專業醫療巡防艦除首創負壓隔離病房及醫療手術室外另於普通病床增設負壓隔離罩降低交叉感染風險保護執勤隊員與隨艦醫療人員安全。
海巡署蔡長孟副署長及台灣國際造船股份有限公司曾國正總經理於109年3月11日上午10時假台船公司高雄廠主持「4000噸級巡防艦4艘統包採購案」第2艘巡防艦開工祈福儀式
海巡署指出新造4000噸級巡防艦規劃建置醫療手術室、病房(一般病房及負壓隔離病房)、回復受難者體溫之復溫室等緊急醫療救護裝備；另因應特殊傳染性疾病全艦醫療區域設計為獨立空調系統可有效區隔執勤及醫療人員作業空間。另為因應嚴重特殊傳染性肺炎(COVID-19)來勢洶洶艦隊分署特別規劃升級病房設備一般病房均增設負壓隔離罩以降低病患間交叉感染機會同時減低醫療人員受感染之風險。
另4000噸級巡防艦建置直升機庫可供海軍S-70C直昇機臨時駐艦遇有海上緊急醫療案件時可搭配直升機進行後送發揮人道救援精神有效擴展巡防艦及直升機執勤範圍。
艦隊分署表示：「籌建海巡艦艇發展計畫」自107年正式啟動6種船型的建造進度均正常甚至大幅超前首艘4000噸級巡防艦預計本(109)年年底前可完工交船未來也將如期、如質、如預算推動海巡國艦國造政策全面提升海巡艦艇執勤能量有效捍衛主權及漁權保障我國漁民海上作業權益與安全。</t>
  </si>
  <si>
    <t>醫療執勤直升機有效人員感染肺炎建造艦艇海巡海上緊急分署艦隊規劃病房傳染性作業風險未來</t>
  </si>
  <si>
    <t>新冠肺炎新冠病毒海巡署新建4000噸</t>
  </si>
  <si>
    <t>海巡署病毒新建肺炎</t>
  </si>
  <si>
    <t>醫師憂慮減少訊息恐慌引發轉移疫情注意力</t>
  </si>
  <si>
    <t>台灣新冠肺炎疫情日益嚴峻染病人數破百引發民眾恐慌到大賣場搶購囤貨；加上每天新聞不間斷報導疫情新聞有人因擔憂而身心失調。心悅診所院長林宏彥呼籲只要做好個人防護適度轉移注意力即可若真的太過恐慌可</t>
  </si>
  <si>
    <t>疫情恐慌新聞即可日益轉移注意力嚴峻適度防護個人染病做好破百呼籲人數林宏彥引發院長診所民眾</t>
  </si>
  <si>
    <t>台灣新冠肺炎疫情日益嚴峻染病人數破百引發民眾恐慌到大賣場搶購囤貨；加上每天新聞不間斷報導疫情新聞有人因擔憂而身心失調。心悅診所院長林宏彥呼籲只要做好個人防護適度轉移注意力即可若真的太過恐慌可向身心科醫師求助。
林宏彥說人類是群體動物看到大家緊張跟著緊體是很正常的。不過台灣目前還未到社區傳染政府也一直在調整防疫政策雖然仍面臨嚴重挑戰但還沒有失控所以不需恐慌囤貨購物前能想想哪些是自己需要的物品而非因恐慌而「想要」的。
現在網路、電視每天鋪天蓋地關於疫情的資訊及新聞轟炸有人因此焦慮沒辦法控制自己反覆思考引發失眠、胸悶、心悸等狀況影響生活。林宏彥建議關掉手機電視適當喊個暫停做其他事情轉移注意力或做腹式呼吸、肌肉放鬆練習來讓身心放鬆。
日常生活也盡量維持規律不要做太大改變也可試著訂下短期目標讓自己跳脫。另外網路上很多關於疫情的謠言、假訊息要試著分辨真偽不要一看到就轉傳除了會造成社會恐慌也可能吃上刑責。
他建議現在只要做好個人防護勤洗手、載口罩少到公共場所或參加聚會就是最好的防疫；若有親朋好友被居家檢疫或隔離可為他們加油打氣適時給與關心。如果還是很憂慮緊張可到身心科診所就診尋求醫師協助。</t>
  </si>
  <si>
    <t>恐慌疫情身心新聞引發防疫林巨集彥建議電視看到現在診所轉移</t>
  </si>
  <si>
    <t>新冠肺炎大賣場搶購囤貨身心失調</t>
  </si>
  <si>
    <t>搶購肺炎身心失調</t>
  </si>
  <si>
    <t>國銀獲利陰霾位數疫情金融</t>
  </si>
  <si>
    <t>金管會公佈國銀最新獲利狀況由於新冠肺炎疫情影響全球資本市場信心及波動國銀2020年5月稅前獲利2723億元月減32億元或105％、年減591億元或178％。累計1～5月稅前獲利13862億元年減222億元或138％衰</t>
  </si>
  <si>
    <t>獲利國銀狀況疫情影響信心肺炎全球波動市場資本最新公佈累計金管會</t>
  </si>
  <si>
    <t>金管會公佈國銀最新獲利狀況由於新冠肺炎疫情影響全球資本市場信心及波動國銀2020年5月稅前獲利2723億元月減32億元或105％、年減591億元或178％。累計1～5月稅前獲利13862億元年減222億元或138％衰退幅度較前4月128％擴大。
國銀2020年5月國內總分行稅前獲利1478億元月減達184％、年減達237％。國際金融業務分行（OBU）985億元月減61％、年增34％。海外分行222億元月增達589％、但年減達442％。中國大陸分行38億元月減134％、但年增達356％。
銀行局副局長黃光熙分析5月國銀獲利再度明顯衰退主因新冠肺炎對市場及經濟影響加上各國疫情變化、是否爆發第二波疫情等牽動心理及景氣致使金融資產帳面價值及投資收益雙雙減少而國內總分行及海外分行增提備抵呆帳增加亦加大獲利衰退幅度。
累計國銀2020年1～5月國內總分行稅前獲利8054億元年減達178％。OBU為4392億元年增22％。海外分行1178億元年減達342％衰退幅度最高。中國大陸分行238億元年增達192％成長幅度稱冠各分行。
黃光熙表示國銀前5月獲利衰退主因新冠肺炎疫情致使國內外資本市場劇烈波動導致國銀金融資產帳面價值減少。海外分行衰退最多主因利息收益減少、備抵呆帳增加。中國大陸則受惠投資收益增加、備抵呆帳提列減少以及比較基期較低所致。
國銀截至5月底總放款餘額3062兆元月增2421億元。逾放金額749億元月增12億元逾放比024％、持平4月及去年同期。備抵呆帳覆蓋率56314％月減87個百分點、年減985個百分比但整體備抵呆帳提列情形仍屬穩健。</t>
  </si>
  <si>
    <t>分行獲利衰退呆帳備抵國銀疫情減少幅度市場收益主因國內海外致使肺炎增加大陸中國</t>
  </si>
  <si>
    <t>金管會國銀銀行業獲利國內總分行</t>
  </si>
  <si>
    <t>國內獲利國銀銀行業分行金管會</t>
  </si>
  <si>
    <t>面板今年應用衰減三大</t>
  </si>
  <si>
    <t>新冠肺炎疫情擴散衝擊生產與買氣3月、4月面板廠陸續看到客戶縮減訂單其中又以車載面板、手機面板、電視面板受到的影響最大。市場預估這三大應用面板今年出貨都將有5～10％的衰退幅度。先前友達董事長彭雙浪</t>
  </si>
  <si>
    <t>面板擴散幅度衝擊衰退生產買氣面板廠陸續看到客戶縮減疫情先前今年市場預估應用三大訂單受到</t>
  </si>
  <si>
    <t>新冠肺炎疫情擴散衝擊生產與買氣3月、4月面板廠陸續看到客戶縮減訂單其中又以車載面板、手機面板、電視面板受到的影響最大。市場預估這三大應用面板今年出貨都將有5～10％的衰退幅度。
先前友達董事長彭雙浪就透露目前觀察到新冠肺炎疫情對於市場看到明確影響的就是汽車2月大陸汽車銷售只有過去的10分之1而且汽車產業鏈長牽涉的供應鏈管理複雜復工需要的時間也比較長。先前大陸車廠關閉接著3月份看到歐洲車廠也關閉各地車廠生產喊停也影響到零組件需求衝擊車載面板。依照車廠復工的變化Omdia預估今年車載面板將出現83％、甚至是13％的衰退幅度。
封閉管理同樣影響電視的製造和銷售歐洲電視生產重鎮斯洛伐克、波蘭和土耳其等地以及馬來西亞、泰國電視製造都減產、甚至停產。特別是終端市場的買氣急凍大部分消費者選擇購買糧食和衛生紙等民生用品使得這些消費性電子產品大幅衰退。
Omdia預估今年全球電視市場相比去年同期將衰退87％。此外東京奧運等大型運動賽事延期也讓備貨期待落空再加上韓國面板廠關廠、出貨減少今年電視面板將會出現兩位元數的衰退幅度史上最高。
智慧型手機則是另一個重災區市場預估第一季銷售衰退幅度高達30％以上。
Omdia顯示器研究總監謝勤益表示今年整體手機面板出貨預估會有兩位元數的衰退幅度不過OLED面板還是成長主要因為越來越多手機廠商採用越來越多OLED面板而LCD手機面板會有很大幅度的衰退。
謝勤益強調包括筆電、監視器、平板電腦等IT面板第二季需求強勁尤其是在教育與企業市場因為線上教學、work from home使得需求增加目前面板供不應求。預期這將是短期需求整年度來看IT產品需求受消費市場疲弱影響仍比原本預期少5％左右但相較於電視受負面影響程度較少。</t>
  </si>
  <si>
    <t>面板衰退市場電視影響幅度需求手機預估今年車廠生產omdia銷售使得面板廠買氣目前看到謝勤益管理</t>
  </si>
  <si>
    <t>車載面板衰退手機面板肺炎車廠</t>
  </si>
  <si>
    <t>手機肺炎車廠面板衰退</t>
  </si>
  <si>
    <t>呼籲民進修正案條例紓困預算立院</t>
  </si>
  <si>
    <t>立法院今天三讀通過紓困振興特別條例修正案民進黨感謝朝野政黨的合作讓紓困條例順利通過。發言人周江傑表示接下來的紓困特別預算案也將送進立法院此時紓困對台灣來說是極為重要當前此刻全民期待的是朝野不</t>
  </si>
  <si>
    <t>紓困特別條例朝野臺灣振興立法接下來預算案感謝民進順利表示政黨合作修正案全民三讀通過極為重要當前發言人周江傑</t>
  </si>
  <si>
    <t>立法院今天三讀通過紓困振興特別條例修正案民進黨感謝朝野政黨的合作讓紓困條例順利通過。發言人周江傑表示接下來的紓困特別預算案也將送進立法院此時紓困對台灣來說是極為重要當前此刻全民期待的是朝野不分黨派攜手努力中央地方團結一起儘速讓紓困預算通過協助台灣度過這次的難關。
周江傑表示現階段除了防疫政府也必須維持國家經濟穩定、人民生活安定感謝朝野政黨的合作讓紓困條例順利通過。
至於國民黨今天記者會他說民進黨對於疫苗的態度很清楚總統府昨日也已經正式說明疫苗攸關全體國人的健康安全政府必須對疫苗安全負最大的責任因此對於疫苗進口、通路配送以及後續接種的相關安排及合約簽訂情形政府都必須充分瞭解政府一切以國民健康安全為唯一目標務必確保國人的安全與健康並達到國家整體防疫的成效。
周江傑指出陳時中部長也在指揮中心的記者會上說明過疫苗專案輸入的流程也表達對於各縣市政府、企業、民間團體自行採購疫苗會全力投入處理儘速與各申請單位瞭解、確認相關貨源並且提供必要協助。周江傑表示民進黨對於民間提供相關採購疫苗的協助都表達歡迎與感謝之意我們也希望相關單位若有關於疫苗採購的資訊都可以盡快與指揮中心聯絡政府會儘速來針對專案進行討論。
國民黨質疑民進黨對於疫苗採購有意識形態周江傑嚴正表示疫情發生以來民進黨不斷強調病毒不會區分政黨或意識形態面對疫情只有不分朝野團結一致。民進黨對於疫苗的態度也是一樣台灣一直努力透過多元管道積極向國際購買同時也發展國產疫苗。
但是他說近期我們卻可以看見中國不僅阻擋台灣原本即將與德國BNT原廠簽約購買的疫苗；而現在日本政府表達捐贈台灣AZ疫苗的態度時中國又講出「不會得逞」的說法令人遺憾。民進黨也呼籲國民黨應該共同一致對外對於中國幹預台灣採購疫苗的幹擾表達抗議。
周江傑指出中央流行疫情指揮中心日前也公佈目前已完成採購COVAX、AstraZenca及Moderna疫苗約2000萬劑國產疫苗部分也持續推進。政府一直努力透過多元管道爭取國際原廠疫苗全力加速推動外購疫苗到貨期程國產疫苗目前也正在加速研發出廠希望政府與民間共同努力讓疫苗供給更為穩定共同度過疫情艱困時刻。</t>
  </si>
  <si>
    <t>疫苗政府臺灣對於民進周江傑採購紓困疫情相關表示表達朝野中國安全必須中心國民黨努力指揮協助健康</t>
  </si>
  <si>
    <t>疫苗周江傑民進黨新冠肺炎台灣</t>
  </si>
  <si>
    <t>民進周江肺炎臺灣疫苗</t>
  </si>
  <si>
    <t>特權目的政治疫苗遊淑慧隱射少康周玉蔻</t>
  </si>
  <si>
    <t>針對資深媒體人周玉蔻影射中廣董事長趙少康特權施打疫苗國民黨臺北市議員遊淑慧津表示救人命的疫苗卻顯然成為政治攻防的武器與其放任到處含沙射影或是遭選擇性揭露她已要求臺北市府勇敢公佈完整名單。周</t>
  </si>
  <si>
    <t>疫苗勇敢中廣市府臺北董事長要求揭露少康選擇性特權含沙射影公佈到處施打放任武器影射攻防國民黨政治成為臺北市顯然議員游淑慧</t>
  </si>
  <si>
    <t>針對資深媒體人周玉蔻影射中廣董事長趙少康特權施打疫苗國民黨臺北市議員遊淑慧津表示救人命的疫苗卻顯然成為政治攻防的武器與其放任到處含沙射影或是遭選擇性揭露她已要求臺北市府勇敢公佈完整名單。
周玉蔻今（11日）在臉書爆料臺北市好心肝診所特權邀請打AZ的VIP裡面據傳有一媒體董事長她更直接點名是趙少康對此趙也立即回應稱自己絕對沒做這樣的事這一年半載以來自己與好心肝診所電話通訊都沒有莫名其妙跑出一件這樣的事真的很好笑。
針對周玉蔻影射趙少康一事遊淑慧今（11日）在臉書發文質疑是否網軍側翼放出藍營人士打疫苗的風向？遊痛批昨晚到今天救人命的疫苗卻成為政治攻防的武器與其放任到處含沙射影、亂箭打鳥或名單被選擇性揭露她要請掌握疫苗配發的柯市府勇敢公佈完整名單。
遊淑慧認為現在臺北市政風處要說明3件事情一、診所違規施打疫苗疑雲中據傳施打者不乏知名及高層人士為挽回民眾信任市府應於一週內公開六家診所疫苗施打者中「非」第一到第三類者之名單和身分類別；二、應調查診所違規施打時有無另外收取暴利；因據其他議員指稱有另一診所施打一劑要價6000是否屬實？如果有診所藉疫苗不法獲利除罰鍰外也應該追繳不當得利；三、另違規施打者有無使用公費施打？如有應向施打者追回相關費用要求其自付疫苗費用。
大批網友也在其po文底下留言表示「不管藍、綠、白或演藝界偷跑就是沒品不要一句我是志工就想打發通通出來講你們的命是比第一線人員金貴嗎？國家少了你們會亡國？快說說你們金貴的點在哪？」「一攤開發現綠色金主一堆嗎」、「支持公佈支持攤在陽光下與其口水戰不如一次痛快」。</t>
  </si>
  <si>
    <t>疫苗診所名單施打打者臺北市違規公佈少康市府周玉蔻金貴表示據傳</t>
  </si>
  <si>
    <t>周玉蔻好心肝診所特權新冠肺炎遊淑慧</t>
  </si>
  <si>
    <t>特權診所心肝肺炎遊淑慧周玉蔻</t>
  </si>
  <si>
    <t>雙手防疫心疼醫護</t>
  </si>
  <si>
    <t>新冠肺炎疫情全球肆虐中央疫情指揮中心今（21日）公佈國內新增18起境外移入病例目前累積153名。台灣醫護人員站上第一線防疫之餘也挺身而出告誡國人「非必要暫時不要出國」台東一名護理師更分享自己褪下隔</t>
  </si>
  <si>
    <t>疫情護理東一名指揮出國中心暫時公佈非必要國內國人新增告誡全球挺身而出境外防疫病例</t>
  </si>
  <si>
    <t>新冠肺炎疫情全球肆虐中央疫情指揮中心今（21日）公佈國內新增18起境外移入病例目前累積153名。台灣醫護人員站上第一線防疫之餘也挺身而出告誡國人「非必要暫時不要出國」台東一名護理師更分享自己褪下隔離衣及手套後雙手呈現毫無血色、佈滿皺褶的照片網友看了備感心疼紛紛留言直呼「讓人太心疼了看到照片覺得鼻頭酸酸的！」
隨著境外確診案例不斷攀升台灣醫護人員紛紛高舉「為了你我堅守崗位；為了我請你堅守在家」的標語呼籲民眾減少外出避免感染新冠肺炎暖心宣導引來無數網友響應。
台東一名在醫院工作的護理師日前也在臉書PO出她穿上隔離衣、戴上口罩、護目鏡全副武裝的身影尤其是手套下還藏著一雙毫無血色、被汗水浸溼而佈滿皺褶的灰色手掌。
照片曝光後讓網友心疼不已紛紛留言直呼「看到照片覺得鼻頭酸酸的感謝辛苦防守在第一線的您們」、「辛苦了！」、「感謝白衣天使」、「感恩有你們！向你們致敬！」、「辛苦了所有的醫護人員們感恩不盡」、「希望大家都能配合防疫一起共體時艱！」、「台灣人民感謝您」。</t>
  </si>
  <si>
    <t>醫護人員照片臺灣網友紛紛防疫境外手套心疼護理東一名隔離辛苦肺炎毫無鼻頭血色皺褶覺得感謝看到</t>
  </si>
  <si>
    <t>醫護防疫新冠肺炎護理師皺褶</t>
  </si>
  <si>
    <t>肺炎護理防疫皺褶醫護</t>
  </si>
  <si>
    <t>免費電子雜誌kono發燒會員激增經濟</t>
  </si>
  <si>
    <t>面對新冠肺炎(COVID-19)疫情蔓延全球防疫是場長期抗戰民眾減少外出至人群聚集場域紛紛轉向尋求各類數位內容平臺開始建立足不出戶的「不接觸」生活型態如數位雜誌、音樂及影音平臺。Kono電子雜誌平臺指出今</t>
  </si>
  <si>
    <t>平臺雜誌covid-疫情蔓延全球防疫長期抗戰民眾減少肺炎外出音樂人群聚集紛紛如數生活型接觸轉向尋求數位足不出戶內容建立開始</t>
  </si>
  <si>
    <t>雜誌電子閱讀kono平臺數位今年授權亞洲內容知名出版集團全球google現在旅遊不同國家類別smarticle讀者獨家</t>
  </si>
  <si>
    <t>宅經濟防疫Kono電子雜誌線上雜誌免費</t>
  </si>
  <si>
    <t>雜誌電子kono防疫經濟免費</t>
  </si>
  <si>
    <t>訪友購物執行官外出分期機師</t>
  </si>
  <si>
    <t>國籍航空鐘姓副機師在疫情期間為抒解壓力而外出訪友、購物違反居家檢疫規定遭處罰鍰80萬元經法務部行政執行臺北分署溫情勸說下已於11月26日繳清罰鍰。鐘男今年1月及2月居家檢疫期間及加強版自主健康管理期</t>
  </si>
  <si>
    <t>期間檢疫居家疫情抒解壓力外出勸說溫情分署已於臺北執行行政購物訪友法務部今年違反處罰鐘男規定機師加強版</t>
  </si>
  <si>
    <t>國籍航空鐘姓副機師在疫情期間為抒解壓力而外出訪友、購物違反居家檢疫規定遭處罰鍰80萬元經法務部行政執行臺北分署溫情勸說下已於11月26日繳清罰鍰。
鐘男今年1月及2月居家檢疫期間及加強版自主健康管理期間3次擅離居檢處所違反「國籍航空公司機組人員入境健康聲明暨居家檢疫通知書」規定。交通部5月裁處鐘男80萬元罰鍰移送臺北分署執行。
臺北分署調查後發現鐘男除航空公司薪資外名下並無財產要求鐘男到場說明財產狀況。今年7月23日鐘男向執行官表示當初違反居家檢疫規定為抒解長期處在「值勤-居家檢疫-值勤」的精神壓力與情緒才外出訪友與購買食物對於違反規定深感悔悟事發後也被公司停飛並轉任其他職務且遭減薪。
鐘男表示他每月所得薪資除留下5萬元當生活費外其餘皆交給父母故名下無財產。執行官勸諭鐘男應繳清罰鍰避免遭限制出境影響日後復飛工作對於其恢復副機師身分值勤應有助益。鐘男辦理5期分期繳納先行繳納第1期40萬元後罰鍰已於本月26日全數繳清。</t>
  </si>
  <si>
    <t>鐘男居家檢疫公司違反期間值勤航空規定對於財產抒解表示執行官今年機師訪友臺北外出健康分署</t>
  </si>
  <si>
    <t>新冠肺炎台灣副機師訪友80萬</t>
  </si>
  <si>
    <t>肺炎機師臺灣訪友</t>
  </si>
  <si>
    <t>釋出聯合知名企業加工區</t>
  </si>
  <si>
    <t>不畏新冠肺炎（COVID-19）疫情經濟部加工出口區管理處挺就業徵才服務不間斷高雄、楠梓、以及中港園區從12日開始舉辦現場徵才活動包括日月光半導體、華泰電子、楠梓電子、華新科技、銳康科技、台灣海博特、</t>
  </si>
  <si>
    <t>楠梓covid-電子疫情經濟部加工出口科技肺炎管理處就業月光新科服務包括不間斷中港園區活動現場舉辦高雄</t>
  </si>
  <si>
    <t>不畏新冠肺炎（COVID-19）疫情經濟部加工出口區管理處挺就業徵才服務不間斷高雄、楠梓、以及中港園區從12日開始舉辦現場徵才活動包括日月光半導體、華泰電子、楠梓電子、華新科技、銳康科技、台灣海博特、和詮科技、頎邦科技、華新麗華、今國光學、技迪科技、維勝特企業及盛輪公司等18家知名企業將釋出573個職缺最高薪資上看5萬元。
加工處7日表示此次的加工區徵才活動將由中港分處與台中市政府沙鹿就業服務站共同辦理率先在12日上午10時至12時30分在中港分處3樓訓練教室舉行現場徵才活動。
中港園區的徵才廠商有華新麗華、今國光學、技迪科技、維勝特企業及盛輪公司等5家公司提供職缺項目包括電機工程師、軟體工程師、研發工程師、製程工程師、?光面板技術員、車床人員、國貿人員、管理部助理、倉管人員等總計120個職缺最高薪資上看5萬元。
加工處指出第二場徵才活動則由高雄分處與高雄市政府訓練就業中心接棒在13日上午9時30分至11時在高雄分處後棟第一訓練教室舉辦現場徵才參加廠商有華新科技、銳康科技、台灣海博特、和詮科技及頎邦科技等5家公司提供職缺包括設備保修助理工程師、氣體管路焊接工程師、水電工程師及生產助理技術員等總計100個職缺。
加工處說最後登場的是楠梓園區與高雄市政府勞工局訓練就業中心合作20日上午9時30分至11時30分在楠梓園區內從業員工育樂活動中心辦理徵才活動。
加工處表示包括日月光半導體、華泰電子、楠梓電子、全球華人、台灣興勝半導體、以及台灣捷康等8家楠梓園區廠商將釋出共353個職缺提供職缺包括製程/設備工程師、資料庫管理師、軟體工程師、設備保修技術員、倉管員化驗室-化性人員、生產機台技術員、操作員、品管員、作業員及SMT機台操作員等。</t>
  </si>
  <si>
    <t>楠梓技術員園區工程師就業科技包括活動高雄中港人員加工分處訓練廠商助理中心設備生產公司</t>
  </si>
  <si>
    <t>今國光華新職缺加工處技術員</t>
  </si>
  <si>
    <t>華新加工國光技術員</t>
  </si>
  <si>
    <t>沒用疫苗陳時中緊張邏輯防疫</t>
  </si>
  <si>
    <t>衛福部桃園醫院爆發群聚感染已有15例確診昨（24）日晚間中央疫情指揮中心緊急匡列5000人居家隔離。國內疫情拉緊報國民黨前立委孫大千連日來針對疫苗採購案提出多項質疑今他指衛福部長陳時中就算想要推卸責任</t>
  </si>
  <si>
    <t>疫情部長衛福感染他指質疑提出確診採購疫苗陳時中連日來爆發孫大晚間中央國民黨</t>
  </si>
  <si>
    <t>衛福部桃園醫院爆發群聚感染已有15例確診昨（24）日晚間中央疫情指揮中心緊急匡列5000人居家隔離。國內疫情拉緊報國民黨前立委孫大千連日來針對疫苗採購案提出多項質疑今他指衛福部長陳時中就算想要推卸責任不想公開疫苗採購政策大轉彎的幕後原因至少不要用這麼二百五的鬼邏輯吧還把美國和英國的防疫不力和施打疫苗效果有限畫上等號。
孫大千在臉書指出根據先前媒體報導如果衛福部仍委託東洋進行疫苗採購第一批200萬劑疫苗早在去年底就會到達台灣並讓醫護人員施打就算沒有辦法產生完全的防禦能力至少可避免部桃院內感染的情況持續惡化甚至避免未來其他專責醫療院所的醫護人員染疫。
美國和英國的疫情之所以持續惡化孫大千說真正的原因是在於政府防疫工作毫無作為和施打疫苗根本沒有任何直接的關係一旦全面落實疫苗注射對疫情的控制必然會產生一定的效果。陳時中不願說出操控疫苗採購政策的幕後黑手竟可以把美國和英國的防疫不力和施打疫苗效果有限畫上等號如果打疫苗真的沒有用那台灣為什麼現在要拚命去買疫苗呢？到底是誰把台灣人民的救命疫苗給搞掉了？
至於傳聞中介入疫苗採購案的民進黨籍「吳立委們」孫大千呼籲他們站出來面對媒體說清楚、講明白究竟是哪一位吳委員如此的神通廣大能讓衛福部的疫苗採購規劃一夕翻盤？如果問心無愧大可以公開否認為什麼要迴避神隱不敢直接回答是否有推薦其他廠商給衛福部導致原本的疫苗採購政策豬羊變色？
《是誰把台灣人民的救命疫苗給搞掉了？》系列之三
陳時中就算想要推卸責任不想公開疫苗採購政策大轉彎的幕後原因也至少不要用這麼二百五的鬼邏輯吧！
根據媒體先前的報導如果衛福部仍然委託東洋進行疫苗採購第一批200萬劑疫苗早在去年底就會</t>
  </si>
  <si>
    <t>疫苗採購疫情衛福部臺灣媒體就算美國政策感染英國至少防疫沒有原因醫護人員避免直接產生可以</t>
  </si>
  <si>
    <t>疫苗孫大千陳時中新冠肺炎衛福部</t>
  </si>
  <si>
    <t>陳時中孫大千肺炎衛福部疫苗</t>
  </si>
  <si>
    <t>感染自主防疫重要</t>
  </si>
  <si>
    <t>新冠肺炎出現變形種病毒專家提醒季節越冷容易發生病毒感染民眾務必做好勤洗手、戴好口罩等5重點自主防疫新竹縣政府也加強社區防疫宣導並在住宿型老人福利機構啟動示範演練及觀摩。新竹馬偕醫院去年3月投入百</t>
  </si>
  <si>
    <t>防疫竹馬觀摩變形病毒演練專家示範提醒季節啟動機構福利容易老人發生病毒感染住宿民眾自主務必做好勤洗手重點</t>
  </si>
  <si>
    <t>檢測民眾曾政尹病毒時間重點實驗室口罩健康疫情縮短目前勤洗手提醒案例指出醫師防疫竹馬</t>
  </si>
  <si>
    <t>新竹馬偕醫院越冷肺炎重點病毒</t>
  </si>
  <si>
    <t>醫院肺炎竹馬重點病毒</t>
  </si>
  <si>
    <t>拒絕詹姆斯閉門比賽nba上場</t>
  </si>
  <si>
    <t>新冠肺炎疫情來勢洶洶北美四大職業賽會嚴陣以待除了宣佈諸多措施外正在賽季期間的NBA有可能決定閉門比賽也就是兩隊在沒有觀眾與球迷的狀態下開打。湖人當家球星詹姆斯在得知消息後直言如果閉門比賽那他</t>
  </si>
  <si>
    <t>閉門比賽來勢洶洶北美四大職業賽會嚴陣以待宣佈措施疫情詹姆斯賽季球星當家得知期間狀態消息球迷觀眾nba沒有</t>
  </si>
  <si>
    <t>新冠肺炎疫情來勢洶洶北美四大職業賽會嚴陣以待除了宣佈諸多措施外正在賽季期間的NBA有可能決定閉門比賽也就是兩隊在沒有觀眾與球迷的狀態下開打。湖人當家球星詹姆斯在得知消息後直言如果閉門比賽那他將拒絕上場即便被開罰也不後悔。
NBA有可能會在美國當地週三下午舉行球團會議討論如何對抗疫情部分球團認為疫情愈來愈嚴峻聯盟有可能做出極端決定那就是清場閉門比賽。
某球團高層透露這項決定不是針對詹姆斯而是新冠肺炎疫情是全美重大公共衛生事件在人民生命安全的前提下一切必要的決定都是可行的。
另一位球團高層表示目前看來短時間內是無法控制好新冠肺炎疫情的擴散這次疫情的影響有可能延續到下一個賽季。
詹姆斯強調「我是為了球迷而比賽如果整場比賽沒有觀眾入場的話那我也不會出現在球場上。」
拓荒者球星利拉德說沒有球迷的比賽乾脆在訓練場進行就可以了何必大費周章還要到比賽場去呢？詹姆斯的話很有道理如果閉門比賽還有什麼意義啊！</t>
  </si>
  <si>
    <t>比賽詹姆斯疫情可能決定閉門球迷沒有球星肺炎賽季nba高層觀眾嚴陣以待賽會宣佈</t>
  </si>
  <si>
    <t>閉門比賽新冠肺炎詹姆斯</t>
  </si>
  <si>
    <t>比賽肺炎閉門詹姆斯</t>
  </si>
  <si>
    <t>who外交部參加理由不能名義臺北透露</t>
  </si>
  <si>
    <t>世衛組織將在日內瓦舉辦新冠肺炎專家會議台灣將以「Taipei（臺北）」名義參與視訊會議引發外界議論擔憂是否有矮化之嫌。對此外交部發言人歐江安表示由於有簽訂保密協定政府不能透露台灣要以何種名稱參與</t>
  </si>
  <si>
    <t>會議臺灣參與外交部肺炎不能政府保密江安簽訂表示發言人對此協定專家是否擔憂議論引發外界</t>
  </si>
  <si>
    <t>世衛組織將在日內瓦舉辦新冠肺炎專家會議台灣將以「Taipei（臺北）」名義參與視訊會議引發外界議論擔憂是否有矮化之嫌。對此外交部發言人歐江安表示由於有簽訂保密協定政府不能透露台灣要以何種名稱參與但是外交部一定會謀求台灣的利益努力交涉。
世衛組織（WHO）今、明兩天在日內瓦舉辦新冠肺炎專家會議中央流行疫情指揮中心監測應變官、疾管署副署長莊人祥指出此次會議聚焦在新藥、疫苗的技術研發議題我方提交的專家名單也全與新藥、疫苗發展有關並確定將以「Taipei（臺北）」名義參與視訊會議專家則以個人名義與WHO簽訂保密協議。
對此歐江安金在記者會上表示在日內瓦的會議是閉門性會議沒有任何轉播台灣會以線上方式與會有許多國家的專家也是透過線上方式一起討論最後的討論資料會給各國政府作為內參不會透露。
至於關於台灣的名稱歐江安直言由於有簽訂保密協定所以政府不能透露與會的內容和專家的任何訊息。一切要等會議開始才會知道台灣的最終名稱為何在此過程中外交部都會努力交涉謀求台灣的最大利益。</t>
  </si>
  <si>
    <t>會議臺灣專家外交部名稱日內瓦政府透露參與新藥疫苗who名義保密對此與會表示簽訂交涉努力方式江安</t>
  </si>
  <si>
    <t>台灣WHO武漢肺炎新型冠狀病毒新冠肺炎</t>
  </si>
  <si>
    <t>肺炎冠狀病毒武漢who臺灣</t>
  </si>
  <si>
    <t>端量台大醫準則絕非技術國際標準eua</t>
  </si>
  <si>
    <t>趕在新冠肺炎國產疫苗高端二期解盲前幾個小時衛福部食藥署10日上午首度公佈國產疫苗「緊急使用授權（EUA）」2項技術準則。不過台大醫院臨床試驗中心主任陳建煒對本報表示：「我只能說這絕對不是國際標準其他讓衛</t>
  </si>
  <si>
    <t>疫苗只能表示陳建煒主任中心高端試驗臨床台大醫院絕對準則小時技術衛福部eua授權使用緊急上午首度公佈</t>
  </si>
  <si>
    <t>趕在新冠肺炎國產疫苗高端二期解盲前幾個小時衛福部食藥署10日上午首度公佈國產疫苗「緊急使用授權（EUA）」2項技術準則。不過台大醫院臨床試驗中心主任陳建煒對本報表示：「我只能說這絕對不是國際標準其他讓衛福部自己向國人解釋。」他表示如果是去年10月全球都沒有疫苗、人心惶惶之際訂出這樣的標準他沒話說；但今年2月全球已經有4支有效的疫苗那食藥署遲至6月才訂出的技術準則「是不是應該要有新的思考」？
去年10月食藥署宣佈將比照美國訂出緊急授權條件只要藥廠第二期臨床試驗受試者達3千人且追蹤1個月確認安全性和有效性後就可先量產100萬劑給國內高風險族群使用。今年3月陳建煒寫了一篇文章〈台灣疫苗進度落後沒面子？國產疫苗不要急著上路〉表示食藥署沒說清何謂「有效性」因為「產生中和抗體」不等於有療效疫苗更重要的是能預防感染尤其是感染重症；因此英美及歐盟核准EUA的條件都不是看中和抗體而是看保護力。
陳建煒說去年10月臺灣根本沒有社區感染打疫苗的沒有重症、不打疫苗的也沒有重症合理的推測只能以中和抗體做為有效性指標；且當時全球沒有任何疫苗被證實能預防重症、各國人心惶惶他對食藥署的準則「雖抱持懷疑、但仍予以尊重」。
不過今年3月時空背景已經完全不同全球至少已有4支疫苗有療效實證但食藥署一直沒有進一步訂定EUA技術準則。此次高端雙盲試驗是有打疫苗跟只打安慰劑的比較食藥署10日宣佈的EUA技術準則是看國產疫苗組跟AZ疫苗組的血清中和抗體如何看這項標準？陳建煒笑說他只能說這個絕對不是國際標準「這樣講很清楚了吧？而且這不是我一個人的意見。」
專長是疫苗上市後評估的陳建煒說臨床二期是做安全性三期是做保護力。醫學文獻及醫療產品發展過程中「理論上有效、初期人體試驗有效但大規模臨床試驗發現是無效或有害」的案例太多了再具有吸引力的理論還是需要大規模臨床試驗加以驗證這才是近代實證醫學的精神。
陳建煒說為何看中和抗體效價就足夠這是衛福部決定的標準要由衛福部跟全體國人解釋。他強調去年10月訂下的標準到今年就應該修正因為面對的情況大不相同。國產疫苗想要進軍國際就應該做第三期試驗「身為一個長期規劃的疫苗公司都應該這樣想這是產業發展的合理方向。」</t>
  </si>
  <si>
    <t>疫苗試驗陳建煒臨床抗體沒有今年應該準則標準去年全球eua中和衛福部技術表示有效性重症</t>
  </si>
  <si>
    <t>高端疫苗陳建煒食藥署EUA技術</t>
  </si>
  <si>
    <t>陳建疫苗eua高端技術</t>
  </si>
  <si>
    <t>最新川普大選動作特斯拉有望降價稀土</t>
  </si>
  <si>
    <t>陸美貿易戰爆發以來雙方在關鍵資源搶奪之下用以生產高科技產業發展的重要原料、國防戰略物資的稀土資源之爭就浮上檯面在去年陸美關稅戰正熱之際澳洲稀土供應商Lynas與德州廠商Blue Line Corporation簽署合作</t>
  </si>
  <si>
    <t>稀土資源陸美blue廠商德州lynas供應商關鍵雙方line澳洲搶奪之際之下科技產業用以發展正熱生產關稅重要去年原料國防戰略物資</t>
  </si>
  <si>
    <t>稀土美國川普特斯拉電池資源開採大陸生產供應電動車馬斯克簽署重要陸美成本產業澳洲進口合作原料發展爆發表示支持</t>
  </si>
  <si>
    <t>世紀全新稀土美國電池</t>
  </si>
  <si>
    <t>美國電池世紀稀土</t>
  </si>
  <si>
    <t>朱學全民問題振興bug</t>
  </si>
  <si>
    <t>受到新冠疫情影響全台不少行業都受到衝擊行政院推出振興三倍券就盼可以讓民眾多多消費促進經濟發展。但外界卻評價兩極宅神朱學恆就提出三個大問題並直言完全可以預見振興券真正上路之後會有更多的問題</t>
  </si>
  <si>
    <t>振興可以問題受到全台行業外界發展評價經濟兩極上路促進衝擊之後消費朱學多多行政院真正推出民眾提出</t>
  </si>
  <si>
    <t>受到新冠疫情影響全台不少行業都受到衝擊行政院推出振興三倍券就盼可以讓民眾多多消費促進經濟發展。但外界卻評價兩極宅神朱學恆就提出三個大問題並直言完全可以預見振興券真正上路之後會有更多的問題從而抵銷原先應有的效果。
朱學恆在臉書《朱學恒的阿宅萬事通事務所》指出振興三倍券有三大問題：專才濫用、把公測當封測在用以及諸多設定不符合真正的理想模式。他首先質疑為何專責網路科技的政委唐鳳被派來負責振興經濟？為何不是交通部長負責？說穿了就是聲望不夠高、宣傳不夠力萬一出事了恐會順手毀掉一個長期培養的領袖。
朱學恆繼續說明三倍券的運作不但是「全民公測抓BUG」老實說根本是把不成熟的產品拿來給大家抓錯。更妙的是在野黨、工讀生每天忙進忙出找問題然後當局開心補洞。讓領國民稅金當薪水的公務員設計一套完整規則很難嗎？
朱學恆更指出三倍券的真正理想運作模式其實就是各縣市、平臺共同舉辦購物節概念越開放、瘋狂越好但當局東防、西防振興經濟的效果怎麼會好？結果千防萬防家賊難防套利根本避免不了但增加消費門檻減少轉手卻是實際的結果。
最後朱學恆就直言幾乎完全可以預見振興券真正上路之後會有更多的問題從而抵銷原先應該有的振興效果規劃者難道不能更認真一點嗎？</t>
  </si>
  <si>
    <t>振興朱學問題經濟效果真正消費當局根本結果可以模式理想受到運作指出</t>
  </si>
  <si>
    <t>疫情新冠肺炎經濟衝擊問題</t>
  </si>
  <si>
    <t>肺炎經濟衝擊問題疫情</t>
  </si>
  <si>
    <t>預約混打指定院所接種</t>
  </si>
  <si>
    <t>第15輪疫苗今天開打共有143萬人預約打BNT、95萬人約打莫德納為使疫苗有效運用指揮中心日前也宣佈接種完第一劑AZ滿8周以上者自11月25日起可自行至指定醫療院所預約混打莫德納或BNT。第15輪疫苗除了提供AZ</t>
  </si>
  <si>
    <t>疫苗莫德納預約azbnt以上者接種日前宣佈自行指定中心指揮醫療運用院所有效混打共有</t>
  </si>
  <si>
    <t>第15輪疫苗今天開打共有143萬人預約打BNT、95萬人約打莫德納為使疫苗有效運用指揮中心日前也宣佈接種完第一劑AZ滿8周以上者自11月25日起可自行至指定醫療院所預約混打莫德納或BNT。
第15輪疫苗除了提供AZ、BNT與莫德納供民眾接種第一二劑也開放AZ混打mRNA疫苗今天開始施打至12月1日。根據指揮中心統計第15輪疫苗共有約1791萬人完成預約其中有1432萬人預約打BNT預約率大約5成；263萬人預約AZ預約率約3成5；而預約莫德納的人數比較少約95萬人預約率只有12％。
指揮中心日前也宣佈為了讓民眾盡速完成接種自11月25日起也將開放民眾至指定醫療院所混打只要打完第一劑AZ疫苗滿8周以上的人不管有沒有登入疫苗平臺登記混打意願都可以至指定醫療院所預約混打莫德納或是BNT疫苗。
指揮中心也提醒第一劑打AZ疫苗第二劑選擇混打mRNA疫苗的人接種後發生不良反應的機率與嚴重程度會比兩劑打同廠牌疫苗者還要高。</t>
  </si>
  <si>
    <t>疫苗az混打預約接種莫德納指揮中心bnt民眾指定醫療院所完成開放今天日前mrna宣佈</t>
  </si>
  <si>
    <t>混打醫療院所第15輪AZBNT</t>
  </si>
  <si>
    <t>醫療azbnt院所混打</t>
  </si>
  <si>
    <t>接觸距離限制防疫追蹤方法陳建仁</t>
  </si>
  <si>
    <t>新冠肺炎疫情仍在全球延燒前副總統陳建仁今(14)日表示從目前各國的狀況來看城市封鎖不是一個好方法真正仔細地追蹤接觸史和執行非常嚴格的隔離與患者近距離接觸者才是遏止新型冠狀病毒的最佳方法。陳建仁</t>
  </si>
  <si>
    <t>接觸方法陳建仁全球總統疫情表示狀況目前來看城市封鎖才是遏止距離患者隔離嚴格非常執行</t>
  </si>
  <si>
    <t>臺灣陳建仁接觸全球疫情追蹤距離隔離方法非常訪問zakaria可能流行說明病毒冠狀病例城市作法犧牲確診封鎖遏止</t>
  </si>
  <si>
    <t>陳建仁新冠肺炎接觸史隔離CNN</t>
  </si>
  <si>
    <t>接觸肺炎隔離cnn陳建仁</t>
  </si>
  <si>
    <t>偷偷拉麵官員結果</t>
  </si>
  <si>
    <t>自從新冠肺炎爆發以來北韓1月23日宣佈封鎖朝鮮與大陸邊境由於長時間受到世界的經濟制裁民生物資短缺3月時曾短暫開放邊境從大陸進口醫療物資、口罩等資源有位北韓官員太想吃辛拉麵私下闖關卻被海關攔截</t>
  </si>
  <si>
    <t>物資大陸邊境私下拉麵以來官員宣佈資源經濟制裁民生短缺朝鮮封鎖爆發時間世界口罩</t>
  </si>
  <si>
    <t>自從新冠肺炎爆發以來北韓1月23日宣佈封鎖朝鮮與大陸邊境由於長時間受到世界的經濟制裁民生物資短缺3月時曾短暫開放邊境從大陸進口醫療物資、口罩等資源有位北韓官員太想吃辛拉麵私下闖關卻被海關攔截退貨。
根據《朝鮮日報》報導來自遼寧的貿易商派出一台貨車載滿10箱辛拉麵、各種物資前往北韓新義州才剛抵達北韓邊境時海關認為南韓的物品可能暗藏新冠肺炎病毒因此退回整車物品官員想吃辛拉麵只能再等等了。
新冠肺炎防疫期間許多北韓官員會趁大陸運載物資時偷偷請貿易商攜帶個人需要的物品但北韓政府不斷發出警告認為美國、南韓可能會藉由疫情爆發趁機讓物品沾染新冠病毒例如鈔票、塑膠瓶等「散播入境危害北韓安全」。
北韓實施邊境封鎖後國內物價飆漲短短一個多月豬肉1公斤價格從1萬北韓元（約台幣334元）上漲到1萬8750北韓元（約台幣626元）米1公斤4000北韓元（約台幣133元）上漲到6875北韓元（約台幣230元）。</t>
  </si>
  <si>
    <t>物資物品邊境大陸拉麵官員朝鮮海關貿易肺炎爆發認為南韓可能封鎖病毒價格豬肉物價</t>
  </si>
  <si>
    <t>北韓辛拉麵進口官員物資</t>
  </si>
  <si>
    <t>拉麵進口官員物資</t>
  </si>
  <si>
    <t>防疫陳時中</t>
  </si>
  <si>
    <t>新冠肺炎疫情持續蔓延清明連假不少地區都湧入大量民眾就怕引發群聚感染疫情指揮中心特別示警。不過有網友認為疫情中心指揮官陳時中僅宣導外出要戴口罩或保持社交距離恐造成潛在危險使防疫出現破口。日</t>
  </si>
  <si>
    <t>疫情中心危險造成距離社交持續保持口罩防疫蔓延清明連地區外出湧入民眾宣導引發陳時中指揮官</t>
  </si>
  <si>
    <t>新冠肺炎疫情持續蔓延清明連假不少地區都湧入大量民眾就怕引發群聚感染疫情指揮中心特別示警。不過有網友認為疫情中心指揮官陳時中僅宣導外出要戴口罩或保持社交距離恐造成潛在危險使防疫出現破口。
日前陳時中指出在與非特定人士或公共場合應維持至少1公尺的社交距離否則就要戴口罩。對此PTT網友表示這幾日透過新聞畫面可以看到墾丁、旗山老街等地區遊客大爆滿且一半以上都沒有戴口罩、沒有保持社交距離「這可能是台灣防疫的大破口。」
該網友認為因陳時中在記者會說戴口罩或保持社交距離但歐美也強調社交距離感染人數還是拚命上升理論上台灣一開始戴口罩是比較安全的保護但陳時中說戴口罩或保持社交距離這可能使更多人不戴口罩尤其海歸者誰知道他們有沒有潛在各遊覽區呢？
其他網友則表示「你覺得去那邊玩的人會聽陳時中嗎說不定他是誰都不知道」、「事實證明勸導沒用只能法令」、「講沒用啦出事變嚴重人們才會怕」。
一部份的人認為這不能怪陳時中「時鐘（時中）真的很棒不要罵他他盡力了」陳時中並沒有做錯什麼也不是人民的素質問題而是人的劣根性如此「簡單來說沒有說不能=可以」各位還是好好保護自己。</t>
  </si>
  <si>
    <t>陳時中沒有口罩網友社交距離疫情認為地區感染保持知道表示可以不能防疫臺灣中心沒用</t>
  </si>
  <si>
    <t>陳時中口罩社交距離網友新冠肺炎</t>
  </si>
  <si>
    <t>網友距離社交口罩陳時中肺炎</t>
  </si>
  <si>
    <t>曝光複賽地點nba隔離</t>
  </si>
  <si>
    <t>根據NBA知名記者查拉尼亞報導指出雖然復賽時間仍舊遙遙無期但復賽之後的地點有可能會選擇在拉斯維加斯或是奧蘭多迪士尼這兩個地方至於30支球隊的隊職員必須先隔離14天確定沒有人遭到感染之後才會開打。NBA自</t>
  </si>
  <si>
    <t>之後複賽nba報導指出感染遭到確定隔離必須沒有職員球隊至於地方地點奧蘭多迪士尼拉斯維加斯選擇可能查拉尼亞才會時間仍舊遙遙無期</t>
  </si>
  <si>
    <t>根據NBA知名記者查拉尼亞報導指出雖然復賽時間仍舊遙遙無期但復賽之後的地點有可能會選擇在拉斯維加斯或是奧蘭多迪士尼這兩個地方至於30支球隊的隊職員必須先隔離14天確定沒有人遭到感染之後才會開打。
NBA自從3月12日宣佈無限期停賽之後就因為新冠肺炎疫情在美國大爆發而始終看不到復賽曙光即便美國總統川普不斷催促NBA盡快復賽但NBA總裁席爾佛不敢輕易鬆口只點頭從9日起開放部分球隊訓練場館至於何時復賽依舊沒有確定時程。
查拉尼亞表示復賽後最有可能的地點是拉斯維加斯賭城以及奧蘭多迪士尼所有球隊最多只能30-40名隊職員以及球員家屬所有人抵達復賽地點之後必須先隔離兩周並且接受新冠肺炎篩檢等到無人確診後才有可能重新開打。</t>
  </si>
  <si>
    <t>複賽之後nba球隊地點可能美國沒有至於職員肺炎奧蘭多迪士尼確定查拉尼亞隔離必須拉斯維加斯鬆口點頭</t>
  </si>
  <si>
    <t>新冠肺炎NBA復賽拉斯維加斯迪士尼</t>
  </si>
  <si>
    <t>nba複賽肺炎拉斯維加斯迪士尼</t>
  </si>
  <si>
    <t>新北出門好運祈福</t>
  </si>
  <si>
    <t>新冠肺炎疫情延燒近期不少宗教活動多已暫停民政局推出線上祈福活動與永和保福宮、三峽紫微天后宮、土城慈法禪寺及三重先嗇宮等宗教團體合作只要到新北民政保平安臉書留言有機會獲宮廟限量祈福小物也會把</t>
  </si>
  <si>
    <t>祈福活動近期限量宗教宮廟留言機會保平安暫停疫情民政新北民政局要到合作慈法宗教團體</t>
  </si>
  <si>
    <t>新冠肺炎疫情延燒近期不少宗教活動多已暫停民政局推出線上祈福活動與永和保福宮、三峽紫微天后宮、土城慈法禪寺及三重先嗇宮等宗教團體合作只要到新北民政保平安臉書留言有機會獲宮廟限量祈福小物也會把祈願內容送交宮廟不必出門也能加倍幸福。
網上寫心願 宮廟代客祈福
民政局長柯慶忠表示宗教團體是社會安定的重要力量為讓信眾防疫也能持續祈福民政局與近期聖誕的神明主祀宮廟聯合推出線上祈福活動並仿電影《寄生上流》劇情拍攝短片宣導線上祈福防疫觀念呼籲減少人潮群聚。
保生大帝聖誕 留言送禦守
宗教科長賴小萍表示新北宗教線上祈福搭配近期神明聖誕分4階段邀民眾為神明慶生只要至新北民政保平安臉書留言寫出祈願就有機會獲得宮廟提供的限量祈福小物民政局也會將民眾留言的心願送至宮廟舉行法會上疏文祝願心想事成。
第一波4月7日保生大帝聖誕民眾即日起至3月25日至民政局粉專留言民眾有機會獲得保福宮保生大帝平安禦守民政局說民間信奉保生大帝為醫神亦有瘟醫大道公之稱平安禦守在身期能去瘟除疫保佑身體健康。
接下來的4月15日天上聖母聖誕、4月30日釋迦牟尼佛聖誕及5月18日神農大帝聖誕也有系列活動與保平安小物邀請市民留言求平安。</t>
  </si>
  <si>
    <t>祈福宮廟留言聖誕民政局大帝活動民眾近期宗教新北宗教團體平安保平安機會神明防疫</t>
  </si>
  <si>
    <t>宗教留言線上祈福祈福保生大帝</t>
  </si>
  <si>
    <t>祈福保生宗教留言大帝</t>
  </si>
  <si>
    <t>力拼壽險業三不今年</t>
  </si>
  <si>
    <t>資本市場因新冠肺炎疫情變更得更難預測再加上全球降息、金管會落實新一輪監理壽險業今年不是拚獲利多而是拚淨值蒸發不多、經常性收益率（recurring yield）減少不多及避險成本不多只有做到這「三不多」才</t>
  </si>
  <si>
    <t>肺炎疫情變更經常性預測加上監理落實全球新一輪金管會降息成本避險yield減少recurring收益率蒸發淨值獲利今年壽險業</t>
  </si>
  <si>
    <t>資本市場因新冠肺炎疫情變更得更難預測再加上全球降息、金管會落實新一輪監理壽險業今年不是拚獲利多而是拚淨值蒸發不多、經常性收益率（recurring yield）減少不多及避險成本不多只有做到這「三不多」才能穩住今年的獲利表現。
去年股債多頭壽險業獲利創歷史新高有1535億元且帳上金融資產未實現亦達歷史高點淨值項下有3300多億元攤銷後成本項下亦有9千多億元債券評價利益壽險業去年底亦保留大量現金及類現金部位共1兆8778億元比前年底增加近7300億元就是為了在年初等待新一輪投資機會。
壽險業者坦言大家都預期資本市場走太久多頭遲早會回檔整理但沒有預料到新冠肺炎肆虐造成資本市場波動壽險手中股債價格都比去年底大幅減少到6月底就看誰淨值掉的最少誰的資本適足率及淨值比能維持在安全水位影響後續保單競爭力。
其次各國央行競相降息國際板債券出現贖回潮若如預期今年贖回12兆元左右再投資新的債券利率下降則代表壽險業克服利差損的重要指標經常性收益率在今年可能下降即又出現利差損問題所以各壽險公司現在想辦法抓住機會要投資較高利率的債券如3月中信用風險升高部分公司債利率攀高壽險業者即進場加碼力求今年經常性收益率不要掉太多甚至持平或微幅成長。
第三是經常性收益率可能減少各壽險公司就拚避險成本哪家公司能維持愈低的避險成本則避險後經常收益率還是可能比去年高那獲利依舊能成長、依舊可望有利差益。
金管會今年多項政策上路並將嚴格要求保單不得虧損各壽險公司必須穩住投資報酬率才能穩住保單競爭力所以淨值掉不多、經常性收益率減得不多、避險成本不多必須達到三不多新契約保費才能衰退得不多。</t>
  </si>
  <si>
    <t>壽險業今年公司淨值收益率壽險投資債券經常性成本資本保單避險獲利利差利率減少市場可能才能穩住降息</t>
  </si>
  <si>
    <t>降息資本肺炎穩住各壽險</t>
  </si>
  <si>
    <t>壽險穩住肺炎資本降息</t>
  </si>
  <si>
    <t>到位疫苗優先義縣施打</t>
  </si>
  <si>
    <t>嘉義縣獲中央配發第2批AZ疫苗3200劑已到位提撥2000劑優先讓第一線警消弟兄施打嘉義縣長翁章梁盼提升第一線防疫人員自我保護力執行防疫最前線時能更加安心　預計6月1日前全數施打完畢。嘉縣衛生局長趙紋華指出</t>
  </si>
  <si>
    <t>施打嘉義防疫完畢az配發全數疫苗日前到位提撥預計更加優先安心前線第一線提升弟兄縣長翁章梁</t>
  </si>
  <si>
    <t>嘉義縣獲中央配發第2批AZ疫苗3200劑已到位提撥2000劑優先讓第一線警消弟兄施打嘉義縣長翁章梁盼提升第一線防疫人員自我保護力執行防疫最前線時能更加安心　預計6月1日前全數施打完畢。
嘉縣衛生局長趙紋華指出繼縣內嘉義長庚、大林慈濟、樸子醫院、灣橋分院4家責任醫院醫護人員已4403人完成接種此次中央撥補的3200劑AZ疫苗4家責任醫院醫護分配1200劑持續接種其餘2000劑疫苗今31日起開放警、消人員施打、基層醫護、環保清消人員等第一線防疫人員接種。
趙紋華說第一線防疫人員可依據提報名冊前往轄區衛生所或慢防所接種預計6月1日前全數施打完畢。</t>
  </si>
  <si>
    <t>接種人員施打防疫疫苗嘉義醫院責任az醫護第一線趙紋華預計中央日前全數前往前線更加名冊轄區</t>
  </si>
  <si>
    <t>新冠肺炎台灣嘉義警消施打</t>
  </si>
  <si>
    <t>嘉義臺灣肺炎施打</t>
  </si>
  <si>
    <t>複賽jr佈雷德利有望nba頂替</t>
  </si>
  <si>
    <t>先前選擇跟厄文一同站出來高喊球員不該參加復賽的湖人後衛佈雷德利如今透過《ESPN》確認自己不會參加復賽原因可能是顧及自己6歲兒子李恩擁有很難從呼吸道疾病恢復的病史目前最有可能頂替佈雷德利在湖人位置的</t>
  </si>
  <si>
    <t>可能參加複賽佈雷德利出來高喊球員一同呼吸道疾病恢復擁有不該病史李恩目前兒子頂替顧及透過espn</t>
  </si>
  <si>
    <t>先前選擇跟厄文一同站出來高喊球員不該參加復賽的湖人後衛佈雷德利如今透過《ESPN》確認自己不會參加復賽原因可能是顧及自己6歲兒子李恩擁有很難從呼吸道疾病恢復的病史目前最有可能頂替佈雷德利在湖人位置的是JR史密斯！
根據《洛杉磯時報》記者甘古利報導佈雷德利的湖人隊友都對他選擇不參加復賽並不意外因為他們其中不少人在過去1週期間完全無法跟佈雷德利取得聯繫似乎擺明要跟厄文站在一起反對復賽目前他也告知湖人高層自己決定。
目前傳出JR史密斯即將取代佈雷德利的謠言其實也不奇怪因為過去幾週期間他都一直待在洛杉磯跟著不少湖人球員練球看來應該是「小皇帝」詹姆斯的安排原本JR史密斯今年2月就曾前往湖人試訓可惜湖人最後選了威特斯。
湖人當前還有另外1名球員可能不肯參加復賽那就是曾發聲明強調「籃球在平權運動之後」的「魔獸」霍華不過甘古利收到線報湖人高層相信霍華很可能參加復賽畢竟身為湖人內線兩大主力之一如果霍華不打湖人確實比較傷！</t>
  </si>
  <si>
    <t>佈雷德利複賽參加可能目前霍華球員史密斯洛杉磯厄文期間過去高層選擇古利</t>
  </si>
  <si>
    <t>NBA湖人復賽佈雷德利霍華</t>
  </si>
  <si>
    <t>複賽佈雷德利nba霍華</t>
  </si>
  <si>
    <t>馬布羅格登黑人病毒nba</t>
  </si>
  <si>
    <t>溜馬後衛布羅格登(Malcolm Brogdon)確定感染新冠肺炎！他25日透過溜馬官推發布聲明表示自己狀況不錯預計可以趕上7月底球季復賽。布羅格登近期參與過街頭黑人民權(BLM)示威行動並且沒有保持社交距離。布羅格登</t>
  </si>
  <si>
    <t>布羅格登行動沒有示威blm民權黑人街頭參與預計不錯狀況近期表示複賽球季趕上月底聲明確定發佈感染brogdon</t>
  </si>
  <si>
    <t>Statement from Malcolm Brogdon&amp;gt;&amp;gt; https://tco/wSzjOAF7XE pictwittercom/jmclXRQHX3
溜馬後衛布羅格登(Malcolm Brogdon)確定感染新冠肺炎！他25日透過溜馬官推發布聲明表示自己狀況不錯預計可以趕上7月底球季復賽。布羅格登近期參與過街頭黑人民權(BLM)示威行動並且沒有保持社交距離。
布羅格登當時對美媒ESPN說：「這個流行病新冠肺炎(COVID)是針對黑人而來我們是無法負擔醫療保險的那群人我們是沒有好工作、在疫情中被裁員的那群人大家必須明白我們是如此無助還有個黑人只為20美元偽鈔就於大馬路上被殺。我擔心大家會愈來愈麻木我希望大家要保持憤怒。」
黑人民權與防疫難以兼顧不過布羅格登認為還是人權比較重要。布羅格登的祖父輩就參與過金恩博士(Martin Luther King Jr)的遊行他祖父大概也想不到今天有少數非裔美國人可以在NBA賺進大把真鈔。
當然布羅格登不必擔心被裁員或沒錢治病(本季2000萬美元年薪)但因疫情減薪他仍會損失數百萬美元。27歲的布羅格登是雙能衛本季停賽前場均163分、71助攻好消息是他可以帶著病毒的抗體復賽減少傳染他人的風險。</t>
  </si>
  <si>
    <t>布羅格登黑人可以複賽祖父擔心保持malcolm沒有裁員疫情參與民權肺炎那群人&amp;gthttpsco</t>
  </si>
  <si>
    <t>Malcolm Brogdon黑人溜馬美國NBA</t>
  </si>
  <si>
    <t>黑人brogdon美國nbamalcolm</t>
  </si>
  <si>
    <t>成交商大</t>
  </si>
  <si>
    <t>新冠肺炎疫情蔓延全球建商卻逆勢購地據最新統計光是興富發集團首季就大手筆掃貨147億囊括單季土地市場交易總額478億元的三成；預期第一季封關之際下周30日登場的「世貿三館」地上權標售案脫標氛圍濃厚屆</t>
  </si>
  <si>
    <t>蔓延標售地上權全球世貿登場逆勢最新統計之際光是封關疫情興富預期集團首季總額</t>
  </si>
  <si>
    <t>新冠肺炎疫情蔓延全球建商卻逆勢購地據最新統計光是興富發集團首季就大手筆掃貨147億囊括單季土地市場交易總額478億元的三成；預期第一季封關之際下周30日登場的「世貿三館」地上權標售案脫標氛圍濃厚屆時單季成交金額可望突破700億元大關。
第一太平戴維斯董事長黃瑞楠表示儘管新冠肺炎疫情升溫但建商對房市還是抱持高度信心買地毫不手軟。第一太平戴維斯24日公佈最新調查指出不少建商預期疫情獲得控制之後住宅市場的遞延買氣將迅速回流因此積極補進土地庫存目前全台累計土地交易金額已達478億元季增率3％、年減率25％；其中建商購地就占431億元。
本季「獵地王」非興富發集團莫屬今年迄今購地金額已達147億遙遙領先同業占478億元比例高達三成其中興富發以8376億標得達新工業的台中七期土地改寫台中土地最高總價紀錄。另遠雄建設、新潤建設分別斥資47億、37億元購入臺北市土地。
值得關注的是興富發大手筆搶地又埋下伏筆日前董事會已決議授權董事長在全台六都、基隆、新竹進行個案投標開發授權總額度達100億元預期將再度展開攻城掠地。
至於首季兩大土地熱門熱區為台中市及臺北市土地交易金額分別為162億元、154億元。
另外首季商用不動產市場交易總額為68億元比去年同期大幅萎縮七成。
黃瑞楠表示新冠肺炎疫情延燒至今企業專心於防疫部署及調派供應鏈原物料和產能影響不動產購置計畫的評估速度；若全球疫情獲得控制科技及製造業為求穩定營運及分散風險預期將加速佈局回台投資商辦及工業土地、廠房類型的硬需求資產可望在2020年下半年逐步回溫。</t>
  </si>
  <si>
    <t>土地預期金額興富疫情首季市場可望不動產授權單季董事長台中太平全台大衛斯</t>
  </si>
  <si>
    <t>交易總額臺北市土地交易金額肺炎興富發</t>
  </si>
  <si>
    <t>金額土地交易臺北市肺炎總額興富交易</t>
  </si>
  <si>
    <t>網友防疫不應馬英九認為</t>
  </si>
  <si>
    <t>前總統馬英九近日針對蔡政府以防疫為由一直未能接回滯留在大陸的臺胞提出批評認為違反人權但除了綠營不買單連藍營自家人、馬英九自家老部屬前衛生署長葉金川認為防疫是專業馬非此方面專家不應多談。對</t>
  </si>
  <si>
    <t>防疫認為馬英九非此專業方面滯留政府為由一直未能接回大陸臺胞提出批評人權違反金川部屬衛生署長</t>
  </si>
  <si>
    <t>前總統馬英九近日針對蔡政府以防疫為由一直未能接回滯留在大陸的臺胞提出批評認為違反人權但除了綠營不買單連藍營自家人、馬英九自家老部屬前衛生署長葉金川認為防疫是專業馬非此方面專家不應多談。對此馬回應他談的是兒童人權、該講的還是要講。
《中時新聞網》特舉辦 ivoting網路投票請問網友。針對新冠肺炎防疫馬英九是否應發表意見？
截至29日晚間8：30許共計有2268人投票仍有高達1535票、佔投票數將近68％的人認為蔡政府罔顧臺胞權益當然可以發表意見。只有720票、佔投票數31％的人認為防疫是專業馬英九不應該發表意見。</t>
  </si>
  <si>
    <t>防疫認為馬英九投票發表意見臺胞人權政府專業新聞網舉辦ivoting網路請問方面網友</t>
  </si>
  <si>
    <t>昏迷同事發現缺勤不治高血壓</t>
  </si>
  <si>
    <t>今(23)日指揮中心新增6例新冠肺炎死亡個案為5男(案1912、案2384、案2986、案3304、案3417)1女(案2483)創單日死亡數最高除案2483外餘5人皆有慢性病史；其中案3304在5月20日因未出勤經同事發現其昏迷並協助</t>
  </si>
  <si>
    <t>出勤新增病史同事中心肺炎發現最高指揮死亡昏迷死亡數個案協助</t>
  </si>
  <si>
    <t>今(23)日指揮中心新增6例新冠肺炎死亡個案為5男(案1912、案2384、案2986、案3304、案3417)1女(案2483)創單日死亡數最高除案2483外餘5人皆有慢性病史；其中案3304在5月20日因未出勤經同事發現其昏迷並協助送醫同日晚間經急救後仍不幸死亡經採檢於5月21日確診。
指揮中心表示今新增6例死亡個案為5名男子（案1912、案2384、案2986、案3304、案3417）及1名女性年齡介於50多歲至80多歲發病日介於5月10日至5月20日確診日介於5月17日至22日死亡日介於5月20日至21日。上述除案2483外餘5人皆有慢性病史。
案1912年齡60多歲具高血壓病史5月12日出現咳嗽及呼吸喘症狀5月15日就醫並住院治療及採檢5月17日確診於5月21日死亡。
案2384年齡80多歲5月17日因呼吸喘就醫並住院治療及採檢5月19日確診5月20日死亡。後續疫調家屬表示個案無慢性病史尚待詳細調查後確認。
案2483年齡70多歲具高血壓病史5月16日曾因發燒就醫5月17日因血壓下降再次就醫並住院治療及採檢5月19日確診於5月20日死亡。
案2986年齡60多歲具高血壓、糖尿病、心臟病等病史5月18日因發燒、畏寒、呼吸困難等症狀就醫並住院治療及採檢5月21日確診並於同日死亡。
案3304年齡60多歲具高血壓病史5月20日因未出勤經同事發現其昏迷並協助送醫同日晚間經急救後仍不幸死亡經採檢於5月21日確診。
案3417年齡50多歲具高血壓病史5月13日至17日期間出現胸痛、咳嗽、呼吸喘5月20日就醫並住院治療及採檢5月21日死亡並於5月22日確診。
發言人莊人祥表示當中沒有慢性病的死亡案例是在死亡後和兒子做疫調得知無慢性病但年齡也有80幾歲該案5月17日有呼吸喘當時有去就醫在5月20日死亡時間3天之內但是沒有慢性病是靠家屬說明還需要後續確認。</t>
  </si>
  <si>
    <t>死亡病史年齡就醫確診表示慢性病呼吸個案高血壓同日家屬住院治療發燒沒有症狀確認新增</t>
  </si>
  <si>
    <t>死亡個案慢性病確診新冠肺炎台灣</t>
  </si>
  <si>
    <t>確診慢性病個案肺炎死亡臺灣</t>
  </si>
  <si>
    <t>陸委會表述肺炎兩岸安全閥</t>
  </si>
  <si>
    <t>新冠肺炎疫情發生後我方經常因防疫問題與大陸發生不少口水戰但期間陸委會卻始終扮演著「安全閥」的角色從陸委會主委陳明通「小明的故事」到近日陸委會發言人邱垂正在記者會上直接使用「新冠肺炎」一詞</t>
  </si>
  <si>
    <t>陸委會發生肺炎使用直接大陸記者會水戰邱垂正始終期間安全閥發言人角色主委近日陳明故事經常疫情防疫</t>
  </si>
  <si>
    <t>新冠肺炎疫情發生後我方經常因防疫問題與大陸發生不少口水戰但期間陸委會卻始終扮演著「安全閥」的角色從陸委會主委陳明通「小明的故事」到近日陸委會發言人邱垂正在記者會上直接使用「新冠肺炎」一詞而非蔡政府其他首長慣用的「武漢肺炎」說法都可看出陸委會的善意也為日後兩岸關係多保留些迴旋餘地。
世界衛生組織（WHO）雖已將肺炎正式命名新冠肺炎但我方以方便民眾「辨識」為由仍堅持使用「武漢肺炎」的說法。
不過回顧陸委會近期新聞稿在陳述相關疫情時大多是使用「中國大陸新型冠狀病毒肺炎」的字詞而此一說法相較其他政府單位使用的「武漢肺炎」其實是更為中性不帶歧視性色彩甚至2月11日發布一條「因應新型冠狀病毒肺炎疫情擴散風險即日起調升香港澳門列入橙色旅遊警示區域」標題直接使用的就是「新型冠狀病毒肺炎」一詞。
而在2月27日最近一場記者會上邱垂正更直接公開使用「新冠肺炎」的說法當天也引起台下的記者關注提問為何與其他政府部門表述方式不同雖然邱垂正以「我們就是一個正常的說法」四兩撥千金並未正面回應但在公開場合使用「新冠肺炎」一詞背後釋出的善意早已不言可喻。
其實這也只是陸委會善意的「冰山一角」而已比如在武漢臺胞首次包機引發歧視陸配風波時邱垂正也曾在2月6日表示裡面雖有大陸配偶但「也是我們的家人」並都擁有長期居留台灣的相關證件。更不用說後來陳明通親上火線為陸配子女返台辯護。</t>
  </si>
  <si>
    <t>肺炎陸委會使用說法邱垂正武漢大陸疫情善意病毒冠狀直接陳明相關其實發生記者會政府列入</t>
  </si>
  <si>
    <t>說法記者會上肺炎陸委會一詞</t>
  </si>
  <si>
    <t>肺炎記者會陸委會說法</t>
  </si>
  <si>
    <t>歡迎大陸何受不意歐陽娜</t>
  </si>
  <si>
    <t>台灣女星歐陽娜娜近年來把演藝重心轉往對岸最近將出席央視舉辦的「十一國慶」晚會高唱《我的祖國》一曲引發台灣網友熱議；有人好奇為什麼大陸人那麼喜歡歐陽娜娜？據悉她吸金功力一流曾一個小時撈66萬金幣</t>
  </si>
  <si>
    <t>歐陽娜臺灣功力據悉小時出席舉辦最近國慶對岸晚會演藝高唱祖國引發喜歡重心近年來網友</t>
  </si>
  <si>
    <t>台灣女星歐陽娜娜近年來把演藝重心轉往對岸最近將出席央視舉辦的「十一國慶」晚會高唱《我的祖國》一曲引發台灣網友熱議；有人好奇為什麼大陸人那麼喜歡歐陽娜娜？據悉她吸金功力一流曾一個小時撈66萬金幣。
歐陽娜娜去年在網路上發表敏感的政治立場受到大陸人的喜愛從此之後就在對岸進行演藝活動當新冠肺炎（COVID-19）肆虐全球時歐陽娜娜為了鼓舞武漢的民眾特地獻唱《樹洞》加油打氣暖心地告白：「我記得在武漢音樂會最後一首歌唱的就是《樹洞》武漢的粉絲們都特別熱情當時第一排的粉絲都戴了小葵花頭飾希望可以再回到武漢辦音樂會可以再和小葵花見面再吃上一碗熱騰騰的熱乾麵。」
只見歐陽娜娜在直播平臺拿著吉他自彈自唱短短一個小時就吸引2600萬觀看人次一度登上禮物榜前三名爽賺66萬金幣魅力打趴一票職業網紅如今受邀登上央視演唱許多網友狠酸：「真的不意外」。
根據歐陽娜娜將在對岸獻唱陸委會呼籲國人不應參加大陸「十一」相關活動如果違反《兩岸條例》相關規定將懲處。</t>
  </si>
  <si>
    <t>歐陽娜武漢大陸對岸小時網友活動萬金演藝樹洞粉絲音樂會葵花臺灣相關可以</t>
  </si>
  <si>
    <t>歐陽娜娜大陸人對岸國慶新冠肺炎</t>
  </si>
  <si>
    <t>對岸國慶大陸肺炎歐陽娜</t>
  </si>
  <si>
    <t>企業疫情衝擊派息獲利全球肺炎萎縮以上</t>
  </si>
  <si>
    <t>最新公佈的駿利亨德森全球股利指數新冠肺炎疫情幾乎未對今年第一季的企業派息表現造成任何影響但是今年剩餘的時間裡將面臨顯著的衝擊。故此第一季高水準的指數表現只是暫時的現象。以整體派息而言第一季全球</t>
  </si>
  <si>
    <t>指數表現今年全球派息股利面臨顯著肺炎時間衝擊季高幾乎水準疫情現象影響暫時亨德森造成</t>
  </si>
  <si>
    <t>最新公佈的駿利亨德森全球股利指數新冠肺炎疫情幾乎未對今年第一季的企業派息表現造成任何影響但是今年剩餘的時間裡將面臨顯著的衝擊。
故此第一季高水準的指數表現只是暫時的現象。以整體派息而言第一季全球企業派息規模成長36％至2754億美元同時間基礎派息成長率為43％。美國與加拿大的派息規模均寫下史上單季新高日本、香港、與俄羅斯則打破歷年來第一季的最高紀錄。第一季駿利亨德森全球股利指數上升至1963點並寫下歷史新高。
駿利亨德森評估在樂觀的情況下2020年全球企業派息規模預估下滑15％至121兆美元派息金額較去年減少2130億美元。在悲觀的情況下今年全球企業派息將減少35％派息金額僅剩9330億美元。
為了評估新冠肺炎疫情對於2020年企業派息的影響程度駿利亨德森針對全球四分之三的派息企業（依據派息金額計算）深度分析。
研究團隊將這些派息企業分成三大類：已經取消或是暫停發放股息的企業、派息易受影響的企業、以及派息最不容易受到影響的企業。
新冠肺炎疫情對於各個區域與各個產業的派息影響程度大不相同但是所有企業的派息都受到以下主要因素的考驗：
疫情的嚴重程度：疫情會擴散到什麼程度？
禁足令的影響程度：對於經濟活動的傷害有多深？
刺激政策：政府與央行對企業與經濟活動祭出哪些刺激政策？
法規層面：主管機關對於企業的要求－例如對銀行產業－有多嚴格？
產業組成：股市當中易受疫情影響的產業佔比有多少？不易受影響的佔比為何？
派息的季節性：派息的季節性有多明顯？季節性的影響是否無可避免？
派息政策：派息佔企業獲利的比例有多高？企業傾向固定的派息比例？還是漸進成長的派息政策？
北美與亞洲企業派息受到的影響料將最小但是背後原因各不相同。
北美地區的產業組成較為有利（科技產業佔大宗）且企業為了保留現金通常傾向選擇減少買回庫藏股而不是刪減股息。
在大陸與其他亞洲國家2020年的派息取決於2019年的獲利表現因此疫情對於派息造成的影響料將在2021年變得更加顯著。
另一方面英國與歐洲企業派息受到的影響最深。政府主管機關強制要求銀行停發股息且大型石油企業與各大企業亦已減少派息。
以各個產業而言銀行、非核心消費、與特定工業類企業（例如航太）的派息面臨最大的威脅。儘管原油、採礦、金融、與營建產業的派息普遍容易受到衝擊但是投資人仍可在科技產業之中發掘相對安穩的派息來源。
此外防禦性產業－例如健康照護、食品、與多數基本消費產業－其派息亦相對較為穩健（但是不含極度仰賴餐廳與酒吧的飲料業者）。
面對如此龐大的不確定性任何派息的預測並沒有太大的實質意義因此駿利亨德森決定撤回其對2020年的預估。
儘管如此研究團隊仍針對最好及最壞的情境評估協助投資人一窺2020年的派息前景。
在樂觀的情況下僅有那些已宣佈刪減股息或是極可能刪減股息的企業會在今年調降股息。在此情況下今年全球企業派息將下降15％至121兆美元減少的派息金額約2130億美元。
在悲觀的情況下所有體質脆弱的企業都會刪減派息屆時今年全球企業派息將下降35％至9330億美元。
從上述這兩種情境的顯著差異可知眼前這場疫情危機仍在快速變化中但是整體而言企業應該只會調降派息的金額不至於完全停發股息因為它們希望節省現金並加強資產負債表。
此外今年疫情帶來的部分影響將延續至2021年屆時企業派息規模料將低於疫情發生前的預估結果。儘管部分債臺高築的企業可能無力因應如此突然且劇烈的經濟衰退但是考量目前企業整體的負債程度接下來只要全球確診案例過了高峰期、各種封城令與禁足令告一段落、且全球經濟活動開始回復正常並復甦多個產業應可在2021年回復派息。部分企業為了保留現金並強化資產負債表可能會選擇刪減股息、停發股息、以及發行股票增資。
駿利亨德森亞洲股息收益策略的共同經理人Sat Duhra表示儘管面臨史上最為艱钜的企業經營環境但是亞洲企業的派息持續展現韌性。儘管前所未見的市場壓力迫使其他國家調整派息政策但是亞洲企業似乎正進入復甦的階段派息表現受到的影響相對較小。
值得注意的是北亞的派息表現顯著改善多數國家在第二季宣佈亮眼的派息數字且部分國家的派息甚至名列亞洲前茅因此我們預期派息的波動幅度相對較低。儘管企業獲利前景走下坡、全球經濟充滿不確定性導致大企業壓低派息比例但是整體企業的營運前景似乎比原先預期地更有韌性－儘管可能還是會有些意料之外的負面事件因此未來企業派息應有進一步的成長空間。</t>
  </si>
  <si>
    <t>派息企業影響產業全球疫情股息亨德森亞洲受到程度今年政策部分表現顯著金額相對減少對於面臨經濟</t>
  </si>
  <si>
    <t>全球數字派息股息全球企業</t>
  </si>
  <si>
    <t>全球股息數字派息企業</t>
  </si>
  <si>
    <t>苗栗議員生產口罩苗栗國</t>
  </si>
  <si>
    <t>苗栗國就是狂！苗栗縣議員鄭聚然11日表示苗栗被稱為苗栗國為何不能獨立生產口罩？鄭更表示願意自掏腰包投資600萬買2台機器生產每5個賣10元提供鄉親來使用。據綜合媒體報導苗栗縣議會臨時會11日開議</t>
  </si>
  <si>
    <t>生產表示苗栗苗栗國苗栗縣媒體報導綜合使用鄉親提供機器稱為投資願意自掏腰包鄭更不能獨立口罩議會縣議員鄭聚然</t>
  </si>
  <si>
    <t>苗栗國就是狂！苗栗縣議員鄭聚然11日表示苗栗被稱為苗栗國為何不能獨立生產口罩？鄭更表示願意自掏腰包投資600萬買2台機器生產每5個賣10元提供鄉親來使用。
據綜合媒體報導苗栗縣議會臨時會11日開議。會議上鄭聚然表示看到許多老鄉親每天為口罩奔波都還買不到口罩甚至有鄉親跑來跟他要口罩他雖有心想從國外進口但發現關卡重重因此他才想說為什麼不自己生產口罩而且大家都稱苗栗為苗栗國那為何不能生產！
鄭聚然認為政府不要拘泥於法規既然不能進口那就開放全民生產口罩來解決口罩不足問題像他也想為鄉親服務自掏腰包600萬元弄2條生產線生產口罩每5個10元讓鄉親都有口罩好用也不用排隊。他向衛生局懇切盼讓苗栗獨立生產也很多人願意投資希望政府不要一成不變。
對此網友們紛紛表示「苗栗國就是狂」、「苗栗國有苗栗國的玩法」！</t>
  </si>
  <si>
    <t>口罩生產鄉親苗栗不能鄭聚然表示苗栗國進口投資自掏腰包政府獨立願意苗栗縣議會報導媒體綜合</t>
  </si>
  <si>
    <t>苗栗國生產口罩鄉親600萬口罩荒</t>
  </si>
  <si>
    <t>口罩生產鄉親苗栗國</t>
  </si>
  <si>
    <t>專家小時香港呼籲注意停留手部病毒衛生</t>
  </si>
  <si>
    <t>香港今日(19日)最少新增100宗確診及初步確診個案截至昨日(18日)累計病例達1778宗超越2003年SARS的1755人確診。另外再有私立醫院職員中招位於九龍太子道的聖德肋撒醫院2樓的內視鏡中心有2名健康服務助理</t>
  </si>
  <si>
    <t>確診內視昨日累計聖德肋撒醫院太子病例九龍位於超越sars職員私立醫院新增初步個案截至健康最少服務今日</t>
  </si>
  <si>
    <t>香港今日(19日)最少新增100宗確診及初步確診個案截至昨日(18日)累計病例達1778宗超越2003年SARS的1755人確診。另外再有私立醫院職員中招位於九龍太子道的聖德肋撒醫院2樓的內視鏡中心有2名健康服務助理染疫。屯門眼科中心3名職員確診1人初步確診。
根據香港《東網》報導香港大學微生物學系講座教授袁國勇估計因病人在中心負責收銀、處理病歷等會接觸求診者的紙幣、身份證、轉介信等或因而間接感染。市民人心惶惶憂慮因接觸物件而不幸染疫不過有傳染病專家表示病毒每經過不同物料其病毒量均會減少市民注意手部衞生毋須過分憂慮。
袁表示雖然病人與職員間有玻璃相隔但要收錢、身份證、轉介信等過程中職員每日接觸逾200病人或有隱性帶菌者的物件上有病毒致非直接接觸感染；而職員間可能透過檔或在公共地方按密碼鎖或在茶水間脫下口罩進食時等感染。
《東網》也引述香港大學公共衞生學院早前研究新冠病毒在不同物料及用品的存活時間團隊於攝氏22度、相對濕度65%的情況下進行測試結果病毒在紙張及紙巾上的停留時間最短僅3小時便失去感染力；木材、布料則可停留兩日；塑膠則停留4至7日。
醫學會傳染病顧問委員會主席梁子超稱病毒在生活中的存活時間一般會較在實驗室環境中短呼籲市民不需過分擔心因物件導致的間接傳播因病毒每經過不同物料其病毒量均會減少市民只需注意手部衞生接觸物件後徹底清洗雙手才接觸眼睛便可有效防疫。</t>
  </si>
  <si>
    <t>病毒接觸職員物件市民確診感染衛生傳染病不同香港大學時間東網過分中心物料憂慮存活病人初步</t>
  </si>
  <si>
    <t>香港紙鈔新冠肺炎新冠病毒全球</t>
  </si>
  <si>
    <t>肺炎全球病毒香港</t>
  </si>
  <si>
    <t>財產有錢救活富豪美國</t>
  </si>
  <si>
    <t>聯合國世界糧食計劃署（WFP）署長26日表示全球首富、特斯拉創辦人兼執行長馬斯克（Elon Musk）只要捐出2%財產便能挽救4200萬可能因饑荒而死去的全球民眾呼籲各國富有人士「站出來」協助解決全球糧食危機。世</t>
  </si>
  <si>
    <t>全球表示解決首富協助特斯拉出來創辦執行長馬斯克elonmusk人士財產富有挽救呼籲民眾可能饑荒</t>
  </si>
  <si>
    <t>聯合國世界糧食計劃署（WFP）署長26日表示全球首富、特斯拉創辦人兼執行長馬斯克（Elon Musk）只要捐出2%財產便能挽救4200萬可能因饑荒而死去的全球民眾呼籲各國富有人士「站出來」協助解決全球糧食危機。
世界糧食計劃署署長畢斯利（David Beasley）26日在美國「有線電視新聞網」（CNN）的《鏈結全世界》（Connect the World）節目中呼籲全球億萬富翁們須立即「站出來」並特別提到全球最有錢的馬斯克和亞馬遜公司創辦人貝佐斯（Jeff Bezos）稱馬斯克淨資產接近2890億美元（約新台幣804兆元）只要他捐出名下財產的21%60億美元（約新台幣1670億元）便足以拯救4200萬「若未獲幫助便將沒命」的人們。
畢斯利強調在新冠肺炎（COVID-19）疫情與氣候變遷等多重危機結合下許多國家正「敲響饑荒的大門」。如據世界糧食計劃署估計近期才被塔利班掌控的阿富汗有高達2280萬人面臨嚴重的糧食危機約佔該國人口的一半；而2020年11月爆發內戰的衣索比亞已造成超過200萬人流離失所而作為主戰場的該國北部泰格瑞省（Tigray）目前更有約520萬人急需糧食援助；另外瓜地馬拉、宏都拉斯、薩爾瓦多、尼加拉瓜等中美洲國家則在颶風和洪水下損失慘重。
畢斯利指出世界糧食計劃署等人道組織缺乏資金和資源的狀況又讓上述區域的危機雪上加霜呼籲全球富有人士提供協助讓其能繼續支援各地承受苦難的民眾。</t>
  </si>
  <si>
    <t>全球危機世界糧食計畫署糧食斯利馬斯克呼籲饑荒國家創辦出來署長台幣協助民眾財產人士</t>
  </si>
  <si>
    <t>世界首富馬斯克貝佐斯饑荒</t>
  </si>
  <si>
    <t>貝佐斯馬斯克饑荒世界首富</t>
  </si>
  <si>
    <t>醫療印度病人屍體體系盤?</t>
  </si>
  <si>
    <t>相較於歐美國家印度新冠疫情算是輕微但一段在網路上瘋傳的影像卻令印度人又驚惶又憤怒。孟買Sion醫院的新冠肺炎病人病床附近赫然擺著多具無人認領的新冠死者遺體輿論大譁憂慮醫療體系一旦無法負荷而崩盤</t>
  </si>
  <si>
    <t>印度體系醫療憂慮一旦輿論遺體影像死者網路上sion疫情輕微醫院無人認領算是附近肺炎病人</t>
  </si>
  <si>
    <t>相較於歐美國家印度新冠疫情算是輕微但一段在網路上瘋傳的影像卻令印度人又驚惶又憤怒。孟買Sion醫院的新冠肺炎病人病床附近赫然擺著多具無人認領的新冠死者遺體輿論大譁憂慮醫療體系一旦無法負荷而崩盤疫情將難以收拾。而該院院長已經遭到降職。
Outraged to see corpses laid beside the sick at Sion Hospital Why isn’t @mybmc following @WHO-prescribed protocols when disposing of #COVIDー19 corpses?Public hospital staff are doing their best with limited resources at hand Mumbai’s administration needs to step up NOW! pictwittercom/MURUNsIyfc
影片顯示屍體被以黑色塑膠包覆就擺在正在接受治療的病人鄰床而病人家屬也在病房裡走來走去屍體就在旁邊相當驚悚。
畫面曝光後大眾怒火中燒許多民眾更擔心萬一確診不斷升高地方政府恐怕無法負荷這家醫院的慘狀就可能上演最後醫療體系勢必崩盤。
院長印格裡怒批都是家屬的錯因為法律規定新冠肺炎病人在宣告死亡30分鐘內必須被移走。他解釋屍體還在病房是因為停屍間已滿。他坦言法律沒有明確規範醫院該怎麼處置無人認領的遺體。
印格裡遭降職後新任院長巴爾瑪爾告訴英國《衛報》這種事不會再發生問題的癥結在教育人們都必須瞭解新冠肺炎的真相。</t>
  </si>
  <si>
    <t>屍體醫院院長病人athospitaltocorpsession必須疫情法律肺炎病房降職家屬無法無人認領負荷遺體醫療印度體系</t>
  </si>
  <si>
    <t>印度新冠肺炎疫情孟買</t>
  </si>
  <si>
    <t>疫情肺炎印度孟買</t>
  </si>
  <si>
    <t>蘇貞昌接種回應問號是否</t>
  </si>
  <si>
    <t>行政院長蘇貞昌當初率先全台打疫苗至今尚未施打第二劑他今（9）日表示疫苗已陸續到貨所以當他施打第二劑時代表疫苗數量足夠到時會公開接種給大家看。聽完蘇貞昌的說法國民黨臺北市議員羅智強辦公室主</t>
  </si>
  <si>
    <t>疫苗蘇貞昌施打臺北市國民黨說法全台接種議員公開到時足夠至今尚未數量代表表示陸續率先羅智強到貨</t>
  </si>
  <si>
    <t>行政院長蘇貞昌當初率先全台打疫苗至今尚未施打第二劑他今（9）日表示疫苗已陸續到貨所以當他施打第二劑時代表疫苗數量足夠到時會公開接種給大家看。聽完蘇貞昌的說法國民黨臺北市議員羅智強辦公室主任楊植鬥心裡冒出一堆問號直言「這人到底在說啥」。
近期本土疫情再起疫苗到貨數量備受矚目對此蘇貞昌今上午出席行政院五倍券記者會受訪表示疫情嚴峻全球都在搶疫苗台灣非常努力超前部署訂購疫苗現已漸漸到貨。
被問到是否已接種第二劑疫苗？蘇貞昌說他到現在還沒施打第二劑因為他已公開宣示疫苗沒人敢打他率先疫苗不夠他不搶等到疫苗數量足夠後他就會公開接種第二劑給大家看。
對於蘇貞昌的說法楊植鬥隨即在臉書打出許多問號並表示「這人到底在說啥」？許多網友也在其PO文下方留言表示「他可能也不知道自己在說什麼」、「現在需要知道自己在說什麼才可以當官嗎？不是只要會騙神明就可以了嗎？」「笑死日頭赤炎炎隨人顧性命」。</t>
  </si>
  <si>
    <t>疫苗蘇貞昌表示公開數量到貨接種施打疫情楊植可以說法問號到底現在率先足夠日頭</t>
  </si>
  <si>
    <t>蘇貞昌新冠肺炎打第二劑台灣疫苗</t>
  </si>
  <si>
    <t>肺炎臺灣疫苗蘇貞昌</t>
  </si>
  <si>
    <t>點燈新北中和登場世界祈福光明</t>
  </si>
  <si>
    <t>新北市中和區公所31日將於中和華新街舉辦「2020光明點燈節」活動今（26日）舉辦宣傳記者會適逢新冠肺炎疫情蔓延全球現場特別用小燭光排出了「No COVID-19」的字樣中和區長賴俊達也強調要在中和點燈為世</t>
  </si>
  <si>
    <t>點燈舉辦中和區長字樣covid-no燭光于中和特別現場全球蔓延疫情華新街肺炎光明適逢宣傳記者會區公所</t>
  </si>
  <si>
    <t>新北市中和區公所31日將於中和華新街舉辦「2020光明點燈節」活動今（26日）舉辦宣傳記者會適逢新冠肺炎疫情蔓延全球現場特別用小燭光排出了「No COVID-19」的字樣中和區長賴俊達也強調要在中和點燈為世界祈福歡迎民眾一起共襄盛舉。
現場由緬甸華僑表演點燈舞揭開序幕賴俊達與市議員陳錦錠、金瑞龍、邱烽堯、遊輝宂、張志豪、賢清文教基金會執行長張智倫、華夏科技大學校長陳錫圭、竹林中學校長顏麗珠等共同攜手「點亮花開佛主顯臨」盼在漫長的防疫生活中提供心靈的溫暖與支援。
賴俊達表示新北市擁有來自全球120多個國家的新住民及移工五顏六色、多元繽紛的文化在這塊土地上綻放。緬甸移民回台定居的華僑在全台共有10萬餘人口新北市就有8萬餘其中超過半數在中和區生根大部分聚居在南勢角一帶是全國緬僑居住最多的地區。
他強調緬僑們早已深深融入新北市的大家族中並且在中和華新街逐漸形成異國美食聚集地及商圈藉由傳統點燈禮佛祈福活動讓全國民眾認識東南亞文化增進民眾與新住民間瞭解與尊重。
中和區公所表示2020緬甸光明點燈節好康多多31日在中和華新街熱鬧登場將會進行交通管制活動下午4時將發送摸彩券3000張最大獎Switch遊戲機、氣炸鍋等並加碼前500名排隊者還能參加緬甸文化體驗闖關可獲得「道地美食-緬甸芝麻酥、可樂1罐及LED小燭燈」。
另外華夏科大也設計置抓寶及好玩的遊戲要與民眾動現場還有免費費的彩繪及東南亞書車、文物展示等。5時30分多達300人的民族服裝踩街秀開始在舞龍隊的前導下緬甸宮廷服裝美女隊、八大民族服裝隊、克欽族美女隊、印尼、越南、雲南、客家、原住民以及在地裡民等華麗登場。
此外邀請到2020新北創意大賞金獎學生作品-緬梔之美及2019世界螢光棒舞蹈大賽冠軍-華夏科大螢光舞及緬甸知名歌手Y WINE等想一次欣賞緬甸及多元民族的特色與文化歡迎民眾也可自行攜帶燈光、燭火一同來2020中和緬甸光明點燈節保平安、祈福願、助好運點亮千盞燭光感受佛主庇佑的萬丈光芒。</t>
  </si>
  <si>
    <t>緬甸中和民眾新北點燈現場活動賴俊達文化祈福華新街光明華夏民族服裝燭光美食全國</t>
  </si>
  <si>
    <t>緬甸中和2020民眾新北市</t>
  </si>
  <si>
    <t>中和新北民眾緬甸</t>
  </si>
  <si>
    <t>確診附近查證po新北</t>
  </si>
  <si>
    <t>新北市一位許姓女子2020年8月間曾在臉書PO文指控「我家附近死了一個確診者…別再欺騙臺灣人了」同年9月又再度上傳「2位鄰居都是發高燒住院沒幾天就被醫院草率開普通肺炎死亡證明結案」。新北地檢署今（19日）偵</t>
  </si>
  <si>
    <t>新北結案曾在證明死亡po肺炎普通指控我家草率附近醫院確診住院發高燒欺騙</t>
  </si>
  <si>
    <t>新北市一位許姓女子2020年8月間曾在臉書PO文指控「我家附近死了一個確診者…別再欺騙臺灣人了」同年9月又再度上傳「2位鄰居都是發高燒住院沒幾天就被醫院草率開普通肺炎死亡證明結案」。新北地檢署今（19日）偵結依違反嚴重特殊傳染性肺炎防治及紓困振興特別條例將其起訴。
檢方表示衛生福利部於2020年1月15日公告新型冠狀病毒（COVID-19）為第五類法定傳染病若隨意散佈不實疫情消息將造成社會大眾恐慌。檢警調查許姓女子在去年8月間於臉書發文內文寫下「我家附近死了一個確診者你們沒有紀錄別再欺騙臺灣人了」。
事隔未一月同年9月許女再度發文寫道「XX路的A先生與我們的網友B先生的爸爸都是高燒住院沒幾天就被醫院以普通肺炎草率開死亡證明書結案」並指控「蔡政府每日零確診真的騙很大。」
檢方偵查時許女不認罪聲稱消息經過查證證人A更表述從未向許女透露鄰居的死亡為新冠肺炎所致B先生在臉書上則說「我父親可能就是完全沒驗就依普通肺炎開死亡證明」。
檢方偵結認定內文並未提及B父的死因為新冠肺炎判定許女並未做查證終依違反「嚴重特殊傳染性肺炎防治及紓困振興特別條例」第14條散播有關嚴重特殊傳染性肺炎流行疫情之謠言或不實訊息將許女起訴將可處3年以下有期徒刑、拘役或科或併科新臺幣300萬元以下罰金。</t>
  </si>
  <si>
    <t>肺炎許女死亡確診先生消息發文查證鄰居內文並未同年指控再度起訴結案嚴重不實</t>
  </si>
  <si>
    <t>確診者新冠肺炎COVID-19臉書起訴</t>
  </si>
  <si>
    <t>肺炎covid-起訴確診</t>
  </si>
  <si>
    <t>療法血漿測試肺炎</t>
  </si>
  <si>
    <t>美國衛生研究院（NIH）轄下國家過敏和傳染病研究所（NIAID）表示包含日本武田製藥等多家藥商已開始對住院的新冠肺炎病患測試一套臨床實驗性的血漿療法即從康復者身上抽取癒後血漿利用血中抗體製成治療藥物。</t>
  </si>
  <si>
    <t>血漿轄下國家過敏傳染病研究所niaid表示包含日本武田nih製藥開始抽取住院康復者肺炎</t>
  </si>
  <si>
    <t>血漿療法病毒治療抗體測試研究美國康復者niaid製藥武田表示藥物使用球蛋白免疫國家製造</t>
  </si>
  <si>
    <t>抗體肺炎製藥血漿藥商</t>
  </si>
  <si>
    <t>製藥肺炎血漿抗體</t>
  </si>
  <si>
    <t>汽車族群美中</t>
  </si>
  <si>
    <t>受到新冠肺炎疫情升溫與企業延期復工影響大陸249家赴美上市的中概股在1月24日至3月12日期間共有219家公司總市值下滑。其中因大陸汽車產業重鎮湖北省為疫情重災區拖累中概股汽車股重跌二手車電商平臺「優信</t>
  </si>
  <si>
    <t>疫情大陸二手車重跌升溫汽車企業延期市值復工下滑影響拖累汽車產業重鎮重災區赴美湖北省肺炎平臺公司期間共有上市</t>
  </si>
  <si>
    <t>大陸疫情汽車公司期間教育下滑累計互聯網市值影響企業受到政策重災區湖北省業績汽車業肺炎產銷量</t>
  </si>
  <si>
    <t>中概股企業肺炎大陸互聯網金融累計</t>
  </si>
  <si>
    <t>肺炎大陸企業互聯網金融累計</t>
  </si>
  <si>
    <t>場所歌唱視聽申請核准複業</t>
  </si>
  <si>
    <t>中央流行疫情指揮中心宣佈有條件開放部分休閒娛樂場所經濟部公告視聽歌唱場所防疫管理措施指引台中市政府立即依相關指引公告申請復業程式及內容；經發局統計申請至7日共44家提出申請42家符合規定已核准復業。</t>
  </si>
  <si>
    <t>公告申請指引複業中心宣佈條件開放部分指揮休閒統計娛樂場所經濟部措施視聽管理歌唱防疫場所提出符合規定疫情經發局內容台中市政府立即</t>
  </si>
  <si>
    <t>中央流行疫情指揮中心宣佈有條件開放部分休閒娛樂場所經濟部公告視聽歌唱場所防疫管理措施指引台中市政府立即依相關指引公告申請復業程式及內容；經發局統計申請至7日共44家提出申請42家符合規定已核准復業。經發局強調後續將按申請順序逐案審查。
經發局說國內疫情趨緩市府陸續接獲許多業者詢問電話希望盡速恢復營業因中央流行疫情指揮中心規定申請從業人員須6成已至少施打1劑疫苗且滿14天部分業者因疫苗施打證明檔準備不全因此擇期再送件。
經發局指出截至7日下午5時止累計申請家數有44家核准家數42家後續將按申請順序逐案審查若符合規定將協助業者儘速復業並依中央指引強化防疫措施。
經發局表示經核准有條件開放的場所應依循中央防疫規範與指引落實防疫措施市府後續將加強查核要求業者落實防疫措施如違反防疫措施將依傳染病防治法裁罰提醒民眾於休閒娛樂場所消費務必配合相關規定保護自己、保護他人。</t>
  </si>
  <si>
    <t>申請防疫措施業者複業指引中央疫情核准後續市府公告娛樂場所休閒符合規定場所部分規定相關開放條件施打</t>
  </si>
  <si>
    <t>申請經發局復業業者視聽</t>
  </si>
  <si>
    <t>複業視聽經發局申請業者</t>
  </si>
  <si>
    <t>惡化全球確診疫情死亡</t>
  </si>
  <si>
    <t>新冠肺炎疫情肆虐全球根據美國約翰霍普金斯大學（Johns Hopkins University）統計隨著歐美疫情肆虐全球新冠肺炎確診人數今天正式突破百萬人台灣時間今天清晨4點15分為止全球確診1百萬2159人全球新冠病故</t>
  </si>
  <si>
    <t>全球今天疫情確診肆虐肺炎university統計hopkinsjohns時間約翰霍普金斯大學正式歐美美國人數臺灣突破清晨病故</t>
  </si>
  <si>
    <t>新冠肺炎疫情肆虐全球根據美國約翰霍普金斯大學（Johns Hopkins University）統計隨著歐美疫情肆虐全球新冠肺炎確診人數今天正式突破百萬人台灣時間今天清晨4點15分為止全球確診1百萬2159人全球新冠病故人數也突破5萬來到5萬1485人。
根據美國約翰霍普金斯大學官網美國是全球確診個案最多的國家已確診23萬6339人其次是義大利11萬5242人西班牙及德國分別以11萬0238及8萬4600人緊隨其後中國大陸8萬2432人名列第5。
新冠死亡人數統計義大利1萬3915人排名第一其次依序為：西班牙1萬0096人、美國5648人、法國4514人、中國大陸3322人。
美國新冠疫情嚴峻美國副總統彭斯更稱美國的疫情走勢將與重災區義大利類似。川普政府正準備面對大量平民死亡局面五角大廈已著手籌備10萬個軍用屍袋供死者之用。</t>
  </si>
  <si>
    <t>美國全球疫情大利確診死亡人數統計約翰霍普金斯大學突破西班牙肆虐今天肺炎中國大陸五角大廈面對局面準備平民籌備</t>
  </si>
  <si>
    <t>新冠病毒新冠肺炎武漢肺炎全球100萬</t>
  </si>
  <si>
    <t>武漢肺炎病毒全球</t>
  </si>
  <si>
    <t>指定臺灣人外援隔離最好貝克漢方法</t>
  </si>
  <si>
    <t>新冠肺炎擴散肆虐全球疫情拉警報不少國家已下達緊急命令將民眾的外出機率降到最低而歐美災情慘重名流、娛樂圈確診甚至染疫病逝的消息頻傳因此不少名人選擇居家隔離保障安全包含足球名將貝克漢一家他</t>
  </si>
  <si>
    <t>肆虐包含安全全球疫情保障隔離警報居家國家選擇名人下達緊急命令消息足球擴散民眾外出疫病甚至</t>
  </si>
  <si>
    <t>新冠肺炎擴散肆虐全球疫情拉警報不少國家已下達緊急命令將民眾的外出機率降到最低而歐美災情慘重名流、娛樂圈確診甚至染疫病逝的消息頻傳因此不少名人選擇居家隔離保障安全包含足球名將貝克漢一家他近日po文表示全家已隔離長達4周生活壓力甚大因此對外求援請教的對象指定是「台灣人」。
貝克漢不時更新各社群分享他們一家子因疫情在家隔離的情況近日他在臉書po文表示已經隔離近4個禮拜平常會玩樂高、下廚、看電影、做運動當然也多少試著進行一些工作但時間一拖長真的是有點「沒招」了於是上網求救。
「我知道你們都很有創意所以我來向在台灣的家人們尋求一些建議」貝克漢求援對象竟指定找台灣人「請教教我如何保持安適、保持樂觀還有怎麼逗小孩開心？」請求台灣的朋友能留言給他最棒的建議「我會挑幾個喜歡的來分享！」而以友善著稱的台灣網友們聞言馬上趕來提供「Tips from Taiwan(台灣小撇步)」把最近的風潮都「傾囊相授」包含製作400次咖啡、自製珍奶、switch新遊戲情報、陪孩子畫畫等順勢敲碗貝克漢開YouTube頻道多多分享生活彼此排解枯燥日常與壓力。</t>
  </si>
  <si>
    <t>臺灣隔離分享貝克漢疫情包含建議生活求援近日請教臺灣人表示po對象壓力指定肆虐保持全球名流歐美娛樂最低確診降到</t>
  </si>
  <si>
    <t>貝克漢隔離台灣人求援新冠肺炎</t>
  </si>
  <si>
    <t>求援臺灣人隔離肺炎貝克漢</t>
  </si>
  <si>
    <t>守護規定市民探視健康原則</t>
  </si>
  <si>
    <t>中央1日開放長照機構探視新北市府不跟進今自行發布長照機構探視規定被外界質疑「逆時中」；對此新北市長侯友宜今受訪表示新北市這一路走來每項防疫措施都有順序、有步驟、有組織慢慢執行也會滾動式修正</t>
  </si>
  <si>
    <t>新北機構探視執行慢慢措施防疫走來組織表示有步驟市長順序對此質疑外界規定自行發佈</t>
  </si>
  <si>
    <t>中央1日開放長照機構探視新北市府不跟進今自行發布長照機構探視規定被外界質疑「逆時中」；對此新北市長侯友宜今受訪表示新北市這一路走來每項防疫措施都有順序、有步驟、有組織慢慢執行也會滾動式修正「不管外界怎麼看守護402萬市民健康是我第一個、也是最高原則。」
侯友宜表示長照機構屬於最高風險族群群聚之處應採取更嚴格的管控措施中央1日宣佈開放探親新北市和所有長照機構討論後認為這樣一個標準不夠嚴格經多次權衡以防疫優先、專業評估為前提下針對長照機構做了限人、限時、限地、甚至包括限年齡的規範並呼籲民眾「非必要的探視就不需要去探視。」
侯友宜指出新北市會隨時抽查、嚴格把關不論探視民眾、長者、慢性病者、弱勢族群都能在最嚴格、最安全的把關下得到妥善保護。
侯友宜說至於這樣一個防疫策略適當與否新北市有新北市的步驟防疫只有「過」而無「不及」新北市一定要做好萬全的準備不管外界怎麼看他一定守著402萬市民的健康為第一個、最高的原則</t>
  </si>
  <si>
    <t>新北嚴格探視侯友宜機構防疫外界措施民眾一定族群表示把關市民健康</t>
  </si>
  <si>
    <t>新北市長照機構侯友宜防疫逆時中</t>
  </si>
  <si>
    <t>侯友宜機構防疫新北</t>
  </si>
  <si>
    <t>場所擁擠時中人潮曾至在家辦公</t>
  </si>
  <si>
    <t>清明連假結束中央流行疫情指揮中心為避免疫情擴大今天上午召開臨時記者會宣佈曾出入熱門旅遊景點、人潮擁擠的地方活動的民眾務必實施14天的自主健康管理避免出入公共場所外出時務必配戴口罩儘可能在家上</t>
  </si>
  <si>
    <t>務必出入避免疫情流行配戴擴大中央今天上午外出記者會宣佈召開公共場所熱門地方旅遊景點活動人潮民眾擁擠實施管理健康自主口罩指揮中心</t>
  </si>
  <si>
    <t>清明連假結束中央流行疫情指揮中心為避免疫情擴大今天上午召開臨時記者會宣佈曾出入熱門旅遊景點、人潮擁擠的地方活動的民眾務必實施14天的自主健康管理避免出入公共場所外出時務必配戴口罩儘可能在家上班有症狀禁上班上學。若有腹瀉、味覺、嗅覺失調症狀者必須就醫或打1922通報就醫時務必告知旅遊史。
指揮官陳時中表示除自主健康管理外接下來將要求企業進行彈性上班、異地上班的規劃民眾外出必須戴口罩避免不必要的外出若要外出也要維持嚴格的社交距離有症狀者不得上班、上學民眾可向主管報備在家辦公學生也要向師長提供旅遊史。
指揮中心強調與他人保持室內15公尺、室外1公尺的社交安全距離若無法保持請配戴口罩；搭乘大眾運輸時應全程配戴口罩並配合量測體溫勸導不聽最高罰新台幣1萬5千元；若身體不適請戴口罩速就醫主動告知旅遊、接觸史等並落實生病在家休息。</t>
  </si>
  <si>
    <t>口罩上班務必民眾在家避免旅遊配戴外出症狀出入就醫保持指揮距離社交中心必須管理健康自主上學告知</t>
  </si>
  <si>
    <t>配戴口罩人潮連假擁擠民眾</t>
  </si>
  <si>
    <t>人潮擁擠口罩民眾配戴</t>
  </si>
  <si>
    <t>林書豪三分球cba</t>
  </si>
  <si>
    <t>為了給自己更多的激勵與刺激原本在大陸CBA例行賽允諾每投進1顆三分球就捐3000人民幣(約台幣13萬)給弱勢孩童的林書豪決定在接下來的季後賽「加碼」只要他在季後賽投進1顆三分球就會捐出21000人民幣(約台幣8</t>
  </si>
  <si>
    <t>三分球人民幣大陸季後cba台幣例行原本允諾決定林書豪孩童弱勢刺激接下來激勵加碼</t>
  </si>
  <si>
    <t>為了給自己更多的激勵與刺激原本在大陸CBA例行賽允諾每投進1顆三分球就捐3000人民幣(約台幣13萬)給弱勢孩童的林書豪決定在接下來的季後賽「加碼」只要他在季後賽投進1顆三分球就會捐出21000人民幣(約台幣88萬)！
「聯賽打完了因為每一場的比賽越來越重要我也想把『三分心』做更好從現在開始我投進的每個三分球就會是之前捐出的7倍從3000到21000！」林書豪在微博上表示「讓我們一起把公益傳遞更遠幫助更多孩子完成夢想！」
或許球迷會很迷惑為何林書豪在季後賽的投進三分球捐款會變7倍而不是更多？畢竟這是豪哥最喜歡的球衣號碼選擇變成7倍也很合理他在本季例行賽總共投進51顆三分球等於已經捐出153萬人民幣就看季後賽能進幾顆。
但受到新冠疫情影響CBA季後賽賽程大幅縮水前兩輪打單淘汰制後兩輪進行3戰2勝制所以林書豪最多打7場季後賽他所效力的北京首鋼將在季後賽次輪遭遇福建潯興到了4強準決賽很可能碰上奪冠呼聲最高的廣東宏遠。</t>
  </si>
  <si>
    <t>林書豪季後三分球人民幣cba例行台幣可能准決賽公益碰上一起</t>
  </si>
  <si>
    <t>季後賽投進三分球林書豪CBA</t>
  </si>
  <si>
    <t>三分球林書豪cba季後</t>
  </si>
  <si>
    <t>疫情損失聯盟公司保險mlb法庭</t>
  </si>
  <si>
    <t>大聯盟本季因為新冠疫情損失慘重整個例行賽關門比賽球團幾乎「顆粒無收」並且保險公司拒絕理賠。總裁曼佛雷德(Rob Manfred)宣稱損失達到30億美元《美聯社》報導30支球隊在今年10月一起告上加州法庭向保險</t>
  </si>
  <si>
    <t>保險疫情損失慘重例行一起關門今年比賽球隊報導美聯社達到損失幾乎宣稱manfred顆粒無收rob雷德公司拒絕總裁</t>
  </si>
  <si>
    <t>大聯盟本季因為新冠疫情損失慘重整個例行賽關門比賽球團幾乎「顆粒無收」並且保險公司拒絕理賠。總裁曼佛雷德(Rob Manfred)宣稱損失達到30億美元《美聯社》報導30支球隊在今年10月一起告上加州法庭向保險公司求償。
球隊損失的包括門票、停車費、豪華包廂、周邊商品銷售、贊助商廣告、地方媒體與轉播單位。大聯盟聲明表示：「我們承受了巨大財務損失我們非常肯定這些損失都在保險合約的理賠範圍之內我們對法庭的判決有信心。」
保險公司主張合約的範圍只限於物理上的人員傷亡和財物損失這些大聯盟的屬於預期收入的損失合約裡沒有保障客戶每年都能營收幾十億美金。有幾支小聯盟球隊也向保險公司求償失敗小聯盟今年球季取消人事開支也只能靠大聯盟球團扛下還有很多員工被裁一些球員因此被釋出。
以東京奧運來說國際奧會歷屆有特別投保「賽事取消」和「傳染病」的保險《路透》報導他們的保額可達8000萬美元。例如德國公司《慕尼克再保險》擔憂東奧打不成若賽事取消他們就得理賠數千萬歐元。</t>
  </si>
  <si>
    <t>保險聯盟損失公司取消合約理賠球隊報導賽事今年法庭範圍求償贊助商商品銷售廣告周邊東京釋出損失慘重球員包廂</t>
  </si>
  <si>
    <t>保險大聯盟MLB新冠肺炎武漢肺炎</t>
  </si>
  <si>
    <t>mlb聯盟肺炎武漢保險</t>
  </si>
  <si>
    <t>展開今日pcr竹南京元電</t>
  </si>
  <si>
    <t>陷入這波染疫風暴的京元電竹南廠為了徹底清除疫情13日上午在造橋臨時移工宿舍展開第3波的PCR篩檢受檢男女移工篩檢前後都接受徹底消毒京元電在竹南廠對本籍員工全面篩檢行動12日已完成全部5千多人篩檢1</t>
  </si>
  <si>
    <t>京元電竹南風暴行動徹底清除消毒造橋pcr徹底上午宿舍疫情接受前後員工展開全面受檢</t>
  </si>
  <si>
    <t>陷入這波染疫風暴的京元電竹南廠為了徹底清除疫情13日上午在造橋臨時移工宿舍展開第3波的PCR篩檢受檢男女移工篩檢前後都接受徹底消毒京元電在竹南廠對本籍員工全面篩檢行動12日已完成全部5千多人篩檢11日共篩出3名陽性日後將由駐廠醫師持續不定期PCR篩檢一旦發現有陽性者一律不得入廠。
京元電竹南廠從5月30日爆發員工群聚感染後迄今已逾2周在中央流行疫情指揮中心派員進駐廠區成立前進指揮所全權指導防疫措施後業者先將3棟竹南廠外籍移工宿舍依序降載、清空後將全部近千名移工遷至京元電造橋移工宿舍分流安置並在9日進行第2次快篩及PCR檢測結果再度清出30人陽性隨予隔離。
為了徹底查清所有可能帶原者京元電13日上午8時開始在造橋移工宿舍展開第3波PCR篩檢所有前2波篩檢陰性的男女移工全部都要再受檢期望達到滴水不漏。
受檢男女移工13日並未安排上班在頭份為恭醫院及桃園敏盛醫院合組團隊的指揮下男女移工們依序採檢採檢前後醫療團隊並要對每個受檢人員徹底噴消移工排隊並要求維持社交距離。預計第3波篩檢工作將在1天內完成。
至於京元電竹南廠連續2天對本籍員工篩檢工作在臺北榮總的支援下至12日業已完成全部5千多名員工篩檢11日篩檢結果出現3名員工陽性12日結果尚待確認。</t>
  </si>
  <si>
    <t>京元電竹南徹底員工pcr陽性男女受檢宿舍完成指揮疫情結果前後工作醫院造橋</t>
  </si>
  <si>
    <t>新冠肺炎台灣   篩檢京元電竹南廠</t>
  </si>
  <si>
    <t>臺灣肺炎京元電竹南</t>
  </si>
  <si>
    <t>後悔全家一天內az打到疫苗</t>
  </si>
  <si>
    <t>中央流行疫情指揮中心規劃第九輪接種BNT及高端疫苗預計9月底開打而選擇要施打AZ跟莫德納疫苗的民眾只能期盼第十輪近日有網友分享讓全家人一天都打到AZ方式引起熱議。一名女網友在PTT八卦板發文表示自己與</t>
  </si>
  <si>
    <t>az疫苗女網友中心規劃接種引起bnt方式高端ptt指揮打到預計天都分享全家人網友月底近日期盼選擇只能</t>
  </si>
  <si>
    <t>中央流行疫情指揮中心規劃第九輪接種BNT及高端疫苗預計9月底開打而選擇要施打AZ跟莫德納疫苗的民眾只能期盼第十輪近日有網友分享讓全家人一天都打到AZ方式引起熱議。
一名女網友在PTT八卦板發文表示自己與家人在7月19日前意願登記沒勾選AZ疫苗後來第七輪開放施打施打年齡更降到23-28歲自嘲是「看不到別人車尾燈的低端人口」不過9日開打後她和家人化被動為主動開始打電話去各家診所詢問殘劑結果兩天後全家人都順利打到疫苗。
排了6間診所疫苗殘劑隔天就收到通知結果全家人一天內都打到AZ第一劑讓她好奇「有沒有現在預約殘劑比等政府順序還快的八卦？」也打趣的說還是台南大部分人都打國產疫苗AZ殘劑才會這麼好排？
貼文一出有人紛紛留言回應「台南有開放殘劑？」、「想打AZ的都打完了」、「想快一點本來就是自己積極預約殘劑」。也有人認為是BNT疫苗到貨造成的「可能去等BNT了吧？」、「下禮拜肯定超多殘劑因為18~22（歲）會放棄」。
指揮中心統計截至昨（11）日AZ疫苗共接種794萬4221劑；莫德納377萬9599劑；高端71萬5935劑；總計接種1243萬9755劑接種人口涵蓋率4858%。</t>
  </si>
  <si>
    <t>疫苗az全家人bnt打到接種家人中心台南人口指揮施打開放預約診所結果</t>
  </si>
  <si>
    <t>AZ接種殘劑BNT打完</t>
  </si>
  <si>
    <t>打完azbnt接種</t>
  </si>
  <si>
    <t>教授林建it受災戶特別保險學風險管理公平待客政大</t>
  </si>
  <si>
    <t>新冠肺炎疫情在全台大爆發全民防疫不能出門金融業力推數位金融服務。但政治大學風險管理與保險學系教授林建智提醒疫情造就兩大新弱勢包括因疫情影響財務工作收入受到衝擊的人、IT小白（沒手機電腦、不愛上</t>
  </si>
  <si>
    <t>疫情手機it全台衝擊受到爆發防疫電腦收入不能工作全民財務影響出門金融業力推數位金融服務政治大學提醒風險管理保險學</t>
  </si>
  <si>
    <t>新冠肺炎疫情在全台大爆發全民防疫不能出門金融業力推數位金融服務。但政治大學風險管理與保險學系教授林建智提醒疫情造就兩大新弱勢包括因疫情影響財務工作收入受到衝擊的人、IT小白（沒手機電腦、不愛上網的人）也特別需要公平待客。
林建智表示這波疫情下已讓許多原本的中產階級、中小企業主因為財務工作收入受到衝擊變弱勢族群他們可能比一般人還較易受害甚至被限制金融交易。
林建智指出國銀在疫情下對弱勢族群的關懷已有若干良好實務運作例如：紓困貸款、主動降息、貸款寬緩、卡費緩繳、保險費緩繳、保險單借款利息展延。然而這些作為多半是配合政府紓困而為若金融機構能「化被動為主動」積極主動關懷弱勢客戶、尋求反饋、進而調整業務模式將更能彰顯公平待客的精神。
林建智舉例英國FCA在2021年2月就發布關於在新冠肺炎疫情後公平對待弱勢客戶新的「指導」揭露出金融機構需要改進的失誤。其中就新冠肺炎的衝擊FCA的調查顯示38％的受訪者認為財務狀況有惡化的現象換言之因疫情影響所導致客戶的收入減少或就業困難進而造成其財務狀況惡化甚至會質變成為「弱勢」族群。
第二大弱勢族群則是「IT小白」。這些人不是財務弱勢但卻是對新科技應用的弱勢。林建智指出隨著疫情爆發客戶親赴臨櫃的意願降低數位金融業務日趨熱絡。但對於數位化尚未普及的偏鄉或族群（如：銀髮族）數位金融可能引發新型態的「脆弱性」例如因不熟悉操作或無法上網而有消費障礙造成新型態的弱勢客戶而受有傷害。因此金融機構推動數位轉型時應特別關注數位弱勢族群的需求以免引發違反公平待客的質疑。
林建智強調公平待客要能落實單靠法規政策恐流於形式應拉高到董事會層級由上而下讓各階層瞭解公司重視公平待客、體會沒做好的風險、慢慢內化為企業文化可透過政策揭露、各階層奉行、監測內化三步驟來落實。</t>
  </si>
  <si>
    <t>弱勢疫情數位公平族群客戶林建待客金融機構政策衝擊階層財務收入例如紓困主動可能甚至造成</t>
  </si>
  <si>
    <t>肺炎建智弱勢財務族群</t>
  </si>
  <si>
    <t>弱勢財務族群肺炎</t>
  </si>
  <si>
    <t>滿意度侯友宜防疫都居冠</t>
  </si>
  <si>
    <t>新冠肺炎肆虐台灣連續2天新增個案「零確診」除了有賴中央統籌指揮外各縣市首長更扮演起防疫的關鍵角色根據媒體最新民調顯示六都首長防疫措施新北市長侯友宜以883％的超高滿意度拿下第一獲得最多民眾</t>
  </si>
  <si>
    <t>首長防疫臺灣連續新增個案確診有賴中央肆虐滿意度統籌指揮侯友宜市長各縣市新北措施扮演關鍵角色新民媒體六都顯示</t>
  </si>
  <si>
    <t>新冠肺炎肆虐台灣連續2天新增個案「零確診」除了有賴中央統籌指揮外各縣市首長更扮演起防疫的關鍵角色根據媒體最新民調顯示六都首長防疫措施新北市長侯友宜以883％的超高滿意度拿下第一獲得最多民眾支持。
黃偉哲鄭文燦 分居2、3名
肺炎疫情爆發各國加強防疫避免疫情擴散。遠見調查研究中心3月進行「六都防疫滿意度調查」針對六都逾4000名民眾電話訪談侯友宜滿意度高達883％拿第一台南市長黃偉哲、桃園市長鄭文燦則緊跟在後。
民調顯示很滿意侯友宜表現的比例為435％、有點滿意448％整體滿意度高達883％比第二名黃偉哲821％高出62％。從民調平均值來看六都滿意平均值6567％侯友宜超過平均值2263％不滿意平均值1853％侯不滿意度僅2％六都中最低。
多次向中央建言 超前部署
口罩之亂期間侯友宜向中央建議實名制更率先呼籲中央應先確保國內物資無虞狀況下再開放進口另外規畫清空計畫設立醫療人員防疫需求暫住居所、兵棋推演、擴大管制演練等都讓民眾相當有感在所有防疫作為中都成為讓民眾有感的具體戰功。
針對民調結果六都第一新聞局長蔣志薇表示得知民調結果時有向市長報告但侯僅簡短回應「好好做事疫情還沒結束好好做好防疫工作！」仍持續關注疫情變化及防疫作為。
「給予侯友宜及其團隊高度肯定！」新北市議員金瑞龍說新北市人口逾400萬防疫作為一旦出現破口恐會釀成嚴重災情也會危及到其他縣市侯團隊多次超前部署提出具體可行的政策民調第一是實至名歸。</t>
  </si>
  <si>
    <t>防疫侯友宜六都中央民眾疫情滿意度市長作為黃偉哲滿意新北肺炎超前首長部署團隊顯示好好鄭文燦具體結果</t>
  </si>
  <si>
    <t>滿意滿意度肺炎六都侯友宜</t>
  </si>
  <si>
    <t>滿意度肺炎侯友宜六都滿意</t>
  </si>
  <si>
    <t>產業av跟風肺炎災難誕生</t>
  </si>
  <si>
    <t>新冠肺炎讓許多產業出現新變革連AV業界也得「順應時勢」引發一串新流行的跟風。網站DECIDER顯示在3月4日左右人氣A片網站Pornhub以「新冠肺炎（coronavirus）」做為關鍵字的影片就有115件而影片的內容</t>
  </si>
  <si>
    <t>網站肺炎做為coronavirus影片變革出現pornhubdeciderav跟風順應時勢關鍵字引發流行顯示產業人氣內容</t>
  </si>
  <si>
    <t>新冠肺炎讓許多產業出現新變革連AV業界也得「順應時勢」引發一串新流行的跟風。
網站DECIDER顯示在3月4日左右人氣A片網站Pornhub以「新冠肺炎（coronavirus）」做為關鍵字的影片就有115件而影片的內容則包含「和病毒戰鬥/在廢棄屋及危險的野外性愛」及「與不能外出的犧牲者做進一步接觸」最受歡迎的片子甚至已播放5萬7千多次。
製作AV的公司Spicy x Rice最近推出一支新的A片內容設定為夫妻是美國國土安全部的職員發現患有新冠肺炎病毒的女性；另外一家Little Squirtles的新影片片名則是「COVID-19：解決性衝動要戴口罩」都是另一種形式的「災難片」。
其他新的設定也有主角以亞洲人為主、在封鎖的城市裡不知何事會發生的恐懼感、或是穿上防護衣、戴上面罩做愛做的事…為了吸引點閱率AV產業也要很拼。
更多 CTWANT 報導</t>
  </si>
  <si>
    <t>av肺炎影片病毒內容產業設定網站發生不知歡迎片子接觸進一步恐懼感</t>
  </si>
  <si>
    <t>AV新冠肺炎產業跟風災難片</t>
  </si>
  <si>
    <t>肺炎產業跟風災難av</t>
  </si>
  <si>
    <t>口罩地方授權時中政府起開場所大類</t>
  </si>
  <si>
    <t>中央流行疫情指揮中心表示COVID-19疫情延燒全球我國防疫有成連續多日無本土病例指揮中心自6月7日起放寬國內防疫措施但也發現到近期民眾警戒心下降整體防疫新生活運動落實情形不盡理想因此在8月5日提醒</t>
  </si>
  <si>
    <t>防疫中心指揮疫情情形運動落實生活民眾近期整體下降警戒全球發現措施我國連續有成國內放寬</t>
  </si>
  <si>
    <t>中央流行疫情指揮中心表示COVID-19疫情延燒全球我國防疫有成連續多日無本土病例指揮中心自6月7日起放寬國內防疫措施但也發現到近期民眾警戒心下降整體防疫新生活運動落實情形不盡理想因此在8月5日提醒民眾在出入無法保持社交距離、或會密切接觸不特定對象之人潮擁擠或密閉場所時務必佩戴口罩也列舉了八大類人潮擁擠或密閉場所如醫療照護機構、大眾運輸、賣場市集、教育學習場所、展演競賽場所、宗教場所、娛樂場所及大型活動等。
指揮中心強調國內社區目前相對安全現階段仍以加強宣導落實防疫新生活運動同時勸導民眾配合在這八大類場所佩戴口罩為主。惟地方主管機關如已依據傳染病防治法第37條第1項第6款之規定規劃或已公告八大類場所「強制戴口罩及訂有相關罰則」指揮中心原則予以尊重該等縣市則應依傳染病防治法第37條第3項將公告內容函送指揮中心。
指揮中心另表示未來如果國內疫情升溫有縣市或特定場域出現感染源不明之本土病例時考量這些場所發生不特定對象或群聚感染的風險較高需提高對於佩戴口罩之強制力將要求地方政府及各目的事業主管機關依法公告罰則並對屢勸不聽者依具體情節裁罰。
倘疫情更趨嚴峻感染源不明之本土病例持續增加且涉及多數縣市或場域時將由指揮中心評估並宣佈全國性之強制措施以阻斷傳播鏈。</t>
  </si>
  <si>
    <t>場所中心指揮防疫民眾口罩疫情公告國內感染佩戴八大本土傳染病主管機關對象防治法地方</t>
  </si>
  <si>
    <t>八大場所指揮中心戴口罩新冠肺炎</t>
  </si>
  <si>
    <t>口罩中心指揮場所八大肺炎</t>
  </si>
  <si>
    <t>外籍看護確診足跡雲林曝光</t>
  </si>
  <si>
    <t>雲林縣今天新增1例COVID-19本土確診個案為一名女外籍看護雲林縣維持零確診62天破功；縣府在其足跡周遭環境清消外明天將在北港鎮草湖裡西湖活動中心設置社區快篩。張麗善今天召開疫情線上記者會說明新增1起CO</t>
  </si>
  <si>
    <t>今天確診新增林縣記者會北港鎮湖裡明天西湖活動中心疫情設置環境召開社區張麗善足跡</t>
  </si>
  <si>
    <t>雲林縣今天新增1例COVID-19本土確診個案為一名女外籍看護雲林縣維持零確診62天破功；縣府在其足跡周遭環境清消外明天將在北港鎮草湖裡西湖活動中心設置社區快篩。
張麗善今天召開疫情線上記者會說明新增1起COVID-19（2019冠狀病毒疾病）本土確診個案為案16035一名36歲女性外籍看護雲林縣本土累積確診22例。
張麗善指出案16035今年3月25日由菲律賓初次來台工作入境後至嘉義縣中埔集檢所進行集中檢疫4月7日居檢期滿前採檢PCR檢驗結果為陰性。後續至臺北市內湖區擔任家庭看護工。
案16035於7月16日因故更換雇主工作地改為雲林縣北港鎮當日曾先至台南成大醫院進行自費PCR檢驗為陰性。昨天因至中國醫藥大學北港附設醫院陪病因此進行採檢昨天晚上被通知PCR檢驗陽性目前在醫院治療中。
雲林縣衛生局長曾春美表示確診者足跡地點皆已通知相關單位清消案16035足跡單純大都陪伴長者在北港鎮草湖裡的住家附近散步另於昨天下午3時30分至4時騎腳踏車前往北港鎮華勝路的全家便利商店昨天下午4時至4時30分則至華勝路的全聯福利中心均配戴口罩。
曾春美說這名外籍看護確診縣府目前匡列居家隔離22人需自我健康管理11人及自我健康監測75人。
曾春美指出因應發生外籍看護確診個案明天下午2時起將在北港鎮草湖裡西湖活動中心設置社區熱點快篩若有疑慮及需求者可前往接受免費快篩以杜絕任何可能傳染風險。同時呼籲鄉親加強外籍看護管理避免不必要移動及群聚。（編輯：卞金峰）1100822</t>
  </si>
  <si>
    <t>確診看護北港鎮林縣外籍進行足跡醫院曾春美檢驗pcr前往本土昨天下午個案通知張麗善指出目前湖裡陰性縣府</t>
  </si>
  <si>
    <t>外籍看護北港鎮雲林縣台灣新冠肺炎</t>
  </si>
  <si>
    <t>林縣臺灣北港鎮看護肺炎外籍</t>
  </si>
  <si>
    <t>確診京元電廠群科技陰轉陽苗栗</t>
  </si>
  <si>
    <t>苗栗竹南科技廠移工群聚感染疫情仍未降溫10日再爆增43例！中央流行疫情指揮中心10日通報苗栗縣新增確診病例43例其中外籍移工40例、本國籍3例。京元電子相關11例、智邦科技相關28例、竹科力積電子1例、京鼎科技</t>
  </si>
  <si>
    <t>科技疫情病例新增感染確診苗栗縣通報降溫仍未中心中央指揮流行竹科力相關外籍電子智邦電子相關</t>
  </si>
  <si>
    <t>苗栗竹南科技廠移工群聚感染疫情仍未降溫10日再爆增43例！中央流行疫情指揮中心10日通報苗栗縣新增確診病例43例其中外籍移工40例、本國籍3例。京元電子相關11例、智邦科技相關28例、竹科力積電子1例、京鼎科技2例位以及新增的生物科技廠台欣生物科技1例。
縣長徐耀昌指出新增43例中31例無症狀目前確診個案都已收治隔離中本國籍3例確診個案為電子廠員工確診者以及同住家人或接觸者。
徐耀昌說京元電新增案例11例全數為外籍移工均是接觸者被感染不過都是隔離7天時確診；智邦科技28例中有27例是外籍移工、1例本國籍；京鼎1例本國籍、1例外籍；台欣1例是外籍。
另快篩部分京鼎精密科技公司於9日全廠快篩的360人中陽性1人；智邦科技公司全廠快篩237人部分已全數陰性。
此外包括正達光電全廠快篩296人全數陰性；金明玻璃全廠快篩5人全數陰性；振邦工業全廠快篩17人全數陰性；頂埔裡社區快篩293人全數陰性。
徐耀昌也指出縣府已勸導苗栗縣50位員工以上的潛在高風險企業公司作全員外篩目前全縣有34家廠商已有12家做另有14家預計要做剩餘8家縣府會繼續媒合宣導快篩。
縣府也表示京元電在9日2篩但1000人之中有30人由陰轉陽此部分值得深思與研究因此縣府要求企業廠商要求員工配合快篩下班後更盡量不外出移動。
此外徐耀昌也針對近日有團體或網友評擊縣府不尊重移工人權的問題重話回應表示目前苗栗確診案例379列外籍移工就占305例外籍確診人數已高達80％苗栗上周還是防疫模範生但現在卻有這麼多確診數就是因為移工所引起的這麼大的變化縣府目前是亡羊補牢不得為之希望能夠匡住移工們遵造中央指示一起來把疫情減緩歸零。
他也呼籲鄉親不要一天到晚在講人權難道外籍人士有不當的行為也不能去規範他們嗎？如果確診了哪還有人權。
而縣府衛生局已立即啟動疫調、採檢及清消等防疫工作個案由衛生局安排送醫收治苗縣醫院負壓病房治療相關接觸者及足跡陸續調查中足跡場所進行戶外清消請鄉親安心、放心。</t>
  </si>
  <si>
    <t>確診縣府目前科技徐耀昌全數人權疫情外籍新增陰性員工接觸全廠部分苗栗</t>
  </si>
  <si>
    <t>快篩縣府全數全廠陰性</t>
  </si>
  <si>
    <t>全數縣府全廠陰性</t>
  </si>
  <si>
    <t>衛長兇手感染調查老鼠</t>
  </si>
  <si>
    <t>我國出現首起新冠肺炎實驗室感染案例經過連夜匡列採檢110位接觸者後86名都是陰性其餘24名仍在檢驗中。初步來看中研院P3實驗室染疫情況並未向外擴大但指揮官陳時中10日說社區中足跡複雜仍需要提高警覺</t>
  </si>
  <si>
    <t>實驗室肺炎複雜感染案例足跡連夜接觸匡列采指揮官名都擴大向外社區陳時中並未情況陰性</t>
  </si>
  <si>
    <t>我國出現首起新冠肺炎實驗室感染案例經過連夜匡列採檢110位接觸者後86名都是陰性其餘24名仍在檢驗中。初步來看中研院P3實驗室染疫情況並未向外擴大但指揮官陳時中10日說社區中足跡複雜仍需要提高警覺檢驗陰性僅可代表此時間點沒有檢驗到病毒；目前來看在職場感疫可能性較高還未規劃防疫升級。
陳時中指出已經要求P3實驗室成立專家調查小組針對確診一事做外部調查並且一週內現場查核國內12間操作新冠病毒病原體的實驗室也派員到P3實驗室及公共區域做環境採檢。至於感染來源是否為老鼠？他回應現在還沒有檢查到老鼠目前先調查「人」相關詳情還需要等調查報告出來才會較明朗。
醫療應變組副組長羅一鈞說雖然動物傳染新冠肺炎病毒給人類屬罕見事件但從美國CDC資料來看國際上丹麥、荷蘭、波蘭等國確實有發生水貂傳新冠病毒給人的案例目前會持續調查感染來源不排除動物、環境或是其他傳染途徑。
目前有97名接觸者已送集中檢疫所隔離醫療應變組副組長王必勝表示集中檢疫所有預留一成的量能給春節檢疫等專案以外使用9日起已暫停春節檢疫專案線上訂房平臺訂房會視疫情狀況來看是否繼續開放後續若國內疫情擴大匡列隔離對象以目前集檢所的量能來看也足夠因應。
另在南非被列入高風險國家10日我國出現首例南非入境的確診個案羅一鈞指出案16829在進入集中檢疫所後當日採檢就是陽性 不會有病毒進入社區的風險。個案基因定序尚未出爐還不可確定是否為Omicron不過南非當前流行的變異株即是Omicron他坦言若定序出Omicron病毒也不意外。
此外臺北市長柯文哲10日指出後續若有不明確診個案出現北市大型活動跨年、燈會等恐停辦。</t>
  </si>
  <si>
    <t>病毒目前實驗室調查來看指出是否個案南非集中確診感染出現檢疫檢驗需要</t>
  </si>
  <si>
    <t>新冠肺炎台灣實驗室中研院老鼠</t>
  </si>
  <si>
    <t>臺灣實驗室肺炎中研院老鼠</t>
  </si>
  <si>
    <t>防疫警示旅遊邊境激增強化</t>
  </si>
  <si>
    <t>新冠肺炎疫情延燒歐美歐盟27個成員國全部淪陷高官染疫日多美加州、紐約更成重災區為此疫情指揮中心昨將旅遊警示國家與地區由10處增至36處。即起比利時、荷蘭等歐洲8國中東巴林、科威特2國旅遊疫情建議</t>
  </si>
  <si>
    <t>疫情旅遊歐美歐洲比利時成員國荷蘭淪陷歐盟高官美加州警示紐約重災區為此中心指揮增至</t>
  </si>
  <si>
    <t>新冠肺炎疫情延燒歐美歐盟27個成員國全部淪陷高官染疫日多美加州、紐約更成重災區為此疫情指揮中心昨將旅遊警示國家與地區由10處增至36處。
即起比利時、荷蘭等歐洲8國中東巴林、科威特2國旅遊疫情建議等級升至二級警示；盧森堡、英國等申根區域16國升至一級注意。民眾自這些地方返台需自主健康管理14天。
外交部即起也調升上述10國旅遊警示至「黃色」民眾宜檢討應否前往。
美尚未升級 擬分州處理
至於美國部分州已進入了緊急狀態指揮中心指揮官陳時中說美國人口多尚未達到升級標準將分州處理旅遊警示。
至於人在歐美的台僑疫情僑委會委員長吳新興昨表示據統計目前有14位台商、僑胞確診感染分散亞洲、歐洲、美洲。確診僑胞分別是日本1位、法國1位與美國12位此統計不包括陸港澳地區的台灣人。
由於疫情日趨嚴重歐美國家口罩也缺貨吳新興說因為歐美國家平常沒戴口罩習慣不過到目前為止還沒有僑界反應希望國內設法提供口罩。他說給全球僑胞也是龐大工程僑委會將密切注意後續發展。
歐美台僑 已有14人確診
另為了因應新冠肺炎衛福部日前公佈防疫的補償辦法追溯至1月15日起被安排居家隔離、檢疫或照顧者每人可按日發給新台幣1000元外界質疑民眾可取巧搭機出境再返台藉此獲補償。
陳時中說會規勸別在防疫期間來亂若故意賺取補償行為將予處分。指揮中心社區防疫組副組長莊人祥也表示將與相關單位研議開罰等相關意見。
傳騙取隔離補償 將開罰
指揮中心社區防疫組副組長莊人祥說各國旅遊疫情建議等級提升多以德國為參考基準。德國新冠肺炎每10萬人發生率077低於此標準者但有一定風險者將列一級注意；與德國相近列二級警示；若疫情嚴峻甚至接近南韓（幾千名案例）則升為第三級警示。</t>
  </si>
  <si>
    <t>疫情警示旅遊補償防疫指揮民眾美國口罩僑胞確診肺炎返台統計隔離歐洲僑委會</t>
  </si>
  <si>
    <t>美國肺炎補償警示疫情</t>
  </si>
  <si>
    <t>疫情肺炎警示補償美國</t>
  </si>
  <si>
    <t>兼課不到上工政府即時儘快安心勞動部協助</t>
  </si>
  <si>
    <t>行政院上周宣佈紓困40上路勞動部也釋出「安心即時上工」職缺。但民進黨立委鍾佳濱等人今日召開線上記者會指出許多沒有勞保的打工族並未符合上工的資格門檻很多學校社團老師也成無保孤兒不但紓困沒著落又</t>
  </si>
  <si>
    <t>上工紓困上路孤兒勞動部成無保召開今日記者會老師指出沒有釋出安心社團黨立委勞保民進打工族即時並未</t>
  </si>
  <si>
    <t>行政院上周宣佈紓困40上路勞動部也釋出「安心即時上工」職缺。但民進黨立委鍾佳濱等人今日召開線上記者會指出許多沒有勞保的打工族並未符合上工的資格門檻很多學校社團老師也成無保孤兒不但紓困沒著落又不能申請勞動部職缺政府應該盡快調整協助。
今日除鍾佳濱外包括民進黨立委伍麗華、江永昌、吳琪銘及黃世傑等人出席參與記者會。
鍾佳濱指出紓困40雖針對補教、安親班的全職員工提供業者一次性損失補償以及受僱者薪資補貼。但像是學校社團指導、課後輔導或者是運動教練這類在學校兼職收入採勞務報酬而非正式部門給付而本身又無職業工會納保者不但沒有獲得紓困且又因具工作能力不適用社會救助以致生活無著。
鍾佳濱說勞動部的「安心即時上工」方案提供「以工代賑」的就業機會但卻要有過去一年內曾經投保的資格門檻。有許多非典型就業者因為收入不穩定選擇不投保以致現在被屏除在外求職無門。
鍾佳濱表示目前離島和原鄉地區的「安心即時上工」就業機會可不受「過去一年內曾經投保」的限制建議這個開放這個彈性讓全國適用。
伍麗華指出原住民常見的族語教師、校隊教練等教育兼職非典型勞工因為沒有勞保身分導致兼職工作無法進行但又不能參加安心即時上工計畫希望相關部會能研擬協助。
江永昌建議課後才藝老師、社團老師或健身教練若能拿出學校聘書或是各級學校開立聘僱證明勞動部應該盡量從寬認定不要便宜行事只看過去投保紀錄導致這些需要幫助的非典型教育從業者的「安心即時上工」就業計畫資格被剝奪。
吳琪銘說許多學校的課輔或社團老師沒有保勞保還有不少人是領現金導致紓困40是看得到吃不到希望教育部及勞動部可以正式這些教育輔導人員將他們納入「安心即時上工」計劃。
黃世傑表示三級警戒還要再持續實施對教育產業衝擊會擴大特別是未納保的時薪制教育從業人員勞動部及教育部應趕快來研擬方案看是要由勞動部放寬「安心即時上工」的申請條件或是教育部提供線上教學機會等等給予實質支援讓他們能夠順利度過這次難關。</t>
  </si>
  <si>
    <t>勞動部上工安心即時紓困教育學校沒有投保社團提供指出教育部兼職老師導致教練勞保典型資格</t>
  </si>
  <si>
    <t>新冠肺炎台灣勞動部安心即時上工鍾佳濱</t>
  </si>
  <si>
    <t>勞動部即時安心上工臺灣肺炎</t>
  </si>
  <si>
    <t>系統功能預約網站分流不再卡卡疫苗</t>
  </si>
  <si>
    <t>關貿網路今日表示第11期預約接種將於雙十連假陸續開放本期預約將提供BNT疫苗第一劑和AZ疫苗第二劑接種分別10月11日、12日啟動預約採分流方式進行。第11期除了分梯啟動還開放提前查詢預約資格功能。以第10</t>
  </si>
  <si>
    <t>預約接種開放啟動提前疫苗進行表示查詢az於雙十分流方式提供陸續bnt今日分別網路資格關貿功能</t>
  </si>
  <si>
    <t>關貿網路今日表示第11期預約接種將於雙十連假陸續開放本期預約將提供BNT疫苗第一劑和AZ疫苗第二劑接種分別10月11日、12日啟動預約採分流方式進行。第11期除了分梯啟動還開放提前查詢預約資格功能。
以第10期來說預約是開放給9月29日前意願登記BNT疫苗的61歲至63歲民眾（不含第9類對象）預約接種根據當期第登入資料分析當天登入達5367萬人次是實際預約成功人數的467倍其中有1463萬人其實是不具當期預約資格。
第10期預約時每分鐘瞬間流量高達768萬人次因而啟動等候室(waiting room)網頁的排隊機制。
為了避免非資格者也搶上網預約關貿表示第11期預約的兩種疫苗除了將分別在兩日啟動減少民眾等候並讓民眾更方便及早查詢是否符合當期資格首度採用「查詢預約資格系統」擬施打的民眾可先至查詢預約資格系統查詢是否符合該期預約接種之資格。
不清楚自己預約資格的民眾不用在開放預約的當下急著搶先登入系統預約不但容易造成網路壅塞也不易快速得知預約結果。事先查詢系統請民眾多善加利用可節省寶貴時間。
關貿也提醒第11期預約提醒簡訊將於預約分流日前一天陸續發送BNT是從10月10日14時起AZ是從10月11日14時起提醒民眾注意發送之簡訊通知。
符合預約資格民眾於預約成功後請如期準時抵達進行施打相關任何變動與最新消息請參考中央流行疫情指揮中心的動態。</t>
  </si>
  <si>
    <t>預約民眾資格啟動接種查詢開放系統bnt進行疫苗符合成功提醒關貿分流日前發送陸續網路流行簡訊</t>
  </si>
  <si>
    <t>新冠肺炎台灣預約系統疫苗預約資格</t>
  </si>
  <si>
    <t>預約系統肺炎臺灣疫苗資格</t>
  </si>
  <si>
    <t>印證支持臺灣莫德納明磐石</t>
  </si>
  <si>
    <t>美國政府於美東時間31日上午宣佈捐贈台灣150萬劑新冠疫苗。外交部表示這批由莫德納（Moderna）公司生產的疫苗將由中華航空公司專機運送回國預計臺北時間11月1日下午1時抵達台灣桃園國際機場。總統府指出這不</t>
  </si>
  <si>
    <t>臺灣時間疫苗桃園抵達上午下午宣佈公司生產表示臺北外交部預計中華航空公司專機回國運送捐贈國際機場moderna莫德納總統府美東指出</t>
  </si>
  <si>
    <t>美國政府於美東時間31日上午宣佈捐贈台灣150萬劑新冠疫苗。外交部表示這批由莫德納（Moderna）公司生產的疫苗將由中華航空公司專機運送回國預計臺北時間11月1日下午1時抵達台灣桃園國際機場。總統府指出這不僅展現台美之間的「真朋友」情誼更再次印證美國政府支持台灣「堅若磐石」。
總統府發言人張惇涵今晚表示總統府誠摯感謝美國政府再度以具體行動馳援台灣美國捐贈台灣的疫苗數量累計達到400萬劑。這不僅展現台美之間的「真朋友」情誼更再次印證美國政府支持台灣的「堅若磐石」。
他說今年6月當台灣面臨疫情嚴峻挑戰之際美國政府以迅速行動捐贈台灣250萬劑莫德納疫苗彷如及時雨大力協助台灣度過艱困挑戰讓台灣人民深受感動。
張惇涵表示過去一段時間在防疫團隊不分晝夜努力全民不分你我團結防疫民主夥伴相繼馳援下台灣的疫情已經趨緩獲得有效控制；目前第一劑疫苗涵蓋率已超過70％第二劑已超過30％。在台灣正衝刺第二劑疫苗涵蓋率之際美國政府再次伸出援手對提升台灣整體社會保護力勢必將有大幅幫助。
張惇涵說明駐美代表蕭美琴已代表我國政府接收這批疫苗航班已經順利起運預計將於明（1）日運抵台灣。我們深信台美民主夥伴攜手合作能夠共同克服疫情挑戰；台灣也會在堅實的友好基礎上持續與美國深化合作持續深化全方位夥伴關係。
外交部也表達由衷感謝並表示我國駐美代表蕭美琴同日在肯塔基州路易維爾聯邦疫苗合約倉儲中心代表我國政府接收這批由莫德納公司生產的疫苗並立即由中華航空公司專機運送回國。
外交部副發言人崔靜麟指出此次是繼美國政府今年6月捐贈我國250萬劑莫德納疫苗之後第二度捐贈我國疫苗美方至今捐贈我方疫苗累計數量達400萬劑。美國以實際行動協助我國政府與全民對抗疫情也展現美國對台灣的堅定支持與高度重視以及台美緊密友好的全方位夥伴關係。</t>
  </si>
  <si>
    <t>臺灣疫苗美國政府我國表示美國疫情捐贈台美政府張惇涵外交部挑戰莫德納展現總統府代表已經支援指出民主全民預計防疫之際發言人</t>
  </si>
  <si>
    <t>台灣美國政府捐贈莫德納新冠肺炎</t>
  </si>
  <si>
    <t>捐贈莫德納美國政府肺炎臺灣</t>
  </si>
  <si>
    <t>臺灣人力增保護疫苗不知</t>
  </si>
  <si>
    <t>許多國家為防堵Delta疫情宣佈打第三劑加強劑疫苗胸腔科醫師蘇一峰分享以色列近日宣佈打第三劑預防感染的保護力增加4倍、預防重症的保護力則增加5-6倍。美國、加拿大、法國與德國也紛紛準備打第三劑。貼文引起網</t>
  </si>
  <si>
    <t>宣佈增加保護預防疫情準備紛紛法國加拿大德國美國加強醫師疫苗蘇一峰胸腔分享近日以色列delta力則感染重症</t>
  </si>
  <si>
    <t>許多國家為防堵Delta疫情宣佈打第三劑加強劑疫苗胸腔科醫師蘇一峰分享以色列近日宣佈打第三劑預防感染的保護力增加4倍、預防重症的保護力則增加5-6倍。美國、加拿大、法國與德國也紛紛準備打第三劑。貼文引起網友討論直言台灣還有許多人連第一劑都不知道在哪裡想打第三劑感覺得要等到2023年了真的好可悲。
蘇一峰昨在臉書發文表示以色列在8月22日宣佈第三劑疫苗的效果發現預防感染保護力增為4倍防重症與住院的保護力則增為5至6倍因此當地政府不顧世界衛生組織（WHO）的反對將進一步開放40歲以上的教師、醫護與特殊疾病者打第三劑。
蘇一峰指出以色列目前已有150萬國民施打第三劑疫苗而美國、加拿大、法國與德國也都準備要打第三劑。他提到美國的醫護人員針對是否該接種第三劑新冠疫苗進行投票結果發現9成以上的人都希望可以打第三劑加強劑甚至有不少病患也詢問能不能打第三劑疫苗。
不少網友看了則感嘆地說「台灣第一劑還有很多人沒打到第三劑可能是2023年的事了」、「國家政策真的重要反觀我們的疫苗真是少的可憐」、「打疫苗好像遠遠看不到先進國家的車尾燈」、「台灣一堆人連第一劑疫苗在哪都不知道可悲」、「國際疫苗都要打第三劑國產疫苗應該要研發打第三劑。」
全球疫苗供貨嚴重不平均部分先進國家宣佈將施打第三劑加強劑疫苗引來世衛組織的反對因為有些國家的疫苗卻嚴重不足甚至連醫護人員都無法先獲得基本保護。</t>
  </si>
  <si>
    <t>疫苗國家宣佈蘇一峰保護以色列臺灣加強美國反對以上醫護人員甚至網友發現先進施打第預防力則可悲增為</t>
  </si>
  <si>
    <t>疫苗第三劑台灣新冠肺炎以色列</t>
  </si>
  <si>
    <t>肺炎臺灣疫苗以色列</t>
  </si>
  <si>
    <t>聊天吃飯並肩餐飲業縣長隔板台東心酸</t>
  </si>
  <si>
    <t>台東縣政府上週六(14日)在大武鄉舉辦「南迴藝術季」開幕儀式及餐聚縣府各級長官與參展藝術家、藝文人士近百人肩並肩大吃美食沒有社交距離與隔板等防疫措施昨天(17日)照片還貼上藝術季臉書專頁讓網友大罵</t>
  </si>
  <si>
    <t>藝術季近百人並肩文人藝術家美食參展沒有長官社交縣府距離大武鄉隔板防疫儀式開幕措施</t>
  </si>
  <si>
    <t>台東縣政府上週六(14日)在大武鄉舉辦「南迴藝術季」開幕儀式及餐聚縣府各級長官與參展藝術家、藝文人士近百人肩並肩大吃美食沒有社交距離與隔板等防疫措施昨天(17日)照片還貼上藝術季臉書專頁讓網友大罵無視中央防疫規定「很誇張」、「餐飲業者是在隔心酸的嗎？」
一名台東民眾在臉書「台東大小事」PO出照片指出縣府辦南迴藝術季很好但是餐敘時零安全距離真的很扯「更何況縣長各級長官都在場大家脫口罩肩並肩吃吃喝喝」更直言如果官方活動連防疫的距離都不用那現在認真用隔板、梅花座的餐飲業者是在用心酸的嗎？
從原PO截圖下來的「南迴藝術季臉書專頁」照片上可以看到近百人一起吃自助餐食物自已夾沒有專人服務吃飯也沒有梅花座、隔板桌子一整排擠在一起邊吃邊聊天。
照片曝光後網友紛紛留言：「沒有梅花座沒有隔板沒有15公尺自助吧沒有專人夾取厲害了」、「很扯耶至少用個隔板或拉開距離」、「真的就不要有一個確診者」、「防疫破口」。
對此今天台東縣府回應「南迴藝術季」開幕活動餐敘確實有改善空間但當日仍有依照中央防疫規範進行相關防疫檢測管制包括酒精、量測體溫及實聯制現場控制在100人以下。衛生局後續也有瞭解當天狀況將依防疫相關規定處以最高罰則。同時縣府文化處團隊有督導不周之責已經連夜檢討未來台東縣府舉辦任何活動會嚴守相關規範、提高防疫標準。</t>
  </si>
  <si>
    <t>防疫縣府隔板照片藝術季沒有南回活動距離相關梅花座台東長官網友舉辦並肩po中央近百人規定</t>
  </si>
  <si>
    <t>台東南迴藝術季饒慶鈴餐敘隔板</t>
  </si>
  <si>
    <t>慶鈴藝術季南回隔板台東</t>
  </si>
  <si>
    <t>海軍確診司令爆發鞠躬道歉</t>
  </si>
  <si>
    <t>我國海軍敦睦艦隊昨(18)驚爆3人確診新冠肺炎（COVID-19）今天又爆增21人確診對此海軍副司令梅家樹中將今天在中央流行疫情指揮中心記者會中代表海軍向社會大眾鞠躬致歉說：「109年敦睦任務期間相關防疫工</t>
  </si>
  <si>
    <t>海軍今天敦睦確診任務致歉鞠躬社會大眾期間代表記者會中心指揮疫情流行中央中將梅家樹司令對此covid-肺炎</t>
  </si>
  <si>
    <t>我國海軍敦睦艦隊昨(18)驚爆3人確診新冠肺炎（COVID-19）今天又爆增21人確診對此海軍副司令梅家樹中將今天在中央流行疫情指揮中心記者會中代表海軍向社會大眾鞠躬致歉說：「109年敦睦任務期間相關防疫工作沒有做好造成人員感染新冠肺炎在此要代表海軍致上歉意。」
梅家樹還說對於參與遠訓官士兵的家屬同樣要表達歉意會盡最大努力照顧官兵與家屬。
針對官兵在帛琉沒戴口罩一事梅家樹指出當時考量帛琉沒有確診個案官兵的拜會、戶外體育、表演活動參與人員確實沒有戴上口罩。</t>
  </si>
  <si>
    <t>海軍沒有確診歉意參與官兵梅家樹今天家屬代表人員敦睦肺炎口罩疫情任務</t>
  </si>
  <si>
    <t>海軍梅家樹人員參與家屬</t>
  </si>
  <si>
    <t>梅家樹參與人員海軍家屬</t>
  </si>
  <si>
    <t>短褲看不下去交談一直不要傻眼美女</t>
  </si>
  <si>
    <t>美女眼科醫師黃宥嘉是談話性節目常客個性仗義執言、有話直說然而疫情當頭她日前搭捷運就因見到2位乘客不斷交談忍不住開口勸說：「捷運車廂內不要一直交談疫情嚴重請共同協助抗疫！」想不到其中一位短褲</t>
  </si>
  <si>
    <t>疫情交談談話協助節目共同常客黃宥嘉個性仗義執言嚴重有話直說當頭一直日前車廂不斷見到勸說</t>
  </si>
  <si>
    <t>美女眼科醫師黃宥嘉是談話性節目常客個性仗義執言、有話直說然而疫情當頭她日前搭捷運就因見到2位乘客不斷交談忍不住開口勸說：「捷運車廂內不要一直交談疫情嚴重請共同協助抗疫！」想不到其中一位短褲女卻反嗆黃宥嘉「正義人士」行徑令人不敢苟同。
黃宥嘉經常在臉書與粉絲分享日常生活點滴她今(27日)更PO出一對男女在捷運上交談的照片稱照片中的兩人一直嘰嘰喳喳在捷運車廂內講話好幾個站都不停歇於是她喊一下：「捷運車廂內不要一直交談疫情嚴重請共同協助抗疫。」想不到短褲女竟在下車前拿手機寫了一堆字給她看最後一句則是清楚寫著「正義人士」。
黃宥嘉也不是省油的燈被嗆正義人士沒在忍趁著短褲女下車前反擊：「沒看到啦！」未料短褲女又回她：「沒看到我也沒辦法。」事後黃宥嘉更在臉書諷刺寫下：「講話囉嗦的人寫字也囉嗦。」
黃宥嘉的捷運奇遇記引發不少網友熱議「這種的要開直播聊得這麼久應該是有困難大家可以一起幫他解決」、「很怕搭電梯和搭大眾運輸工具的口沫橫飛」、「黃醫師好勇敢昨天搭公車司機和乘客在聊天本來很想請他們不要聊但沒膽啊！」、「防疫期間車廂內真的不宜交談」、「老實說我覺得就是像這樣不知道事情輕重的人造成這次台灣的疫情」。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黃宥嘉短褲疫情醫師防疫交談車廂大眾務必乘客正義人士講話</t>
  </si>
  <si>
    <t>黃宥嘉眼科醫生捷運新冠肺炎台灣</t>
  </si>
  <si>
    <t>肺炎眼科醫生黃宥嘉臺灣</t>
  </si>
  <si>
    <t>專家衛生紙人類全球引發尋求嚴峻安心本能疫情</t>
  </si>
  <si>
    <t>新冠肺炎嚴重肆虐全球疫情接連在歐美各國迅速擴散開來傳出包含美國和澳洲等國家許多民眾都到大賣場瘋搶民生物資尤其衛生紙被搶得最徹底。為何明明這些國家衛生紙產量無虞民眾仍要瘋狂囤積衛生紙呢？根據《</t>
  </si>
  <si>
    <t>國家衛生紙民眾肆虐全球疫情接連歐美各國迅速擴散嚴重開來傳出包含美國和澳洲產量肺炎仍要尤其物資民生</t>
  </si>
  <si>
    <t>新冠肺炎嚴重肆虐全球疫情接連在歐美各國迅速擴散開來傳出包含美國和澳洲等國家許多民眾都到大賣場瘋搶民生物資尤其衛生紙被搶得最徹底。為何明明這些國家衛生紙產量無虞民眾仍要瘋狂囤積衛生紙呢？
根據《康健雜誌》報導從美國東岸到西岸的賣場民眾排隊等候結帳的購物車內堆滿食物、清潔用品、一包又一包的衛生紙。而澳洲布利斯本的好市多（Costco）賣場員工都還沒來得及拆封剛到貨的衛生紙採買民眾就蜂擁而上、互相推擠場面相當混亂危險。
疫情嚴峻之際囤積清潔消毒用品尚可理解然而搶衛生紙實在令人匪夷所思。根據《華盛頓郵報》報導大型連鎖賣場的衛生紙和廚房紙巾幾乎銷售一空網購價格被哄抬有錢還不見得買得到更有人為了搶最後一包衛生紙大打出手。
對於民眾恐慌因而瘋搶物資的行為澳洲墨爾本大學災難危機處理計畫主持人庫克（Brian Cook）表示當人類面對未知的威脅會有「我應該做些什麼以拿回掌控權」的本能反應；喬治城大學心理學教授愛爾佛德（Mary Alvord）指出人是社會性生物別人的行為會影響我們的思考尤其對於威脅一無所知的情況下；美國經濟學家查格爾斯基（Jay L Zagorsky）也說人們無法預見疫情會如何發展下去但能確定的是「萬一被居家隔離至少我的衛生紙是夠用的。」
《康健雜誌》報導中提到美國卡內基美隆大學心理學家費許霍夫（Baruch Fischhoff）直言美國對這次疫情反應太慢多數民眾還處在「新冠病毒沒什麼大不了」的心態但沒多久世界衛生組織就宣佈疫情進入大流行階段美股更連日暴跌連一向悠哉的總統川普都改口美國進入緊急狀態要投入5百億美元防疫「美國民眾這時才警覺再不囤積物資生活恐怕出問題。」
研究流行病學的臨床心理學家泰勒（Steven Taylor）也說當疫情資訊不夠公開透明、或沒有及時更新進展時會加深民眾的恐慌與猜忌。盲目的恐懼是會擴散的人心惶惶的瘋買行為很難用「理性冷靜」阻止。
美國經濟學家查格爾斯基（Jay L Zagorsky）表示政府的強制規範與企業的限購策略相對有效阻止民眾瘋搶行為造成的社會問題以台灣的口罩政策為例「當政府已經正視疫情並建議民眾儲備2週的物資相當程度可以讓民眾慢慢接受現狀無須再盲目囤積。」</t>
  </si>
  <si>
    <t>民眾衛生紙疫情美國行為囤積心理學物資報導表示政府問題反應進入澳洲威脅擴散</t>
  </si>
  <si>
    <t>衛生紙新冠肺炎疫情本能武漢肺炎</t>
  </si>
  <si>
    <t>肺炎疫情本能武漢衛生紙</t>
  </si>
  <si>
    <t>口罩未戴國防部官兵海軍改口</t>
  </si>
  <si>
    <t>繼昨天公佈的3人之後我國出訪敦睦艦隊上再有21人確診新冠肺炎原本國防部宣稱出訪時間有戴口罩但官兵未戴口罩拉正妹狂嗨被踢爆後今天中央流行疫情指揮中心記者會上國防部坦承進一步追查後發現出訪官兵並未</t>
  </si>
  <si>
    <t>出訪國防部官兵口罩之後我國今天中央流行疫情指揮中心記者會坦承艦隊敦睦原本確診肺炎</t>
  </si>
  <si>
    <t>繼昨天公佈的3人之後我國出訪敦睦艦隊上再有21人確診新冠肺炎原本國防部宣稱出訪時間有戴口罩但官兵未戴口罩拉正妹狂嗨被踢爆後今天中央流行疫情指揮中心記者會上國防部坦承進一步追查後發現出訪官兵並未全程戴口罩。
媒體質疑昨日國防部表示因為外交部說帛琉沒有新冠肺炎患者才前往帛琉但最瞭解疫情的應該是指揮中心當時有無問指揮中心？如果有問指揮中心有無給出訪艦隊口罩等相關防疫物資？此外為何在已有人表示不舒服的情況下 國防部媒體15日還說全員身體健康？
對此國防部發言人史順文回稱當初決定出訪時已縮短停留時間關於是否隱匿疫情當時反應身體有問題的國軍表示他是頭痛航行時比較容易有人出現頭痛現象所以醫官判定後決定予以尊重另外幾人並未向醫官提出身體問題。
中央流行疫情指揮中心副指揮官陳宗彥則表示國防部只有在回程時詢問指揮中心哪時可以入境。國防部副部長張哲平則說出訪艦隊官兵返國靠港時接受檢查沒有人發燒確實沒問題所以當時會做這樣的說明至於4月13日官兵只是單純頭痛找醫生就診。
媒體也詢問軍艦人員下船前有無經過健康檢疫流程如量體溫等此外政戰學校雖宣佈停課卻仍要學生返校住宿但很多人六人一間是否可能群聚感染？ 是否應在家自主管理更好？
對此中央流行疫情指揮中心指揮官陳時中表示沒有規定下船要填健康聲明書軍隊有根據指揮中心的指引加以管理相信會比民間管理強度更強軍隊是有紀律的地方至於在家還是回部隊隔離？一般集中管理應該比要好但前提是區隔有無做好。
隨後海軍司令部副司令梅家樹首先向社會大眾鞠躬致歉接著他坦言我方艦隊出訪帛琉時戶外活動和官式拜會中並未戴口罩其餘休假時間則有全程戴口罩而4月14日有聯合檢疫小組到船上去做健康狀況和體溫的整體評估國軍本來就每天都要量體溫雖未特別做檢疫但相關防護作為都有進行。
張哲平也說軍隊任務不同軍方在各營區都有單獨一人一間的營舍有各種編制單位來加以管理在部隊就是一個連 如果有人確診就按照指引該營區隔離的就隔離。其他人因為不是最小編制單位所以在營區自主管理希望即時掌握狀況也便於管制。
至於是否軍中在出訪前對於應否出訪有兩派意見張哲平表示並沒有兩派意見這是年度計畫只是有評估哪些防疫作為可以符合指揮中心的要求所以行前準備時口罩背了三萬片足夠全艦官兵每人每天一片可用45天。
國防部海軍司令部副司令梅家樹也說戰備正常未受影響染疫官兵主要在磐石鑑嶽飛艦和康定艦也會完成相關檢疫後才恢復戰備。張哲平說漢光演習原定四月開始如今已延後到九月</t>
  </si>
  <si>
    <t>出訪國防部官兵指揮口罩中心表示管理檢疫沒有艦隊疫情是否張哲平有無軍隊媒體至於相關</t>
  </si>
  <si>
    <t>新冠肺炎武漢肺炎新型冠狀病毒台灣出訪</t>
  </si>
  <si>
    <t>肺炎武漢冠狀病毒臺灣出訪</t>
  </si>
  <si>
    <t>風俗投入呼籲結束引發疫情輿論抨擊期待</t>
  </si>
  <si>
    <t>新冠肺炎在日本肆虐各產業深受重創就連情色產業也難逃這波疫情影響這也讓不少從事情色產業的女子收入遞減。不過日本搞笑男星岡村隆史日前居然在深夜電台節目中公開呼籲聽眾等候疫情過去「努力存錢去嫖妓</t>
  </si>
  <si>
    <t>產業疫情日本努力過去肆虐等候聽眾呼籲電臺節目深夜公開居然日前岡村遞減影響收入女子</t>
  </si>
  <si>
    <t>新冠肺炎在日本肆虐各產業深受重創就連情色產業也難逃這波疫情影響這也讓不少從事情色產業的女子收入遞減。不過日本搞笑男星岡村隆史日前居然在深夜電台節目中公開呼籲聽眾等候疫情過去「努力存錢去嫖妓」引發網友和學者等批他太噁心！
岡村隆史23日淩晨在他主持的節目中回答聽眾的提問像是新冠肺炎肆虐日本是否暫時不應該光顧色情場所？沒想到岡村居然是這樣回答他表示現在只能忍耐套用一句老話神是不會留給大眾無法通過的考驗他相信疫情一定會過去屆時就會有好事發生。岡村隆所謂的「好事」是指部分女性可能因疫情影響生計被迫加入情色產業鏈。
岡村隆史更加碼表示「我估計未來3個月有很多可愛的正妹會轉行所以大家請忍耐一下努力存錢」。岡村毫不掩飾的言論果然引發熱議有網友就批評很噁心根本是歧視女性就連前文部省官員前川喜平還有大學教授藤田孝典等也痛批斥岡村的言論可恥同時難以接受。
岡村隆史的言論引發輿論熱議後日本放送電台也立即透過聲明公開道歉表示岡村在節目中的言論是「對新冠肺炎災情認知不足對女性尊嚴和職業缺乏考慮如果有聽眾感到不安我們深表歉意並對節目製作人員重新教育」希望能夠藉此趕緊讓這場風波平息不過日本放送電台並未提到是否對岡村隆史進行處分。
更多 CTWANT 報導</t>
  </si>
  <si>
    <t>岡村日本疫情女性言論節目聽眾表示產業引發是否肺炎忍耐公開回答影響居然</t>
  </si>
  <si>
    <t>岡村隆史引發言論新冠肺炎疫情</t>
  </si>
  <si>
    <t>言論引發肺炎疫情岡村</t>
  </si>
  <si>
    <t>試驗報告資料說話最新專家疫苗解讀az</t>
  </si>
  <si>
    <t>新冠肺炎疫苗陸續問世其中AZ疫苗在歐洲開打後卻傳出副作用法國與瑞典部分地區均暫緩施打計劃。我國政府表示會持續觀察世界各國接種情形也緊急授權讓AZ疫苗來台。然而民眾究竟能否放心接種？AZ疫苗是牛津大學</t>
  </si>
  <si>
    <t>疫苗az接種地區部分暫緩瑞典施打法國計畫副作用我國傳出政府表示歐洲持續觀察世界情形放心</t>
  </si>
  <si>
    <t>疫苗接種az我國保護嚴重輝瑞施打傳出臺灣不良反應以上疫情</t>
  </si>
  <si>
    <t>康健雜誌AZ疫苗新冠肺炎輝瑞疫苗默德納</t>
  </si>
  <si>
    <t>疫苗肺炎az雜誌輝瑞康健默德納</t>
  </si>
  <si>
    <t>抗體血清陳時中az比對保護結果月底疫苗出爐高端</t>
  </si>
  <si>
    <t>陳時中表示高端昨天問題唯獨穩定性真實制程保護反應力有免疫必須安全性看出專家資料公佈試驗臨床</t>
  </si>
  <si>
    <t>抗體疫苗中和保護時中高端資料表示問題目前進行az結果專家相關需要看出真實</t>
  </si>
  <si>
    <t>台灣新冠肺炎中和抗體高端疫苗保護力</t>
  </si>
  <si>
    <t>抗體中和肺炎高端疫苗保護臺灣</t>
  </si>
  <si>
    <t>線板招商環狀新北啟動</t>
  </si>
  <si>
    <t>新北環狀線板新站坐落板橋區精華地段與板橋站只有一站之隔新北市捷運局24日舉辦「新北環狀線板新站土地開發案」線上招商說明會介紹基地面積與招商條件預計9月公告徵求投資人將興建地上29層、地下6層、面積</t>
  </si>
  <si>
    <t>招商面積新北線板板橋環狀投資人徵求公告預計條件坐落開發土地興建基地介紹地段說明會</t>
  </si>
  <si>
    <t>新北環狀線板新站坐落板橋區精華地段與板橋站只有一站之隔新北市捷運局24日舉辦「新北環狀線板新站土地開發案」線上招商說明會介紹基地面積與招商條件預計9月公告徵求投資人將興建地上29層、地下6層、面積1萬8700坪的捷運商辦大樓最快2024年動工。
板新站坐落板橋區中山路、板新路口西南側鄰近新板特區精華地段基地總面積約1392坪目前為地上6層樓的捷運大樓新北市捷運局預計辦理土地開發興建為地上29層、地下6層、總樓地板面積達1萬8700坪的捷運商辦大樓。
因應新冠肺炎疫情嚴峻新北市捷運局昨下午舉辦板新站首場招商說明會改採線上直播方式吸引近百位元廠商代表上線觀看。
新北市捷運局副局長林耀長表示預估投資金額約39億元預計9月公告徵求投資人符合資格的申請人將在2022年3月就產品規畫、亮點營造等開發建議書內容及承諾地主最低分配比例展開綜合評選作業選出最優申請人簽約後成為正式投資人。
林耀長說目前建物除了捷運設施也預留未來大樓興建空間若投資人徵求狀況順利最快2024年動工開發完成後可挹注捷運建設自償性經費約40億元外也帶動捷運站周邊商機發展創造地主、市府及投資人三贏。
新北市捷運局補充新北環狀線板新站等7處原委託臺北市政府代辦開發場站去年底辦理移還作業由新北市政府自行招商目前共有10處基地正推動招商作業。
其中秀朗橋站、景平站、中和站及中原站4站已徵得投資人正在建築設計階段其餘包括板新站等6處場站也陸續規畫興建。</t>
  </si>
  <si>
    <t>投資人新北開發招商捷運局作業大樓興建目前預計基地徵求地主面積申請人地上場站</t>
  </si>
  <si>
    <t>投資人新北環捷運新北市捷運局興建</t>
  </si>
  <si>
    <t>新北捷運局興建投資人</t>
  </si>
  <si>
    <t>砍光百貨</t>
  </si>
  <si>
    <t>台灣三級警戒延長至6月14日已有許多行業快撐不下去了！尤其服務業、零售業最慘如百貨公司就受到嚴重衝擊不開門也不是只好縮短營業時間；開了門也沒客人白白支出水電費用。一名網友在PTT發文表示現在全國</t>
  </si>
  <si>
    <t>ptt網友行業費用快撐水電支出下去白白尤其客人服務業零售業最慘發文百貨公司不開受到衝擊嚴重開了門</t>
  </si>
  <si>
    <t>台灣三級警戒延長至6月14日已有許多行業快撐不下去了！尤其服務業、零售業最慘如百貨公司就受到嚴重衝擊不開門也不是只好縮短營業時間；開了門也沒客人白白支出水電費用。
一名網友在PTT發文表示現在全國餐廳幾乎只做外帶、外送原本百貨公司裡的美食街還能內用現在都不行了。他說友人在購物中心上班班幾乎被砍光或是把年假拿來休；就算真的上班逛街的人比櫃姐還少一天下來零業績「這些產業要怎麼活下去？」
網友無奈回應真的沒辦法這時候命比較重要「做一天算一天沒失業就偷笑了」、「各行各業都在忍耐看能不能想想其他辦法減少虧損」、「百貨業只能期待報復性消費的那天」、「這題無解只能等疫情盡快結束」。
少數網友建議還是有別的出路例如餐廳轉型做便當拚外送業績；百貨公司可以衝超市營業額現在賣場都缺貨；發展電商、送貨到府總能維持一些營收吧。</t>
  </si>
  <si>
    <t>網友現在百貨公司下去上班辦法只能真的幾乎業績餐廳送貨到總能行業發展快撐</t>
  </si>
  <si>
    <t>新冠肺炎台灣百貨業零業績</t>
  </si>
  <si>
    <t>百貨臺灣肺炎業績</t>
  </si>
  <si>
    <t>趨勢科技中國療法細胞</t>
  </si>
  <si>
    <t>台灣新冠肺炎疫情日益嚴重重症與死亡數不斷增加趨勢科技與中國醫藥大學附設醫院率先合作將擴大投入經費與醫療專業以臍帶間質幹細胞恩慈療法方式治療covid-19重症患者。而這項創新的治療計畫已快速獲得雙方財</t>
  </si>
  <si>
    <t>重症治療疫情計畫日益嚴重死亡數不斷增加中國趨勢科技醫藥方式大學附設醫院率先合作療法幹細胞擴大投入經費醫療專業</t>
  </si>
  <si>
    <t>台灣新冠肺炎疫情日益嚴重重症與死亡數不斷增加趨勢科技與中國醫藥大學附設醫院率先合作將擴大投入經費與醫療專業以臍帶間質幹細胞恩慈療法方式治療covid-19重症患者。而這項創新的治療計畫已快速獲得雙方財務部門與董事會支持希望在疫情嚴峻當下讓重症患者出現一線生機。
中國醫藥大學附設醫院細胞治療團隊表示這項治療方式首先是由美國邁阿密大學研究團隊發表。根據研究指出臍帶間質幹細胞約95％可進入肺部並具有抗發炎和再生活性在對照組的實驗中接受幹細胞注射的重症患者存活率可達91％。
而所謂的「恩慈療法」是以人道的角度使用試驗新藥沒有健保給付、也不能向病人收費每一個案都需經過衛福部專案審查通過預估每人每次耗費治療經費約30至50萬元。
目前中國附醫團隊擁有的臍帶間質幹細胞已於2020年8月獲得美國FDA同意進行第I/IIa的臨床試驗在此非常時期也經衛福部特別核准以恩慈療法的方式治療了四位確診新冠肺炎的重症病人。
趨勢科技得知這項創新治療後表達支持並率先捐助500萬元中國附醫也相對提撥500萬元、合計1000萬元由仁愛基金細胞治療專戶幫助重症患者。
趨勢科技表示除了資訊安全防護業務趨勢本來就有投資並支持新一代的智慧醫療在新冠肺炎疫情嚴峻之際期待能及時挹注有效醫療透過新醫療科技為疫情盡一分心；同時希望藉由這次拋磚引玉幫助更多新冠肺炎的重症患者。
中國附醫指出趨勢科技為資安防護全球品牌經由這次合作串聯資安防護的精神進行醫療防護救治將可協助更多國內極需幹細胞治療的重症病患。本計畫擬提供全國各大醫學中心緊急需要臍帶間質幹細胞治療的重症病患進行恩慈療法由於目前國內只有中國附醫通過衛福部核准進行恩慈療法如有其他醫學中心願意投入中國附醫可以提供協助。</t>
  </si>
  <si>
    <t>治療重症中國幹細胞患者醫療進行趨勢科技療法疫情支持防護肺炎臍帶團隊試驗方式病人獲得衛福部</t>
  </si>
  <si>
    <t>中國附醫肺炎臍帶趨勢科技重症患</t>
  </si>
  <si>
    <t>肺炎臍帶趨勢科技重症中國</t>
  </si>
  <si>
    <t>眼睜睜倒地學生課程斷氣教授</t>
  </si>
  <si>
    <t>受新冠肺炎疫情影響許多國家改用視訊工作、教學、上課阿根廷一名大學女教授感染新冠肺炎仍然透過視訊為學生上課卻在課程途中倒地學生透過螢幕焦急問女教授地址以便找人救援但女教授只掙紮吐出「我不（</t>
  </si>
  <si>
    <t>教授透過肺炎救援地址掙扎焦急學生倒地途中疫情大學阿根廷工作上課課程教學感染學生上課改用國家</t>
  </si>
  <si>
    <t>受新冠肺炎疫情影響許多國家改用視訊工作、教學、上課阿根廷一名大學女教授感染新冠肺炎仍然透過視訊為學生上課卻在課程途中倒地學生透過螢幕焦急問女教授地址以便找人救援但女教授只掙紮吐出「我不（I can’t）」二字立即昏迷不醒最後不幸離世。
綜合外媒報導這起不幸事件發生在阿根廷當地時間9月2日46歲的寶拉（Paola De Simone）是阿根廷商業大學（Universidad Argentina de la EmpresaUADE）的一名教授這所大學位於阿根廷首都布宜諾斯艾利斯當時寶拉正透過視訊軟體Zoom為學生進行線上授課。
學生們透過視訊發現寶拉狀況有異她似乎喘不過氣來試圖大力呼吸學生們趕緊詢問寶拉所在地址以便找人救援但寶拉只能掙紮說出「我不（I can’t）」二字接著就在學生眼前倒地不起。
據瞭解寶拉8月底在自己的推特上透露她已感染新冠肺炎超過1個月雖然努力對抗病毒但似乎成效不佳。而她的丈夫在當地衛生部門工作也因新冠肺炎疫情忙得焦頭爛額。
事件發生後寶拉的家人已要求阿根廷商業大學迅速刪除相關影像而校方也發出聲明對於這名授課15年的教授過世深感悲痛並盛讚寶拉是一名熱情而敬業的教學者同時也是一個很棒的人。
阿根廷的新冠肺炎疫情依舊嚴峻政府決定延長隔離時間直到9月20日。截至9月4日該國共有451198人感染新冠9361名患者死亡。</t>
  </si>
  <si>
    <t>寶拉阿根廷學生教授肺炎大學透過感染疫情不幸似乎當地工作授課de事件發生教學</t>
  </si>
  <si>
    <t>新冠女教授視訊死亡阿根廷</t>
  </si>
  <si>
    <t>教授死亡阿根廷</t>
  </si>
  <si>
    <t>印尼確診肺炎超猛真相竟是</t>
  </si>
  <si>
    <t>新冠肺炎疫情持續延燒印尼至今仍是零確診案例結果不是防疫做太好而是因為採檢費用太貴所以不採驗。印尼衛生部官員溫德拉表示不會採驗從湖北接回的238位學生因為標準沒規定且將全部的人都採檢的費用太</t>
  </si>
  <si>
    <t>印尼費用持續至今疫情確診規定案例結果標準防疫學生接回湖北不會表示衛生部肺炎</t>
  </si>
  <si>
    <t>新冠肺炎疫情持續延燒印尼至今仍是零確診案例結果不是防疫做太好而是因為採檢費用太貴所以不採驗。印尼衛生部官員溫德拉表示不會採驗從湖北接回的238位學生因為標準沒規定且將全部的人都採檢的費用太貴了。
2月2日印尼從湖北撤出238名學生根據《亞洲新聞台》報導印尼衛生部官員溫德拉（Windra Waworuntu）6日在記者會上表示不會對隔離的學生進行採驗因為每個人都很健康除非他們有發燒和咳嗽等狀況否則若沒症狀為何要檢驗？
溫德拉說在標準的SOP程式中並未規定要對所有人採檢且採檢238人一次就要耗費約十億印尼盾（台幣221萬）照世衛的標準每人還得做兩次以確保準確性而這樣成本實在是太高了但強調在必要時刻還是會做的。
東南亞許多國家都出現新冠肺炎的確診案例擁有42億人口數的印尼卻倖免至今未傳出確診案例也遭人質疑印尼篩檢病毒的能力但印尼官方強調實驗室擁有檢測新型冠狀病毒所需的設備且一切都符合世界衛生組織的標準。</t>
  </si>
  <si>
    <t>印尼標準確診案例學生病毒擁有強調表示溫德拉規定湖北衛生部至今官員肺炎</t>
  </si>
  <si>
    <t>印尼學生標準傳出確診案例</t>
  </si>
  <si>
    <t>學生標準確診傳出案例印尼</t>
  </si>
  <si>
    <t>病例類人感染重症突破性風險公佈</t>
  </si>
  <si>
    <t>美國疾病管制暨預防中心（CDC）上周公佈至今有將近13萬例打完新冠疫苗仍住院或死亡的嚴重突破性感染病例強調突破性感染仍相當罕見不過這些案例中以老年人以及有多重慢性疾病的人重症風險較大。美國有線電視</t>
  </si>
  <si>
    <t>疾病感染美國突破性風險重症中心上周cdc公佈至今嚴重將近死亡老年人疫苗相當住院打完罕見案例預防</t>
  </si>
  <si>
    <t>美國疾病管制暨預防中心（CDC）上周公佈至今有將近13萬例打完新冠疫苗仍住院或死亡的嚴重突破性感染病例強調突破性感染仍相當罕見不過這些案例中以老年人以及有多重慢性疾病的人重症風險較大。
美國有線電視新聞網（CNN）報導美國CDC上周公佈截至8月30日美國至今通報1萬2908例突破性感染導致住院或死亡的案例。美國至今有超過173億人完整接種疫苗這代表嚴重突破性感染的機會不到1/13000。
在導致住院的病例中70%為65歲以上長者導致死亡的病例中65%以上長者佔87%。
另外美國CDC 8月29日在醫學論文預印本平臺medRxiv網站公佈另一份研究這項研究分析今年1月24日至7月24日期間4700名染疫住院患者結果顯示未接種疫苗成人染疫住院的機率比完整接種疫苗的成人高出17倍不過細看突破性感染病例當中仍以長者、以及本身至少有3項慢性疾病的人為主這些患者的年齡中位數為73歲71%有3種以上的慢性疾病包括糖尿病、心臟病、自身免疫疾病等。
相較之下未接種疫苗者染疫住院的年齡中位數為59歲56%有3種以上慢性疾病。
這項研究也發現在Delta病毒擴散全美後未接種疫苗成人染疫住院的機率比已接種疫苗成人高出10倍。
耶魯大學7日在《刺胳針傳染病期刊》（The Lancet Infectious Diseases）公佈的研究同樣也發現嚴重突破性感染病例中以有慢性疾病的老年患者居多。研究人員於今年3月底至7月追蹤近1000名因各種原因住院的患者當中18%至少接種1劑新冠疫苗6%已完整接種疫苗當中出現嚴重新冠症狀的年齡中位數為80歲超過半數有過重問題多數人患有心血管疾病半數有肺部疾病或糖尿病。
參與這項研究的耶魯大學醫學院心臟病學副教授Hyung Chun表示突破性感染案例相當少見但是隨著病毒突變這類狀況會愈來愈常見他說若要降低突破性感染的影響找出哪些人在打完疫苗後仍最有可能變重症是相當重要的工作。
美國貝勒醫學院（Baylor College of Medicine）疫苗專家霍泰茲（Peter Hotez）表示整體而言嚴重突破性感染的族群和重症高風險族群相當。</t>
  </si>
  <si>
    <t>突破性疫苗感染疾病美國住院研究接種嚴重公佈相當患者病例重症cdc案例當中至今成人病毒完整以上耶魯大學</t>
  </si>
  <si>
    <t>#新冠肺炎#全球美國突破性感染CDC住院</t>
  </si>
  <si>
    <t>全球美國突破性肺炎感染cdc住院</t>
  </si>
  <si>
    <t>紀錄病例東京日本社會國際警報</t>
  </si>
  <si>
    <t>日本在週四稍晚新報新冠肺炎每日新增確診人數來到歷史新高的1305人而前一日週三亦為破紀錄的1260人為連續兩日突破紀錄。週三的紀錄亦為日增確診首次破千人。東京地區週四新報367人之後市政府隨即要求酒吧和</t>
  </si>
  <si>
    <t>確診週三週四市政府紀錄之後新增人數隨即來到歷史東京肺炎地區連續日增突破稍晚酒吧</t>
  </si>
  <si>
    <t>日本在週四稍晚新報新冠肺炎每日新增確診人數來到歷史新高的1305人而前一日週三亦為破紀錄的1260人為連續兩日突破紀錄。週三的紀錄亦為日增確診首次破千人。
東京地區週四新報367人之後市政府隨即要求酒吧和卡拉OK等營業場所再次停業。據日本公同社報導東京都知事表示營業時間在上午五點到晚上十點的商業按照防疫方針每個企業將可獲得20萬日圓補助。而一項規定將在週六生效要求商店和商業經營者必須執行相關防疫措施。
東京都知事已要求民眾勿前往餐廳用餐以及勿參與夜生活消費小池並在記者會指出不排除東京成為唯一宣佈緊急事態地區。
東京在週四新報病例中有64%為20和30歲兩個年齡層的年輕人。</t>
  </si>
  <si>
    <t>東京要求商業防疫東京都知事確診週四日本地區週三參與夜生活紀錄消費小池並病例ok卡拉記者會酒吧</t>
  </si>
  <si>
    <t>新報東京破紀錄紀錄地區</t>
  </si>
  <si>
    <t>東京紀錄地區</t>
  </si>
  <si>
    <t>入侵病毒台男返國變種英國確診</t>
  </si>
  <si>
    <t>英國變種病毒台灣再增1例！指揮中心近期針對國內確診者共21株個案病毒定序發現除了昨天的案792是英國變種外案791也是該案是從英國留學返台但居檢期間在家獨自一人故無框列接觸者沒有擴散到社區的疑</t>
  </si>
  <si>
    <t>英國病毒變種沒有接觸獨自一人期間居檢指揮近期中心返台國內留學擴散確診是從個案發現</t>
  </si>
  <si>
    <t>英國變種病毒台灣再增1例！指揮中心近期針對國內確診者共21株個案病毒定序發現除了昨天的案792是英國變種外案791也是該案是從英國留學返台但居檢期間在家獨自一人故無框列接觸者沒有擴散到社區的疑慮。
中央流行疫情指揮中心指揮官陳時中昨天公佈日前英國班機返台的10多歲確診發燒少年（案792）身上病毒株經基因定序後證實就是英國變種病毒b117指揮中心同時也已經通報世界衛生組織台灣出現首起變種病例。該名少年目前症狀輕微還在醫院隔離治療中。
而除了首例英國變種病毒的少年莊人祥今天表示28日新增的案791為20多歲男性也是染上英國變種Ct值為23病毒量較高。個案過去在英國留學12月22日返國12月26日發燒、咳嗽、流鼻水在家中獨自居家檢疫因此不需要匡列接觸者和案792一樣都沒有跟社區接觸沒有散播到社區的疑慮。
有國外研究指出英國變種病毒比較容易感染年輕人莊人祥表示雖然國內抓到兩例都是留學生和樣本偏差有關也可能此時都是留學生回來居多是否變種病毒感染侵襲偏向年輕族群在英國看起來是差不多且雖傳播力高但目前致病的嚴重性和其他病毒株是差不多的。
莊人祥表示這名個案跟所有人都是進入集中檢疫所除了該班機3人外其他都是陰性其他人在集中檢疫所期滿前、後都會在採檢有人感染發病就會偵測出來。
此外今天新增的境外移入確診案799也是從英國返台莊人祥表示該案例因為才剛出來目前檢測的21株病毒裡面沒有他過幾天會把他放進去看是否也是英國變種病毒。</t>
  </si>
  <si>
    <t>英國病毒變種表示目前個案中心指揮少年確診莊人祥返台沒有接觸感染出來社區發燒今天新增昨天</t>
  </si>
  <si>
    <t>英國變種病毒發燒少年新冠肺炎</t>
  </si>
  <si>
    <t>少年發燒病毒變種英國肺炎</t>
  </si>
  <si>
    <t>終結疫情加速專家點出omicron關鍵</t>
  </si>
  <si>
    <t>德國公衛專家勞德巴赫（Karl Lauterbach）聲稱新冠變異株Omicron是聖誕禮物或許能加速終結新冠疫情。《倫敦標準晚報》（London Evening Standard）報導正在爭取擔任德國新任衛生部長的公衛專家勞德巴赫表示</t>
  </si>
  <si>
    <t>公衛專家德國勞德巴赫衛生部長爭取擔任報導standardeveninglondon晚報標準karl倫敦lauterbach疫情聲稱或許聖誕禮物終結變異加速omicron表示</t>
  </si>
  <si>
    <t>德國公衛專家勞德巴赫（Karl Lauterbach）聲稱新冠變異株Omicron是聖誕禮物或許能加速終結新冠疫情。
《倫敦標準晚報》（London Evening Standard）報導正在爭取擔任德國新任衛生部長的公衛專家勞德巴赫表示初期報告顯示Omicron多造成輕症對各國來說可能是聖誕禮物甚至能加速疫情終結。
Es wäre wirklich ein vorgezogenes Weihnachtsgeschenk wenn Omicron leichter verliefe Bei so vielen Mutationen wäre es aber denkbar Aber Vorsicht: was dagegen spricht: in SA sind nur 6% Ü65 alt Deutschland ältestes Land Europa mit vielen chronisch Kranken https://tco/EewQlbLb3N
他說Omicron有許多突變光是棘蛋白上就有32種突變是Delta變異株的2倍之多代表能夠優化感染能力但是會降低嚴重程度與大多數呼吸道病毒進化的方式一致。
在此之前南非專家指出Omicron引發的症狀較其他變異株輕微。
南非流行病學權威卡林（Salim Abdool Karim）昨（29）日在記者會上表示現有疫苗應該對Omicron仍「非常有效」他說基於目前已知其他高關注變異株對疫苗的反應他預期疫苗仍能有效避免住院及重症患者。
不過他也強調現階段要判斷Omicron比其他變異株更容易造成重症仍「為時過早」。
世衛秘書長譚德塞（Tedros Adhanom Ghebreyesus）昨日表示Omicron出現提醒我們新冠疫情尚未結束他警告得來不易的抗疫成果可能在瞬間毀滅。</t>
  </si>
  <si>
    <t>omicron變異表示疫情專家vielen南非疫苗重症可能造成有效rees突變終結聖誕禮物勞德巴赫加速公衛aber</t>
  </si>
  <si>
    <t>#新冠肺炎#全球Omicron聖誕禮物終結疫情</t>
  </si>
  <si>
    <t>全球omicron肺炎聖誕禮物終結疫情</t>
  </si>
  <si>
    <t>iphone來勢洶洶</t>
  </si>
  <si>
    <t>蘋果於臺北時間14日淩晨1時舉行年度iPhone發表會市場預期蘋果發布一系列5G版iPhone 12手機以及其他產品帶動蘋果股價前一日率先拉高大漲近64％為7月31日以來最大漲幅昨日台股蘋概股也被帶動在盤面上有所</t>
  </si>
  <si>
    <t>蘋果帶動iphone蘋概昨日漲幅以來淩晨拉高舉行年度發表會率先市場預期發佈股價手機產品</t>
  </si>
  <si>
    <t>蘋果於臺北時間14日淩晨1時舉行年度iPhone發表會市場預期蘋果發布一系列5G版iPhone 12手機以及其他產品帶動蘋果股價前一日率先拉高大漲近64％為7月31日以來最大漲幅昨日台股蘋概股也被帶動在盤面上有所表現。惟昨日為國安基金退場首日台股盤中跌了近百點幸好台積電撐盤最後小跌8點、收在1萬2947點挑戰「萬三」則再度失利。
對蘋果新機將上巿分析師指出預期5G版iPhone將引發舊有iPhone用戶升級欲望此次新款iPhone引發的購買潮可能和過去蘋果推出更大尺寸的iPhone所帶來創紀錄的銷售熱潮比美。
市場先前消息傳出此次iPhone系列共會有iPhone 12 Mini、iPhone 12、iPhone 12 Pro、iPhone 12 Pro Max　4種機型。知名分析師郭明錤最看好61吋版的「iPhone 12」機型因iPhone 12 mini無法滿足使用者對大螢幕的需求；iPhone 12 Pro與iPhone 12 Pro Max售價較高因此iPhone 12在系列中將擁有最高出貨比重預測可能占40％到45％。
另受新冠疫情影響金價曾攀升至每盎司2000美元高點之後回檔盤整惟昨日台銀發行辛醜牛年彩色鍍金銀幣及金鑽條塊因金價今年以來上漲約2成售價明顯較去年攀升。台銀貴金屬部副理楊天立指出金價最大風險在於疫苗只要新冠肺炎的疫苗問市恐讓金價陷拉回風險。他預期若美總統大選結果拜登獲勝金價年底前有機會上看2200美元明年上下區間則在1700至2300美元間。</t>
  </si>
  <si>
    <t>iphone金價蘋果昨日預期台銀攀升帶動可能分析市場指出風險售價機型</t>
  </si>
  <si>
    <t>蘋果Pro疫苗iPhone金價</t>
  </si>
  <si>
    <t>蘋果金價proiphone疫苗</t>
  </si>
  <si>
    <t>陳時中不夠擴大居家隔離疫情</t>
  </si>
  <si>
    <t>陳時中社區感染中心指揮持續我國超前視導零星臺北榮總疫情親臨指揮官行政院日前準備出現可能肺炎及早</t>
  </si>
  <si>
    <t>時中造成人員醫療表示榮總儘量避免醫院未來部分必須可能防疫病人醫護人員疫情重要概念訓練防護</t>
  </si>
  <si>
    <t>養生生活陳時中量能親臨</t>
  </si>
  <si>
    <t>陳時中生活養生親臨</t>
  </si>
  <si>
    <t>必要理由護目鏡危險防疫</t>
  </si>
  <si>
    <t>防疫期間民眾外出戴口罩幾乎已成為下意識習慣但網路上有網友提問「護目鏡」是否必須配戴該網友認為護目鏡是多一層保護；其他網友則列出必須戴的2大理由其1是飛沫可能經由淚液進入人體其2是若手部會沾染細</t>
  </si>
  <si>
    <t>網友必須護目鏡人體口罩進入幾乎成為下意識習慣網路上理由提問外出手部列出淚液可能是否認為配戴民眾</t>
  </si>
  <si>
    <t>防疫期間民眾外出戴口罩幾乎已成為下意識習慣但網路上有網友提問「護目鏡」是否必須配戴該網友認為護目鏡是多一層保護；其他網友則列出必須戴的2大理由其1是飛沫可能經由淚液進入人體其2是若手部會沾染細菌病毒再揉眼睛就有可能感染；許多網友則相當認同第2點認為揉眼睛是相當危險的習慣。
1名網友在PTT上發文表示他建議大眾搭乘捷運應該比照搭飛機除了戴口罩之外最好也把護目鏡戴上比較安全「比較有憂患意識的應該都有準備好護目鏡才對盡量保護好自己」；此文一發出即引發網友討論有網友認為「還要戴手套」、「口罩的確不是百分百保護而且有人戴口罩跟沒戴一樣」、「手記得要噴酒精不要亂摸」。
也有網友點出戴護目鏡最主要的功用其實是「防止手摸到眼睛」因為如果日常的細菌、病毒沾染在手部而民眾又揉眼睛、摸臉的狀況下病毒就可能透過眼睛進入人體因此需要護目鏡「主要還是手部經常噴酒精消毒」、「眼睛有淚液所以有戴護目鏡還是比較保險」。
不少醫療學者也提到相對於口鼻的保護眼睛的防禦稍微低了點眼睛結膜直接與外在接觸只有閉眼、睡覺時才受到保護因此戴上護目鏡、防護鏡確實是多一層保護；學者建議護目鏡對醫療人員來說是必要的防疫期間盡量不要佩戴隱形眼鏡且1天至少2次以正確方法清潔消毒鏡架、鏡片。</t>
  </si>
  <si>
    <t>眼睛護目鏡保護網友口罩可能病毒認為應該儘量建議習慣消毒酒精手部民眾學者醫療比較進入</t>
  </si>
  <si>
    <t>新冠肺炎台灣護目鏡結膜揉眼睛</t>
  </si>
  <si>
    <t>臺灣護目鏡肺炎結膜眼睛</t>
  </si>
  <si>
    <t>死亡率好心line守護心臟疾病健康心血管</t>
  </si>
  <si>
    <t>新型冠狀病毒在全球擴散歐美最新研究顯示慢性病及心血管疾病患者若罹患新冠肺炎不僅死亡率高重症住院者更多不可不慎。為協助患者做好自我管理醫界首度駭客松作品「好心鄰」LINE上線協助提醒用藥紀</t>
  </si>
  <si>
    <t>患者協助歐美最新研究上線顯示line慢性病心血管作品好心擴散疾病駭客首度肺炎死亡率重症住院者自我管理</t>
  </si>
  <si>
    <t>患者心臟疾病心血管用藥肺炎冠狀病毒記錄研究ai提醒平時line指數期間顯示協助做好服藥表示人工智慧雜誌</t>
  </si>
  <si>
    <t>患者疾病心臟心血管新冠肺炎</t>
  </si>
  <si>
    <t>心血管心臟疾病患者肺炎</t>
  </si>
  <si>
    <t>收益投資衝擊獲利衰退疫情金融</t>
  </si>
  <si>
    <t>金管會公佈國銀最新獲利狀況2020年1～2月稅前獲利6275億元年減218億元或34％各類分行中僅國際金融業務分行（OBU）獨守成長。銀行局副局長黃光熙表示主因新冠肺炎疫情重創全球資本市場使國銀投資金融資</t>
  </si>
  <si>
    <t>國銀分行獲利市場資本全球重創疫情肺炎obu主因表示獨守光熙局長成長銀行局最新狀況國際金融</t>
  </si>
  <si>
    <t>金管會公佈國銀最新獲利狀況2020年1～2月稅前獲利6275億元年減218億元或34％各類分行中僅國際金融業務分行（OBU）獨守成長。銀行局副局長黃光熙表示主因新冠肺炎疫情重創全球資本市場使國銀投資金融資產評價收益減少所致。
據金管會統計國銀2020年1～2月各類分行中僅OBU稅前獲利1876億元年增108％。國內總分行稅前獲利3721億元年減68％海外分行稅前獲利589億元年減178％中國大陸分行稅前獲利89億元年減03％。
黃光熙表示國銀前2月獲利出現衰退主因受新冠肺炎疫情影響全球資本市場波動加劇使國銀投資金融資產評價收益減少。其中國內總分行投資及其他淨收益年減達128億元所幸利息及手續費收益分別年增32億元、28億元、呆帳提列準備金亦年減63億元。
而OBU前2月獲利維持成長主要受惠投資金融資產評價利益增加年增達27億元。海外分行及中國大陸分行獲利衰退主因呆帳提列準備金增加其中海外分行年增達11億元中國大陸分行則在2月增提3億元。
國銀截至2月底總放款餘額3002兆元月增1232億元。逾放金額706億元月增11億元逾放比024％、月增001個百分點、年減001個百分點。備抵呆帳覆蓋率59024％月減649個百分點、仍年增達4361個百分點提列狀況維持較高水準應屬穩健。</t>
  </si>
  <si>
    <t>分行獲利國銀投資收益主因obu呆帳維持金融資產狀況評價成長百分點表示海外衰退大陸光熙</t>
  </si>
  <si>
    <t>金管會國銀分行獲利衰退</t>
  </si>
  <si>
    <t>國銀獲利金管會分行衰退</t>
  </si>
  <si>
    <t>隔離確診啟動員工分區辦公經濟部</t>
  </si>
  <si>
    <t>經濟部傳出有同仁因確診經濟部17日上午證實這消息該名同仁因曾前往特定疫情熱區附近並出現不適症狀進行採檢後已接獲通知為COVID-19確診個案而經濟部也啟動分區辦公應變機制已於週一（5/17）展開本部分</t>
  </si>
  <si>
    <t>經濟部確診同仁機制應變辦公分區啟動已於進行症狀不適出現附近個案熱區疫情前往消息covid-通知證實</t>
  </si>
  <si>
    <t>經濟部傳出有同仁因確診經濟部17日上午證實這消息該名同仁因曾前往特定疫情熱區附近並出現不適症狀進行採檢後已接獲通知為COVID-19確診個案而經濟部也啟動分區辦公應變機制已於週一（5/17）展開本部分區辦公(分二區)相關作業未來兩區人員杜絕越區交流實體公文嚴禁跨區分流必要的會議將盡量採視訊方式辦理。
經濟部指出與該同仁頻繁接觸的5位同仁也依照防疫的指引建議自即日起至5月27日採行自主隔離隔離期間如有不適症狀應即通報屆時將有專人護送就醫。據瞭解該名確診者平常不會與部長王美花、以及三位次長有密切接觸。
經濟部也已於16日完成辦公場所全面消毒並要求所有同仁配戴口罩以及落實勤加洗手的衛生習慣。民眾洽公部分也有新的實聯制、動線指引及相關規範。</t>
  </si>
  <si>
    <t>同仁經濟部確診辦公不適症狀指引分區已於相關洗手衛生習慣實體交流越區公文杜絕嚴禁人員落實</t>
  </si>
  <si>
    <t>新冠肺炎台灣經濟部辦公分區</t>
  </si>
  <si>
    <t>臺灣經濟部肺炎辦公分區</t>
  </si>
  <si>
    <t>混打明天上午準備開放預約</t>
  </si>
  <si>
    <t>國內首度開放新冠疫苗混打限時6小時開放意願登記共28萬人完成登記將可在明天上午10點預約混打最快後天就能接種莫德納或BNT疫苗。中央流行疫情指揮中心宣佈開放AZ混打莫德納或BNT已於9月25日前接種第1劑AZ</t>
  </si>
  <si>
    <t>混打開放疫苗莫德納bnt登記接種az明天意願上午預約小時後天指揮中心疫情流行中央宣佈完成</t>
  </si>
  <si>
    <t>國內首度開放新冠疫苗混打限時6小時開放意願登記共28萬人完成登記將可在明天上午10點預約混打最快後天就能接種莫德納或BNT疫苗。
中央流行疫情指揮中心宣佈開放AZ混打莫德納或BNT已於9月25日前接種第1劑AZ的民眾皆符合資格約97萬人符合資格共28萬629人完成登記；其中6萬534人選擇混打莫德納、4萬8076人選擇混打BNT另有17萬2019人同時選擇莫德納和BNT。
首批混打將納入第14期預約接種28萬人民眾將可於明天上午10點至下午4點至疫苗平臺預約施打日程為11月20日至21日。
第14期開放混打後殘劑也同步開放AZ混打mRNA疫苗。疫情指揮中心指揮官陳時中表示只要符合混打資格的民眾打殘劑也可以；疫情指揮中心發言人莊人祥補充11月20日起開放混打疫苗民眾排殘劑接種。</t>
  </si>
  <si>
    <t>混打開放疫苗民眾接種莫德納中心az預約指揮bnt疫情登記符合資格明天上午完成意願發言人</t>
  </si>
  <si>
    <t>混打預約莫德納BNT接種</t>
  </si>
  <si>
    <t>混打接種bnt莫德納預約</t>
  </si>
  <si>
    <t>暫停紐西蘭航空本月肆虐臺北航線肺炎直到月底</t>
  </si>
  <si>
    <t>受到新冠肺炎疫情影響紐西蘭航空（Air New Zealand）宣佈3月20日起將陸續暫停包含奧克蘭往返臺北等多條國際航線直到6月30日根據《路透》報導紐西蘭航空預計最終將削減85%的國際運能往返澳洲及紐西蘭國內航</t>
  </si>
  <si>
    <t>紐西蘭往返航空國際疫情影響air肺炎運能new宣佈預計包含陸續暫停奧克蘭報導臺北zealand航線削減最終直到路透澳洲</t>
  </si>
  <si>
    <t>受到新冠肺炎疫情影響紐西蘭航空（Air New Zealand）宣佈3月20日起將陸續暫停包含奧克蘭往返臺北等多條國際航線直到6月30日根據《路透》報導紐西蘭航空預計最終將削減85%的國際運能往返澳洲及紐西蘭國內航線的運能也會削減30%左右。
紐西蘭航空於官網公告繼原本就已暫停的上海和首爾航線後3月20日起將再暫停倫敦及洛杉磯航線至6月30日。另外臺北、阿根廷、印尼、日本及其他美加航線則從3月30日起暫停直到6月30日為止。
14日紐西蘭政府宣佈實行「全球最嚴格邊境管制」所有入境訪客都要自主隔離14天因此重創紐西蘭航空業。紐西蘭航空預期運能大減股票在18日前暫停交易紐西蘭航空執行長福蘭（Greg Foran）坦言紐西蘭航空在未來幾個月將成為1間「小型航空公司」而這波影響恐怕包含人力因此正考慮是否要裁員30%為了盡量減少裁員他也鼓勵大家排休年假或無薪假。
更多 CTWANT 報導</t>
  </si>
  <si>
    <t>紐西蘭航空暫停航線運能影響包含國際臺北往返報導削減直到裁員年假管制邊境嚴格入境</t>
  </si>
  <si>
    <t>紐西蘭航空暫停30日航線6月</t>
  </si>
  <si>
    <t>紐西蘭航線暫停航空</t>
  </si>
  <si>
    <t>毒性更弱傳染可能更易原因omicron曝光</t>
  </si>
  <si>
    <t>美國最新研究發現新冠變異株Omicron的眾多突變中其中一個可能涵蓋從其他病毒上取得的遺傳物質片段從而讓Omicron可能更具傳染力但同時只會造成輕症。專家指出Omicron可能是從感冒病毒中取得遺傳物質片段。</t>
  </si>
  <si>
    <t>omicron可能病毒取得遺傳物質片段變異發現造成突變專家傳染指出更具是從涵蓋感冒研究最新美國</t>
  </si>
  <si>
    <t>病毒研究omicron可能或許遺傳物質指出出現人類片段細胞變異感冒感染人員身上重組桑達拉拉發現人體突變是否</t>
  </si>
  <si>
    <t>#新冠肺炎#全球Omicron感冒病毒傳染</t>
  </si>
  <si>
    <t>全球omicron肺炎感冒病毒傳染</t>
  </si>
  <si>
    <t>網友直言預言地方陳政聞高雄下場</t>
  </si>
  <si>
    <t>行政院南部聯合服務中心執行長陳政聞遭爆捲入「牡丹灣villa」群聚事件消息一出後政壇炒得沸沸揚揚高雄地方更直言陳政聞「這次走定了」烏紗帽恐不保不過許多網友可不這樣認為直言「3+11這把火都沒事了</t>
  </si>
  <si>
    <t>直言捲入牡丹villa認為事件可不消息網友政壇沸沸揚揚烏紗帽高雄地方陳政聞</t>
  </si>
  <si>
    <t>行政院南部聯合服務中心執行長陳政聞遭爆捲入「牡丹灣villa」群聚事件消息一出後政壇炒得沸沸揚揚高雄地方更直言陳政聞「這次走定了」烏紗帽恐不保不過許多網友可不這樣認為直言「3+11這把火都沒事了這個更沒事顏色對了都沒事」。
熟知內情人士透露當天陳政聞與南部政商一同前往牡丹灣因民眾投訴且遭媒體詢問當晚政院高層便直接要求陳立即離開現場且放話「如果名字見報立刻下臺」。
對此許多網友在報導這則新聞的粉專「中時新聞網」臉書下方留言表示「沒怕的啦燒山都沒事了顏色正確就可以了落選得高官真是好棒棒」、「沒問題的綠色支持者會自動選擇性失明、失聰、失憶」、「官員把山燒了都沒事去villa群聚只是小菜一碟」、「有關係就沒關係要是馬英九時期那些側翼、什麼翼的還不開始鬧騰」、「民眾還在坐牢官員卻享樂去了」、「3+11這把火都沒事了這個更沒事顏色對了都沒事」。
據悉蘇貞昌表定16日下午2時到高雄流行音樂中心海音館視察高雄疫苗施打情形該行程本來就不開放媒體入場但開放線上提問不料行政院在公開行程2個半小時後臨時宣佈取消行程如今外界終於豁然開朗猜測或許事涉敏感蘇貞昌恐為此震怒因而臨時喊卡行程。
據側面瞭解陳政聞當天確實帶了妻小前往屏東頂級Villa住宿也已向陳其邁及蘇貞昌方面主動告知此事。
對於外傳蘇貞昌震怒一事行政院今表示蘇貞昌視察高雄疫苗施打情形行程延後完全是考量獲預報當天下午南部有雷雨不宜航行而取消是次行程同日也有向詢問的媒體說明是氣候因素之故此與媒體所報導陳政聞之事件毫無關係。</t>
  </si>
  <si>
    <t>行程蘇貞昌陳政聞媒體villa高雄當天沒事網友官員報導前往表示下午直言行政院</t>
  </si>
  <si>
    <t>陳政聞高雄網友墾丁蘇貞昌</t>
  </si>
  <si>
    <t>網友高雄陳政聞蘇貞昌</t>
  </si>
  <si>
    <t>死亡案例病毒葉克變種英國不治</t>
  </si>
  <si>
    <t>中央流行疫情指揮中心今(4)日公佈新增1例死亡病例案799為英國籍70多歲男性去年12月18日來台31日確診感染英國變種病毒之後因病況加劇使用葉克膜搶救但昨仍因肺部出血、器官衰竭病逝為國內首起染英國變毒</t>
  </si>
  <si>
    <t>英國中心國內衰竭公佈器官病逝出血肺部新增搶救葉克使用加劇病例病毒病況之後死亡變種指揮</t>
  </si>
  <si>
    <t>中央流行疫情指揮中心今(4)日公佈新增1例死亡病例案799為英國籍70多歲男性去年12月18日來台31日確診感染英國變種病毒之後因病況加劇使用葉克膜搶救但昨仍因肺部出血、器官衰竭病逝為國內首起染英國變毒死亡個案。
中央流行疫情指揮中心表示案799有心血管疾病病史去年12月18日來臺探親12月26日發病、29日就醫、31日確診個案於入院後因病況加劇插管後轉至加護病房治療住院期間因病況持續不佳使用葉克膜治療後續個案陸續出現器官衰竭、肺部出血、發燒及細菌合併黴菌感染等情形雖使用抗生素治療仍因病情惡化於昨(3)日病逝。
指揮中心專家小組召集人張上淳表示這名死亡個案一方面年紀大了另一方面也有心血管疾病病史都是比較容易發生重症的因數確實很快就變成重症也有使用葉克膜。
對於案799病程中有肺部出血情況是因本身病史還是和感染新冠肺炎有關？張上淳說新冠肺感染後除會影響器官外也會影響凝血功能所以需進行凝血功能相關治療而此個案在臨床判定上是因新冠肺炎感染造成凝血功能有狀況這是目前為止看到較明顯肺部出血的個案過去沒有看到如此明顯出血的病例。
張上淳表示由於案799是單一個案無法說其死亡是否與變種病毒株相關只能參考國外資料國內分析無法證實是因為變種病毒株讓死亡率變高目前變種病毒株不只這個世界衛生組織日前公佈全球共有4種變異病毒分別是D614G、Cluster 5、B117以及501YV2。
此外今天指揮中心也宣佈新增2例境外移入COVID-19確定病例(案919、920)分別自印尼及美國入境。
指揮中心表示案919為印尼籍40多歲男性船員1月10日來臺工作持有搭機前3日內檢驗陰性報告入境後由公司安排至宿舍進行居家檢疫及自主健康管理；個案自主健康管理期滿因預計登船工作於2月2日由雇主安排至醫院自費採檢於今日確診。已掌握個案接觸者共2人因有適當防護列自主健康管理。
案920為美國籍60多歲女性今年1月15日來臺持有搭機前3日內檢驗陰性報告入境後至防疫旅館居家檢疫迄今無症狀。個案居家檢疫期滿後於1月30日至2月3日間在臺洽公因預計2月6日返回美國2月3日至醫院自費採檢於今日確診。已掌握個案接觸者11人包括工作接觸者9人及同行友人2人均列居家隔離。
指揮中心統計截至目前國內累計161613例新型冠狀病毒肺炎相關通報(含156448例排除)其中919例確診分別為805例境外移入75例本土病例36例敦睦艦隊、2例航空器感染及1例不明；另1例(案530)移除為空號。確診個案中9人死亡、839人解除隔離、71人住院隔離中。</t>
  </si>
  <si>
    <t>個案病毒感染中心指揮死亡確診治療出血居家肺部使用變種病例表示國內相關分別病況英國張上淳</t>
  </si>
  <si>
    <t>全院採檢清零計畫新冠肺炎部立桃園醫院</t>
  </si>
  <si>
    <t>肺炎清零桃園醫院全院</t>
  </si>
  <si>
    <t>警方異地太平並重辦公治安準備防疫</t>
  </si>
  <si>
    <t>美國紐約疫情嚴峻至少211名員警確診單日竟有2774名員警請病假為免國內疫情波及人民保姆進而影響治安工作太平警分局26日實施異地辦公機制演練由內勤及各外勤派出所(隊)人員調度二分之一警力分別部署於第</t>
  </si>
  <si>
    <t>疫情員警調度人員派出所外勤內勤演練機制辦公異地二分實施病假分局太平治安工作國內影響波及保姆人民至少確診</t>
  </si>
  <si>
    <t>美國紐約疫情嚴峻至少211名員警確診單日竟有2774名員警請病假為免國內疫情波及人民保姆進而影響治安工作太平警分局26日實施異地辦公機制演練由內勤及各外勤派出所(隊)人員調度二分之一警力分別部署於第二辦公處所希望透過異地辦公作業以分散風險確保如遇緊急狀況時各項警政勤(業)務之正常運作落實防疫工作同時也可以兼顧治安維護。
太平警分局為落實政府防疫政策26日規劃演練「人力分流易地辦公機制」除分局本部將人員分A、B兩組透過分流人員動線落實隔離措施連公文都採線上簽核方式另在各外勤派出所(隊)、交通分隊也加入整備行列透過規劃二班式勤務隔離人員避免互相接觸還設置臨時人犯偵訊處所以及戶外機動派出所受理民眾報案避免有人不幸確診甚至會造成整個單位都停擺衍生治安漏洞。
值得一提的是演練過程中適逢市議員蔡耀頡在新平派出所關心警方異地辦公整備狀況並對分局的超前部署大為肯定。太平警方表示目前除在人員及設備配置上均已事先調控不讓疫情影響機關正常運作分局內部也在一星期之前早就期前分組運作許久確保疫情期間之公務運作讓警政服務不中斷。</t>
  </si>
  <si>
    <t>人員分局派出所辦公疫情運作演練落實太平透過異地確診避免治安警方確保部署規劃處所整備隔離正常影響防疫</t>
  </si>
  <si>
    <t>武漢肺炎新形冠狀病毒新冠肺炎COVID-19異地辦公</t>
  </si>
  <si>
    <t>肺炎covid-冠狀病毒異地辦公武漢</t>
  </si>
  <si>
    <t>手臂高端混打進口明年疫苗</t>
  </si>
  <si>
    <t>中央流行疫情指揮中心昨宣佈最快明年1月1日開打第3劑疫苗將優先提供給高風險對象接種兩劑滿6個月者可接種。針對第3劑疫苗廠牌應如何選擇衛生福利部傳染病防治諮詢會預防接種組（ACIP）召集人李秉穎指出基本</t>
  </si>
  <si>
    <t>疫苗接種acip中心預防接種宣佈防治傳染病明年福利召集人指揮衛生選擇物件高風險提供</t>
  </si>
  <si>
    <t>疫苗選擇兩劑高端開放目前混打接種問題mrna沒有指出az李秉穎基本上專家民眾</t>
  </si>
  <si>
    <t>第三劑李秉穎疫苗接種混打</t>
  </si>
  <si>
    <t>疫苗接種李秉混打</t>
  </si>
  <si>
    <t>公司關閉史中旅遊泰日隱瞞天價</t>
  </si>
  <si>
    <t>台灣新冠肺炎疫情再度升溫中央流行疫情指揮中心昨(16日)公佈新增8確診個案都在國外被感染台灣確診者累積達67例其中15日公佈的案54男子2月28日到泰國遊玩3月5日又到日本北海道旅遊4天返台後確診又疑</t>
  </si>
  <si>
    <t>確診公佈疫情臺灣指揮返台中心日本北海道新增個案累積再度肺炎升溫中央流行旅遊男子國外感染</t>
  </si>
  <si>
    <t>台灣新冠肺炎疫情再度升溫中央流行疫情指揮中心昨(16日)公佈新增8確診個案都在國外被感染台灣確診者累積達67例其中15日公佈的案54男子2月28日到泰國遊玩3月5日又到日本北海道旅遊4天返台後確診又疑因隱瞞出國旅遊史致任職的外商金融公司緊急關閉臺北辦公室與他接觸過的同事也遭隔離不少專業網友在PTT留言表示案54恐面臨超慘下場也有律師直指因該男子隱瞞旅遊地點公司可依勞雇契約或《民法》不完全給付規定提出求償。
據「東森新聞雲」報導律師陳禾原表示 該男子與公司間存有勞雇契約勞資雙方都應本於「誠信原則」履行契約若該名男子確實隱瞞出國旅遊史還向公司謊稱是國內旅遊此舉將造成公司無法正確評估資訊、管控疫情風險與安排遠端工作對應措施造成營業損失公司可依勞雇契約或《民法》第227條不完全給付等規定向男子求償。
至於求償範圍陳禾原說公司可向該男子求償營業利益、辦公室租金、人事費用等損失惟公司必須需提出相關損失證明及因果關係。
案54男子隱瞞國外旅遊史確診後有網友在PTT爆料：「他出國之前同事一直叫他不要去他還是硬要去甚至瞞騙公司只是國內旅遊結果確診搞到整間公司強迫關閉因大家都要在家自主管理。」還被網友留言罵翻「他受到的懲罰就是業界沒人敢再用他」、「不誠信還想做金融以後誰敢用」、「引起金融圈高度警戒」、「這人的金融生涯完了啦連這都要騙支持公司要求賠償」。
但衛福部長陳時中昨在記者會上提到案54男子並沒有違法說：「當時日本、泰國還沒有列入三級區域這樣撻伐不宜啦！」他認為網路上對該案的肉搜和謾罵等行為「不宜且不可取」。陳時中也強調最新法規今後若執意赴「國際旅遊疫情建議等級」第三級警示國家地區旅遊者不可領居家檢疫補償並加徵必要費用倘若確診公佈姓名。</t>
  </si>
  <si>
    <t>公司男子旅遊確診疫情金融隱瞞網友損失契約出國求償公佈陳時中提出費用同事不宜辦公室</t>
  </si>
  <si>
    <t>隱瞞案54確診契約求償</t>
  </si>
  <si>
    <t>隱瞞確診契約求償</t>
  </si>
  <si>
    <t>員工確診garmin</t>
  </si>
  <si>
    <t>國際穿戴裝置大廠Garmin林口廠區9日傳出有1名員工確診新冠肺炎該名個案居住在新北市桃園市長鄭文燦呼籲新北市政府要充分分享疫調資訊桃園市衛生局7日中午就入廠採檢當晚才接獲新北市衛生局通報確診。據了</t>
  </si>
  <si>
    <t>桃園新北確診garmin當晚才接廠采大廠傳出員工中午市政府肺炎充分衛生分享</t>
  </si>
  <si>
    <t>國際穿戴裝置大廠Garmin林口廠區9日傳出有1名員工確診新冠肺炎該名個案居住在新北市桃園市長鄭文燦呼籲新北市政府要充分分享疫調資訊桃園市衛生局7日中午就入廠採檢當晚才接獲新北市衛生局通報確診。
據瞭解7日早上桃園市衛生局聽聞龜山有工業區員工確診隨即一家一家工廠詢問並透過中央系統發現是Garmin林口廠有員工確診趕緊入廠採檢不過桃園市衛生局到當天傍晚才接獲新北市衛生局通知緊急採檢該廠532名員工都是陰性。
鄭文燦9日說明疫情該案最早是1名婦人在臺北市確診後北市府未匡列她丈夫後來這名丈夫到新竹縣工作確診又傳給3名同事其中1名住桃園的同事又傳染給在Garmin林口廠上班、住新北的女兒。鄭文燦批桃園市衛生局事先掌握消息7日中午趕緊入廠採檢但桃園一直到晚上才接到新北市衛生局通知有確診者在Garmin工作呼籲要充分分享疫調資訊。
新北市衛生局長陳潤秋表示個案在父親確診後被匡列採檢陽性根據疫調父親發病在前認定屬於家戶感染。
新北市衛生局指出該名確診個案居住在桃園的父親6日確診個案因此被匡居家隔離7日採檢陽性8日確診目前已匡列接觸者人數共19人包含家人3人、職場16人衛生局除已對其生活足跡進行疫調第一時間也立即通知職場所在地的桃園市衛生局進行工作職場疫調以確實阻斷傳播鏈。</t>
  </si>
  <si>
    <t>確診桃園garmin衛生局員工新北市衛生局新北工作通知個案鄭文燦父親匡列廠采</t>
  </si>
  <si>
    <t>林口廠採檢員工新北市衛生局桃園</t>
  </si>
  <si>
    <t>新北市衛生局員工林口廠桃園</t>
  </si>
  <si>
    <t>石門水庫公司新竹</t>
  </si>
  <si>
    <t>桃竹苗水庫都在比慘！石門水庫水情是「狀況不好」寶山和寶二水庫是「告急」永和山水庫「很緊急」！新竹地區可能在6月1日亮紅燈供5停2水公司指出石門水庫每天還是會支援22萬噸水給新竹在甲區停水時調配供給乙</t>
  </si>
  <si>
    <t>新竹石門水庫水庫停水水情告急緊急地區可能亮紅燈支援山水公司指出都在比狀況</t>
  </si>
  <si>
    <t>桃竹苗水庫都在比慘！石門水庫水情是「狀況不好」寶山和寶二水庫是「告急」永和山水庫「很緊急」！新竹地區可能在6月1日亮紅燈供5停2水公司指出石門水庫每天還是會支援22萬噸水給新竹在甲區停水時調配供給乙區使用目前還沒有模擬到停供不支援新竹的狀況。
供水給新竹科學園區的寶山和寶二水庫每天出水量仍維持在15萬噸24日寶山蓄水量3484萬噸剩69％只能用10天寶二8639萬噸剩26％還能撐14天。
水公司三處區副處長謝東穎表示石門水庫目前從桃竹備援管線送新竹22萬噸主要供湖口、新豐及竹北20萬噸餘2萬噸供新竹市若進入供5停2的分區供水竹北等甲區在停水2天時水源調配給乙區的新竹市使用。
同時消防、醫療及學校提供13處載水點甲區將設置28處臨時供水站乙區則有13處。新竹縣各鄉鎮市將增設臨時供水站竹北市18處、竹東鎮6處、芎林鄉4處、寶山鄉2處
新竹縣長楊文科對新竹地區可能分區供水指示衛生局請縣內42家住宿式長期照護機構盤點貯水能量並加強省水應變要求至少支撐48小時的自助抗旱能力。</t>
  </si>
  <si>
    <t>新竹石門水庫水庫供水目前分區可能狀況使用公司供水站地區支援桃竹竹北停水</t>
  </si>
  <si>
    <t>新冠肺炎台灣 新竹石門水庫供5停2</t>
  </si>
  <si>
    <t>臺灣新竹石門水庫肺炎</t>
  </si>
  <si>
    <t>預約假消息黃偉哲疫苗成功一定打得台南</t>
  </si>
  <si>
    <t>針對有媒體直指台南市「疫苗不足」8月2日後將不提供疫苗接種服務台南市長黃偉哲斥假消息這是未經查證的不實消息只要於公費疫苗預約平臺預約成功的市民就一定打得到疫苗。衛生局長許以霖也強調依據公費疫</t>
  </si>
  <si>
    <t>疫苗公費預約不足提供衛生局長許以霖接種打得黃偉哲服務一定假消息台南未經市長查證消息不實南市日後強調市民</t>
  </si>
  <si>
    <t>針對有媒體直指台南市「疫苗不足」8月2日後將不提供疫苗接種服務台南市長黃偉哲斥假消息這是未經查證的不實消息只要於公費疫苗預約平臺預約成功的市民就一定打得到疫苗。衛生局長許以霖也強調依據公費疫苗預約統計從8月2日至5日將有3萬9761位民眾將接種疫苗絕無停止接種服務的情況。
台南市今天因宣佈停班停課疫苗接種服務也暫停1天。但卻有媒體指8月2日台南市因疫苗不足將不再提供疫苗接種服務許以霖說這不知道是哪來的消息完全是不實消息。
黃偉哲今天在防疫記者會上針對傳聞指台南沒有疫苗這是「假消息」他也說未經查證就散佈不實消息必須要負起責任甚至是刑責。
許以霖表示目前所有人打第二劑都要上1922進行意願登記已打第一劑的可以在下一輪開放意願登記時登記第二劑同時因為國內沒有開放混打第二劑也必須選擇與第一劑相同的廠牌系統並會提醒最早可以注射第二劑的時間。
衛生局表示台南市1日暫停疫苗接種服務原訂今天要接種者請於8月8日依照原預約時段至原地點接種無須重新預約若8月8日無法前往請與原預約的醫療院所聯繫登記接種。</t>
  </si>
  <si>
    <t>疫苗接種預約服務許以霖消息今天台南登記不實必須表示南市可以黃偉哲沒有開放意願公費</t>
  </si>
  <si>
    <t>假消息疫苗台南接種第二劑</t>
  </si>
  <si>
    <t>假消息接種台南疫苗</t>
  </si>
  <si>
    <t>肺炎透視新聞疫情</t>
  </si>
  <si>
    <t>新冠肺炎散播的震央目前從大陸轉移到歐洲。由於歐洲國家如英國和瑞典採取和WTO不同的防疫模式群體免疫概念浮上檯面儘管在反彈下緊急採取措施彌補但可能為時已晚。歐美嚴防亞洲的局面出現倒轉如果防疫不力</t>
  </si>
  <si>
    <t>防疫震央目前歐洲散播局面瑞典嚴防亞洲採取歐美wto為時已晚可能不同大陸彌補採取措施緊急模式反彈群體免疫轉移概念國家</t>
  </si>
  <si>
    <t>新冠肺炎散播的震央目前從大陸轉移到歐洲。由於歐洲國家如英國和瑞典採取和WTO不同的防疫模式群體免疫概念浮上檯面儘管在反彈下緊急採取措施彌補但可能為時已晚。歐美嚴防亞洲的局面出現倒轉如果防疫不力交叉感染將不可避免。因此整個防疫措施也應該進入一個新的階段！
大陸公佈的疫情顯示新冠肺炎病例已經從頂峰降下目前發現的病例除武漢外大都是境外移入病例。而在台灣近幾天的病例全都集中在境外移入接下來可能要集中精力擺在恢復經濟和社會正常運轉以及防止境外病例移入導致大規模感染避免原先採取的極端措施又將重來一次。
不過防疫卻碰到令人不安的新情況。原因在於英國和瑞典等國家深感若要完成應查盡查的要求醫療體系無法負荷。因此乾脆提出了一個群體免疫的說法其結果就是病源永遠不斷。而在全球化之下人類被迫必須學會和新冠病毒共舞。
不光在歐洲新冠病毒在美國也有蔓延的跡象。由於美國人口超過三億但至今檢測的例子不到萬例加上全美已經有49州淪陷合理推論美國的病例數遠遠超過公佈數字而且可能會呈現突發井噴期。川普先前新冠類似流感的說法和群體免疫的概念不謀而合可以想見為了連任川普必然意圖低調致力不讓美國民眾恐慌因此儘管全額補助檢測在法律層面已經通過但大規模檢測在可見的未來仍然不可得。
不光歐美中東南亞東南亞其實都蘊藏危機。新冠病毒快速蔓延又因部分國家提出群體免疫概念不作為而得以繼續擴散在病毒根源始終無法斷絕下防疫將比第一個階段更加困難。任何國家都可能在恢復正常後再度爆發新一波疫情。直到全世界「群體免疫」完成為止。</t>
  </si>
  <si>
    <t>防疫病例可能群體免疫國家美國病毒已經概念檢測境外歐美川普無法採取階段超過</t>
  </si>
  <si>
    <t>美國肺炎病毒採取概念</t>
  </si>
  <si>
    <t>病毒肺炎概念採取美國</t>
  </si>
  <si>
    <t>調離川普爆發疫情陸疾獨家官員路透</t>
  </si>
  <si>
    <t>近日美中對新冠疫情爭議愈見激烈外媒今日獨家報導美總統川普在大陸新冠疫情爆發前數月調走一名關鍵的駐陸控官員使得美方無法即時獲知並向華府報告在中國大陸發生的重大公共衛生事件。路透23日發自華盛頓的獨家</t>
  </si>
  <si>
    <t>大陸疫情路透衛生事件重大發生中國即時報告無法美方使得華府官員獲知陸控關鍵今日激烈獨家報導</t>
  </si>
  <si>
    <t>近日美中對新冠疫情爭議愈見激烈外媒今日獨家報導美總統川普在大陸新冠疫情爆發前數月調走一名關鍵的駐陸控官員使得美方無法即時獲知並向華府報告在中國大陸發生的重大公共衛生事件。
路透23日發自華盛頓的獨家消息指出有4位元知情人士透露去年被川普撤銷職位的美國疾病專家是駐在大陸疾控中心的一名女性流行病學家琳達奎克(Linda Quick)她於7月離任。而新冠病毒首批病例最早可能在11月就已出現隨著疫情擴大川普政府在2月份開始譴責大陸隱匿疫情同時還阻止美國專家進入大陸提供協助。
報導說曾於2007年至2011年間擔任此一職務的華裔專家朱保平(Bao-Ping Zhu音譯)表示琳達奎克被調離大陸一事令人傷心如果當時有美國疾控專家在大陸全世界公共衛生官員和政府可能會提早行動。
消息人士說作為美國疾控中心雇員琳達奎克原本處於很好的位置可以充當美國瞭解大陸訊息的耳目可能可以提前數周警告美國可能面臨的嚴重威脅。可惜的是琳達奎克於去年7月離開後沒有替補的官員接手因此缺乏獲得第一手消息的機會。
對此美國疾控中心在向路透發出的一份聲明稿中表示取消這一顧問職位並不妨礙華盛頓獲取資訊的能力此事與美國疾控中心未提早獲知大陸疫情「完全沒有關係」。
美國疾控中心表示關於在大陸「不設置常駐顧問」的決定早在去年夏天就開始這是因為中國大陸已擁有傑出的技術能力和相關專案的成熟度。美國疾控中心與中國大陸疾控中心已經建立了30年的緊密合作關係。我們有合適的工作人員與大陸接觸如果對方提出要求美國有能力提供技術援助。
據美國衛生與公共服務部（HHS）秘書阿紮爾（Alex Azar）表示該部門於1月初得知了新型冠狀病毒的情況。
消息人士認為美國領導人不應該依賴大陸疾控中心訊息因為最初幾週大陸官員疫情輕描淡寫直到1月20日才承認人與人之間傳播的證據。</t>
  </si>
  <si>
    <t>大陸美國疫情美國疾控中心官員表示奎克琳達可能專家川普去年中國消息中心病毒路透消息人士華盛頓衛生</t>
  </si>
  <si>
    <t>制裁嚴防透視骨牌效應新聞</t>
  </si>
  <si>
    <t>菲律賓針對台灣加碼的旅遊禁令會否解除14日就要攤牌。不管結果如何政府應該要有心理準備菲律賓可能不會是最後一個針對台灣祭出旅遊限制的國家往後若再出現類次案例我們該怎麼回應？義大利以及菲律賓都聲稱</t>
  </si>
  <si>
    <t>菲律賓旅遊臺灣案例出現往後政府結果攤牌應該國家就要限制心理準備解除可能祭出禁令最後</t>
  </si>
  <si>
    <t>菲律賓針對台灣加碼的旅遊禁令會否解除14日就要攤牌。不管結果如何政府應該要有心理準備菲律賓可能不會是最後一個針對台灣祭出旅遊限制的國家往後若再出現類次案例我們該怎麼回應？
義大利以及菲律賓都聲稱基於WHO的《一中政策》將台灣視作中國大陸的一部分因此自然與陸港澳同為新冠肺炎疫區進而喊卡雙邊直航甚至禁止入境。事實上義大利與菲律賓怎麼可能會不知道台灣不屬於中華人民共和國的一部分？
菲律賓國會議員阿班特質詢衛生部官員台灣只有18例新加坡卻有43例為什麼不禁新加坡卻要禁台灣？語畢衛生部官員語塞全場哄堂大笑。很明顯大家都知道這項禁令就是「政治決定」根本不是從科學角度出發的「防疫決定」。
義大利開出第一槍之後外交部便有所警覺通令全球駐外館處向駐在國積極溝通務必不能被WHO的錯誤認知誤導。然而WHO的立場其實也只不過是各國向北京示好的保護傘把不公平對待台灣的愧疚感推給WHO來扛。
面對菲律賓「吃人夠夠」外交部之所以沒有在第一時間就硬起來嗆出反制措施一來是不希望把事情搞到沒有轉圜的餘地導致兩國關係更進一步惡化；二來就算菲律賓的禁令成了定局我方也反制裁之後再有國家對台灣做出限制我們是否也該比照菲律賓模式辦理？
制裁是要讓對方感覺到痛但是自己難免也會失血。不論是取消菲律賓免簽或是限縮菲律賓移工配額台灣都不可能不受到影響。東協各國與台灣關係緊密但是受到中國大陸的影響更深制裁菲律賓一國台灣還承受得起但要是有更多東協國家跟進菲律賓的作法台灣受得了一口氣制裁這些鄰居嗎？</t>
  </si>
  <si>
    <t>臺灣菲律賓who制裁禁令大利國家外交部沒有之後大陸知道官員衛生部中國東協決定旅遊</t>
  </si>
  <si>
    <t>新冠肺炎武漢肺炎新型冠狀病毒NCP 全球</t>
  </si>
  <si>
    <t>疫苗江啟臣猝死民眾高端免費老鼠</t>
  </si>
  <si>
    <t>高端疫苗開打後傳出2人疑出現不良反應猝死。國民黨主席江啟臣今（25）日到高市議會拜訪面對媒體提問指出沒有經過三期試驗沒有國際認證的疫苗更加要謹慎因為這等於是把民眾當免費的白老鼠。江啟臣表示</t>
  </si>
  <si>
    <t>疫苗江啟臣沒有免費民眾傳出等於謹慎更加媒體出現面對拜訪不良反應議會猝死國民黨高市主席試驗</t>
  </si>
  <si>
    <t>高端疫苗開打後傳出2人疑出現不良反應猝死。國民黨主席江啟臣今（25）日到高市議會拜訪面對媒體提問指出沒有經過三期試驗沒有國際認證的疫苗更加要謹慎因為這等於是把民眾當免費的白老鼠。
江啟臣表示國民黨對於疫苗的安全性、有效性從頭到尾都是呼籲政府要小心謹慎因為人命關天尤其對於沒有經過三期試驗、沒有國際認證的疫苗要更加的謹慎因為這等於是把民眾當免費的白老鼠。
江啟臣直說任何的不良反應都不應該只視為一個平常的個案應該要有更專業的評估跟分析然後來告訴國人說這是什麼樣子的一個狀況因為人民有知的權利政府有保障人民健康跟他生命的責任。
他認為一個政府不應該讓人民有恐懼感更不應該讓人民的生命暴露在風險當中這也是為什麼國民黨一再呼籲政府在面對這些沒有經過國際認證沒有經過三期試驗的疫苗要特別小心謹慎的地方。</t>
  </si>
  <si>
    <t>政府疫苗國民黨人民應該沒有不良反應對於面對生命呼籲試驗小心謹慎啟臣國際老鼠傳出</t>
  </si>
  <si>
    <t>新冠肺炎台灣江啟臣應該民眾</t>
  </si>
  <si>
    <t>江啟臣肺炎臺灣應該民眾</t>
  </si>
  <si>
    <t>面試新鮮失敗心寒</t>
  </si>
  <si>
    <t>這兩年的應屆畢業生都遭逢疫情導致找工作不容易近期國內疫情趨緩全台降為二級警戒不少公司也開始徵才。一名剛從大學畢業的女網友發文分享她面試了六家公司都沒被錄取幾乎所有的面試官都跟她說「不要緊張</t>
  </si>
  <si>
    <t>公司面試疫情幾乎導致近期國內畢業大學分享女網友發文全台警戒開始降為錄取工作不容易都跟</t>
  </si>
  <si>
    <t>這兩年的應屆畢業生都遭逢疫情導致找工作不容易近期國內疫情趨緩全台降為二級警戒不少公司也開始徵才。一名剛從大學畢業的女網友發文分享她面試了六家公司都沒被錄取幾乎所有的面試官都跟她說「不要緊張」而她每次聽到這句話大概就知道自己有一半的機率不會被錄取引發網友討論。
一名女網友日前在Dcard上發文分享她是應屆畢業生至今已面試了六家公司但卻都沒有接獲錄取通知原PO認為自己被刷掉的原因應是「太緊張」因為好幾個面試官都告訴她不要緊張、放輕鬆而她每次聽到這句話就知道自己大概有一半的機率不會通過這場面試。
女網友無奈地說她還有一間公司要去面試不知道該不該抱著應該不會上的心態去面試因為這樣也許就不會太緊張畢竟前面幾個面試經驗搞砸的主因都是太緊張而無法好好發揮。
不少網友看了安慰原PO說前面幾家公司的面試就當作練習抱持著不會上的心態面試就不會這麼緊張了。「當年我也是一直被面試官說不要緊張面試了一年多才成功找到工作」、「剛開始也跟你一樣會很緊張但面試了20多家公司後現在面試都滿順利的也很平常心只能說一切都靠練習」、「抱著反正也不會上的心情結果發揮特別好真的值得一試」。
另也有網友指出面試了六家公司卻都被刷掉的原因除了面試過程太緊張可能讓主管感覺沒用心準備、不夠自信之外也有可能是學歷和人格特質不符投履歷之前可以更仔細檢視工作的要求藉此提升自己錄取的機會。</t>
  </si>
  <si>
    <t>面試公司錄取緊張太緊張工作網友女網友可能發揮po疫情知道分享前面開始</t>
  </si>
  <si>
    <t>面試求職新冠肺炎應屆畢業生緊張</t>
  </si>
  <si>
    <t>肺炎求職畢業生緊張面試</t>
  </si>
  <si>
    <t>陷入狀態控制疫情危險北市邊緣</t>
  </si>
  <si>
    <t>中央流行疫情指揮中心今公佈新冠肺炎本土案例有262例校正回歸65例其中臺北市新增87例臺北市長柯文哲今在北市防疫記者會上表示目前疫情陷入「膠著狀態」臺北市疫情還能控制但還是在危險邊緣；柯指出北</t>
  </si>
  <si>
    <t>疫情臺北市危險控制中心案例本土邊緣肺炎公佈目前陷入表示防疫柯文哲北市記者會指揮校正狀態</t>
  </si>
  <si>
    <t>中央流行疫情指揮中心今公佈新冠肺炎本土案例有262例校正回歸65例其中臺北市新增87例臺北市長柯文哲今在北市防疫記者會上表示目前疫情陷入「膠著狀態」臺北市疫情還能控制但還是在危險邊緣；柯指出北市疫情現在被壓制在一個程度查詢日本東京過去1年5個月對疫情的處理方式發現東京已發布5次緊急事態從外國的案例讓我們思考臺北下一步。
柯文哲表示目前在三級管制狀態下臺北市疫情還是能控制到目前的樣子「但是還是危險邊緣」；柯說市府也不斷尋求改進像是市政系統也不斷改進來對付疫情但最後還是要靠疫苗日本東京前後封城5次疫苗打完才是根本解決方法。</t>
  </si>
  <si>
    <t>疫情目前臺北市東京案例柯文哲北市日本邊緣表示危險疫苗控制狀態打完中心市政系統尋求本土</t>
  </si>
  <si>
    <t>新冠肺炎臺北市柯文哲台灣日本</t>
  </si>
  <si>
    <t>臺北市柯文哲肺炎臺灣日本</t>
  </si>
  <si>
    <t>面目全非皮膚翻版帥醫白晰德塞</t>
  </si>
  <si>
    <t>大陸湖北省武漢2名在第一線對抗新冠肺炎的醫生不幸感染並演變為重症患者。經過2個多月的治療2人保住性命但驚人的是他們全身皮膚發黑其中一名醫師帶著眼鏡竟神似WHO秘書長譚德塞。綜合陸媒報導武漢市中</t>
  </si>
  <si>
    <t>對抗綜合德塞肺炎秘書長who醫生神似不幸感染演變眼鏡重症患者陸媒第一線治療醫師保住性命皮膚</t>
  </si>
  <si>
    <t>大陸湖北省武漢2名在第一線對抗新冠肺炎的醫生不幸感染並演變為重症患者。經過2個多月的治療2人保住性命但驚人的是他們全身皮膚發黑其中一名醫師帶著眼鏡竟神似WHO秘書長譚德塞。
綜合陸媒報導武漢市中心醫院泌尿外科副主任胡衛鋒、心臟外科副主任易凡一度是新冠肺炎的重症患者經由專家不斷搶救終於保住性命並接受媒體採訪。
不過在鏡頭前曝光他們全身黝黑的模樣讓人大吃一驚！染科專家宋建新表示新冠肺炎的重症患者治療過程可說是「殺敵一萬、自損八千」雖然這2名醫生保住一命但全身多個器官包括肺、腎、心、肝都已受到損害至於皮膚發黑則是因為色素沉澱。
宋建新表示只要命救回來2名醫生的身體機能就會一點點恢復受損的器官除了不可逆的傷害外還是可以逐漸恢復的。</t>
  </si>
  <si>
    <t>醫生全身保住肺炎患者器官重症專家性命建新皮膚表示恢復治療外科主任綜合德塞陸媒秘書長報導</t>
  </si>
  <si>
    <t>解除一面倒警戒</t>
  </si>
  <si>
    <t>三級警戒實施逾1個月今天下午將宣佈是否解除或延長引發網友熱議多數人認為以臺北市的疫情狀況解除的機率不高但也有人期待能快解除、恢復過去的生活並喊話要去餐廳吃飯、去中南部旅遊讓許多網友看了擔</t>
  </si>
  <si>
    <t>解除網友宣佈是否喊話延長生活引發過去恢復今天下午臺北市認為疫情期待狀況中南部旅遊</t>
  </si>
  <si>
    <t>三級警戒實施逾1個月今天下午將宣佈是否解除或延長引發網友熱議多數人認為以臺北市的疫情狀況解除的機率不高但也有人期待能快解除、恢復過去的生活並喊話要去餐廳吃飯、去中南部旅遊讓許多網友看了擔憂直呼這樣的狀況解除三級感覺會出現「報復性確診」還是再緩緩吧！
一名網友昨在PTT上發文表示三級警戒是否會降級就快要公佈了大家覺得中央流行疫情指揮中心有可能宣佈解除三級警戒嗎？」原PO並表示等到三級警戒一解除他就要馬上去吃「吃到飽」。
貼文引發熱議綜合網友們的留言發現多數人並不認為6/29台灣就會解封特別是在觀察雙北的疫情狀況後「雙北再延兩個月」、「雙北不可能」、「至少再延一周」、「雙北維持3級比較實在」、「雙北趕快把疫情降下來才有可能會解封」、「看看北市有可能嗎？」
不少網友則說很希望能快解除三級警戒這樣就可以像以前一樣外食、出去玩了。「我要去南部玩」、「已經訂餐廳囉！準備吃完大餐去看電影然後逛街再去酒吧喝酒完美」、「直奔墾丁民宿」、「假日民宿訂起來！大家一起烤肉是一定要的好嗎？」、「可以逛夜市囉！」
但也有許多網友擔憂地說台灣這麼小如果現在就解除三級悶在家許久的民眾肯定會趴趴走這樣感覺確診數又會再升高了。「報復性確診」、「 解封就準備爆炸性確診愚民」、「千萬不要解再爆收拾很久」、「沒疫苗解了就是再爆炸然後又要升回去」、「看看疫苗施打率解只是會更爆」。</t>
  </si>
  <si>
    <t>解除網友疫情警戒狀況確診可能是否可以準備疫苗宣佈擔憂看看</t>
  </si>
  <si>
    <t>三級警戒解除雙北解封新冠肺炎</t>
  </si>
  <si>
    <t>雙北解封解除警戒肺炎</t>
  </si>
  <si>
    <t>少猛拜登記者追問微笑上身川普疫苗</t>
  </si>
  <si>
    <t>美國總統拜登上任後便忙著處理川普丟下的新冠肺炎疫情爛攤子。至今新冠肺炎每天仍導致數以千計美國人喪生78歲的他在概述為民眾接種疫苗的計畫後便請記者離場。不過據《太陽報》（THE SUN）21日報導就在拜</t>
  </si>
  <si>
    <t>美國肺炎sunthe太陽離場記者概述喪生計畫數以千計川普導致疫苗民眾接種處理</t>
  </si>
  <si>
    <t>美國總統拜登上任後便忙著處理川普丟下的新冠肺炎疫情爛攤子。至今新冠肺炎每天仍導致數以千計美國人喪生78歲的他在概述為民眾接種疫苗的計畫後便請記者離場。
不過據《太陽報》（THE SUN）21日報導就在拜登收拾東西準備離開時一名記者追問在100天內準備1億劑疫苗的目標是否太低了。他高聲喊道：「那夠高嗎？難道你不該把那目標設得高些嗎？」
但這似乎激怒了拜登他沒理會對方的問題卻回說「當我宣佈時你們都說不可能」。接著他說「饒了我吧別這樣老兄」。雙方的摩擦是拜登在因應新冠肺炎簽署了10項相關的總統令後爆發。拜登20日就職時估計在川普政府主導下每天約發放912497劑新冠疫苗。
事實上這並不是拜登第一次對記者動怒。2020年6月他在家鄉德拉瓦州威明頓（Wilmington）舉行造勢活動時有記者提問他精神有沒有問題。而他當場發飆說自己經常接受檢測並痛罵：「你有張撒謊的狗臉。」
此外在2020年2月新罕布夏州的造勢活動中他更罵一名女大學生是「撒謊的狗臉小馬士兵」。而被罵的21歲梅瑟大學（Mercer University）女學生摩兒（Madison Moor）當時說被前任副總統當著全國電視罵說她是騙子實在很丟臉。
另一方面至今新冠疫情仍在全美肆虐雖然拜登政府上臺但美國新冠肺炎首席專家佛奇（Anthony Fauci）仍將堅守崗位。他在新政府的第一場新冠疫情簡報會中暗酸川普道拜登政府會對防控新冠肺炎「開誠佈公」。他並坦承美國新冠肺炎死亡人數稍早已突破40萬而遺憾的是這在歷史上來說是十分糟糕的。</t>
  </si>
  <si>
    <t>拜登肺炎疫苗記者政府美國川普問題目標疫情撒謊活動準備</t>
  </si>
  <si>
    <t>新冠肺炎拜登川普疫苗接種</t>
  </si>
  <si>
    <t>肺炎川普拜登疫苗接種</t>
  </si>
  <si>
    <t>徵用出口口罩延長經濟部</t>
  </si>
  <si>
    <t>新冠肺炎肆虐經濟部次長王美花今日在行政院會後記者會宣佈口罩徵用與禁止出口延長到四月相關公文已經發出了。但這主要以疫情作指標也並非無提早解除之可能。新冠肺炎肆虐行政院長蘇貞昌第一時間下令向民間</t>
  </si>
  <si>
    <t>肆虐肺炎行政院長延長四月出口相關禁止公文徵用已經口罩發出宣佈疫情記者會會後指標行政院今日並非提早</t>
  </si>
  <si>
    <t>新冠肺炎肆虐經濟部次長王美花今日在行政院會後記者會宣佈口罩徵用與禁止出口延長到四月相關公文已經發出了。但這主要以疫情作指標也並非無提早解除之可能。
新冠肺炎肆虐行政院長蘇貞昌第一時間下令向民間徵用口罩、禁止口罩出口造成民眾恐慌引爆「口罩之亂」政府隨後也開始宣導「口罩不必隨時戴」觀念口罩彷彿當前最珍貴物資。口罩出口禁令原先只到2月23日止王美花今宣佈禁止口罩出口與徵用口罩延長到4月底。</t>
  </si>
  <si>
    <t>口罩出口禁止徵用肆虐宣佈肺炎延長並非指標疫情提早發出宣導可能次長解除經濟部開始</t>
  </si>
  <si>
    <t>苗栗僅次於本土新北重災區</t>
  </si>
  <si>
    <t>中央流行疫情指揮中心今天公佈新增335例本土COVID-19個案另有8例校正回歸個案總計343例確診個案中新增36例死亡。台灣這波本土疫情自5月11日至今已經有10005人確診248例人死亡。陳時中說明起不再公佈校正回</t>
  </si>
  <si>
    <t>疫情公佈死亡本土新增確診校正個案中心明起今天陳時中至今臺灣已經指揮不再covid-總計回歸流行中央</t>
  </si>
  <si>
    <t>中央流行疫情指揮中心今天公佈新增335例本土COVID-19個案另有8例校正回歸個案總計343例確診個案中新增36例死亡。台灣這波本土疫情自5月11日至今已經有10005人確診248例人死亡。陳時中說明起不再公佈校正回歸個案。而苗栗確診75人超越臺北僅次於新北160人淪為重災區。
指揮中心表示今日新增之335例本土病例為189例男性、146例女性年齡介於未滿5歲至90多歲發病日介於今(2021)年5月24日至6月5日。另校正回歸個案8例中為3例男性、5例女性年齡介於20多歲至60多歲發病日介於6月1日至6月2日。
指揮中心指出綜上所有本土個案共343例分佈地區以新北市160例最多其次為苗栗縣75例、臺北市64例、桃園市16例、宜蘭縣9例、雲林縣、高雄市、彰化縣及新竹縣各3例基隆市、臺中市及臺南市各2例嘉義市1例。其中雙北地區以外縣市119例中107例為已知感染源7例關聯不明、5例疫調中。相關疫情調查持續進行中。
指揮中心說明今日新增36例死亡個案共計為男性22位、女性14位年齡介於50多歲至90多歲發病日介於5月7日至6月1日確診日介於5月13日至6月5日死亡日介於5月27日至6月2日詳如新聞稿附件。
指揮中心統計截至目前國內累計656768例新型冠狀病毒肺炎相關通報(含634762例排除)其中11298例確診分別為1145例境外移入10100例本土病例36例敦睦艦隊、2例航空器感染、1例不明及14例調查中；另28例(新增案10494)移除為空號。確診個案中260例死亡。
指揮中心再次呼籲民眾應落實手部衛生、咳嗽禮節及佩戴口罩等個人防護措施減少不必要移動、活動或集會避免出入人多擁擠的場所或高感染傳播風險場域並主動積極配合各項防疫措施共同嚴守社區防線。</t>
  </si>
  <si>
    <t>指揮中心個案本土確診死亡感染措施新增疫情校正公佈相關新北介於回歸女性調查地區今日防疫配合男性</t>
  </si>
  <si>
    <t>三級警戒延長陳時中死亡個案新冠肺炎</t>
  </si>
  <si>
    <t>個案死亡陳時中延長警戒肺炎</t>
  </si>
  <si>
    <t>北京戰時進入清查狀態</t>
  </si>
  <si>
    <t>北京新冠肺炎疫情死灰復燃一發不可收拾6月11日到6月14日短短4日北京新增新冠肺炎確診者達79例。就在大陸副總理孫春蘭表示「疫情擴散的風險很高」下令採取堅決果斷措施、防止疫情擴散後北京全市社區防控</t>
  </si>
  <si>
    <t>疫情擴散北京肺炎採取下令確診大陸措施堅決防止總理果斷孫春蘭表示風險新增死灰復燃全市</t>
  </si>
  <si>
    <t>北京新冠肺炎疫情死灰復燃一發不可收拾6月11日到6月14日短短4日北京新增新冠肺炎確診者達79例。就在大陸副總理孫春蘭表示「疫情擴散的風險很高」下令採取堅決果斷措施、防止疫情擴散後北京全市社區防控進入「戰時狀態」全面展開「敲門行動」大清查。
3高官丟掉烏紗帽
官方昨日通報大陸14日單日新增49例確診其中北京市新增新冠肺炎確診病例36例當中34例均與新發地批發市場有關另外2例還在調查中。至於臨近北京的河北省也新增3例同樣均為與北京確診密切接觸者。
疫情失控北京「菜籃子」新發地批發市場所在地的豐台區副區長周宇清、豐台區花鄉黨委書記王華、新發地農產品批發市場總經理張月琳等三名高官遭北京市委書記蔡奇「拔官」免職。
北京新冠疫情告急官方擴大篩檢能量根據通報14日北京市共計7萬6499人接受病毒核酸檢測結果59人為陽性。
北京市政府新聞發言人徐和建昨日表示此次聚集性疫情與新發地農產品批發市場高度關聯他也坦言「目前對新冠病毒的變異傳播等規律我們還沒有完全掌握境外疫情也仍在蔓延首都疫情形勢十分嚴峻」。
河北保定高度戒備
北京市委組織部昨日表示北京已進入非常時期全市社區防控工作迅速進入「戰時狀態」7200個社區近10萬名社區工作者投入抗擊疫情的戰場。全市所有社區均安排人員24小時值班恢復體溫檢測並暫停開放文化娛樂室等活動場所。
此外北京各區全面展開「敲門行動」地毯式逐戶清查與新發地有關人員等訊息清查20萬名兩周內到過新發地市場的市民社區的居民憑出入證進入返京人員須核查行程軌跡精確掌握相關人員基本訊息、到市場時間及密切接觸人員情況等資訊。
與北京鄰近的河北省保定也進入「戰時狀態」啟動「戰時機制」確保疫情不至擴散。</t>
  </si>
  <si>
    <t>疫情北京人員社區進入昨日表示擴散戰時全市清查確診新發地農產品批發市場狀態書記高官檢測掌握高度保定官方新增</t>
  </si>
  <si>
    <t>批發人員新發地北京社區</t>
  </si>
  <si>
    <t>批發人員新發北京社區</t>
  </si>
  <si>
    <t>源頭全體萬惡國人陳時中</t>
  </si>
  <si>
    <t>疫情指揮比較中心直指萬惡源頭記者會部落哽咽幾乎知名關注引起旅遊提到</t>
  </si>
  <si>
    <t>疫情員警源頭富特指揮陳時中中心部落網友提到華航好好引起檢討沒有</t>
  </si>
  <si>
    <t>陳時中哭了新冠肺炎台灣萬惡源頭3+11</t>
  </si>
  <si>
    <t>肺炎臺灣萬惡陳時中源頭</t>
  </si>
  <si>
    <t>縣府馬拉松金門打亂疫情方案</t>
  </si>
  <si>
    <t>新冠肺炎疫情蔓延全球2020金門馬拉松停辦縣府回應熱情跑友的支持與期待今（12）日推出「2021金門馬回饋方案 」歡迎大家重返金門馬拉松賽道一起在戰地風情中馳騁追逐榮耀。縣府指出回饋方案一： 今年度（</t>
  </si>
  <si>
    <t>金門馬拉松縣府方案蔓延全球支持風情期待馳騁指出戰地一起追逐熱情停辦賽道榮耀推出疫情重返</t>
  </si>
  <si>
    <t>新冠肺炎疫情蔓延全球2020金門馬拉松停辦縣府回應熱情跑友的支持與期待今（12）日推出「2021金門馬回饋方案 」歡迎大家重返金門馬拉松賽道一起在戰地風情中馳騁追逐榮耀。
縣府指出回饋方案一： 今年度（ 2020）已報名但因停辦無法至金門跑馬拉松的跑友在明年度(2021)「優先報名」。 回饋二： 原報名「2020金門馬拉松」跑友在「2021金門馬拉松」優先報名者可加購「2020完賽紀念酒」再贈大浴巾與獎牌。
詳細報名與加購紀念酒細節將於「2021金門馬拉松」競賽規程公告周知2021金門馬拉松目前暫定為1月中旬辦理確切時間尚待年中過後再行公佈迎接跑友相約重返金門「2瓶紀念酒1次實現」。
相關訊息可持續關注「金門馬拉松-Facebook粉絲專頁」與「金門教育fun學趣-Facebook粉絲專頁」。</t>
  </si>
  <si>
    <t>金門馬拉松報名紀念縣府重返停辦方案優先-facebook粉絲蔓延時間確切年中辦理過後全球月中暫定為目前再行</t>
  </si>
  <si>
    <t>金門馬拉松新冠肺炎武漢肺炎台灣</t>
  </si>
  <si>
    <t>肺炎武漢馬拉松金門臺灣</t>
  </si>
  <si>
    <t>婆家美濃南下喉嚨確診新北</t>
  </si>
  <si>
    <t>高雄2日重回「嘉玲」行列但有新北確診個案在染疫後有高雄足跡經過初步疫調發現案14805曾於6月16日從新北南下回到美濃婆家待至20日返回新北27日宣佈確診高雄共匡列32位相關接觸者目前12人快篩、8人PCR</t>
  </si>
  <si>
    <t>確診新北高雄接觸相關匡列目前高雄共美濃南下從新婆家初步發現個案行列嘉玲宣佈回到</t>
  </si>
  <si>
    <t>高雄2日重回「嘉玲」行列但有新北確診個案在染疫後有高雄足跡經過初步疫調發現案14805曾於6月16日從新北南下回到美濃婆家待至20日返回新北27日宣佈確診高雄共匡列32位相關接觸者目前12人快篩、8人PCR皆採陰性其他人仍在等待採檢結果出爐。
衛生局疫調顯示案14805是新北40多歲女性曾在6月13日出現喉嚨痛症狀16日南下回到美濃婆家18日到診所就醫當時並未採檢、通報20日回到新北市27日因其他個案確診她被匡列為相關接觸者到醫院採檢後確診並於7月1日接獲新北轉介通知高市府緊急匡列32位相關接觸者。
高市府衛生局指出案14805曾於6月18日上午9時20分至30分到美濃區農會超市並於6月18上午9時30分至40分、19日中午12時05分至15分到7-11月光山門市雖然在美濃活動單純但正值剛發病不久、傳染力相當高的階段若有相同足跡的民眾應與相關單位聯繫安排採檢。</t>
  </si>
  <si>
    <t>新北美濃相關確診接觸衛生局足跡分至個案分到市府上午匡列南下婆家高雄</t>
  </si>
  <si>
    <t>新北美濃高雄新冠肺炎台灣</t>
  </si>
  <si>
    <t>高雄美濃肺炎新北臺灣</t>
  </si>
  <si>
    <t>通知pcrapp來回板橋確診</t>
  </si>
  <si>
    <t>新冠肺炎肆虐台灣民眾若做PCR採檢3天內沒接到通知就是陰性。但近日一名李姓男子因有發燒、咳嗽等症狀去醫院PCR檢測3天內都未接獲通知結果自行打開「健保快易通」App才發現採檢結果為陽性確診打電話給192</t>
  </si>
  <si>
    <t>pcr結果通知天內臺灣民眾發燒男子咳嗽症狀李姓肆虐近日陰性快易通發現醫院app就是打開檢測自行</t>
  </si>
  <si>
    <t>新冠肺炎肆虐台灣民眾若做PCR採檢3天內沒接到通知就是陰性。但近日一名李姓男子因有發燒、咳嗽等症狀去醫院PCR檢測3天內都未接獲通知結果自行打開「健保快易通」App才發現採檢結果為陽性確診打電話給1922及衛生局都是要他再等候通知令他擔心若其他確診者沒有像他有警覺社區恐不斷有破口出現。
據《東森新聞》報導李姓男子從事餐飲服務業每天往返三重及板橋5月19日開始出現咳嗽、發燒等症狀5月22日快篩陰性但仍持續發燒、腹瀉5月26日再次去醫院做PCR採檢5月28日仍未收到通知主動打開「健保快易通」App查看才發現採檢結果為陽性確診。
李先生趕緊撥打電話給1922及衛生局對方要他繼續等候通知直至6月2日才接獲確診電話通知6月5日安排至集中檢疫所治療採檢到通知確診有6天的時間李先生忍不住懷疑若是發生在其他民眾身上沒有警覺而到處趴趴走就會成為防疫破口。
李先生說能體諒疫情是非常時期人力資源都很緊繃但採檢過後每天都怕漏接電話。對此新北市衛生局則回應現在採檢量大確實有延遲通知的情況提醒民眾自律留意自身身體狀況。
★《中時新聞網》提醒您：因應新冠肺炎疫情疾管署持續加強疫情監測與邊境管制措施 如有疑似症狀請撥打：1922專線或 0800-001922 並依指示配戴口罩儘速就醫同時主動告知醫師旅遊史及接觸史以利及時診斷及通報。</t>
  </si>
  <si>
    <t>通知確診民眾李先生症狀疫情主動發燒pcr結果沒有持續陰性出現男子李姓等候衛生局天內醫院肺炎</t>
  </si>
  <si>
    <t>新冠肺炎採檢PCR陽性確診</t>
  </si>
  <si>
    <t>pcr肺炎陽性確診</t>
  </si>
  <si>
    <t>新冠肺炎疫情期間新興市場股市表現承壓但部分產業或國家表現已漸走出新冠疫情陰霾股市走勢和防疫成效呈現明顯正相關法人表示在新興市場股中目前相對看好中台韓印等亞洲國家。疫情期間在投資人轉進安全</t>
  </si>
  <si>
    <t>疫情市場期間國家股市表現明顯法人相關表示呈現目前相對成效看好中台亞洲防疫韓印走勢陰霾投資人</t>
  </si>
  <si>
    <t>市場國家股市疫情防疫投資大陸成長逐漸成熟病例部分目前表現轉正印度呈現機會臺灣表示期間經濟新增</t>
  </si>
  <si>
    <t>部份大陸表現國家疫情</t>
  </si>
  <si>
    <t>大陸疫情表現國家</t>
  </si>
  <si>
    <t>確診韓國接受入院治療</t>
  </si>
  <si>
    <t>韓國衛生部8日表示該國新冠肺炎第31例確診病患目前仍在接受治療中成為韓國感染肺炎最長時間的病人。這位61歲女性於2月18日檢驗為陽性目前已入院51天輕症病患平均兩周內便可康復。她被視為大邱新天地耶穌教會</t>
  </si>
  <si>
    <t>肺炎目前韓國視為康復周內平均時間病人女性檢驗感染陽性成為</t>
  </si>
  <si>
    <t>韓國衛生部8日表示該國新冠肺炎第31例確診病患目前仍在接受治療中成為韓國感染肺炎最長時間的病人。這位61歲女性於2月18日檢驗為陽性目前已入院51天輕症病患平均兩周內便可康復。她被視為大邱新天地耶穌教會的「超級傳播者」導致當時疫情一發不可收拾。</t>
  </si>
  <si>
    <t>肺炎目前韓國傳播教會耶穌天地導致視為康復周內平均時間病人女性檢驗感染陽性</t>
  </si>
  <si>
    <t>新天地韓國治療入院大邱</t>
  </si>
  <si>
    <t>治療入院韓國天地</t>
  </si>
  <si>
    <t>陰性未感染車長二消息肺炎</t>
  </si>
  <si>
    <t>國內上周爆發軍艦群聚造成多名官兵染疫。一名曾與敦睦艦隊官兵同處一個健身房的台鐵貨運列車車長4月22日採檢結果呈陰性後續又出現發燒、肺浸潤被安排二採。中央流行疫情指揮中心發言人莊人祥今午表示車長</t>
  </si>
  <si>
    <t>官兵車長艦群造成發言人莊人祥艦隊中心指揮健身房疫情流行台鐵中央出現後續安排貨運浸潤列車發燒陰性</t>
  </si>
  <si>
    <t>國內上周爆發軍艦群聚造成多名官兵染疫。一名曾與敦睦艦隊官兵同處一個健身房的台鐵貨運列車車長4月22日採檢結果呈陰性後續又出現發燒、肺浸潤被安排二採。中央流行疫情指揮中心發言人莊人祥今午表示車長採檢結果已出爐二採陰性還在治療中。對於接下來還需不需要再採檢一切都需由醫師評估。
莊人祥表示車長4月8日就出現輕微咳嗽有痰的症狀在健身房接觸官兵則是16日20號看到報導後到診所就醫採檢發現肺浸潤。車長21日開始都沒有再外出也沒有上班。
根據指揮中心接獲的最新消息該名車長二採陰性目前仍在接受治療。莊人祥表示接下來車長還需不需要再採需由醫師評估。</t>
  </si>
  <si>
    <t>車長官兵表示陰性健身房出現中心指揮莊人祥浸潤治療結果需不需要艦群沒有造成接下來醫師評估艦隊</t>
  </si>
  <si>
    <t>新冠肺炎武漢肺炎新型冠狀病毒台灣車長</t>
  </si>
  <si>
    <t>肺炎武漢冠狀病毒臺灣車長</t>
  </si>
  <si>
    <t>感染新增還有京元電</t>
  </si>
  <si>
    <t>知名封測廠京元電子竹南廠爆發菲籍移工群聚感染3日公佈新增確診者再增32名京元電員工。業者從6月2日下午就開始採檢核酸檢測PCR及快篩截至今3日上午止已經採檢快篩368人其中陽性8人PCR檢測195人3日下午後</t>
  </si>
  <si>
    <t>檢測pcr竹南爆發籍移工電子感染公佈新增確診員工業者下午廠京開始</t>
  </si>
  <si>
    <t>知名封測廠京元電子竹南廠爆發菲籍移工群聚感染3日公佈新增確診者再增32名京元電員工。業者從6月2日下午就開始採檢核酸檢測PCR及快篩截至今3日上午止已經採檢快篩368人其中陽性8人PCR檢測195人3日下午後續預估還要篩檢2000人次。
另外苗栗縣3日另有2名確診者是與先前造橋群聚事件有關總計苗栗縣3日公佈確診總數為34人。
中央流行疫情指揮中心3日通報苗栗縣新增的本土確診病例共34例案號為9537、9837至9868及9987。其中案9537、9837至9864、9866至9868都是京元電竹南廠員工是與先前案8984本地工程師及9120至9129等菲籍移工確診者同一宿舍或工作場所因而被匡列為接觸者經送醫採檢核酸檢測PCR陽性確診後已送集中檢疫所隔離中。
京元電子竹南廠發生菲籍移工群聚感染後業者從6月2日下午就請來頭份為恭醫院團隊進駐廠區採檢核酸檢測PCR及快篩截至3日中午為止已經採檢快篩368人陽性8人陽性率22％PCR195人3日下午後續預估還要篩檢2000人次。
苗栗另外2起確診案9865、男、66歲、無業是先前造橋河風亭及冷泉涼亭案6532的接觸者經採檢PCR陽性確診後收至責任醫院目前匡列同住接觸者1人PCR陰性居家隔離中。
而案9987、男、60歲、工是案5430女子的接觸者經採檢PCR陽性確診後收治在責任醫院目前匡列接觸者7人都已採檢PCR目前居家隔離中。</t>
  </si>
  <si>
    <t>確診pcr接觸下午苗栗縣竹南先前陽性醫院隔離檢測目前員工新增公佈</t>
  </si>
  <si>
    <t>PCR京元電採檢移工群聚竹南廠</t>
  </si>
  <si>
    <t>竹南京元電pcr</t>
  </si>
  <si>
    <t>股市投資政策亮綠刺激力推</t>
  </si>
  <si>
    <t>印度政府5月宣佈總額20兆盧比的經濟刺激政策約佔印度GDP10%以支撐新冠肺炎對印度帶來的衝擊。根據ICICI-PRU資料顯示印度股債評價指數（溫度計）為888已經連續三個月處於「買進股票」區間；建議投資人觀察印</t>
  </si>
  <si>
    <t>印度區間股票刺激買進政策處於連續已經溫度計gdp指數建議評價肺炎顯示帶來經濟支撐投資人資料icici-pru衝擊總額</t>
  </si>
  <si>
    <t>印度政府5月宣佈總額20兆盧比的經濟刺激政策約佔印度GDP10%以支撐新冠肺炎對印度帶來的衝擊。根據ICICI-PRU資料顯示印度股債評價指數（溫度計）為888已經連續三個月處於「買進股票」區間；建議投資人觀察印度疫情發展短時期仍以分批入場方式減低投資風險 ; 待稍後疫情平穩後印度的補漲行情。
「重啟經濟、穩定金融」已是印度刻不容緩的要務印度也在5月分階段解除部分區域管制儘管疫情尚未結束但是本次經濟計畫除了加強農業、礦業及工業改革外也計畫吸引更多海外投資來恢復經濟成長力道。另一方面印度央行於5月22日臨時宣佈降息40個基點寬鬆的貨幣政策有利印度債券中長線表現。
市場看法
印度Niffty50指數在4月上漲147%後5月因國內疫情仍嚴峻股市出現橫盤整理。雖然2020年印度企業獲利因此受到衝擊不過看好2021年將出現大幅度回升且目前偏低的本益比亦提供投資人逢低佈局機會。
國際貨幣基金組織（IMF）表示受到疫情影響全球經濟正面臨自1930年代大蕭條以來最嚴重的衰退。IMF預估由於一些國家為抑制新冠肺炎傳播而實施封鎖措施使得今年全球國內生產總值（GDP）將會萎縮3％。預計2021年全球經濟將成長58％。由於病毒的大流行預計亞洲2020年的增長為0%表現為近60年來最差。但是就經濟活動而言亞洲的表現可能會優於其他地區。
惠譽國際信用評級（Fitch Ratings）表示由於以中國和印度為首的亞洲經濟體大幅下滑預計到2020年世界經濟將萎縮39％今年的成長將不到1％。聯合國表示由於病毒大流行全球經濟可能在2020年萎縮1％與先前預測的增長25％有一段落差。
觀察資金動向近期國際資金流出壓力仍大外國機構投資者（FIIs）於4月出售6884億盧比的股票高於3月的61973億盧比。共同基金也於4月出售股票為去年11月以來首次轉賣。
後市展望
為了對抗新冠肺炎導致的經濟趨緩印度政府以及印度央行採取一系列刺激措施跟寬鬆政策皆符合市場預期。同時預計在通膨穩定、原物料價格處於低檔的環境下預計印度央行在未來幾個季度有機會採取更強而有力的措施。
在股市方面由於環境變化快速市場波動是難免的。我們認為成長性股票及價值型股票各有優勢近期看好當前基本面合理的價值型股不僅能提供良好股息收益同時也具備更好的盈利能見度。
至於債券市場部分隨著印度經濟成長跟通膨率的下滑央行有更多降息空間近期較看好短期公債表現。然而觀察到現階段印度公債跟印度企業債利差依舊處於高點未來有很大的收斂空間中長線投組佈局重點仍在增加存續期間以增加資本利得空間。
●資訊僅供參考不代表未來市場投資績效。指標僅供參考之用請勿視為基金買賣邀約。瀚亞投信獨立經營管理。</t>
  </si>
  <si>
    <t>印度經濟疫情股票預計市場表現央行空間成長處於看好未來全球措施表示觀察近期亞洲肺炎</t>
  </si>
  <si>
    <t>萎縮肺炎表現印度全球經濟</t>
  </si>
  <si>
    <t>印度肺炎表現全球萎縮經濟</t>
  </si>
  <si>
    <t>首批西安開學學校</t>
  </si>
  <si>
    <t>西安市教育局表示按照陝西省教育廳2020年春季學期開學工作安排3月30日西安市高三年級開學；4月7日初三和中職學校畢業班開學。以上為西安市首批開學學段。西安市將採取多項措施積極做好開學準備工作。西安市</t>
  </si>
  <si>
    <t>開學西安市工作學期安排以上畢業班措施採取積極做好春季初三學學中職首批年級學校高三陝西省教育廳準備表示西安市教育局</t>
  </si>
  <si>
    <t>西安市教育局表示按照陝西省教育廳2020年春季學期開學工作安排3月30日西安市高三年級開學；4月7日初三和中職學校畢業班開學。以上為西安市首批開學學段。西安市將採取多項措施積極做好開學準備工作。
西安市首批開學共涉及學校529所其中高三年級學校167所初三年級學校302所中等職業學校60所；共涉及學生156萬人其中高三年級學生512萬人初三年級學生885萬人中等職業學校畢業班學生163萬人；共涉及教師508萬人其中中學教師47萬人中等職業學校教師038萬人。
西安市要求開學報到後各學校嚴格執行校園封閉化管理在師生入校、教學、活動、就餐、放學、住宿等方面合理管控實行全過程分段錯時統籌教室資源擴大班級間隔等措施最大限度減少人員聚集。
各學校在開學前對教室、宿舍、食堂等重點區域和校車、電梯、鍋爐等設施設備進行全覆蓋、拉網式排查在衛健部門指導下開展校園環境清潔消殺工作。按照衛生疾控工作要求每校設置臨時觀察區設置有水源、相應藥品的隔離觀察室對校園洗手設施、供餐設施進行修繕和完備。
在高三、初三、中職畢業班開學之前西安市政府將按照每人每天2只、至少10天的數量為首批進入開學的學生和老師免費提供400萬隻口罩。
新冠肺炎西安市教育局陝西省教育廳春季學期開學工作安排開學教室宿舍食堂西安市政府口罩</t>
  </si>
  <si>
    <t>開學學校工作西安市教室學生設施高三校園措施要求進行初三口罩畢業班涉及宿舍年級西安市政府中職首批中等職業設置</t>
  </si>
  <si>
    <t>產生侯友宜管控難全民承擔</t>
  </si>
  <si>
    <t>因應春節大量人潮返台7＋7方案中同住家人有不能搭乘大眾運輸等嚴格規定新北市長侯友宜17日防疫會議中指出掌握同住家人第一線執行面非常困難政策一而再再而三但調整要有完好配套措施如果執行無法做到</t>
  </si>
  <si>
    <t>執行方案完好調整新北規定市長嚴格再而三侯友宜政策運輸大眾防疫困難一而再搭乘會議非常第一線指出不能掌握家人</t>
  </si>
  <si>
    <t>因應春節大量人潮返台7＋7方案中同住家人有不能搭乘大眾運輸等嚴格規定新北市長侯友宜17日防疫會議中指出掌握同住家人第一線執行面非常困難政策一而再再而三但調整要有完好配套措施如果執行無法做到又造成家人困擾後續衍生的破口將會是全民承擔建議中央聽聽地方聲音聽進去就要調整不要跟執行落差太大。
侯友宜說從14天、10＋4到7＋7方案如果都住在防疫旅館當然都沒有問題但後面7天的加強版自主健康管理同住家人要有完整疫苗接種還要加強健康管理如何落實執行面非常困難挑戰很高他要求衛生局在每次與中央的專案會議要不斷向中央反應春節期間一家人不共食有沒有困難要好好思考。
侯友宜說全球疫情持續嚴峻德國、荷蘭都有緩步上升趨勢荷蘭也重新執行部分區域封鎖新北已經長達20幾天沒有新案是不可能的任務阻絕於境外仍然是最重要的工作若稍有不慎一定會有破口可能在春節期間造成台灣境內再度傳播「不可能像現在這麼安全」都盼中央審慎評估。</t>
  </si>
  <si>
    <t>執行中央沒有侯友宜困難春節不可能新北造成方案家人防疫期間調整會議健康管理非常荷蘭仍然</t>
  </si>
  <si>
    <t>新冠肺炎台灣7+7同住家人侯友宜</t>
  </si>
  <si>
    <t>臺灣肺炎家人侯友宜</t>
  </si>
  <si>
    <t>排除確診高雄</t>
  </si>
  <si>
    <t>好消息！中央流行疫情指揮中心先前公佈的高雄確診者案2530男性居服員因為經過二採、三採結果均為陰性經中央流行疫情指揮中心綜合研判已排除感染與該位男性居服員同日被公佈確診的6歲女童先前也已排除染疫目</t>
  </si>
  <si>
    <t>排除先前公佈確診疫情指揮中心流行中央綜合感染高雄女童同日陰性結果男性</t>
  </si>
  <si>
    <t>好消息！中央流行疫情指揮中心先前公佈的高雄確診者案2530男性居服員因為經過二採、三採結果均為陰性經中央流行疫情指揮中心綜合研判已排除感染與該位男性居服員同日被公佈確診的6歲女童先前也已排除染疫目前高雄減為12例本土確診個案。
高市府衛生局表示案2530是30多歲男性居服員無相關旅遊史也沒有與確診者個案的接觸史他在5月15日出現發燒症狀17日上班後自行到醫院就醫經醫師評估有必要進行檢驗結果一採呈弱陽性（CT值：32）18日立即入住負壓隔離病房。
隨後醫療人員19日對該居服員進行二採工作PCR及血清皆呈現陰性反應20日再度進行採檢三採結果PCR也為陰性經過中央流行疫情指揮中心綜合研判排除感染。
與居服員同日公佈確診的案2528為6歲小女童沒有確診個案接觸史也無北部地區活動史因為有重大疾病急需到醫院住院治療卻在進行例行採檢時呈現弱陽性（CT值：33~34）反應共匡列60為密切接觸者但由於二採呈現陰性所以也已經排除確診目前高雄共12例本土確診個案。</t>
  </si>
  <si>
    <t>確診排除呈現個案進行結果公佈醫院居服陰性高雄pcrct流行疫情陽性先前</t>
  </si>
  <si>
    <t>新冠肺炎台灣居服員確診中央流行疫情指揮中心</t>
  </si>
  <si>
    <t>居服中央確診臺灣流行疫情肺炎指揮中心</t>
  </si>
  <si>
    <t>確診傻眼上傳資料app管署距離改善問題社交</t>
  </si>
  <si>
    <t>本土疫情升溫中央流行疫情指揮中心日前推出「台灣社交距離App」讓確診者上傳資料提醒14天內近距離接觸的對象不過至今已確診有5488人實際上傳僅29人上傳率僅05％。對此民眾黨立委高虹安表示「社交</t>
  </si>
  <si>
    <t>距離確診上傳社交疫情指揮中心日前民眾黨推出流行對此臺灣app對象至今天內接觸資料提醒</t>
  </si>
  <si>
    <t>確診上傳app距離資料社交比對使用者問題效果警示達到管署疫情相關指揮工具中心高虹沒有</t>
  </si>
  <si>
    <t>新冠肺炎台灣 上傳App確診者</t>
  </si>
  <si>
    <t>臺灣上傳肺炎app確診</t>
  </si>
  <si>
    <t>境外本土男子排除台中確診</t>
  </si>
  <si>
    <t>台中市長盧秀燕在疫情指揮中心記者會中表示台中今天確診新增1人本土、1人境外至於新社48歲男子已排除確診。中央今天公佈的中市本土確診1人就是市府昨天預告的飲料店男員；另新社區48歲男性經疾管署確認PCR及血</t>
  </si>
  <si>
    <t>確診今天台中本土經疾男性社區飲料店中心指揮管署預告記者會昨天市府表示男子排除中央疫情確認境外</t>
  </si>
  <si>
    <t>台中市長盧秀燕在疫情指揮中心記者會中表示台中今天確診新增1人本土、1人境外至於新社48歲男子已排除確診。中央今天公佈的中市本土確診1人就是市府昨天預告的飲料店男員；另新社區48歲男性經疾管署確認PCR及血清檢驗都是陰性已排除確診新社民眾可以稍安心；而新增境外案例為清水區36歲男性目前住院隔離治療中並無台中市足跡。
盧秀燕說中央疫情指揮中心今天公佈台中1名本土確診案例即是市府昨天公佈確診案15340北區27歲男性在飲料店及公共足跡中友百貨等均已停業進行清消。另境外移入案15342為清水區36歲男性目前於醫院治療。
盧秀燕指出台中市府接獲通報有1例彰化確診案例有台中足跡史7日曾到台中新光三越市府接獲通知後立即通知新光三越停業並進行內外清消。感謝彰化縣及時通報中部地區是共同生活圈從疫情爆發以來中部各縣市聯防打擊病毒。
台中市衛生局長曾梓展則指出針對案15340已匡列接觸者9人居家隔離包括職場6人、親友3人9人的PCR採檢均為陰性。台中市府今天上午7時共發出668則簡訊請足跡重疊民眾自我健康監測2週如有疑慮可至台中醫院及中國附醫快篩如有症狀速至急診就醫。
曾梓展表示境外移入的是案15342為清水區36歲男性在6月8日由杜拜返台入境採檢並搭乘防疫計程車返回台中市居家檢疫替代所進行檢疫10日檢驗陽性通報目前住院隔離治療無匡列接觸者、也無台中市足跡。</t>
  </si>
  <si>
    <t>台中足跡男性市府確診境外通報疫情進行案例隔離盧秀燕民眾目前中部清水區檢驗醫院公佈治療</t>
  </si>
  <si>
    <t>新冠肺炎台灣  確診1人足跡</t>
  </si>
  <si>
    <t>確診肺炎臺灣足跡</t>
  </si>
  <si>
    <t>科興國藥時中事實黃卡認定</t>
  </si>
  <si>
    <t>今天接種未來蘇貞昌返台邀請黃卡院會衛生法院福利承認是否疫苗部長研究認定事實陳時中</t>
  </si>
  <si>
    <t>陳時中疫苗是否今天接種臺灣媒體國家目前國藥科興民眾檢疫機組員未來接受指出黃卡訪問</t>
  </si>
  <si>
    <t>陳時中國藥科興疫苗黃卡註記</t>
  </si>
  <si>
    <t>黃卡科興疫苗國藥陳時中</t>
  </si>
  <si>
    <t>教授死亡率原因確診根本不能臺灣</t>
  </si>
  <si>
    <t>台灣新冠死亡率較全世界高引起各界關注有人認為年齡和身體狀況是原因也有人推測是篩檢數不足導致但加拿大英屬哥倫比亞大學教授「山人幸琪」發文表示台灣這波疫情爆發至今四周其他國家已超過16個月兩者</t>
  </si>
  <si>
    <t>臺灣至今爆發疫情全世界引起表示發文關注認為年齡身體狀況山人教授哥倫比亞大學四周加拿大不足導致死亡率</t>
  </si>
  <si>
    <t>死亡率臺灣病毒確診原因資料英國疫情死亡山人問題身體狀況超過一直變異年齡國家致死</t>
  </si>
  <si>
    <t>新冠肺炎台灣死亡率個案原因</t>
  </si>
  <si>
    <t>臺灣死亡率肺炎個案原因</t>
  </si>
  <si>
    <t>區公所防疫保持西屯社交距離</t>
  </si>
  <si>
    <t>台中市西屯區因轄區內有豪宅林立的七期重畫區三月時很多居民從國外返台在家進行十四天居家檢疫居家檢疫人數居全市之冠近來返台人數下降區公所不敢鬆懈區長陳寶雲與區公所團隊裡辦處宣導防疫提醒居家檢</t>
  </si>
  <si>
    <t>返台居家區公所人數林立重畫轄區辦處三月居民團隊寶雲國外檢疫不敢下降防疫西屯區區長在家</t>
  </si>
  <si>
    <t>台中市西屯區因轄區內有豪宅林立的七期重畫區三月時很多居民從國外返台在家進行十四天居家檢疫居家檢疫人數居全市之冠近來返台人數下降區公所不敢鬆懈區長陳寶雲與區公所團隊裡辦處宣導防疫提醒居家檢疫者配合不要趴趴走危害別人自己也要付出重罰代價。
防疫上緊發條建設不喊停陳寶雲率副區長林秋萬、主祕嚴錦堂等人到裡辦公處關心地方建設也保持社交距離室內應保持15公尺、室外保持1公尺之距離降低感染與傳播的機會向裡民宣導防疫措施自備防疫看板讓裡民馬上就能接收到清楚的訊息。
陳寶雲強調雖然台灣已經擋下好幾波疫情但新冠肺炎還籠罩世界各地尤其假期出遊潮更讓人擔心呼籲市民要注重自己的健康勤洗手、戴口罩保持社交距離做好自主健康管理共體時艱齊心抗疫渡過肺炎難關。
第一線防疫人員堅守崗位防疫無假期日夜守護民眾健康安全不敢鬆懈深怕疫情破口造成嚴重後果；西屯區的居家檢疫民眾人數曾居台中市之冠裡幹事及公所團隊全力備戰貼心服務做好防疫措施一起度過疫期。</t>
  </si>
  <si>
    <t>防疫健康居家檢疫寶雲保持距離假期肺炎返台做好疫情建設團隊民眾裡民人數不敢西屯區措施鬆懈社交</t>
  </si>
  <si>
    <t>新冠肺炎新型冠狀病毒台灣台中市西屯區公所防疫</t>
  </si>
  <si>
    <t>病毒台中臺灣冠狀西屯肺炎區公所防疫</t>
  </si>
  <si>
    <t>懷特集團報佳音</t>
  </si>
  <si>
    <t>美吾華‧懷特‧安克生技集團24日舉辦聯合法說會三家公司紛紛報佳音！懷特旗下新藥今年3月納健保帶動自費市場並已規劃向美FDA申請緊急人體臨床試驗擴大適應症治療新冠肺炎患者。安克健檢市場佈局完成包括台大</t>
  </si>
  <si>
    <t>市場懷特安克健集團患者舉辦聯合肺炎治療適應症擴大試驗臨床人體緊急公司申請紛紛報佳音fda向美</t>
  </si>
  <si>
    <t>美吾華‧懷特‧安克生技集團24日舉辦聯合法說會三家公司紛紛報佳音！懷特旗下新藥今年3月納健保帶動自費市場並已規劃向美FDA申請緊急人體臨床試驗擴大適應症治療新冠肺炎患者。安克健檢市場佈局完成包括台大健檢等多家大型健檢中心、醫院均已啟動營運更被納入多家科技大廠的員工健檢方案成果豐碩。
懷特新藥（4108）已獲70多家醫療院所進藥（含近20家醫學中心）今年3月獲准納入健保給付嘉惠乳癌患者同步帶動自費市場今年前八月業績年增超過一倍；而除了「癌因性疲憊症」懷特新藥也致力擴大適應症包括新冠肺炎與癌症合併療法。
懷特生技總經理李伊伶表示看準後疫情時代的健檢商機安克生醫（4188）已完成各大健診相關單位佈局包括多家大型健檢中心與醫院今年更與台大健檢中心完成簽約並已啟動營運此外更獲宏碁、友達等科技大廠納入員工健檢方案另有多家大型企業接洽中。
安克生醫總經理李伊俐指出國外方面清醒狀態下、十分鐘完成睡眠呼吸中止風險評估的「安克呼止偵R」與美國史丹佛睡眠中心的國際臨床合作進展順利近期已共同完成論文發表於國際權威學會有助擴大產品價值創造更大市場價值。
安克旗艦產品「安克甲狀偵R」已獲全球上百家醫院、醫師使用其新增甲狀腺結節AI自動圈選功能的「深度學習版」今年9月取得美FDA 510（k）核准能更精準輔助醫師揪出惡性結節。安克聲波散射成像平臺「AmCad USR」已完成用於脂肪肝的檢測開發臨床驗證結果將發表於2021年RSNA北美放射學會大會並已向美FDA送件申請搶攻數百億美元的肝臟疾病檢測市場。</t>
  </si>
  <si>
    <t>完成市場健檢懷特中心今年臨床fda新藥擴大納入包括醫院總經理結節睡眠國際醫師發表</t>
  </si>
  <si>
    <t>多家大型健檢醫院納入FDA</t>
  </si>
  <si>
    <t>fda醫院納入健檢</t>
  </si>
  <si>
    <t>外交部防疫加強共同經濟體合作apec</t>
  </si>
  <si>
    <t>亞太經濟合作會議(APEC) 21個會員日前發表共同聲明呼籲各經濟體致力建構一個具包容性的亞太社群降低新冠肺炎帶來的負面影響加速區域經濟復甦與安全成長。外交部今天對此表示歡迎強調將配合相關部會就未來</t>
  </si>
  <si>
    <t>會員配合日前發表強調共同聲明歡迎呼籲表示今天經濟體致力外交部建構成長安全包容復蘇apec相關經濟亞太區域加速負面影響降低</t>
  </si>
  <si>
    <t>亞太經濟合作會議(APEC) 21個會員日前發表共同聲明呼籲各經濟體致力建構一個具包容性的亞太社群降低新冠肺炎帶來的負面影響加速區域經濟復甦與安全成長。外交部今天對此表示歡迎強調將配合相關部會就未來經濟復甦等疫後振興議題加強與經濟體進行交流與合作。
亞太經濟合作會議(APEC) 21個會員於5月5日共同發布「APEC貿易部長有關新冠肺炎聲明」關注疫情對全球經濟與健康造成的危機呼籲各經濟體應即刻展開全面合作。
外交部發言人歐江安表示該聲明充分反映各會員經濟體對此次疫情的高度關注及應處政策立場包含：支持APEC加強公、私部門如APEC企業諮詢委員會(ABAC)及國際社群的合作；掌握並善用數位與創新科技帶來的契機促進完善的跨境貿易與數位經濟；呼籲各經濟體致力建構一個健康、具有韌性和包容性的亞太社群降低肺炎帶來的負面影響加速區域經濟復甦與安全成長。
聲明亦強調確保市場開放、創造自由、公平、非歧視、透明、可預測及穩定的貿易投資環境的重要性呼籲各經濟體逐步恢復必要防疫物資、服務及人員的跨境移動；另主張各國對於防疫所採取的緊急措施應為暫時性、特定性、透明且符合比例原則。
聲明中也特別關注各經濟體的產業及勞工深受疫情影響導致經濟低迷。貿易部長們呼籲各經濟體採取包容性政策提供產業及勞工經濟支援並加速經濟復甦。
她說在新冠肺炎疫情急遽擴散對全人類健康造成嚴峻威脅之際我國除持續透過雙邊管道提供抗疫人道援助並分享經驗之外也積極參與APEC等國際組織的多邊會議將我們成功防疫的經驗與國際社會分享並就未來經濟復甦等疫後振興議題進行交流以期共同打造健康、安全、有韌性的亞太區域。
APEC成立於1989年是亞太區域最重要的經貿合作論壇我國於1991年加入成為正式會員。APEC每年均舉辦多場專業部長會議；其中貿易部長會議旨在推動亞太貿易暨投資自由化與便捷化、支持多邊貿易體系、推動區域經濟整合及加強數位經濟的永續成長所產出的聲明對於當年APEC推動相關工作的目標與方向具關鍵影響。</t>
  </si>
  <si>
    <t>apec經濟體經濟聲明呼籲貿易健康會員合作疫情區域防疫加強支持推動國際復蘇數位肺炎亞太關注透明我國成長帶來安全強調</t>
  </si>
  <si>
    <t>亞太經合會APEC會員國聲明亞太社群</t>
  </si>
  <si>
    <t>apec會員國聲明經合亞太</t>
  </si>
  <si>
    <t>新藥幹細胞臍帶肺炎宣昶</t>
  </si>
  <si>
    <t>新冠肺炎疫情持續擴大死亡人數不斷攀升新藥治療不容緩。宣捷藥董事長宣昶有表示旗下由臍帶間質幹細胞所研發的新藥UMC119-06用於治療急性呼吸窘迫症候群（Acute Respiratory Distress SyndromeARDS）可望</t>
  </si>
  <si>
    <t>治療新藥respiratory持續擴大acute症候死亡窘迫人數呼吸不斷疫情distress攀升用於表示臍帶宣昶董事長研發幹細胞umc</t>
  </si>
  <si>
    <t>新冠肺炎疫情持續擴大死亡人數不斷攀升新藥治療不容緩。宣捷藥董事長宣昶有表示旗下由臍帶間質幹細胞所研發的新藥UMC119-06用於治療急性呼吸窘迫症候群（Acute Respiratory Distress SyndromeARDS）可望成為抗新型肺炎療法若衛福部需要該新藥將全力配合提供。
宣昶有表示UMC119-06已先後通過衛福部及美國FDA核准可進行臨床一期試驗成為全台唯一研發中新藥被核准執行治療急性和慢性肺病臨床一期試驗的細胞新藥公司不但為目前新冠肺炎患者帶來治療新希望也等於替台灣抗疫增添一道防線。
根據中國2月11日統計新冠肺炎確診病例高達42708例死亡病例1017例重症病例（7333例）患者之病程會因免疫系統受到病毒感染傷害淋巴細胞減少免疫力失調、抵抗力下降而引發肺炎是新冠肺炎造成患者死亡的主要原因之一。
由於臍帶間質幹細胞具有增進內源幹細胞生長與分化以及免疫調節的藥物作用機制宣捷藥於動物功效性試驗發現UMC119-06注射至慢性發炎小鼠結果證實能改善肺臟發炎降低全身性發炎因數組織切片顯示具有改善肺泡結構和肺氣腫之功效。另外注射至急性肺損傷小鼠不僅能改善小鼠肺臟的過度炎症對於受損的肺泡組織及肺水腫具有顯著的修復作用。隨著中國新冠肺炎確診病例和死亡人數急遽上升宣昶有表示UMC119-06具有治療急慢性肺病的潛力。</t>
  </si>
  <si>
    <t>肺炎新藥治療具有umc死亡試驗患者表示發炎作用改善成為功效幹細胞注射衛福部組織肺臟肺泡宣捷人數核准中國</t>
  </si>
  <si>
    <t>新藥新冠肺炎宣昶有治療UMC</t>
  </si>
  <si>
    <t>肺炎宣昶治療umc新藥</t>
  </si>
  <si>
    <t>確診運動員巴黎空手奧地利</t>
  </si>
  <si>
    <t>新冠肺炎肆虐全球不少健康的運動員都傳出確診消息香港也傳出有運動員確診的消息28歲的空少道帥哥運動員李振豪也確診為陽性。他2月中旬曾和幾名搏擊隊員出發到歐洲準備參加5月在法國巴黎舉行的奧運空手道外圍</t>
  </si>
  <si>
    <t>運動員確診消息法國巴黎參加準備歐洲傳出全球出發舉行隊員健康搏擊月中陽性肆虐李振豪奧運肺炎香港</t>
  </si>
  <si>
    <t>新冠肺炎肆虐全球不少健康的運動員都傳出確診消息香港也傳出有運動員確診的消息28歲的空少道帥哥運動員李振豪也確診為陽性。
他2月中旬曾和幾名搏擊隊員出發到歐洲準備參加5月在法國巴黎舉行的奧運空手道外圍賽。他在2月底到奧地利參加比賽後到法國巴黎參加國際訓練營因新冠肺炎疫情臨時改機票在3月15日回到香港在今（18）日確診染上新冠肺炎。</t>
  </si>
  <si>
    <t>確診參加運動員肺炎法國巴黎香港消息傳出月底舉行隊員空手週邊賽奧運出發準備歐洲搏擊月中陽性李振豪機票</t>
  </si>
  <si>
    <t>運動員確診參加帥哥空手道</t>
  </si>
  <si>
    <t>參加運動員帥哥空手確診</t>
  </si>
  <si>
    <t>超前演練部署市府遺體處理</t>
  </si>
  <si>
    <t>全球新冠肺炎疫情升溫台灣目前維持1死個案各縣市莫不嚴陣以待台南本月初傳出疑似感染新冠肺炎死者被送到台南市立殯儀館相關單位第一時間即高規格因應所幸檢驗陰性排除但已讓經手各單位捏一把冷汗；台南</t>
  </si>
  <si>
    <t>台南單位肺炎陰性檢驗所幸經手排除因應規格維持疫情目前個案各縣市莫不臺灣第一時間嚴陣以待升溫本月相關</t>
  </si>
  <si>
    <t>全球新冠肺炎疫情升溫台灣目前維持1死個案各縣市莫不嚴陣以待台南本月初傳出疑似感染新冠肺炎死者被送到台南市立殯儀館相關單位第一時間即高規格因應所幸檢驗陰性排除但已讓經手各單位捏一把冷汗；台南市政府11日召集民政局、衛生局演練遺體處理應變現場搬出屍袋演練強調希望「備而不用」。
台南市政府制定SOP標準作業流程處理措施防治疫情擴散也維護醫院、社區、殯葬管理所人員健康昨天公佈新冠肺炎確診死亡遺體處理流程現場更展示屍袋一度遭質疑是否「太超前」市府強調公佈流程是希望民眾知道市府高規格謹慎處理不必無謂恐慌。
台南市殯葬管理所長郭輝信表示接獲確診死亡案例會在進館1至3小時前啟動防疫措施執行火化的工作人員和禮儀師需穿戴防護裝備入殮時需包裝雙層防水屍袋依特定時間及路線進行火化以30分鐘1000度高溫火化（一般850度至1050度）火化完成後骨灰交由家屬殘留灰燼由環保局處理。
此外台南現仍有30多位學生滯留大陸市長黃偉哲表示將比對此次武漢班機返台名單有無台南學生除保障學習權也會要求學校關心避免被貼標籤。
針對疫情仍未趨緩黃偉哲直言目前是「救發展」接下來可能變成「救經濟、救生存」中央600億元紓困方案如果不夠就必須追加SARS從被公告疫區到解除共46天這波疫情若持續到下半年政府應站出來幫助中小企業或微型企業讓他們能撐下去避免造成倒閉潮或無薪假保障受薪階級。</t>
  </si>
  <si>
    <t>台南處理疫情政府流程火化肺炎避免措施表示目前黃偉哲殯葬保障單位學生公佈規格死亡南市確診市府演練</t>
  </si>
  <si>
    <t>遺體處理屍袋台南市政府肺炎火化</t>
  </si>
  <si>
    <t>台南市政府肺炎處理遺體火化</t>
  </si>
  <si>
    <t>印度驚人數字確診</t>
  </si>
  <si>
    <t>新冠肺炎在全球急速擴散就連醫療進步的日本、韓國和歐洲多國都已淪陷。不過擁有13多億人口的印度卻只傳出有3名確診病例而且全部都已康復。一名住在印度的網友表示印度境內疫情沒有蔓延全因政府的一招「</t>
  </si>
  <si>
    <t>印度擴散沒有疫情醫療進步日本韓國和歐洲多國全球康復都已淪陷確診擁有蔓延病例人口傳出境內表示網友肺炎</t>
  </si>
  <si>
    <t>新冠肺炎在全球急速擴散就連醫療進步的日本、韓國和歐洲多國都已淪陷。不過擁有13多億人口的印度卻只傳出有3名確診病例而且全部都已康復。一名住在印度的網友表示印度境內疫情沒有蔓延全因政府的一招「強勢政策」。
有網友在PTT八卦版發問印度近134億人口竟然只傳出3例確診而且都已康復出院對比亞洲、歐洲其他國家「隔壁鄰居都爆炸的情況下印度還是沒有新增確診案例怎麼做到的啊？」
許多鄉民紛紛提供不同意見「恆河水啊！平時喝還被你們笑」、「恆河水你敢嘴」、「不驗就不會確診」、「通過恆河的考驗已經百毒不侵」、「不驗就不會確診」、「只驗3個就辦得到」、「飲食吃薑黃(咖哩)恆河有噬菌體」。
不過此文也引出一位住在印度的網友回文表示觀察自己周遭狀況認為印度政府的隔離措施非常強勢只要是大陸籍人士一律不准入境就連已經辦好的電子簽證也直接取消。這名網友說：「拿紙本簽證的航空公司也不給上飛機沒有說不能重新申請但是重新申請不受理簽證要過期了那你家的事情。」
他表示新加坡政府的策略是不讓大陸人轉機、入境印度也差不多「這種疾病問題就是要把會帶來疾病的人擋在國家外面；對內則是預防人傳人。」
更多 CTWANT 報導</t>
  </si>
  <si>
    <t>印度確診網友恒河沒有簽證表示國家強勢歐洲入境大陸已經康復人口疾病都已</t>
  </si>
  <si>
    <t>新冠肺炎武漢肺炎新型冠狀病毒確診恆河</t>
  </si>
  <si>
    <t>肺炎武漢冠狀病毒確診恒河</t>
  </si>
  <si>
    <t>關鍵背後藥師一針見血臺灣人</t>
  </si>
  <si>
    <t>本土疫情失控死亡人已超越SARS時期紀錄。藥師林士峰表示在此時談經濟是「大逆風」的話題但他親自走訪發現連知名大賣場人潮也僅剩過去三分之一想起臺北市市長柯文哲所說再拿不到疫苗讓群體免疫沒有病死</t>
  </si>
  <si>
    <t>群體疫苗超越sars時期紀錄藥師柯文哲市長林士峰免疫臺北市死亡想起表示分之一過去經濟僅剩逆風</t>
  </si>
  <si>
    <t>本土疫情失控死亡人已超越SARS時期紀錄。藥師林士峰表示在此時談經濟是「大逆風」的話題但他親自走訪發現連知名大賣場人潮也僅剩過去三分之一想起臺北市市長柯文哲所說再拿不到疫苗讓群體免疫沒有病死的大概也餓死了可見政府唯一能做的就是趕快拿到疫苗。此文獲得不少失業網友迴響紛紛表示自己也想安心在家防疫但沒收入真的撐不下去。
林士峰昨日（3）在臉書發文表示疫情嚴峻談經濟問題恐怕是大逆風的話題他今天實際到知名美式賣場人潮已經是平常的三分之一就像柯文哲說的再不拿到疫苗盡快完成群體免疫的任務沒有病死的大概也餓死了。
林士峰指出仔細思索政府有什麼能實施的振興方案能夠真正解決問題？幾乎是沒有的。因為開店之後要面臨的開銷除了房租、水電、員工薪水以外更重要難解的是未付應收帳款。一間店的整體毛利如果是三成那麼假如未付應收帳款是三個月那你要準備的周轉金是兩倍的營業額；偏偏這時候很多人不敢出門消費營業額說不定只有平常的三分之一別說薪水、房租可能付不出來每個月的貨款票期更難解。
對此林士峰強調最近零星也會出現有業者偷營業被開罰送辦講不聽還要斷水電的新聞當真這些業者都不怕染病嗎？那麼愛錢？伸頭一刀縮頭也是一刀政府勒令停業的同時振興方案配套措施不完全才會有那麼多人挺而走險「躲員警也躲病魔」不然沒染病死掉也可能餓死了。
此文一出獲得讓網友大感贊同留言道：「一針見血的評論說出小老百姓的痛苦我們只是要疫苗」、「我本身在影城工作政府叫影城暫停營業結果補助對象卻沒有影城從業人員。而有一些自營業還可以工作的人反而有補助現在停業完全沒收入隨著時間越來越久內心也默默希望早日復工⋯⋯可以的話當然也希望放心在家防疫但沒收入真的不行」、「說穿了都是為了生活！要嘛餓死要嘛病死與其在家等餓死不如出去拚一下只是這一拚有可能害人又害己所以你說要怪這群人嗎？說真的⋯⋯我不知道」、「可惜我們的政府官員都只會做圖講幹話」。</t>
  </si>
  <si>
    <t>政府疫苗沒有可能分之一在家影城林士峰業者營業停業可以完全</t>
  </si>
  <si>
    <t>新冠肺炎台灣林士峰疫苗柯文哲</t>
  </si>
  <si>
    <t>肺炎臺灣林士峰疫苗柯文哲</t>
  </si>
  <si>
    <t>黑暗一瀉千里</t>
  </si>
  <si>
    <t>新冠肺炎疫情持續重創金融市場！美國華爾街股市一度停止交易更讓已經跌深的英國倫敦金融時報指數一路下探暴跌9％來到5330點的8年新低也就是說將近8年來的增幅在不到3星期內全部都被回吐。英國天空電視台</t>
  </si>
  <si>
    <t>星期持續重創金融市場增幅美國華爾街將近股市一度也就是說新低停止來到交易暴跌疫情已經指數</t>
  </si>
  <si>
    <t>新冠肺炎疫情持續重創金融市場！美國華爾街股市一度停止交易更讓已經跌深的英國倫敦金融時報指數一路下探暴跌9％來到5330點的8年新低也就是說將近8年來的增幅在不到3星期內全部都被回吐。
英國天空電視台的經濟編輯康威預期如果金融時報指數在當下（臺北時間晚間10點英國時間下午2點）收盤不但比金融危機期間的任何單日跌幅更深也將是自從1987年的黑色星期一以來英國股市的最慘烈單日跌幅。</t>
  </si>
  <si>
    <t>股市英國指數金融時報跌幅時間持續重創金融市場美國華爾街疫情增幅星期將近也就是說回吐新低英國天空電視臺來到一度經濟</t>
  </si>
  <si>
    <t>英國金融時報指數英股新冠肺炎</t>
  </si>
  <si>
    <t>指數金融時報英國肺炎</t>
  </si>
  <si>
    <t>紓困沒有新竹效能</t>
  </si>
  <si>
    <t>新冠肺炎疫情趨緩但擴大紓困方案議題仍持續延燒！疫情指揮中心定期分析目前紓困的核定案件和受理案件比例來看受理效能第一是新竹市達69%其次分別是桃園市、台南市、新北市、連江縣、台中市、彰化市和臺北市。</t>
  </si>
  <si>
    <t>疫情紓困受理新竹效能案件擴大方案南市目前議題分析指揮定期持續中心桃園分別台中連江縣核定新北</t>
  </si>
  <si>
    <t>新冠肺炎疫情趨緩但擴大紓困方案議題仍持續延燒！疫情指揮中心定期分析目前紓困的核定案件和受理案件比例來看受理效能第一是新竹市達69%其次分別是桃園市、台南市、新北市、連江縣、台中市、彰化市和臺北市。指揮官陳時中表示以受理件數來看仍是六都最多因六都人口也最多。
若以核定安件占縣市總戶數百分比來看則第一名是桃園市其次為連江縣、台南市、新竹市、新北市、台中市等陳時中也表示不論是接受案件或核定上速度都在增快中相信會愈來愈順利。
媒體詢問南部有人申請紓困補助但名下有土地約4000多萬元雖名下沒有存款這樣的案例是否抵觸紓困原則？陳時中表示在紓困上的共識是有自住房子不符紓困標準但若有土地但沒有辦法產生收益且疫情對其收入已達到生活發生困難因為紓困不是訂中低收入戶若沒存款收入又減少影響生活則也符合認定可以申請紓困方案。</t>
  </si>
  <si>
    <t>紓困疫情核定表示陳時中來看收入存款生活受理案件沒有新竹申請土地桃園方案名下台中連江縣愈來愈</t>
  </si>
  <si>
    <t>紓困陳時中六都有土地新竹市</t>
  </si>
  <si>
    <t>六都土地陳時中新竹紓困</t>
  </si>
  <si>
    <t>歐元紓困企業</t>
  </si>
  <si>
    <t>德國總理梅克爾22日（周日）宣佈將自主居家隔離因為上週五曾為她施打疫苗的醫師後來確診新冠肺炎。德國政府預計週一將祭出規模5000億歐元的財政紓困措施協助這個歐洲最大經濟體減緩疫情帶來的經濟衝擊。梅克</t>
  </si>
  <si>
    <t>疫情減緩經濟體宣佈歐洲自主協助措施居家帶來紓困隔離財政施打上週五疫苗醫師歐元後來確診規模祭出肺炎週一</t>
  </si>
  <si>
    <t>梅克爾德國歐元肺炎預算疫情企業政府確診經濟感染隔離財政官員德國政府紓困流動性措施時間醫師擔保</t>
  </si>
  <si>
    <t>企業肺炎億歐紓困擔保</t>
  </si>
  <si>
    <t>擔保肺炎紓困企業</t>
  </si>
  <si>
    <t>民進疫苗人民蘇貞昌</t>
  </si>
  <si>
    <t>國內疫情升溫確診人數高居不下被視為是最終武器的疫苗卻遲遲未到位國民黨前立委孫大千忍不住痛批民進黨在疫苗採購上根本是放羊的孩子一次又一次的呼攏台灣人民。「給人民疫苗其餘免談！」孫大千今（27）</t>
  </si>
  <si>
    <t>疫苗人數高居不下人民視為孩子最終確診放羊國民黨孫大武器遲遲到位忍不住根本民進</t>
  </si>
  <si>
    <t>國內疫情升溫確診人數高居不下被視為是最終武器的疫苗卻遲遲未到位國民黨前立委孫大千忍不住痛批民進黨在疫苗採購上根本是放羊的孩子一次又一次的呼攏台灣人民。
「給人民疫苗其餘免談！」孫大千今（27）日在臉書表示都已經是什麼時候了民進黨還要用一堆唬爛話來考驗台灣人民的智商嗎？首先是藍營的縣市長要透過上海復星醫藥集團購買的是輝瑞疫苗並不是大陸研發的疫苗。他認為行政院發言人羅秉成刻意的把輝瑞疫苗和大陸疫苗畫上等號顯然是想要誤導台灣人民。
其次孫大千說民進黨口口聲聲地放話說大陸在國際社會刻意破壞台灣的疫苗採購更是一個非常奇怪的邏輯因為不管是輝瑞疫苗或是莫德納疫苗都不是大陸可以操控的請問一下北京政府是要如何影響美國和德國呢？
孫大千接著指出民進黨應該向台灣人民解釋一下為什麼他們口中的真朋友在台灣緊要關頭時只會袖手旁觀還要說一些風涼話讓台灣自求多福呢？
孫大千提到去年衛福部長陳時中就向台灣人民保證針對疫苗採購已經做了超前部署而且也有了口袋名單。今年二月行政院長蘇貞昌在立法院專案報告時也公開宣示在今年第二季將會取得2000萬劑疫苗結果這些疫苗到現在連影子都沒有看到；現在又要台灣人民繼續等到八月但此次疫情來勢洶洶台灣人民真的撐得到八月嗎？</t>
  </si>
  <si>
    <t>臺灣疫苗人民民進大陸採購輝瑞今年已經疫情刻意現在人數八月不下</t>
  </si>
  <si>
    <t>疫情民進黨孫大千疫苗新冠肺炎</t>
  </si>
  <si>
    <t>疫苗孫大千民進肺炎疫情</t>
  </si>
  <si>
    <t>鄭照新愛國民主肺炎只是民進花香工具蘇揆聞</t>
  </si>
  <si>
    <t>美國總統拜登下令禁止將新冠病毒加上「中國」或「武漢」等字眼國民黨文傳會副主委鄭照新以行政院長蘇貞昌至今不願改口甚至在視察農改場聞桂花香時仍用歧視性字眼扯新冠肺炎讓他深感民進黨的「民主」、「愛國</t>
  </si>
  <si>
    <t>字眼深感禁止肺炎改口甚至至今視察蘇貞昌行政院長改場鄭照新主委桂花香病毒文傳國民黨民進</t>
  </si>
  <si>
    <t>美國總統拜登下令禁止將新冠病毒加上「中國」或「武漢」等字眼國民黨文傳會副主委鄭照新以行政院長蘇貞昌至今不願改口甚至在視察農改場聞桂花香時仍用歧視性字眼扯新冠肺炎讓他深感民進黨的「民主」、「愛國」只是排除異己的工具毫無價值可言。
鄭照新引用媒體報導說：「拜登進一步指出透過政治領袖的行動或者以病毒起源的地理標籤作為病毒命名的參考這些行為反而強化了排外情緒；聯邦政府有必要認識到自身在其中所扮演的角色。拜登說此類的言論不僅激起了毫無根據的恐懼、永久抹黑了亞裔與太平洋島國居民更增加了對其的霸淩、騷擾以及仇恨犯罪。」
他指出一個自由主義的民主政權不會將排外的、具有族群歧視或地域歧視的字眼不斷帶頭強調。
鄭照新說相較拜登我們的蘇院長一邊聞著花香一邊「武漢肺炎」、「武漢肺炎」地叫再再讓他感受自由主義與反歧視等等民進黨起家的價值早被排外與仇恨沙文所取代。
他說他尊敬雖然主張台灣獨立但重視普世人性尊嚴的朋友。他常常感覺若是黨外時期他的個性極可能站在黨外這邊而不是當時的國民黨。
鄭照新強調現在的執政黨多的只是趨炎附勢、黨同伐異之徒口喊民主卻只是工具不是價值；口稱愛國卻只在排斥他人排除異己無價值可言要他如何站在民進黨這邊？</t>
  </si>
  <si>
    <t>拜登排外字眼鄭照新民主病毒民進歧視指出強調自由主義只是國民黨武漢肺炎可言黨外價值排除異己愛國</t>
  </si>
  <si>
    <t>鄭照新拜登中國武漢民進黨</t>
  </si>
  <si>
    <t>武漢拜登中國民進鄭照新</t>
  </si>
  <si>
    <t>醫療流感</t>
  </si>
  <si>
    <t>秋冬流感季節即將到來加上有新冠肺炎伺機而動專家擔憂當兩者混合流行將考驗第一線醫療人員如何去鑑別疾病不僅新冠肺炎確診難度加高病人也恐因診斷錯誤未予以正確治療呼籲政府應提供前線人員快篩試劑</t>
  </si>
  <si>
    <t>人員肺炎到來前線提供加上呼籲政府治療正確予以錯誤診斷病人流行考驗第一線醫療加高混合即將難度</t>
  </si>
  <si>
    <t>秋冬流感季節即將到來加上有新冠肺炎伺機而動專家擔憂當兩者混合流行將考驗第一線醫療人員如何去鑑別疾病不僅新冠肺炎確診難度加高病人也恐因診斷錯誤未予以正確治療呼籲政府應提供前線人員快篩試劑降低醫療負擔。
台灣感染症醫學會理事長黃立民指出新冠肺炎與流感不同之處為新冠肺炎在一些病患身上會出疹子也會有嗅覺味覺異常的問題。若要在臨床上做區別快篩工具相當重要病患一旦被診出新冠肺炎陽性就能及時安排隔離。
莫忘澳洲前車之鑑
黃立民表示若新冠肺炎與流感混合流行第一線醫療人員將沒有辦法做判斷目前國內環境就是採檢體去做PCR他建議要有快篩最好兩者都篩降低臨床壓力也有助正確判斷。
黃立民說需要盡快判定的原因隔離是一大因素流感病人不需要隔離但新冠肺炎患者不只要隔離還要到負壓病房如果醫療量能用到錯誤的地方就容易拖垮醫療體系因此能越快診斷出結果越好。
台大醫院感染科主任陳宜君表示流感疫情若嚴重床位的調度就非常困擾過去這個問題很少被關心到。以2009年H1N1為例澳洲疫情慘烈加護病房都被流感重症佔滿排擠了其他病患的需求也因如此這幾個月以來各家醫院都在做整備。
3方式協助前線醫護
中華民國防疫學會榮譽理事長王任賢表示依照目前的政策未提供新冠快篩有3種方式可以協助到第一線醫護首先是在新冠快篩機會不大的情況下至少給前線流感快篩；再來是要仰賴臨床醫師的判斷例如新冠肺炎沒有鼻塞、流鼻水、喉嚨痛等上呼吸道感染症狀有的是嗅覺與味覺失常；最後則是透過旅遊史、接觸者來判斷是否有風險。</t>
  </si>
  <si>
    <t>流感肺炎醫療判斷隔離表示臨床前線黃立民人員疫情問題澳洲病房理事長</t>
  </si>
  <si>
    <t>黃立民前線肺炎澳洲一線</t>
  </si>
  <si>
    <t>肺炎一線前線黃立民澳洲</t>
  </si>
  <si>
    <t>漏洞少康基層防疫心聲臺灣</t>
  </si>
  <si>
    <t>新冠肺炎疫情在台灣確診人數不斷上升衛服部近日除要求民眾保持社交距離還要徹查清明連假有到11個重點公告地區但資深媒體人趙少康卻認為「無症狀感染、篩檢範圍外的輕症患者基層診所卻不篩直接輾回家衛</t>
  </si>
  <si>
    <t>臺灣確診人數不斷上升衛服部近日要求民眾保持疫情社交距離還要清明連重點公告地區媒體診所患者</t>
  </si>
  <si>
    <t>新冠肺炎疫情在台灣確診人數不斷上升衛服部近日除要求民眾保持社交距離還要徹查清明連假有到11個重點公告地區但資深媒體人趙少康卻認為「無症狀感染、篩檢範圍外的輕症患者基層診所卻不篩直接輾回家衛服部這樣在檢疫範圍出現大漏洞？」。
趙少康今6日在網路談話節目「YAHOO」 《鄉民來衝康》談及政府和民間防疫模式他解釋其實中研院、台大等好幾個團隊都有研製出快篩試劑但衛服部一直不通過為何不趕快通過呢？因為他昨天「問了好幾個醫生真的是這樣」基層醫療診所檢驗當你出現一些輕症如腹瀉、頭痛要篩檢卻被要求回家或是去大醫院篩檢。
為何基層不願意篩、不報？趙少康指出因為一旦診所「有篩檢出確診」往上報那醫院就要關封14天基層醫生現在收入已經銳減非常多了在關院下去那還得了簡直要命！所以現在很大的問題就是「基層醫生看到輕症都叫你回家因為八成賭你是輕症」如果很不幸你是剩下2成那後續再討論。
但這樣的做法會不會造成未篩的潛伏患者到處傳染？趙少康坦言這是很大的問題所以他呼籲衛服部要考慮實際狀況這個問題他已經講很多次了衛服部的要求卻變相將輕症趕回家只會造成更大風險。</t>
  </si>
  <si>
    <t>衛服部少康基層回家要求醫生診所確診問題現在已經患者出現範圍醫院造成</t>
  </si>
  <si>
    <t>武漢肺炎趙少康新冠肺炎陳時中篩檢</t>
  </si>
  <si>
    <t>肺炎少康陳時中武漢</t>
  </si>
  <si>
    <t>醫師風險死亡呼籲患者</t>
  </si>
  <si>
    <t>因為疫情影響C型肝炎篩檢、治療、追蹤意願大幅降低據統計全台有高達12萬名C肝患者尚未治療！醫師提醒C肝不治療恐怕讓肝臟持續受到傷害若感染新冠肺炎病毒會有較高的重症、死亡風險呼籲民眾不可拖延治療</t>
  </si>
  <si>
    <t>治療風險呼籲死亡肝炎重症感染傷害病毒肺炎受到持續肝臟追蹤意願大幅統計恐怕降低</t>
  </si>
  <si>
    <t>因為疫情影響C型肝炎篩檢、治療、追蹤意願大幅降低據統計全台有高達12萬名C肝患者尚未治療！醫師提醒C肝不治療恐怕讓肝臟持續受到傷害若感染新冠肺炎病毒會有較高的重症、死亡風險呼籲民眾不可拖延治療。
疫情期間許多民眾忽視C肝治療的急迫性誤以為等疫情過去再治療即可事實上疫情之下C肝治療不容拖延。台灣肝病醫療策進會會長高嘉宏教授表示新冠肺炎會導致免疫系統失控讓原本只會精準殺滅病毒的免疫細胞大軍敵我不分的胡亂攻擊引起細胞激素風暴還可能發生呼吸窘迫造成全身性傷害。
不僅如此C肝患者的肝功能本來就較差在C肝及新冠病毒的夾攻之下肝功能會大幅下降死亡風險也會隨之提升。高雄醫學大學附設中和紀念醫院肝膽胰內科余明隆教授指出大型研究發現新冠肺炎感染者中肝硬化患者的死亡風險是非肝硬化患者的331倍。
餘明隆提醒國健署提供一生一次免費肝炎篩檢若確診C肝也無須擔心今日治療已進入全口服新藥時代治癒率高達98％、副作用輕微服藥不影響疫苗施打療程僅需8週或12週入院領藥的次數最少僅需要3次可降低民眾疫情下治療焦慮感。
高嘉宏表示比較我國近三年C肝全口服新藥治療人數可發現2019年4萬治療名額不到8月就用罄；2020年預計治療約51萬人實際治療36159位患者約佔7成；2021年上半年預計治療約2萬人但因為疫情升溫截至6月底僅治療10640位病人達成率僅53％顯見新冠肺炎嚴重疫情影響國人C肝篩檢與治療的意願與進度。</t>
  </si>
  <si>
    <t>治療疫情患者肺炎病毒風險死亡影響民眾餘明隆傷害細胞表示教授大幅肝功能</t>
  </si>
  <si>
    <t>治療死亡風險患者新冠肺炎疫情</t>
  </si>
  <si>
    <t>患者風險死亡肺炎疫情治療</t>
  </si>
  <si>
    <t>歌仔戲國寶班機瓊枝延後音樂家澳洲</t>
  </si>
  <si>
    <t>受確診新冠肺炎的澳洲音樂家影響原訂於8日自澳洲返台的歌仔戲國寶廖瓊枝決定搭乘另一班機。廖瓊枝歌仔戲文教基金會董事紀慧玲表示含廖瓊枝在內薪傳歌仔戲劇團39人將在今（11）晚搭乘十點多的班機返台預估</t>
  </si>
  <si>
    <t>歌仔戲瓊枝澳洲返台搭乘班機肺炎音樂家影響國寶劇團表示薪傳董事紀慧玲基金會文教原訂確診決定</t>
  </si>
  <si>
    <t>受確診新冠肺炎的澳洲音樂家影響原訂於8日自澳洲返台的歌仔戲國寶廖瓊枝決定搭乘另一班機。廖瓊枝歌仔戲文教基金會董事紀慧玲表示含廖瓊枝在內薪傳歌仔戲劇團39人將在今（11）晚搭乘十點多的班機返台預估抵台時間已是明（12）日清晨。董事柯銘峰也表示一行人現況都很好歌仔戲團抵台後將會發佈落地聲明讓戲迷放心。
紀慧玲表示在長榮航空協助下39人將搭乘同一班機返台據團長張孟逸轉述團隊在澳洲多停留的幾天也不太敢出門「趴趴走」「現在各地都會緊張他們大多待在旅館。廖瓊枝老師擔心團員團員也擔心老師才決定一起回來不要錯開團隊成員。」
現年85歲的廖瓊枝為薪傳歌仔戲劇團的創辦人長期致力於傳承歌仔戲文化在舞臺也依舊活躍有「台灣第一苦旦」之稱。此回她與薪傳歌仔戲劇團受邀參與2020澳洲布里斯本國際藝術節6日、7日都有表演原本預定8日返國但正巧在7日演出前得知返台的同班機上有曾與確診澳洲音樂家2日赴澳時同班機的旅行團團員引起外界關注。
雖經防疫中心澄清音樂家坐在商務艙旅行團坐在經濟艙有一定距離但薪傳歌仔戲團考量廖瓊枝已85歲高齡為避免萬一在廖瓊枝歌仔戲文教基金會董事討論後還是決議延期三天返台。在立委何志偉及航空幫忙下國立傳統藝術中心將負擔團隊在澳洲的三天食宿劇團團員改機票的費用則由基金會負擔。
紀慧玲表示廖瓊枝很感謝外界的關心但也因引起注目而感到不好意思希望大眾不要擔心。柯銘峰也說廖瓊枝與團員一切均安回台後會繼續準備月底將在戲曲藝術節上演的節目謝謝外界的關心與幫忙。</t>
  </si>
  <si>
    <t>歌仔戲瓊枝澳洲返台團員表示班機劇團薪傳團隊音樂家外界基金會董事不要搭乘中心藝術節負擔旅行團</t>
  </si>
  <si>
    <t>新冠肺炎何志偉武漢肺炎COVID-19台灣</t>
  </si>
  <si>
    <t>何志偉武漢肺炎臺灣covid-</t>
  </si>
  <si>
    <t>網點漏洞防疫危險</t>
  </si>
  <si>
    <t>新冠肺炎疫情擴及全球截至目前為止新加坡確診病例已達58起扣掉鑽石公主號的確診病例不算新加坡全球確診數僅次於大陸。日前就有網友好奇「政府目前對新加坡入境的人有類似居家檢疫的措施嗎？」擔心恐成為</t>
  </si>
  <si>
    <t>新加坡確診全球病例檢疫居家類似措施入境截至政府目前為止好奇網友日前疫情大陸僅次於鑽石公主擔心</t>
  </si>
  <si>
    <t>新冠肺炎疫情擴及全球截至目前為止新加坡確診病例已達58起扣掉鑽石公主號的確診病例不算新加坡全球確診數僅次於大陸。日前就有網友好奇「政府目前對新加坡入境的人有類似居家檢疫的措施嗎？」擔心恐成為防疫漏洞。
原PO在PTT「nCoV2019板」PO文指出新加坡確診病例數不算少洪永祥醫師也在電視談話節目上提到要特別注意新加坡入境者讓他不禁擔心問道「政府目前對新加坡入境的人有類似居家檢疫的措施嗎？」
事實上新加坡入境台灣目前尚未達到必須自我居家隔離檢疫的層級。不少網友憂心直呼「新加坡很危險因為太小了密度很高」、「日本先加強篩檢新加坡才是真的大危機」、「就新加坡的病例內容來看不能再等了」、「要注意的是新加坡要多少人感染會達到醫療崩潰」、「新加坡應該比照港澳了確診比香港多」；也有人認為「東南亞那幾個不驗的也很可怕」、「東南亞的很可怕而且日本已經爆了」。
另外也有網友分享前往新加坡時看到的現況直言僅有約2～3成的人有戴口罩且當地有不少大陸人餐廳店員也不戴口罩讓他不禁直言「說實在新加坡整體防疫感…有點鬆」。</t>
  </si>
  <si>
    <t>新加坡確診病例網友檢疫防疫居家達到目前直言日本擔心全球大陸入境不禁口罩po措施政府東南亞</t>
  </si>
  <si>
    <t>新冠肺炎NCP新加坡日本確診</t>
  </si>
  <si>
    <t>ncp新加坡肺炎日本確診</t>
  </si>
  <si>
    <t>授權新藥有望敲定</t>
  </si>
  <si>
    <t>長聖（6172）挾著腦中風與新冠肺炎等三個適應症新藥與國藥廠洽談合作授權可望在第一季敲定加上特管辦法推出該公司治療項目、核准案均為台灣之冠法人預期2021年營運有機會虧轉盈。以首家專攻細胞治療上櫃的長</t>
  </si>
  <si>
    <t>治療中風專攻肺炎可望藥廠授權洽談合作機會敲定適應症加上新藥辦法營運推出預期</t>
  </si>
  <si>
    <t>長聖（6172）挾著腦中風與新冠肺炎等三個適應症新藥與國藥廠洽談合作授權可望在第一季敲定加上特管辦法推出該公司治療項目、核准案均為台灣之冠法人預期2021年營運有機會虧轉盈。
以首家專攻細胞治療上櫃的長聖8日以每股138元掛牌由於今年營運將見轉機激勵股價開高走高終場以1725元作收漲幅25％出現蜜月行情。
長聖目前新藥異體臍帶間質幹細胞（UMSC01）用來治療急性心肌梗塞完成一期臨床試驗收案預計2021年向美國FDA提出二期臨床試驗申請；新一代CAR-T藥物CAR001因治療實體瘤、異體移植有機會成為突破性CAR-T療法已申請美國專利並規劃申請美國與台灣臨床一期試驗。
董事長劉銖淇表示長聖有五個產品申請特管辦法已通過四項最後一項預計年底取得審查該公司已與四家醫學中心、三家區域醫院與一家區醫院合作共取得18項核可取得核准件數為廠商最高。
長聖已啟動急性心肌梗塞、急性缺血性腦中風與新冠肺炎三項臨床的 臍帶間質幹細胞UMSC01已在2020年8月通過美國FDA核准啟用臨床一/二期試驗但目前尚未啟動收案而是與國際藥廠洽談合作目標本季有望定案。也不排除成立合資公司由合作夥伴負責美國臨床試驗、長聖負責台灣臨床試驗。</t>
  </si>
  <si>
    <t>臨床治療試驗美國公司核准合作申請臺灣取得營運異體啟動新藥心肌梗塞car-t目前預計藥廠辦法</t>
  </si>
  <si>
    <t>新藥肺炎臨床試驗申請收案</t>
  </si>
  <si>
    <t>申請臨床試驗肺炎新藥</t>
  </si>
  <si>
    <t>who官員川普</t>
  </si>
  <si>
    <t>美國總統川普高調宣佈退出世界衛生組織（WHO）已經超過半個月但目前美國仍舊保有會員的身份而且還與世衛多所合作世衛官員因此預期川普應該只是喊喊最終並不會做出正式退出的具體動作。川普在5月29日召開記者</t>
  </si>
  <si>
    <t>退出川普美國世衛動作具體做出正式宣佈會員保有仍舊世界衛生組織目前who已經超過最終只是應該官員預期合作普高身份</t>
  </si>
  <si>
    <t>美國總統川普高調宣佈退出世界衛生組織（WHO）已經超過半個月但目前美國仍舊保有會員的身份而且還與世衛多所合作世衛官員因此預期川普應該只是喊喊最終並不會做出正式退出的具體動作。
川普在5月29日召開記者會宣佈「我們今天就將結束與世衛的關係。」WHO隨後已收到美國政府欲退出世衛的意向書。
白宮主人「退群」之舉讓世衛措手不及世衛祕書長譚德塞（Tedros Adhanom Ghebreyesus）也是透過媒體得知此項訊息。之前世衛一直就川普要求在30天內處理偏袒大陸一事與美國資深外交官員交涉而才過10天川普就公開宣佈退出世衛。
川普在期限前突然宣佈退出世衛的原因迄今依舊不明但至少到目前為止美方並未採取正式退出的動作。據消息人士透露世衛官員持續在美國的政府機關辦公而美國政府駐世衛的官員也在日內瓦正常上班。
譚德塞週一在記者會上也證實「是的美國目前仍然是世界衛生組織的成員國。」
美方駐世衛官員最近也與世衛方面重啟會議討論華府方面關切世衛因應新冠肺炎疫情的議題由此顯示美國或許對於保留世衛會籍仍持開放的態度。
川普週一對此表示「除非他們有具體作為不然我不會重新考慮我不確定他們現在可以辦到。」
美國共和黨也呼籲川普撤回退出世衛的決定眾院共和黨黨團週一發表新冠肺炎疫情起源的研究報告除了抨擊大陸還指責世衛在因應疫情失策的不當報告建議撤換秘書長同時呼籲美國留在世衛。</t>
  </si>
  <si>
    <t>世衛美國川普退出官員宣佈週一疫情美方大陸who記者會報告美國政府世界衛生組織秘書長正式具體呼籲目前因應德塞動作</t>
  </si>
  <si>
    <t>川普美國肺炎德塞退出</t>
  </si>
  <si>
    <t>肺炎川普退出德塞美國</t>
  </si>
  <si>
    <t>作戰紓困黃偉哲防疫首長痛苦假貨wow</t>
  </si>
  <si>
    <t>從防疫到紓困為因應新冠肺炎的一連串作戰黃偉哲回頭看讓他感到最痛苦的是「假貨」太多。怎麼說呢？原來市民居家檢疫時亂跑曾遭罰70萬還有發放紓困金一直看到有人重複請領造成不公義和行政成本浪費讓黃</t>
  </si>
  <si>
    <t>紓困行政不公造成一連串肺炎請領作戰重複黃偉哲看到回頭一直市民居家原來檢疫假貨感到亂跑</t>
  </si>
  <si>
    <t>從防疫到紓困為因應新冠肺炎的一連串作戰黃偉哲回頭看讓他感到最痛苦的是「假貨」太多。怎麼說呢？原來市民居家檢疫時亂跑曾遭罰70萬還有發放紓困金一直看到有人重複請領造成不公義和行政成本浪費讓黃偉哲心痛了。
中時新聞網專訪黃偉哲市長的前一天他才考察將申請開放營業的酒店營業場所台南也成為第一個開放八大行業申請恢復營業的直轄市。他認為任何人在病毒面前都是平等阿中部長說可開始防疫新生活台南市就依阿中同樣標準在一遍解封聲中讓八大行業也有新思考其實之前被封的只有酒店KTV有實名就沒限制PUB等也都沒有封到閉絕。
雖然當初酒店也是一紙命令就封但他認為解封要有一致性必須符合相關規定更不希望變成中央地方互踢互甩鍋既然中央已授權地方地方政府就依SOP走程式。雖也可一紙命令即解封黃偉哲認為還是要謹慎而為讓業者依規定申請合格就解封市長不是國王說封就封說解就解所以提供公文請他們申請那天他去看業者申請前的演練把舞池封住座位排好距離這些都做好了實質防疫準則也就符合只要完成行政流程即可開放。
再談到搶第一的紓困金發放。黃偉哲說台南所核定的人數和錢的百分比是第一名台南市對申請紓困的每一筆都自己審只要資料完整就審的快目前大約7成多還沒過有的先用身份證切結申請通過有3000多件也有1000多件被抓到重複審請等沒通過。
「假貨多」讓黃市長心寒他說居家檢疫台南市就有10多人趴趴走還欺騙負責通知的人直到住隔壁人看不下才揭發防疫政策執行時造假太多連來領上課補助的計程車司機也重複造假資料而紓困金是對沒保險的人卻也有保險的人也要來領這些都很為難公務人員讓大家覺得有挫折感。最後都是依阿中部長說：「寧可錯發也不放過」黃偉哲說真的錯發部份等以後再想辦法補回。</t>
  </si>
  <si>
    <t>申請黃偉哲紓困防疫市長酒店開放台南認為解封地方行政規定符合造假</t>
  </si>
  <si>
    <t>黃偉哲紓困金防疫新生活防疫人員台南市</t>
  </si>
  <si>
    <t>防疫生活紓困台南人員黃偉哲</t>
  </si>
  <si>
    <t>防疫概念蔓延漲勢疫情</t>
  </si>
  <si>
    <t>日韓新冠肺炎確診病例連日大增引起外界高度警戒市場憂心原估2月底可望見到疫情高峰的時間點恐再延後激勵防疫概念股重燃漲勢再度成為盤面資金匯聚重心毛寶、熱映、高端疫苗等七檔同步亮燈漲停。美國疾病管</t>
  </si>
  <si>
    <t>肺炎亮燈確診病例同步疫苗大增引起高端熱映外界毛寶高度重心警戒彙聚市場憂心資金盤面成為月底再度可望漲勢見到</t>
  </si>
  <si>
    <t>日韓新冠肺炎確診病例連日大增引起外界高度警戒市場憂心原估2月底可望見到疫情高峰的時間點恐再延後激勵防疫概念股重燃漲勢再度成為盤面資金匯聚重心毛寶、熱映、高端疫苗等七檔同步亮燈漲停。
美國疾病管制暨預防中心（CDC）將大陸及日韓等亞洲國家列入新冠肺炎疫情已達社區傳播階段以及日本、南韓確診人數快速增加導致疫情擴散擔憂情緒再起電子股續遭資金調節由防疫概念股重掌盤面主流。
品豐大中華投顧總經理連乾文指出新冠肺炎病毒在海外擴散速度加快在疫情控制上的「空間」與「時間」都是負面因素代表對後續經濟幹擾程度可能擴大抵銷近期美股大漲的助攻力道同時匯率也出現較大幅度貶值部分資金轉進較具避險性質的資產。
防疫概念股21日齊步大漲吸納多方資金包括毛寶、熱映、高端疫苗、亞諾法、優盛、合世、瑞基等七檔亮燈在上市櫃16檔漲停股占約半數扮演盤面避風港。
資深證券分析師林成蔭表示一般評估疫情高峰有三套劇本最樂觀的是2月底見高後逐漸好轉其次為根據復工檢疫狀況可能延到3月第三種則要拖到第二季「時間愈長對經濟幹擾程度愈高」。
而目前雖然大陸新增確診人數減少但海外地區卻大幅增加日、韓兩大科技國皆爆社區感染也增添市場擔憂未來電子鏈供需情況牽動資金回頭佈局防疫概念股。
另值得一提的是自新冠肺炎疫情爆發以來防疫概念股交投量能持續放大股價波動度高吸引不少當沖客進出搶帽子例如毛寶自今年以來當沖張數由個位數跳增至千張以上口罩生產大廠康那香2月初當沖交易也曾爆出近25萬張大量買盤短打心態濃厚。</t>
  </si>
  <si>
    <t>疫情資金防疫概念肺炎盤面時間確診毛寶可能月底市場大陸社區高峰增加海外擔憂人數亮燈</t>
  </si>
  <si>
    <t>防疫概念股肺炎盤面日韓高峰</t>
  </si>
  <si>
    <t>盤面肺炎概念高峰防疫</t>
  </si>
  <si>
    <t>猝死莫德納悲痛碼頭工人高雄</t>
  </si>
  <si>
    <t>高雄市一名65歲蔡姓男子昨（15日）上午接種莫德納疫苗傍晚在家中暈倒送醫搶救不治。蔡男妻子悲痛表示丈夫身體狀況良好兩人曾聊到有人打疫苗後死亡她勸「那你不要打」但丈夫堅持要打豈料打完疫苗就發生</t>
  </si>
  <si>
    <t>疫苗丈夫上午接種莫德納傍晚豈料家中暈倒搶救不治送醫蔡男妻子悲痛表示不要身體狀況聊到良好打完男子堅持</t>
  </si>
  <si>
    <t>高雄市一名65歲蔡姓男子昨（15日）上午接種莫德納疫苗傍晚在家中暈倒送醫搶救不治。蔡男妻子悲痛表示丈夫身體狀況良好兩人曾聊到有人打疫苗後死亡她勸「那你不要打」但丈夫堅持要打豈料打完疫苗就發生憾事面對突來的變故蔡妻無助：「那我怎麼辦？」。
高雄65歲的蔡姓男子15日上午接種完疫苗後下午卻在家中突然倒地家屬緊急將他送醫後不治這是高雄第二起施打完莫德納疫苗的死亡案例。目前衛生局正在進一步調查死因是否與疫苗有關仍待釐清。
蔡男的妻子是外籍配偶她表示丈夫平時很少就醫也沒有特殊的運動嗜好身材適中、沒有肥胖的狀況但最近爬樓梯時會很喘。她透露丈夫曾聊到有人打疫苗會死掉她就說「那你不要打為什麼要打？一定要打嗎？」但丈夫堅持要打疫苗。如今發生憾事她相當無助。
據瞭解蔡男在碼頭擔任領班15日上午在高雄展覽館打疫苗就去上班不過家屬表示因為下雨沒什麼工作應不會有勞累的問題。蔡男下班回家後在脫衣服的過程中忽然昏倒、意識不清家屬見狀緊急撥打119尋求協助在6時15分被送到阮綜合醫院的急診搶救卻不幸在7時11分宣佈急救無效仍然回天乏術。
高市府衛生局表示蔡男有慢性病史於15日上午接種疫苗後無特別不適反應將全力協助家屬後事及相關救濟並進一步釐清真相死因是否與施打疫苗相關將向中央疫苗接種嚴重不良反應事件通報。
★《中時新聞網》提醒您：因應新冠肺炎疫情疾管署持續加強疫情監測與邊境管制措施 如有疑似症狀請撥打：1922專線或 0800-001922 並依指示配戴口罩儘速就醫同時主動告知醫師旅遊史及接觸史以利及時診斷及通報。</t>
  </si>
  <si>
    <t>疫苗蔡男家屬表示丈夫接種高雄就醫上午疫情搶救協助沒有無助衛生局相關</t>
  </si>
  <si>
    <t>新冠肺炎台灣新型冠狀病毒NCP高雄</t>
  </si>
  <si>
    <t>冠狀臺灣病毒肺炎ncp高雄</t>
  </si>
  <si>
    <t>感染病毒確診累計鄭州症狀</t>
  </si>
  <si>
    <t>河南省鄭州市新冠肺炎應急處置聯合指揮部4日晚間召開新聞發布會鄭州市人民政府副祕書長李慧芳指出鄭州此輪疫情自7月30日爆發院內感染、發現首例無症狀感染者以來至4日下午6時累計感染101人其中：確診16人</t>
  </si>
  <si>
    <t>鄭州市感染肺炎處置應急下午聯合以來指揮部感染者首例晚間人民政府秘書長症狀召開新聞發佈會發現鄭州李慧芳指出院內爆發疫情累計</t>
  </si>
  <si>
    <t>河南省鄭州市新冠肺炎應急處置聯合指揮部4日晚間召開新聞發布會鄭州市人民政府副祕書長李慧芳指出鄭州此輪疫情自7月30日爆發院內感染、發現首例無症狀感染者以來至4日下午6時累計感染101人其中：確診16人（管城區1人、二七區15人；輕型13人、普通型3人）無症狀感染85人（管城區1人、惠濟區1人、滎陽市2人、新鄭市6人、二七區73人、金水區2人）；男性57人、女性44人；年齡最小7歲、65歲以上16人其中最大77歲。
李慧芳還通報了相關處置情況：
（一）封控區域動態調整情況。在7月31日劃分封閉區、封控區、防控區的基礎上於8月2日、8月3日、8月4日根據新發現病例分佈情況三次調整擴大封控區範圍。共涉及二七區12個街道辦事處108個社區6618萬人、管城區4個街道辦事處22個社區1229萬人兩區合計7847萬人。
（二）市六院病患及醫護人員分流轉運情況。為徹底消除院內傳播隱患按照大陸國家和省聯防聯控機制專家建議對市六院封閉管理的人員實施分流。目前已分流患者447人工作人員和陪護人員1137人。對分流人員嚴格按照院感防控標準實施單人單間隔離治療或隔離醫學觀察。
（三）原市六院特殊患者救治情況。市六院封閉管理時共收治136名尿毒癥患者其中住院治療28名門診治療108名。疫情發生後12名患者繼續住院進行單人單間隔離治療；轉移至市岐伯山醫院、市三院隔離治療16名省直第三人民醫院隔離治療3名；將二七區鑫隆溫泉酒店整體租賃作為隔離治療點採取「點對點、一站式」密閉式運輸方式轉運85名患者；20名正在居家隔離的門診治療患者將視病情及時收治隔離治療。通過分類救治充分滿足特殊患者的治療需求確保疫情有效防控。
（四）隔離酒店籌備使用情況。按照「寧可備而不用不可用時無備」原則選定隔離酒店53家可用床位7609個。目前已啟用27家可用床位4694個隔離1989人。</t>
  </si>
  <si>
    <t>隔離治療患者情況二七區酒店防控疫情分流封閉處置李慧芳感染院內轉運封控區鄭州市人員調整特殊發現</t>
  </si>
  <si>
    <t>情況隔離治療16人六院患者</t>
  </si>
  <si>
    <t>隔離治療患者情況</t>
  </si>
  <si>
    <t>揭露加入調查隱瞞美國會疫情who失職</t>
  </si>
  <si>
    <t>正值全球新冠疫情尚未平息、陸恐有新一波疫情再起之際美眾議院外交委員會一篇內部關於新冠疫情的調查報告中指出除了如同川普政府先前聲稱的在疫情爆發初期陸確實有隱瞞疫情、世界衛生組織WHO秘書長譚德塞也必須</t>
  </si>
  <si>
    <t>疫情秘書長who世界衛生組織隱瞞聲稱爆發先前政府川普如同指出再起美眾議院內部調查報告德塞確實初期尚未之際外交委員會平息</t>
  </si>
  <si>
    <t>正值全球新冠疫情尚未平息、陸恐有新一波疫情再起之際美眾議院外交委員會一篇內部關於新冠疫情的調查報告中指出除了如同川普政府先前聲稱的在疫情爆發初期陸確實有隱瞞疫情、世界衛生組織WHO秘書長譚德塞也必須為讚揚中共處理疫情「透明度」負責之外並在建議中提到呼籲美國與理念相同的WHO成員國以及台灣一同調查中共早期階段隱瞞疫情行為以及WHO失職。
這份由共和黨資深議員麥考爾（Michael McCaul）領導的眾議院外交委員會調查報告主要是針對疫情早期也就是疫情爆發至WHO於1月30日宣佈就新冠疫情發布「國際關注公共衛生緊急事件」之間的調查。
報告指出疫情爆發初期大陸每日都有大量相關資訊但卻遭中共試圖隱瞞這份報告即是藉由將當時可在陸網路上取得的相關資訊但可從中共企圖混淆疫情資料、向大眾隱瞞疫情資訊以及對「吹哨者」醫生們施壓藉此證明中共是刻意且一再違反「國際衛生條例」。
報告稱共黨內如總書記習近平等高階領導人在宣佈大流行數周前早已知道疫情恐會大爆發。若以透明且負責的標準而言中共原本可以藉由向世界分享關於如何應對病毒的資訊藉此支持全球公衛應對以及挽救上萬人性命。
報告也指出WHO秘書長譚德塞（Tedros Adhanom Ghebreyesus）不僅忽略中共疫情隱瞞反卻一再讚揚其資訊透明度一再附和中共所說的觀點卻忽略與有衝突的資訊。報告稱譚德塞不僅費盡喉舌捍衛中共防疫反應對於中共修改過的疫情爆發經歷竟完全認同而他的決定對於國際公衛的防疫影響更是極度令人憂心的。
調查報告最後指出疫情仍有諸多未解之處並提出如全面更新WHO領導層、展開國際調查、國際衛生條例改革等建議其中特別引人注意的是在國際調查中特別呼籲美國讓台灣以及其他理念相同等WHO成員國一同調查中共對於疫情早期隱瞞行為以及WHO的失職此類的調查應該確認新冠病毒起源、出現在人體上的病徵、中共取消發布關於疫情的科學與公衛資訊等事蹟、中共在WHO上的隱瞞行為WHO附和中共宣傳的影響以及中共隱瞞對於全球應對的影響。</t>
  </si>
  <si>
    <t>疫情中共who資訊隱瞞報告調查國際爆發指出公衛對於調查報告德塞衛生應對全球一再宣佈</t>
  </si>
  <si>
    <t>新冠病毒新冠肺炎武漢肺炎譚德賽WHO</t>
  </si>
  <si>
    <t>武漢肺炎譚德病毒who</t>
  </si>
  <si>
    <t>疫情關?殺人隨機專家單月關鍵</t>
  </si>
  <si>
    <t>新冠肺炎疫情在全球延燒儘管防疫人員努力不讓疫情爆發但已持續3個多月的疫情依舊影響了整個社會尤其在這一個月內國內就發生3起隨機殺人案。專家指出壓力大易使人產生負面情緒必須適當排解做好長期抗戰</t>
  </si>
  <si>
    <t>疫情必須情緒產生全球壓力指出人員努力專家不讓適當殺人案隨機影響發生國內社會尤其防疫爆發</t>
  </si>
  <si>
    <t>新冠肺炎疫情在全球延燒儘管防疫人員努力不讓疫情爆發但已持續3個多月的疫情依舊影響了整個社會尤其在這一個月內國內就發生3起隨機殺人案。專家指出壓力大易使人產生負面情緒必須適當排解做好長期抗戰的心理準備。
日前一位19歲上大夜班的青少年在上班途中因遇蘇姓男子討錢不成而遭刺殺身亡；而另一位走在騎樓的計程車司機竟被一名因近期業績不佳心情不好的房仲隨機猛刺18刀；除此之外前陣子還有一名年輕直播主因和妻子吵架就拿起車底下的生魚片刀朝路邊正等待接姐姐下班的路人冷刺一刀導致被害者傷重不治。單單在一個月內就發生3起隨機砍人事件沒想到竟和新冠肺炎疫情息息相關。
根據《華視新聞網》報導中央員警大學法律系主任許福生分析通常無業、單身、孤立、有精神疾病或是吸毒的人的犯罪風險較高不過許福生指出近期許多人受到新冠肺炎疫情影響因此失業也可能因為情緒一時無法發洩無法從高風險族群中辨識出來。
報導指出在6種隨機殺人動機中近期的案件多與「對自身境遇不滿而遷怒社會」有關。許福生說根據犯罪心理學「一般緊張理論」經濟壓力容易讓人產生負面情緒此時若找不到好的紓解方式很容易就有犯罪行為發生。
另外精神科醫師楊聰財也呼籲民眾面對新冠肺炎疫情最好要有長期抗戰的心理準備「隨時保持信心、耐心透過運動等方式紓緩緊張、負面的情緒」在疫情期間大家保持社交距離的同時也別忘人與人之間的關心也很重要。</t>
  </si>
  <si>
    <t>疫情情緒隨機近期指出肺炎發生報導社會保持心理準備緊張長期抗戰容易犯罪許福生影響方式</t>
  </si>
  <si>
    <t>隨機殺人新冠肺炎疫情發生許福生</t>
  </si>
  <si>
    <t>肺炎疫情殺人發生隨機許福生</t>
  </si>
  <si>
    <t>國際蔡英文隱憂羅智強繼續孤兒疫苗</t>
  </si>
  <si>
    <t>國產疫苗有望在暑假期間上市但未進入第三期臨床實驗其保護力引起國人擔憂。臺北市議員羅智強直言「我們拒當國際孤兒」並指錯誤的政策不僅比貪汙可怕蔡政府疫苗政策失能難怪外媒會批台灣防疫吹牛破功他</t>
  </si>
  <si>
    <t>政策疫苗臺灣上市進入難怪臨床實驗保護引起國人擔憂防疫臺北市議員羅智強直言貪污錯誤國際孤兒期間</t>
  </si>
  <si>
    <t>國產疫苗有望在暑假期間上市但未進入第三期臨床實驗其保護力引起國人擔憂。臺北市議員羅智強直言「我們拒當國際孤兒」並指錯誤的政策不僅比貪汙可怕蔡政府疫苗政策失能難怪外媒會批台灣防疫吹牛破功他還指出一些打國產疫苗會出現的問題質疑「蔡英文你還要繼續擋國際疫苗嗎？」
羅智強今(14日)在臉書上表示「蔡英文我們拒當國際孤兒」並指出美國FDA日前宣佈對於尚未提出申請的疫苗將不再發給緊急使用授權台灣國產疫苗都尚未進入臨床3期更不符合FDA的規定勢必無法取得美國緊急使用授權也難獲得歐盟與WHO的認證。
羅智強發現有民調顯示近7成民眾不願意施打未獲國際認證的疫苗蔡政府卻執意押寶保護力不明的國產疫苗本土疫苗產業固然重要但也不能把全民當作白老鼠。
羅智強指出各國將啟動疫苗護照本土疫苗必須取得國際認證但連衛福部長陳時中也坦言打國產疫苗有不被認證的風險政府大力扶植國產疫苗並以高於國際疫苗8倍的價格採購但結果竟可能是民眾打了出不了國疫苗也難打進全球市場台灣淪為國際孤兒錯誤的政策比貪汙可怕。
羅智強直言蔡政府疫苗政策失能難怪時代雜誌批台灣防疫吹牛破功國產疫苗難被國際認證蔡政府的施政無能倒是先被國際認證「蔡英文你還要繼續擋國際疫苗嗎？」</t>
  </si>
  <si>
    <t>疫苗國際認證羅智強臺灣政府指出蔡英文孤兒進入民眾政策fda保護取得美國尚未使用</t>
  </si>
  <si>
    <t>新冠肺炎台灣國產疫苗羅智強蔡英文</t>
  </si>
  <si>
    <t>疫苗肺炎臺灣羅智強蔡英文</t>
  </si>
  <si>
    <t>糟糕團結時刻德塞很快到來</t>
  </si>
  <si>
    <t>世界衛生組織(WHO)總幹事譚德塞在新聞發佈會上警告國際間缺乏團結正在助長新冠疫情的流行如果拿新冠病毒來相互對抗「最糟糕的時刻會很快到來」。據《央視新聞》報導譚德塞在當地時間20日的新聞發布會上說</t>
  </si>
  <si>
    <t>新聞德塞時間病毒助長對抗糟糕相互時刻缺乏團結很快國際到來報導警告會上當地</t>
  </si>
  <si>
    <t>世界衛生組織(WHO)總幹事譚德塞在新聞發佈會上警告國際間缺乏團結正在助長新冠疫情的流行如果拿新冠病毒來相互對抗「最糟糕的時刻會很快到來」。
據《央視新聞》報導譚德塞在當地時間20日的新聞發布會上說新冠病毒非常危險它利用了人與人之間、政黨與政黨之間、國家與國家之間的分歧。他呼籲缺乏團結正在助長新冠疫情的流行「不要把這種病毒作為相互對抗或贏得政治得分的機會。」
譚德塞警告如果各國不能團結一致「最糟糕的時刻會很快到來。」如果全球團結一致把新冠病毒作為人類的共同敵人而全力以赴就可以戰勝病毒。</t>
  </si>
  <si>
    <t>病毒團結新聞德塞作為一致警告對抗相互缺乏到來之間很快糟糕時刻助長疫情全力以赴敵人流行共同人類</t>
  </si>
  <si>
    <t>新冠肺炎武漢肺炎新型冠狀病毒COVID-19譚德塞</t>
  </si>
  <si>
    <t>肺炎冠狀武漢病毒covid-德塞</t>
  </si>
  <si>
    <t>確診疫苗接種縣府天內猝死新竹慰問金</t>
  </si>
  <si>
    <t>新竹縣20日新增4例確診個案3人與長照構有關80多歲老婦和50多歲男子是竹東B長照機構住民60多歲男子則是B機構確診者的家人湖口鄉30多歲女子則是是桃園市確診個案的接觸者至防疫旅館居隔採檢陽性確診。縣長</t>
  </si>
  <si>
    <t>確診個案機構男子旅館防疫接觸新增有關家人老婦竹東桃園</t>
  </si>
  <si>
    <t>新竹縣20日新增4例確診個案3人與長照構有關80多歲老婦和50多歲男子是竹東B長照機構住民60多歲男子則是B機構確診者的家人湖口鄉30多歲女子則是是桃園市確診個案的接觸者至防疫旅館居隔採檢陽性確診。
縣長楊文科指出國內陸續發生長輩接種疫苗猝死案件雖然死因仍待中央判讀確認但為向家屬表達慰問縣府將成立專款只要縣內接種疫苗14天內發生不幸離世事件一律先發放10萬元慰問金。
縣府團隊並將協助家屬提出「預防接種受害救濟」申請收集相關病歷資料提送中央審議如確定因預防接種致死最高將可給付600萬元救濟金。
楊文科說新增4例中有3例仍屬竹東B長照機構80多歲婦人中風長住機構三度採檢陽性確診50多歲男子長期臥床第四次PCR採檢陽性確診2人都進隔離病房治療。
另60多歲男子是B長照機構確診照服員的丈夫居隔期間曾體溫輕微升高未就醫後發燒就醫採檢陽性確診收治醫院隔離病房治療。這3例接觸者均已匡列皆為住民無公共場所活動史公佈。
住湖口鄉的30多歲女子是桃園市確診的接觸者18日入住防疫旅館採檢結果陽性確診收治隔離病房。共匡列接觸者共19人足跡為湖口鄉中山路一段與和愛路的全聯福利中心已完成環境消毒。
楊文科說中央配發新竹縣第一波1萬3000劑疫苗到昨為止已施打1萬2127劑整體接種率為933％其中87歲以上施打4322人接種率655％。第二波82到86歲有9047人將在21日開始開打。
新竹縣居家隔離人數現有1581人為協助居家隔離民眾送餐服務等各項需求縣府設置4支「安疫服務專線」提供24小時諮詢服務居家隔離民眾有任何需求都可以撥打「安疫專線」。</t>
  </si>
  <si>
    <t>確診中央接種陽性縣府疫苗男子接觸機構湖口鄉居家隔離服務預防接種新竹</t>
  </si>
  <si>
    <t>新冠肺炎台灣  確診陽性新竹縣</t>
  </si>
  <si>
    <t>臺灣確診陽性肺炎新竹</t>
  </si>
  <si>
    <t>穆迪埃保佑澄清上帝nba陰性</t>
  </si>
  <si>
    <t>昨天(12日)曾一度誤傳跟爵士中鋒戈貝爾一起成為新冠肺炎確診者的爵士替補後衛穆迪埃在爵士全隊都接受新冠檢測之後確定呈現陰性反應也就代表他並未罹患新冠肺炎一切只是烏龍一場他也隨即發推感謝上帝保佑且暫</t>
  </si>
  <si>
    <t>爵士肺炎隨即中鋒戈貝爾烏龍只是陰性反應一起呈現代表成為檢測確診確定接受並未之後誤傳</t>
  </si>
  <si>
    <t>Firstly thanks to everyone for the positive words Yesterday I got tested for the Covid-19 virus By God’s grace it came out negative Despite my teammates and I taking necessary precautions it didn’t turn out as expected To my guys @spidadmitchell @rudygobert27 God speed? ? ❤️ pictwittercom/5zbj1MFgRO
昨天(12日)曾一度誤傳跟爵士中鋒戈貝爾一起成為新冠肺炎確診者的爵士替補後衛穆迪埃在爵士全隊都接受新冠檢測之後確定呈現陰性反應也就代表他並未罹患新冠肺炎一切只是烏龍一場他也隨即發推感謝上帝保佑且暫逃一劫！
「首先我必須感謝大家給我的正面話語昨天我做了新冠肺炎病毒檢測多虧上帝保佑結果呈現陰性」穆迪埃發推表示「儘管我和隊友都採取必要的防範措施但結果並未如同預期那樣希望米契爾、戈貝爾兩人趕緊好起來吧。」
原本在戈貝爾成為首位確診新冠肺炎的NBA球星且造成聯盟緊急宣佈無限期停賽同時穆迪埃也被傳出確診如今證實只是誤傳反而是他的爵士隊友米契爾成為NBA第2位確診病例但其他爵士球員與工作人員都未被檢出新冠肺炎。
尤其是昨天在雷霆主場被拍到跟米契爾一起站在場邊聊天的爵士替補後衛克拉克生也馬上發推確定自己並未感染「感謝你們給我的愛與祈禱！我已經通過測試我很好24小時過去了我仍很健康我一直心繫著我的兩名隊友。」</t>
  </si>
  <si>
    <t>爵士肺炎確診米契爾並未昨天穆迪埃隊友god戈貝爾itmyfortotheout感謝成為保佑結果呈現只是</t>
  </si>
  <si>
    <t>穆迪埃戈貝爾米契爾新冠肺炎爵士</t>
  </si>
  <si>
    <t>米契爾戈貝爾肺炎爵士穆迪埃</t>
  </si>
  <si>
    <t>症狀極端吐血</t>
  </si>
  <si>
    <t>一名愛爾蘭年輕男子日前在社群媒體上分享自己感染新冠肺炎後出現的極端症狀他描述自己不僅頭痛、全身痛、失去嗅覺、味覺更曾咳出大量血液他自嘲量多到就像「捐血」。新冠病毒蔓延全世界至今全球超過9000萬</t>
  </si>
  <si>
    <t>媒體蔓延病毒分享感染味覺嗅覺失去血液全身自嘲日前頭痛描述症狀肺炎</t>
  </si>
  <si>
    <t>一名愛爾蘭年輕男子日前在社群媒體上分享自己感染新冠肺炎後出現的極端症狀他描述自己不僅頭痛、全身痛、失去嗅覺、味覺更曾咳出大量血液他自嘲量多到就像「捐血」。
新冠病毒蔓延全世界至今全球超過9000萬人染疫超過194萬人病歿。不過仍有許多人抱持懷疑論相信疫情只是政治人物捏造的陰謀拒絕專家的防疫政策與守則。
據愛爾蘭媒體「Dublin Live」報導一名愛爾蘭年輕男子最近就在社群媒體上向這些新冠懷疑論者自白他描述自己是新冠「極端案例」除了失去味覺、嗅覺、頭痛、全身痛、感覺全身缺氧、吸不到空氣外還曾大咳血「就像捐血給需要的人一樣」並且發高燒到將近40度。
Warning - There are pictures included that are not for the faint-hearted as the patient issued an urgent warninghttps://tco/eceapWXrTP
報導還附上一張男子口罩上沾滿血、白色容器內留下大量血跡的驚悚照片。
報導並未透露男子的身份不過引述他的說法指出這是他所經歷的真實他呼籲那些懷疑論者要戴上口罩、勤洗手、並且待在家中。
據美國約翰霍普金斯大學（Johns Hopkins University）全球疫情統計截至12日愛爾蘭一共有超過152萬人確診逾2300人病歿。</t>
  </si>
  <si>
    <t>男子愛爾蘭報導媒體疫情全球超過口罩極端are全身懷疑論者描述the味覺失去</t>
  </si>
  <si>
    <t>愛爾蘭新冠肺炎極端咳血捐血</t>
  </si>
  <si>
    <t>肺炎極端愛爾蘭</t>
  </si>
  <si>
    <t>聯大延續成長通路動能電子</t>
  </si>
  <si>
    <t>大聯大(3702)今(18)日舉辦法人說明會第二季合併營收、稅後淨利持續雙位數成長展望後市大聯大認為產業面臨結構性的轉變全球在疫情衝擊下居家工作、遠端教學等商機會一直到下半年Data Center則因已經在</t>
  </si>
  <si>
    <t>聯大下半年一直機會教學工作data居家衝擊說明會疫情合併法人全球舉辦轉變淨利持續結構性</t>
  </si>
  <si>
    <t>大聯大(3702)今(18)日舉辦法人說明會第二季合併營收、稅後淨利持續雙位數成長展望後市大聯大認為產業面臨結構性的轉變全球在疫情衝擊下居家工作、遠端教學等商機會一直到下半年Data Center則因已經在第二季已經大規模布建後第三季預估落在個位數成長汽車、5G智慧機市場則相對保守整體來說預計大聯大第三季將延續第二季的成長態勢。
展望第三季副總經理林春傑表示大聯大預估維持第二季成長態勢今年起面臨產業結構改變第一季面臨斷鏈、第二季則是在疫情下工作型態的改變但也因為工作型態的改變衍生出許多需求預計該工作型態會變成常態遠端商機會一直到下半年筆電、chromebook等的需求還是很大商機會延續到第四季。
至於在Data Center上面林春傑表示因為全球第二季強勁布建帶動大幅度成長故第三季儘管會成長但是成長幅度不會像往年第三季旺季效應一樣有雙位數成長應該是落在個位數成長。
車用市場因為全球均受到疫情衝擊出現供應鏈斷鏈問題林春傑表示目前看到大陸、美國陸續恢復動能中只是現在車廠還是保守因為市場對消費性支出還是保守故預計車用市場會復甦會比較慢但目前大陸復工較快進度也差不多回到正常水準。
林春傑也談到今年受疫情影響最嚴重的應該是手機估計全年整體市場會掉12%的總量原先預估5G會為智慧型手機市場帶來成長但因為疫情關係導致遞延5G智慧機快速成長應該會跟著基地台的滲透率目前市場還是以4G手機為主明年5G智慧機有機會出現倍數成長。
另外智慧倉儲的佈局一直是大聯大近年來重點目前以服務既有客戶為主主要還是半導體、IC設計業待成熟後才會向外推廣財務長袁興文表示香港智慧倉儲已經在去年年底運行狀況良好費用也都有下降接下來計劃東莞下一步會看客戶需求包括台灣、東南亞、南亞都是瞄準的區域投產時間點會落在2022~2023年看好商機除了原來IC通路本業外傳統直銷也是一塊長期很大的市場。</t>
  </si>
  <si>
    <t>成長市場智慧疫情聯大目前林春傑表示預估需求機會全球位數預計應該工作一直</t>
  </si>
  <si>
    <t>大聯大新冠肺炎5G電子商路數位商務</t>
  </si>
  <si>
    <t>肺炎電子商路聯大數位商務</t>
  </si>
  <si>
    <t>本土女星沒完衛生紙傻眼</t>
  </si>
  <si>
    <t>新冠肺炎疫情升溫民眾不只瘋搶口罩網上又謠傳衛生紙將缺貨造成新一波搶購潮而散佈謠言的網友也陸續遭調查儘管如此這波衛生紙之亂仍沒平息本土劇女星兵家綺就跑了3家店都買不到讓她相當傻眼。兵家綺</t>
  </si>
  <si>
    <t>衛生紙兵家民眾升溫口罩買不到網上謠傳女星本土平息網友陸續散佈謠言搶購潮</t>
  </si>
  <si>
    <t>新冠肺炎疫情升溫民眾不只瘋搶口罩網上又謠傳衛生紙將缺貨造成新一波搶購潮而散佈謠言的網友也陸續遭調查儘管如此這波衛生紙之亂仍沒平息本土劇女星兵家綺就跑了3家店都買不到讓她相當傻眼。
兵家綺透露家裡衛生紙剛好用完出門跑了兩家店都沒買到最後只好到大賣場採買沒想到架上也被搶購一空所幸她還眼尖發現另一區還有稍微貴一點的衛生紙只好先拿再說讓她傻眼直呼：「拜託～請不要聽信謠言大家不要亂搶物資留給真的需要的人用吧！」</t>
  </si>
  <si>
    <t>衛生紙只好謠言傻眼兵家不要物資民眾升溫口罩網上發現眼尖所幸區還謠傳</t>
  </si>
  <si>
    <t>新冠肺炎武漢肺炎新型冠狀病毒NCP衛生紙</t>
  </si>
  <si>
    <t>肺炎武漢冠狀ncp病毒衛生紙</t>
  </si>
  <si>
    <t>民眾生活封城收入長期瑞麗崩潰邊緣雲南</t>
  </si>
  <si>
    <t>中國慈善家雜誌報導9月以來不斷有瑞麗市網友在人民網「地方領導留言板」上反映離瑞難、生活壓力大等問題。10月26日一名自稱是「瑞麗學生」的網友在網上發帖呼籲網友關注瑞麗迅速成為輿論焦點。該網友稱202</t>
  </si>
  <si>
    <t>網友瑞麗以來不斷瑞麗市人民關注留言反映地方生活報導領導壓力學生問題自稱成為輿論迅速</t>
  </si>
  <si>
    <t>中國慈善家雜誌報導9月以來不斷有瑞麗市網友在人民網「地方領導留言板」上反映離瑞難、生活壓力大等問題。
10月26日一名自稱是「瑞麗學生」的網友在網上發帖呼籲網友關注瑞麗迅速成為輿論焦點。該網友稱2021年8月3日瑞麗再次封城直到今天現在的政策是每天只有兩個離瑞名額自己和家人有家不能回這一年沒有任何的收入心理處於崩潰邊緣。
據報導自7月以來不斷有瑞麗市民在一些社交平臺上發聲表示「生活難、離瑞更難」、「填了很多表只領到1斤米」、「生活無著落」、「群眾撥打熱線被暴粗對待」等問題。
一位市民稱從2021年3月底的第一輪疫情到7月的第二輪疫情再到8月3號的再次居家隔離一直沒有工作沒有經濟來源生活困難。長時間多次隔離、長時間不復工復產老百姓沒有生活來源。也有市民表示隔離期間酒店餐費太高對於一年沒有開工的人員來說實難承受。
瑞麗市信訪局稱為最大限度對衝疫情對經濟社會發展的衝擊瑞麗市政府印發了《應對疫情做好「六穩六保」工作的支持政策》從房租減免、資金撥付、金融支持、稅收優惠、民生救助等方面有效減輕企業負擔、保障民生。瑞麗市民政局也印發了《關於進一步做好疫情期間困難群眾基本生活保障工作的通知》對連續三個月無收入來源的按戶給予臨時困難救助、適當放寬低保認定條件等保障。
但瑞麗一家模特兒學校的創始人秋文（化名）表示「這場疫情讓我從富婆變成了負婆。」從2020年9月開始瑞麗的疫情此起彼伏在接連封城的打擊下很多人選擇離開瑞麗秋文的學校生源減少了一大半。一邊要面對學生要求退費的壓力一邊是房租不降反漲。
上述瑞麗政策也沒有給秋文帶來實惠。秋文說「通告上說銀行會減免或延緩個體戶償還商業貸款但銀行那邊沒有任何變化打電話給政府部門答覆說政府只是提出這個倡議而已。」
報導稱瑞麗市委宣傳部負責人否認瑞麗長期「封城」的說法稱不是完全封閉的狀態只是嚴管期老百姓的物資、生活保障都沒有問題。但由於一直有新增病例疫情持續時間太長了大家的日常生活肯定會受到影響難免會有一些情緒。
該負責人稱瑞麗本來就是口岸小城市主要是做邊貿、玉石珠寶生意人口流動比較大。因為疫情原因不允許聚集口岸也處於關閉的狀態大家可能都回老家或轉投到廣州等地繼續做生意了。
瑞麗市一位政府官員表示網上流傳瑞麗已成空城常住人口從50萬降到10萬的說法有些誇張20萬人還是有的。不過長時間受疫情影響有些老百姓的生活確實難過。</t>
  </si>
  <si>
    <t>瑞麗疫情沒有生活瑞麗市保障表示網友政策政府秋文市民問題工作老百姓報導隔離救助影響</t>
  </si>
  <si>
    <t>新冠肺炎大陸瑞麗雲南疫情</t>
  </si>
  <si>
    <t>肺炎瑞麗大陸雲南疫情</t>
  </si>
  <si>
    <t>翁陰家庭白河確診</t>
  </si>
  <si>
    <t>台南今天新增1起本土確診個案白河80多歲的案12584是2日確診的案9885丈夫案12584被匡列隔離後採檢為陰性10日腹瀉到醫院採檢後確診；台南市長黃偉哲說白河家庭群聚感染鏈始於案6443於5月23日從新北三重南下</t>
  </si>
  <si>
    <t>確診白河台南從新始於本土感染個案家庭陰性醫院黃偉哲市長丈夫隔離匡列新增腹瀉</t>
  </si>
  <si>
    <t>台南今天新增1起本土確診個案白河80多歲的案12584是2日確診的案9885丈夫案12584被匡列隔離後採檢為陰性10日腹瀉到醫院採檢後確診；台南市長黃偉哲說白河家庭群聚感染鏈始於案6443於5月23日從新北三重南下訪親友結果1個人造成9個人傳染。
衛生局長許以霖表示今天確診的案12584是原本就匡列在隔離名單中的對象6月2日到10日都在居家隔離所以沒有相關足跡10日因為腹瀉搭防疫計程車到醫院採檢而確診。
白河家庭傳播鏈聯從案6643於5月23日從新北三重到台南拜訪親友結果造成案7318、案7319、案7320祖孫3人27日確診鄰居案8617因為沒戴口罩跟案7318泡茶聊天5月31日確診由於當地鄰裡互動熱絡衛生局擴大採檢匡列該處百餘位住戶篩檢6月1日揪出70多歲鄰居的案9158、9159夫妻檔確診30多歲孫子、案9884也在6月2日確診。
6月3日又找出80多歲女性、案9885跟案9158、案9159也是鄰居因家戶擴大採檢確診。案9885確診後匡列丈夫居家隔離8天後10日也確診匡列3名接觸者都陰性。
黃偉哲說大家可以看到案6643一個人從北部下來傳到白河這邊總共1傳9造成許多醫療資源的消耗及社區恐慌坦白講這就是現在的防疫現況但不管如何我們都必須把防疫做好。</t>
  </si>
  <si>
    <t>確診白河匡列造成隔離台南鄰居防疫陰性黃偉哲擴大家庭從新結果親友今天腹瀉</t>
  </si>
  <si>
    <t>新冠肺炎台灣   確診匡列84</t>
  </si>
  <si>
    <t>確診臺灣肺炎匡列</t>
  </si>
  <si>
    <t>警戒可怕數位控制爆炸疫情</t>
  </si>
  <si>
    <t>「封城與停工的警鐘正在響起。」台大癌醫中心分院副院長王明钜表示苗栗京元電群聚案已有逾140人確診其中有80位是移工新北中和印刷廠也有8位移工染疫「這2個數字才是最可怕」並認為以目前的狀態來說三級</t>
  </si>
  <si>
    <t>響起中心分院院長王明钜表示苗栗京電群數字位移中和可怕警鐘</t>
  </si>
  <si>
    <t>「封城與停工的警鐘正在響起。」台大癌醫中心分院副院長王明钜表示苗栗京元電群聚案已有逾140人確診其中有80位是移工新北中和印刷廠也有8位移工染疫「這2個數字才是最可怕」並認為以目前的狀態來說三級警戒恐已控制不住。
王明钜今（6）日稍早在臉書分析苗栗京元電群聚感染已有逾140人確診全國新冠肺炎確診死亡人數也超過224人死亡率高達2%台灣2400萬人裡到底有多少比例的人口感染新冠肺炎沒人知道「因為我們根本沒有大量篩檢的能力」只能被動地等待患者快篩、篩檢。
王明钜坦言死亡人數變多的確很可怕但最可怕的是京元電群聚已至少有80位移工確診、新北中和印刷廠也有8位移工染疫「這2個數字才是最可怕的」。他認為移工語言不通、身分不易辨識在台灣沒有戶籍親友行蹤無法掌握若是在工廠上工者居住環境大多是大通鋪式的宿舍形成新冠病毒爆炸式感染的最好溫床。
另外移工絕大多數都是年輕人無論指揮中心有再多的規範、管理都不可能禁絕移工和朋友間的接觸再加上長照者需要家庭移工、中小企業需要移工人力數十萬的外籍移工在台灣存活空間非常大。
即便全體國人每天都乖乖在家規律地上班下班但仍然有數十萬很可能已確診的人天天在移動聚在一個大宿舍房間頻繁地與熟識的人接觸。王明钜擔憂地說在這樣的情況下三級警戒的強度夠嗎？「我很悲觀的認為不可能」。
王明钜說單單只靠著保持三級警戒不封城希望能一直撐住讓感染者人數不要瞬間大增「我認為能達成的可能性愈來愈低了」應立即建立超高能量的病毒採檢及PCR能力才有可能開始做好準四級準備。
★《中時新聞網》提醒您：因應新冠肺炎疫情疾管署持續加強疫情監測與邊境管制措施 如有疑似症狀請撥打：1922專線或 0800-001922 並依指示配戴口罩儘速就醫同時主動告知醫師旅遊史及接觸史以利及時診斷及通報。</t>
  </si>
  <si>
    <t>王明钜認為接觸臺灣警戒確診人數感染肺炎可怕沒有可能病毒能力中心</t>
  </si>
  <si>
    <t>三級警戒四級警戒移工京元電王明钜</t>
  </si>
  <si>
    <t>王明钜警戒京元電</t>
  </si>
  <si>
    <t>疫區豬肉可望台將外銷</t>
  </si>
  <si>
    <t>不僅新冠肺炎防疫有成台灣在口蹄疫上近日也傳來好消息農委會副主委黃金城昨天表示世界動物衛生組織（OIE）最快於下週一宣佈我國為口蹄疫的非疫區台灣豬肉將可以外銷了新加坡可望成為第一個輸出國。黃金城</t>
  </si>
  <si>
    <t>臺灣黃金城新加坡有成可望外銷可以表示世界衛生組織昨天動物豬肉oie主委農委會消息快于傳來疫區下週一宣佈我國</t>
  </si>
  <si>
    <t>不僅新冠肺炎防疫有成台灣在口蹄疫上近日也傳來好消息農委會副主委黃金城昨天表示世界動物衛生組織（OIE）最快於下週一宣佈我國為口蹄疫的非疫區台灣豬肉將可以外銷了新加坡可望成為第一個輸出國。
黃金城表示OIE原本要在昨天完成各會員國的通訊問卷只要各國同意台灣就可脫離口蹄疫區但由於OIE臨時更改議程審查俄羅斯的動物疫情因此台灣被列為非疫區還要再等等最快下週一會有答案。
以前臺灣農村幾乎家家戶戶養豬一年光靠豬肉外銷就突破新台幣600億每年約有600萬頭毛豬銷日。1997年口蹄疫爆發後養豬產業一夕腰斬政府撲殺400萬頭豬防疫養頭數也從破千萬降至600萬且不得外銷。
多年前政府便試圖為口蹄疫拔針但最終仍然破功直到2018年7月拔針計畫重啟至2019年6月底國內才首度一整年未爆發口蹄疫取得申請OIE非口蹄疫區的門票農委會也於2019下半年提出申請終於即將成功。
對於豬肉重啟外銷農委會主委陳吉仲日前曾表示新加坡將為首波國產豬外銷地區且最快7月可成行不過黃金城昨表示由於新加坡還要派員來台查場、巡視我國屠宰、檢疫流程等是否確實符合規定但因新冠肺炎影響星國官員暫無法來台因此實際外銷時間勢必將延後。
台灣養豬業還有沒有辦法重返過往榮景？黃金城說現在時空背景不同環保意識也抬頭要再增設養豬場恐怕會有困難但樂見未來解禁後國內養豬戶在現有豬舍內增養目前國內豬隻在養頭數約為550萬因此可預期在口蹄疫拔針後在養頭數有望達650萬但應不會超過此上限。</t>
  </si>
  <si>
    <t>外銷臺灣黃金城oie疫區表示國內養豬頭數新加坡豬肉農委會我國政府</t>
  </si>
  <si>
    <t>外銷黃金城口蹄疫肺炎豬肉</t>
  </si>
  <si>
    <t>肺炎黃金城豬肉外銷</t>
  </si>
  <si>
    <t>賴峰偉法會清明堅持從善如流馬公</t>
  </si>
  <si>
    <t>新冠肺炎疫情延燒為避免群聚感染澎湖縣政府及白沙、西嶼、湖西、七美、望安鄉公所都取消清明聯合法會唯獨馬公市所如期舉辦澎湖縣長賴峰偉17日呼籲馬公市長葉竹林從善如流應取消法會。否則將依傳染病防治法</t>
  </si>
  <si>
    <t>法會取消避免感染疫情從善如流馬公市長葉竹林縣政府呼籲望安鄉公所湖西白沙清明西嶼聯合賴峰偉縣長唯獨</t>
  </si>
  <si>
    <t>新冠肺炎疫情延燒為避免群聚感染澎湖縣政府及白沙、西嶼、湖西、七美、望安鄉公所都取消清明聯合法會唯獨馬公市所如期舉辦澎湖縣長賴峰偉17日呼籲馬公市長葉竹林從善如流應取消法會。否則將依傳染病防治法處6萬元以上30萬元以下罰鍰。對此馬公市公所稍早也做出回應表示「馬公市公所從善如流取消4月3日、4日分別在虎井生命紀念館及懷恩堂生命紀念館舉辦之清明法會與縣府共同防疫」
澎湖縣長賴峰偉表示因應防疫全國各縣市接連取消清明聯合法會以避免群聚感染縣府帶頭取消法會並協調各鄉市公所配合但馬公市公所堅持4月3日、4日分別在虎井生命紀念館及烏崁懷恩堂生命紀念館舉辦法會雖然場地在戶外但因人潮眾多仍有感染風險。澎湖縣府指縣府身為澎湖防疫主管機關有權實施必要的預防措施如果馬公市公所堅持舉辦法會拒絕、規避或妨礙主管機關防疫將依傳染病防治法第67條規定處新臺幣6萬元以上30萬元以下罰鍰。
對此澎湖縣馬公市公所稍早也在臉書發文公佈「馬公市取消清明法會」貼文表示請大家告訴大家馬公市取消清明法會文中也強調「馬公市長葉竹林表示馬公市公所從善如流」取消4月3日、4日分別在虎井生命紀念館及懷恩堂生命紀念館舉辦之清明法會與縣府共同防疫造成鄉親不便敬請見諒也再次提醒鄉親配合防疫管理相關政策勤洗手、戴口罩共同度過新型冠狀病毒肺炎。</t>
  </si>
  <si>
    <t>法會馬公市取消防疫公所清明表示舉辦共同縣府感染配合主管機關避免鄉親馬公從善如流市長堅持聯合紀念館以上</t>
  </si>
  <si>
    <t>澎湖縣賴峰偉清明法會葉竹林馬公</t>
  </si>
  <si>
    <t>清明葉竹林法會賴峰偉澎湖縣馬公</t>
  </si>
  <si>
    <t>透過中國吳釗燮商界邦交國焦點轉移接觸</t>
  </si>
  <si>
    <t>新冠肺炎延燒但大陸對台灣外交打壓仍持續外交部長吳釗燮今天表示最近值得注意的是中國外交部長與教廷外交部長見面並透過商界與我國邦交國接觸不過我國各邦交國目前還是處於穩定狀況。立法院外交及國防委員</t>
  </si>
  <si>
    <t>外交部長外交邦交國我國大陸狀況臺灣處於穩定值得注意表示今天持續吳釗燮目前商界透過見面教廷中國最近肺炎法院</t>
  </si>
  <si>
    <t>新冠肺炎延燒但大陸對台灣外交打壓仍持續外交部長吳釗燮今天表示最近值得注意的是中國外交部長與教廷外交部長見面並透過商界與我國邦交國接觸不過我國各邦交國目前還是處於穩定狀況。
立法院外交及國防委員會今天邀吳釗燮報告業務狀況並備質詢吳釗燮表示雖然中國仍一再阻撓台灣的國際參與但國際社會對台灣的支持力道比以前更多更強。
他說新冠肺炎疫情不斷升高中國不認真進行防疫工作反而不斷阻撓台灣參與世界衛生組織將台灣排除在全球防疫體系之外甚至主導世界衛生組織將台灣錯列在中國下麵
雖然中國對台灣打壓越來越強但到現在我國採取的踏實外交政策仍取得許多重要進展特別是我們和美、日、歐等理念相近國家的關係都有很大的提升。
民進黨立委羅致政詢問吳釗燮中國在面對疫情的同時是否透過打壓台灣來轉移焦點？我國與邦交國目前的邦交關係情況如何？
吳釗燮表示最近我們看到比較值得注意的就是中國的外交部長跟教廷的外交部長見面這是我們必須去關注的項目其他國家目前尚未有什麼樣的變化。
不過他說教廷在與中國見面事前曾讓我們知道也告訴我方這個會面有兩個主題一是針對新冠疫情教廷保持關心。二是針對之前雙方簽訂的教務協議雙方討論執行狀況至於我方與梵蒂岡的關係還是穩定目前沒有看出來有任何讓我們擔心的狀況。
在邦交國部分吳釗燮也表示中國在外交方面對我邦交國一向都是非常的積極與這些友邦國家的接觸最近也出現跟以前不太一樣的做法包括透過商界等等但目前我與邦交國的邦誼還是穩定的狀況。</t>
  </si>
  <si>
    <t>中國臺灣吳釗燮邦交國目前狀況國家關係表示我國外交教廷透過疫情最近外交部長防疫穩定見面不斷以前</t>
  </si>
  <si>
    <t>新冠肺炎CONID-19武漢肺炎新型冠狀病毒大陸</t>
  </si>
  <si>
    <t>武漢肺炎conid-病毒冠狀大陸</t>
  </si>
  <si>
    <t>肺炎疫情面臨醫務人員前線危機</t>
  </si>
  <si>
    <t>在這次新冠肺炎疫情中由於醫療資源嚴重短缺加上初期疫情不透明讓大陸抗疫前線的醫療人員暴露在高度風險中外媒估計大陸醫療人員感染新冠肺炎數量恐達數千人將成為疫情防控新的危機。《中央社》報導說武</t>
  </si>
  <si>
    <t>疫情醫療大陸人員肺炎中央危機防控成為數量初期加上不透明短缺資源前線暴露高度</t>
  </si>
  <si>
    <t>醫療感染大陸醫務人員人員醫院資料疫情染病發生武漢市表示確診武漢肺炎公佈可能隔離報導指定當局媒體衛生</t>
  </si>
  <si>
    <t>新冠肺炎武漢肺炎新型冠狀病毒NCP醫務人員</t>
  </si>
  <si>
    <t>肺炎武漢冠狀ncp病毒醫務人員</t>
  </si>
  <si>
    <t>醫院確診新光功臣</t>
  </si>
  <si>
    <t>台帛邦交歷經21載帛琉至今能夠維持零確診的傲人防疫成績除早在疫情剛開始爆發就下達鎖國令外台灣派駐當地的新光醫院醫療團隊更是居功厥偉可說是協助帛琉防疫的無名英雄。新光醫院上周在「2020醫療科技展」完</t>
  </si>
  <si>
    <t>防疫醫院新光醫療爆發下達開始鎖國至今疫情成績傲人臺灣能夠確診派駐維持當地團隊協助無名英雄更是居功厥偉</t>
  </si>
  <si>
    <t>台帛邦交歷經21載帛琉至今能夠維持零確診的傲人防疫成績除早在疫情剛開始爆發就下達鎖國令外台灣派駐當地的新光醫院醫療團隊更是居功厥偉可說是協助帛琉防疫的無名英雄。
新光醫院上周在「2020醫療科技展」完整揭露今年協助帛琉執行防疫任務的成果新光感染科主任黃建賢指出新光醫院早在2007年就與帛琉國家醫院締結為姊妹醫院2008年更與帛琉衛生部簽訂台灣醫療合作備忘錄為長期提供醫療協助打下良好基礎。今年3月初帛琉出現首例新冠肺炎疑似感染者但當時帛琉欠缺採檢人才新光醫院特地用視訊方式指導當地醫護採檢要點以及運送檢體的方法最後透過空運方式將檢體送至新光醫院進行檢驗排除可疑個案。
隨國際疫情逐漸升溫外交部請求新光在帛琉設置病毒檢驗實驗室並提供當地足夠的新冠肺炎防疫資源當時新光醫院準備總重量高達540公斤的防疫物資包含RT-PCR試劑、紅外線檢測儀、呼吸機等。除硬體物資援助外黃建賢指出最重要的是將檢測技術、器材操作等技術傳承給帛琉當地醫護還在當地舉辦多場示範教學指導當地醫護如何萃取病毒RNA、組裝呼吸器管路等。
目前帛琉與台灣定期航班全面停飛每月僅有約9個醫療包機直航新光醫院目前也收治約48名帛琉病患治療新光醫院副院長洪子仁曾透露目前的航班完全無法應付當地急重症需要治療的病患期盼台帛之間能持續洽談旅遊泡泡的可能讓台帛間的交流能更加緊密。</t>
  </si>
  <si>
    <t>新光醫院當地防疫醫療目前臺灣醫護協助物資疫情檢測航班方式病毒檢驗指出提供當時黃建賢</t>
  </si>
  <si>
    <t>帛琉肺炎技術物資協助</t>
  </si>
  <si>
    <t>技術肺炎物資協助</t>
  </si>
  <si>
    <t>再起躁動解析難為盤中</t>
  </si>
  <si>
    <t>指數震盪拉回四大下挫反彈似乎今日最低跌勢賞光擴大跌幅隨即預期成交量優於預估</t>
  </si>
  <si>
    <t>跌幅震盪市場今日目前蘋果預期盤中季財報基本可望疫情指數衝擊附近減少</t>
  </si>
  <si>
    <t>台股盤中美股大立光鴻海</t>
  </si>
  <si>
    <t>內勤中標員工券商確診首家</t>
  </si>
  <si>
    <t>金融業染疫消息頻傳！群益金鼎證券總公司證實一名內勤人員於16日傍晚通報新冠肺炎（COVID-19）篩檢陽性惟該名員工並未接觸外部客戶目前當晚同辦公室人員已全數通知留在家中自主健康管理且下週一除必要人員</t>
  </si>
  <si>
    <t>人員金鼎證券總公司自主證實健康內勤人員家中傍晚留在消息通報通知全數肺炎covid-陽性員工並未</t>
  </si>
  <si>
    <t>金融業染疫消息頻傳！群益金鼎證券總公司證實一名內勤人員於16日傍晚通報新冠肺炎（COVID-19）篩檢陽性惟該名員工並未接觸外部客戶目前當晚同辦公室人員已全數通知留在家中自主健康管理且下週一除必要人員外採居家上班模式並陸續進行核酸檢測中。
群益表示已於16日接獲消息當晚安排專業消毒廠商執行該大樓群益所屬各樓層的清潔消毒工作並完成作業。目前已依衛生主管機關指示進行相關處置且通報證券主管機關公司也將持續關懷該員工並提供協助。
此外所有分公司目前均不開放現場客戶減低人際接觸以保障客戶及公司員工安全合作廠商之各種會議也以視訊會議代替。在嚴密防疫措施下群益全數分公司皆照常營業。</t>
  </si>
  <si>
    <t>目前員工客戶進行通報證券消毒消息廠商全數當晚公司分公司主管機關接觸會議必要員外下週一管理健康居家自主上班</t>
  </si>
  <si>
    <t>群益證新冠肺炎台灣群益陽性</t>
  </si>
  <si>
    <t>臺灣肺炎陽性</t>
  </si>
  <si>
    <t>疫苗富商男友喊話酒店王國吳佩慈歇業</t>
  </si>
  <si>
    <t>42歲吳佩慈當年以「九頭身怪怪美少女」出道在唱片、戲劇、電影和作家等領域都交出不錯的成績單但她2014年未婚懷了跟富商男友紀曉波的孩子便離開演藝圈。近日她才接力大S談疫苗想不到男友的酒店王國傳出受疫</t>
  </si>
  <si>
    <t>男友唱片戲劇酒店電影作家領域想不到交出疫苗不錯少女成績單接力未婚近日演藝圈富商離開紀曉波孩子</t>
  </si>
  <si>
    <t>42歲吳佩慈當年以「九頭身怪怪美少女」出道在唱片、戲劇、電影和作家等領域都交出不錯的成績單但她2014年未婚懷了跟富商男友紀曉波的孩子便離開演藝圈。近日她才接力大S談疫苗想不到男友的酒店王國傳出受疫情影響業績去年虧損高達101億新台幣只能先暫停營業。
吳佩慈和富商男友紀曉波情牽7年陸續生下2子2女即便沒有婚姻關係仍備受寵愛2007年被週刊披露紀曉波大手筆在吳佩慈名下存入約200億新台幣加上房產與股票吳佩慈的個人總資產推估至少有232億新台幣她過去也在社群網站分享豪門生活吃盡各式昂貴的美食、買遍要價不斐的名貴包包、服飾等令外界稱羨不已。
不過紀曉波近幾年頻傳財務危機2020年被友人向港媒踢爆欠1億港幣（約35億新台幣）今（14日）又被《鏡週刊》揭發酒店王國已搖搖欲墜因疫情重挫觀光業旗下博華太平洋公司在去年宣佈慘賠367億美元（約新台幣101億元）今年因付不出新台幣4億2千萬元執照費用4月被取消營業執照。
事實上全球新冠肺炎肆虐影響到的不只是經濟層面人類的生命安全也備受挑戰疫苗成為各國瘋搶的救命物眼看好朋友大S在IG激動發文：「我們被集體屠殺了！蔡！屠殺我們」吳佩慈跟著在IG發聲：「希望我年邁的父母親能早日打上國際認可的疫苗！希望大家都能有想打就可以打到疫苗的自由！」期盼人人能受到疫苗的保護。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苗台幣紀曉波吳佩慈男友備受去年週刊影響ig務必希望富商肺炎疫情</t>
  </si>
  <si>
    <t>吳佩慈紀曉波疫苗新冠肺炎台灣</t>
  </si>
  <si>
    <t>疫苗肺炎紀曉波吳佩慈臺灣</t>
  </si>
  <si>
    <t>嗅覺失靈接受檢測</t>
  </si>
  <si>
    <t>阪神虎追求復活之路的投手藤浪晉太郎出現疑似新冠肺炎症狀阪神26日宣佈他有嗅覺失靈狀況雖沒有其他感冒症狀不過仍進行新冠肺炎的PCR檢測(聚合酶連鎖反應)原定今日與軟銀的二軍賽事也將取消這也是日職首位</t>
  </si>
  <si>
    <t>肺炎症狀阪神投手今日原定連鎖反應晉太郎出現聚合檢測嗅覺取消失靈pcr狀況沒有</t>
  </si>
  <si>
    <t>阪神虎追求復活之路的投手藤浪晉太郎出現疑似新冠肺炎症狀阪神26日宣佈他有嗅覺失靈狀況雖沒有其他感冒症狀不過仍進行新冠肺炎的PCR檢測(聚合酶連鎖反應)原定今日與軟銀的二軍賽事也將取消這也是日職首位宣佈接受肺炎檢測的選手。
根據球團聲明藤浪數天前出現新冠肺炎疑似症狀之一的「嗅覺失靈」24日至醫院耳鼻科就診25日再到另一間醫院診斷並在醫生的建議下接受PCR檢測是否新冠肺炎導致。
藤浪表示他並沒有發燒、咳嗽等感冒症狀也沒有疲勞感球團將追蹤藤浪3月11日至25日兩周內的行動與接觸人並發出通知目前有數名選手表示也有類似「味覺障礙」的症狀選手及職員暫先被告知待在家27日在甲子園的練習則尚未宣佈是否正常進行。
「嗅覺或味覺失靈」雖然尚未被確定是新冠肺炎症狀之一不過各國都出現喪失嗅覺和味覺的病患NBA確診球星戈貝爾曾在23日於推特上表示「失去嗅覺與味覺肯定是症狀之一過去4天我聞不到任何東西。」</t>
  </si>
  <si>
    <t>症狀嗅覺肺炎味覺選手表示宣佈失靈檢測沒有出現是否接受尚未醫院進行pcr感冒</t>
  </si>
  <si>
    <t>嗅覺味覺新冠肺炎武漢肺炎藤浪晉太郎</t>
  </si>
  <si>
    <t>肺炎武漢味覺晉太郎嗅覺</t>
  </si>
  <si>
    <t>共同局長同步蒞臨表揚表決民防新莊</t>
  </si>
  <si>
    <t>新北市新莊警分局昨（29）日下午辦理新莊民防中隊幹部常年訓練由警察局長黃宗仁親自主持副局長溫枝發、民防大隊長吳建亨及分局長林溫柔出席參與。此次訓練除了表揚9位110年民防績優暨熱心服務幹部之外局長黃</t>
  </si>
  <si>
    <t>民防訓練幹部局長新莊分局下午辦理服務中隊溫柔分局長吳建亨大隊長溫枝發出席參與熱心常年警察局長黃宗仁表揚主持親自之外</t>
  </si>
  <si>
    <t>新北市新莊警分局昨（29）日下午辦理新莊民防中隊幹部常年訓練由警察局長黃宗仁親自主持副局長溫枝發、民防大隊長吳建亨及分局長林溫柔出席參與。此次訓練除了表揚9位110年民防績優暨熱心服務幹部之外局長黃宗仁更於視訊中勉勵及感謝全體民防人員的無私奉獻。
黃宗仁表示新北警歷經非洲豬瘟、新冠肺炎等重大事件仍依舊堅忍不懈地維護治安發揮堅強的團隊精神克服種種危機與難關；惟詐騙集團利用疫情期間人心浮動的機會伺機而動從統計數字可以看出今年度的詐騙案件較往年成長。局長強調此種危害社會、騙取人民辛苦血汗錢的惡質行為相當可惡必定提升打擊詐騙集團強度守護人民的生命財產安全。
黃宗仁表示犯罪手法瞬息萬變防制犯罪也得時刻更新。如今的治安工作「決戰在空中」利用網路無遠弗屆的特性來傳達反詐騙及各項治安宣導訊息全民共同防制才能達到事半功倍的成效。
新莊警分局表示這次課程針對協勤專業知識、協勤技能及災害防救工作因應疫情關係室內集會人數受限故利用視訊設備打破地域限制讓各所的民防隊員仍能同步受訓。相當感謝新莊民力平日協助員警執行各項勤務長期默默付出於社會替地方治安貢獻一己之心強化社區治安執行力未來將持續與各民力合作。</t>
  </si>
  <si>
    <t>民防詐騙治安黃宗仁新莊利用局長表示執行疫情相當人民感謝防制集團訓練分局民力幹部犯罪新北未來災害地方</t>
  </si>
  <si>
    <t>黃宗仁民防新莊視訊績優</t>
  </si>
  <si>
    <t>新莊民防黃宗仁</t>
  </si>
  <si>
    <t>大陸疫苗才能考慮接種入列完整</t>
  </si>
  <si>
    <t>兩劑接種完整檢疫至少入境返台未來重點至於高風險今年國家疫苗有望入境者先前陳時中指揮官指揮公佈中心</t>
  </si>
  <si>
    <t>疫苗檢疫接種入境旅館包含沒有莊人祥說明增加居家是否未來春節證明配合至少表示公佈先前有關</t>
  </si>
  <si>
    <t>莊人祥入境7+7疫苗台灣</t>
  </si>
  <si>
    <t>莊人祥入境臺灣疫苗</t>
  </si>
  <si>
    <t>開始買進公司etffed</t>
  </si>
  <si>
    <t>紐約聯邦準備銀行表示聯準會（Fed）自週二（12）起開始買進公司債ETF以協助支撐受新冠肺炎打擊的美國經濟與金融市場。這項措施對Fed堪稱是一大歷史里程碑因為它在過去從未有購買ETF的舉動。Fed將透過次級市場</t>
  </si>
  <si>
    <t>fedetf表示准會週二舉動肺炎打擊里程碑公司開始購買從未支撐美國經濟協助金融市場銀行措施過去堪稱一大</t>
  </si>
  <si>
    <t>fedetf購買公司經濟美國債券買進表示融資計畫方式信貸金融市場公債先前市場機制投資管理推出措施規模協助</t>
  </si>
  <si>
    <t>企業信貸購買ETF肺炎融資買進</t>
  </si>
  <si>
    <t>購買etf肺炎融資信貸買進企業</t>
  </si>
  <si>
    <t>病毒突破動物實驗疫苗國衛院</t>
  </si>
  <si>
    <t>我國自主研發新冠肺炎疫苗再度出現曙光！國衛院今天發布的最新研究結果指出已找到一株候選疫苗讓施打該疫苗的倉鼠能夠有效抑制新冠病毒的複製肺臟病毒量降為原本的1%發揮非常好的保護效果。預計今年第四季</t>
  </si>
  <si>
    <t>疫苗病毒保護非常發揮原本降為效果研究最新發佈肺炎指出今天結果國衛院曙光能夠出現抑制有效再度預計肺臟</t>
  </si>
  <si>
    <t>我國自主研發新冠肺炎疫苗再度出現曙光！國衛院今天發布的最新研究結果指出已找到一株候選疫苗讓施打該疫苗的倉鼠能夠有效抑制新冠病毒的複製肺臟病毒量降為原本的1%發揮非常好的保護效果。預計今年第四季將展開第一期臨床試驗若順利明年第三、第四季第三期臨床試驗通過後2021年底就可量產上市。
國家衛生研究院的最新研究結果顯示沒有接受DNA候選疫苗免疫的倉鼠體重明顯減輕活動力跟著下降肺臟也有很高的病毒量。施打DNA疫苗的倉鼠再去感染新冠病毒時倉鼠不僅體重與活動力沒有受到明顯影響更重要的是肺臟病毒量亦大幅下降降為原本的1%顯示倉鼠在施打疫苗之後疫苗產生的保護效果令人驚艷。
目前全世界針對新冠病毒疫苗開發共有四個技術平臺分別為勝肽疫苗、DNA疫苗、重組病毒疫苗、次單位元疫苗國衛院這次所找到的候選疫苗株則是DNA疫苗是所有平臺中可誘發中和性抗體效價最高的疫苗同時更具快速量產的優勢。
國衛院在今年7月前分別針對勝肽疫苗、重組病毒疫苗及次單位元疫苗進行研究但在32個標的中並未發現中和抗體效價夠高的疫苗7月後國衛院將研究主力導向DNA疫苗終於在6個標的中找到一株候選疫苗能有效對倉鼠產生保護力。
國衛院感疫所所長廖經倫表示這次疫苗的發現是透過擷取新冠病毒棘蛋白S2基因的方式來植入倉鼠肌肉細胞內不僅能成功製造抗棘蛋白抗體阻擋病毒進入細胞內增生同時還能有效避免病毒變異。
廖經倫說目前發現新冠病毒的變異都是發生在棘蛋白S1的基因上S2基因則未發現先前國衛院與國防醫學院合作從SARS抗體庫中曾幸運找到一個單株抗體能攻克整個新冠病毒家族就是建立在S2基因的基礎但今天發表的這款疫苗是否也能對新冠病毒家族同樣有效？還需經進一步的實驗證實。
實驗過程中研究人員分別針對有施打疫苗的倉鼠以及未施打疫苗的倉鼠注射10⁵的病毒量發現打疫苗的倉鼠病毒量只會上升到106未施打的則產生108的病毒量兩者差距100倍且未施打的倉鼠體重會下滑10％活動力也明顯下降但有施打的倉鼠則未有明顯改變。
安全性方面廖經倫指出施打DNA疫苗後的免疫小鼠能誘發分泌高量的Th1細胞激素根據WHO先前的報告指出誘發Th1細胞激素越高量顯示疫苗安全性越高可佐證這款疫苗的安全性。</t>
  </si>
  <si>
    <t>疫苗病毒倉鼠抗體研究dna發現國衛院施打細胞有效明顯誘發保護指出廖經倫基因肺臟分別</t>
  </si>
  <si>
    <t>國衛院研發疫苗第四季瓶頸第4季</t>
  </si>
  <si>
    <t>四季疫苗瓶頸研發國衛院</t>
  </si>
  <si>
    <t>歧視宇威恥笑防疫口罩人才傻瓜華人</t>
  </si>
  <si>
    <t>胡宇威演出的陸劇《我在北京等你》正在愛奇藝台灣站熱播受新冠肺炎疫情影響該劇上檔時取消大陸宣傳行程他10日現身接受台灣媒體訪問見到記者各個都戴口罩讓認真防疫的他數度笑說「我也滿想戴口罩」原本他</t>
  </si>
  <si>
    <t>臺灣口罩熱播肺炎疫情影響北京取消大陸宣傳行程數度現身接受防疫</t>
  </si>
  <si>
    <t>胡宇威演出的陸劇《我在北京等你》正在愛奇藝台灣站熱播受新冠肺炎疫情影響該劇上檔時取消大陸宣傳行程他10日現身接受台灣媒體訪問見到記者各個都戴口罩讓認真防疫的他數度笑說「我也滿想戴口罩」原本他還希望可以不出門、用手機「視訊」受訪。他近來除了盡量不出門還加強健身、增強體魄甚至也準備了不少玉米片、泡麵等乾糧但他笑著自曝乾糧買回家後還會用酒精噴一遍被取笑「果然有點神經質」他則否認：「沒有啦！如果我帶著病毒傳染給旁邊的人不是更嚴重嗎？」
許久沒公開露面的他頂著因當紅韓劇《梨泰院》男主角朴敘俊而爆紅的「栗子頭」現身他笑說理短髮只是為合符合自己現在的狀態想要Man一點、壯一點因現在疫情關係不少工作取消他多了很多時間可以好好運動、加強健身。此外大多待在家裡打電動、煮飯盡量不外出也減少外面用餐偶爾叫外送但覺得外送食物可能也有點風險所以還是在家自己煮飯居多。
胡宇威不諱言工作多少有受到疫情影響新戲有暫延也有正在談的有工作邀約時他會考量是否會在密閉空間原本三月底要去日本拍廣告幸好後來已經取消「嚇死了廠商不取消我自己會取消。寧願不要接因為命比較重要」。
他力誇台灣防疫做得非常好已經是全世界都認可他也曾去排隊買口罩「我雙號我是拿居留證去買」慶幸自己運氣好經過排隊人龍時就心想晚一點再去結果排在最後沒有排很久就買到了就連買酒精也是很幸運。之前臺灣人盲目跟著香港人搶衛生紙時他發現家裡剛好沒了就去大賣場跟著買了兩條「買回來才發現買這麼多衛生紙要幹嘛？搶乾糧才是正確這比較實在吧！」
被虧防疫防到有點神經質的他笑著否認覺得自己還不至於到緊張程度反而是國外現在都在亂搶東西才是有點over他說之前爸媽要從台灣回紐約他送他們去機場第一次發現機場除了工作人員以外都沒有什麼人有點末日的感覺。父母飛回紐約時原本當地才確診一、兩例最近那一區確診人數已經暴增所以連外國人都開始戴起口罩「之前華人、亞洲人戴口罩還被罵、被取笑其實笑他們的人才是傻瓜吧！」他的父母現在已經多半不太出門頂多在自家前院、後院走動。
他與陳庭妮緋聞傳了7年多卻始終沒有公開認愛被問是否也會和曾之喬、辰亦儒一樣交往10年都不認最後直接宣佈結婚？他傻笑說：「很難說也是驚喜不是嗎？」被問現在交往對象還是同一人嗎？他又裝傻：「你是說誰？你不知道？我也不知道是誰！」個性頑皮、一向喜歡製造各種驚喜與驚嚇的他承認自己將來如果要求婚會走「滿逼人」的公開驚喜路線以前想過要找人在街道上快閃跳舞但要花一筆錢也不知道哪裡找這麼多人覺得看球賽時公開求婚也不錯但萬一被拒絕會很丟臉「不過就算被打鎗 也是一種Surprise！」</t>
  </si>
  <si>
    <t>臺灣現在口罩公開已經沒有取消有點原本驚喜之前防疫</t>
  </si>
  <si>
    <t>胡宇威我在北京等你 新冠肺炎武漢肺炎新冠狀病毒</t>
  </si>
  <si>
    <t>肺炎北京武漢胡宇威病毒</t>
  </si>
  <si>
    <t>文化野味sars專家病毒重返</t>
  </si>
  <si>
    <t>香港大學兩位知名微生物與染病學者龍振邦與袁國勇在港媒撰文指出武漢華南海鮮市場是全世界野生動物進入大陸的集散地事發之後當地進行清理新冠病毒始於何地已無從稽考。網傳病毒源自美國之說毫無實證只能貽笑</t>
  </si>
  <si>
    <t>病毒學者毫無振邦美國袁國勇源自撰文指出武漢華南染病海鮮市場全世界始於野生動物進入大陸集散地事發之後</t>
  </si>
  <si>
    <t>香港大學兩位知名微生物與染病學者龍振邦與袁國勇在港媒撰文指出武漢華南海鮮市場是全世界野生動物進入大陸的集散地事發之後當地進行清理新冠病毒始於何地已無從稽考。網傳病毒源自美國之說毫無實證只能貽笑大方。SARS發生之後17年後已完全忘記教訓野味市場更加倡狂這重濫捕野生動物的劣質文化若不徹底剷除10年後SARS 30必定再現。
同在香港大學任教的李嘉誠醫學院助理教授龍振邦與李嘉誠醫學院霍英東基金教授袁國勇都是知名傳染病學者兩人18日聯手在香港《明報》撰文指出世衛由2015年開始避免用人名、地名、動物、食物、文化、職業等為疾病命名故此次以「年份」為此病冠名COVID-19以資識別。科學研討或學術交流必須用官方名字COVID-19且由於它屬SARS冠狀病毒的姐妹故亦稱SARS冠狀病毒20（SARS-CoV-2）。民間日常溝通用語以武漢冠狀病毒或武漢肺炎稱之通俗易明亦無不可。
文章指出約75%之新發傳染病源於野生動物能感染哺乳類動物的冠狀病毒其元祖病毒（ancestral virus）則源於蝙蝠或雀鳥。此二者皆能從數千公里外飛抵發現病毒之處因此病毒命名系統亦會以發現處記之。可惜研究人員抵達蒐證取樣本時武漢華南海鮮批發市場早被清場場內活野味早已不知所終病毒之天然宿主（natural host）及中間宿主（intermediate host）身分成疑。據當地人員表示該批發市場內之野生動物從中國大陸各地、東南亞各國及非洲（走私出口）運抵此處集散使得冠狀病毒之元祖病毒源於何地無從稽考。
文章表示以基因排序之法尋源發現蝙蝠乃武漢冠狀病毒之天然宿主再於中間宿主體內出現適應人體之突變繼而出現人傳人感染。中間宿主雖未能確認但研究認為穿山甲可能性較高這與果子狸身上尋得SARS冠狀病毒的情況類似。但是大陸雖明令禁止野生動物交易但17年來野味市場禁而不絕甚至更趨倡狂顯見大陸已完全忘記SARS教訓。
兩位學者還指出網上瘋傳病毒源自美國其實毫無實證屬自欺欺人之說應勿再亂傳以免貽笑大方。SARS之後未雷厲風行關閉野味市場乃大錯必須面對真相不應諉過於人。新冠病毒乃中國人劣質文化之產物為滿足各種欲望而繼續食野味陋習劣根性才是病毒之源。如此態度不改10多年後SARS 30必定再出現。</t>
  </si>
  <si>
    <t>病毒sars野味野生動物指出大陸武漢市場文化宿主冠狀學者之後發現源於covid-必須中間研究人員袁國勇</t>
  </si>
  <si>
    <t>新冠肺炎武漢肺炎新冠病毒COVID-19大陸</t>
  </si>
  <si>
    <t>病毒covid-肺炎武漢大陸</t>
  </si>
  <si>
    <t>防疫學生加強確診全校宜蘭停課</t>
  </si>
  <si>
    <t>新一波的新冠肺炎疫情已在蠢蠢欲動但台灣仍處於疫苗嚴重不足的危險處境中宜蘭縣目前第一劑疫苗的接種率已接近一半縣府表示9日起已開始發送第二劑疫苗的注射通知對像是在7月2日以前完成第一劑AZ疫苗接種年</t>
  </si>
  <si>
    <t>疫苗接種疫情蠢蠢欲動臺灣嚴重不足危險處於處境宜蘭肺炎目前以前物件通知接近開始注射發送表示縣府</t>
  </si>
  <si>
    <t>新一波的新冠肺炎疫情已在蠢蠢欲動但台灣仍處於疫苗嚴重不足的危險處境中宜蘭縣目前第一劑疫苗的接種率已接近一半縣府表示9日起已開始發送第二劑疫苗的注射通知對像是在7月2日以前完成第一劑AZ疫苗接種年滿75歲以上的民眾。
根據統計累計到本月8日宜蘭縣疫苗接種全年齡涵蓋率為494％如以年齡層區分75歲以上為741％、65至74歲為778％完成第一劑疫苗接種的比例最高50至64歲為633％、30至49歲54％、18至29歲則是325％。
縣府在10日的防疫會議中表示9日起已開始發送第二劑疫苗施打通知單對像是在7月2日前完成第一劑AZ疫苗接種且年滿75歲以上的民眾長照機構及洗腎機構則是從9月15日起由各院所規畫到指定機構施打；已接種完第一劑的員警、消防、環保、村裡鄰長及村裡幹事則自行至疫苗預約平臺預約至於65歲以下的縣民同樣請透過預約平臺進行意願登記待中央發簡訊通知可以施打第二劑時再進行預約施打。
受到新一波疫情的影響縣長林姿妙也在防疫會議中指示為了保障縣民及學生健康只要學校有「1位學生確診便啟動全校停課14天」的嚴格防疫措施。
中秋節將至林姿妙也再次提醒說宜蘭縣不開放公共場所、社團及社區的烤肉活動但民眾自行在家烤肉則不在限制之列不過參與的對象仍須以同住家人為原則並且落實防疫相關規定同時請民眾配合暫時避免不必要的跨縣市移動。</t>
  </si>
  <si>
    <t>疫苗防疫接種民眾施打預約宜蘭對象機構縣民通知以上進行平臺疫情完成會議</t>
  </si>
  <si>
    <t>新冠肺炎台灣宜蘭縣確診疫苗接種</t>
  </si>
  <si>
    <t>宜蘭臺灣肺炎確診疫苗接種</t>
  </si>
  <si>
    <t>李秉比較高端誰小孩需要</t>
  </si>
  <si>
    <t>聯亞疫苗昨天二期解盲有專家表示聯亞疫苗的抗體效價比高端疫苗低。對此中央流行疫情指揮中心專家諮詢小組委員、台大兒童醫院感染科醫師李秉穎今天表示疫苗的保護力不是只有看抗體而已大家也不需要去比較這</t>
  </si>
  <si>
    <t>疫苗專家表示抗體台大兒童醫院感染委員小組中心指揮對此疫情中央保護醫師李秉穎今天流行</t>
  </si>
  <si>
    <t>疫苗抗體表示比較保護效價對此專家李秉穎究竟高端和台大兒童小組委員</t>
  </si>
  <si>
    <t>國產疫苗新冠肺炎高端聯亞台灣</t>
  </si>
  <si>
    <t>高端肺炎臺灣疫苗</t>
  </si>
  <si>
    <t>臺灣柯文哲話網昨天入侵病毒delta印度預言</t>
  </si>
  <si>
    <t>屏東爆發群聚感染指揮中心指揮官陳時中證實群聚感染源的自秘魯返台祖孫驗出印度Delta變異株引發軒然大波由於臺北市長柯文哲昨(24日)才表示「Delta遲早會進來」也讓網友熱議直呼柯文哲又「成功預言」、「</t>
  </si>
  <si>
    <t>delta柯文哲感染指揮證實網友秘魯返台進來祖孫遲早印度變異表示引發軒然大波</t>
  </si>
  <si>
    <t>屏東爆發群聚感染指揮中心指揮官陳時中證實群聚感染源的自秘魯返台祖孫驗出印度Delta變異株引發軒然大波由於臺北市長柯文哲昨(24日)才表示「Delta遲早會進來」也讓網友熱議直呼柯文哲又「成功預言」、「烏鴉嘴」。
印度Delta變種病毒取代英國Alpha變異株成為世界各國頭號敵人柯文哲昨天接受廣播節目線上專訪時就直言Delta變異株遲早會進入台灣。柯說該病毒傳染力超強就連美國都檔不住除非台灣完全沒有國外旅客但這是不可能的事。
柯文哲當時指出新冠病毒不斷在演化只會越來越難纏傳染力也不斷提升往後大家只能學習與病毒共存別再幻想病毒完全消失的世界他補充只要疫苗打2劑基本上都擋得住相較於17年前的SARS情況要好上不少。至於台灣死亡率高於平均值不少他認為是因為還有許多黑數沒被抓出。
屏東群聚案中傳播鏈源頭的自秘魯返台祖孫一度被懷疑是感染Lambda變種病毒但指揮中心今天證實為Delta變異株由於柯文哲昨天才說過Delta變異株遲早會入侵台灣沒想到今天就發生引起PTT鄉民熱烈討論：「又被柯P說中了」、「柯文哲又神預言」、「果然是先知」、「阿北就是講話太老實才會成為箭靶」、「側翼這次不知道會怎麼把Delta跟雙北連上」、「根本烏鴉嘴」。</t>
  </si>
  <si>
    <t>病毒柯文哲delta臺灣變異感染遲早完全世界成為今天傳染印度變種預言秘魯返台</t>
  </si>
  <si>
    <t>Delta變異株柯文哲預言印度變種病毒台灣</t>
  </si>
  <si>
    <t>預言印度變種柯文哲變異病毒delta臺灣</t>
  </si>
  <si>
    <t>加碼紓困公佈</t>
  </si>
  <si>
    <t>行政院長蘇貞昌23日召集各部會盤點新冠肺炎紓困經費加碼400億元部分將包含延緩繳稅、融資貸款以及勞工薪資補助等項目行政院預估本周內就會對外公佈內容。行政院發言人Kolas Yotaka指出為因應新冠肺炎對經</t>
  </si>
  <si>
    <t>行政院肺炎盤點延緩包含繳稅融資貸款部分加碼勞工紓困經費薪資補助專案發言人預估kolasyotaka指出內容公佈</t>
  </si>
  <si>
    <t>行政院長蘇貞昌23日召集各部會盤點新冠肺炎紓困經費加碼400億元部分將包含延緩繳稅、融資貸款以及勞工薪資補助等項目行政院預估本周內就會對外公佈內容。
行政院發言人Kolas Yotaka指出為因應新冠肺炎對經濟、航空、旅宿產業的衝擊總統蔡英文已指示政府要用1000億億元紓困振興除了特別預算600億元之外再以400億元預算擴大紓困23日經濟部、財政部、金管會、央行、交通部等相關部會向蘇揆報告盤點進度。
蘇揆23日聽取後指示加快、加速推出相關方案必須兼顧周延由各部會再清楚盤點統計數字與預算盡快擇日再議拍板後盡速對外宣佈。
目前400億元加碼紓困內容包括延緩繳稅、融資貸款、勞工薪資補助等項目。據悉400億元加碼將在這兩做最後彙整、討論不必經由行政院會通過即可宣佈實施。</t>
  </si>
  <si>
    <t>紓困行政院盤點加碼預算相關指示內容肺炎宣佈項目蘇揆補助繳稅延緩薪資融資貸款勞工蔡英文總統衝擊產業政府</t>
  </si>
  <si>
    <t>延緩繳稅各部會肺炎盤點加碼</t>
  </si>
  <si>
    <t>肺炎盤點繳稅加碼延緩</t>
  </si>
  <si>
    <t>破百應用侯友宜發病個案確診新北趨勢</t>
  </si>
  <si>
    <t>新北分析確診發病指標落後認為應該要用疫情破百個案個數市長侯友宜比較指出侯說資料開始</t>
  </si>
  <si>
    <t>新北侯友宜確診慢慢往下掉板橋分析目前指出發病個案指標落後加強趨勢防疫認為地點上成長</t>
  </si>
  <si>
    <t>新冠肺炎台灣侯友宜發病日新北市</t>
  </si>
  <si>
    <t>侯友宜發病臺灣肺炎新北</t>
  </si>
  <si>
    <t>徐國勇停辦請示蘇揆尚未定案</t>
  </si>
  <si>
    <t>大甲媽遶境外界質疑會引發新冠肺炎群聚感染效應內政部長徐國勇上午表示此事關係重大他會向行政院長蘇貞昌請示目前未定案。內政部也會持續與宗教團體溝通也希望宗教團體依照疾管署管制規定來做。新冠肺炎</t>
  </si>
  <si>
    <t>宗教團體肺炎質疑引發管署管制徐國勇內政部長規定效應上午表示關係重大感染行政院長蘇貞昌請示內政未定目前外界</t>
  </si>
  <si>
    <t>大甲媽遶境外界質疑會引發新冠肺炎群聚感染效應內政部長徐國勇上午表示此事關係重大他會向行政院長蘇貞昌請示目前未定案。內政部也會持續與宗教團體溝通也希望宗教團體依照疾管署管制規定來做。
新冠肺炎疫情持續發展大甲媽姐遶境卻將在3月19日起駕外界關切屆時疫情難料萬一產生群聚感染將一發不可收拾。
徐國勇今被問到相關問題時說疾管署有相關管制規定也就是公眾集會因應指引內政部也會持續跟宗教團體溝通相關問題他會向蘇揆報告目前停辦與否還未定案。
大甲媽遶境新冠肺炎內政部徐國勇蘇貞昌行政院</t>
  </si>
  <si>
    <t>徐國勇肺炎相關內政持續疫情問題外界感染規定未定管制蘇貞昌目前管署宗教團體溝通表示</t>
  </si>
  <si>
    <t>徐國勇大甲媽新冠肺炎內政部肺炎</t>
  </si>
  <si>
    <t>肺炎徐國勇內政</t>
  </si>
  <si>
    <t>發表notegalaxy實體發表會三星</t>
  </si>
  <si>
    <t>自 2019 年底爆發的新冠肺炎(COVID-19)疫情在全球各地持續對各行業造成衝擊。今年初巧妙閃過疫情而舉辦 Galaxy S20 系列實體發表會的三星(Samsung)在下半年的運氣沒這麼好恐怕將僅以線上實行來發表 Galaxy Not</t>
  </si>
  <si>
    <t>疫情galaxy肺炎covid-實行全球恐怕持續運氣下半年samsung行業三星發表會衝擊造成今年初實體巧妙閃過舉辦</t>
  </si>
  <si>
    <t>自 2019 年底爆發的新冠肺炎(COVID-19)疫情在全球各地持續對各行業造成衝擊。今年初巧妙閃過疫情而舉辦 Galaxy S20 系列實體發表會的三星(Samsung)在下半年的運氣沒這麼好恐怕將僅以線上實行來發表 Galaxy Note 20 系列是 Galaxy 手機 UNPACKED 發表會舉行以來首次。
《GAM Arena》引述《韓國先驅報》(The Korea Herald)的報導指出由於新冠肺炎疫情影響三星不由得順應時勢已決定 Galaxy Note 20 系列的發表會將僅以線上方式舉行。對照近期科技產業的發表會來說並不足為奇。但卻是三星首次僅以線上形式舉辦旗艦級手機發表會仍舊是相對罕見的情況。
要留意的是目前三星尚未正式公佈下半年 UNPACKED 發表會的日期與形式仍須以三星最終公佈的資訊為主。
與上半年 Galaxy UNPACKED 發表會類似的是三星 Galaxy Note 20 系列預計將與至少一款可折疊螢幕手機(很有可能是 Galaxy Fold 2)同台發表。前者預計推出 Galaxy Note 20 與 Galaxy Note 20+ 兩款高階款式可望支援 120Hz 螢幕更新率並搭載 108MP(1億8百萬畫素)相機但移除 Galaxy S20 Ultra 當中具備的 100 倍變焦功能。Galaxy Fold 2 則預計螢幕設計將有所改變螢幕(對機身)占比會比第一代更出色也有機會更便宜(做為參考第一代售價為1980美元)。由於台灣有引進 Galaxy Fold 以及 Galaxy Z Flip 這兩款可折疊螢幕手機且都獲得不少市場回響今年下半年也相當有機會能買到 Galaxy Fold 2。</t>
  </si>
  <si>
    <t>galaxy三星發表會手機疫情foldnote下半年unpacked預計肺炎舉行機會公佈舉辦形式折疊</t>
  </si>
  <si>
    <t>三星GalaxyNote 20Fold 2發表會</t>
  </si>
  <si>
    <t>note發表會galaxy三星fold</t>
  </si>
  <si>
    <t>曝光揮文韓國</t>
  </si>
  <si>
    <t>高雄市長韓國瑜近期全力防新冠肺炎疫情擴散、努力抑制逐漸升溫的溫度所引起的登革熱但近期雜誌公佈民調卻墊底也讓名嘴陳揮文大感不滿。直言他就問大家一句話就好「民調那麼高高雄之前一樣淹大水綠營執政那</t>
  </si>
  <si>
    <t>高雄全力之前肺炎疫情擴散努力抑制逐漸升溫不滿溫度陳揮文引起登革熱大水近期</t>
  </si>
  <si>
    <t>高雄市長韓國瑜近期全力防新冠肺炎疫情擴散、努力抑制逐漸升溫的溫度所引起的登革熱但近期雜誌公佈民調卻墊底也讓名嘴陳揮文大感不滿。直言他就問大家一句話就好「民調那麼高高雄之前一樣淹大水綠營執政那段時間生活有比較好嗎？」。
據《遠見》雜誌本月公佈的民調顯示新北市長侯友宜此次防疫滿意度高達883%台南市長黃偉哲則有821%的滿意度其次為桃園市長鄭文燦766%、台中市長盧秀燕的626%、臺北市長柯文哲的473%、高雄市長韓國瑜的371%。
陳揮文說自韓國瑜2018年12月25日當上高雄市長後至今才一年多高雄今天會爛成這個樣子是韓國瑜害的？綠營過去主政高雄二三十年韓只有一年多的是要他能做出什麼傲人建設？他是要負什麼責任？
他解釋自己很早在2006年就已經跟韓國瑜說了各項民調都不用去信「陳菊過去在高雄民調好不好？賴清德在台南民調好不好？」各種民調都好得不得了但他要問台南、高雄人「你們那段時間過的好不好？」。
陳揮文強調「民調再高台南一樣淹水患高雄一樣有登革熱疫情韓國瑜既然登革熱壓制得還不錯那還讓民進黨回高雄？這真的好嗎？他認為高雄過去的舉債高居全國第一即便韓國瑜再怎麼補救也補不回這些錢坑路洞」。
他也替台南市長黃偉哲抱不平稱他這幾天頻頻喊「景點APP」將台南劃入太多對於黃市長口頭呼籲中央卻不太受理睬陳坦言地方縣市首長的權限其實有限能處理的的不多。
對於罷韓團體開嗆一定要讓韓國瑜下臺陳揮文卻點名3人表示「不管下一任高雄市長是誰？副院長陳其邁、立委趙天麟甚至是尹立他都無所謂了這是高雄人共同的選擇共同要去承擔他不想再管了」。</t>
  </si>
  <si>
    <t>市長高雄韓國瑜台南過去登革熱對於疫情時間陳揮文</t>
  </si>
  <si>
    <t>陳揮文民調韓國瑜高雄台南</t>
  </si>
  <si>
    <t>韓國高雄台南陳揮文</t>
  </si>
  <si>
    <t>發片徵婚歌手大馬認識</t>
  </si>
  <si>
    <t>32歲大馬歌手傅健穎為創作專輯《一半太陽一半月亮》首度來台宣傳26日出席媒體見面會她談到出道12年終於有機會來台發片卻遇上新冠肺炎疫情全球肆虐日前入境時有特別被檢查「海關有檢查我的護照詢問我有沒</t>
  </si>
  <si>
    <t>檢查專輯太陽月亮首度來台入境時有出席日前媒體肆虐創作全球見面會疫情肺炎談到出道遇上新終於發片機會海關</t>
  </si>
  <si>
    <t>32歲大馬歌手傅健穎為創作專輯《一半太陽一半月亮》首度來台宣傳26日出席媒體見面會她談到出道12年終於有機會來台發片卻遇上新冠肺炎疫情全球肆虐日前入境時有特別被檢查「海關有檢查我的護照詢問我有沒有去過中港澳也有跟我留下了手機的聯絡號碼。」
傅健穎說自己跟台灣頗有淵源學生時期就曾來台環島自助旅行2年前還來過台灣參加創作營寫下不少歌曲更促成這次來台發片的契機「以前的我沒有準備好當時也沒有那個機會這次發片有向一些歌手請益。」
談及好友潘嘉麗自爆婚訊閃婚成了台灣媳單身又適婚的傅健穎也被工作人員鼓吹可考慮嫁來台灣她笑回：「可以啊！如果有這個姻緣首先要先來發片讓大家認識我可以找到對象也不錯。」
更多 CTWANT 報導</t>
  </si>
  <si>
    <t>臺灣發片傅健穎沒有創作可以機會歌手檢查入境日前肆虐全球出席時有疫情媒體首度來台肺炎月亮見面會曾來台</t>
  </si>
  <si>
    <t>傅健穎歌手大馬新冠肺炎全球</t>
  </si>
  <si>
    <t>大馬歌手肺炎傅健全球</t>
  </si>
  <si>
    <t>匡列接觸就醫結果北上中醫出爐</t>
  </si>
  <si>
    <t>台中市17日新增1例本土確診案15492為北區62歲男性醫師6月23日因個人健康因素赴北部某醫院住院治療然而同樓層病房6月29日開始出現COVID-19確診病例當日即辦理出院返回台中沒被通知隔離15日出現症狀確診</t>
  </si>
  <si>
    <t>確診出現台中北部出院返回因素本土健康醫院個人住院治療醫師辦理通知當日樓層病例病房男性隔離開始</t>
  </si>
  <si>
    <t>台中市17日新增1例本土確診案15492為北區62歲男性醫師6月23日因個人健康因素赴北部某醫院住院治療然而同樓層病房6月29日開始出現COVID-19確診病例當日即辦理出院返回台中沒被通知隔離15日出現症狀確診目前住院隔離治療中衛生局長曾梓展說已匡列22名接觸者其中19人陰性、3人尚待結果個案足跡史也已清消。
曾梓展表示染疫醫師5月1日因個人健康因素即無至任職醫院上班曾於2月10日、5月10日、6月22日採檢PCR陰性6月23日赴北部某醫院住院治療但同樓層病房6月29日至7月1日陸續出現確診病例因此該院6月29日逐步清空病房個案也於6月29日出院返回台中7月9日開始出現症狀7月16日因發燒、意識不清緊急由119送至醫院急診經檢驗陽性確診目前住院隔離治療中。
曾梓展指出由於這名個案當時未被匡列居家隔離7月14日曾至花旗銀行中港分行。此案已匡列22名接觸者其中5名列居家隔離包含同住3名、其他2名採檢均為陰性；另17名列自主健康管理包含119消防員2名、台中市醫院接觸者11名、其他4名其中14人採檢陰性、3人尚待結果。</t>
  </si>
  <si>
    <t>醫院隔離確診個案台中出現健康陰性匡列接觸病房包含名列居家病例出院開始返回醫師</t>
  </si>
  <si>
    <t>新冠肺炎台灣匡列接觸者醫師</t>
  </si>
  <si>
    <t>匡列臺灣接觸肺炎醫師</t>
  </si>
  <si>
    <t>期間隔離官員慘遭槍決</t>
  </si>
  <si>
    <t>新冠肺炎疫情在亞洲蔓延北韓宣稱該國沒有任何確診案例。而據南韓《東亞日報》報導一名近日從大陸回國貿易官員在遭隔離期間趴趴走偷偷前往大眾澡堂違反隔離規定結果慘遭槍決處死。《東亞日報》指出這名</t>
  </si>
  <si>
    <t>隔離東亞日報亞洲蔓延宣稱沒有疫情確診案例大眾澡堂南韓槍決違反官員規定貿易結果報導近日大陸慘遭偷偷肺炎</t>
  </si>
  <si>
    <t>新冠肺炎疫情在亞洲蔓延北韓宣稱該國沒有任何確診案例。而據南韓《東亞日報》報導一名近日從大陸回國貿易官員在遭隔離期間趴趴走偷偷前往大眾澡堂違反隔離規定結果慘遭槍決處死。
《東亞日報》指出這名官員本月初違反隔離命令偷偷跑去大衆澡堂當場被抓包而他被捕後不久就遭處死。
該報報導另一位北韓國家安全保衛部的高階官員也因為隱瞞前往大陸的旅遊史而遭受處分但他並未遭極刑而是被降職且流放到農地。
北韓為防堵新冠肺炎疫情很早就封閉了與大陸的邊界也下令曾前往大陸或與大陸民眾接觸者必須接受隔離並把隔離時間從世衛組織建議的14天延長到30天。最高領導人金正恩曾誓言未獲允許擅自解除隔離者不惜動用軍法處置。</t>
  </si>
  <si>
    <t>隔離大陸官員前往報導處死東亞日報澡堂大眾違反疫情偷偷肺炎解除誓言最高領導人擅自金正恩延長</t>
  </si>
  <si>
    <t>隔離北韓新冠肺炎</t>
  </si>
  <si>
    <t>隔離肺炎</t>
  </si>
  <si>
    <t>賴士葆疫苗防疫入侵預算病毒delta</t>
  </si>
  <si>
    <t>Delta病毒入侵台灣社區不少民眾擔憂再度大爆發。藍委賴士葆今天痛批立院編列8400億防疫振興紓困特別預算但疫苗至今仍然短缺行政官員卻沒想到對不起納稅人血汗錢更遑論讓後代子孫背負沉重的債務要求指揮</t>
  </si>
  <si>
    <t>社區背負民眾子孫後代擔憂再度爆發藍委賴士葆血汗錢今天納稅人對不起沉重臺灣立院想到防疫官員</t>
  </si>
  <si>
    <t>Delta病毒入侵台灣社區不少民眾擔憂再度大爆發。藍委賴士葆今天痛批立院編列8400億防疫振興紓困特別預算但疫苗至今仍然短缺行政官員卻沒想到對不起納稅人血汗錢更遑論讓後代子孫背負沉重的債務要求指揮官陳時中不要再講「疫苗太多」又說「打第二劑是不可能的任務」這種肖話了。
賴士葆表示立院先前已編列8400億防疫振興紓困預算立法院即將開議心中卻是無比的沉痛想到通過那麼多的錢有用在刀口上嗎？發五倍券有比買疫苗重要嗎？為什麼買疫苗最重要的錢不多編列都是優先編列次要的？
賴士葆質問為什麼防疫最關鍵核心的救命物資疫苗仍然短缺？行政官員有沒有想過真的對不起納稅人的血汗錢更遑論讓後代子孫背負沉重的債務。
他說蔡政府自行採購的國際疫苗到貨量比國際捐贈的還要少綠營過去把採購疫苗不力推給中國大陸如今民間團體採購BNT疫苗到貨已戳破這樣的藉口；蔡政府最認真使力的就是呵護高端疫苗用國家機器介入科學試驗用政治力去揠苗助長強迫民眾接受整個政策就是錯誤。
他指出以色列已開始打第3劑疫苗、美國9月也開始在打第3劑、英國9月底將為50萬免疫功能低下的民眾打第3劑。病毒變異株肆虐更多的疫苗覆蓋率以及多次的施打用以增加防護力已經是不可避免的趨勢。
他批評民間企業先前提議向BNT爭取為明年為台灣保留3千萬劑BNT疫苗居然被蔡政府嫌太多若行政院編列預算要加買3千萬劑BNT疫苗他雙手贊成萬一有更多的疫苗也可以捐給友邦國家不是一舉兩得嗎？拜託陳時中不要再講「疫苗太多」又說「打第二劑是不可能的任務」這種「肖話」了。</t>
  </si>
  <si>
    <t>疫苗bnt民眾賴士葆採購政府預算想到防疫先前臺灣官員到貨</t>
  </si>
  <si>
    <t>新冠肺炎台灣疫苗賴士葆編列</t>
  </si>
  <si>
    <t>臺灣疫苗賴士葆肺炎</t>
  </si>
  <si>
    <t>陽性康復者肺炎並非感染</t>
  </si>
  <si>
    <t>世界衛生組織（WHO）週三告訴法新社已宣佈康復的新冠病毒患者後來又被測試為該病毒陽性並非是復發或是再感染應該是身體仍在排出死亡的肺部細胞所致。科學警報(Science Alert)報導新冠病毒相當難纏最令</t>
  </si>
  <si>
    <t>病毒法新社相當宣佈康復身體死亡並非肺部陽性細胞科學告訴警報science報導alert應該感染復發</t>
  </si>
  <si>
    <t>世界衛生組織（WHO）週三告訴法新社已宣佈康復的新冠病毒患者後來又被測試為該病毒陽性並非是復發或是再感染應該是身體仍在排出死亡的肺部細胞所致。
科學警報(Science Alert)報導新冠病毒相當難纏最令各界頭痛的問題是康復者的「復陽性」問題韓國衛生官員在4月份報告100多例類似現象隨後同樣的報導也在各國傳出這引起了人們的關注即康復的患者可能會被再次感染或者成為持續帶原者。
現在傳出較好的消息世衛組織研究人員表示：「根據我們目前所知道的康復者的復陽性是恢復階段的一部分這些患者正在從肺部排出殘留的物質不是真的又遭感染或是帶原。」
研究表明感染了新的冠狀病毒的人在感染或症狀發作後約一周後人體就會開始積累抗體一切順利的話就會逐步擊退病毒直到康復。
然而目前尚不清楚人體是否能系統地建立起足夠的免疫力來抵禦病毒的新攻擊我們也不知道獲得抗體後的免疫能持續多長時間。
世界衛生組織傳染病流行病學家瑪麗亞·範·科霍夫（Maria Van Kerhove）認為康復者所出現的復陽性是肺部癒合的過程。她說：「隨著肺部的癒合肺部的某些部分會出現死細胞這些死細胞會帶有呈陽性的病毒碎片這些是死掉的病毒不具傳染性因此這個過程實際上是走向完全恢復過程的一部分。」
但是我們仍不知新冠病毒康復者是否有終生免疫力事實上每一種病毒疾病情況都不同感染麻疹病毒的人可以終生免疫這是我們都樂見的；但是SARS冠狀病毒的康復者免疫力就只有持續數月至數年而流行感冒就更糟康復後的免疫時間大概只有幾星期。</t>
  </si>
  <si>
    <t>病毒感染康復陽性康復者肺部持續免疫患者免疫力過程傳出報導目前知道研究人體細胞是否</t>
  </si>
  <si>
    <t>康復者復陽性新冠病毒肺部</t>
  </si>
  <si>
    <t>陽性病毒肺部康復者</t>
  </si>
  <si>
    <t>裡長台下獲獎年輕雙溪</t>
  </si>
  <si>
    <t>裡長們辛苦了！新北市政府13日於新莊舉行「109年特優裡長及績優民政人員表揚大會」表揚特優裡長、民政人員新北市長侯友宜親自致贈獎牌其中最高齡裡長為81歲雙溪區新基裡李添貴表示裡內民風純樸他把每位裡民</t>
  </si>
  <si>
    <t>裡長新北人員民政表示基裡雙溪高齡獎牌市政府親自致贈侯友宜新莊市長舉行民風純樸辛苦表揚</t>
  </si>
  <si>
    <t>裡長們辛苦了！新北市政府13日於新莊舉行「109年特優裡長及績優民政人員表揚大會」表揚特優裡長、民政人員新北市長侯友宜親自致贈獎牌其中最高齡裡長為81歲雙溪區新基裡李添貴表示裡內民風純樸他把每位裡民的事當作自己的事只要還有體力他就會持續為民服務。
侯友宜13日出席頒獎表示全新北共有1032位裡長每一位裡長不僅是市府溝通的橋樑也是市政推動的重要力量尤其今年新冠肺炎疫情嚴峻裡長們加重業務配合公所執行居家檢疫作業、發送居家防疫關懷包及裡鄰防疫宣導等是市府最堅實的夥伴。
侯友宜頒獎給最高齡獲獎裡長李添貴時相當訝異李添貴絲毫不見老態在場裡長得知他已81歲也都非常驚訝李添貴在臺上透漏保養技巧他說雙溪空氣好沒什麼污染平日他注重環境整潔將打掃視為生活習慣飲食清淡外也要維持運動習慣就可常保青春。
李添貴說46年前他裡內的裡長因故過世他之後參加補選擔任裡長3年後未再出選裡長而此屆裡長選舉他抱著仍想為民服務的心情當選強力爭取重新鋪路保護裡內安全他也重視環境衛生另外也常帶裡民參加生態研習強化社區認同。
此外最年輕獲獎裡長是31歲的三峽區安溪裡王曼甄說她25歲就當選裡長目前已連任2屆她說其實年輕、資深裡長沒有太多差別而她最注重裡內獨居長者安全與健康常常到訪和關懷長者希望給長者社區愛的感覺讓裡民擁有更好的生活環境。</t>
  </si>
  <si>
    <t>裡長裡民侯友宜環境當選注重雙溪參加社區關懷長者年輕安全新北表示</t>
  </si>
  <si>
    <t>裡長年輕環境裡民新北</t>
  </si>
  <si>
    <t>裡民環境新北年輕裡長</t>
  </si>
  <si>
    <t>盧秀燕檢疫肯定查獲防疫居家立即人員</t>
  </si>
  <si>
    <t>針對昨日台中首度傳出居家檢疫者趴趴走事件台中市長盧秀燕今天強調台中市必須居家檢疫者約2千位她很感謝居家檢疫的市民配合政府防疫政策中市府也允諾針對防疫一定做到滴水不漏。針對昨天發生的首例盧強</t>
  </si>
  <si>
    <t>居家檢疫台中防疫滴水不漏做到一定允諾政策昨天政府配合市民必須市府發生市長盧秀燕今天事件強調傳出感謝首例</t>
  </si>
  <si>
    <t>針對昨日台中首度傳出居家檢疫者趴趴走事件台中市長盧秀燕今天強調台中市必須居家檢疫者約2千位她很感謝居家檢疫的市民配合政府防疫政策中市府也允諾針對防疫一定做到滴水不漏。針對昨天發生的首例盧強調一定會妥善處理此外中市太平裡幹事認真負責第一時間發現林姓居家檢疫者趴趴走警方、衛生所等人防疫人員迅速蒐證、到場處置市府都會好好表揚。
台中市太平區30歲林姓男子本月9日入境需配合居家檢疫14天到24日才期滿但該民眾昨天近中午外出1小時20分警方獲報到場確認林姓男子不在家。林姓男子返家後雖表示他只是出去一下子但台中市衛生局確認林姓男子是台中市首例違反居家檢疫個案將依傳染病防治法開罰。市府表示中市太平裡幹事已經一再提醒告誡轄區受居家檢疫對象在期間不得外出但林姓市民仍不理會裡幹事立即通報民政系統、轄管警察局前往會同查訪並通知衛生局到場處置。
台中市府表示太平派出所由副所長帶班前往會同查訪確認林姓市民不在家經現場電話聯繫林姓市民並全程錄影音蒐證及通知衛生所護理長到場處置林姓市民隨後在昨天中午12時37分返家雖然林姓市民健康狀況良好無發燒相關症狀但已經違反防疫規定。
因應新冠肺炎中央流行疫情指揮中心公佈自2月6日起自中港澳入境旅客須居家檢疫14天期間均由民政體系每天關懷一次並不得外出違反居家檢疫者依傳染病防治法第58條規定處1至15萬元罰鍰；與確診個案有接觸者須居家隔離14天期間由衛生單位每天關懷2次且不得外出運用智慧科技針對居家檢疫及居家隔離者進行定位違反居家隔離者依同法第48條規定處六到卅萬元罰鍰。
更多 CTWANT 報導</t>
  </si>
  <si>
    <t>居家林姓檢疫市民台中防疫外出違反市府昨天規定里幹事表示處置到場太平確認男子期間已經民政隔離蒐證</t>
  </si>
  <si>
    <t>盧秀燕新冠肺炎武漢肺炎新型冠狀病毒NCP</t>
  </si>
  <si>
    <t>武漢肺炎冠狀病毒盧秀燕ncp</t>
  </si>
  <si>
    <t>mosfet需求雙攀疫情導體</t>
  </si>
  <si>
    <t>MOSFET(金屬氧化物半導體場效電晶體)市場在疫情催化下呈現供給緊張也帶動傑力(5299)9月營收在月增、年增上都超越2成且在歐美疫情尚未得到明顯控制下傑力後續表現依舊可期。傑力9月營收197億元月增加2236</t>
  </si>
  <si>
    <t>疫情電晶體市場催化半導體超越呈現歐美增上收在尚未帶動供給緊張得到控制明顯氧化物可期金屬後續</t>
  </si>
  <si>
    <t>MOSFET(金屬氧化物半導體場效電晶體)市場在疫情催化下呈現供給緊張也帶動傑力(5299)9月營收在月增、年增上都超越2成且在歐美疫情尚未得到明顯控制下傑力後續表現依舊可期。
傑力9月營收197億元月增加2236%、年增率21%單月業績創歷史新高；累計1~9月營收合計14億元較去年同期增加93%同創歷史同期新高記錄。
歐美國家疫情持續發酵使得居家辦公、遠端教學的需求預計將一路旺到年底這也使得MOSFET在去年拉貨力道漸緩後隨著今年第二季起NB、PC需求量大增整體市場又回到供需緊張以今年起疫情一路延燒到今NB為成長最具爆發力的產業之一加上全球5大NB廠皆為傑力客戶也使得傑力營運一路走升以目前疫情控制狀況來看NB需求將一路延伸到第四季甚至是明年初對傑力營運動能將提供明顯助益。
除疫情帶來的NB商機外傑力也持續擴大商用NB市場其在商用NB的市占率也穩定提升由於商用市場產品的毛利率較高此也有利於傑力長線的獲利表現。</t>
  </si>
  <si>
    <t>疫情nb市場使得今年緊張新高控制明顯持續歷史需求營運增加mosfet表現產業加上爆發力</t>
  </si>
  <si>
    <t>傑力MOSFET金屬氧化物半導體場效電晶體PCNB</t>
  </si>
  <si>
    <t>氧化物半導體金屬電晶體mosfetpcnb</t>
  </si>
  <si>
    <t>大型活動總統帶頭防疫喊停</t>
  </si>
  <si>
    <t>為避免大型活動造成新冠肺炎防治破口總統蔡英文帶頭宣佈今年520就職活動暫停籌辦工作保持最大彈性因應疫情變化。另衛福部26日宣佈即日起醫院探病限兩位、陪病限一位並要求134家醫院擴大設置新冠肺炎專責病房</t>
  </si>
  <si>
    <t>宣佈醫院肺炎設置防治擴大保持工作彈性籌辦因應即日起暫停疫情活動變化就職總統帶頭蔡英文今年衛福部要求</t>
  </si>
  <si>
    <t>為避免大型活動造成新冠肺炎防治破口總統蔡英文帶頭宣佈今年520就職活動暫停籌辦工作保持最大彈性因應疫情變化。另衛福部26日宣佈即日起醫院探病限兩位、陪病限一位並要求134家醫院擴大設置新冠肺炎專責病房以防止院內感染。
近期因大甲媽祖遶境等大型宗教活動將陸續登場內政部勸導主辦單位提出延期備案。蔡英文26日宣示只要疫情仍有疑慮520就職將不會舉辦大型群眾活動保持最大彈性因應疫情變化。
對於大甲媽祖遶境鎮瀾宮宣佈取消「起駕宴、媽祖之光演唱會及祝壽大典」三大慶典並捐出3千萬元給中央幫助防疫遶境則縮小規模舉辦且宣示若中央要求停辦將會遵守。
中央疫情指揮官陳時中雖未明確要求停辦但強調當前疫情非常不利於大型活動短期內趨緩可能性非常低呼籲「別讓媽祖憂心」。
此外指揮中心26日宣佈國內新增一位確診總數達32例是第27例確診老翁的非法外籍看護正調查其活動史。另考量伊朗新冠肺炎病例數、死亡數快速增加即日起提升伊朗的旅遊疫情建議至「第二級警示」。
鑒於日韓接連發生院內感染衛福部醫事司長石崇良宣佈即日起對進出醫院三類族群加強管理包括一病人進出醫院包括門診、急診或住院須有分流動線；二所有訪客須依規定時段探病每位住院者限兩位訪客陪病員（包含看護）僅限一名；三、所有醫療機構委託外部承攬業者含清潔、廢棄物清理、保全、衣被服租賃與洗滌、商場、傳送、機電、膳食製作與供餐等由專門動線進出人員、旅遊史、體溫須造冊管理。
至於隔離病床石崇良解釋隔離病房過去設有上限但現在解禁要求134家傳染病指定隔離醫院一周內擴大設置專責病房負責收治新冠肺炎疑似個案。
此外雙北市也接連宣佈畢旅、校外教學緩辦。</t>
  </si>
  <si>
    <t>宣佈疫情活動媽祖醫院肺炎要求即日起中央看護接連隔離石崇良旅遊蔡英文伊朗就職</t>
  </si>
  <si>
    <t>肺炎大甲媽祖遶境彈性因應疫情帶頭</t>
  </si>
  <si>
    <t>彈性因應疫情媽祖帶頭肺炎</t>
  </si>
  <si>
    <t>羅致擴大全市預防幼稚園新北停課</t>
  </si>
  <si>
    <t>新北幼兒園群聚感染事件擴大防疫民進黨新北市立委羅致政今表示服務處電話不斷家長很焦慮新北幼兒園事件已經是社區感染不要説要再等中央的病毒DNA定序結果全市預防性停課幾天。羅致政今在臉書發文「不</t>
  </si>
  <si>
    <t>新北羅致感染事件幼稚園dna病毒中央結果全市預防不要停課社區電話服務處家長表示</t>
  </si>
  <si>
    <t>新北幼兒園群聚感染事件擴大防疫民進黨新北市立委羅致政今表示服務處電話不斷家長很焦慮新北幼兒園事件已經是社區感染不要説要再等中央的病毒DNA定序結果全市預防性停課幾天。
羅致政今在臉書發文「不懂！要不要全市或板橋全面停課跟病毒是不是Delta有什麼關係？」
他說新北幼兒園事件已經是社區感染不要説要再等中央的病毒DNA定序結果全市預防性停課幾天就算結果不是Delta那就稍微鬆口氣若萬一最後證明是Delta幾天的停課也降低了危機擴大的風險。
他表示這兩天服務處電話不斷家長跟市民的焦慮新北市府要聽得見。</t>
  </si>
  <si>
    <t>新北停課delta病毒擴大全市事件羅致感染幼稚園結果焦慮表示電話服務處家長預防已經稍微證明</t>
  </si>
  <si>
    <t>新北幼兒園停課擴大羅致政新冠肺炎</t>
  </si>
  <si>
    <t>羅致擴大停課幼稚園肺炎新北</t>
  </si>
  <si>
    <t>時間崩潰人生進入發燒az打完炸裂</t>
  </si>
  <si>
    <t>國內今獲得COVAX分配41萬劑AZ疫苗加上波蘭贈送的40萬劑又有約80萬劑AZ疫苗可打對於打完AZ後多久會出現發燒等副作用再度在PTT引起熱烈討論有網友驚呼沒想到鄉民說得這麼準果然時間一到就進入「人生搖滾</t>
  </si>
  <si>
    <t>az疫苗時間果然分配鄉民想到驚呼加上進入網友討論有約熱烈引起ptt再度副作用打完發燒出現covax</t>
  </si>
  <si>
    <t>國內今獲得COVAX分配41萬劑AZ疫苗加上波蘭贈送的40萬劑又有約80萬劑AZ疫苗可打對於打完AZ後多久會出現發燒等副作用再度在PTT引起熱烈討論有網友驚呼沒想到鄉民說得這麼準果然時間一到就進入「人生搖滾區」頭痛炸裂。
中央流行疫情指揮中心今(5)日表示COVAX分配的第三批AZ疫苗41萬劑今下午運抵桃園國際機場此外波蘭捐贈的40萬劑AZ疫苗今上午也順利抵達至於會如何分配？指揮中心指揮官陳時中表示確定納入第八輪公費疫苗接種將優先提供給第二劑施打。
接連2批AZ抵台AZ副作用也再度備受關注一名剛打完AZ疫苗的網友昨(4)日在《PTT》表示打完疫苗的前12小時還得意洋洋覺得沒事並狂打電動沒想到第12小時、剛好淩晨3點時想去床上躺才發現不得了開始進入「人生搖滾區」整晚睡不著驚呼「鄉民也太準了吧！真的是12小時」。
原PO指出打完疫苗30小時還是感到全身痠痛、發燒到38度、頭痛炸裂、沒胃口他累積已經吃了4顆止痛藥結果症狀還是一樣沒想到AZ第一劑這麼猛詢問大家該如何處置？
貼文一出引起熱議網友紛紛回應「我也是12小時開始超準時的」、「全身酸痛、頭痛、發燒症狀斷斷續續」、「我也是很準時12小開始燒！！8小時體溫上升」、「真的是12小時好冷」、「8-12小時後勁就是在你放鬆想休息的時候來」。
不少網友都說12小時時間一到就開始出現不適也有些人是打完8小時就開始發燒但症狀到12小時候最明顯副作用幾乎都是發燒、頭痛、全身肌肉或關節疼痛；還有網友嚇到忍不住問「這麼準時？我快12小時了…抖」。</t>
  </si>
  <si>
    <t>小時az疫苗網友開始打完發燒頭痛症狀副作用分配準時表示全身引起驚呼炸裂想到出現ptt</t>
  </si>
  <si>
    <t>AZ波蘭波蘭贈疫苗副作用發燒</t>
  </si>
  <si>
    <t>波蘭疫苗發燒副作用az</t>
  </si>
  <si>
    <t>應該高端暫停接種施打</t>
  </si>
  <si>
    <t>高端疫苗23日開打桃園與新北各出現1人在打完疫苗隔天猝逝死因是否與疫苗有關係仍待釐清不過醫師蘇偉碩認為高端應該要暫停施打因為如果將高端開打當作是三期試驗開打隔天就有2個人猝逝那麼在證明死因</t>
  </si>
  <si>
    <t>疫苗高端死因應該認為蘇偉碩醫師關係新北桃園是否打完出現暫停施打當作試驗</t>
  </si>
  <si>
    <t>高端疫苗23日開打桃園與新北各出現1人在打完疫苗隔天猝逝死因是否與疫苗有關係仍待釐清不過醫師蘇偉碩認為高端應該要暫停施打因為如果將高端開打當作是三期試驗開打隔天就有2個人猝逝那麼在證明死因與疫苗無關之前主管單位仍要繼續進行試驗？還是應該先停打直到釐清死因為止？
蘇偉碩昨在臉書發文表示一個藥物或疫苗上市前必須經過第一、二和三期的臨床人體試驗就是要在有規劃的試驗條件下觀察藥物或疫苗是否會對人體產生危害並驗證在小規模試驗中發現的療效在大規模的試驗中是否仍舊會穩定的出現。
蘇偉碩指出人體試驗的參加者的條件都是經過挑選的開發新藥的藥廠為了證明藥物或疫苗的安全性一定會確保參加試驗的受試者不會出現重大的不良反應或死亡的情形否則藥廠就得大費周章的證明受試者的死亡與疫苗無關。
蘇偉碩也說大家可以想像一下如果8月23日開打的高端是第三期臨床試驗開打第二天就有2個打過疫苗的受試者死亡其中1人55歲、另1人則是39歲在藥廠還沒有證明兩位受試者的死亡與疫苗注射無關之前主管機關應該同意讓試驗繼續進行？還是命令藥廠暫停試驗直到釐清死因？
高端疫苗23日開打昨天上午桃園一名55歲的陸姓作家打完疫苗隔天猝逝下午又傳出新北一名39歲男性接種後猝死。雖然兩人的死因是否與疫苗相關仍待釐清但還是讓不少民眾擔憂。而中央流行疫情指揮中心指揮官陳時中昨則在記者會上表示陸姓作家猝逝的原因目前初步認為是心肌梗塞但結果仍須經司法相驗才能確定。他並強調不會因此停止施打。</t>
  </si>
  <si>
    <t>疫苗試驗蘇偉碩死因是否藥廠人體證明應該出現死亡受試者藥物高端無關認為</t>
  </si>
  <si>
    <t>高端猝逝死因台灣新冠肺炎</t>
  </si>
  <si>
    <t>臺灣死因高端肺炎</t>
  </si>
  <si>
    <t>試劑價格資訊居家</t>
  </si>
  <si>
    <t>因應新冠肺炎嚴峻為讓民眾方便在家自我檢測食藥署於上週六核准5款居家快篩試劑今起於四大超商、藥妝店、藥局等通路販售分為抗原快篩及核酸檢驗快篩兩種其中以核酸檢快篩最準民眾可自由選擇單劑至盒裝</t>
  </si>
  <si>
    <t>民眾嚴峻方便在家檢測肺炎抗原通路藥局分為上周四大居家試劑核准</t>
  </si>
  <si>
    <t>因應新冠肺炎嚴峻為讓民眾方便在家自我檢測食藥署於上週六核准5款居家快篩試劑今起於四大超商、藥妝店、藥局等通路販售分為抗原快篩及核酸檢驗快篩兩種其中以核酸檢快篩最準民眾可自由選擇單劑至盒裝價格落在350至5880元。另外藥師沈采穎表示使用快篩試劑前應將雙手、鼻腔做好清潔將拭子深入鼻腔內2至25公分不等放入試管中攪拌後再利用檢驗盤檢驗等待15分鐘即可。
國內目前核准的居家快篩試劑有5種分別為「羅氏家用新冠病毒抗原自我檢測套組」、「英斯特家用新冠抗原快篩」及國產的「福爾威創家用新型冠狀病毒抗原快速檢驗套組」另外「盧西拉家用確可易新型冠狀病毒核酸檢測試劑」、「萊析樂家用新冠病毒核酸檢測組」為同款產品不同廠商。
●7-ELEVEN
7-ELEVEN於今日下午2點半後桃園以北等有藥商許可門市上架販售引進「福爾威創家用新型冠狀病毒抗原快速檢驗套組」單包裝售價為350元預計於7月1日起全台有藥商許可的門市都可購買。
●全家便利商店
全家預計於本週六（26日）販售2款居家快篩試劑並於有藥商許可的門市販售分別為「羅氏家用新冠病毒抗原自我檢測套組」及「福爾威創新型冠狀病毒抗原快速檢驗試劑」「羅氏家用新冠病毒抗原自我檢測套組」將提前於明日（6月24）日晚間10點陸續到店。
「羅氏家用新冠病毒抗原自我檢測套組」為一盒5入售價1800元；「福爾威創新型冠狀病毒抗原快速檢驗試劑」則是一盒20入售價5880元民眾可至門市使用FamiPort事務機台預購並結帳最快隔日可至門市取貨採限量販售。
●萊爾富
萊爾富今日下午3點於萊爾富北市迪化門市、北縣五工門市首開賣引進「福爾威創家用新型冠狀病毒抗原快速檢驗套組」一盒5入售價1700元每店採限量100盒。
●OKmart超商
OKmart於明（24）日至6月30日全台門市會員OKLine群組可預購「羅氏家用新冠病毒抗原自我檢測套組」一盒5入售價1799元採用會員預購方式以降低與門市人於接觸、到店取貨預計於7月9日到貨。
●康是美
康是美為全台藥妝店首波居家快篩試劑販售引進「福爾威創家用新型冠狀病毒抗原快速檢驗套組」、「羅氏家用新冠病毒抗原自我檢測套組」2款「福爾威創」於明（24）日起在北北基桃地區開賣；「羅氏家用」則於全台康是美陸續販售2款皆為一盒5入盒裝。
★《中時新聞網》提醒您：因應新冠肺炎疫情疾管署持續加強疫情監測與邊境管制措施 如有疑似症狀請撥打：1922專線或 0800-001922 並依指示配戴口罩儘速就醫同時主動告知醫師旅遊史及接觸史以利及時診斷及通報。</t>
  </si>
  <si>
    <t>門市試劑檢測檢驗抗原病毒售價全台民眾福爾威預購接觸預計快速核酸</t>
  </si>
  <si>
    <t>新冠肺炎快篩試劑四大超商居家快篩抗原快篩</t>
  </si>
  <si>
    <t>試劑居家四大肺炎抗原</t>
  </si>
  <si>
    <t>sars紀錄族群藍委死亡率忽略</t>
  </si>
  <si>
    <t>本土疫情持續擴大截至2日國內疫情通報累計本土8195例、149例死亡遠超過SARS時期紀錄。國民黨立委鄭正鈐指出死亡病例多是銀髮族故長照機構內長者與工作人員時時面臨高死亡率威脅卻一直未得社會關注。因此</t>
  </si>
  <si>
    <t>死亡本土疫情威脅死亡率面臨國內時時工作人員長者一直機構紀錄sars國民黨時期銀髮病例鄭正鈐指出</t>
  </si>
  <si>
    <t>本土疫情持續擴大截至2日國內疫情通報累計本土8195例、149例死亡遠超過SARS時期紀錄。國民黨立委鄭正鈐指出死亡病例多是銀髮族故長照機構內長者與工作人員時時面臨高死亡率威脅卻一直未得社會關注。因此他特別在立法院黨團協商中要求政府在提高紓困條例特別預算上限同時必須承諾優先為長照機構工作人員和長者接種疫苗不料卻遭民進黨團聯合行政單位強制修改讓他相當痛心。
鄭正鈐2日在臉書發表文章《長照機構應特別保護！》內文指出迄今國內疫情通報累計本土8195例、149例死亡死亡病例多是銀髮族而長照機構內都是銀髮族一旦工作人員或任何長者染疫都將迅速擴散且面臨高死亡率威脅。據瞭解某長照養護機構在5月23日發現2名長者確診經過市府快篩所有住民及工作人員共34人全數陽性；更不幸的是到1日為止已經有7名長者離開！
鄭正鈐表示自己對於這7位長者的離去非常痛心因此他在5月28日黨團協商中就提出附帶決議要求政府在提高紓困條例特別預算上限的同時必須承諾：1、因任何原因去醫院的長者在返回機構前需要施行PCR篩檢；2、優先為長照機構內的工作人員和長者接種疫苗。可惜被民進黨團聯合行政單位將「應做到」被改成「建議做到」讓長照機構仍曝露高度風險中
對此鄭正鈐強烈呼籲：「民進黨應以弱勢超高風險長者為念優先為出入醫院的機構長者施行PCR篩檢！優先為長照機構內的工作人員和長者接種疫苗！」
文章一出網友反應熱烈紛紛回應：「人民要疫苗人民不要民進黨罷免蔡英文買疫苗救台灣」、「好像年長就是死了活該因為誰叫你年紀大又有老毛病更不該的是又感染了新冠肺炎」、「藝人張小燕出來呼籲政府給疫苗竟然被抹黑製造仇恨、製造對立」、「他們只在意高端的股價根本不在乎老百姓死活」。</t>
  </si>
  <si>
    <t>長者疫苗機構鄭正鈐工作人員特別政府優先指出民進風險死亡痛心接種協商黨團</t>
  </si>
  <si>
    <t>疫苗長照新冠肺炎鄭正鈐台灣</t>
  </si>
  <si>
    <t>肺炎鄭正鈐臺灣疫苗</t>
  </si>
  <si>
    <t>時中茶藝本土下來新增</t>
  </si>
  <si>
    <t>台灣本土疫情昨天爆衝到206例過去短短六天以來本土病例累積已經451例今天再度新增333例本土一週以來本土已經784人確診。且今天的不明案例就有40例指揮官陳時中說就是要調查中今天還是以萬華區茶室還</t>
  </si>
  <si>
    <t>今天本土以來已經調查就是陳時中指揮官過去案例不明確診累積昨天沖到再度新增病例疫情</t>
  </si>
  <si>
    <t>台灣本土疫情昨天爆衝到206例過去短短六天以來本土病例累積已經451例今天再度新增333例本土一週以來本土已經784人確診。且今天的不明案例就有40例指揮官陳時中說就是要調查中今天還是以萬華區茶室還是最大宗。
陳時中表示目前獅子會社團中的傳播看起來沒有像茶室的來得快速應該是慢慢的社團的傳染會變得比較少。
至於有多少醫護人員染疫整體區域彰化的匡列很大相關個案相關連繫相信彰化透過大規模採檢匡列可以把疫情控制在一定範圍。
至於宜蘭有兩個點一個是羅東的銀河遊藝場、另一個是礁溪因為也是遊戲場和羅東有關聯的關係企業目前礁溪看起來員工沒有染疫也都沒有染疫也已經匡列沒那麼擔憂是因為是有染疫顧客近來玩玩就走了沒有進入社區是員工的風險比較高但目前員工都已經陰性換句話說以後或是以前的客人風險就比較低。長時間接觸者風險才會比較高。
陳時中表示羅東因為樓層多樣化他們把該廠第一百三十幾位工作人員都已經居家隔離全數檢驗過都是陰性另外學校的學生也已經隔離全部檢驗過都是陰性往外闊的樣態比較小剩下還是斷斷續續銀河的員工還是每天有一兩例時間比較久是因為會員的名冊用其他名稱稱呼且電話不實才要多花時間。
至於醫護人員昨天為止雙北有六家醫院出現院內確診狀況。</t>
  </si>
  <si>
    <t>比較已經員工沒有時間今天至於目前羅東本土風險陰性匡列昨天疫情社團看起來</t>
  </si>
  <si>
    <t>新冠肺炎台灣陳時中染疫匡列</t>
  </si>
  <si>
    <t>陳時中臺灣肺炎匡列</t>
  </si>
  <si>
    <t>疫苗副作用曝光莫粉輪明注意</t>
  </si>
  <si>
    <t>第12輪疫苗第一階段明天開打國際三大疫苗BNT、莫德納、AZ同步上場其中BNT是打第一劑莫德納和AZ都是接種二劑不少人擔心接種第二劑的副作用恐更強對此指揮中心提醒民眾打第二劑莫德納發生不良反應的機率</t>
  </si>
  <si>
    <t>莫德納az疫苗接種bnt對此民眾國際指揮提醒中心三大發生副作用擔心同步不良反應明天上場階段</t>
  </si>
  <si>
    <t>第12輪疫苗第一階段明天開打國際三大疫苗BNT、莫德納、AZ同步上場其中BNT是打第一劑莫德納和AZ都是接種二劑不少人擔心接種第二劑的副作用恐更強對此指揮中心提醒民眾打第二劑莫德納發生不良反應的機率與嚴重程度都會比第一劑高提醒近期身體狀況不穩定者可穩定後再打；另AZ第二劑的副作用通常會比較輕微。
第12輪第一階段總計逾188萬人預約接種明起至27日開放施打根據指揮中心統計成年人接種BNT常見的副作用為注射部位疼痛（841%）、疲倦（629%）、頭痛（551%）、肌肉痛（383%）、畏寒（319%）、關節痛（236%）以及發燒（142%）上述的症狀多在數天內就會消失。
莫德納常見副作用則是注射部位疼痛（92%）、疲倦（70%）、頭痛（647%）、肌肉痛（615%）、關節痛（464%）、畏寒（454%）與發燒（155%）。極罕見的心肌炎與心包膜炎較常發生在第二劑或年輕男性身上打完疫苗若有持續性胸痛、呼吸急促或心悸請就醫。且莫德納第二劑發生不良反應的機率與嚴重程度會比第一劑高近期身體不適者建議可等狀況穩定後再去接種。
與莫德納不同的是AZ打第一劑的時候副作用較強第二劑症狀通常較輕微。而打完AZ常見的副作用是注射部位疼痛（542%）、疲倦（531%）、頭痛（526%）、肌肉痛（440%）、畏寒（319%）、關節痛（264%）以及發燒（79%）。</t>
  </si>
  <si>
    <t>莫德納副作用接種az發生疫苗常見bnt打完提醒指揮中心症狀穩定輕微階段近期發燒</t>
  </si>
  <si>
    <t>大規模接種疫苗副作用台灣新冠肺炎</t>
  </si>
  <si>
    <t>副作用臺灣疫苗肺炎接種</t>
  </si>
  <si>
    <t>工會無限期嚴重打擊士氣高鐵調</t>
  </si>
  <si>
    <t>高鐵企業工會昨日在臉書發文表示25日下午公司以備忘錄突然宣佈原訂自3月執行的員工調薪因新冠肺炎疫情影響將無限期暫緩消息一出員工嘩然。工會指出在公司預期疫情衝擊營收的情形下工會雖理解公司為</t>
  </si>
  <si>
    <t>工會公司疫情員工表示發文下午備忘錄執行突然肺炎情形宣佈影響原訂衝擊無限期消息暫緩</t>
  </si>
  <si>
    <t>高鐵企業工會昨日在臉書發文表示25日下午公司以備忘錄突然宣佈原訂自3月執行的員工調薪因新冠肺炎疫情影響將無限期暫緩消息一出員工嘩然。
工會指出在公司預期疫情衝擊營收的情形下工會雖理解公司為控制營運成本暫緩調薪作業但不解公司無視防疫期間各職種員工努力不懈堅守自身崗位無私地配合高鐵公司之超前防疫政策犧牲休假和增加輪班的疲勞度甚至面對有感染風險的第一線接觸最後換來的是期望落空對員工士氣打擊甚巨凝聚之向心力更是狠狠的撕裂殆盡。
工會表示在此嚴正敬告高鐵公司節流不應只會訴求基層員工要「共體時艱」用輿論道德壓力框住員工的薪資成長卻不去盤點公司在營運、維修及行銷等等沒效益的開支更遑論檢討高層薪資。
然而暫緩不應是無止盡的等待針對「暫緩調薪」之備忘錄高鐵公司應詳細解釋：「疫情趨緩」要件為何？「營收回穩」的標準為何？殷盼公司做出具體說明。
工會呼籲高鐵切勿舉著防疫大旗行違法犯紀之實破壞勞資和諧。</t>
  </si>
  <si>
    <t>公司員工工會高鐵暫緩防疫疫情薪資表示不應營運備忘錄犯紀違法大旗面對感染甚至風險疲勞度輪班第一線接觸</t>
  </si>
  <si>
    <t>新冠肺炎武漢肺炎新型冠狀病毒台灣高鐵</t>
  </si>
  <si>
    <t>肺炎武漢冠狀病毒臺灣高鐵</t>
  </si>
  <si>
    <t>南巡嘉應嘉縣新</t>
  </si>
  <si>
    <t>嘉義縣布袋鎮新塭嘉應廟已有180多年歷史今年首次辦理「南巡北狩」奠安綏境會香遶境嘉義至台南12個鄉鎮市主祀游天王、九龍三公、尹府千歲於7日清晨6時許起駕從正殿緩緩向外前進信眾雙手合十圍繞在神轎四周</t>
  </si>
  <si>
    <t>嘉義合十雙手前進向外嘉應緩緩正殿歷史時許今年圍繞清晨辦理南巡千歲尹府三公</t>
  </si>
  <si>
    <t>嘉義縣布袋鎮新塭嘉應廟已有180多年歷史今年首次辦理「南巡北狩」奠安綏境會香遶境嘉義至台南12個鄉鎮市主祀游天王、九龍三公、尹府千歲於7日清晨6時許起駕從正殿緩緩向外前進信眾雙手合十圍繞在神轎四周在隆隆鞭炮聲中展開6天5夜巡狩遶境。
新塭嘉應廟每年農曆3月27日以「衝水路、迎客王」慶典吸引上萬名信眾參與去年慶典結束後廟方獲尹府千歲降旨辦理「南巡北狩」當時信眾紛紛詫異直到新冠肺炎疫情爆發後才瞭解尹府千歲預知疫情即將發生要出巡保佑民眾。
縣長翁章梁、立委翁重鈞、蔡易餘及布袋鎮長陳鳳梅等人昨日也參與起駕儀式；翁章梁擔任頒旨官頒授玉旨、帥印及尚方寶劍恭請主帥引府千歲上轎。他表示「南巡北狩」奠安綏境對地方來說是大事祈求尹府千歲庇佑遶境過程一切平安。
昨日清晨6時一到南巡北狩委員會主委蘇良山等人點燃3發起馬炮後鳴炮敲鐘哨角聲齊響游天王、九龍三公、尹府千歲神轎依序起駕出發廟內、外信眾雙手合十虔誠恭送神明啟程。
起駕後將一路南巡行程貫穿台南市、嘉義縣12個鄉鎮市、48家廟宇今日會到達台南佳裡、學甲等地晚上將駐駕鹽水護庇宮預計8月12日（農曆6月23日）回鑾安座安座典禮將於新塭嘉應廟舉行。</t>
  </si>
  <si>
    <t>千歲尹府南巡嘉應翁章梁疫情台南昨日參與清晨鄉鎮農曆</t>
  </si>
  <si>
    <t>新塭嘉應廟慶典天王台南遶境</t>
  </si>
  <si>
    <t>天王慶典台南嘉應</t>
  </si>
  <si>
    <t>感染大使匈牙利肺炎病逝</t>
  </si>
  <si>
    <t>英國年僅37歲的駐匈牙利副大使史蒂芬‧迪克(Steven Dick)感染新冠肺炎週三(25日)驚傳病逝。路透社報導迪克去年12月被派任到英國駐匈牙利大使館擔任副大使一職。匈牙利衛生當局當天僅對外宣佈累計死亡案例為10例</t>
  </si>
  <si>
    <t>匈牙利迪克英國宣佈對外當天當局衛生週三肺炎累計病逝感染路透社dick報導大使館steven去年史蒂芬大使</t>
  </si>
  <si>
    <t>英國年僅37歲的駐匈牙利副大使史蒂芬‧迪克(Steven Dick)感染新冠肺炎週三(25日)驚傳病逝。
路透社報導迪克去年12月被派任到英國駐匈牙利大使館擔任副大使一職。匈牙利衛生當局當天僅對外宣佈累計死亡案例為10例其中包含一名英國公民沒想到這名英國公民就是副大使迪克。
此消息一出英國外交及聯邦事務大臣多明尼克·拉布(Dominic Raab)深表遺憾表示英國外交部的全體同仁都會緬懷這位年輕有為的外交官。</t>
  </si>
  <si>
    <t>英國迪克匈牙利大使全體同仁公民英國外交部表示深表遺憾raabdominic都會多明尼克·拉布大臣事務週三肺炎聯邦病逝累計包含宣佈對外</t>
  </si>
  <si>
    <t>台中林內訊息迅速少爺確診查辦萬華闢謠</t>
  </si>
  <si>
    <t>新冠肺炎疫情期間民眾警戒心不安一名廖姓男子5月下旬在臉書轉貼「今天林內有一個姓張的男生在衛生所（新興路教堂附近）確診！在萬華阿公店當少爺……等語」經台中市警察局第六分局偵查隊網路巡邏發現向雲林</t>
  </si>
  <si>
    <t>期間偵查隊民眾分局警戒警察局台中不安廖姓少爺男子下旬萬華阿疫情網路確診轉貼附近今天教堂林內新興路</t>
  </si>
  <si>
    <t>新冠肺炎疫情期間民眾警戒心不安一名廖姓男子5月下旬在臉書轉貼「今天林內有一個姓張的男生在衛生所（新興路教堂附近）確診！在萬華阿公店當少爺……等語」經台中市警察局第六分局偵查隊網路巡邏發現向雲林縣衛生局查證證實為「假消息」翌日即將犯嫌查緝到案依違反嚴重特殊傳染性肺炎防治及紓困振興特別條例移送雲林地檢署偵辦。
警方強調為避免不實謠言影響防疫及造成民眾恐慌加強查緝假訊息來源以求安定民心中市警第六分局5月下旬發現民眾於臉書散佈疫情不實訊息迅速於翌日查獲犯嫌依法嚴辦澄清遏止不實謠言。
由於萬華日前傳出多人染疫全民防疫上緊發條警方指出25歲廖姓男子臉書轉貼「今天林內有一個姓張的男生在衛生所（新興路教堂附近）確診！在萬華阿公店當少爺……等語」「回林內沒口罩趴趴走」等不實訊息經中市警第六分局偵查隊網路巡邏發現。
警方向雲林縣衛生局查證證實前開訊息為「假消息」於翌日即將犯嫌查緝到案依違反嚴重特殊傳染性肺炎防治及紓困振興特別條例移送雲林地檢署偵辦。
警察局第六分局分局長吳耀南強調民眾接獲來源不明或未經證實疫情訊息時應先求證內容是否屬實切勿透過社群媒體隨意散播、轉傳以免觸法。民眾可透過疾管署之官方LINE「疾管家」帳號及中央流行疫情指揮中心召開之記者會瞭解防疫最新進度並杜絕假訊息共同抗疫。</t>
  </si>
  <si>
    <t>訊息民眾疫情不實防疫警方透過分局林內查緝發現下旬肺炎翌日強調謠言證實警察局廖姓查證男子</t>
  </si>
  <si>
    <t>新冠肺炎台灣民眾確診假訊息</t>
  </si>
  <si>
    <t>臺灣民眾肺炎確診訊息</t>
  </si>
  <si>
    <t>專家傳授心肌炎監測妙招青少年</t>
  </si>
  <si>
    <t>青少年第2劑BNT疫苗將於20日開打為避免青少年接種mRNA疫苗後容易出現的心肌炎、心包膜炎等副作用心臟科醫師建議家長可在接種後7至14天內利用血壓計監測一旦在休息時測量到超過90mmHg都應立即就醫。根據中</t>
  </si>
  <si>
    <t>接種疫苗青少年mmhg超過測量休息一旦監測血壓計利用副作用心臟天內醫師心包避免心肌炎建議家長</t>
  </si>
  <si>
    <t>青少年第2劑BNT疫苗將於20日開打為避免青少年接種mRNA疫苗後容易出現的心肌炎、心包膜炎等副作用心臟科醫師建議家長可在接種後7至14天內利用血壓計監測一旦在休息時測量到超過90mmHg都應立即就醫。
根據中央流行疫情指揮中心的建議心肌炎、心包膜炎易發生於年輕男性接種BNT疫苗後28天內如出現胸痛、胸口壓迫感或不適、心悸、暈厥、呼吸急促、運動耐受不良等症狀者都應立即就醫。
新光醫院心臟內科副主任蔡適吉指出由於青少年族群為接種mRNA疫苗後心肌炎、心包膜炎的好發族群因此接種後14天內除上述症狀需特別注意外也應進行規律的血壓監測建議家長可在家中準備血壓計方便孩童在家監測。
蔡適吉表示心肌炎、心包膜炎的早期症狀包含心跳偏快一般人休息時的正常血壓約介在60至80mmHg之間因此若在休息時測得90至100多的數值就得特別當心有可能是心肌炎、心包膜炎的早期病徵。
蔡適吉也建議如經診斷為心臟衰竭第三級、第四級的病患也不建議接種mRNA疫苗如要接種必須先與醫師討論確認病況穩定後才接種不過確診有心臟衰竭的病患通常伴隨著三高、心臟相關疾病屬於感染後容易重症的族群仍強烈建議接種新冠疫苗、流感疫苗預防。
蔡適吉也提醒心臟衰竭早已不是55歲以上中高齡人士的專利近年來發現55歲以下族群也有4％的機率罹患心臟衰竭而年輕族群因身體耐受性良好若等到出現症狀時才就診通常都較晚平時可多加注意是否出現疲倦、咳、喘、水腫、無法平躺等症狀若有心臟疾病家族史、三高、心臟相關疾病都是高危險群應盡速就醫。
新光醫院表示為提升民眾對心臟疾病以及心臟衰竭的認識即日起至12月17日於院內心臟內科門診候診區展出衛教牆邀請民眾於展期間一同參與響應。</t>
  </si>
  <si>
    <t>心臟接種症狀族群建議衰竭疫苗出現蔡適心包心肌炎疾病休息監測就醫天內民眾耐受血壓mrnammhg</t>
  </si>
  <si>
    <t>新冠肺炎台灣接種心肌炎心包膜炎</t>
  </si>
  <si>
    <t>接種心肌炎臺灣肺炎心包</t>
  </si>
  <si>
    <t>疫情反撲大陸專家美華應對</t>
  </si>
  <si>
    <t>陸媒《環球時報》24日刊登專訪美國外交關係委員會全球衛生問題高級研究員黃嚴忠指出經過3個月抗疫行動輿論普遍認為新冠肺炎疫情在大陸的高峰已經過去。另一個問題這幾天擺上桌面：隨著世界多國疫情發展愈演愈</t>
  </si>
  <si>
    <t>問題疫情專訪美國外交關係多國委員會全球世界衛生刊登高級桌面研究員行動輿論黃嚴忠指出擺上普遍認為肺炎過去已經高峰</t>
  </si>
  <si>
    <t>陸媒《環球時報》24日刊登專訪美國外交關係委員會全球衛生問題高級研究員黃嚴忠指出經過3個月抗疫行動輿論普遍認為新冠肺炎疫情在大陸的高峰已經過去。另一個問題這幾天擺上桌面：隨著世界多國疫情發展愈演愈烈大陸該如何應對境外輸入性病例可能造成的疫情反撲。
黃嚴忠說大陸預防和應對二次暴發最理想的解決方法還是盡快研製並量產疫苗使大部分人口藉由疫苗形成群體免疫同時研製並量產有效的抗病毒藥物。不過一般認為考慮到必須有的安全和有效性疫苗研製成功和量產至少要一年時間。
第二條路是「高築牆」也就是建立起保護屏障。除機場海關的體溫檢測和入境後的隔離醫學觀察期等防控措施外國內的一部分社會阻隔和防控措施可能也不得不在一段時間內繼續維持下去。
至於一般民眾大方向應該是逐漸恢復正常生活畢竟像此前兩個月的生活狀態難以持續長期下去也會對大陸的經濟社會造成傷害。
黃嚴忠稱在1918至1919年的「大流感」期間曾出現過第二波、第三波疫情且後兩波中病毒的致死率都變得比第一波更高。但新冠肺炎疫情的二次暴發或許不能簡單用人類歷史上流感大流行的經驗來理解也沒有可以參照的現成範例。
他說當前說新冠肺炎疫情二次暴發一般是指：由於大部分人口並未獲得免疫力加上境外病例大量增加等因素已被控制的局勢可能再度死灰復燃。這並非完全不可能。
黃嚴忠表示毫無疑問首要因素是疫情全球大流行導致的境外病例輸入風險倍增。所在國疫情嚴重或當地政府應對不足以及「社會疏離」措施帶來的困擾都會給更多境外人群帶來壓力進而影響他們的選擇。
第二個影響因素是新冠肺炎的病毒源頭始終未能找到中間宿主也一直沒有定論。雖然現在有說法認為蝙蝠是病毒的源頭中間宿主可能是穿山甲但這都不是公認確定的科學結論。這個病毒到底是如何傳播到人身上的也還是未知之數。如果這些問題遲遲沒有答案也不能排除病毒從源頭開始再一次形成反撲。
有人認為氣溫也是一個影響因素不過這一點目前還沒有確切答案。一般來說病毒在氣溫較高時傳播力和活性會下降流感及此前的SARS也都曾呈現出類似特點但這並不意味著此次新冠病毒也會如此。而且還需要考慮到目前疫情已在非洲、拉美等正處在夏秋季節的南半球國家傳播這些國家不久後將迎來冬季如果冬季疫情在這些地方大規模暴發依然有可能輸入大陸。</t>
  </si>
  <si>
    <t>疫情病毒可能黃嚴忠大陸境外沒有因素暴發問題傳播流感一般肺炎措施認為源頭</t>
  </si>
  <si>
    <t>新冠肺炎疫情高峰境外輸入反撲大流感二次暴發社會疏離源頭宿主</t>
  </si>
  <si>
    <t>社會高峰境外暴發流感輸入反撲疫情肺炎源頭宿主</t>
  </si>
  <si>
    <t>人員侯友宜營業處掌握板橋台電公司</t>
  </si>
  <si>
    <t>位於新北市板橋區疫情熱區內的台電臺北南區營業處17日傳出有1名外包人員確診另有3名台電眷屬也確診；對此新北市長侯友宜今主持防疫會議受訪表示所有染疫或疑似個案均派醫護與疫調同仁瞭解狀況該隔離就隔離、</t>
  </si>
  <si>
    <t>台電新北確診同仁醫護熱區疫情表示受訪會議防疫瞭解主持傳出臺北侯友宜市長南區營業處</t>
  </si>
  <si>
    <t>位於新北市板橋區疫情熱區內的台電臺北南區營業處17日傳出有1名外包人員確診另有3名台電眷屬也確診；對此新北市長侯友宜今主持防疫會議受訪表示所有染疫或疑似個案均派醫護與疫調同仁瞭解狀況該隔離就隔離、該匡列就匡列一切按照規定來做。</t>
  </si>
  <si>
    <t>台電新北確診同仁醫護隔離熱區疫情表示受訪防疫狀況會議主持傳出臺北侯友宜市長南區</t>
  </si>
  <si>
    <t>外包人員染疫侯友宜台電確診</t>
  </si>
  <si>
    <t>侯友宜人員台電確診</t>
  </si>
  <si>
    <t>該員確診辦公室遊錫堃人員自主清潔健康管理立院</t>
  </si>
  <si>
    <t>立法院長遊錫堃辦公室今日發出新聞稿表示有關外界關心立院中興大樓12樓外包清潔人員疑似染疫情事昨日採檢報告結果為陰性目前在家自主健康管理14天。遊錫堃辦公室指出立院外包清潔人員疑似染疫情事經查該員</t>
  </si>
  <si>
    <t>辦公室游錫堃清潔情事人員今日發出有關結果報告陰性外界表示目前關心新聞稿昨日在家自主院中健康管理</t>
  </si>
  <si>
    <t>立法院長遊錫堃辦公室今日發出新聞稿表示有關外界關心立院中興大樓12樓外包清潔人員疑似染疫情事昨日採檢報告結果為陰性目前在家自主健康管理14天。
遊錫堃辦公室指出立院外包清潔人員疑似染疫情事經查該員是在週一感到身體不適週二請假就醫經醫生診斷為扁桃腺發炎並遵照醫囑在家休息。
遊錫堃辦公室表示該名清潔員在週四仍感覺不舒服再度就醫為求慎重避免染疫風險遂進行PCR採檢昨日採檢報告結果為陰性目前在家自主健康管理14天。
★《中時新聞網》提醒您：因應新冠肺炎疫情疾管署持續加強疫情監測與邊境管制措施 如有疑似症狀請撥打：1922專線或 0800-001922 並依指示配戴口罩儘速就醫同時主動告知醫師旅遊史及接觸史以利及時診斷及通報。</t>
  </si>
  <si>
    <t>就醫遊錫堃辦公室表示診斷疫情管理情事健康清潔自主人員昨日史及接觸在家旅遊肺炎醫師告知</t>
  </si>
  <si>
    <t>新冠肺炎台灣辦公室清潔人員遊錫堃</t>
  </si>
  <si>
    <t>臺灣辦公室清潔肺炎人員游錫堃</t>
  </si>
  <si>
    <t>公衛臺灣入境專家關鍵開放歐盟</t>
  </si>
  <si>
    <t>繼日本之後台灣又被歐盟摒於門外！新冠肺炎疫情已在歐洲趨緩歐盟日前公佈外開放邊境的國家名單草案台灣竟未列其中讓大家非常失望。對於歐盟的決定台大公共衛生學院院長詹長權表示遺憾也坦言這事件值得政</t>
  </si>
  <si>
    <t>歐盟臺灣表示遺憾學院院長坦言衛生大公共決定對於肺炎失望未列名單草案國家邊境門外開放疫情</t>
  </si>
  <si>
    <t>繼日本之後台灣又被歐盟摒於門外！新冠肺炎疫情已在歐洲趨緩歐盟日前公佈外開放邊境的國家名單草案台灣竟未列其中讓大家非常失望。對於歐盟的決定台大公共衛生學院院長詹長權表示遺憾也坦言這事件值得政府警惕、國人小心。
歐盟對外開放邊境的國家名單千呼萬喚始出來本月27日在歐盟網站上公佈了7月1日起歐盟對外開放邊境的國家名單草案。在擬開放入境的54個國家的名單沒有出現台灣的名字大大地震撼了國人。
對於歐盟第一波入境名單詹長權在臉書上評論說很遺憾台灣不在這一份名單上這件事值得政府警惕、國人小心。
他指出這一份歐盟建立在健康標準(health criteria)所擬定的國家名單主要根據三個客觀指標：1流行病學情勢和新冠病毒因應；2在旅行中採用感染控制手段的能力；3是否已對歐盟解除旅行禁令。他解讀在歐盟所列的3個條件中台灣僅符合15個指標。
為何台灣的防疫成績會被歐盟打叉叉？有網友感慨留言「你我都知道為什麼可惜政府無感！」詹長權則回應要繼續發聲「到現在都還在努力讓政府高層聽到、看到該做的、可以做的公共衛生防疫手段。」
歐盟擬開放入境的54個國家名單包括有中國大陸、日本、韓國、越南、泰國、紐西蘭、澳洲美國、台灣、新加坡則未被列入。</t>
  </si>
  <si>
    <t>歐盟臺灣名單政府國家國人入境邊境旅行指標對於手段日本開放公佈值得對外開放警惕小心</t>
  </si>
  <si>
    <t>歐盟台灣名單國家入境</t>
  </si>
  <si>
    <t>國家入境臺灣歐盟名單</t>
  </si>
  <si>
    <t>民進黨團高端混打一定研究階段莫德納</t>
  </si>
  <si>
    <t>疫苗短缺不斷傳出是因為要讓打過第一劑莫德納的人第二劑混打高端；民進黨立院黨團今表示就現在而言仍然是屬於研究階段民眾也不用特別驚慌指揮中心是不是已經決定莫德納一定要配高端其實這是不確實的</t>
  </si>
  <si>
    <t>高端莫德納表示現在仍然黨團屬於特別立院驚慌指揮研究階段民眾是不是中心民進已經混打決定打過</t>
  </si>
  <si>
    <t>疫苗短缺不斷傳出是因為要讓打過第一劑莫德納的人第二劑混打高端；民進黨立院黨團今表示就現在而言仍然是屬於研究階段民眾也不用特別驚慌指揮中心是不是已經決定莫德納一定要配高端其實這是不確實的未來還有許多搭配的可行性。
民進黨立院團書記長蔡適應指出疫苗就是要幫助人體能夠順利的度過目前來講世界各國都遇到類似的問題單一的疫苗沒有辦法保證到貨也發現可能在保護率等各方面有問題所以世界各國都在研究關於各式各樣的疫苗找出最佳的解決方案。
他說台大醫院所提案提案的第一劑打莫德納、第二劑打高端也是它們研究的對象未來混打研究應該還有其他版本相信主要的醫學中心會陸續提出後續關於混搭的研究研究出來後未來會給指揮中心做相關的參考。
民進黨立院黨團幹事長劉世芳說這些實驗設計其實是要研究單位根據它的學養知識去判斷再經過人體試驗、倫理試驗委員會委員會審查方可進行黨團特別呼籲台灣是一個言論自由還有很多資訊非常發達的地方很多民眾可能直接從一個不曉得什麼來源的地方就接擷取到這樣的訊息這樣的訊息有的會引起自己或者是周遭的朋友或親友的恐慌。
她說每天下午疫情指揮中心都會對外做說明呼籲國人同胞能夠完全聽從指揮中心的發佈而不是隨便把一些搞不清楚的消息來源就隨便做發布。
她表示國內感染專家學者一再呼籲請大家尊重專業判斷有些訊息從國外進來跟台灣內部不一定完全一樣有任何問題、不解尤其專業上的問題請教即管家通訊軟體的澄清報導才是最重要。</t>
  </si>
  <si>
    <t>研究中心疫苗問題呼籲指揮黨團未來高端立院民進莫德納判斷訊息能夠可能人體專業完全特別</t>
  </si>
  <si>
    <t>新冠肺炎台灣莫德納指揮中心未來</t>
  </si>
  <si>
    <t>臺灣莫德納指揮肺炎中心未來</t>
  </si>
  <si>
    <t>防疫專制臺灣外交部譴責郵報報導紐約不實</t>
  </si>
  <si>
    <t>《紐約郵報》（New York Post）日前引據《NBC》報導台灣在新冠肺炎下的情景卻在內容中描述「台灣是中國一省」且以「專制」、「囤積防疫物資」、「追蹤監控全民」等用詞形容台灣防疫。對此外交部北美司司長姚金</t>
  </si>
  <si>
    <t>臺灣防疫post日前外交部nbc對此報導york情景形容肺炎追蹤用詞物資內容囤積描述監控專制中國北美</t>
  </si>
  <si>
    <t>《紐約郵報》（New York Post）日前引據《NBC》報導台灣在新冠肺炎下的情景卻在內容中描述「台灣是中國一省」且以「專制」、「囤積防疫物資」、「追蹤監控全民」等用詞形容台灣防疫。對此外交部北美司司長姚金祥今天在例行記者會上譴責該報記者在沒有查證事實的情況下發布報導。
姚金祥強調除了國名之外《紐約郵報》說台灣是防疫專制國家這點我們不能接受用這樣的字眼形容台灣我們覺得遺憾「台灣是在防疫措施上最透明國家之一。」
姚金祥指出我們應用高科技防疫措施能達到這樣的防疫成果民眾非常肯定也能接受指揮中心之前也已經就此回應過我們會繼續請駐紐約辦事處要求報導記者更正。
駐紐約辦事處則是在《紐約郵報》臉書貼文反駁報導指出：「台灣不是中國的一省我們有自己獨立且民主的政府和疆界中國對我們沒有任何一點管轄權。台灣擁有世界上數一數二開放透明的政府手機通報僅用以通知曾與確診病患接觸的人目的是保護其他人的健康。用專制來形容一個世界上最優秀的民主國家之一這實在是惡意中傷。」</t>
  </si>
  <si>
    <t>臺灣防疫報導紐約姚金祥形容專制國家郵報中國政府沒有指出接受透明民主世界記者措施辦事處確診</t>
  </si>
  <si>
    <t>台灣防疫紐約我們報導</t>
  </si>
  <si>
    <t>紐約報導防疫臺灣</t>
  </si>
  <si>
    <t>北市bnt校園原則</t>
  </si>
  <si>
    <t>北市副市長蔡炳坤15日表示9月22日學校將開打疫苗BNT殘劑會比之前AZ、莫德納少因BNT1瓶只有6劑只有最後1瓶才可能有殘劑因此北市訂出4大原則要點一、優先給具醫生證明「不得施打其他疫苗的正式教職員」</t>
  </si>
  <si>
    <t>疫苗bnt北市不得證明醫生優先要點大原莫德納表示施打學校可能之前</t>
  </si>
  <si>
    <t>北市副市長蔡炳坤15日表示9月22日學校將開打疫苗BNT殘劑會比之前AZ、莫德納少因BNT1瓶只有6劑只有最後1瓶才可能有殘劑因此北市訂出4大原則要點一、優先給具醫生證明「不得施打其他疫苗的正式教職員」將按照年紀施打；二、任職於身心障礙班或資源班的教師；三、一般教職員；四、若真的還有殘劑將讓責任醫院回收安排接種。
蔡炳坤說千萬別浪費任何1劑疫苗他也要謝謝294個接種點進行中央第8期的預約接種持續6天、共13萬人施打達到「青銀共好」有年輕人陪75歲以上長者去施打沒預約的長者從16日下午起民政系統會透過裡鄰長把接種單送到長者手中。
臺北市長柯文哲表示中央今公佈1例、境外4例本土感染趨緩但世界上滿嚴重每天40至60萬新增確診今天的案例跟機場有關係邊境管制保護在台灣很重要。
柯說新北幼兒園群聚雙北都影響小孩子在新北幼兒園但父母在北市上班小孩也會在北市讀一讀學校第一層居隔了219人同住家人匡了1010人職場匡116人所幸篩檢全陰性目前危機差不多解除。
柯說北市現在1400名居隔者降至500人居隔14天滿後會再減一批有確診者就匡大一點北市現在進行的血清學檢查、基因定序都在研究若無就會把居隔範圍再縮減不用動不動全市餐廳內用禁止、運動中心停止。
柯說北市7家醫院昨天PCR篩檢了1816人沒陽性確診26日高中要開打疫苗北市共有147家高中職、特教學校、外僑學校配對了31家醫院診所由他們再去商量。
柯說每個注射點基本配備4人包括1醫生、3護理師講好就配發疫苗也會發家長同意書93％願意在校打打BNT有幾個注意事項有疫苗過敏史不要打BNT還沒開放混打。
柯說10月後還有流感等疫苗要打建議跟新冠疫苗間隔7天其他疫苗跟新冠疫苗間隔14天有急性發燒等穩定再打孕婦要醫生評估；學生打疫苗假總共3天可放身體好好的還是乖乖上課別趁機開溜可放疫苗假、但沒鼓勵放。</t>
  </si>
  <si>
    <t>疫苗北市柯說施打接種學校bnt醫院確診醫生居隔長者中央表示</t>
  </si>
  <si>
    <t>北市疫苗BNT殘劑柯文哲</t>
  </si>
  <si>
    <t>疫苗柯文哲bnt北市</t>
  </si>
  <si>
    <t>疫情擋不住露兩點升溫忍痛宣佈謝金燕決定</t>
  </si>
  <si>
    <t>台灣疫情升溫今（12日）一口氣新增16例本土確診案例許多演唱會、大型活動都延期或停辦而「電音天后」謝金燕上周才豪曬露胸器的海報報喜要唱進高雄巨蛋不過因國內疫情嚴峻謝金燕稍早則在網上忍痛宣佈演</t>
  </si>
  <si>
    <t>謝金燕疫情新增一口氣本土確診案例演唱會嚴峻大型活動延期高雄報喜海報國內停辦巨蛋</t>
  </si>
  <si>
    <t>台灣疫情升溫今（12日）一口氣新增16例本土確診案例許多演唱會、大型活動都延期或停辦而「電音天后」謝金燕上周才豪曬露胸器的海報報喜要唱進高雄巨蛋不過因國內疫情嚴峻謝金燕稍早則在網上忍痛宣佈演唱會門票延後開賣。
「姐姐」謝金燕今年1月在臺北小巨蛋舉辦「謝金燕2021 TURN口罩世界巡迴演唱會」謝金燕大秀美腿和好身材一連換上5套訂製服裝飆唱經典歌曲〈一級棒〉、〈練舞功〉、〈叉燒包〉及情歌〈我要幸福〉等氣氛嗨翻全場。
謝金燕緊接著在上周宣佈10月要唱進高雄巨蛋「是 沒錯高雄姐來了#碗都被你們敲破了」門票將在本周日（16日）開賣謝金燕曬出她解放美腿、豪挺胸器道具的海報不過隨著本土疫情爆發謝金燕稍早則在網上沉痛發文：「謝金燕2021TURN口罩世界巡迴演唱會-高雄站原訂5/16周日下午兩點開賣因近日『新型冠狀病毒肺炎』疫情嚴峻將延後開賣開賣日擇期公佈」最後謝金燕不忘呼籲：「與大家攜手共同防疫」。
粉絲雖然感到可惜但仍多數支持謝金燕的決定：「姐姐 我們會一直等妳 大家戴口罩、勤洗手」、「好哦共同放（防）疫 等疫情後燈（登）台」、「我會乖乖等姐通知的」。
A post shared by Jeannie Hsieh 謝金燕官方IG (@jeanniehsieh___bbb)
其實不只謝金燕包括陶晶瑩、戴愛玲、王心淩、許富凱已及樂團告五人、草東沒有派對等演唱會都宣佈延期活動將再另行公告相關資訊若已購票也會有退票辦法。</t>
  </si>
  <si>
    <t>謝金燕疫情演唱會高雄宣佈口罩共同巨蛋謝金本土上周姐姐海報嚴峻門票</t>
  </si>
  <si>
    <t>謝金燕新冠肺炎演唱會</t>
  </si>
  <si>
    <t>肺炎謝金演唱會</t>
  </si>
  <si>
    <t>黃創數字驚人夏為醫護人員看看喊話</t>
  </si>
  <si>
    <t>新冠肺炎疫情持續延燒許多人呼籲要全面普篩。對此資深媒體人黃創夏列出一串數字並呼籲戴好口罩丶勤洗手丶保持社交距離別給已經累了快100天的醫護人員更多負擔！國內近期新增確診案例中境外移入佔多數！新</t>
  </si>
  <si>
    <t>呼籲境外案例確診新增近期國內負擔醫護人員已經持續距離數字對此黃創媒體列出全面</t>
  </si>
  <si>
    <t>新冠肺炎疫情持續延燒許多人呼籲要全面普篩。對此資深媒體人黃創夏列出一串數字並呼籲戴好口罩丶勤洗手丶保持社交距離別給已經累了快100天的醫護人員更多負擔！
國內近期新增確診案例中境外移入佔多數！新北市長侯友宜曾向中央喊話現在很多無症狀確診國內有46％雖然相較國外低但「境外移入要全面普篩和居家檢疫」呼籲中央對境外移入全面篩檢。此外也有許多人認為應全面普篩。
對此黃創夏在臉書指出23000000÷3800=6052天；6052÷365=1658年。他說全面普篩必須要16年半才能完成。最後他表示戴好口罩丶勤洗手丶保持社交距離別給已經累了快100天的醫護人員更多負擔！
網友則紛紛表示「真的防疫人員太辛苦了感謝他她們的辛勞付出」、「目前最累的是醫護」、「說的也是！好好做好防護」、「預防勝於治療~今天普篩陰性不防疫再被感染…沒完沒了！」、「真的不懂一直訴求普篩是什麼心態」、「戶口普查都做不到了幾十年才一次?還普篩」、「普驗不是2300萬人都驗吧有一種統計方法叫抽樣統計」、「台灣疫情其實算還控制得宜也沒有大規模社區感染真不知道一堆政客不顧可行性與檢疫成本吵著普篩的用意是什麼」。</t>
  </si>
  <si>
    <t>全面呼籲境外防疫疫情感染中央國內確診檢疫黃創負擔戴好統計</t>
  </si>
  <si>
    <t>全面普篩普篩黃創夏醫護人員新冠肺炎</t>
  </si>
  <si>
    <t>醫護人員黃創肺炎全面</t>
  </si>
  <si>
    <t>企業入侵加強防禦</t>
  </si>
  <si>
    <t>歐盟提案加強防堵接受補貼的外國企業扭曲歐洲市場防止獲得政府巨額補貼、貸款或減稅等援助的企業收購歐洲公司或是與其競爭以降低中國大陸與美國對歐洲經濟的影響。許多觀察家表示歐洲這項行動係針對大陸國營</t>
  </si>
  <si>
    <t>歐洲補貼企業大陸接受美國外國競爭公司扭曲收購貸款獲得市場政府援助防止減稅觀察家表示影響經濟中國降低加強行動提案</t>
  </si>
  <si>
    <t>歐盟提案加強防堵接受補貼的外國企業扭曲歐洲市場防止獲得政府巨額補貼、貸款或減稅等援助的企業收購歐洲公司或是與其競爭以降低中國大陸與美國對歐洲經濟的影響。
許多觀察家表示歐洲這項行動係針對大陸國營企業但也可能影響歐洲企業的美國對手。
繼法國、德國和義大利等歐洲多國加強外國投資審核以保障遭受新冠肺炎疫情重擊的國內企業遭到大陸和美國投資人收購後歐盟也開始行動。
歐盟的提案顯示歐洲在過去一年來對大陸的態度逐漸轉變開始將大陸視為經濟和政治對手。
主管競爭事務與數位政策的歐盟執委會副主席維斯塔格（Margrethe Vestager）表示：「歐盟需要正確的工具確保外國補貼不會扭曲歐洲市場。」
新冠肺炎凸顯歐洲在醫療領域倚重大陸的進口品促使歐洲重新思考投資政策。歐盟歐盟內部市場委員佈雷頓（Thierry Breton）表示提案將協助歐洲企業經營與競爭進而促進歐盟的戰略自主。
歐盟官員堅稱新工具不是針對某一國家或單一形式的補貼。大陸給予企業補貼或是美國企業獲得貸款等財務援助歐盟對兩者的審核方式皆相同。
大陸官方期望歐盟的新規範「不會以補貼為由形成新的貿易障礙。在各國致力對抗新冠肺炎的特殊時刻歐盟需避免向外界傳達負面信號。」
依據提案執委會期望與歐盟成員國的競爭主管機關合作加強審查任何可能依賴國家援助的企業與歐洲對手削價競爭。若發現市場扭曲企業將被勒令返還補貼、出售資產或將授權技術開放予歐洲對手。</t>
  </si>
  <si>
    <t>歐盟歐洲大陸企業補貼競爭提案市場美國對手表示加強肺炎援助扭曲審核執委會國家收購期望政策可能工具開始經濟外國</t>
  </si>
  <si>
    <t>大陸補貼企業肺炎歐盟</t>
  </si>
  <si>
    <t>大陸肺炎歐盟補貼企業</t>
  </si>
  <si>
    <t>亮燈航海王解析終止盤後</t>
  </si>
  <si>
    <t>在美股收高帶動下台股開高震盪一度上漲389點、指數最高達16431點航運股延續反彈行情、電子股也有題材股各自表現成交比重達4成之上終場收漲2597點、報在1630206點、成交量為429703億元；台股周線翻紅</t>
  </si>
  <si>
    <t>開高震盪終場一度之上上漲指數最高比重電子成交量成交航運表現延續題材反彈行情帶動</t>
  </si>
  <si>
    <t>在美股收高帶動下台股開高震盪一度上漲389點、指數最高達16431點航運股延續反彈行情、電子股也有題材股各自表現成交比重達4成之上終場收漲2597點、報在1630206點、成交量為429703億元；台股周線翻紅終止2連黑、本周台股收漲474點。
台積電(2330)開高震盪早盤一度達577元終場收漲106%、報在573元鴻海(2317)開高走高股價最高站上110元收漲33%股後大立光(3008)收漲246%；IC設計股今走勢不弱指標股聯發科(2454)開高震盪尾盤拉高終場收漲215%、報在950元股王矽力-KY(6415)早盤衝高後壓回收漲235%力旺(3529)午盤後攻上漲停股價重回900元大關世芯-KY(3661)亦於午盤後亮燈漲停、鎖在4544元；面板股友達(2409)、群創(3481)反彈只演半場好戲盤中均紅翻黑股價陷入震盪彩晶(6116)則相對有撐力守逾2%的漲幅表現；被動元件國巨(2327)衝高後也持穩震盪終場收漲338%。
今航運股反彈行情依舊火熱一片紅咚咚貨櫃三雄長榮(2603)、陽明(2609)、萬海(2615)全數亮燈漲停帶動裕民(2606)、台船(2208)、四維航(5608)也均攻上漲停今日股東會宣佈加發股利的慧洋-KY(2637)收盤亦是差一檔攻上漲停航運市場持續火熱目前亞洲-歐洲航線運價約為去年同期8倍6月1日全球第二大的地中海航運已通知客戶每大箱要加高1000美元；美西線目前運價約為去年同期4倍全球第五大的赫伯羅德航運美加線每大箱要加1200美元；另外疫情帶動宅配需求爆表宅配通(2642)、嘉裡大榮(2608)亦亮燈漲停。
分析師表示美國疫情逐漸受到控制美國經濟也即將進入重啟美元持續走弱以巴也簽定了停火協議數字貨幣的大修正終於告一段落惟台灣疫情急速升溫仍不確定目前的防疫手段是否能壓得下來但伴隨著美股的反彈走強以及美國科技股暫時化解了下跌的疑慮台股反彈波仍將持續但仍是震盪幅度大且快速輪動操作難度高逢指數反彈調整弱勢股的看法目前沒有改變。
目前台股指數對於疫情幹擾的恐慌情緒降低此次指數修正的過程中融資餘額減幅遠大過指數跌幅籌碼逐漸沉澱穩定目前台股本益比已降至15倍歷史中下緣因此若疫情逐漸受控股價走勢將回歸基本面反彈行情可期不過短期上檔套牢賣壓沉重且疫情不確定性仍高選股應以高殖利率及低本益比個股為主。</t>
  </si>
  <si>
    <t>反彈疫情目前指數震盪航運股價上漲開高逐漸持續帶動-ky行情修正終場亮燈</t>
  </si>
  <si>
    <t>台積電鴻海大立光IC設計聯發科</t>
  </si>
  <si>
    <t>ic設計聯發台積電</t>
  </si>
  <si>
    <t>涉及確診孫春蘭本土坐鎮陸增甘肅</t>
  </si>
  <si>
    <t>大陸國家衛健委今（31日）通報前一日新增71例確診病例其中48例本土確診涉及8省包括黑龍江19例內蒙古10例甘肅9例山東和寧夏各3例雲南2例北京和江西各1例。大陸近期本土疫情再起大陸國務院副總理</t>
  </si>
  <si>
    <t>大陸本土確診疫情近期黑龍江通報包括涉及再起北京內蒙古江西衛健新增病例寧夏山東雲南甘肅國務院國家總理</t>
  </si>
  <si>
    <t>大陸國家衛健委今（31日）通報前一日新增71例確診病例其中48例本土確診涉及8省包括黑龍江19例內蒙古10例甘肅9例山東和寧夏各3例雲南2例北京和江西各1例。
大陸近期本土疫情再起大陸國務院副總理孫春蘭28日至30日到甘肅省蘭州市、天水市調研指導疫情防控工作。孫春蘭表示甘肅疫情由旅遊活動引起感染者活動範圍大防控形勢存在一定的不確定性要求採取果斷措施盡快控制疫情。
孫春蘭強調當前大陸疫情仍複雜嚴峻要認真排查疫情跨區域傳播的漏洞吸取教訓和完善防控機制避免防控盲區和漏管失控。
內蒙古日前疫情嚴峻遊客滯留當地多日27日開始內蒙古額濟納旗陸續將遊客向低風險地區轉運並進行集中健康監測截至30日24時累計轉運遊客9070人其中透過鐵路轉運4119人透過公路轉運4951人根據當地統計目前還有300多名遊客沒有離開額濟納旗。</t>
  </si>
  <si>
    <t>疫情防控遊客大陸內蒙古轉運孫春蘭當地嚴峻甘肅本土確診活動額濟納旗確定性要求採取存在一定形勢吸取教訓果斷區域措施漏洞</t>
  </si>
  <si>
    <t>孫春蘭大陸甘肅內蒙古新冠肺炎</t>
  </si>
  <si>
    <t>甘肅內蒙古大陸孫春蘭肺炎</t>
  </si>
  <si>
    <t>醫院平臺指揮中心宣佈預約接種bntaz</t>
  </si>
  <si>
    <t>台大醫院昨搶先開放AZ及BNT疫苗門診中央流行疫情指揮中心證實同意醫療院所開放自行預約而今天再宣佈AZ及BNT兩劑皆可不透過疫苗預約平臺直接至醫院預約其中AZ疫苗第二劑首度開放間隔8周即可施打。指揮中心發</t>
  </si>
  <si>
    <t>開放az疫苗預約bnt指揮中心即可同意證實疫情院所間隔醫療自行透過流行首度宣佈中央兩劑可不而今門診施打平臺搶先</t>
  </si>
  <si>
    <t>台大醫院昨搶先開放AZ及BNT疫苗門診中央流行疫情指揮中心證實同意醫療院所開放自行預約而今天再宣佈AZ及BNT兩劑皆可不透過疫苗預約平臺直接至醫院預約其中AZ疫苗第二劑首度開放間隔8周即可施打。
指揮中心發言人莊人祥說明BNT第一劑接種年齡需滿12歲AZ第一劑則需滿18歲BNT第二劑接種資格僅限18歲以上且間隔4周以上而AZ第二劑原本在預約平臺限制為間隔10周以上現行至醫院預約只要滿8周即可。
外界質疑是否還有必要維持疫苗預約平臺運作莊人祥說明由於第13期主要是AZ和BNT因此開放符合資格的民眾都可以自行預約；而接下來第14期可能會有莫德納這部分還是會以平臺為主。
他表示目前除了預約平臺外也開放民眾可到各地醫療院所接種各縣市有各種不同做法比如說有縣市在捷運站設站我們都非常鼓勵這些做法讓民眾甚至不用預約就能接種希望提供不便使用預約平臺的民眾可以更方便接種。
指揮中心提醒未滿18歲對象請由家長(或法定代理人、監護人及關係人等)陪同前往合約醫療院所或接種站接種並由本人與家長於現場共同簽署意願同意書；18歲至未滿20歲民眾如自行前往接種請持家長簽具之意願同意書若由家長陪同前往接種請本人與家長於現場共同簽署意願同意書。
另10月1日起亦開始接種流感疫苗依我國衛生福利部傳染病防治諮詢會預防接種組(ACIP)建議接種流感疫苗應與COVID-19疫苗間隔至少7天請民眾前往接種COVID-19第二劑疫苗前應備妥「COVID-19疫苗接種紀錄卡」及健保卡並於接種前評估時說明過往疫苗接種史以利醫生評估。</t>
  </si>
  <si>
    <t>接種預約疫苗民眾az平臺bnt開放間隔指揮中心說明同意書家長院所醫療前往意願流感疫苗做法covid-自行</t>
  </si>
  <si>
    <t>接種AZBNT開放預約</t>
  </si>
  <si>
    <t>接種開放azbnt預約</t>
  </si>
  <si>
    <t>殺手打造疫苗訓練營提供az保護太陽</t>
  </si>
  <si>
    <t>英國牛津大學與瑞士的研究發現接種AZ疫苗除了能夠產生抗體外也能在人體形成T細胞「訓練營」或許能為人體提供終生保護力甚至能殺死變種病毒。英國《太陽報》（The Sun）報導英國牛津大學與瑞士的研究團隊15</t>
  </si>
  <si>
    <t>人體瑞士英國牛津大學研究報導sun接種theaz太陽疫苗能夠英國病毒變種產生殺死或許形成甚至抗體發現訓練營提供</t>
  </si>
  <si>
    <t>英國牛津大學與瑞士的研究發現接種AZ疫苗除了能夠產生抗體外也能在人體形成T細胞「訓練營」或許能為人體提供終生保護力甚至能殺死變種病毒。
英國《太陽報》（The Sun）報導英國牛津大學與瑞士的研究團隊15日在《自然免疫學》（Nature Immunology）期刊刊登研究團隊發現T細胞保護是AZ、嬌生疫苗等以腺病毒為載體的疫苗的「關鍵特徵」。
團隊指出接種疫苗後腺病毒會進入人體內稱為纖維網狀細胞（fibroblastic reticular cell）的長壽組織細胞在那裡形成T細胞的「訓練營」。
來自瑞士醫院的研究人員路德維希教授（Burkhard Ludewig）表示出生自這些細胞訓練營的T細胞看起來都有很高的適應能力他說腺病毒能夠和人體共同進化很長一段時間並且在過程中學習到很多有關人體免疫系統的知識。
「病毒永遠是最好的老師這裡它們教會我們的最重要一課是如何最好地刺激殺手T細胞反應。」
這項研究發現代表即便抗體已經消失好一段時間人體仍能夠持續製造這些重要細胞甚至可能在餘生中持續存在。
先前研究就已經顯示比起輝瑞/BNT、莫德納等mRNA疫苗AZ疫苗在製造T細胞方面更有效。
研究團隊坦承他們難以量測T細胞在體內的數值但是他們希望這些T細胞能夠存在終生。
牛津大學納菲爾德醫學院（Nuffield Department of Medicine）教授克萊納曼（Paul Klenerman）指出全球數百萬人接種腺病毒疫苗最終目標是希望透過抗體及T細胞誘發長期的免疫系統保護。
※備註：以上為英國《太陽報》報導針對報導內容台灣事實查核中心引述國家衛生研究院感染症與疫苗研究所研究員周彥宏、嘉義長庚醫院風濕過敏免疫科主治醫師林靖麒等專家看法提出以下釋疑：
一、專家指出報導引述的研究在2021年7月15日發表於《自然-免疫學》期刊研究使用腺病毒載體但載體內不是放新冠病毒S蛋白的DNA無法直接推論為「AZ疫苗施打在人體的效果」。
二、專家指出該研究是以人類腺病毒五型和黑猩猩腺病毒載體在病毒內放冷光蛋白質注射進入老鼠體內。實驗觀察到腺病毒會活化老鼠肺部間質細胞內的纖維母細胞使記憶型的殺手T細胞常駐。
三、專家指出該研究並未提到「抗體」反應因此也無法推論接種AZ疫苗的抗體生成及保護力持續性。
因此事實查核中心認定這篇《太陽報》報導為不實訊息。</t>
  </si>
  <si>
    <t>細胞研究疫苗人體腺病毒病毒抗體指出能夠團隊az報導接種專家保護載體太陽教授免疫發現瑞士訓練營引述存在一段時間</t>
  </si>
  <si>
    <t>#新冠肺炎#全球AZT細胞訓練營終生</t>
  </si>
  <si>
    <t>全球az肺炎細胞訓練營</t>
  </si>
  <si>
    <t>拜訪交友居隔友人特殊桃園確診</t>
  </si>
  <si>
    <t>桃園新增特殊交友圈25歲男子確診離譜的是他是在特殊交友圈友人居家隔離時多次前往探訪友人確診後他也採檢確診。桃園市長鄭文燦表示將依法處20萬至100萬罰款。鄭文燦表示確診者案15742是25歲男性為案15</t>
  </si>
  <si>
    <t>確診桃園友人鄭文燦表示交友特殊市長探訪居家罰款男子前往隔離依法離譜新增男性</t>
  </si>
  <si>
    <t>桃園新增特殊交友圈25歲男子確診離譜的是他是在特殊交友圈友人居家隔離時多次前往探訪友人確診後他也採檢確診。桃園市長鄭文燦表示將依法處20萬至100萬罰款。
鄭文燦表示確診者案15742是25歲男性為案15700接觸者他在7月21日列為接觸者居家隔離後27日確診。根據疫調該確診者在案15700居家隔離期間多次探訪案15700都沒有拒絕或阻止。
他說該確診者明顯違反居隔規定按照規定居隔者不能離開處所也不能接待朋友拜訪。這已經違反傳染病防治法、嚴重特殊傳染性肺炎防治及紓困振興特別條例將可處20萬至100萬罰款將依照實際情形開罰。他說活躍交友圈在3級管制期間要降低活動呼籲若接觸到確診者要採檢。</t>
  </si>
  <si>
    <t>確診交友特殊隔離居家違反期間接觸探訪罰款桃園不能友人鄭文燦表示接待已經振興肺炎</t>
  </si>
  <si>
    <t>新冠肺炎台灣確診確診者特殊交友圈</t>
  </si>
  <si>
    <t>確診臺灣肺炎特殊交友</t>
  </si>
  <si>
    <t>高雄麻將上門爸爸</t>
  </si>
  <si>
    <t>高雄鳳山麻將群聚至今已造成14人染疫高雄市長陳其邁發出「麻將禁令」但就是有人忍不住要。警方查獲湖內一處民宅內有5男1女群聚原來林姓男子不顧老父勸阻心想地處偏遠、時間也晚還是揪人來「摸兩把」林男</t>
  </si>
  <si>
    <t>麻將偏遠時間地處心想勸阻老父至今不顧男子湖內查獲警方林姓原來忍不住民宅</t>
  </si>
  <si>
    <t>高雄鳳山麻將群聚至今已造成14人染疫高雄市長陳其邁發出「麻將禁令」但就是有人忍不住要。警方查獲湖內一處民宅內有5男1女群聚原來林姓男子不顧老父勸阻心想地處偏遠、時間也晚還是揪人來「摸兩把」林男老父忍不住對員警抱怨：「叫他們不要來還是來哪有辦法」。
高雄湖內分局接獲民眾檢舉指出指湖內區中正路一間民宅有人打麻將擔心形成防疫破口；據中廣新聞報導警方趕到現場果然看到5男1女在屋子裡打麻將只有2人有戴口罩6人見警方進門嚇得目瞪口呆、臉色鐵青。
警方調查前去打麻將的是林姓屋主兒子的朋友屋主一見到警方忍不住抱怨：「就跟你說現在疫情嚴峻不要約人到家打麻將你偏偏不聽話結果你看…」員警聽到也直搖頭。現場6人群聚明顯違反3級警戒規定嚴禁室內5人以上聚會員警蒐證後依傳染病防治法全部開單舉發將函報高雄市政府衛生局裁罰。</t>
  </si>
  <si>
    <t>麻將警方高雄湖內忍不住現場老父林姓民宅抱怨開單防治法傳染病</t>
  </si>
  <si>
    <t>新冠肺炎台灣新型冠狀病毒打麻將高雄</t>
  </si>
  <si>
    <t>冠狀臺灣病毒肺炎麻將高雄</t>
  </si>
  <si>
    <t>宣導嘉義辦理移民署母語豬瘟防範網路</t>
  </si>
  <si>
    <t>移民署南區事務大隊嘉義市服務站及專勤隊舉辦「110年度新住民關懷網絡會議」邀請約24個嘉義市公、私部門及移民團體等網絡夥伴共同參與結合中央與地方單位進行政策交流及案例分享其中包含非洲豬瘟防疫、新式</t>
  </si>
  <si>
    <t>網路嘉義包含分享案例交流政策進行單位非洲地方中央結合參與服務站共同年度專勤夥伴舉辦團體關懷移民部門</t>
  </si>
  <si>
    <t>移民署南區事務大隊嘉義市服務站及專勤隊舉辦「110年度新住民關懷網絡會議」邀請約24個嘉義市公、私部門及移民團體等網絡夥伴共同參與結合中央與地方單位進行政策交流及案例分享其中包含非洲豬瘟防疫、新式外來人口統一證號、新冠肺炎及新住民全球新聞網站等宣導透過公私協力合作提升服務品質與營造友善環境擴大對新住民的關懷與服務。
本次會議首先由移民署宣導「非洲豬瘟防疫」的重要性還有「新式外來人口統一證號」等與外來人士切身相關資訊；隨後由嘉義市政府衛生局分享如何防範「新冠肺炎（COVID-19）及其他傳染病」；再來最重要的是介紹與新住民相關的「新住民全球新聞網站」。
該網站每天上傳多則新聞讓新住民用自己母國語言閱讀國內外重要新聞每週還有多語影音報導新聞強化新住民「知」的權利。會中也藉由各與會者互相交流分享服務經驗及面臨的問題透過熱烈討論的過程期盼深化轄區內公部門及NGO團體之間的橫向連繫全面瞭解新住民各項問題及需求適時提供協助。
嘉義市服務站主任黃艷薰表示為了守護臺灣豬移民署特別製作中、英、越、印、泰、緬及柬埔寨等7國語言版文宣及影片並透過服務站通譯人員以母國語言宣導請新住民及移工朋友們千萬不要網購或請家鄉親友從母國寄肉製品到臺灣違規輸入肉品最高可處七年有期徒刑得併科新臺幣300萬元罰金相關文宣放置於「新住民培力發展資訊網」歡迎大家下載轉發齊心防範非洲豬瘟。</t>
  </si>
  <si>
    <t>嘉義透過服務分享服務站新聞母國移民署非洲相關臺灣網路部門重要問題豬瘟交流資訊宣導防範語言會議</t>
  </si>
  <si>
    <t>新住民宣導防範移民署網絡</t>
  </si>
  <si>
    <t>宣導防範移民署網路</t>
  </si>
  <si>
    <t>《類股》各擁題材！生醫股活跳跳智擎、雙美都漲停</t>
  </si>
  <si>
    <t>智擎雙美題材</t>
  </si>
  <si>
    <t>生醫族群個股各擁題材發燒智擎(4162)PEP503用於治療頭頸癌獲美國FDA快速審查資格盤中鎖在漲停板605元買盤超過700張排隊等著要買；雙美(4728)膠原蛋白植入劑出貨旺1月營收年增15264％強調市場需求仍在</t>
  </si>
  <si>
    <t>題材發燒智擎pep用於植入治療蛋白頭頸雙美個股要買美國fda快速排隊超過審查</t>
  </si>
  <si>
    <t>生醫族群個股各擁題材發燒智擎(4162)PEP503用於治療頭頸癌獲美國FDA快速審查資格盤中鎖在漲停板605元買盤超過700張排隊等著要買；雙美(4728)膠原蛋白植入劑出貨旺1月營收年增15264％強調市場需求仍在、疫情衝擊營運不如外界想像這麼嚴重股價鎖在漲停75元；商之器(8409)、環瑞醫(4198)也聯袂鎖在漲停板上市櫃生醫指數漲幅都超過1%成為盤面上人氣焦點。
智擎生技授權夥伴法國Nanobiotix公司宣佈PEP0503(NBTXR3)獲得美國FDA適用在頭頸癌的快速審查資格。Nanobiotix公司與智擎公司針對PEP503正擴大開發其他適應症應用包括頭頸癌、肝癌、直腸癌、攝護腺癌以及併用PD-1抗體於頭頸癌及非小細胞肺癌皆在進行臨床試驗中。
雙美指出雖然短期部分學術分享與行銷活動等相關群聚型活動因新冠肺炎疫情延燒而暫時延期且外出消費的人潮也有減緩情況但觀察多數愛美的消費者對於醫美保養的需求仍存在評估對營運影響並無外界想像來的大。雙美挾著膠原蛋白植入劑出貨表現暢旺1月營收年增15264％。</t>
  </si>
  <si>
    <t>頭頸pep疫情超過公司外界想像智擎停板營運審查雙美活動nanobiotix美國資格植入fda快速</t>
  </si>
  <si>
    <t>新冠肺炎疫情生醫智擎雙美</t>
  </si>
  <si>
    <t>疫情肺炎智擎雙美</t>
  </si>
  <si>
    <t>現身亂髮居家消失激動ig終於回來歐陽娜</t>
  </si>
  <si>
    <t>歐陽娜娜臉蛋甜美、身材高挑近年來都把演藝事業轉往大陸但在台灣的討論度還是超高。時常在社群網站更新動態的她Instagram卻悄悄停留在1月連歐陽妮妮都發文求救：「麻煩幫忙一下呀」事隔兩個月歐陽娜娜終於</t>
  </si>
  <si>
    <t>歐陽娜幫忙身材麻煩高挑求救近年來網站更新動態時常發文討論instagram演藝事業妮妮大陸臺灣歐陽悄悄停留甜美臉蛋</t>
  </si>
  <si>
    <t>歐陽娜娜臉蛋甜美、身材高挑近年來都把演藝事業轉往大陸但在台灣的討論度還是超高。時常在社群網站更新動態的她Instagram卻悄悄停留在1月連歐陽妮妮都發文求救：「麻煩幫忙一下呀」事隔兩個月歐陽娜娜終於更新IG讓粉絲振奮不已直呼：「娜娜終於回來了！」
歐陽娜娜跟時下年輕人一樣熱衷經營個人社群網站雖然微博不斷有更新還開了綠洲新帳號但Instagram卻停留在1月12日引發外界好奇。原來歐陽娜娜的IG密碼登不進去已經寫信給官方處理過了幾天歐陽娜娜終於成功登入IG帳號火速發了多張居家照只見她化著淡妝身穿白底碎花衣服頭髮略顯淩亂面無表情的對著鏡頭同時分享書本的內容顯然有乖乖在家防疫。
歐陽娜娜再度回歸IG讓許多粉絲欣喜若狂短時間內就湧進千人留言：「密碼找回來了」、「回來啦」、「終於發照片了」。
歐陽娜娜把演藝重心轉往大陸後電視、戲劇、綜藝和廣告代言為她賺進上億鈔票最近又入職阿裡巴巴集團擔任淘寶新勢力代言人目前正負責淘寶服飾行業運營有網友爆料依照她的層級和名氣真實年薪超過百萬人民幣。</t>
  </si>
  <si>
    <t>歐陽娜ig更新終於大陸密碼停留粉絲網站instagram回來名氣層級</t>
  </si>
  <si>
    <t>歐陽娜娜IG終於回來了大陸</t>
  </si>
  <si>
    <t>ig終於回來歐陽娜大陸</t>
  </si>
  <si>
    <t>物流口罩不應陳玉珍</t>
  </si>
  <si>
    <t>國民黨立委陳玉珍針對口罩網路預訂政策指出徵收口罩成本25元再加上物流處理費後所以才變成1片5元但現在開放預訂後便利商店領貨要再加7元物流處理費原本的5元不就內含物流費了嗎？陳玉珍批評偏偏一群</t>
  </si>
  <si>
    <t>物流預訂陳玉珍處理費口罩網路內含徵收成本便利商店加上政策指出原本開放現在變成批評</t>
  </si>
  <si>
    <t>國民黨立委陳玉珍針對口罩網路預訂政策指出徵收口罩成本25元再加上物流處理費後所以才變成1片5元但現在開放預訂後便利商店領貨要再加7元物流處理費原本的5元不就內含物流費了嗎？
陳玉珍批評偏偏一群健忘的人還在她提出不應另加收這7元後在那邊帶風向亂批評「請問這些健忘的選民你們是忘記了還是害怕想起來。」
陳玉珍強調政府的政策是要引導民眾行為的方向網路預訂的效果有助於口罩的有效分配和避免排隊的群聚感染以及減少排隊的時間成本各方面都是一件好事。而5塊錢本來就含物流費為了要鼓勵大家多用網路訂購更不應該收這個7塊錢藉由一樣的購買成本來導引民眾往預先訂購的方向去走政策訂定的目的應該朝這個方向努力這個也是我說七塊錢沒有必要收的深層道理。
不過陳玉珍的講法也引來網友批評陳玉珍對此也表示很高興有越來越多的年輕網友會關心及來玉珍這裡討論公共議題但是在討論的過程中即使是在跟網友們持有不同意見時也請大家保有一定的互相尊重。</t>
  </si>
  <si>
    <t>成本物流批評玉珍政策方向網路預訂陳玉珍口罩健忘應該訂購網友民眾處理費排隊</t>
  </si>
  <si>
    <t>陳玉珍物流口罩政策新冠肺炎</t>
  </si>
  <si>
    <t>口罩政策物流陳玉珍肺炎</t>
  </si>
  <si>
    <t>重症結合中西醫避免</t>
  </si>
  <si>
    <t>台灣疫情近日持續升溫大陸抗疫時的醫療應對或許有可借鏡之處包含像兩岸共通的「中醫」療法大陸也在對抗新冠肺炎疫情過程做為醫療方式之一。武漢大學人民醫院中醫科副主任胡家才指出輕症患者結合中西醫治療</t>
  </si>
  <si>
    <t>大陸醫療疫情指出胡家主任醫科患者升溫人民醫院武漢大學包含方式兩岸共通或許應對中醫療法</t>
  </si>
  <si>
    <t>台灣疫情近日持續升溫大陸抗疫時的醫療應對或許有可借鏡之處包含像兩岸共通的「中醫」療法大陸也在對抗新冠肺炎疫情過程做為醫療方式之一。武漢大學人民醫院中醫科副主任胡家才指出輕症患者結合中西醫治療對提高療效、縮短病程非常有幫助。據大陸官方先前發布《抗擊新冠肺炎疫情的中國行動》白皮書顯示中醫藥參與救治確診病例的占比達到92％。湖北省確診病例中醫藥使用率和總有效率超過90％。
實際上在大陸去年召開的「中醫藥在新冠肺炎防治中的作用與傳承創新發展研討會」上復旦大學附屬華山醫院感染科主任張文宏也指出中醫的「治未病」思想在新冠肺炎的預防常態化將有重要作用同時在中西醫融合思想、現代化科學化的支援下可以走得更好、更遠。
針對輕症患者如何採取中西醫結合治療？胡家才曾說明西醫用藥主要是抗病毒比如奧司他韋和阿比多爾同時也使用中醫藥治療、廣譜抗病毒來調節免疫力；整體來說使用中藥後的療效相當好一方面可調節身體、另一方面讓患者心裡有種安全感。同時中醫參與治療對提高療效縮短病程很有幫助並配合傳統的非藥物療法如八段錦來疏通經脈、緩解精神緊張。
「疾病的嚴重化高死亡率是對大家造成恐慌的重要原因」張文宏認為基於零重症的治療思想中醫是以預防為主阻止輕症病人變成重症病人把病控制在早期階段不要發生重症化降低致死率。
張文宏更指出中醫學已開始充分地進行機制面的研究引入如資訊化、分子生物學等西醫常用的現代科學機制成為可以共同談論的科學語言。此外很多中醫藥科學家也開始做有效成分的分離純化包括電腦輔助分析、對有效小分子化合物提純等。</t>
  </si>
  <si>
    <t>中醫藥大陸治療中醫肺炎張文宏思想重症指出有效疫情療效中西醫患者開始機制療法醫療</t>
  </si>
  <si>
    <t>大陸張文肺炎輕症西醫</t>
  </si>
  <si>
    <t>肺炎張文西醫大陸</t>
  </si>
  <si>
    <t>危機解除陳時中感染支持醫院難以置信</t>
  </si>
  <si>
    <t>農曆新年才剛過明年臺北市長之戰已成各界焦點藍綠陣營會派誰出戰也吸引各界關注其中衛福部長陳時中代表綠營出馬的呼聲極高。據悉民進黨所作的內部民調顯示陳時中成功化解桃醫危機不論在臺北和新北</t>
  </si>
  <si>
    <t>陳時中臺北市化解已成成功焦點藍綠陣營會派顯示明年出戰所作吸引民進內部據悉關注呼聲衛福部長出馬</t>
  </si>
  <si>
    <t>陳時中臺北市民進參選市長滿意度成功選戰沒有出馬總統表示真的報導臺北網友</t>
  </si>
  <si>
    <t>陳時中桃醫危機民進黨臺北市長新北市長</t>
  </si>
  <si>
    <t>民進臺北危機市長桃醫陳時中新北</t>
  </si>
  <si>
    <t>疫情開玩笑愚人節提醒蔡英文</t>
  </si>
  <si>
    <t>明天是4月1日愚人節蔡英文總統今天提醒民眾愚人節這天忍不住的人可以發揮幽默但切記「 不可以拿疫情開玩笑以免觸犯法律」。蔡英文在臉書表示她想提前介紹愚人節好運貓貓更重要的是愚人節這天不可</t>
  </si>
  <si>
    <t>愚人節蔡英文可以好運介紹忍不住提前疫情開玩笑民眾法律觸犯表示貓貓幽默切記發揮總統今天提醒重要</t>
  </si>
  <si>
    <t>明天是4月1日愚人節蔡英文總統今天提醒民眾愚人節這天忍不住的人可以發揮幽默但切記「 不可以拿疫情開玩笑以免觸犯法律」。
蔡英文在臉書表示她想提前介紹愚人節好運貓貓更重要的是愚人節這天不可以拿疫情開玩笑以免觸犯以下法律：
一丶傳染病防治法第63條：散播有關傳染病流行疫情之謠言或不實訊息足生損害於公眾或他人者科新台幣三百萬元以下罰金。
二丶防疫特別條例第14條：散播有關嚴重特殊傳染性肺炎流行疫情之謠言或不實訊息足生損害於公眾或他人者處三年以下有期徒刑、拘役或科或併科新台幣三百萬元以下罰金。
她也祝福大家愚人節不只幽默也都能健康又平安！</t>
  </si>
  <si>
    <t>愚人節以下疫情蔡英文幽默可以有關散播法律罰金流行公眾台幣觸犯傳染病損害謠言開玩笑不實好運</t>
  </si>
  <si>
    <t>愚人節疫情蔡英文新冠肺炎新冠病毒</t>
  </si>
  <si>
    <t>肺炎疫情蔡英文愚人節病毒</t>
  </si>
  <si>
    <t>苗栗足跡集中機師檢疫所確診</t>
  </si>
  <si>
    <t>針對確診機師案16120曾於8月28日返回苗栗頭份老家縣府以禦敵從嚴原則對頭份市成功裡12至14鄰啟動社區快篩防疫機制同時也對此案匡列接觸者19人（新增燒烤店顧客1人）及同住家人39人總共58人住進集中檢疫所隔</t>
  </si>
  <si>
    <t>返回苗栗頭份接觸老家匡列縣府機制防疫從嚴原則對頭社區啟動成功新增集中</t>
  </si>
  <si>
    <t>針對確診機師案16120曾於8月28日返回苗栗頭份老家縣府以禦敵從嚴原則對頭份市成功裡12至14鄰啟動社區快篩防疫機制同時也對此案匡列接觸者19人（新增燒烤店顧客1人）及同住家人39人總共58人住進集中檢疫所隔離及採檢。
縣府指出案16120曾返回苗栗頭份老家待至隔日離開苗栗於頭份市並無公共場域足跡其苗栗家人PCR也皆為陰性但縣府仍從嚴辦理凡設籍於頭份市成功裡12、13及14鄰居民持身分證及健保卡雙證件證明可至設在為恭醫院的社區篩檢站採檢時間為今天下午1點至晚上9點及9月5日早上8點到10點及下午1點至晚上9點。若戶籍不在但實際居住者可請裡鄰長或由社區管委會開立居住證明。
縣府表示案16120在PCR結果出來前就涉及長途移動並和外人聚會違反機組員加強自主管理規範部分因個案為桃園市案例目前由桃園市政府調查中縣府全力配合協助。
徐耀昌說此案以高規格掌握相關風險擴大匡列相關人員藉以阻斷感染源進入社區衛生局已依中央指示針對已匡列接觸者58人從昨天晚上到今天上午分梯安排入住集中檢疫所作預防性集中檢疫隔離及採檢由原「確診者接觸者的接觸者」自主健康管理升級至「隔離」規格這是為了預防Delta變異株傳播性為不得不的因應措施希望民眾配合。
而現階段苗栗縣採取強化2級警戒防疫措施但暫不調降集會及活動規範人數。
此外有關本月6日起役男將開始入營在入營前可以預約免付費快篩篩檢日期須在入營前3天（不含入營當日）篩檢地點在全縣COVID-19抗原的10家醫院採檢站役男須帶徵集令（常備役、一般替代役、補充兵）、入營通知書（研發替代役） 、錄取通知書（志願役）及健保卡前往採檢在入營集合時出示健保快易通app篩檢結果為陰性者才可報到入營。</t>
  </si>
  <si>
    <t>縣府社區頭份匡列隔離接觸措施配合規格規範防疫集中役男管理結果</t>
  </si>
  <si>
    <t>機師苗栗老家集中檢疫台灣</t>
  </si>
  <si>
    <t>苗栗老家集中檢疫臺灣機師</t>
  </si>
  <si>
    <t>社會陳時中成本確診</t>
  </si>
  <si>
    <t>昨日(3/31)基隆市舉行新冠肺炎超前部署社區防疫演習疫情指揮中心指揮官陳時中在臺上致詞時透露每一名新冠肺炎確診社會成本高達210萬元這還不包括所有間接成本。他表示錢的事小最怕的是病毒擴散出去變成</t>
  </si>
  <si>
    <t>肺炎最怕表示間接成本包括病毒中心指揮指揮官疫情成本高演習陳時中臺上防疫社會致詞超前社區確診部署</t>
  </si>
  <si>
    <t>昨日(3/31)基隆市舉行新冠肺炎超前部署社區防疫演習疫情指揮中心指揮官陳時中在臺上致詞時透露每一名新冠肺炎確診社會成本高達210萬元這還不包括所有間接成本。他表示錢的事小最怕的是病毒擴散出去變成社區人傳人因此他拜託居家隔離或檢疫的民眾真的不要出門、到處亂跑要守住台灣每個人都有責任。
陳時中表示社會成本算是小事情他最擔心的是新冠病毒會會一傳十、十傳百導致疫情擴散。所以他苦勸居家隔離、檢疫者真的不要趴趴走明知故犯還出門去超商、買咖啡、借錢、買蚵仔煎等會造成社會上很大的壓力。
至31日為止全台新冠肺炎確診已累計322例。陳時中說台灣非常努力做好邊境管制、境內檢疫等然而要守住台灣的安全必須靠大家一起自我管理做好自身的責任「每個人都是小螺絲釘我也是一個小螺絲釘。拴緊了才有辦法面對這場硬仗。」</t>
  </si>
  <si>
    <t>社會臺灣檢疫肺炎出門陳時中疫情做好社區擴散表示責任病毒確診居家不要隔離螺絲釘</t>
  </si>
  <si>
    <t>陳時中防疫台灣210萬社會成本</t>
  </si>
  <si>
    <t>社會臺灣防疫陳時中成本</t>
  </si>
  <si>
    <t>停課負擔香港發放學生津貼家長港幣減輕</t>
  </si>
  <si>
    <t>新冠肺炎疫情持續延燒全香港的學校自2月初開始停課香港教育局20日宣佈將會提供中小學、幼稚園以及其學生額外津貼以協助減輕學校和家長在防疫、停課時間的負擔目前第一批學生津貼將發放港幣3500元（約新台</t>
  </si>
  <si>
    <t>津貼學生學校停課香港持續教育宣佈提供疫情防疫中小學幼稚園額外協助目前家長減輕時間負擔發放月初</t>
  </si>
  <si>
    <t>新冠肺炎疫情持續延燒全香港的學校自2月初開始停課香港教育局20日宣佈將會提供中小學、幼稚園以及其學生額外津貼以協助減輕學校和家長在防疫、停課時間的負擔目前第一批學生津貼將發放港幣3500元（約新台幣13000元）之後還會陸續發出。
香港教育局長楊潤雄表示為了防止新型冠狀病毒在校園之中傳播以及保障學生們的健康安全全香港的學校從2月初開始暫時停課而學生在學校的支援下皆留在家中學習做到「停課不停學」但在這段期間不少家長仍支付子女的學費或是添購學習設備等。
為了減輕家長的負擔香港政府將成立「防疫抗疫基金」預計撥出約9億港幣（約35億元新台幣）把本學年每名學生津貼增加1000港幣（約3930元新台幣）由2500元提高至3500元惠及約90萬名家長且無須另行提交申請政府也會依據先前訂定的時間表優先處理學生津貼的申請。
楊潤雄指出預計可在「防疫抗疫基金」成立後的一星期內就開始發放第一批3500元的學生津貼其後批次則會陸續發放。另外香港教育局宣告除了調撥現有資源為全港學生提供津貼外也會幫助學校提升防疫物資並且清潔校園。
更多 CTWANT 報導</t>
  </si>
  <si>
    <t>學生津貼香港家長學校防疫停課發放校園學習申請開始台幣減輕陸續提供港幣預計負擔基金成立</t>
  </si>
  <si>
    <t>學生津貼學校停課武漢肺炎</t>
  </si>
  <si>
    <t>武漢津貼學校停課肺炎學生</t>
  </si>
  <si>
    <t>央行馬來西亞經濟國際金融降息</t>
  </si>
  <si>
    <t>馬來西亞央行週二宣佈調降基準利率2碼（50基點）至200%創下2009年來新低以協助經濟度過新冠肺炎大流行與能源出口價格崩跌的衝擊。馬來西亞政府已在週一放寬歷時6周的行動與企業限制措施。這是該國央行第三度</t>
  </si>
  <si>
    <t>馬來西亞央行企業行動歷時基準利率放寬基點創下週一新低協助經濟度過政府肺炎流行能源出口衝擊</t>
  </si>
  <si>
    <t>馬來西亞央行週二宣佈調降基準利率2碼（50基點）至200%創下2009年來新低以協助經濟度過新冠肺炎大流行與能源出口價格崩跌的衝擊。
馬來西亞政府已在週一放寬歷時6周的行動與企業限制措施。
這是該國央行第三度降息此決議符合市場普遍預期。今年馬來西亞經濟料將創下逾10年來最疲弱的表現。
在其政策聲明中該央行表示將適當動用其政策槓桿為經濟持續復甦創造有利環境。
儘管在4月中旬以前馬來西亞是新冠狀病毒確診病例最多的東南亞國家但該國仍決定在5月4日放寬防疫管制措施。該國衛生部門週一公佈55起新增確診病例使染病患者總數達到6353人累計死亡病例為105人。</t>
  </si>
  <si>
    <t>馬來西亞經濟央行病例放寬週一措施確診政策創下達到總數患者染病出口能源價格流行基準利率衝擊</t>
  </si>
  <si>
    <t>馬來西亞央行降息經濟新冠肺炎</t>
  </si>
  <si>
    <t>經濟降息央行肺炎馬來西亞</t>
  </si>
  <si>
    <t>《盤後解析》多頭復「電」半年線守住</t>
  </si>
  <si>
    <t>多頭半年線解析盤後</t>
  </si>
  <si>
    <t>電子族群奮起台股急挫百餘點後翻紅收高半年線守住。國際股市殺聲隆隆美股昨夜重挫千點亞股今早剉咧等台股在盤初急跌百餘點、探至1141547點後回測半年線惟權值三王台積電(2330)、大立光(3008)、鴻海(2</t>
  </si>
  <si>
    <t>半年線三王股市昨夜國際盤初</t>
  </si>
  <si>
    <t>電子族群奮起台股急挫百餘點後翻紅收高半年線守住。國際股市殺聲隆隆美股昨夜重挫千點亞股今早剉咧等台股在盤初急跌百餘點、探至1141547點後回測半年線惟權值三王台積電(2330)、大立光(3008)、鴻海(2317)多頭回神重掌兵符攜手搖旗反攻帶領其他電子、半導體、電子零組件等主要電子族群步步逼退空軍午盤過後成功收復失土、持穩盤上最高來到1156709點惟臨收台積電、鴻海遭空軍突襲漲幅雙雙縮減大盤漲點也同步降至536點收1154023點總成交值則放大至153815億元；店頭市場收14648點下跌008點總成交值37622億元。
分析師表示觀察外資動向昨日外資現貨賣超逾200百億元期貨淨多單留倉口數也僅26萬多口顯示出對後市抱持保守態度看不明朗。未來影響台股重要因素為疫情的發展目前全球經濟已受到波及後續須關注各產業是否出現產生斷鏈等情形。
電子權值三王全收紅股王大立光終場收在4630元小漲043%；台積電終場收在322元上漲063%；鴻海收在823元漲198%；立凱-KY(5227)挾著鋰鐵電池未來看好今日收漲停1765元並收復年線；茂矽(2342)1月份EPS達012元較去年同期虧轉盈今日續創波段高；國泰金收在407元小跌037%富邦金收在4495元小跌011%。
分析師說新冠肺炎疫情全球擴散國際股市震盪台股短期將難脫震盪格局目前各國央行持續寬鬆貨幣政策操作上不妨留意具內需題材、2月營收不受疫情影響等個股。</t>
  </si>
  <si>
    <t>電子疫情收在目前今日未來空軍分析全球股市國際三王半年線總成交</t>
  </si>
  <si>
    <t>新冠肺炎疫情台積電大立光鴻海</t>
  </si>
  <si>
    <t>台積電疫情肺炎</t>
  </si>
  <si>
    <t>八大行業鬆口中心指揮條件降為開放</t>
  </si>
  <si>
    <t>台灣本土降級後國旅交通大鬆綁台灣境內的郵輪旅遊傳出復航申請文件已經在指揮中心八大行業也傳出遞交防疫指引盼可恢復營業對此中央流行疫情指揮中心證實確實都有收到申請檔但需要看防疫計畫來決定</t>
  </si>
  <si>
    <t>防疫傳出文件申請指揮中心臺灣交通鬆綁境內郵輪需要恢復旅遊國旅營業指引中央遞交流行疫情收到複航證實</t>
  </si>
  <si>
    <t>台灣本土降級後國旅交通大鬆綁台灣境內的郵輪旅遊傳出復航申請文件已經在指揮中心八大行業也傳出遞交防疫指引盼可恢復營業對此中央流行疫情指揮中心證實確實都有收到申請檔但需要看防疫計畫來決定尤其郵輪多達千人且是在密閉空間會參考國外作法。
網路傳出10月1日疫情警戒將會降到一級對此中央流行疫情指揮中心醫療應變組副組長羅一鈞表示確實這階段二級警戒調整標準前天有開會修正但何時降級要看疫情發展以及民眾對於修改規定後的遵守情形來做評估。
至於郵輪部分何時可以鬆綁？發言人莊人祥表示由於郵輪的旅客多達千人而國內目前還是有不明感染源的病例加上郵輪空間也比較封閉這部分將會針對業者的防疫計畫評估另外會在看其他國家針對郵輪的復航規定來做參考。
至於八大解禁羅一鈞表示目前列為禁止須關閉場所中的業別包括KTV、MTV等場所目前經濟部已經針對這些業別制定指引送到指揮中心經過適度防疫與管理就可以有條件開放。
是否開放？羅一鈞強調一方面會衡量全國民眾疫苗接種後蓋率另外就是落實防疫條件尤其這些行業因為很多都是密閉空間能不能遵守口罩戴好、保持社交距離等是審核比較重要的部分通過會再公佈。</t>
  </si>
  <si>
    <t>郵輪防疫疫情指揮目前中心表示傳出羅一鈞空間部分民眾遵守警戒指引確實已經可以參考業別降級八大規定</t>
  </si>
  <si>
    <t>降一級八大行業郵輪解禁指揮中心</t>
  </si>
  <si>
    <t>解禁行業郵輪八大指揮中心</t>
  </si>
  <si>
    <t>開槍解析盤後</t>
  </si>
  <si>
    <t>台股今不敵股王大立光法說會Q3不旺震撼彈美國昨新增65萬新增病例、香港也新增42病例緊急祭出限聚令全球疫情恐捲土重來拖累台股指數一度重挫逾160點最低落至12030點但在台積電撐盤下盤中跌幅收斂到百</t>
  </si>
  <si>
    <t>新增病例盤下台積電低落緊急祭出一度震撼指數拖累捲土重來全球</t>
  </si>
  <si>
    <t>台股今不敵股王大立光法說會Q3不旺震撼彈美國昨新增65萬新增病例、香港也新增42病例緊急祭出限聚令全球疫情恐捲土重來拖累台股指數一度重挫逾160點最低落至12030點但在台積電撐盤下盤中跌幅收斂到百點之內終場台股收跌11901點、報在1207368點、成交量為258181億元台股周線4連紅、本周指數漲164點。
股王大立光(3008)為今日台股投下震撼彈昨日法說會中執行長林恩平釋出保守消息大部分客戶都有下修6月、7月及8月拉貨動能差不多今股價重殺開低盤中股價重挫逾9%直逼跌停板終場收跌420元惟外資依舊對大立光送暖多維持「買進」、「建議加碼」評等美系外資還上調大立光目標價至5200元。
權值股中權王台積電(2330)逆風振翅無懼大盤股價一度衝上353元再度改寫新天價市值也站上9兆元大關、達915兆元。
大立光對第三季展望釋出保守訊息市場智慧型手機產業下半年是否會有變數玉晶光(3406)下跌逾5%PCB廠華通(2313)、台光電(2383)、台郡(6269)、臻鼎-KY(4958)砷化鎵代工廠穩懋(3105)及宏捷科(8086)等今也成為台股重災區。
IC設計指標股聯發科(2454)除智慧型手機前景受到股王示警蒙塵外加上自身波段漲幅已經過高今持續壓回修正逾3%近期屢創天價的瑞昱(2376)、聯詠(3034)則是一漲一跌瑞昱壓回震盪聯詠則在有外資加持續走揚逾1%。
今日八大類股全數走跌除電子股得走弱下汽車類股指數更是重挫逾2%表現最弱另外塑膠、玻璃、橡膠、運輸、觀光、營建與百貨類股指數同步也均下挫逾1%生醫股早盤走強為盤中急殺類股大洗三溫暖。
分析師表示雖然美國每週初領失業救濟金人數持續下滑但美國新增確診人數維持高檔市場仍擔憂疫情造成二次封鎖同時也關心關稅戰、地緣政治衝突以及發生在日本、長江流域的水患隱憂距離美國總統大選僅剩4個月也牽動美股的走勢近期台股維持均線多方架構不變但短線上仍有可能出現拉回盤整。6月營收數字與緊接而來的第二季財報為市場關注的焦點投資人在挑選投資標的時應留意。
目前台股指數仍在偏多發展只要維持3天之內創高或是5日線不破都是強勢型態直到跌破月線才將轉入整理在此之前各族群還是輪漲今日6月營收將全數公佈完畢後續陸續進入法說會旺季可以留意相關第三季產業展望。</t>
  </si>
  <si>
    <t>指數維持美國市場持續今日外資盤中股王股價疫情</t>
  </si>
  <si>
    <t>新冠肺炎大立光鴻海台積電聯發科</t>
  </si>
  <si>
    <t>台積電肺炎聯發</t>
  </si>
  <si>
    <t>機構人員縣府淪陷接種順位雙北長</t>
  </si>
  <si>
    <t>花蓮縣今新增1例是萬華大舅案4260上月中旬前往花蓮遊玩期間住在親戚家同住共餐、打牌所造成的家族群聚感染迄今已累計到13例。此外雙北長照機構近日爆發人員相繼染疫縣府已要求縣內長照機構分艙分流疫</t>
  </si>
  <si>
    <t>機構萬華上月中旬花蓮前往大舅打牌造成族群感染迄今已累計縣府雙北長要求相繼</t>
  </si>
  <si>
    <t>花蓮縣今新增1例是萬華大舅案4260上月中旬前往花蓮遊玩期間住在親戚家同住共餐、打牌所造成的家族群聚感染迄今已累計到13例。此外雙北長照機構近日爆發人員相繼染疫縣府已要求縣內長照機構分艙分流疫苗接種部分則是將機構人員列入施打對象的第二順位。
衛生局長朱家祥表示案8994是一名60幾歲男性為案6776的父親來源仍是由萬華大舅造成案6556家族群聚案所延伸。上月26日其女兒確診後就前往慈濟醫院PCR篩檢結果呈陰性隔天就一直在家中隔離和同住妻子做好一人一室保持社交距離30日晚間出現發燒情形當時不以為意吃退燒藥隔天持續發燒31日晚間撥打防疫專線主訴出現症狀後公衛人員隨即安排至花蓮醫院採檢確診。迄今也已累計36例確診個案90人居家隔離中。
臺北市信義區某老人長照機構日前發生群聚感染後新北市土城某養護中心也出現確診個案新北市政府將針對各長照機構等單位的照顧者、被照顧者進行篩檢並優先讓其接種疫苗避免長者染疫產生重症。
花蓮縣長徐榛蔚有感而發上月28日已要求縣內的長照機構、療養院、24小時住宿的長照機構院內醫護人員、照護員一定要進行分艙分流禁止相互換班嚴禁行政人員進入醫療管制區域外聘的清潔員、電梯保養員等則是禁止進入長照機構。
徐榛蔚強調在機構內從事醫護的人員、照服員、工作人員等縣府會盡力安排提早接種疫苗安排在施打第二順位延續安小安老政策。另外疫苗抵達花蓮後會啟動13鄉鎮衛生所、各大醫院及先前配合施打流感的診所同步替民眾接種。
由於消防局救護人員也是防疫第一線有接觸確診患者、出入高風險區的需求衛生局協調慈濟醫院替消防局近300位救護人員分批接種疫苗；據統計今天是第一批共有123位救護人員接種消防局長林文瑞一早也現身醫院捲起袖子讓醫護人員施打盼能藉此增加救護人員的信心。</t>
  </si>
  <si>
    <t>人員機構醫院接種確診疫苗出現花蓮救護施打上月安排隔離進入</t>
  </si>
  <si>
    <t>新冠肺炎台灣長照機構順位救護人員</t>
  </si>
  <si>
    <t>機構臺灣順位肺炎救護人員</t>
  </si>
  <si>
    <t>回應防疫飯店安心住房高雄住宿率異地辦公搶救</t>
  </si>
  <si>
    <t>所謂山不轉路轉高市旅宿業因疫情大動盪住房率不見起色有業者乾脆推居家檢疫者家人優惠住房專案高雄翰品酒店電話詢問度高還提供餐飲外送到給居家檢疫者。漢來飯店也推出「家外之家長住專案」已有居家檢疫</t>
  </si>
  <si>
    <t>居家檢疫住房專案疫情動盪宿業不見起色詢問提供電話翰品酒店餐飲高雄業者家外送到推出乾脆長住漢來</t>
  </si>
  <si>
    <t>所謂山不轉路轉高市旅宿業因疫情大動盪住房率不見起色有業者乾脆推居家檢疫者家人優惠住房專案高雄翰品酒店電話詢問度高還提供餐飲外送到給居家檢疫者。漢來飯店也推出「家外之家長住專案」已有居家檢疫者家人入住。
高雄翰品酒店指出目前住房率為2、3成清明節預估3至4成近來推出「把安全留給家人」防疫住房專案至6月底讓需要和居家檢疫同住的健康家人以優惠價格入住旅館須連續入住7天以上每晚1530元贈早餐。另推不限金額為居家檢疫者送餐服務。
漢來飯店表示近來住房率約2成雖然下周是連假但近來是防疫關鍵期目前受到連假紅利而提升；目前推出持家人的「居家檢疫通知書」影本證明且至少需連住10晚不分平假日一晚2310元。
高雄福容大飯店推「住辦合一」專案至6月30日提供商務客辦公目前詢問度很高依照商務公司需求簽訂合約屆時也會開固定樓層包月每天1366元、連住14天則是1500元。福華飯店也推遠端辦公室客房專案租用5日以上每日1388元。
另外開業9年的艾卡設計旅店近日宣佈4月15日結束營業是否因疫情影響所致？業者澄清是「租約到期」即起推住房打3折每晚每人最低只要480元起並舉辦出清特賣會。</t>
  </si>
  <si>
    <t>所謂 山不轉路轉 高市旅 宿業 因 疫情 大 動盪 住房 率 不見 起色 有 業者 乾脆 推 居家 檢疫 者 家人 優惠 住房 專案 高雄 翰品酒店 電話 詢問 度 高 還 提供 餐飲 外 送到 給 居家 檢疫 者 漢來 飯店 也 推出 家外 之家 長住 專案 已 有 居家 檢疫 者 家人 入 住 高雄 翰品酒店 指出 目前 住房 率 為 23 成 清明節 預估 3 至 4 成 近來 推出 把 安全 留給 家人 防疫 住房 專案 至 6 月底 讓 需要 和 居家 檢疫 同 住 的 健康 家人 以 優惠價格 入住 旅館 須 連續 入 住 7 天 以上 每晚 1530 元 贈 早餐 另 推 不 限 金額 為 居家 檢疫 者 送 餐 服務 漢 來 飯店 表示 近來 住房 率 約 2 成 雖然 下 周是連 假 但 近來 是 防疫 關鍵期 目前 受到 連 假 紅利 而 提升 目前 推出 持 家人 的 居家 檢疫 通知書 影本 證明 且 至少 需 連住 10 晚 不分 平 假日 一 晚 2310 元 高雄 福容 大 飯店 推 住 辦 合一 專案 至 6 月 30 日 提供 商務客 辦公 目前詢問 度 很 高 依照 商務 公司 需求 簽訂 合約 屆時 也 會 開 固定 樓層 包月 每天 1366 元 連住 14 天 則 是 1500 元 福華 飯店 也 推 遠 端 辦公室 客房 專案 租用 5 日 以上 每日 1388 元 另外 開業 9 年 的 艾卡 設計 旅店 近日 宣佈 4 月 15 日 結束 營業 是否 因 疫情 影響 所 致 業者 澄清 是 租約 到期 即 起 推 住房 打 3 折 每晚 每人 最低 只 要 480 元 起 並舉 辦 出清 特 賣 會</t>
  </si>
  <si>
    <t>住房檢疫專案居家飯店目前家人推出近來高雄疫情連住以上業者提供防疫詢問</t>
  </si>
  <si>
    <t>新冠肺炎高雄觀光住宿飯店</t>
  </si>
  <si>
    <t>肺炎高雄觀光住宿飯店</t>
  </si>
  <si>
    <t>防疫馬文君前線感謝嚴峻醫護疫情清潔本土人員</t>
  </si>
  <si>
    <t>新冠肺炎疫情嚴峻前線防疫警消、醫護、清潔等人員的安全不容漠視！立委馬文君匯集志工們愛心製作超過8000個「頭戴式防護罩」希望防疫英雄們除戴口罩外能多加一層防護罩減少飛沫接觸眼耳口鼻機會放心值勤、</t>
  </si>
  <si>
    <t>防疫防護罩嚴峻前線接觸人員醫護安全減少不容清潔漠視馬文君彙集疫情</t>
  </si>
  <si>
    <t>新冠肺炎疫情嚴峻前線防疫警消、醫護、清潔等人員的安全不容漠視！立委馬文君匯集志工們愛心製作超過8000個「頭戴式防護罩」希望防疫英雄們除戴口罩外能多加一層防護罩減少飛沫接觸眼耳口鼻機會放心值勤、守護縣民健康。
馬文君說照片裡的每位防疫英雄都是我們的「台灣隊長」面對疫情衝擊他們沒有流淚的特權必須面臨三餐不定時選擇飢餓汗流浹背值勤甚至存在染疫的風險與壓力；但是他們義無反顧的在各個角落挺身而出這些人是帶領全台挺過危機、最重要的抗疫主角。
馬文君強調她要向穩住社會的前線防疫人員致上最深的敬意您們是比國家隊更強大的「平民抗疫英雄」因為有您們我們相信一定能戰勝疫情讓這塊土地恢復生機與希望大家加油！台灣加油！
＃新冠肺炎＃頭戴式防護罩</t>
  </si>
  <si>
    <t>防疫馬文君疫情英雄防護罩值勤人員前線臺灣希望頭戴式肺炎面臨定時必須選擇饑餓汗流浹背加油特權</t>
  </si>
  <si>
    <t>新冠肺炎台灣前線防護罩防疫</t>
  </si>
  <si>
    <t>前線臺灣肺炎防護罩防疫</t>
  </si>
  <si>
    <t>實施八大銀行暫緩庫藏</t>
  </si>
  <si>
    <t>包括摩根大通在內的美國八家大型銀行15日晚間宣佈基於新冠肺炎帶來「前所未見的挑戰」銀行將暫緩實施庫藏股計畫至少7月前都不會買回自家股票以保留資金對抗肺炎疫情。代表美國大型銀行的金融服務論壇（Finan</t>
  </si>
  <si>
    <t>銀行肺炎美國至少代表股票庫藏保留資金實施疫情對抗暫緩晚間宣佈挑戰前所未見帶來</t>
  </si>
  <si>
    <t>包括摩根大通在內的美國八家大型銀行15日晚間宣佈基於新冠肺炎帶來「前所未見的挑戰」銀行將暫緩實施庫藏股計畫至少7月前都不會買回自家股票以保留資金對抗肺炎疫情。
代表美國大型銀行的金融服務論壇（Financial Services Forum）宣佈摩根大通、美國銀行（BoA）、花旗集團、高盛、摩根士丹利、富國銀行、道富銀行 （State Street）和紐約梅隆銀行這項決定。數小時前美國聯準會（Fed）一口氣將利率調降4碼並公佈一連串強化經濟和銀行流動性措施。
上述美國八大銀行被巴塞爾銀行監管委員會視為是「全球系統重要性」銀行。美國八家大銀行暫緩實施庫藏股主要為了證明在全球經濟高度不確定的時刻銀行保有充足的資本和流動性。
金融服務論壇在聲明稿中表示「新冠肺炎對全球和經濟都是前所未見的挑戰暫緩實施庫藏股計畫符合銀行的共同目標也就是運用龐大的資本和流動性藉由放款和其他重要服務為個人、小型企業和整體經濟提供最大的支援。」
布蘭迪（Brandywine）全球投資管理公司投資組合經理人凱瑟（Patrick Kaser）表示這項計畫看似由摩根大通執行長迪蒙（Jamie Dimon）主導目的在強化銀行信心。
美國最大銀行摩根大通在聲明稿中指出「即使市況大幅惡化摩根大通擁有充足的能力和穩健的資產負債表以支撐金融體系和所有客戶。」摩根大通的股利政策維持不變。
美國八大銀行在2019年總計買回1080億美元股票其中以美國銀行規模最大高達280億美元。銀行的股利與庫藏股水準每年由聯準會核定規模依據7月的壓力測試結果而定。</t>
  </si>
  <si>
    <t>銀行美國大通摩根經濟全球庫藏流動性肺炎規模充足美國銀行准會表示股利強化宣佈資本實施金融服務</t>
  </si>
  <si>
    <t>暫緩實施流動性美國肺炎庫藏股</t>
  </si>
  <si>
    <t>實施流動性美國肺炎暫緩庫藏</t>
  </si>
  <si>
    <t>體育館門口階梯全副武裝新莊查看趴倒全是烏</t>
  </si>
  <si>
    <t>新北市新莊體育館20日上午8時有民眾目擊有一名女子橫躺在體育館階梯上面部也未戴上口罩有民眾憂心是昏倒遂通報消防局不料消防到現場一問該名女子則回覆她是在曬日光浴。實際上因疫情進入社區多點爆發雙</t>
  </si>
  <si>
    <t>女子體育館民眾實際上日光浴上午疫情現場不料通報時有階梯目擊昏倒口罩憂心</t>
  </si>
  <si>
    <t>新北市新莊體育館20日上午8時有民眾目擊有一名女子橫躺在體育館階梯上面部也未戴上口罩有民眾憂心是昏倒遂通報消防局不料消防到現場一問該名女子則回覆她是在曬日光浴。
實際上因疫情進入社區多點爆發雙北率先升級為三級警戒後早已全面要求市民朋友出門戴上口罩若勸導不聽無罩上路將可傳染病防治法開罰；此外多數的公共場所也早已關閉不供民眾出入。
不料20日上午8時許就有民眾目擊一名年約30歲的長髮女性橫躺在新莊體育館的階梯上害怕發生意外便撥打電話請求消防局協助處理誰也沒想到是一場烏龍。
救護人員趕往現場時發覺女子並未配戴口罩不敢大意便要求女子先戴上口罩再行詢問狀態沒想到瞭解後才發現女子身體並無不適只是在曬日光浴最後在救護人員的勸說下離開現場。
過程也被民眾拍下上傳至臉書社團透過圖片可見到該名女子以臥姿趴在階梯上救護人員則穿著全套防護衣上前關心不少網友質疑疫情如此嚴峻卻還有人在浪費醫療資源也有人替醫護抱不平直說他們都已經很累了還要處理這種案件真的很辛苦。</t>
  </si>
  <si>
    <t>女子民眾口罩現場救護人員疫情體育館階梯處理早已不料日光浴要求想到新莊</t>
  </si>
  <si>
    <t>新冠肺炎台灣新莊體育館口罩日光浴</t>
  </si>
  <si>
    <t>新莊臺灣肺炎體育館口罩日光浴</t>
  </si>
  <si>
    <t>首例傳播口罩社區肺炎愈演愈烈</t>
  </si>
  <si>
    <t>中央流行疫情指揮中心今(16)日公佈新增確診2例COVID-19(新冠肺炎)個案台灣累計共20名確診案例且出現首個死亡案例也就是第19例的中部60多歲男性有B型肝炎及糖尿病病史無出國旅遊史亦非確診病例之已知密切</t>
  </si>
  <si>
    <t>確診案例中心亦非公佈旅遊病史出國新增糖尿病肝炎指揮男性中部covid-累計個案肺炎臺灣</t>
  </si>
  <si>
    <t>中央流行疫情指揮中心今(16)日公佈新增確診2例COVID-19(新冠肺炎)個案台灣累計共20名確診案例且出現首個死亡案例也就是第19例的中部60多歲男性有B型肝炎及糖尿病病史無出國旅遊史亦非確診病例之已知密切接觸者。指揮官陳時中表示由於第19例男子無旅行史、明確接觸史所以有社區傳播的疑慮但這位死亡案例的職業為白牌計程車司機很可能載過中港澳乘客已經就通聯紀錄做清查希望完全掌握接觸史能夠發現確切的感染源未來不排除公佈需要注意的地區與範圍。
陳時中表示社區傳播有四個定義。首先要有確定病例且找不到感染源第19例目前符合此定義但由於疫情調查尚未完成現階段可說不排除有社區感染的可能。第二個定義是社區傳播是本土病例人數遠高於境外移入病例人數第三是已經出現一傳十、十傳百的連續傳播第四個是有範圍廣泛的傳播。第19例的出現目前只符合第一個定義後面三個定義台灣現況都不符合但可以說已經出現了警訊所以現在要盡快將疫調做好。
亞東醫院感染科主任楊家瑞醫師表示如果台灣進入社區傳播的階段再加上有無症狀感染者所以代表需要更嚴密的自我防護此時口罩的保護就會變得更加重要而且手部清潔、消毒也必須更加徹底沒有必要也不要出入公共場合等等一切的防疫措施都需要更嚴格。一位家長也私下坦言這陣子口罩之亂弄得人心惶惶他當時還不以為意但如果真的有社區傳播他就覺得一定要去排隊買口罩「因為開學、清明節返鄉潮都要到了但口罩真的夠嗎？」家長這個疑問目前沒有解答但口罩之亂勢必愈演愈烈了。
更多 CTWANT 報導</t>
  </si>
  <si>
    <t>傳播口罩社區病例出現感染定義確診已經需要表示臺灣目前符合案例公佈沒有家長疫情</t>
  </si>
  <si>
    <t>新冠肺炎社區傳播首例口罩之亂武漢肺炎</t>
  </si>
  <si>
    <t>傳播肺炎社區首例口罩武漢</t>
  </si>
  <si>
    <t>擴散肺炎網友崩潰</t>
  </si>
  <si>
    <t>新冠肺炎持續在全球肆虐就連美式賣場好市多也不得不祭出防疫措施美國好市多就宣佈暫停供應商品免費試吃讓不少聽聞這項消息的消費者哀號。由於新冠肺炎確診病例不斷攀升美國近日有部分的州宣佈進入緊急狀態</t>
  </si>
  <si>
    <t>美國宣佈肺炎部分消息近日免費消費者攀升哀號商品不斷供應病例確診暫停全球肆虐</t>
  </si>
  <si>
    <t>新冠肺炎持續在全球肆虐就連美式賣場好市多也不得不祭出防疫措施美國好市多就宣佈暫停供應商品免費試吃讓不少聽聞這項消息的消費者哀號。
由於新冠肺炎確診病例不斷攀升美國近日有部分的州宣佈進入緊急狀態根據外媒報導為了防止新型冠狀病毒的擴散美國好市多暫停提供免費試吃品但還無法得知是在全美的分店或者僅在少數區域實施且也無法得知暫停到何時。
日前IG粉專 @CostcoDeals也分享此項消息「好市多暫停供應免費試吃樣品直到下次有最新公告為止」。位於加州、華盛頓以及佛羅裡達等地的好市多也回應不曉得何時才會恢復供應免費的試吃品。
不少美國網友看到後紛紛崩潰並在IG上留言「工作人員現在都在清理擦拭美食區的桌子」、「不誰幹的」但也有人認為「贊同太多人假裝去買東西但只是想要吃免費的而已」、「很難過但他們謹慎應對很好」、「難過但是這是個很好的決定」。</t>
  </si>
  <si>
    <t>美國免費暫停ig宣佈消息供應得知無法肺炎清理現在難過工作人員擦拭美食</t>
  </si>
  <si>
    <t>新冠肺炎武漢肺炎台灣COVID-19防疫措施</t>
  </si>
  <si>
    <t>肺炎武漢臺灣防疫covid-措施</t>
  </si>
  <si>
    <t>火車站台南文化中心莫德納繼續</t>
  </si>
  <si>
    <t>台南市衛生局本週末在台南火車站等4處據點開設「隨到隨打」站提供莫德納疫苗免預約即可接種2天共2144人施打第1、2、3劑都有由於民眾反應不錯衛生局決定明天與後天（6、7日）下午1點到5點在台南火車站與</t>
  </si>
  <si>
    <t>台南 市 衛生局 本 週末 在 台南 火車站 等 4 處 據點 開設 隨 到 隨 打 站 提供 莫德納 疫苗 免 預約 即可 接種 2 天 共 2144 人 施打 第 123 劑 都 有 由於 民眾 反應 不錯 衛生局 決定 明天 與 後天 67 日 下午 1 點 到 5 點 在 台南 火車站 與</t>
  </si>
  <si>
    <t>衛生局火車站台南疫苗即可預約莫德納接種施打提供民眾反應不錯決定明天後天據點開設下午</t>
  </si>
  <si>
    <t>台南市衛生局本週末在台南火車站等4處據點開設「隨到隨打」站提供莫德納疫苗免預約即可接種2天共2144人施打第1、2、3劑都有由於民眾反應不錯衛生局決定明天與後天（6、7日）下午1點到5點在台南火車站與台南文化中心持續開放民眾接種莫德納。
台南市衛生局連續2天在台南火車站、台南文化中心、新營火車站、家樂福安平店等4個據點推出莫德納隨到隨打服務昨天有1185人接種今天也有959人接種。
針對這波隨到隨打服務衛生局也於3日晚間主動針對AZ第2劑及莫德納第2劑還沒打的民眾共發出2萬通簡訊提醒不少民眾都是收到簡訊而來。相較別縣市祭出現金、米、蘋果等台南市則贈送保鮮盒、牙刷組等禮品。
衛生局表示莫德納疫苗接種站可接種對象為年滿18歲以上民眾且符合下列條件：有意接種莫德納疫苗第1劑、已接種莫德納疫苗第1劑後28天須接種第2劑或已第1劑AZ疫苗滿8周第2劑有意接種莫德納疫苗；另外已完成接種2劑COVID-19疫苗後滿5個月者不管是打哪一種疫苗第3劑都可接種莫德納疫苗。</t>
  </si>
  <si>
    <t>接種莫德納民眾衛生局台南疫苗火車站az簡訊據點有意服務文化中心</t>
  </si>
  <si>
    <t>莫德納疫苗台南火車站台南文化中心新冠肺炎</t>
  </si>
  <si>
    <t>台南文化火車站中心疫苗肺炎莫德納</t>
  </si>
  <si>
    <t>政府確診病例南韓激增未成年肺炎開學時間</t>
  </si>
  <si>
    <t>新冠肺炎在南韓大爆發當地中央防疫對策本部2日證實新增599起新冠肺炎確診病例讓南韓的確診數來到了4355例其中有200多名的未成年病患使得副總理兼教育部長俞銀惠(Yoo Eun-hae)在記者會上宣佈南韓全國高中</t>
  </si>
  <si>
    <t>南韓確診肺炎記者會yoo俞銀惠eun-hae教育部長總理使得未成年對策本部防疫來到中央證實當地新增爆發</t>
  </si>
  <si>
    <t>新冠肺炎在南韓大爆發當地中央防疫對策本部2日證實新增599起新冠肺炎確診病例讓南韓的確診數來到了4355例其中有200多名的未成年病患使得副總理兼教育部長俞銀惠(Yoo Eun-hae)在記者會上宣佈南韓全國高中以下的所有學校再延2周開學為的就是阻止肺炎疫情擴大出去。
由於南韓疫情十分嚴峻這使得青瓦臺2周內再次宣佈延後開學時間上一次宣佈延後開學是在2月23號此次再延2周南韓全國學校將會到3月23日才會開學之後仍可以依各地區學校自行調整。
俞銀惠在會上表示「由於未成年新冠肺炎病患人數激增可能會讓學校防疫出現困難必須要有更多時間來確保學生的安全環境」南韓教育部也將會提供學生線上課程以及數位教科書不讓學童的受教權益因為新冠肺炎而蒙損至於延後開學少上的課程也將會縮短暑假時間來彌補。
更多 CTWANT 報導</t>
  </si>
  <si>
    <t>南韓肺炎開學學校時間宣佈防疫俞銀惠使得學生延後課程未成年全國疫情</t>
  </si>
  <si>
    <t>南韓新冠肺炎延後開學時間學校</t>
  </si>
  <si>
    <t>肺炎延後開學時間南韓學校</t>
  </si>
  <si>
    <t>女兒伴侶羅大佑</t>
  </si>
  <si>
    <t>羅大佑有感於新冠肺炎疫情重創世界而重新改編、演唱歌曲〈伴侶〉希望以這首歌來陪伴鼓舞大家平安正向面對疫情。他特別帶著7歲多的女兒一同入鏡MV中可見他幫女兒噴酒精、牽女兒的手過馬路等慈父的一面。他透過</t>
  </si>
  <si>
    <t>女兒疫情肺炎重創世界重新可見演唱歌曲改編伴侶希望首歌陪伴一同鼓舞平安正向面對特別馬路</t>
  </si>
  <si>
    <t>羅大佑有感於新冠肺炎疫情重創世界而重新改編、演唱歌曲〈伴侶〉希望以這首歌來陪伴鼓舞大家平安正向面對疫情。他特別帶著7歲多的女兒一同入鏡MV中可見他幫女兒噴酒精、牽女兒的手過馬路等慈父的一面。他透過臉書發表MV並寫下「我們要把這首歌獻給所有的跟我們一起奮力渡過這由立春到穀雨的2020春天的所有人。」
他以歌詞「再一次日出太陽升起再一次重逢問候之餘每一個握手將不再猶豫每一個生命將被珍惜如今的歲月將被記取守望堅持與患難的伴侶。」表達心聲更期待疫情早日結束每個家庭各行各業皆能重回正常生活。
羅大佑是華語樂壇音樂教父向來關懷社會他曾在2003年SARS疫情時寫下〈伴侶〉放在《美麗島》專輯中今年新冠肺炎疫情爆發後他找了知名製作人朱敬然等重新改編〈伴侶〉這首歌並把這段期間人人戴口罩防疫、以碰手肘取代握手等生活影像記錄在MV中。而他和王治平、黃國倫、陳子鴻等音樂人策畫的「因為愛琴吉他音樂節」原訂5月舉行受疫情影響延至11月。</t>
  </si>
  <si>
    <t>疫情伴侶首歌mv女兒握手音樂生活再一改編重新肺炎羅大佑歌詞所有人春天舉行穀雨立春重逢問候渡過</t>
  </si>
  <si>
    <t>首歌肺炎伴侶改編羅大佑</t>
  </si>
  <si>
    <t>肺炎首歌伴侶羅大佑改編</t>
  </si>
  <si>
    <t>童玩節停辦經費宣佈用以宜蘭防疫</t>
  </si>
  <si>
    <t>為圍堵疫情中央流行疫情指揮中心昨天宣佈全國提升到三級警戒今天（20日）在中央與地方會議後宜蘭縣政府舉辦線上記者會縣長林姿妙宣佈停辦今年童玩節要將活動經費變成救命錢。縣府指出停辦童玩節後可省</t>
  </si>
  <si>
    <t>停辦宣佈中央指出縣府昨天中心變成救命經費活動全國縣政府會議宜蘭地方今天舉辦提升警戒記者會童玩節</t>
  </si>
  <si>
    <t>為圍堵疫情中央流行疫情指揮中心昨天宣佈全國提升到三級警戒今天（20日）在中央與地方會議後宜蘭縣政府舉辦線上記者會縣長林姿妙宣佈停辦今年童玩節要將活動經費變成救命錢。縣府指出停辦童玩節後可省下約7000萬元經費盼能挹注在疫苗上提高縣民的接種率。
宜蘭縣政府祕書長林茂盛解釋縣府編列137億元作為今年童玩節經費扣除掉5000萬元收支對列的門票收入、已支出的1000萬元後再加上解除相關合約的2300萬元估計是近7000萬元作為防疫經費來使用。
衛生局長徐迺維表示疫苗主要還是透過中央統籌購買因為單一縣市購買不比中央縣府會跟中央洽談並結合中央採購、政策也會看中央是如何分配各縣市疫苗、公費對象施打狀況再列宜蘭縣優先施打對象提高縣民接種疫苗的人數總之這筆錢縣府會先保留下來當作救命錢。
因礁溪有觀光飯店受疫情衝擊停業工旅處長李東儒說全縣有14家旅館到這月底或下月初暫停接受訂房其中礁溪占8家業者有提出盼能延續相關紓困或紓困貸款延期繳付等縣府會彙整業者意見後函請中央辦理盼中央與地方共同努力度過難關。
財稅局長盧天龍說旅宿業因為疫情有停業或部分樓層停用會主動輔導提出房屋使用情形變更5月房屋稅開徵業者如繳納困難也會輔導提出延期或分期繳納。
縣長林姿妙表示縣民未戴口罩已開罰3案呼籲縣民配合；今年取消辦理童玩節是要把活動經費變成救命錢並希望獲得議會支持用以買疫苗讓縣民施打防範疫情持續擴大施打比例愈高抗疫效果會愈好讓宜蘭防疫大幅提升縣府也將視疫苗到貨時間列優先施打對象。</t>
  </si>
  <si>
    <t>縣府中央疫苗縣民經費疫情施打業者提出今年救命童玩節縣政府提升宣佈表示宜蘭礁溪防疫</t>
  </si>
  <si>
    <t>經費防疫童玩節宜蘭縣新冠肺炎</t>
  </si>
  <si>
    <t>宜蘭童玩節防疫經費肺炎</t>
  </si>
  <si>
    <t>急診開幕瑞昱分院守護園區肺部健康大生</t>
  </si>
  <si>
    <t>增加急診能量！台大醫院生醫園區分院12日上午舉辦「急診暨CT開幕記者會院內急診建立獨立的毒化災沖洗區域、規畫負壓診療室可因應毒化災、傳染病的急救。會中瑞昱半導體捐贈200萬給肺病防治基金會指定提供新竹</t>
  </si>
  <si>
    <t>急診毒化防治肺病捐贈半導體園區基金會分院上午舉辦急救傳染病建立獨立沖洗診療室區域</t>
  </si>
  <si>
    <t>增加急診能量！台大醫院生醫園區分院12日上午舉辦「急診暨CT開幕記者會院內急診建立獨立的毒化災沖洗區域、規畫負壓診療室可因應毒化災、傳染病的急救。會中瑞昱半導體捐贈200萬給肺病防治基金會指定提供新竹縣、市各250名員警做肺部低劑量電腦斷層篩檢守護第一線執行員警健康。
台大醫院生醫園區分院長餘忠仁表示急診設置負壓診療室若有如新冠肺炎、大型傳染病發生患者可在此檢查並經由特別管道進入負壓病房。院內目前每病房設置2個負壓隔離室不過目前僅開1間也尚未收治疫情相關病例。
由於醫院位於生醫園區內因此建置毒化災沖洗區域以因應可能發生的化學災變餘忠仁說藉由生醫園區醫院開幕在台大各體系內可以偕同轉診並提供在新竹、竹苗民眾完善的照護3月加護病房也會開幕給民眾更堅強的支持。
瑞昱半導體榮譽董事長葉博任、肺病防治基金會董事長陳晉興12日也出席「肺癌篩檢捐贈活動」葉博任表示員警平日維持交通、治安拋磚引玉捐贈小錢期望能透過生醫園區分院良好設備讓員警可以得到最好治療。肺病防治基金會董事長陳晉興也表示肺癌已經是新國病每年因肺癌往生約有9000多人因此積極推廣低劑量電腦斷層篩檢期望能及早發現及早治療。
餘忠仁本身也是胸腔內科醫師他說肺癌當中7成是與抽菸無關的肺腺癌且早期無症狀、無法透過胸部X光或是一般健康檢查得知低劑量電腦斷層是目前唯一能有效篩檢早期肺癌的工具院內引進的640切超先進電腦斷層掃描儀與總院同步且搭配各式軟體有助醫師精準判讀守護病患健康。</t>
  </si>
  <si>
    <t>肺癌電腦斷層急診員警園區捐贈表示開幕院內餘忠仁毒化低劑量目前醫師醫院發生早期傳染病透過</t>
  </si>
  <si>
    <t>生醫園區肺癌急診電腦</t>
  </si>
  <si>
    <t>園區急診肺癌電腦</t>
  </si>
  <si>
    <t>確診全球</t>
  </si>
  <si>
    <t>西班牙衛生部4日表示西班牙累計確診病例已超過12萬例西班牙也成為確診病例第二多的國家僅次於美國的28萬例。不過該國單日新增死亡人數有所下降。總理桑切斯透過電視講話宣佈政府將要求國會把國家緊急狀態延</t>
  </si>
  <si>
    <t>國家確診病例西班牙要求宣佈政府電視講話累計透過桑切斯總理下降有所人數死亡新增超過美國僅次於成為國會表示緊急狀態</t>
  </si>
  <si>
    <t>西班牙死亡確診國家疫情病例累計人數新增患者嚴重重症截至目前表示成為西班牙衛生部超過病亡資料</t>
  </si>
  <si>
    <t>死亡人數累計西班牙萬例暴增</t>
  </si>
  <si>
    <t>累計西班牙人數死亡</t>
  </si>
  <si>
    <t>傳播中研院病毒更具變異傳染印度</t>
  </si>
  <si>
    <t>武漢肺炎出現多種變異病毒株中研院近日分析發現印度變異病毒株的氨基酸變異有利於病毒產生逃避人類免疫系統的能力且能促進病毒融入宿主細胞加速傳播。印度變異株去年10月5日首次在印度發現根據世界衛生組</t>
  </si>
  <si>
    <t>病毒變異印度發現中研院人類傳播產生逃避能力促進融入宿主加速細胞去年近日免疫系統出現有利於氨基酸分析肺炎武漢世界衛生</t>
  </si>
  <si>
    <t>武漢肺炎出現多種變異病毒株中研院近日分析發現印度變異病毒株的氨基酸變異有利於病毒產生逃避人類免疫系統的能力且能促進病毒融入宿主細胞加速傳播。
印度變異株去年10月5日首次在印度發現根據世界衛生組織報告今年5月11日前印度變異株已在全球約44國現蹤並持續蔓延至更多國家。
中研院「病毒變異全球即時監測網」持續監測世界各國正在發生的新興病毒變異近日釋出分析印度變異病毒株分析結果。
中研院研究團隊指出印度變異株在刺突蛋白上有5個變異其中3個氨基酸變異L452R、E484Q 和P681R 特別值得注意因為這3個變異點有利於病毒產生逃避人類免疫系統的能力也會促進病毒與宿主細胞融合進而增加病毒進入感染宿主細胞讓病毒傳播更快速。
不過研究團隊也提到根據世衛初步分析目前的疫苗對印度變異株仍有效但疫苗的中和抗體效價會降低而英格蘭公共衛生署5月22日曾公佈輝瑞、莫德納、牛津/阿斯利康等二劑疫苗對印度變異株子型B16172也有很高的有效性與對抗英國變異株時的效果相似也有助降低患者的住院率與死亡率。
研究團隊最後強調面對變種病毒各家疫苗的表現不盡相同但一般而言疫苗效果雖可能有所降低但仍有一定保護力且有助降低重症與死亡率雖有零星副作用的案例但整體而言利大於弊。
研究團隊提醒根據英格蘭公共衛生署的報告目前有5株深受關切的變異株包括英國變異株（B117 ）、南非變異株（B1351）、巴西變異株（稱P1或B11281）、英國再變異株（B117 with E484K）以及印度變異株（B1617）的子系B16172這些變異株都在刺突蛋白上發生重要變異增加病毒入侵或疫苗脫逃的機會都比變異前的病毒株更具傳染力。（編輯：黃世雅）1100601</t>
  </si>
  <si>
    <t>變異病毒印度疫苗研究團隊降低英國中研院宿主持續全球死亡率分析有助效果報告目前發生細胞英格蘭</t>
  </si>
  <si>
    <t>新冠肺炎台灣變異株印度</t>
  </si>
  <si>
    <t>變異臺灣肺炎印度</t>
  </si>
  <si>
    <t>即時陽性總數導致回歸校正</t>
  </si>
  <si>
    <t>疫情延燒中央每日都會公佈當日確診數但臺北市長柯文哲認為不準確因中央還會一直校正回歸很難即時判讀北市疫情實況他認為比較準確的是看全北市每天快篩陽性的總數雖會慢1天但可接受。柯文哲表示他</t>
  </si>
  <si>
    <t>北市中央認為準確柯文哲疫情公佈都會總數當日陽性臺北市回歸確診即時校正一直</t>
  </si>
  <si>
    <t>北市陽性回歸中央大概認為比較實況沒錯準確院長臺北市立聯合醫院校正柯文哲總數接近差不多即時</t>
  </si>
  <si>
    <t>快篩新冠肺炎台灣北市校正回歸</t>
  </si>
  <si>
    <t>肺炎臺灣北市校正回歸</t>
  </si>
  <si>
    <t>嘉市、新北推「雙城記」觀光南下北上玩滿玩好</t>
  </si>
  <si>
    <t>觀光雙城記南下北上新北滿玩好嘉市</t>
  </si>
  <si>
    <t>新冠肺炎疫情解封嘉義市政府、新北市政府合推觀光雙城記嘉義市長黃敏惠穿上母校宏仁女中制服、新北市長侯友宜穿嘉中制服2人重回17歲青春young熱情揪大家南下北上好好玩並pk嘉義、新北的伴手禮好吃好玩都</t>
  </si>
  <si>
    <t>新北嘉義市長制服好玩市政府熱情young南下北上青春pk觀光雙城記疫情解封嘉中黃敏惠女中母校宏仁</t>
  </si>
  <si>
    <t>新冠肺炎疫情解封嘉義市政府、新北市政府合推觀光雙城記嘉義市長黃敏惠穿上母校宏仁女中制服、新北市長侯友宜穿嘉中制服2人重回17歲青春young熱情揪大家南下北上好好玩並pk嘉義、新北的伴手禮好吃好玩都抵嘉。
黃敏惠、侯友宜合體在新北市政府32樓拍遊客來我「新嘉」玩的影片行銷雙城的觀光同時歡迎更多的遊客來我「新嘉」玩黃敏惠力推檜意森活村、嘉義製材所、嘉義公園、蘭潭及文化路夜市等觀光景點侯友宜主打青春山海線、淡蘭古道、新北大都會公園、十分景點特定區、烏來風景區2人國台語雙聲帶卯足全力介紹城市特色。
勇媽黃敏惠帶了噴水雞肉飯、阿娥豆花讓侯Sir嚷著要帶回去孝敬老婆黃敏惠說阿娥豆花相傳約60年軟嫩滑順用豆漿代替糖水外表樸質好吃又平價1碗才30元就是嘉義人的氣味實實在在又有情有義。
侯友宜也準備永和豆漿大王的豆漿、燒餅油條讓黃敏惠嘗鮮他說永和豆漿大王也有約60年歷史24小時營業賣中式燒餅油條、蘿蔔絲蛋餅、馬來糕等30多種點心是在地人及遊客都愛的美食小吃。
黃敏惠並邀請侯Sir回嘉搭乘嘉義市區電動公車到年底前皆免費12月嘉義市國際管樂節是城市品牌的音樂盛會；侯友宜則介紹新北市環狀線大眾運輸系統遊新北市十分便利新北歡樂耶誕城也是名氣響叮噹的節慶活動。</t>
  </si>
  <si>
    <t>嘉義黃敏惠新北侯友宜觀光豆漿遊客城市介紹好吃青春景點燒餅油條市政府豆花公園好玩sir</t>
  </si>
  <si>
    <t>黃敏惠嘉義新北侯友宜新北市</t>
  </si>
  <si>
    <t>侯友宜新北嘉義黃敏惠</t>
  </si>
  <si>
    <t>醫師比喻覆蓋率疫苗</t>
  </si>
  <si>
    <t>新冠疫苗開打以來雖然有醫師抱怨台灣人不珍惜疫苗「快打站變慢打站」不過部分地區仍踴躍接種。臉書粉絲專頁「DrE小兒急診室日誌」今以股價比喻疫苗覆蓋率建議民眾千萬不要殺進殺出應把疫苗當存股尋求財</t>
  </si>
  <si>
    <t>疫苗殺出殺進民眾粉絲dr小兒接種急診室建議踴躍覆蓋率部分日誌地區比喻股價以來醫師</t>
  </si>
  <si>
    <t>新冠疫苗開打以來雖然有醫師抱怨台灣人不珍惜疫苗「快打站變慢打站」不過部分地區仍踴躍接種。臉書粉絲專頁「DrE小兒急診室日誌」今以股價比喻疫苗覆蓋率建議民眾千萬不要殺進殺出應把疫苗當存股尋求財富自由「買就對了！」
中山醫學大學附設醫院兒童急診科主任謝宗學今在臉書粉專「DrE小兒急診室日誌」發文以近來屢創新高的股市比喻疫苗覆蓋率「台灣疫苗覆蓋率漲勢兇猛7/2開盤跳空突破9元最後收在937元再創歷史新高。」
神比喻掀起網友熱烈討論謝宗學補充「建議不要短進短出有閒錢就買、抱緊不要賣當成存股。若家中長輩擔心股價漲高或擔心產品出現不良副作用年輕人不要猶豫勇於買進財富自由近在呎尺。」
他以4字總結：「買就對了！」網友紛紛留言贊同覺得政府與其放著疫苗過期不如直接開放年紀較輕的民眾施打畢竟社會上負責養家的主力就是被分到最後順位的那些人。</t>
  </si>
  <si>
    <t>疫苗比喻民眾網友最後覆蓋率宗學自由財富股價對了建議不要日誌擔心小兒急診室</t>
  </si>
  <si>
    <t>疫苗覆蓋率疫苗接種神比喻謝宗學</t>
  </si>
  <si>
    <t>比喻接種疫苗覆蓋率宗學</t>
  </si>
  <si>
    <t>患者沒像川普臭頭</t>
  </si>
  <si>
    <t>印度陷入危機經濟出現破紀錄的衰退導致數百萬計百姓失業已脆弱的醫療保健系統岌岌可危。如今確診的新冠肺炎病患超過500萬人僅次於病例近700萬的美國。然而據CNN新聞網17日報導儘管像美國總統川普還有</t>
  </si>
  <si>
    <t>美國出現紀錄衰退導致cnn百姓失業病例僅次於脆弱經濟醫療保健超過系統岌岌可危如今肺炎確診報導</t>
  </si>
  <si>
    <t>印度陷入危機經濟出現破紀錄的衰退導致數百萬計百姓失業已脆弱的醫療保健系統岌岌可危。如今確診的新冠肺炎病患超過500萬人僅次於病例近700萬的美國。
然而據CNN新聞網17日報導儘管像美國總統川普還有英國首相強森（Boris Johnson）等民粹主義世界領袖都因為處理新冠疫情而被罵得臭頭但印度總理莫迪（Narendra Modi）卻大致逃過了媒體與民調的重砲攻擊。
巴西極右派總統波索納洛（Jair Bolsonaro）淡化新冠肺炎的威脅並嗤之以鼻把它說成「小感冒」甚至後來連自己都確診結果慘遭圍剿。然而莫迪卻和波索納洛不同他一開始就嚴肅看待新冠肺炎並迅速採取行動。
當他3月24日下令全國封城時擁有136億人的印度只有500多人確診10人喪生。當時莫迪在對全國直播的談話中警告要是不適當因應這場大流行病印度可能會倒退數十年。由於他趁早採取果斷的行動再度確立為了國家勇於採取強硬行動的果敢領袖形象。
新德里智庫「政策研究中心」（Center for Policy Research）研究員阿裡（Ali）說在印度人心目中莫迪有如聖人他心存善意並總是為了國家大利設想。
然而印度公共衛生專家卻有正反不同的看法。普林斯頓大學（Princeton University）高級研究員納斯米里安（Ramanan Laxminarayan）說由於疫情迅速蔓延這麼做是必要的並有助於減少疾病傳播。
相對的坦米爾那都邦（Tamil Nadu）維洛爾（Vellore）基督教醫學院病毒系主任醫師約翰（T Jacob John）則認為封城的範圍太廣也太早以致衝擊經濟而貧民區也未獲充分的資源支援。
身為諾貝爾獎得主的印度裔美籍經濟學家巴納吉（Abhijit Banerjee）更直指如今回頭來看那顯然是個錯誤。而多數專家也贊同印度雖然實施世上最大規模也最嚴格的封城但卻缺乏足夠的通知或規劃。事實上在宣佈封城後還不到4小時就實施了。
突然間貧窮的勞工沒了工作許多人不得已只好返鄉但由於大眾運輸工具停止營運有些人只好跋涉好幾百英里。
然而分析家指出由於印度最大的在野黨國大黨（Indian National Congress）在大選慘敗後陷入分裂自顧不暇因此莫迪並未受到炮口一致的批評。
此外政治觀察家指出印度媒體也鮮少批評莫迪。縱使新冠疫情迅速蔓延衛生基礎設施瀕臨崩潰但好幾個星期以來當地收視率最好的電視網卻狂報寶萊塢男星遭豔星女友餵毒教唆輕生的八卦而對猖獗的疫情視若無睹。
另一方面莫迪和其他民主國家的領袖不同他鮮少召開記者會通常把和媒體互動的任務交給政府其他首長。反之他經常透過電視和廣播電台直播對大眾動之以情懇請他們追隨自己的領導。由於莫迪不斷和普羅大眾直接溝通因此有些移工雖然因為封城丟了生計但卻不肯為了自身陷入困境而怪罪他。</t>
  </si>
  <si>
    <t>印度莫迪封城疫情領袖媒體大眾國家確診不同肺炎迅速總統研究員如今經濟直播</t>
  </si>
  <si>
    <t>印度川普新冠肺炎莫迪武漢肺炎</t>
  </si>
  <si>
    <t>肺炎莫迪川普武漢印度</t>
  </si>
  <si>
    <t>市府症狀族群delta安南病毒</t>
  </si>
  <si>
    <t>台南市連續11天「嘉玲」後前天一口氣新增8例讓全市繃緊神經28日雖然再度「嘉玲」但市府仍針對安南區家庭群聚事件擴大匡列及篩檢並強調8人的症狀與Delta病毒症狀不同加上發病時間也早於Delta確診者造訪台</t>
  </si>
  <si>
    <t>delta嘉玲症狀早於前天一口氣時間加上發病新增全市繃緊神經強調匡列擴大再度事件家庭市府安南</t>
  </si>
  <si>
    <t>台南市連續11天「嘉玲」後前天一口氣新增8例讓全市繃緊神經28日雖然再度「嘉玲」但市府仍針對安南區家庭群聚事件擴大匡列及篩檢並強調8人的症狀與Delta病毒症狀不同加上發病時間也早於Delta確診者造訪台南請市民不要過於擔心。
市府衛生局長許以霖指出很多民眾都以為安南區家族群聚與屏東的Delta病毒有關但因屏東確診個案是11日到佳裡法旨宮安南區家族的外孫女早在10日就有症狀加上Delta的症狀主要是頭痛、喉嚨痛與流鼻水與這家人的症狀不太一樣目前已將相關檢體送到中央相信很快就會有結果。
衛生局還說安南區家族群聚感染原以為可能是二女婿因家人在彰化住院多次前往彰化而染疫再傳染給其他家人但因二女婿的抗體檢測是陰性未曾染疫反而是三女婿的抗體是陽性PCR檢測則是陰性顯示先前曾染疫加上該家族最早出現身體不舒服的人就是對方未滿10歲的女兒於6月10日即因不舒服前往診所就醫因此初步研判三女婿可能是該家族最早的感染者。
該起家族群聚感染傳出後市府先匡列接觸者131人其中124人採檢PCR陰性、7人報告未出；再擴大匡列確診者住家同社區19戶共41人經PCR檢測皆陰性；然後再針對確診者同鄰裡居民從28日上午連續3天設立擴大篩檢站每天將可進行500人的PCR採檢；為慎重防止擴散篩檢對象也擴及安南區市民自昨天下午一連3天於安南果菜市場（花卉市場）設立大型篩檢站每日可進行1000人的PCR採檢。直到晚間8點篩檢結止2站合計篩檢1332人。
另外對於確診者工作場域可能接觸的消費者進行電話關懷並以簡訊通知可能與確診者足跡同框者盡力做好每一層防疫工作避免感染鏈持續擴大。
至於中央預計7月1日起撥發莫德納疫苗至各縣市台南市將規畫本市孕婦、75歲以上長者及65歲以上具原住民身分者至本市37家衛生所、188家合約醫療院所及大中小型接種站施打疫苗；同時為方便民眾接種另外增加13家專責醫院讓本市1至5類施打對象、孕婦、75歲以上長者及65歲以上具原住民身分長者可利用醫院掛號系統或專線掛號。
市府還說依據中央流行疫情指揮中心5月5日公告為強化基層院所分級醫療轉介服務醫療院所如研判就醫民眾有疑似症狀或為建議採檢者請開立轉診單轉介至本市14家指定社區採檢院所；檢驗結果為陽性者發給開立轉診單的基層院所確診病例通報獎勵金每例1萬元。</t>
  </si>
  <si>
    <t>確診安南院所市府症狀擴大可能中央pcrdelta民眾女婿陰性感染加上家族</t>
  </si>
  <si>
    <t>確診者採檢PCRDelta安南區</t>
  </si>
  <si>
    <t>pcrdelta安南確診</t>
  </si>
  <si>
    <t>純誠有無開發上任疫苗補助到底國光</t>
  </si>
  <si>
    <t>國光生技（4142）宣佈2021年一月起將聘請曾任輝瑞全球創新暨腫瘤事務集團臨床開發總負責人的陳純誠醫師擔任醫務長除借重其在國際藥廠主持大型臨床試驗計畫的豐富經驗同時也是國光生在新的一年積極國際化佈局的</t>
  </si>
  <si>
    <t>臨床國光一月聘請曾任輝瑞經驗全球豐富創新腫瘤擔任醫師事務試驗集團主持藥廠國際開發總負責人</t>
  </si>
  <si>
    <t>國光生技（4142）宣佈2021年一月起將聘請曾任輝瑞全球創新暨腫瘤事務集團臨床開發總負責人的陳純誠醫師擔任醫務長除借重其在國際藥廠主持大型臨床試驗計畫的豐富經驗同時也是國光生在新的一年積極國際化佈局的起手式。
此外國光生新冠肺炎疫苗開發於11月20日送件申請二期臨床試驗但恐無法趕在12月底前完成第一例收案。國光生表示一期臨床主要是安全性實驗目前看起來安全性沒問題免疫反應也有產生抗體量沒有預期的高二期臨床就會針對此部分進行調整。整體時程不致重大影響有無補助都會做到底。
國光生技認為目前看來12月底來不及進入二期希望1月上旬可啟動預計整體時程不會遞延太久。規劃二期臨床試驗將在台灣與東南亞某國同時進行海外臨床試驗部分已談妥但還不能透露地點。
陳純誠醫師畢業於中國醫藥大學醫學系曾任台南成大醫院精神部主任兼臨床試驗中心主任為國內第一位任職國際藥廠的精神專科醫師。於國際大廠輝瑞總部研發中心任職超過十年曾任輝瑞美國西岸十三州臨床試驗負責人及亞洲區臨床試驗中心總負責人主持過失智症新藥開發計畫國際臨床試驗經驗豐富。
國光生表示陳純誠醫師熟悉國際法規及大型臨床試驗規劃及執行將借重其專長積極推進包括新冠疫苗及各項產品國際化加速國際合作及全球市場佈局。
繼成功佈局大陸、歐洲、美國等市場後國光生明年除強化耕耘台灣四價流感疫苗、東南亞四價流感疫苗銷售量、Sanofi專業分工生產（北半球）、大陸天道醫藥專業分工生產（歐洲）、新冠疫苗檢驗試劑銷售（安特羅）外還將新增新冠疫苗銷售、大陸四價流感疫苗銷售、Sanofi專業分工生產（南半球）。另與日本sumitomo集團合作開發新一代流感疫苗蓄勢切入日本市場國際佈局更上層樓。</t>
  </si>
  <si>
    <t>臨床試驗國際國光醫師疫苗曾任開發輝瑞市場流感疫苗純誠大陸中心月底整體時程生產銷售目前日本集團專業分工</t>
  </si>
  <si>
    <t>台南國光生安特羅臨床試驗新冠疫苗</t>
  </si>
  <si>
    <t>臨床試驗安特羅國光台南疫苗</t>
  </si>
  <si>
    <t>sasai臺灣應善企業總經理陳愷新進行詐欺數位即時助長風險疫情監控</t>
  </si>
  <si>
    <t>數位調查詐欺手法國際金融機構攜手購買肺炎探討封鎖javelin經濟活動期間全球演進速度</t>
  </si>
  <si>
    <t>詐欺數位支付罪犯手法交易監控即時疫情調查通路組織利用網路消費者進行活動用於風險使用陳愷新行動條碼指出方式確認攻擊</t>
  </si>
  <si>
    <t>世界新興詐欺即時監控</t>
  </si>
  <si>
    <t>監控即時世界詐欺</t>
  </si>
  <si>
    <t>徵用生產口罩</t>
  </si>
  <si>
    <t>中小口罩工廠未被徵用卻又不准其私自販售引發民怨。經濟部昨晚緊急先宣佈發出徵用書納入調度今天再指經實際調查37家納入徵用中小型口罩廠實際有生產醫用口罩產者只有14家加總實際日產能30萬片這些政府</t>
  </si>
  <si>
    <t>徵用實際口罩納入加總私自引發民怨經濟部昨晚緊急宣佈發出調度調查今天</t>
  </si>
  <si>
    <t>中小口罩工廠未被徵用卻又不准其私自販售引發民怨。經濟部昨晚緊急先宣佈發出徵用書納入調度今天再指經實際調查37家納入徵用中小型口罩廠實際有生產醫用口罩產者只有14家加總實際日產能30萬片這些政府都會徵用。
國內口罩製造廠清單上有80家但扣除重複、無工廠登記者實際為66家。1月31日政府先對較大型的29家業者分三批發出徵用書卻漏掉37家規模較小口罩業者沒被徵用日前有三重業者拿出來賣給周邊鄰居卻被檢調追查有無「囤積居奇、哄抬物價」引發業者不滿是政府未徵收卻又不准業者營業。
為此昨晚經濟部終於對這剩下37家中小廠發出第四批口罩徵用書今天更實地訪察37家廠扣除1家大門深鎖、電話沒接其他有些已改做面膜、護膝套、手術巾等耗材有些則是非醫用口罩的廠商實際有在做醫用口罩者剩下14家加總起來每天產能約為30萬片。
至於政府自購60機台要日產600萬片口罩明天開始新的產線就要陸續交機預計上線一周內機械可調校至一條產線日產能10萬片的產量。等到疫情趨緩國內口罩回到正常供需再視情況調整口罩停止出口到四月底政策。</t>
  </si>
  <si>
    <t>口罩徵用實際業者政府扣除引發國內加總剩下經濟部昨晚今天發出工廠納入</t>
  </si>
  <si>
    <t>口罩業者中小產能武漢肺炎</t>
  </si>
  <si>
    <t>肺炎產能口罩武漢業者</t>
  </si>
  <si>
    <t>延期女兒加州大馬陳雷擔心</t>
  </si>
  <si>
    <t>近來新冠肺炎肆虐陳雷原訂11日在馬來西亞雲頂開唱因為疫情已延期他近來約8場演出邀約取消、延期粗估損失300萬元。雖然工作皆暫緩不過陳雷卻多了時間與家人相處住在台中的他最近沒事就去兒子家陪5歲的</t>
  </si>
  <si>
    <t>延期近來沒事最近台中相處陳雷原家人肆虐時間陳雷馬來西亞暫緩工作粗估損失疫情肺炎</t>
  </si>
  <si>
    <t>近來新冠肺炎肆虐陳雷原訂11日在馬來西亞雲頂開唱因為疫情已延期他近來約8場演出邀約取消、延期粗估損失300萬元。雖然工作皆暫緩不過陳雷卻多了時間與家人相處住在台中的他最近沒事就去兒子家陪5歲的孫子玩除了載孫子上下學、樂當孫子的專屬司機還當起孫子的家教教起簡單的ㄅㄆㄇ含飴弄孫。
而他的女兒嫁去美國加州當地疫情嚴重很擔心女兒在當地生活起居每天早上都會固定跟女兒視訊關心狀況。他與年邁母親感情深厚現也常回彰化老家陪母親還親自下田種菜插秧他笑說：「最近因為疫情嚴重也不上健身房所以乾脆跑農地下田兼當運動一舉兩得。」
此外陳雷先前因藝人廖本興在前年及去年分別以程雷、廖雷藝名在商演模仿並演唱陳雷的歌造成社會大眾視聽混淆讓陳雷不堪其擾以侵權為由控告廖男歷經新北地院裁定判賠45萬並達成雙方和解協議。陳雷日前收到判決賠償金後透過經紀人全部捐給關懷弱勢族群、癌症病童及流浪動物希望透過自己的拋磚引玉呼籲大家除了關心疫情之餘也多關懷需要幫助的人。</t>
  </si>
  <si>
    <t>陳雷疫情女兒透過最近母親關心孫子關懷延期嚴重當地近來陳雷原肆虐馬來西亞歷經新北廖男裁定控告判賠</t>
  </si>
  <si>
    <t>陳雷大馬女兒新冠肺炎武漢肺炎</t>
  </si>
  <si>
    <t>女兒大馬肺炎武漢陳雷</t>
  </si>
  <si>
    <t>新品防疫出征東瀛威潤買家通信網踴躍</t>
  </si>
  <si>
    <t>威潤(6465)跨入防疫領域成立新品牌「滅菌者聯盟UVengers」規劃開發一系列搭載深紫外線(UV-C)殺菌技術的消毒產品並首度於日本LIFESTYLE WEEK Tokyo的「防疫新生活展區」展出因新冠肺炎疫情持續延燒導致市場對</t>
  </si>
  <si>
    <t>防疫持續疫情肺炎成立滅菌紫外線規劃uvengers搭載開發uv-c品牌殺菌技術消毒產品首度聯盟tokyo日本weeklifestyle領域展出</t>
  </si>
  <si>
    <t>威潤(6465)跨入防疫領域成立新品牌「滅菌者聯盟UVengers」規劃開發一系列搭載深紫外線(UV-C)殺菌技術的消毒產品並首度於日本LIFESTYLE WEEK Tokyo的「防疫新生活展區」展出因新冠肺炎疫情持續延燒導致市場對於消毒產品需求提升首日即吸引超過60家買家洽詢。
今年因應新冠肺炎疫情大會特別設立「防疫新生活展區」展出防疫相關產品而威潤也在該專區中以實體及線上虛擬方式展示新品牌「滅菌者聯盟UVengers」旗下首款消毒新品「UV1」隨身消毒棒UV1全程在台灣設計、開發和生產製造。
威潤表示展會期間除了有包括日本運送公司、通信公司、郵政局等多家企業對UV1表達高度興趣外威潤也邀請到日本知名領導大廠旭化成深紫外線事業本部本部長親臨月臺宣示雙方密切的合作關係。
威潤指出深紫外線燈珠的功率是決定消毒棒除菌效果的關鍵而UV1即是採用旭化成高品質、高功率的60mW和最佳除菌265nm波長的深紫外線燈珠旭化成相當認可威潤於防疫產品線的投入與行銷推廣能力已將威潤列為旭化成全力輔導的模範製造商未來也會陸續介紹客戶給威潤雙方攜手搶攻防疫市場商機。
威潤此次出展備受關注包括威潤配合的深紫外線燈珠(UV-C LED)廠商日本知名領導大廠「旭化成」深紫外線事業本部本部長、及日本大型商社「伯東株式會社」電子零組件事業本部本部長也親自蒞臨威潤展位月臺。
日本LIFESTYLE WEEK TOKYO是全球極具領導性的禮品及家居用品專業B2B展每年都吸引近5萬名的專業買家前往觀展、採購。</t>
  </si>
  <si>
    <t>威潤日本防疫消毒產品紫外線uv化成領導買家本部長吸引專業本部市場雙方包括開發月臺</t>
  </si>
  <si>
    <t>全球威潤UV旭化成消毒</t>
  </si>
  <si>
    <t>威潤化成uv消毒全球</t>
  </si>
  <si>
    <t>準備檢測核酸抗原</t>
  </si>
  <si>
    <t>彰化縣新冠肺炎疫情週末兩天累計有15人確診目前已知新增3名學生也染疫彰化縣衛生局匡列2校師生共121人進行居家隔離與採檢該國小確診學童全班學生等候檢測結果中。彰化縣衛生局也指出目前彰化縣核酸檢測量能</t>
  </si>
  <si>
    <t>確診目前檢測衛生局居家進行隔離學童全班學生週末疫情等候肺炎師生累計結果新增</t>
  </si>
  <si>
    <t>彰化縣新冠肺炎疫情週末兩天累計有15人確診目前已知新增3名學生也染疫彰化縣衛生局匡列2校師生共121人進行居家隔離與採檢該國小確診學童全班學生等候檢測結果中。
彰化縣衛生局也指出目前彰化縣核酸檢測量能最高單日400支若疫情快速發展提升上周也已經著手開始整備將跟進臺北市設站採抗原快篩。
目前彰化市彰泰國中有2名國三同班男同學確診、田中鎮某國小也有1名三年級學童確診疫調人員匡列校內接觸者師生共121人包括教職員24與學生97人並立即通知學校相關接觸者居家隔離其他各班級做好防疫措施。
田中鎮確診學童為葡萄盤商妻子案1345的外孫該家族累計已有8人確診彰化縣衛生局緊急匡列5月8日中午曾一起在全國麗園飯店吃喜酒的1300名賓客自主健康管理14天自當日起算至5月31日為止。
衛生局長葉彥伯強調變異的新冠病毒潛伏期很短染疫很快就會出現症狀因為宴席賓客從當天暴露到現在已過一周無症狀者只需在家自主健康管理有出現症狀才需要去醫院採檢但有些民眾可能沒有收到正確訊息或是警覺性很高16日晚間就有160人都是無症狀主動前往衛福部立彰化醫院採檢也都已經全數完成。
葉彥伯也指出彰化縣新冠肺炎核酸檢測單日最高可採檢400支以上今年疫情爆開以來累計已採檢300多支光昨天16日單日就160支且採檢24小時報告結果就會出來目前更應考慮未來疫情範圍愈來愈大匡列接觸者大幅增加時該如何因應。
葉彥伯表示彰化縣已經與各醫院開始試辦將跟進臺北市做法進行抗原快篩只要等半小時快篩陽性立即收治住院隔離陰性就返家居家隔離。上周也已跟各醫院搭配正在尋找更好的快篩站設置場所設置完整的設備。
他說將會隨時視疫情發展期程逐步導入快篩量能工具幫助醫護人員盡快熟悉抗原快篩工具的操作與作業流程從中去觀察看快篩結果的敏感度、病毒的特異性和快篩作業整體的人力調派估算一旦縣內疫情再升級就能快速到位。</t>
  </si>
  <si>
    <t>疫情確診症狀目前醫院匡列隔離結果接觸已經學童居家</t>
  </si>
  <si>
    <t>新冠肺炎台灣確診採檢抗原快篩</t>
  </si>
  <si>
    <t>確診臺灣抗原肺炎</t>
  </si>
  <si>
    <t>死因解剖死亡公佈疫苗慢性病相關</t>
  </si>
  <si>
    <t>接種中心指揮疫苗人口covid-每百人疫情流行中央截至速度公佈今天陳時中指揮官加快最新目前為止累計統計涵蓋國內</t>
  </si>
  <si>
    <t>接種疫苗肺炎出血covid-指揮中心累計死亡莫德納人口截至流行疫情中央發生每百人az目前為止解剖蜂窩液體</t>
  </si>
  <si>
    <t>接種疫苗死因解剖COVID-19</t>
  </si>
  <si>
    <t>解剖接種死因covid-疫苗</t>
  </si>
  <si>
    <t>收治醫護醫院應變住宿</t>
  </si>
  <si>
    <t>新冠肺炎疫情升溫新北市長侯友宜2日前往新店央北青年社會住宅時強調新北市政府防疫超前部署未來如有大量病患新北聯醫（應變醫院）立即清空收治央北青年社會住宅也將提供1076間醫療人員暫住所；北市副市長</t>
  </si>
  <si>
    <t>新北市長住宅社會青年醫療人員提供升溫未來超前應變立即防疫醫院市政府侯友宜收治</t>
  </si>
  <si>
    <t>新冠肺炎疫情升溫新北市長侯友宜2日前往新店央北青年社會住宅時強調新北市政府防疫超前部署未來如有大量病患新北聯醫（應變醫院）立即清空收治央北青年社會住宅也將提供1076間醫療人員暫住所；北市副市長黃珊珊跟進表示有些達到完工程度、尚未對外招租的社宅會保留下來給醫護人員當休息或居家檢疫的集中檢疫所。
侯友宜表示新冠肺炎確診個案持續增加新北市自2月16日確診第19例起即以視同「社區感染」的方式改變策略超前部署以一級開設方式全力備戰醫護人員是防疫的第一線讓他們安心才能夠提供最好的醫療讓防疫能做到更好。
侯友宜指出只要新北市出現大量病患應變醫院將清空全院進行收治同時央北社宅並行啟用由市府提供醫護人員免費住宿及垃圾收運、交通接送等服務讓醫護人員能安心全力醫治病患未來視疫情發展若啟動其他醫院時擴大提供給健康的防疫醫護人員。
央北社宅預計8月份會交給使用者因疫情尚未辦理抽籤但一切以「防疫」為最大優先；若8月份疫情沒有舒緩、沒有降下來還是以防疫為優先使用。
央北社宅位於新店央北重劃區第一階段預先規畫B棟224戶計301床最多可供至1076間。
臺北市副市長黃珊珊表示有些達到完工、尚未對外招租的社宅會保留下來給醫護人員當休息或居家檢疫的集中檢疫所。
黃珊珊表示市長柯文哲1月下旬就交代過市府也一直在找尋盤整各單位空間必須設備完善、接好衛工管、做好動線及鄰避會請示中央可否徵用外部單位或北市府自己的單位、未對外招租公宅希望都列入考慮。
另針對臺北市更是率先推出「防疫旅館」服務做為居無定所者的居家檢疫場所但卻因未公開地點遭議員痛批對此衛福部長陳時中為北市府的做法背書表示確實沒有公佈地點的必要性。
桃園市長鄭文燦2日指示觀旅局協調設置「關懷旅館」與民間業者合作提供客房給無發燒、無呼吸道症狀、國內無住所的民眾自費入住採分層、單間設置管理但全市符合規定的26家旅館僅1家負責人有意願。</t>
  </si>
  <si>
    <t>防疫提供市長醫護人員新北市府表示旅館疫情侯友宜醫院單位設置北社住所黃珊珊檢疫居家尚未服務</t>
  </si>
  <si>
    <t>醫護人員收治疫情央北市府</t>
  </si>
  <si>
    <t>疫情收治醫護人員市府</t>
  </si>
  <si>
    <t>疫苗仿效日本宇美町長者新北</t>
  </si>
  <si>
    <t>新北市恩主公醫院近期與新冠肺炎專責病房合作用包括國人研發的「清冠一號」等中西醫合併方式治療新冠肺炎重症防止病情繼續惡化並加速病患採陰解隔離的時間目前已治療超過10位確診者其中9位已出院返家自</t>
  </si>
  <si>
    <t>治療肺炎醫院目前近期時間陰解隔離加速惡化繼續國人研發病情冠一號包括確診中西醫防止合作專責合併病房</t>
  </si>
  <si>
    <t>治療施打疫苗患者醫院長者肺炎症狀移動時間明顯不便方式隔離冠一號靜思團隊中醫免疫力作業</t>
  </si>
  <si>
    <t>恩主公醫院疫苗肺炎靜思堂新店</t>
  </si>
  <si>
    <t>疫苗肺炎醫院靜思主公</t>
  </si>
  <si>
    <t>病毒教會不是故意肺炎共處</t>
  </si>
  <si>
    <t>新冠肺炎肆虐全球但回顧歷史人類不乏與各種流行病交戰。特有生物研究保育中心助理研究員林大利攜手漫畫家玉子共同創作《病毒不是故意的？！認識傳染病大小事》細數歷史知名傳染病至新冠肺炎透過生態保育角</t>
  </si>
  <si>
    <t>傳染病肺炎認識不乏人類全球回顧歷史不是故意流行病交戰生物研究病毒共同中心助理玉子研究員大利漫畫家攜手創作細數歷史知名肆虐透過</t>
  </si>
  <si>
    <t>新冠肺炎肆虐全球但回顧歷史人類不乏與各種流行病交戰。特有生物研究保育中心助理研究員林大利攜手漫畫家玉子共同創作《病毒不是故意的？！認識傳染病大小事》細數歷史知名傳染病至新冠肺炎透過生態保育角度從中告訴大眾學習如何和病毒和平相處將是維持地球永續的生存之道。
林大利表示疫情爆發後有人說「病毒是我們對抗的敵人」但對野生動物保育工作者而言其實病毒本就是於生活中、再正常不過的存在「重要的是讓大家知道我們為什麼會遇到這些新型病毒而我們在甚麼樣的狀況下又增加了病毒傳染的機會。」
如書中便指出1975年出現的萊姆病病原體本住於蜱蟎體內人類若太頻繁親近野生動物或是受蜱蟎叮咬萊姆病病原體便會趁機進入身體內。林大利表示大自然中擁有非常多未知的病原體當人類與大自然間的關係失衡如想要濫捕野生動物、掠取太多自然資源就極有可能引發下一場大流行。
林大利表示世界發生非常多次傳染病但每一場傳染病也都讓人類學到新的防疫方法如鼠疫讓我們學會封城及隔離措施、西班牙大流感讓我們學會戴上口罩。《病毒不是故意的？！》去年4月著手規劃沒想到出版時台灣再次陷入疫情中希望以書中篇章〈一邊防疫一邊療傷〉勸勉彼此在防疫壓力下都「辛苦了」相互體諒與包容。
生動易懂的圖像在《病毒不是故意的？！》中成文字大大的助力。長期以繪畫推廣動物保育的玉子過去就讀植物病理系本以為畢業後就能將病毒、微生物等微觀所學拋諸腦後但因此次創作及疫情襲來又讓她感受到「這些小東西真的存在於我們生活中而且很重要。」
玉子表示創作過程中不乏歷經重拾舊課本研讀知識、轉化為圖像的歷程對於幾乎日日看防疫記者會的大眾來說也許瞭解何謂「壓平曲線」、何謂「全面普篩」但小朋友未必能立刻理解期待藉由圖像式說明能讓更多兒少族群理解與吸收。</t>
  </si>
  <si>
    <t>病毒防疫大利圖像表示人類創作不是故意疫情野生動物病原體傳染病大眾玉子不乏</t>
  </si>
  <si>
    <t>病毒傳染病林大利不是故意防疫</t>
  </si>
  <si>
    <t>傳染病大利不是故意防疫病毒</t>
  </si>
  <si>
    <t>防護醫院嘉市傳染新生兒成飛面罩</t>
  </si>
  <si>
    <t>嘉義基督教醫院首創適合0至3個月新生兒戴的防護面罩24日由院長姚維仁代表捐贈1000個給嘉義市政府將送給嘉義市的新生兒由市長黃敏惠代表接受嘉基兒童醫學部暨創新育成中心主任周信旭醫師說新生兒不適合戴口</t>
  </si>
  <si>
    <t>新生兒代表嘉義適合主任中心醫師創新周信醫學兒童嘉基防護接受捐贈姚維仁院長面罩市長黃敏惠首創市政府送給</t>
  </si>
  <si>
    <t>嘉義基督教醫院首創適合0至3個月新生兒戴的防護面罩24日由院長姚維仁代表捐贈1000個給嘉義市政府將送給嘉義市的新生兒由市長黃敏惠代表接受嘉基兒童醫學部暨創新育成中心主任周信旭醫師說新生兒不適合戴口罩戴防護面罩可以防護7至9成飛沫傳染。
周信旭說去年新冠肺炎開始肆虐約有2至3成新生兒沒有按時到醫療院所打預防針預防針沒有依時程注射會影響小孩的防護力但新生兒戴口罩可能影響呼吸而造成窒息因而設計透明防護面罩。
周信旭說據文獻資料指出這種面罩防護對飛沫傳染有7至9成效用醫院將面罩免費送給在嘉基出生的新生兒受到國內外民眾很大回響都想買這款防護面罩當時用3D列印製作數量有限後來開模量產醫院樂捐給市府送給嘉義市更多新生兒加強防護力。
周信旭說目前這款防護面罩尺寸是提供0至3個月新生兒以後將推出1歲以前都適用的防護面罩材質上選用無毒的塑膠片硬度及柔軟度適中皇冠造型的頭圈加軟墊還有鬆緊帶及可調節式的設計皇冠也有多種顏色實用又有美感。
黃敏惠表示面對疫情幼嬰仔戴不了口罩感謝嘉基醫院首創新生兒防護面罩並捐贈1000個給市府推出後廣受新生兒父母和臺北醫師的歡迎和詢問嘉義市新生兒戴上面罩外出或進出醫療院所多一層保護。
嘉義市衛生局表示新生兒父母任何一方設籍在嘉義市已委託本市接生醫療院所免費贈與在外縣市出生的寶貝家長可於上班時間洽詢電話（05）2338042醫政科。</t>
  </si>
  <si>
    <t>新生兒面罩防護嘉義醫院嘉基院所醫療口罩皇冠設計出生黃敏惠表示送給免費代表捐贈父母醫師</t>
  </si>
  <si>
    <t>新生兒防護面罩嘉義市嘉基醫院捐贈</t>
  </si>
  <si>
    <t>嘉義面罩嘉基防護醫院新生兒捐贈</t>
  </si>
  <si>
    <t>選情導致可能出院盤?學者川普言之過早</t>
  </si>
  <si>
    <t>美國總統川普確診新冠肺炎為美國大選增添變數。而世界其他國家元首中也有不少人曾確診而英國首相強森的例子是否為川普帶來什麼啟發也引起各界熱議。對此中山大學政治學研究所副教授王群洋表示川普是否</t>
  </si>
  <si>
    <t>川普確診是否美國中山大學政治學研究所副教授對此大選增添國家元首變數世界肺炎引起英國首相啟發帶來例子王群洋</t>
  </si>
  <si>
    <t>美國總統川普確診新冠肺炎為美國大選增添變數。而世界其他國家元首中也有不少人曾確診而英國首相強森的例子是否為川普帶來什麼啟發也引起各界熱議。對此中山大學政治學研究所副教授王群洋表示川普是否從強森的例子中得到啟發不得而知並分析他是否會因此敗選也還言之過早。
距大選只剩不到1個月川普周日在醫院展開第二天而陷入困境的競選團隊再次面臨挫敗。最新全美民調顯示川普以14個百分點落後民主黨對手拜登這令川普的競選團隊心急如焚拚命想要在11月3日大選日前的幾星期找到有效的戰略。
《中評社》報導王群洋指出從外媒之前公佈的民調來看這次疫情讓不少國家元首的支持度呈現上升的趨勢。雖然川普的防疫政策飽受抨擊但他的民調也有上升的趨勢而他染疫後雖然能夠鞏固支持者但對中間選民的影響則呈現兩極。
至於也曾染疫的英國首相強森康復後支持度大增是否對川普有任何啟發王群洋則說不得而知而她也認為川普染疫應該是真的。並指出作為總統川普在剩下的時間裡仍可以動用很多資源來翻轉這次大選。
關於民調的部分王群洋分析各大民調公司都有立場可若現在就斷言川普會敗選可能也言之過早。</t>
  </si>
  <si>
    <t>川普大選王群洋是否啟發指出競選團隊呈現國家元首分析支持趨勢不得而知上升確診英國首相</t>
  </si>
  <si>
    <t>川普強森美國民調新冠肺炎</t>
  </si>
  <si>
    <t>美國強森川普肺炎</t>
  </si>
  <si>
    <t>疫情惡化席爾佛複賽再次nba停賽</t>
  </si>
  <si>
    <t>根據美國媒體報導NBA總裁席爾佛在上節目時表示如果復賽期間新冠肺炎疫情惡化的話將再次停賽。聯盟在23日針對參加複賽的22支球隊大規模進行新冠肺炎篩檢席爾佛說假如復賽期間有球員確診的話將進行單獨隔</t>
  </si>
  <si>
    <t>複賽席爾佛期間進行肺炎總裁節目nba確診再次球員停賽聯盟參加表示惡化疫情球隊報導</t>
  </si>
  <si>
    <t>根據美國媒體報導NBA總裁席爾佛在上節目時表示如果復賽期間新冠肺炎疫情惡化的話將再次停賽。
聯盟在23日針對參加複賽的22支球隊大規模進行新冠肺炎篩檢席爾佛說假如復賽期間有球員確診的話將進行單獨隔離但如果發生群聚感染的話就必須停止比賽。
席爾佛表示經過大規模篩檢之後檢驗出16位球員感染新冠肺炎這個數字還在能接受的範圍內幸好這些球員沒有出現嚴重症狀大家鬆了一口氣。
對於近日佛羅裡達州的確診病例大增問題席爾佛強調我們正在密切關注中並且與復賽地點奧蘭多所在的橘郡衛生部門合作希望能阻擋新冠肺炎的入侵。
席爾佛表示「隨時都有可能出現突發事件但我相信球員工會董事羅伯茲、球員工會主席保羅、球員工會副主席伊戈達拉都會做好準備目前的狀況還在掌控中而且還算相當滿意。」</t>
  </si>
  <si>
    <t>球員席爾佛複賽肺炎表示確診感染出現進行期間工會總裁目前狀況準備做好主席伊戈達拉都會</t>
  </si>
  <si>
    <t>席爾佛復賽新冠肺炎NBA</t>
  </si>
  <si>
    <t>肺炎複賽nba席爾佛</t>
  </si>
  <si>
    <t>永久性嗅覺喪失造成肺炎</t>
  </si>
  <si>
    <t>新冠肺炎症狀難以捉摸有人可能出現永久性嗅覺喪失壽險業者表示若不幸有此症狀失能險可依失能等級11級理賠但可能只有一次性失能保險金的5％並沒有觸及月月或年年給付的失能扶助金理賠。至於新冠肺炎可能</t>
  </si>
  <si>
    <t>可能症狀理賠壽險業喪失嗅覺永久性出現不幸月月難以捉摸表示保險金等級肺炎扶助金一次性至於觸及沒有</t>
  </si>
  <si>
    <t>新冠肺炎症狀難以捉摸有人可能出現永久性嗅覺喪失壽險業者表示若不幸有此症狀失能險可依失能等級11級理賠但可能只有一次性失能保險金的5％並沒有觸及月月或年年給付的失能扶助金理賠。
至於新冠肺炎可能造成肺部纖維化算不算失能？壽險業者則說必須要看實際狀況即肺部損壞的程度及可否工作、自理生活因為胸腹部臟器機能遺存極度障害終身不能從事任何工作需要專人周密照護者是第一級失能就是會啟動每月或每年給付的失能扶助金100％；僅是不能工作、生活需人扶助是給付90％；若是還能自理生活是80％；能從事輕便工作者是給付40％。
這些理賠都必須看各公司保單條款及理賠部門的判定因為容易存有爭議因此壽險公司也不敢以此為號召在疫情期間推薦失能險同時有些公司的失能險沒有等待期恐造成損率難以預估。
大部分壽險公司都建議保戶若擔心不幸罹患新冠肺炎要提高相關醫療保障建議優先考慮住院醫療險、實支實付險支應相關住院費用若額度充足甚至可以支應因住院無法工作的經濟損失。
國泰人壽指出若失能險保戶不幸罹患新冠肺炎而有永久性「兩側嗅覺完全喪失」的情形時屬於因疾病所致的第11級失能是否能理賠給付應依各別商品條款約定。
例如投保含有失能給付項目的傷害險因新冠肺炎非屬意外事故所以無法給付；但如果是投保含有失能給付項目的健康險時則須再檢視保障範圍若保障範圍包括11級失能時則可理賠。
富邦人壽則表示2020年1月1日前所銷售的失能險針對鼻部失能條款約定僅有「鼻部缺損致其機能永久遺存顯著障害者」的失能等級但從今年1月1日起才新增「鼻未缺損而鼻機能永久遺存顯著障害者」也就是以前是鼻子一定要有缺損才能算11級失能現在是嗅覺喪失即可視為11級失能。
同時基於從新從優理賠原則即便是今年1月1日前投保失能險的保戶若事故發生日是在今年1月1日後且經6個月治療後症狀固定即可申領失能保險金。</t>
  </si>
  <si>
    <t>理賠工作肺炎公司症狀條款喪失嗅覺可能今年生活住院相關缺損投保</t>
  </si>
  <si>
    <t>理賠失能險新冠肺炎給付級失能</t>
  </si>
  <si>
    <t>肺炎給付理賠</t>
  </si>
  <si>
    <t>肺炎對抗藥廠</t>
  </si>
  <si>
    <t>全球生技和製藥公司正卯足全力對抗新冠肺炎危機近期多家大型藥廠在新冠肺炎檢測、治療和疫苗研發方面皆出現重大進展。瑞士製藥大廠羅氏（Roche）的新冠肺炎抗體檢測技術3日獲得美國食品藥品管理局（FDA）緊急</t>
  </si>
  <si>
    <t>肺炎製藥檢測美國獲得公司技術食品藥品卯足對抗出現重大進展瑞士抗體方面全力研發大廠疫苗治療roche管理局</t>
  </si>
  <si>
    <t>疫苗肺炎美國患者治療藥物公司藥廠方面年底重症羅氏瑞士生產宣佈製藥moderna協議開發技術使用kevzara抗體</t>
  </si>
  <si>
    <t>協議疫苗羅氏肺炎重症患</t>
  </si>
  <si>
    <t>重症肺炎疫苗羅氏協議</t>
  </si>
  <si>
    <t>餐廳娛樂場所關閉</t>
  </si>
  <si>
    <t>香港為因應新冠疫情日趨嚴峻在27日下午特別會議後決定將對餐廳訂立限客新規定包括限制客流、戴口罩、量體溫等措施同時民眾可能聚集的各種公共娛樂場所、健身中心、網咖等暫時關閉為期2周。此外還將研擬禁止4</t>
  </si>
  <si>
    <t>疫情日趨為期暫時關閉嚴峻下午中心健身娛樂場所聚集特別可能民眾措施會議體溫口罩決定客流</t>
  </si>
  <si>
    <t>香港為因應新冠疫情日趨嚴峻在27日下午特別會議後決定將對餐廳訂立限客新規定包括限制客流、戴口罩、量體溫等措施同時民眾可能聚集的各種公共娛樂場所、健身中心、網咖等暫時關閉為期2周。此外還將研擬禁止4人以上聚集及舉辦喜喪事宜的新規定。
據《東網》報導港府行政特別會議已決定為防控疫情採取多項措施將自28日傍晚6時起實施。新規定包括餐廳食肆容納客人數量限於座位半數以下每張枱面限坐4人枱與枱之間要保持15米距離。客人進入餐廳必須戴口罩及量體溫餐廳須預備洗手液。相關措施預計維持2周港府會為餐廳提供補償。
報導說港還將對多種娛樂場所祭出防疫新規定同樣從28日傍晚6時起生效新規要求所有遊戲機中心、浴室、健身中心、兒童遊樂場、戲院等公共娛樂場所與出租式娛樂場所亦要暫時關閉同樣為期2周政府亦會提供補償。
另據《香港01》指出有消息指出港府還會將現有公共運動場的足球門架搬走封閉籃球架的投籃圈房署公屋邨的遊樂場亦將關閉。
《東網》表示港政還進一步研究禁止4人以上的群眾聚集預期短期內推出措施但公共交通將獲豁免而「紅白二事」等會另有安排。</t>
  </si>
  <si>
    <t>餐廳措施規定娛樂場所聚集關閉遊樂場中心客人疫情健身同樣東網報導包括決定特別會議</t>
  </si>
  <si>
    <t>新冠肺炎武漢肺炎新型冠狀病毒COVID-19香港</t>
  </si>
  <si>
    <t>肺炎武漢冠狀病毒covid-香港</t>
  </si>
  <si>
    <t>關鍵全控制侯友宜市民永和群積極消息配合</t>
  </si>
  <si>
    <t>新北市今日新增1例確診針對永和某公寓大樓群聚新北市市長侯友宜昨日於應變記者會上說整棟樓110戶236人全棟隔離全面阻斷病毒傳播的可能性今日市府團隊將於下午3時召開記者會說明最新疫情應變措施《中時新</t>
  </si>
  <si>
    <t>記者會應變今日新北疫情最新說明召開隔離全棟團隊病毒傳播阻斷全面可能性市府下午公寓永和確診樓群</t>
  </si>
  <si>
    <t>新北市今日新增1例確診針對永和某公寓大樓群聚新北市市長侯友宜昨日於應變記者會上說整棟樓110戶236人全棟隔離全面阻斷病毒傳播的可能性今日市府團隊將於下午3時召開記者會說明最新疫情應變措施《中時新聞網》將為您全程直播。
侯友宜說今日新增1例為居家隔離採檢為陽性案例位於三重區；居家隔離列管人數為590人今日有31人可以解隔離。今日的案例為在三重被友人感染傳播鏈單純至於永和某社區感染問題侯友宜指出用正向的態度積極面對問題雖一開始先出現2個確診個案但感染源清楚且做好隔離就能穩定控制疫情而在第3個確診出來時便全面替整棟社區進行篩檢同時鼓勵周邊住戶出面篩檢並直言這次群聚能快速掌控實在非常感謝市民配合廣篩。
中央流行疫情指揮中心今(12)日公佈國內新增6例COVID-19確定病例分別為4例本土及2例境外移入；另確診個案中新增1例死亡。
指揮中心表示今日新增之4例本土病例(其中1例為居家隔離期間檢驗陽性者)為3例男性、1例女性年齡介於20多歲至50多歲發病日介於今(2021)年8月4日至8月9日。個案分佈為臺北市3例、新北市1例；其中2例為已知感染源、2例關聯不明將持續進行疫情調查以釐清感染源。</t>
  </si>
  <si>
    <t>隔離今日疫情感染確診新增侯友宜個案居家進行社區全面新北永和記者會應變問題案例</t>
  </si>
  <si>
    <t>新冠肺炎台灣新北侯友宜永和</t>
  </si>
  <si>
    <t>臺灣新北肺炎侯友宜永和</t>
  </si>
  <si>
    <t>疫情擴散確診新增緊縮香港</t>
  </si>
  <si>
    <t>香港新冠肺炎疫情近日已確定爆發第3波疫情社區群聚感染近數日皆呈倍數上升。衞生防護中心傳染病處主任張竹君公佈9日新增42宗確診個案當中34宗是本地感染8宗輸入個案。港府今天決定重新實施較嚴格的防疫措</t>
  </si>
  <si>
    <t>感染疫情個案實施重新近日決定今天社區主任竹君新增傳染病中心衛生防護上升公佈確診倍數肺炎</t>
  </si>
  <si>
    <t>香港新冠肺炎疫情近日已確定爆發第3波疫情社區群聚感染近數日皆呈倍數上升。衞生防護中心傳染病處主任張竹君公佈9日新增42宗確診個案當中34宗是本地感染8宗輸入個案。港府今天決定重新實施較嚴格的防疫措施包括限制餐館、酒吧、卡拉OK、健身房等場所每桌限4人或每間限8人較原規定容許人數減半。
據《東網》指出本地感染的主要感染源為慈雲山港泰護老中心群組共23人大部分無病徵。另有8宗輸入個案包括3名機師1名貨機服務員以及2名菲傭本港確診病例累計增至1366宗。
張竹君表示今日新增的34宗本地個案中除了23宗是屬於「慈雲山港泰護老中心群組」茶餐廳群組增至7人另外9宗經排查已找到源頭有多名為出租車司機另外尚有2人來源未查明。
報導稱疫情亦對校園造成威脅今日仍有數宗校園內初步確診個案其中包括中小學生與家長目前已有12所中小學停課消毒。
醫院管理局總行政經理劉家獻表示因應疫情反覆公立醫院今日起暫停非緊急醫院的探訪安排。另會加開分流的檢測站照顧疑似症狀病人騰空負壓病房予有需要的病人亦會考慮重開二線的隔離病床約有400至500張；社區隔離設施亦會列入考慮。
香港食衛局長陳肇始則公佈有關緊縮聚令等防疫新規定以增加市民的社交距離。從11日(週六)淩晨起恢復先前執行的限聚令餐館客人不能超過總入座率6成每桌不能多於8人；酒吧、夜店及夜總會的入座率同樣降至6成每桌不多於4人；健身中心、派對及卡拉OK房間的容納人數由16人降至8人；電影院並將禁食。
陳肇始呼籲市民應保持衞生、配戴口罩以及減少外出另建議食店嚴格執行15米距離及安裝隔板。新公佈限聚措施有效期至7月24日。</t>
  </si>
  <si>
    <t>個案疫情中心公佈感染今日包括確診市民病人表示距離防疫增至社區酒吧</t>
  </si>
  <si>
    <t>新冠肺炎武漢肺炎新型冠狀病毒COVID-19養老院</t>
  </si>
  <si>
    <t>肺炎武漢冠狀病毒covid-養老院</t>
  </si>
  <si>
    <t>外資雜音聯發市場力搏導體續看</t>
  </si>
  <si>
    <t>有美系外資示警大砍半導體財測認為智慧型手機面臨修正風險揮刀砍16檔半導體個股目標價聯發科也包括在內但今有另外一家美系外資力挺認為聯發科(2454)第二季營運動能依舊強勁且下半年將有機會拿下更好的</t>
  </si>
  <si>
    <t>認為半導體聯發下半年強勁動能營運機會手機修正面臨風險智慧揮刀一家包括</t>
  </si>
  <si>
    <t>有美系外資示警大砍半導體財測認為智慧型手機面臨修正風險揮刀砍16檔半導體個股目標價聯發科也包括在內但今有另外一家美系外資力挺認為聯發科(2454)第二季營運動能依舊強勁且下半年將有機會拿下更好的市占率以及平均售價維持聯發科買進評等、目標價1740元。
美系外資表示儘管現階段市場針對智慧型手機訂單減少出現雜音加上台灣疫情升溫全台警戒升至3級但聯發科對於第二季展望依舊維持強勁成長的樂觀預期主要動能來自於全面性的需求增長有鑑於聯發科對於業務的正向看法且資產負債表良好故可以將現金股利支出提高到80~85%近4年每股加發特別股利16元現金殖利率相當吸引人故維持聯發科買進評等、目標價1740元。
美系外資表示因為印度智慧型手機市場轉弱所以智慧型手機OEM廠商可能會削減其訂單但聯發科目前依舊看到下游供應商的訂單有所增加沒有看到對整體需求有任何影響訂單的需求依舊超越聯發科所能供給的現階段面對產能緊張連發科也持續和供應鏈合作夥伴努力盡可能滿足需求確保並獲得供應鏈中足夠的產能仍然是聯發科最重要的事因此聯發科重申第二季營收增長10~18%預期不變。
美系外資表示聯發科也持續透過更佳的產品組合來提升毛利率天璣1200定位於高端5G手機相較先前產品具有更高的ASP和利潤率另外基於ARM的Chromebook產品滲透率也持續提升。展望下半年聯發科智慧型手機市場將有機會拿下更好的市占率以及平均售價以今年前5月的銷售狀況來看聯發科預計今年全球整體5G智慧手機出貨量將超過5億支的預期不變且目前產品持續緊繃供應鏈都積極在滿足客戶需求市場對於庫存修正的預期恐過於擔憂。</t>
  </si>
  <si>
    <t>聯發手機需求智慧預期持續訂單市場產品對於供應維持外資現金修正產能提升股利整體</t>
  </si>
  <si>
    <t>聯發科5G智慧機ASP ARM</t>
  </si>
  <si>
    <t>智慧asparm聯發</t>
  </si>
  <si>
    <t>病毒譚敦慈沾染容易關鍵食物</t>
  </si>
  <si>
    <t>國內新冠肺炎疫情隨著磐石艦海軍群聚感染再拉警報24名確診官兵全台趴趴走足跡曝光引起人心惶惶。專家提醒食物最容易沾染病毒選擇外食時前應先看2件事包括餐廳座位間距以及位子排列方式。為防止疫情擴</t>
  </si>
  <si>
    <t>疫情排列磐石位子間距警報海軍感染座位引起人心惶惶餐廳專家包括提醒食物容易沾染</t>
  </si>
  <si>
    <t>國內新冠肺炎疫情隨著磐石艦海軍群聚感染再拉警報24名確診官兵全台趴趴走足跡曝光引起人心惶惶。專家提醒食物最容易沾染病毒選擇外食時前應先看2件事包括餐廳座位間距以及位子排列方式。
為防止疫情擴散中央流行疫情指揮中心已規定社交距離《早安健康》報導林口長庚臨床毒物中心資深護理師譚敦慈指出如需在外用餐應選擇座位之間保持1-2公尺距離的餐廳；如果餐廳空間無法讓客人相距2公尺則可選擇背對背的座位相對安全。
病毒可在塑膠物質上殘留約3天紙類則是1天由於無法確定他人的環保餐盒是否安全為了避免增加感染風險譚敦慈建議外帶食物盡量選用免洗餐盒；食物帶回家後應將食物倒在自家碗中加熱再食用除了減少接觸殘留在餐盒上的病菌也可過加熱順便消毒。此外譚敦慈特別提醒手機病菌多吃飯時最好不要摸手機、也不要將手機擺在桌上。</t>
  </si>
  <si>
    <t>譚敦慈食物餐盒疫情座位選擇手機中心感染提醒餐廳病菌加熱距離病毒安全殘留無法磐石警報</t>
  </si>
  <si>
    <t>外食譚敦慈餐廳勞工紓困補助申請桂林路家樂福</t>
  </si>
  <si>
    <t>紓困勞工餐廳補助申請譚敦慈桂林路家樂福</t>
  </si>
  <si>
    <t>疫苗傳統現象揭一方式專家危機四伏delta最好</t>
  </si>
  <si>
    <t>中央宣佈今（5日）本土確診新增6例為5月升級防疫警戒以來最低儘管國內疫情趨緩毒理專家招名威指出成為全球主流變異株的Delta印度變種病毒已經在台灣門口蠢蠢欲動全民除了要施打疫苗仍應維持傳統防疫方式</t>
  </si>
  <si>
    <t>防疫本土確診新增升級疫苗施打警戒全民蠢蠢欲動以來門口臺灣最低已經病毒疫情國內變種印度delta變異毒理</t>
  </si>
  <si>
    <t>病毒疫苗delta變種防疫確診招名威臺灣疫情施打發現顯示資料坦言保護感染方式消失門口已經</t>
  </si>
  <si>
    <t>Delta變種病毒100%疫苗傳統防疫</t>
  </si>
  <si>
    <t>病毒疫苗變種傳統防疫delta</t>
  </si>
  <si>
    <t>證交所高端簽約疫苗成就沒完異常交易試驗</t>
  </si>
  <si>
    <t>衛福部已於28日與高端疫苗、聯亞生技完成簽署各500萬劑預採購及500萬劑的開口合約在野黨紛紛質疑國產疫苗第二期試驗未完成為何急著採購？國民黨立委許淑華要求證交所針對高端公司的股票有沒有異常交易的狀況</t>
  </si>
  <si>
    <t>疫苗高端採購完成股票公司證交所要求沒有許淑華國民黨簽署合約何急著在野黨紛紛質疑開口試驗異常</t>
  </si>
  <si>
    <t>衛福部已於28日與高端疫苗、聯亞生技完成簽署各500萬劑預採購及500萬劑的開口合約在野黨紛紛質疑國產疫苗第二期試驗未完成為何急著採購？國民黨立委許淑華要求證交所針對高端公司的股票有沒有異常交易的狀況公開對外說明？特別是在利多消息公佈前夕是否有特定帳戶大舉買入該公司的股票？
許淑華質疑國產疫苗的臨床試驗尚未完成指揮中心為什麼要急著簽約？政府為了協助國產疫苗的研發原本早已投入大筆預算所以政府取得國產疫苗的價格應該要非常便宜。指揮中心為什麼不敢公佈採購的價格？
許淑華也說政府並沒有持有兩家國產疫苗廠商的股份。倘若先前就已投入大筆研發預算然而採購的價格又偏高這中間有沒有圖利罪的嫌疑？
藍委賴士葆也說宗教團體、地方政府、企業都說你中央買不到疫苗我們買來送你發給人民但是指揮中心卻百般阻撓為什麼要卡救命疫苗？昨天有了解答指揮中心就是要護著高端疫苗更進一步講是要保護高端疫苗的股價。
賴士葆說藥發展國產我們也不反對也支持但高端疫苗的第二期臨床試驗都沒做完現在就要訂單。現在外面都傳得沸沸揚揚有一群炒作高端股票的集團高端疫苗每年都虧以前每年都虧今年就靠這次疫苗不斷炒作股價。</t>
  </si>
  <si>
    <t>疫苗高端採購指揮政府中心沒有許淑華完成價格試驗股票公佈賴士葆質疑研發臨床公司投入預算大筆炒作</t>
  </si>
  <si>
    <t>新冠肺炎台灣高端疫苗國產疫苗採購</t>
  </si>
  <si>
    <t>高端臺灣疫苗肺炎採購</t>
  </si>
  <si>
    <t>歐元疲軟肺炎新高</t>
  </si>
  <si>
    <t>肺炎病例流行病歐洲股市週三創出有助於新高天下供應短暫全球影響寄希望於連續人們下降數量預測支撐資料顯示</t>
  </si>
  <si>
    <t>指數以來歐洲月份流行病大陸全球上漲資料肺炎病例漲幅nvstmicroelectronics半導體義大利銀行業期待已久供應商蘋果</t>
  </si>
  <si>
    <t>指數歐元疲軟歐股</t>
  </si>
  <si>
    <t>疲軟指數歐元</t>
  </si>
  <si>
    <t>做出迫使單位情報病毒白宮源自大陸美名結論</t>
  </si>
  <si>
    <t>新冠肺炎全球延燒目前總確診數正逼近400萬。由於最初是疫情在大陸武漢爆發但在毫無證據之下由川普率領的美國政府直指「病毒來自大陸」。美國知名時事評論員法裡德（Fareed Zakaria）卻認為這一切都是為了掩</t>
  </si>
  <si>
    <t>大陸zakariafareed目前法裡德確診評論員時事逼近知名最初全球美國疫情來自率領病毒川普之下武漢直指爆發毫無美國政府證據</t>
  </si>
  <si>
    <t>新冠肺炎全球延燒目前總確診數正逼近400萬。由於最初是疫情在大陸武漢爆發但在毫無證據之下由川普率領的美國政府直指「病毒來自大陸」。美國知名時事評論員法裡德（Fareed Zakaria）卻認為這一切都是為了掩飾他對美國疫情無能管控下所拋出來的煙霧彈。
據《央視新聞》指出美國著名印度裔記者、時事評論家和作家法裡德5日在《CNN》的節目提到川普以及其率領的政府部門正在替他們為美國疫情白白浪費6周的無能作為找尋代罪羔羊而大陸疫情正是他們瞄準的攻擊目標。
法裡德表示「其實對我們來說新冠病毒到底是來自於實驗室或者海鮮市場這都並不重要。他相信每個人都會同意疫情是屬於偶然傳播幾乎沒人會認為大陸是蓄意傳播的。為什麼他們要作出傷即全球經濟、這麼多人死亡的事件呢？」
回到重點法裡德指出至於「為何白宮要把『病毒是否偶然自大陸傳出』來當作目前關鍵議題？」這正是因為他們想要轉移注意力。這也讓法裡德想起美國之前對「伊拉克戰爭」的態度也就是白宮現在正在做的。
法裡德說「他們（白宮）正在逼迫情報部門試圖做出『病毒源自於大陸』的結論。」透過不斷施加壓力來換取「政治化的情報」這正是當初伊拉克戰爭失敗的原因。</t>
  </si>
  <si>
    <t>法裡德美國大陸疫情病毒正是白宮目前指出偶然全球時事川普來自率領伊拉克認為無能傳播戰爭當初煙霧</t>
  </si>
  <si>
    <t>大陸法裡德白宮來自美國</t>
  </si>
  <si>
    <t>美國大陸來自法裡德白宮</t>
  </si>
  <si>
    <t>員工高雄住處就醫六輕確診</t>
  </si>
  <si>
    <t>雲林縣12日再增1名本土確診案案12838為雲林縣麥寮鄉台塑六輕工業區員工本月5日出現身體不適9日回高雄住處、11日就醫確診目前工業區已有5名員工確診縣府已展開調查其關聯性避免疫情持續擴大。案12838為42</t>
  </si>
  <si>
    <t>確診員工林縣避免關聯調查展開本月就醫台塑目前輕工業疫情不適身體縣府高雄出現住處麥寮工業區</t>
  </si>
  <si>
    <t>雲林縣12日再增1名本土確診案案12838為雲林縣麥寮鄉台塑六輕工業區員工本月5日出現身體不適9日回高雄住處、11日就醫確診目前工業區已有5名員工確診縣府已展開調查其關聯性避免疫情持續擴大。
案12838為42歲男性在六輕工業區上班平日住在工業區內宿舍本月5日出現腹瀉、偏頭痛、關節痠痛等症狀7日曾前往工業區福利大樓醫務室就診9日回高雄住家11日出現發燒症狀到醫院快篩為陽性PCR檢驗結果為陽性、CT值22目前於醫院治療中。
案12838本月5日至9日都在工業區上班下班就回宿舍其間曾到麥寮鄉仁德西路2段凱撒one咖啡烘焙坊、7-11六輕門市晚餐均到員工餐廳外帶此案匡列10人。
雲林縣衛生局長曾春美表示六輕工業區確診個案至今有5案案12838與本月5日的案10653住在同1棟宿舍但不同樓層；案10653與案10467為夫妻同是台中市案；本月11日案12389與案12586是同寢室同事目前正在釐清其關聯性。
曾春美說目前雲林縣累計本土確診個案19例外縣市確診者足跡24例境外移入1例。縣內醫療院所專責病床共64床已收20名確診個案人、1名疑似個案服務量能還算足夠。
另外縣府11日起在虎尾高鐵站、鬥六與鬥南火車站設置快篩站分別篩檢51、44、39人加上其他各鄉鎮快篩站已篩檢3556人全部為陰性。
雲林縣政府指出雲林縣獲配24萬劑日本捐贈的AZ疫苗11萬劑疫苗將分配給醫事與防疫人員等前5類人員；13萬劑供85歲以上長者若有剩餘再依年齡遞補所有疫苗將於15日統一施打。</t>
  </si>
  <si>
    <t>確診林縣目前本月個案員工輕工業工業區宿舍出現疫苗縣府醫院症狀</t>
  </si>
  <si>
    <t>新冠肺炎台灣六輕高雄雲林</t>
  </si>
  <si>
    <t>六輕肺炎臺灣高雄雲林</t>
  </si>
  <si>
    <t>劉大年肺炎思潮奔騰美國</t>
  </si>
  <si>
    <t>新冠肺炎影響愈來愈烈原先疫情相對輕微的美國情況轉趨嚴峻確疹人數呈跳躍式增加。當初不在意的川普政府也感受到嚴重性陸續採取一些應變措施。特別是美國目前正是職業運動熱季NBA因有球員確診而無限期停賽</t>
  </si>
  <si>
    <t>美國愈來愈nba熱季原先運動疫情職業相對正是輕微目前球員影響情況川普不在意當初政府增加感受人數</t>
  </si>
  <si>
    <t>新冠肺炎影響愈來愈烈原先疫情相對輕微的美國情況轉趨嚴峻確疹人數呈跳躍式增加。當初不在意的川普政府也感受到嚴重性陸續採取一些應變措施。
特別是美國目前正是職業運動熱季NBA因有球員確診而無限期停賽正在進行大學運動賽事也取消。美國過去因勞資糾紛而罷工停賽時有所聞但因為傳染病而停賽則屬空前。美國人熱愛運動職業賽事早已成為生活的一部分但是目前紛紛延後或取消可見疫情已經不易控制。
對於職業球隊而言停賽不只帶來經濟損失對於一些積極補強爭冠的球隊更是情何以堪。以NBA為例今年戰績最好的密爾瓦基公鹿隊距離前次奪冠已有49年未來若是整個賽季取消十年磨一劍卻無可發揮只能怪時運不濟。此可回想1994年職業棒球季中罷工停賽當時戰績最好的蒙特婁博覽會隊無從施展從此一蹶不振；而後遷到華盛頓改名國民隊直到去年才一圓冠軍之夢也只能說是造化弄人。
美國疫情之所以惡化主要是因為美國政府輕忽以及世界衛生組織（WHO)未扮演協助角色。川普總統上月由印度訪問回美還信誓旦旦認為疫情可以控制；世界衛生組織也一再忽略疫情嚴重性竟然直到近日才宣佈新冠肺炎為全球大流行並將會進一步擴散更是後知後覺。
美國目前經濟仍表現不錯。但是在未來疫情擴大國內諸多活動停止下直接會影響到占GDP近7成的民間消費對美國經濟影響會很大。
新冠肺炎疫情由中國向外擴大對全球經濟已產生重大衝擊目前更波及全世界最大消費市場美國。若是疫情無法有效控制全球經濟受影響幅度將遠高於第一波各國要有長期因應不景氣寒冬的準備。
在美國疫情大幅爆發之前川普總統聲望達到新高主要是美國經濟表現強勁美國人民對於未來經濟前景樂觀。但若是未來美國經濟因疫情而疲弱川普政府防治疫情工作不到位會影響到川普總統聲望及連任之路。
由於今年是美中貿易協定第1年中國大陸必須履行對美國承諾特別是增加購買兩千億美元的商品。未來不僅是中國大陸執行的問題美國國內生產若是因疫情而停擺能否有能力供應也不無疑問。今年美國還要與中國進行第二階段經貿協定談判以目前的情勢來看可能美中兩國先把疫情控制才是優先的選項。
川普總統上任後一直鼓吹美中製造脫鉤分道揚鑣以確保美國優勢在美國的強力主導下中美製造某種程度的脫鉤了許多跨國企業紛紛撤離中國大陸。但是川普始料未及的是製造與中國脫鉤了但美國卻被中國疫情拖累現在如何使美中「疫情脫鉤」才是川普總統的當務之急。
（作者為中華經濟研究院區域發展研究中心主任）</t>
  </si>
  <si>
    <t>美國疫情川普經濟目前中國總統影響停賽職業未來美中取消脫鉤今年控制全球對於製造運動大陸直到</t>
  </si>
  <si>
    <t>美國疫情影響停賽川普總統</t>
  </si>
  <si>
    <t>川普停賽影響疫情總統美國</t>
  </si>
  <si>
    <t>免疫力終將到來感染社區斷言道理</t>
  </si>
  <si>
    <t>新冠肺炎（COVID-19）全球疫情急遽竄升台灣至今（22）已累積26名確診案例眼看仍不見緩減情勢腎臟科醫師江守山斷言「社區感染肯定會到來」全民應盡早做好準備。屆時要防止自己中鏢最好的方式並非戴口罩、</t>
  </si>
  <si>
    <t>最好全球疫情急遽防止竄升臺灣屆時準備累積做好儘早確診案例covid-方式眼看全民到來肯定</t>
  </si>
  <si>
    <t>新冠肺炎（COVID-19）全球疫情急遽竄升台灣至今（22）已累積26名確診案例眼看仍不見緩減情勢腎臟科醫師江守山斷言「社區感染肯定會到來」全民應盡早做好準備。屆時要防止自己中鏢最好的方式並非戴口罩、勤洗手江守山認為免疫力才是硬道理。
知名主持人謝震武在節目《新聞面對面》中邀請到腎臟科醫師江守山一起討論新冠肺炎疫情未來發展。沒想到江守山一鳴驚人地預言「社區感染終將到來」表示隱匿感染的人越來越多走到這一步只是必然。
但面對社區感染也不需太過恐懼江守山指出新冠肺炎的致死率僅2 %代表著98%的確診者會痊癒他舉日前香港人吃火鍋發生群聚感染的案例19個人當中有11個遭感染這意味著有8人仍然是健康的這並不是幸運而是自身免疫力擋住了病毒入侵所以江守山強調並非有無戴口罩、勤洗手「Always免疫力才是硬道理」。
怎樣提升自我免疫力？江守山舉出5個方法供民眾參考：
●睡得好睡眠要充足維持每天睡足7小時。
●吃得好吃的食物需做調整不要亂吃山珍海味多吃優質蛋白；少吃精緻糖吃了會讓白血球進入睡眠5小時。
●多曬太陽補充維生素D研究指出冬季多曬太陽可讓呼吸道疾病感染率降低3分之2。
●多漱口、漱喉嚨日本研究指出病毒進入體內要時間喉嚨隨時保持整潔可降低染病風險。多喝水或是鹽水、優典加水、漱口水或茶（含有茶多酚）都可以。
●洗熱水澡許多研究皆指出提升體溫有助於遏止病毒入侵高溫不利於病毒感染。江守山強調一周4次熱浴可讓感染風險降6成；且一次41℃持續5分鐘就達到足夠曝露量。
江守山提醒泡溫泉、在家泡澡沖澡都可以只是要記得避免大眾浴池建議改泡個人湯屋。</t>
  </si>
  <si>
    <t>感染江守山指出病毒研究社區免疫力肺炎風險案例降低確診可以喉嚨進入提升</t>
  </si>
  <si>
    <t>江守山社區感染免疫力硬道理謝震武</t>
  </si>
  <si>
    <t>免疫力感染道理謝震社區江守山</t>
  </si>
  <si>
    <t>菲律賓臺灣疫苗致函否認</t>
  </si>
  <si>
    <t>稍早有媒體傳出菲律賓致函台灣如果國產疫苗獲得我國緊急使用授權（EUA）審核通過菲律賓將會直接採認我國的EUA讓國產疫苗在當地免做3期臨床、直接讓民眾施打。對此菲律賓官方今（15）日否認。菲律賓最大廣播</t>
  </si>
  <si>
    <t>菲律賓疫苗直接我國eua傳出致函對此臺灣否認施打民眾媒體獲得臨床緊急授權審核使用當地采認官方</t>
  </si>
  <si>
    <t>稍早有媒體傳出菲律賓致函台灣如果國產疫苗獲得我國緊急使用授權（EUA）審核通過菲律賓將會直接採認我國的EUA讓國產疫苗在當地免做3期臨床、直接讓民眾施打。對此菲律賓官方今（15）日否認。
菲律賓最大廣播電視公司ABS-CBN今日報導針對台灣媒體傳出菲律賓致函台灣尋求獲得台灣政府緊急使用授權的國產疫苗菲律賓總統府發言人羅奎（Harry Roque）回應時表示「我否認這一點。」
菲律賓政府跨部門抗疫工作小組執行長加維斯（Carlito Galvez Jr）也否認菲國設法向台灣取得更多新冠疫苗「我沒有注意到有要求捐贈任何疫苗特別是那些沒有經過菲律賓FDA緊急使用授權的疫苗。」
ABS-CBN指出他們也向菲國衛生部長杜克（Francisco Duque III）詢問不過至截稿前杜克尚未回應。
目前菲律賓政府開放民眾施打的新冠疫苗包括科興疫苗、阿斯特捷利康（AZ）疫苗、輝瑞/BNT疫苗以及俄羅斯的衛星-V（Sputnik V）疫苗。
高端10日宣佈新冠疫苗擴大二期臨床試驗解盲成功將向食藥署申請緊急使用授權。聯亞生技的疫苗2期臨床試驗也將在月底解盲。
《鏡週刊》今日獨家報導指出菲律賓衛生單位已經致函我方有意直接採認我國EUA標準讓國產疫苗免在當地進行3期臨床試驗直接讓當地民眾施打。對此食藥署署長吳秀梅今日回應並未收到菲國來函。</t>
  </si>
  <si>
    <t>疫苗菲律賓回應否認今日臺灣菲國授權臨床直接使用緊急施打民眾試驗杜克菲律賓政府指出abs-cbn致函沒有eua我國當地</t>
  </si>
  <si>
    <t>#新冠肺炎#台灣#全球疫苗EUA菲律賓國產疫苗</t>
  </si>
  <si>
    <t>臺灣全球肺炎疫苗eua菲律賓</t>
  </si>
  <si>
    <t>確診家屬死亡居家隔離新北無法獨家送終</t>
  </si>
  <si>
    <t>新北市22日再傳出1起確診者死亡案例1名66歲婦女20日因不明原因喘氣異常送醫救治後仍在今日逝世院方進一步採驗驗出死者為新冠肺炎陽性患者死者女兒也隨之被要求居家隔離連見媽媽最後一面都不行令人鼻酸</t>
  </si>
  <si>
    <t>死者一面最後媽媽連見隔離居家要求隨之女兒逝世今日患者救治送醫異常確診喘氣原因不明婦女</t>
  </si>
  <si>
    <t>新北市22日再傳出1起確診者死亡案例1名66歲婦女20日因不明原因喘氣異常送醫救治後仍在今日逝世院方進一步採驗驗出死者為新冠肺炎陽性患者死者女兒也隨之被要求居家隔離連見媽媽最後一面都不行令人鼻酸；對此新北市衛生局表示相關疫情資訊以指揮中心公佈為主。
死者女兒表示媽媽生前無確診者接觸史、也沒到過確診者足跡地點15日因身體不舒服曾到診所就醫並未驗出確診20日又因喘不過氣來緊急送醫先送往板橋亞東醫院插管治療因情況未好轉再轉往中和區雙和醫院救治22日在院內逝世院方採檢後確認為新冠肺炎患者。
死者女兒說媽媽送醫後驗出確診她與媽媽密切接觸因此向醫院要求幫自己採檢醫院卻要她「馬上回家隔離」有問題詢問1922或疾管家她聽從指示乖乖回家不料1922、衛生局電話通通打不通直到今天新北市衛生局才告知自己「還沒收到隔離通知書」要她明天自行出門排隊快篩。
死者女兒痛批她家裡還有一位高齡78歲的長者拖了2天怕傳染給別人不敢出門快篩結果卻是烏龍一場延後她的就醫時間「政府到底哪個環節出了問題！」
由於根據現行規定新冠肺炎患者死亡後需在24小時內通報火化或深埋如今死者女兒被居家隔離不僅無法與媽媽見最後一面連上個香、出席告別式都不行情況令人鼻酸。
新北議員林國春表示他接獲死者女兒陳情自己曾與確診的媽媽有接觸染疫風險很高想前往醫院採檢確認自己是否染疫卻因居家隔離不得外出打了很多遍1922也沒人接不知如何是好雖終於接獲通知可以外出但明天能不能排到快篩站也是一個問題。
「類似狀況很多早就不是第1件。」林國春說確診者家屬被染疫的風險最高往往因被匡列居家隔離連篩檢都不行可見確診黑數還很多他建議相關單位設置「確診者家屬專用的篩檢站」把醫療資源用在刀口上。
對於死者生前是否有接觸史、死亡原因、匡列狀況新北市衛生局表示在接獲中央通報確診個案前相關資訊由疫情指揮中心發布為主。</t>
  </si>
  <si>
    <t>確診死者隔離醫院女兒媽媽居家表示問題送醫新北市衛生局死亡不行</t>
  </si>
  <si>
    <t>新冠肺炎台灣新北採檢女兒</t>
  </si>
  <si>
    <t>臺灣新北肺炎女兒</t>
  </si>
  <si>
    <t>指揮周後中心bnt再議青少年</t>
  </si>
  <si>
    <t>青少年第二劑BNT究竟打不打？中央流行疫情指揮中心日前表示須待ACIP會議討論但今天衛福部長陳時中在立法院接受質詢時表示將暫緩國內12至17歲青少年接種兩周後再決定是否施打。青少年BNT疫苗校園接種開打已超</t>
  </si>
  <si>
    <t>表示青少年接種bnt今天衛福討論部長陳時中中心疫情會議日前指揮acip法院接受校園質詢施打疫苗周後是否國內</t>
  </si>
  <si>
    <t>青少年第二劑BNT究竟打不打？中央流行疫情指揮中心日前表示須待ACIP會議討論但今天衛福部長陳時中在立法院接受質詢時表示將暫緩國內12至17歲青少年接種兩周後再決定是否施打。
青少年BNT疫苗校園接種開打已超過6周但目前第二劑規劃未定。指揮中心發言人莊人祥表示針對12至17歲BNT校園接種第二劑資料部分還需要進一步釐清及蒐集目前會持續關注國外相關文獻並重新檢視國內心肌炎案例ACIP預定兩周後重新開會。
指揮中心統計截至11月3日國內12至21歲接種BNT疫苗後發生心肌炎共20例為17男3女其中18例已出院1例住院中1例門診治療；其中17例為12至17歲分別為14男3女。</t>
  </si>
  <si>
    <t>接種bnt國內表示指揮中心目前acip重新青少年周後心肌炎疫苗校園陳時中部長衛福今天法院討論接受持續蒐集清及質詢</t>
  </si>
  <si>
    <t>青少年BNT第二劑12至17歲接種延後</t>
  </si>
  <si>
    <t>接種青少年bnt延後</t>
  </si>
  <si>
    <t>公主大巴旅客自衛隊包機</t>
  </si>
  <si>
    <t>美國政府欲接回鑽石公主號上美籍旅客所派遣包機預計今天晚間抵達東京羽田機場。日本自衛隊為把船上數百名美籍旅客送往東京羽田機場陸續在碼頭旁備妥約20輛大型巴士。目前停泊在日本橫濱港、爆發俗稱武漢肺炎的20</t>
  </si>
  <si>
    <t>旅客東京羽田機場橫濱日本公主停泊目前巴士派遣爆發包機晚間碼頭預計陸續今天抵達鑽石俗稱送往船上日本自衛隊接回武漢</t>
  </si>
  <si>
    <t>美國政府欲接回鑽石公主號上美籍旅客所派遣包機預計今天晚間抵達東京羽田機場。日本自衛隊為把船上數百名美籍旅客送往東京羽田機場陸續在碼頭旁備妥約20輛大型巴士。
目前停泊在日本橫濱港、爆發俗稱武漢肺炎的2019年冠狀病毒疾病（COVID-19）群聚感染的鑽石公主號遊輪船上有來自各個國家的旅客除了美國之外傳出加拿大政府也將派包機接回加拿大籍旅客。
根據《中央社》引述日本放送協會（NHK）的報導為讓鑽石公主號上的美籍旅客搭乘美國政府準備包機日本將由自衛隊安排巴士把美籍旅客送到羽田機場。美國政府派遣的包機預計晚間抵達羽田機場。
防衛省表示船上大約有380名美籍旅客屆時下船的美籍旅客將搭乘自衛隊安排的巴士直接前往羽田機場。
自衛隊為了能在今天晚間到明天淩晨間運送可能多達數百名旅客正在準備多輛大型巴士。
全日本新聞網（ANN）報導自衛隊在鑽石公主號泊靠碼頭旁準備了約20輛巴士。
哈芬登郵報（HuffPost）日文版網站昨天報導美國疾病管制暨預防中心（CDC）小組將在場確認搭乘包機乘客的健康狀況如果有發燒及咳嗽等症狀將不放行登機。
搭乘包機的美籍旅客預料最快可在當地時間16日抵達美國加州特拉維斯空軍基地並再度接受檢疫。特拉維斯空軍基地已把從中國武漢市返美的約230人安置在飯店鑽石公主號上的旅客可能被安置在基地內其他住宿設施。
鑽石公主號目前停泊在日本橫濱港船上約3700人中已有355人確診武漢肺炎其餘旅客及船組員到19日止都得待在船上接受觀察。船上的台灣旅客告訴中央社記者說船上旅客包含20名中華民國國民另有10至15名美籍或日籍的台灣人。</t>
  </si>
  <si>
    <t>旅客船上鑽石公主包機巴士搭乘美國自衛隊報導日本抵達準備羽田機場晚間疾病美國政府肺炎武漢可能今天接受</t>
  </si>
  <si>
    <t>舒適美國仁慈張瑞雄</t>
  </si>
  <si>
    <t>新冠肺炎在美國肆虐醫療設施和病床都告急之際美國海軍派出兩艘醫療艦舒適號（Comfort）前往紐約和仁慈號（Mercy）前往洛杉磯雖然都號稱有1000個以上的病床床位都事實上兩艘醫療艦都只收納了兩位數的病人</t>
  </si>
  <si>
    <t>醫療病床前往肆虐設施洛杉磯comfort號稱舒適床位派出之際美國海軍美國紐約mercy仁慈號以上事實上告急肺炎收納兩位數病人</t>
  </si>
  <si>
    <t>新冠肺炎在美國肆虐醫療設施和病床都告急之際美國海軍派出兩艘醫療艦舒適號（Comfort）前往紐約和仁慈號（Mercy）前往洛杉磯雖然都號稱有1000個以上的病床床位都事實上兩艘醫療艦都只收納了兩位數的病人為什麼會這樣呢？
當舒適號進入紐約時人們暫時忘卻社交隔離擠在曼哈頓港觀看這艘象徵和平和寬心的白色醫療軍艦希望它為極度需要醫療設施和床位的紐約帶來一絲希望但現在這艘巨艦在曼哈頓港邊空蕩地閒置反而激起市民的憤怒。
這就是美國總統川普的好大喜功和美國海軍的官僚不知變通所致。川普總統還親自前往維吉尼亞州諾福克市親自參加舒適號前往紐約的啟航儀式稱這將起到「關鍵作用」是紐約市嚴峻時期中為數不多的精彩時刻之一。可惜的是舒適號並不接受感染新冠病毒的病人舒適號被派往紐約是要透過治療新冠病毒以外的其他疾病來緩解城市醫院的壓力。
但是紐約現在並沒有很多的非冠狀病毒的病患由於大多數紐約人都已經將自己隔離在自己的家中因此車禍、槍擊和其他意外事故而需要到急診室就診的受傷人數幾乎很少。所以舒適號不接收新冠病毒的病患那它就沒有什麼病人！難怪紐約最大的醫院系統負責人說：「如果我對此直言不諱舒適號就是個笑話。」
當然美國軍方也有它的難處舒適號是為了在戰場條件下醫療傷兵而設計的船上醫生習慣於治療年輕健康的士兵這些士兵大多是遭受槍擊和炸彈爆炸的傷害。大多數染上新冠病毒的人都年齡較大而且這是一種新型病原體即使是世界頂級醫學研究人員也還無法完全理解何況是艦上的軍方醫療人員。
這並不是舒適號第一次出動2017年瑪麗亞颶風襲擊波多黎各之後舒適號也被派去緩解當地醫療資源不足的情況但最終也是每天只治療少數病人。還是因為舒適號上都是狹窄的雙層床而不是現代化的醫院病床因此不適合治療平民。
美國現在是世界上新冠病毒確認案例最多的國家這當然是川普領導的嚴重危機但川普的自戀個性讓這次的危機處理跌跌撞撞。即使對於新冠病毒不太瞭解每次記者會川普還是親自上線顯見電視曝光和收視率對他非常重要。但隨著美國人持續因新冠肺炎而死亡他的發言就像美國這兩艘醫療軍艦的名稱一樣既不舒適也不仁慈呀！
（作者為國立臺北商業大學校長）</t>
  </si>
  <si>
    <t>舒適醫療紐約美國病毒川普治療前往病人現在醫院病床槍擊隔離曼哈頓親自</t>
  </si>
  <si>
    <t>舒適紐約新冠病毒醫療川普</t>
  </si>
  <si>
    <t>病毒紐約醫療川普舒適</t>
  </si>
  <si>
    <t>大賽放棄巨星wwe病毒</t>
  </si>
  <si>
    <t>WWE年度摔角大賽(4月5日)改成閉門舉行對舉辦地造成經濟衝擊去年光是周邊活動就為紐約與紐澤西帶來16億美元商機(約48億台幣)。今年的摔角狂熱(WrestleMania 36)連主力選手都拒絕上場了。「大狗」瑞恩斯(Roman Re</t>
  </si>
  <si>
    <t>上場拒絕選手主力閉門wrestlemania舉行舉辦地狂熱造成經濟衝擊去年今年光是周邊活動台幣紐約紐澤西帶來</t>
  </si>
  <si>
    <t>REAL hard work REAL results No gimmicks Being on the cover of @muscleandfitness is a bucket list item for me Now back to work!!!
 Joe Anoai aka “Roman Reigns”（@romanreigns）分享的貼文 於 PDT 2020 年 3月 月 13 日 上午 11:06 張貼
WWE年度摔角大賽(4月5日)改成閉門舉行對舉辦地造成經濟衝擊去年光是周邊活動就為紐約與紐澤西帶來16億美元商機(約48億台幣)。今年的摔角狂熱(WrestleMania 36)連主力選手都拒絕上場了。
「大狗」瑞恩斯(Roman Reigns)是幾年前竄升的招牌巨星他因為懼怕肺炎而退出大賽他原本預定與戈柏(Bill Goldberg)爭搶總冠軍。「對大家很抱歉但我必須為自己和家人做出選擇。」瑞恩斯雖然身體強壯但曾罹患白血病導致免疫力低下禁不起新冠病毒的攻擊。
WWE大賽向來都是現場直播這次為配合防疫政策大部分的選手對戰改為錄影播出。前NFL球星葛倫考斯基(Rob Gronkowski)將要首次主持大賽他自幼就是摔角迷不幸今年只能面對空蕩蕩的體育館。</t>
  </si>
  <si>
    <t>大賽瑞恩斯選手今年romanreignsworkwwenobeinggimmicksonthecoverof@muscleandfitnessisbucketlistitemforme周邊活動</t>
  </si>
  <si>
    <t>WWE摔角職業摔角瑞恩斯美國</t>
  </si>
  <si>
    <t>職業瑞恩斯wwe美國</t>
  </si>
  <si>
    <t>擔任總指揮要員民進尋常</t>
  </si>
  <si>
    <t>新冠肺炎疫情不減反增行政院長蘇貞昌日前宣佈中央流行疫情指揮中心提升至一級開設並指示由衛福部長陳時中擔任指揮官。然而總指揮並非由民進黨要員擔任所有綠軍要角都隱身幕後有評論認為「相當的不尋常」</t>
  </si>
  <si>
    <t>疫情擔任評論幕後隱身不減蘇貞昌認為行政院長日前要員宣佈中央流行總指揮指揮官指揮中心提升陳時中開設部長</t>
  </si>
  <si>
    <t>新冠肺炎疫情不減反增行政院長蘇貞昌日前宣佈中央流行疫情指揮中心提升至一級開設並指示由衛福部長陳時中擔任指揮官。然而總指揮並非由民進黨要員擔任所有綠軍要角都隱身幕後有評論認為「相當的不尋常」並認為蔡英文應有兩大考量。
指揮中心疫情等級分為三級第三級由疾管署署長擔任最高指揮官、第二級為衛福部長、第一級的指揮官則由行政院所指派。指揮中心監測應變官莊人祥表示過去一級開設時指揮官多為行政院副院長層級例如毛治國、張善政、朱立倫此次則是陳時中接任。據《中評社》報導蔡英文這次抗疫讓民進黨要員都退到第二線應有兩大考量包括疫情升高風險加劇及兩岸關係對立激化非常棘手。
該評論指出目前已出現院內感染且找不到感染源、出國旅遊被感染的案例紛紛出現出現社區感染前兆下周恐是疫情是否逆轉關鍵時刻擔任抗疫指揮官風險極高。陳時中擔任指揮官恐大好大壞若抗疫順利520後人事改組前途光明；若狀況轉壞他便成蔡政府防火牆幫民進黨官員擋子彈若失控就由總指揮一肩扛。
至於兩岸部分該評論指出疫情爆發後兩岸對立節節激化。一切要從行政院長蘇貞昌宣佈禁止口罩出口等一連串對大陸惡言相向起頭蔡英文不讓民進黨要員站到抗疫第一線與大陸正面對撞應有緩和兩岸緊張之意。</t>
  </si>
  <si>
    <t>疫情指揮官擔任民進評論蔡英文中心指揮陳時中兩岸感染要員應有開設大陸總指揮出現蘇貞昌</t>
  </si>
  <si>
    <t>新冠肺炎新型冠狀病毒民進黨指揮官陳時中</t>
  </si>
  <si>
    <t>病毒民進冠狀肺炎指揮官陳時中</t>
  </si>
  <si>
    <t>腹瀉出現通通檢疫居家張上淳</t>
  </si>
  <si>
    <t>國內新冠肺炎確診個案最近腹瀉症狀者持續增加中央流行疫情指揮中心專家諮詢小組召集人張上淳指出這兩天已將腹瀉定為通報要件呼籲居家檢疫、居家隔離者若出現腹瀉通通要篩檢。張上淳表示專家小組一致認為</t>
  </si>
  <si>
    <t>腹瀉張上淳專家小組確診居家個案最近症狀表示中央肺炎持續通報疫情指揮流行增加中心定為出現已將指出通通</t>
  </si>
  <si>
    <t>國內新冠肺炎確診個案最近腹瀉症狀者持續增加中央流行疫情指揮中心專家諮詢小組召集人張上淳指出這兩天已將腹瀉定為通報要件呼籲居家檢疫、居家隔離者若出現腹瀉通通要篩檢。
張上淳表示專家小組一致認為最近幾天確診個案的腹瀉狀況很多有少數幾例開始有輕微發燒、咳嗽後來症狀不見只留下腹瀉的情形3月31日前的332例中有19例出現腹瀉約16%發燒咳嗽占一半。
張上淳表示但4月1日到4月3日的26位確診個案中有5位有腹瀉代表最近腹瀉明顯增加。經討論後決定除了發燒咳嗽嗅覺、味覺喪失外居家檢疫居家隔離個案中出現腹瀉也都要去就診篩檢。</t>
  </si>
  <si>
    <t>腹瀉咳嗽發燒個案張上淳最近確診出現專家增加居家症狀小組表示檢疫隔離中心指揮疫情流行中央</t>
  </si>
  <si>
    <t>腹瀉出現張上淳篩檢確診個案新冠肺炎</t>
  </si>
  <si>
    <t>確診個案張上淳出現肺炎腹瀉</t>
  </si>
  <si>
    <t>關鍵要素民怨爆發議員贊同</t>
  </si>
  <si>
    <t>「振興三倍券」即將登場7月1日起開放預購15日發放。不過資深媒體人陳鳳馨表示三倍券預購和使用方式一定會引發新一波的民怨問題。對此民進黨臺北市議員梁文傑贊成陳鳳馨觀點直言從一開始認為發現金就好了</t>
  </si>
  <si>
    <t>陳鳳馨預購直言觀點贊成文傑臺北市民進對此議員問題民怨引發開始一定發放方式媒體使用表示登場開放</t>
  </si>
  <si>
    <t>「振興三倍券」即將登場7月1日起開放預購15日發放。不過資深媒體人陳鳳馨表示三倍券預購和使用方式一定會引發新一波的民怨問題。對此民進黨臺北市議員梁文傑贊成陳鳳馨觀點直言從一開始認為發現金就好了因為（三倍券）真的太麻煩了。
陳鳳馨在政論節目《鄉民來衝康》中表示三倍券一定會引發民怨！因為只要一排隊就是民怨未來兩個禮拜她要告訴各位看起來都是大熱天光是民眾在大熱天排隊就會引發民怨。
陳鳳馨再表示當然可以去便利商店領取但是有些地方是偏遠地區那些居民要如何領這也會引發另一波民怨。
陳鳳馨強調接著接下來的民怨就是會爆發消費糾紛就是商家要不要找零這件事情會引發糾紛而這種糾紛不用多可能1000件裡頭只要有5件就是新聞。很多消費者糾結的點就是為何這家可找零那間不能找零？還有退貨問題三倍券引發的政策上面的陷阱真得非常多。
對此一起同台的梁文傑表示他從一開始就認為發現金就好了因為真的太麻煩了。他也同意鳳馨的觀點接下一定有些新聞是跟三倍券相關。但既然政策已經到這樣了那就繼續做下去。他也認為台灣人民其實在這段時間不是沒有錢消費而是不敢消費。隨著疫情的解封全台灣餐廳還是火車等都是爆滿在這種情況下有沒有振興券其實意義不大了。</t>
  </si>
  <si>
    <t>引發表示民怨鳳馨認為一定臺灣找零對此陳鳳馨消費觀點沒有政策問題文傑預購就是其實</t>
  </si>
  <si>
    <t>民怨三倍券梁文傑陳鳳馨行政院</t>
  </si>
  <si>
    <t>文傑陳鳳馨民怨行政院</t>
  </si>
  <si>
    <t>世界衛生組織28日表示對抗新冠疫情未來12個月需要234億美元（約台幣6500億）並呼籲全球最富裕的G20領袖展現領導力出錢資助計畫。G20領袖本週末在羅馬召開峰會世衛祕書長譚德塞表示G20領袖不能繼續在疫情</t>
  </si>
  <si>
    <t>領袖表示疫情未來需要台幣呼籲全球世衛峰會富裕秘書長德塞展現領導資助計畫羅馬召開週末對抗出錢不能</t>
  </si>
  <si>
    <t>世界衛生組織28日表示對抗新冠疫情未來12個月需要234億美元（約台幣6500億）並呼籲全球最富裕的G20領袖展現領導力出錢資助計畫。
G20領袖本週末在羅馬召開峰會世衛祕書長譚德塞表示G20領袖不能繼續在疫情中拋棄貧窮國家即日起至2022年9月世衛需要這筆資金以支應一些疫情高風險國家取得／配送新冠疫苗、篩檢與治療避免再增500萬人死於新冠肺炎。
他說G20會員國有能力做出相關的政治和財政承諾結束這場疫情。他說目前正處於決定性時刻需要果斷的領導力才能讓世界更安全。
譚德塞所指的全球防疫計畫全名是「取得新冠肺炎工具加速計畫」（Access to COVID-19 Tools AcceleratorACT-A）。前瑞典首相、ACT-A計畫特使畢爾德（Carl Bildt）表示234億美元不是一筆小數目但相較於疫情所造成的全球經濟損害並不算多。當中70億美元將用於疫苗及檢測59億美元用於改善公共醫療系統另外35億美元則用於購買抗病毒藥物、醫用氧氣及類固醇。
世衛也表示由於歐洲疫情升溫全球新增確診病例在2個月以來首次增加顯示距離疫情大流行結束還有一段很長的時間。
世衛首席科學家斯瓦米納坦（Soumya Swaminathan）表示新冠疫苗全球取得機制（COVAX）已向140多個中低收入國家提供約4億劑疫苗惟相關國家疫苗接種率仍然很低。斯瓦米納坦指出約82個國家年底前無法實現世衛定下的目標─4成人口接種。她批評富裕國家接種加強劑阻礙窮國獲得疫苗。</t>
  </si>
  <si>
    <t>疫情國家世衛全球疫苗表示需要領袖接種取得斯瓦米納坦結束領導用於富裕相關德塞肺炎act-a</t>
  </si>
  <si>
    <t>取得疫苗肺炎世衛計畫</t>
  </si>
  <si>
    <t>肺炎取得計畫世衛疫苗</t>
  </si>
  <si>
    <t>生活陳建仁</t>
  </si>
  <si>
    <t>新冠肺炎大範圍延燒全球副總統陳建仁預期新冠病毒會像流感一樣無法完全消除而會與我們共存。未來一年或一年半之內我們或許就會有疫苗但在這之前我們絕對必須保持社交距離過著「半正常」的生活。目前</t>
  </si>
  <si>
    <t>距離社交保持必須絕對之前疫苗共存消除範圍全球總統陳建仁病毒預期正常或許之內未來完全無法</t>
  </si>
  <si>
    <t>新冠肺炎大範圍延燒全球副總統陳建仁預期新冠病毒會像流感一樣無法完全消除而會與我們共存。未來一年或一年半之內我們或許就會有疫苗但在這之前我們絕對必須保持社交距離過著「半正常」的生活。目前歐洲疫情已過高峰期希望5月底能看得到疫情曙光。
為防止疫情擴散目前各國都採取各項管制跨國人員往來等策略究竟這波疫情何時可以解禁？陳建仁日前接受英國《每日電訊報》專訪表示基本上他認為新冠病毒會像流感一樣具有高度傳染力大部分病例屬於輕症或無症狀感染者會透過飛沫及污染區傳染因此無法完全消除而會與我們共存。
他說如果是這樣的話就會像2009年的H1N1新流感。「所以我們一定要準備好和這個病毒長期對抗」這也是我們必須研發快篩和抗病毒藥物的原因。
陳建仁表示未來一年或一年半之內我們或許就會有疫苗就可以像2009年流感疫情一樣利用疫苗防疫。「但在這之前我們絕對必須保持社交距離」。不需要停止所有活動只要過半的民眾減少50％的社交接觸大家就能有限度地繼續日常生活只是要稍微設限過著所謂「半正常」的生活。
至於退場策略他說為了協調國際運輸等所有國家都必須公開資訊讓各國的情況公開透明我們必須確保疾病不會傳播出去必須十分謹慎確保不會再爆發大流行。
他曾和哥倫比亞、約翰霍普金斯及史丹佛等大學的同僚討論過何時回歸正常生活「我們還在思考我們都還沒有準備好」。
何時全球能陸續恢復正常生活？陳建仁表示他曾經預測5月底但很難預料。不過他認為歐洲疫情已過顛峰期正在趨緩而美國還在攀升中「希望5月底看得到疫情的曙光」。
他說我們對於無症狀和輕症必須非常小心。如果有健全的通報體制就可以檢測出現輕度呼吸道症狀的患者然後確定可能的感染源「能做到這一步才能放心說我們安全了」。
此次病毒外傳是從市場開始不過陳建仁指出華南海鮮市場可能不是感染源頭。12月初泰國、香港、還有日本都有病例出現這些病患也都沒有去過華南海鮮市場。要追蹤零號感染源非常困難。「如果零號病例是輕症就永遠找不到」。</t>
  </si>
  <si>
    <t>必須疫情陳建仁病毒生活表示流感病例可以正常症狀感染社交月底市場策略出現</t>
  </si>
  <si>
    <t>新冠肺炎延燒副總統陳建仁流感</t>
  </si>
  <si>
    <t>總統肺炎陳建仁流感</t>
  </si>
  <si>
    <t>雙北本土新增</t>
  </si>
  <si>
    <t>中央流行疫情指揮中心今(6)日公佈國內新增12例新冠肺炎確定病例為10例本土及2例境外移入。確診個案中新增3例死亡。指揮官陳時中宣佈8月10到8月23日仍維持2級警戒維持理由是疫情還在可控範圍也沒有突發事件</t>
  </si>
  <si>
    <t>疫情新增維持中心範圍公佈國內個案宣佈死亡陳時中指揮官理由指揮警戒病例本土</t>
  </si>
  <si>
    <t>中央流行疫情指揮中心今(6)日公佈國內新增12例新冠肺炎確定病例為10例本土及2例境外移入。確診個案中新增3例死亡。指揮官陳時中宣佈8月10到8月23日仍維持2級警戒維持理由是疫情還在可控範圍也沒有突發事件觀察的時間仍短因此繼續維持。
10例本土病例有7例為居家隔離期間或期滿檢驗陽性者為5例男性、5例女性年齡介於未滿10歲至60多歲發病日介於今(2021)年8月4日至8月5日。個案分佈以新北市4例為最多其次為臺北市3例、嘉義縣2例、彰化縣1例；其中8例為已知感染源、1例關聯不明、1例疫調中將持續進行疫情調查以釐清感染源。
至於新增的2例境外移入個案案15868為美國籍20多歲男性8月4日自美國來臺工作持有搭機前3日內檢驗陰性報告於機場採檢後至防疫旅館居家檢疫並於今日確診；個案在臺期間並無症狀已匡列同班機前後2排旅客共6人均列居家隔離。案15873為英國籍30多歲男性8月4日自英國來臺工作持有搭機前3日內檢驗陰性報告入境後至集中檢疫所居家檢疫並採檢於今日確診；個案在臺期間並無症狀相關接觸者匡列中。
今日新增的3例死亡個案為2例男性、1例女性年齡均為70多歲且未接種COVID-19疫苗發病日介於5月18日至6月4日確診日介於5月21日至6月6日死亡日介於5月28日至7月21日；詳如新聞稿附件。
近期確診個案解隔離情形5月11日至8月4日累計公佈14543位確診個案中已有13018人解除隔離解隔離人數達確診人數895%。
截至目前國內累計15765例確診分別為1282例境外移入14430本土病例36例敦睦艦隊、2例航空器感染、1例不明及14例調查中；另累計108例移除為空號。2020年起累計794例COVID-19死亡病例其中786例本土個案居住縣市分佈為新北市393例、臺北市300例、基隆市27例、桃園市24例、彰化縣14例、新竹縣11例、臺中市4例、苗栗縣3例、宜蘭縣及花蓮縣各2例臺東縣、雲林縣、臺南市、南投縣、高雄市及屏東縣各1例；另8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個案確診感染居家隔離新增疫情措施累計病例本土防疫死亡男性期間檢驗維持今日中心境外</t>
  </si>
  <si>
    <t>疫苗庫存量緊繃新冠肺炎台灣</t>
  </si>
  <si>
    <t>存量肺炎臺灣疫苗</t>
  </si>
  <si>
    <t>家長會全國聯盟在即開學防疫</t>
  </si>
  <si>
    <t>全國高中以下學校因為新冠狀病毒肺炎防疫而延遲至2月25日開學面對即將到來的開學日在疫情尚未穩定之前高中以下各級學校約300萬名學生的防疫工作將會是非常重要的一環。全國家長會長聯盟（以下簡稱全長聯）</t>
  </si>
  <si>
    <t>以下防疫學校全國高中聯盟家長會重要非常即將到來開學日面對疫情開學尚未延遲肺炎穩定工作之前病毒</t>
  </si>
  <si>
    <t>全國高中以下學校因為新冠狀病毒肺炎防疫而延遲至2月25日開學面對即將到來的開學日在疫情尚未穩定之前高中以下各級學校約300萬名學生的防疫工作將會是非常重要的一環。全國家長會長聯盟（以下簡稱全長聯）提出對於校園防疫措施的8點建議希望各校在做準備與規劃時能夠更充分與完整。
全長聯提出的8點呼籲如下：
1 各級學校須瞭解假期中是否有中港澳轉機、大陸旅遊史或是高風險接觸史需要隔離防疫的學生。
2 全校需在開學前進行全面性消毒在開學後每一週都需要至少一次。
3 於校門口進行體溫監控及消毒防疫入校學生或校外人士皆應以酒精噴消雙手如果體溫高於375度即應勸導離校。
4 防疫期間校園應減少校外人士的進出且暫不開放校區於放學後供社區居民使用。
5 教育部應提供各級學校充分供應有需求學生的口罩並且充分告知家長相關防疫規範。
6 因為學校屬群聚場域而每週上課五天建議將「持有學生證或學費繳費證明的18歲以下學生得於7天內購買5個口罩」的規定納入口罩實名制中。
7 提供居家隔離或是因為疫情無法到校上課的學生視訊上課的協助。
8 在疫情尚未穩定前若在校師生有確診病例則應辦理全校停課相關措施待確診病例康復且全校師生未有新確診病例時再行安排補課事宜。
全長聯表示期待大家一起來守護我們的下一代做好完備防疫相關流程作業讓孩子能夠在學校健康學習讓家長放心拚經濟。</t>
  </si>
  <si>
    <t>防疫學校學生以下相關全長疫情充分開學全校確診上課口罩病例體溫隔離建議提供能夠措施</t>
  </si>
  <si>
    <t>不遠內蒙青海兩會全國召開</t>
  </si>
  <si>
    <t>大陸部分地區的市級「兩會」於近日相繼召開。25日內蒙古烏海市進入2020年「兩會時間」。當天召開烏海市政協九屆三次會議。次日烏海市人大會議開幕。22日政協青海玉樹州委員會十四屆五次會議開幕。23日下午玉樹</t>
  </si>
  <si>
    <t>召開烏海市會議政協兩會開幕近日相繼內蒙古玉樹委員會時間進入當天青海地區次日人大部分下午大陸</t>
  </si>
  <si>
    <t>大陸部分地區的市級「兩會」於近日相繼召開。25日內蒙古烏海市進入2020年「兩會時間」。當天召開烏海市政協九屆三次會議。次日烏海市人大會議開幕。22日政協青海玉樹州委員會十四屆五次會議開幕。23日下午玉樹州十三屆人大六次會議也拉開帷幕。在政協和人大會議開幕會現場主席臺和台下的與會人員都摘下口罩。
據《內蒙古日報》報導烏海市是今年全自治區首個召開兩會的盟市。表明烏海市統籌推進疫情防控和經濟社會發展工作取得積極成效生活生產秩序正在加快恢復。
《烏海日報》照片顯示25日、26日兩天烏海市政協、人大的全體會議上主席臺成員均摘下了口罩台下人大代表、政協委員都是隔位而坐保持了一定的間距。
青海省的海西州也在3月召開了兩會。據報導 24日上午中國人民政治協商會議海西蒙古族藏族自治州第十三屆委員會第五次會議在海西會議中心大會堂隆重開幕。隔日上午海西蒙古族自治州第十四屆人民代表大會第六次會議在海西會議中心開幕211名人大代表出席了當天的會議。人大代表們也摘去了口罩。
此前全大陸已有29個省份在1月份召開了「省級兩會」四川、雲南省兩會原定2月初召開因新冠肺炎疫情延期目前尚未確定召開時間。
據不完全統計雲南昆明安徽合肥、亳州河南鄭州山東濟南、青島、濱州陝西西安、榆林內蒙古呼和浩特等地已在此前宣佈延期舉行兩會。</t>
  </si>
  <si>
    <t>召開兩會會議烏海市內蒙古開幕政協口罩疫情人大人大代表上午日報報導此前延期時間主席臺海西台下委員會當天</t>
  </si>
  <si>
    <t>內蒙兩會人大青海新冠肺炎</t>
  </si>
  <si>
    <t>人大青海兩會內蒙肺炎</t>
  </si>
  <si>
    <t>北市執法打烊疫情</t>
  </si>
  <si>
    <t>新冠肺炎疫情持續北市警方在防疫期間酒後駕車違規執法不打烊統計今年1至2月取締酒後駕車違規達840件提醒駕駛人勿僥倖酒駕上路。為避免員警和民眾在酒測過程感染新冠肺炎警方表示執行取締酒駕車勤務員警除</t>
  </si>
  <si>
    <t>駕車取締警方違規酒後肺炎僥倖過程駕駛人感染持續提醒北市執行防疫執法期間統計今年打烊表示避免員警</t>
  </si>
  <si>
    <t>新冠肺炎疫情持續北市警方在防疫期間酒後駕車違規執法不打烊統計今年1至2月取締酒後駕車違規達840件提醒駕駛人勿僥倖酒駕上路。
為避免員警和民眾在酒測過程感染新冠肺炎警方表示執行取締酒駕車勤務員警除一律佩戴口罩外攔停車輛後會與駕駛保持一定距離觀察過濾駕駛人如有酒容、酒氣者再指揮至路旁平車熄火對駕駛人酒測。
警方呼籲民眾配合員警施測受測者使用的吹嘴皆是以塑膠套包裝的全新吹嘴用過即換掉絕不會重複使用且落實儀器消毒確保衛生安全。
★中時新聞網提醒您：酒後不開車安全有保障</t>
  </si>
  <si>
    <t>警方駕駛人酒後駕車取締安全違規民眾肺炎重複使用落實絕不會儀器消毒車輛後會確保駕駛</t>
  </si>
  <si>
    <t>酒駕新冠肺炎肺炎新冠警方</t>
  </si>
  <si>
    <t>肺炎警方</t>
  </si>
  <si>
    <t>文化局確診同仁交友特殊桃園</t>
  </si>
  <si>
    <t>桃園新增5起本土確診案例人數再度躍居全國第2全都跟「特殊交友圈」相關鄭文燦指出3人和原本的特殊交友圈有接觸其中1人是文化局同仁因此宣佈圖書館和展覽館閉館到25日。另有1婦人是兒子同事確診而染疫</t>
  </si>
  <si>
    <t>確診特殊交友案例人數兒子再度躍居全國全都相關婦人本土原本閉館圖書館展覽館宣佈同仁文化局接觸同事鄭文燦人和</t>
  </si>
  <si>
    <t>桃園新增5起本土確診案例人數再度躍居全國第2全都跟「特殊交友圈」相關鄭文燦指出3人和原本的特殊交友圈有接觸其中1人是文化局同仁因此宣佈圖書館和展覽館閉館到25日。另有1婦人是兒子同事確診而染疫還有1男有特殊交友圈特質。衛生局長王文彥更預告明天還有3例「特殊交友圈」呼籲主動快篩。
鄭文燦說案15567是30多歲男性因和18日確診的臺北電腦員工（案15524）有接觸出現症狀自己快篩陽性到醫院採檢確診已匡列8人。案15568是20多歲男性在中壢某工廠工作因出現症狀自行快篩陽性後至醫院採檢確診已採檢23人居隔並擴大匡列161人採檢、自主健康管理。
案15574是文化局30多歲男性同仁也是案15568朋友被列為居隔對象採檢後確診雖然CT值較高是30但仍匡列27人居家隔離他提到文化局大樓圖書館和財政局264位同仁全採檢PCR都是陰性仍全部改為居家上班自主健康管理到7月25日文化局內的圖書館和展覽館也閉館到7月25日。
案15575是60多歲女性初步疫調來源是兒子的同事、將於明天公佈的案15596（曾和臺北電腦員工有接觸）另案15583是有症狀就醫採檢確診他也有特殊交友圈特質市府會把可能感染來源找出。
鄭文燦提到確診5個中有4個跟特殊交友圈有關其他的是朋友或家人衛生局從細部找出每個人的關聯做出關係圖發現這波特殊交友圈引發職場和家庭感染因此截斷特殊交友圈的傳染源非常重要不諱言部分是網友身分甚至還有跨縣市呼籲若有相關接觸史務必讓交往對象知悉也要自己快篩或到醫院採檢才是保護家人和同事最好的方式市府也會列為專案追查多次匡列防堵特殊交友圈傳播鏈。
衛生局長王文彥則預告明天有3例和臺北電腦員工（案15524）有接觸不諱言他們有「開趴」的情況強調6月初至今桃園共有40位屬於特殊交友圈近期20個分屬2的大集團和1個小集團他讚今確診2例就是自己發現有交友關係自主採檢確診2度強調「主動出來是好事！」
王文彥不諱言部分是交友軟體產生連結關係比較複雜因為不是真名疫調恐會有延遲更需要大家合作協助一起清零直言可能會影響到職場和家人像是2個月來就有9位家屬是被特殊交友圈感染鼓勵特殊交友圈自主出來採檢衛生局和衛生所會全力協助他也建議可到部立桃園醫院和林口長庚醫院尋求協助必要還會幫忙施打預防針大家一起把防疫做好解決問題。</t>
  </si>
  <si>
    <t>交友特殊確診匡列協助接觸自主關係桃園鄭文燦同事醫院文化局一起還有感染</t>
  </si>
  <si>
    <t>特殊交友圈新冠肺炎台灣桃園確診</t>
  </si>
  <si>
    <t>肺炎臺灣桃園交友特殊確診</t>
  </si>
  <si>
    <t>以上盧秀燕長者莫德納來</t>
  </si>
  <si>
    <t>中央配撥116萬劑莫德納到台中市台中市長盧秀燕28日在市政會議表示將為68歲以上長者、58歲以上原住民施打第2劑莫德納從9月29、30及10月1、4、5日共5天接種由裡長鄰長出動發通知單給長輩戶籍不在台中者台</t>
  </si>
  <si>
    <t>中央 配 撥 116萬 劑 莫德納 到 台中 市 台中 市長 盧秀燕 28 日 在 市政 會議 表示 將 為 68 歲 以上 長者 58 歲 以上 原 住 民 施打第 2 劑 莫德納 從 9 月 2930 及 10 月 145 日 共 5 天 接種 由 裡長 鄰長 出動 發 通知單 給 長輩 戶籍 不在 台中 者 台</t>
  </si>
  <si>
    <t>台中莫德納以上長輩通知單出動會議鄰長市政裡長接種施打第戶籍市長長者盧秀燕表示不在中央</t>
  </si>
  <si>
    <t>中央配撥116萬劑莫德納到台中市台中市長盧秀燕28日在市政會議表示將為68歲以上長者、58歲以上原住民施打第2劑莫德納從9月29、30及10月1、4、5日共5天接種由裡長鄰長出動發通知單給長輩戶籍不在台中者台中是友善城市不會排斥來台中施打第2劑可在10月4、5日預約後到規畫的10家預約院所施打。
莫德納、AZ、BNT與高端疫苗目前在台中市4劑齊發盧秀燕表示除了莫德納將施打第2劑其中施打AZ符合資格65歲以上長者原住民55歲的民眾10月7、8日可以到1922自行預約接種。
進行中的學生注射疫苗BNT針對12到18歲學生從9月23日起為全市14萬名學生施打已有3萬多人接種預計10月8日打完。
盧秀燕說台中市4種疫苗注射作業統計全市施打第1劑疫苗人數比例已達5333％即100人中有53人打完第一劑現在繼續向中央追疫苗增加市民施打疫苗的普及率。</t>
  </si>
  <si>
    <t>台中疫苗施打第施打莫德納接種預約盧秀燕以上學生打完長者全市注射azbnt中央表示長輩排斥通知單出動</t>
  </si>
  <si>
    <t>新冠肺炎台灣施打莫德納盧秀燕</t>
  </si>
  <si>
    <t>臺灣施打肺炎莫德納盧秀燕</t>
  </si>
  <si>
    <t>長期肺炎流行有如流感</t>
  </si>
  <si>
    <t>新冠肺炎與SARS有何不同？大陸醫學專家指出相較SARS集中攻擊肺部新冠肺炎還會波及心臟、腎臟等器官造成多重器官衰竭救治難度比SARS大不過目前看來病亡率低於SARS。此外新冠肺炎還有可能轉成慢性疾病像</t>
  </si>
  <si>
    <t>sars肺炎器官還有難度波及目前專家指出相較大陸低於不同集中肺部攻擊可能造成腎臟衰竭心臟救治看來</t>
  </si>
  <si>
    <t>新冠肺炎與SARS有何不同？大陸醫學專家指出相較SARS集中攻擊肺部新冠肺炎還會波及心臟、腎臟等器官造成多重器官衰竭救治難度比SARS大不過目前看來病亡率低於SARS。此外新冠肺炎還有可能轉成慢性疾病像流感一樣與人類共存。
中國工程院副院長、呼吸與危重症醫學專家王辰19日接受央視專訪時指出新冠肺炎與SARS不同。SARS傳播性和致病性都很強很快把宿主殺死然後病毒自身也不容易存活。而新冠肺炎有可能轉成慢性疾病像流感一樣與人類共存。對此我們從臨床診治和生產生活防範方面都要做好相應準備。
患者病情進展快
新冠肺炎潛伏期難測王辰表示對無症狀感染者的判斷主要是靠核酸（DNA）檢測以後還會有抗原檢測、抗體檢測這些檢測方法是甄別無症狀感染者有效的手段。新冠病毒或許也會發生一定變化。針對它所反映出來的生物學特點他認為隨著認識加深會對應制訂一些醫學上的防範和診斷治療方法並做出相應的安排和預防。
對於損傷的肺部是否能完全恢復王辰說目前顯示能恢復甚至可完全恢復但有待更進一步、更長期的觀察希望大家不必過於擔心。
北京朝陽醫院副院長童朝暉19日指出與SARS相比新冠肺炎重症患者以50歲以上的老年人為主這部分人群多有心腦血管等基礎疾病。在發病進程上新冠肺炎患者病情進展得更快缺氧明顯如果控制不好很快會發展到呼吸衰竭。
他說和SARS患者受累器官集中在肺部不同新冠病毒除了攻擊肺部還會攻擊心臟、腎臟、腸道等多個器官造成多重器官衰竭。正因如此新冠肺炎重症患者的救治難度比SARS患者大。
之前有專家指空氣中的「氣溶膠傳播」也會造成傳染北京地壇醫院感染二科主任醫師蔣榮猛解釋需有兩個前提一是在密閉空間二是高濃度只有在相對封閉的環境中長時間暴露在高濃度氣溶膠情況下才存在被感染的可能醫院病房尤其是ICU加護病房是高危險區域主要威脅醫護人員普通人並不容易接觸到。
收治前已經傳染
談到目前武漢的病患收容情況王辰說目前病床增加「應收盡收」的目標正在進一步實現但他坦言有些病人收治比較晚收治之前可能已經傳染他人此問題不解決就不利於控制疫情傳播。
王辰表示目前各種藥物或治療手段仍在探索階段對它的規律還不瞭解之前是基於過去的經驗制訂的一些治療方法但隨著對病情規律的認識治療針對性越來越強、越來越規範。他說目前的認識還非常粗淺包括對新藥、新療法的探索都還在初級階段。
最近網上廣傳方艙醫院裡病患齊跳廣場舞的影片對於是否有助病情緩解王辰指出方艙醫院病人是輕症病人從體力上、心態上都能進行社會活動和交往他認為可紓緩病人緊張情緒、提高生活狀態和品質對病情也有幫助。
王辰說當前既要有急迫的心情感受到病人急迫的需要同時要有非常清晰的頭腦、非常穩健的行動才能推動科學研究。</t>
  </si>
  <si>
    <t>王辰目前肺炎sars病人病情患者治療指出可能醫院之前肺部傳染傳播醫學專家方法認識</t>
  </si>
  <si>
    <t>病人收治攻擊肺炎病情</t>
  </si>
  <si>
    <t>收治病人攻擊病情肺炎</t>
  </si>
  <si>
    <t>醫療呼籲授權美國防</t>
  </si>
  <si>
    <t>美國之音報導指出正在美國國會審議中的《2021財年國防授權法》（2021NDAA）草案其中就有條文呼籲美國國防部讓海軍醫療船「安慰號」及「仁慈號」停靠台灣以便延續美台應對新冠肺炎的協作。草案還支持與台灣進行</t>
  </si>
  <si>
    <t>草案臺灣美國國會審議中的財年國防授權正在ndaa肺炎協作美國國防部海軍醫療條文呼籲安慰仁慈號停靠</t>
  </si>
  <si>
    <t>美國之音報導指出正在美國國會審議中的《2021財年國防授權法》（2021NDAA）草案其中就有條文呼籲美國國防部讓海軍醫療船「安慰號」及「仁慈號」停靠台灣以便延續美台應對新冠肺炎的協作。草案還支持與台灣進行現實的訓練和軍事演習包括太平洋多國軍演（RIMPAC）及歐文堡（Fort Irwin）陸軍國家訓練中心的聯合訓練、在《台灣旅行法》之下增加美台高級軍事將領的交流以及擴大軍事醫藥及人道災難救助合作等。
一般認為《2021財年國防授權法》草案可望通過並且獲得美國總統川普簽署然而如果美國具體實施條文不但陸美關係將高度緊張兩岸關係將會更加惡化。
美國之音的報導表示編號S 4049的《2021財年國防授權法》草案有兩個條款涉及台灣。1258號條款明白表示美國的政策明定《台灣關係法》及「六項保證」是美台關係的基礎《台灣關係法》中「沒有任何內容限制美國盡可能深化彼此間的廣泛、緊密和友善關係包括防衛關係」而且這個法律應該隨著政治、安全、經濟動態及不同情況的轉變來實施和執行。
美國預期「台灣前途應該通過和平手段來決定」「任何以非和平方式決定台灣前途的作為都是對西太平洋地區和平安全的威脅也是美國的嚴重關切」。
貫徹NDAA 兩岸更惡化
美國支援台灣具備自我防衛能力規範各種強化美台軍事關係與合作的專案表明美國支持台灣發展「有能力、有準備及現代化的防衛部隊」。這些專案包括：美國支援台灣取得武器和服務、確保台灣提出的軍事需求能得到及時審議和回應。
依據上述《台灣關係法》各項規定美國參議院意見認為美國國防部長應該確保國防部完整執行條款中關於美台防務關係的規定並且發布關於執行這些規定必要的新政策指引。
1259號條文表示美國國會認為國防部「應該執行『安慰號』及『仁慈號』停靠台灣」的任務以便延續美台應對新冠肺炎（COVID-19）的協作包括檢測、疫苗與藥物的研發和口罩的捐助並且進一步改善美台軍事醫療及人道災難救助的合作。
強化美台軍事關係
另外讓美方人員得以從台灣人士的專業獲益因為台灣應對新冠肺炎富有成效以及延續安慰號與仁慈號的使命它展現了國防部在全球部署海上醫療能力的能量與提供美國在重大危機時應變能力的價值。
安慰仁慈號 停靠台灣
雖然這不是參議院第一次在國防授權法中呼籲讓美軍醫療船停靠台灣《2019財年國防授權法》也有關於美軍醫療船訪問台灣的條文不過《2021財年國防授權法》草案的相關條文凸顯新冠肺炎對草案內容的影響在文字上也有更明確的描述例如指明兩艘醫療船的名字和美台應對疫情的合作項目。草案預計在未來幾星期完成修訂後送交院會表決。</t>
  </si>
  <si>
    <t>臺灣美國關係醫療草案條文軍事包括應該授權國防執行財年安慰肺炎認為仁慈號表示防衛關係法訓練</t>
  </si>
  <si>
    <t>美國肺炎國防授權法軍事國防部</t>
  </si>
  <si>
    <t>國防授權軍事肺炎國防部美國</t>
  </si>
  <si>
    <t>戰場外交政策臺灣角力疫苗外交美中</t>
  </si>
  <si>
    <t>隨著美國總統拜登先後宣佈捐贈8000萬與5億劑疫苗以抑制新冠肺炎在全球的大流行；美《外交政策》11日分析拜登提供的疫苗中有75萬劑將交給台灣而台灣又一向為北京視為前院。換言之原本已深陷美中大國競爭的</t>
  </si>
  <si>
    <t>拜登疫苗原本前院視為臺灣深陷宣佈提供全球流行捐贈抑制外交政策北京肺炎分析一向總統交給</t>
  </si>
  <si>
    <t>隨著美國總統拜登先後宣佈捐贈8000萬與5億劑疫苗以抑制新冠肺炎在全球的大流行；美《外交政策》11日分析拜登提供的疫苗中有75萬劑將交給台灣而台灣又一向為北京視為前院。換言之原本已深陷美中大國競爭的台灣所處的戰場會進一步擴張至疫苗取得之上。
報導中指出近幾個月以來美國軍事官員持續警告美方與其盟友可能正處於大陸武力犯台的轉捩點而這將決定亞太地區未來幾十年的命運。
儘管嚴格來講為非官方訪問但日前美國議員走訪這個四面楚歌的小島象徵蔡英文與拜登政府關係的升溫；以及身處美中霸權爭奪前線的台灣不只成為傳統政治、軍事與經濟戰場更擴張至疫苗外交之上。
美國聯邦民主黨參議員達克沃絲、昆斯以及共和黨參議員蘇利文組成兩黨台灣訪問團。在與蔡英文的會面時達克沃絲宣佈美國將提供75萬劑疫苗給台灣。
報導指出美國總統拜登愈來愈將華府與北京的競爭視為西式民主對決共黨威權主義。這次訪台行程恰巧是個機會使世人知道美國完全能在這場角力中迎頭趕上。
昆斯表示「去年美國的經歷(指疫情大流行)讓期盼全球擁抱民主並以此為治理模式的人感到懷疑」；但隨著參議院通過近2500億美元法案投資科學研發以提升和中國大陸的競爭力。美國與大陸在亞洲的競爭可成為一絕佳機會展現民主如何發揮並因應此時此刻的挑戰。
文中分析長期以來共和黨與民主黨在公共衛生外交上表現都非常的好甚至可追朔到小布希時期的愛滋病緊急救援計畫。繼美國國務院宣佈提供南韓110萬劑疫苗後美方議員緊跟著在台灣現身並宣佈援助疫苗。
隨著大國在疫苗外交上的權力優勢逐漸形成並發散出來全球正掀起一波疫苗接種熱而台灣這波的疫苗雨恰好緊跟在這股潮流後降下。先是在日本、印度、澳洲等國舉行的四國安全對話中拜登等人宣佈在2022年年底前提供10億劑疫苗給東南亞、印太等其他地區；在「七大工業國集團」(G7)會議上各國又允諾提供發展中國家另外10億劑疫苗其中美國承擔約一半的劑量。
然而就在美國大舉發動疫苗外交之際底下卻呈現鴨子劃水般的激烈辯論。報導引述國會助理與美方前官員說法指出拜登政府內部機構彼此正激烈爭辯主題圍繞在應該以盟友優先還是廣泛地提供全球疫苗。
1名官員表示這之間的差距在於像拿花生醬抹土司一樣每片只拿到一點點；還是分配給少數國家但每個國家能拿到更多疫苗從而發揮更大影響力。昆斯的助理更表示美國國會正激烈辯論政府到底該優先提供哪些國家疫苗特別著重在疫情嚴峻的國家。
報導指出雖然華府正激烈辯論；但官員與立法諸公都強調拜登政府疫苗外交勢必要與北京存在重大差異必須有別於大陸以此作為政策槓桿的做法。2名國會助理表示北京利用國藥集團疫苗作為香餌誘惑諸如巴拉圭等在內的低收入國家放棄對台灣外交承認改為擁抱大陸。蔡英文總統也指控大陸介入台灣與輝瑞洽購疫苗的過程。台灣外長吳釗燮在日前的訪日行程中更重提北京利用疫苗加強對台壓力。
訪台議員蘇利文痛斥大陸「此刻正將其垃圾疫苗輸往世界上如非洲等發展最低的國家；卻要其按大陸意思建立經濟聯繫。為了獲取疫苗必須接受附帶的經濟條件我們將避免這種做法」。
事實上訪台議員團起初是獨立於政府之外來規劃台灣行；隨後才發現其行程竟與白宮有意提供台灣疫苗的計畫相符。昆斯的助理披露早在軍機起飛前議員們就在等北京對這次參訪的反應。事後證明3名議員乘坐軍機抵台並與蔡英文握手的照片引發大陸媒體一系列的評論隨後共軍更在台灣附近模擬兩棲攻擊。
議員們與助理堅稱此次訪問是美國回報過去台灣的義行。2020年美國遭逢疫情嚴重創傷當時台灣提供華府數千口罩。「2049計畫協會」研究員易思安（Ian Easton）分析長期以來北京持續阻撓台灣加入世界衛生組織口罩外交無疑是推動台灣非官方關係的另一條道路。這些都凸顯美方有必要發揮關鍵作用協助台灣擺脫北京封鎖。
雖然這次訪問引起北京不安但美方議員們堅稱這次走訪完全符合1979年簽署的《台灣關係法》。如同美國安會印太事務協調官康貝爾(Kurt Campbell)5月在公開評論中表示對於美軍是否保衛台灣免受北京的侵略威脅拜登政府始終尊重《台灣關係法》創造的「戰略模糊」。蘇利文也強調在與蔡英文的會談中並沒有針對台灣面臨軍事威脅時美方是否會馳援進行討論。
隨著共軍軍機近乎天天走訪台灣防空識別區是兩岸之間的緊張關係正不斷升溫而前者又為台灣飛行員帶來沉重負擔。美軍高層警告北京傾向頻頻派出軍機進行非官方訪問外結合不斷增加的軍演。華府正密切關注這些演習中是否讓共軍各軍種之間的任務更形複雜比如海軍與火箭軍的角色更為吃重。
美國「捍衛民主基金會」（the Foundation for Defense of Democracies）軍事與政治權力中心主任鮑曼（Bradley Bowman）認為美國的目標是讓台灣成為「軍事豪豬」即北京發動侵略的代價會過高且台灣軍隊能支撐到美方增援部隊抵達。
但即使像鮑曼這樣主張美台更密切連結、更多軍售、更緊密的非官方外交官關係以及更多的聯合軍演也不得不承認對台展開援助會刺激北京並形成風險。「我們必須很謹慎；這不是精密科學但北京對台的計畫已昭然若揭」。</t>
  </si>
  <si>
    <t>臺灣疫苗美國北京大陸提供美方拜登外交議員政府蔡英文表示國家軍事助理民主軍機宣佈華府訪問</t>
  </si>
  <si>
    <t>新冠肺炎台灣疫苗外交75萬劑疫苗軍機擾台</t>
  </si>
  <si>
    <t>疫苗外交臺灣肺炎軍機</t>
  </si>
  <si>
    <t>鳳梨外銷出運日本超市</t>
  </si>
  <si>
    <t>受到全台新冠肺炎疫情延燒多數產業彷彿被按下暫停鍵也讓果農擔憂4月鳳梨盛產期、外銷恐會受阻所幸一年多前與日本大型連鎖超市SEIYU「西友」洽談合作如今傳來捷報14日正式啟動封櫃儀式約1周後就能在日本3</t>
  </si>
  <si>
    <t>日本肺炎疫情產業儀式啟動暫停正式捷報傳來果農如今擔憂合作鳳梨洽談盛產期外銷</t>
  </si>
  <si>
    <t>受到全台新冠肺炎疫情延燒多數產業彷彿被按下暫停鍵也讓果農擔憂4月鳳梨盛產期、外銷恐會受阻所幸一年多前與日本大型連鎖超市SEIYU「西友」洽談合作如今傳來捷報14日正式啟動封櫃儀式約1周後就能在日本300多家超市品嘗來自屏東的好味道。
根據統計台灣鳳梨去年外銷5萬1476公噸其中出口大陸約占總量97％在受到疫情影響對岸傳統市場及大型超商通路買氣都顯疲軟屏東是全台重要產區之一讓農民不免憂心。
屏東縣長潘孟安表示農曆年前就持續關注疫情發展也的確發現一到鳳梨盛產期可能會遇到的銷售問題便試著接觸全球各國可能的農產買家總算盼來好消息。從屏東出產的金鑽鳳梨將直接進到SEIYU超市通路銷售期盼首航櫃可帶來強大後續訂單目標上看600公噸。
潘孟安手拿氣笛、聲響震天如同船運航行時的鳴笛象徵外銷鳳梨貨櫃首航正式啟動他臉上始終掛著笑容期盼為屏東農產再開新局。
「真的吃下一顆定心丸」高樹銀獅農場理事主席洪銘聰坦言過去日本鳳梨主要來自菲律賓及泰國而日國出產的沖繩鳳梨則穩居高端市場首位如今屏東鳳梨順利打進市場相信高品質的果品一定能站穩一席之地。
洪銘聰表示日本檢疫嚴格必須從種植、採收便導入安全用藥的病蟲害防治手法及採收時工序繁雜的切柄讓切口平整都是為了後續鳳梨鮮果的保鮮延長及維持最佳品質不過他拍胸脯保證一切都沒問題就待一周後的船運時間屏東鳳梨將在日本大放光芒。</t>
  </si>
  <si>
    <t>鳳梨日本疫情市場外銷超市潘孟安品質後續採收表示船運可能問題期盼首航如今通路</t>
  </si>
  <si>
    <t>鳳梨屏東日本超市外銷</t>
  </si>
  <si>
    <t>超市日本鳳梨外銷</t>
  </si>
  <si>
    <t>可以南山期待結束疫情</t>
  </si>
  <si>
    <t>大陸國家衛健委高級別專家組組長鍾南山12日表示若有一些國家不把疫情的危害性傳染性結束時間不太好說。一般情況下在溫度比較高的夏天新冠病毒是不太活躍的。但還是要取決於各個國家的重視程度。隨著疫情嚴重</t>
  </si>
  <si>
    <t>國家疫情高級別組長專家組程度溫度情況比較一般夏天南山不太好重視時間病毒結束取決表示</t>
  </si>
  <si>
    <t>大陸國家衛健委高級別專家組組長鍾南山12日表示若有一些國家不把疫情的危害性傳染性結束時間不太好說。一般情況下在溫度比較高的夏天新冠病毒是不太活躍的。但還是要取決於各個國家的重視程度。隨著疫情嚴重的國家的重視程度提高6月份結束疫情是可以期待的。
鐘南山呼籲各國響應世衛組織號召對新冠肺炎疫情進行國家層面乾預。此外鐘南山強調世界應對新冠肺炎疫情加強溝通與交流很重要。不過「兩個月內研發出特效藥或找到特殊的辦法是不太可能的」。</t>
  </si>
  <si>
    <t>國家疫情鐘南山結束肺炎重視程度找到研發特效藥高級別組長專家組重要南山情況一般交流溫度</t>
  </si>
  <si>
    <t>世界國家鍾南山新冠肺炎武漢肺炎</t>
  </si>
  <si>
    <t>南山國家肺炎世界武漢</t>
  </si>
  <si>
    <t>國防部長緊急五角大廈隔離</t>
  </si>
  <si>
    <t>美國國防部傳出有37人感染新冠肺炎為預防病毒擴散五角大廈昨（16）日宣佈美國國防部長艾斯培（Mark Esper）及副部長諾奎斯特（David Norquist）已緊急隔離。綜合美媒CNBC、美國有線電視新聞網（CNN）報導美</t>
  </si>
  <si>
    <t>感染肺炎綜合預防隔離病毒緊急擴散五角大廈norquistdavid奎斯特宣佈美國部長國防部長esper艾斯markcnbc</t>
  </si>
  <si>
    <t>美國國防部傳出有37人感染新冠肺炎為預防病毒擴散五角大廈昨（16）日宣佈美國國防部長艾斯培（Mark Esper）及副部長諾奎斯特（David Norquist）已緊急隔離。
綜合美媒CNBC、美國有線電視新聞網（CNN）報導美國防部發言人霍夫曼（Jonathan Hoffman）昨日宣佈國防部長艾斯培及副部長諾奎斯特自週一起將分開辦公兩人的幕僚今後也將只透過視訊會議互動同時國防部也將檢測所有進出大樓的人員並且限制出入人數。
五角大廈約有22000名員工目前已知一共有37名員工確診新冠肺炎包括18名現役軍人、3名公務員及3名承包商等。
針對國防部已採取讓正副部長分開辦公的預防措施美國總統川普表示目前白宮及副總統彭斯還沒有跟進這項措施的想法。</t>
  </si>
  <si>
    <t>部長五角大廈國防部美國目前辦公分開肺炎奎斯特總統宣佈國防部長員工艾斯彭斯cnn美國有線電視新聞網報導cnbc美國防部</t>
  </si>
  <si>
    <t>確診壓不住疫情本土回歸萬增校正新增</t>
  </si>
  <si>
    <t>新冠肺炎本土疫情延燒國內昨新增472名本土案例其中339例新增、133例校正回歸個案全台本土案例累計9248例加上境外移入共1萬446例突破1萬大關且再新增21名死亡個案追平單日最高紀錄。雙北疫情持續延燒</t>
  </si>
  <si>
    <t>本土新增個案疫情案例雙北最高紀錄突破加上死亡大關累計境外國內全台回歸校正肺炎持續</t>
  </si>
  <si>
    <t>疫情新北個案本土新增北市年輕防疫中心死亡表示昨日病例一直確診校正</t>
  </si>
  <si>
    <t>陽性回歸北市快篩校正</t>
  </si>
  <si>
    <t>北市回歸校正陽性</t>
  </si>
  <si>
    <t>時中相信delta越來越樂觀</t>
  </si>
  <si>
    <t>我國疫情嚴峻屏東近日傳出DELTA變異株群聚但經擴大匡列採檢8天共採檢逾萬件至今僅發現1例陽性個案中央流行疫情指揮中心指揮官陳時中表示匡列的範圍越來越大但陽性個案仍僅1例「相信樂觀的情形」。陳</t>
  </si>
  <si>
    <t>疫情個案陽性傳出delta近日變異擴大至今表示陳時中指揮官中心匡列指揮發現越來越範圍流行中央相信匡列采</t>
  </si>
  <si>
    <t>我國疫情嚴峻屏東近日傳出DELTA變異株群聚但經擴大匡列採檢8天共採檢逾萬件至今僅發現1例陽性個案中央流行疫情指揮中心指揮官陳時中表示匡列的範圍越來越大但陽性個案仍僅1例「相信樂觀的情形」。
陳時中指出屏東無論採檢或醫院目前還算穩定枋寮確診個案沒有增加全院工作人員及住院病人等6月29日全部完成全院包括患者、醫護、家屬等共392人採檢並將於第7天第14天再執行1次採檢7月1日完成環境採檢42件也為陰性。
陳時中說個案共匡列490人入住集中檢疫所除了88件檢驗外其他402件都為陰性而社區篩檢站8天篩檢1萬689件324件為檢驗中其他皆為陰性。
外界認為屏東快篩的試劑準確度高陳時中表示目前快篩與PCR並行但全國仍以PCR進行用單一品牌來做也不是很好應做多廠牌比較讓大家參考。</t>
  </si>
  <si>
    <t>個案陰性目前匡列表示時中檢驗陳時中疫情陽性全院完成pcr</t>
  </si>
  <si>
    <t>屏東陳時中Delta群聚新冠肺炎</t>
  </si>
  <si>
    <t>delta陳時中肺炎</t>
  </si>
  <si>
    <t>高鐵臺灣</t>
  </si>
  <si>
    <t>台灣高鐵（2633）8日董事會決議將原定每股配發122元現金股利下調至121元總配發金額由68665億元降至68107億元換算現金股利約減少5572萬元以因應疫情衝擊。台灣高鐵表示變更配發現金股利原因為考量新</t>
  </si>
  <si>
    <t>臺灣 高鐵 2633 8 日 董事會 決議 將 原定 每股 配發 122 元 現金 股利 下調 至 121 元 總 配發 金額 由 68665億 元 降 至 68107億 元 換算 現金 股利 約 減少 5572萬 元 以 因應 疫情 衝擊 臺灣 高鐵 表示 變更 配發 現金 股利 原因 為 考量 新</t>
  </si>
  <si>
    <t>現金股利配發高鐵臺灣原定換算決議衝擊減少疫情變更因應表示董事會下調原因金額考量</t>
  </si>
  <si>
    <t>台灣高鐵（2633）8日董事會決議將原定每股配發122元現金股利下調至121元總配發金額由68665億元降至68107億元換算現金股利約減少5572萬元以因應疫情衝擊。
台灣高鐵表示變更配發現金股利原因為考量新冠肺炎（COVID-19）疫情蔓延世界對全球經濟產生深遠且難以預料負面影響交通運輸及觀光旅遊產業首當其衝公司深處疫情影響暴風圈近期營業收入遠低於預期為減緩疫情對財務所造成不利影響因而積極進行開源節流措施下修股利分派金額。
台灣高鐵近年運量穩健提升本業獲利逐年成長108年度現金股利首度突破1元今年董事會原定將配發122元現金股利但遭逢新冠肺炎疫情亂流導致營運動能大減經董事會討論後決議下調現金股利金額至121元仍維持歷年新高紀錄。
台灣高鐵強調此次調整現金股利仍是按公司章程規定進行提撥不少於60％可供分配盈餘分配股東紅利。以8日收盤價30元計算台灣高鐵調整股利後現金殖利率約403％。</t>
  </si>
  <si>
    <t>股利現金疫情臺灣高鐵董事會配發金額進行影響肺炎決議調整分配下調原定負面影響難以預料交通運輸深遠觀光旅遊產生</t>
  </si>
  <si>
    <t>現金股利肺炎台灣高鐵配發疫情</t>
  </si>
  <si>
    <t>高鐵肺炎臺灣股利配發現金疫情</t>
  </si>
  <si>
    <t>台中人力市府清查感染電子京元</t>
  </si>
  <si>
    <t>苗栗縣京元電子爆發嚴重群聚感染比鄰的台中市目前還未收治相關確診者台中市政府也表示目前已展開清查要掌握該人力仲介公司是否在台中也有移工？並清查哪些企業有用到這些移工如果有會要求這些公司自主篩檢</t>
  </si>
  <si>
    <t>台中目前公司清查嚴重感染要求比鄰爆發收治確診人力掌握相關台中市政府是否表示</t>
  </si>
  <si>
    <t>苗栗縣京元電子爆發嚴重群聚感染比鄰的台中市目前還未收治相關確診者台中市政府也表示目前已展開清查要掌握該人力仲介公司是否在台中也有移工？並清查哪些企業有用到這些移工如果有會要求這些公司自主篩檢結果要立即匯報到台中市衛生局。
京元電子群聚累計已有77人確診台中市身為中部醫療重鎮先前已收治多名北病南送的確診者這次苗栗爆發大型群聚各方也擔心台中市的醫療量能能不能負荷疾管署中部疫情指揮中心黃高彬目前沒有收治任一名該案的確診者但相關的醫療量能目前還足夠。
台中市新聞局長黃國瑋也表示在爆發京元電子群聚案後台中市也立即展開跨局室會議要先掌握同一仲介公司是否有相關人員在台中境內是分屬在那些公司一旦獲知會通知這些公司為員工自主篩檢結果也要立即匯報給台中市政府。</t>
  </si>
  <si>
    <t>台中公司確診目前相關收治爆發醫療中部電子京元立即展開表示掌握清查是否</t>
  </si>
  <si>
    <t>新冠肺炎台灣台中京元電子移工</t>
  </si>
  <si>
    <t>台中京元臺灣電子肺炎</t>
  </si>
  <si>
    <t>病毒環境手機</t>
  </si>
  <si>
    <t>英國廣播公司BBC報導刊登於「病毒學期刊」的最新研究指出新冠病毒可以在特定環境下存活長達28天包括鈔票、手機螢幕及不鏽鋼等表面都比原先所想的更髒。澳洲最大國家級科研機構「澳洲聯邦科學與工業研究組織</t>
  </si>
  <si>
    <t>研究澳洲病毒學期刊最新聯邦指出病毒可以所想環境原先表面存活不銹鋼長達包括手機鈔票刊登科學科研機構</t>
  </si>
  <si>
    <t>英國廣播公司BBC報導刊登於「病毒學期刊」的最新研究指出新冠病毒可以在特定環境下存活長達28天包括鈔票、手機螢幕及不鏽鋼等表面都比原先所想的更髒。
澳洲最大國家級科研機構「澳洲聯邦科學與工業研究組織」研究顯示 新冠病毒大多在咳嗽、打噴嚏及說話時傳播但也有證據顯示可經由懸浮空中的粒子傳播；根據美國疾病管制暨預防中心CDC的說法可能因接觸金屬或塑膠等物體表面的病毒而罹患新冠肺炎。
經過實驗室測試發現新冠病毒可以在鈔票和玻璃表面存活2到3天在塑膠和不鏽鋼表面則可存活到6天。澳洲聯邦科學與工業研究組織研究更發現這種病毒「極度頑強」可於攝氏20度或室溫及黑暗環境下在手機螢幕等光滑表面及塑膠鈔票與紙鈔上存活28天而流感病毒在同樣環境下只能存活17天。
這項研究的作者認為由於研究顯示新冠病毒可在較低溫度下的不銹鋼表面存活這或許有於解釋病毒可在新鮮和冷凍食品上存活以及為何肉類加工和冷藏設施會爆發新冠疫情。</t>
  </si>
  <si>
    <t>病毒存活表面研究塑膠環境不銹鋼鈔票傳播顯示澳洲手機發現可以聯邦病毒學期刊組織中心cdc預防</t>
  </si>
  <si>
    <t>手機螢幕新冠病毒鈔票28天不鏽鋼</t>
  </si>
  <si>
    <t>病毒鈔票手機不銹鋼</t>
  </si>
  <si>
    <t>一團亂一針見血問題紓困優秀防疫身上</t>
  </si>
  <si>
    <t>新冠肺炎疫情擴散儘管台灣防疫成效非常不錯但各大行業尤其是觀光業依舊受到重創政府也推出一系列紓困方案因應卻出現各種亂象連基層公務員自己都搞不懂民怨四起。就有網友在PTT發問「為何政府防疫做這麼</t>
  </si>
  <si>
    <t>政府防疫擴散臺灣成效非常不錯ptt行業四起尤其民怨搞不懂公務員網友基層亂象出現因應觀光業受到方案重創紓困</t>
  </si>
  <si>
    <t>新冠肺炎疫情擴散儘管台灣防疫成效非常不錯但各大行業尤其是觀光業依舊受到重創政府也推出一系列紓困方案因應卻出現各種亂象連基層公務員自己都搞不懂民怨四起。就有網友在PTT發問「為何政府防疫做這麼好紓困卻這麼差」引發網友熱議。
原PO在PTT八卦版詢問「這次防疫做得不錯應該是共識吧？對比其他國家非常好結果紓困方案亂成一團門檻多又複雜幾乎沒聽到有人稱讚」他不解詢問「造成這兩方面有這麼大的差異的主因是什麼啊？」
鄉民們紛紛回應：「一個是神一個是騙神」、「防疫好是因為國人沒蠢到去相信 我ok你先領」、「防疫能順便鼓吹仇中紓困能幹嘛」、「撒錢很簡單但造成後面財政炸裂就不是簡單的事」、「怕被跟馬比結果搞的自己都講不清楚」、「因為防疫是人民自覺戴口罩不甘綠官的事」、「陳時中對蘇貞昌當然阿中完勝」、「部長能力&amp;gt;&amp;gt;&amp;gt;&amp;gt;院長」、「蘇貞昌只會說」、「防疫是陳時中紓困是蘇貞昌。高下立判」、「防疫也沒多好後面海龜跟軍艦搞成那樣」、「防疫是因為仇中不然政策整天變來變去一開始還說健康的人不用戴口罩」、「民進黨連大撒幣都不會可憐喔」。</t>
  </si>
  <si>
    <t>防疫紓困蘇貞昌造成口罩非常詢問結果仇中方案網友後面政府不錯</t>
  </si>
  <si>
    <t>防疫紓困蘇貞昌陳時中新冠肺炎</t>
  </si>
  <si>
    <t>蘇貞昌陳時中紓困防疫肺炎</t>
  </si>
  <si>
    <t>自行企業成為開放示範地點</t>
  </si>
  <si>
    <t>近期許多企業疾呼開放快篩讓企業自行檢測中央流行疫情指揮中心發言人莊人祥表示目前研擬的企業指引的部分採檢的部分仍要由醫事人員擔任快篩的如果陽性要注意要有針對員工做隔離安置的規劃也要通報個案後再PC</t>
  </si>
  <si>
    <t>企業部分通報規劃安置莊人祥發言人中心指揮疫情目前表示個案擔任人員流行中央檢測自行隔離</t>
  </si>
  <si>
    <t>近期許多企業疾呼開放快篩讓企業自行檢測中央流行疫情指揮中心發言人莊人祥表示目前研擬的企業指引的部分採檢的部分仍要由醫事人員擔任快篩的如果陽性要注意要有針對員工做隔離安置的規劃也要通報個案後再PCR採檢是否陽性企業也要考量到底要是一般的健康監測或篩檢經濟部會據指引報一個計畫再送到指揮中心。
經濟部近期提及竹科將成為第一個企業快篩的示範地點。</t>
  </si>
  <si>
    <t>企業經濟部指揮中心陽性指引近期部分安置規劃發言人通報莊人祥疫情個案表示流行目前中央檢測</t>
  </si>
  <si>
    <t>企業快篩竹科新冠肺炎台灣</t>
  </si>
  <si>
    <t>竹科肺炎臺灣企業</t>
  </si>
  <si>
    <t>編造謊言蓬佩已是公開痛駡華春瑩秘密</t>
  </si>
  <si>
    <t>大陸外交部發言人華春瑩今天針對美國務卿蓬佩奧有關新冠病毒出自武漢實驗室的矛盾說法回應稱蓬佩奧一直在編造用謊言掩蓋另一個謊言這已經是公開的秘密。希望美國那些至今還沉迷於甩鍋遊戲的政客能盡快回頭是岸</t>
  </si>
  <si>
    <t>謊言遊戲今天國務卿沉迷于蓬佩至今美國希望有關秘密公開佩奧病毒回應出自說法武漢實驗室矛盾政客華春瑩</t>
  </si>
  <si>
    <t>大陸外交部發言人華春瑩今天針對美國務卿蓬佩奧有關新冠病毒出自武漢實驗室的矛盾說法回應稱蓬佩奧一直在編造用謊言掩蓋另一個謊言這已經是公開的秘密。希望美國那些至今還沉迷於甩鍋遊戲的政客能盡快回頭是岸把精力集中到搶救更多美國人生命、維護人民健康安全上來。
在大陸外交記者會上媒體提問稱：美國國務卿蓬佩奧接受採訪表示專家們認為新冠病毒系人造他沒有理由不相信卻又隨即改口說沒有理由不相信情報部門有關病毒非人造的說法中方對蓬佩奧此種自相矛盾的說法有何評論？
華春瑩答稱他之所以前言不搭後語是因為他一直在編造用謊言掩蓋另一個謊言。這已經是公開的秘密。至於他說中國拒絕交出病毒樣本不明白人這到底是在說什麼。
華春瑩指出國際著名專家都表示病毒源頭問題必須基於科學和事實來作出判斷。現在各國最早感染病例發現時間提前的報導很多比如法國本土首個確診病例時間提前到了去年12月而且跟中國輸入的病例不同；瑞典專家稱其國內可能11月份就已經出現感染者；美國新澤西州貝爾維市長也表示去年11月就已經感染美國佛羅裡達州1月份已經出現171人感染而且沒有一人曾前往中國。
華春瑩強調蓬佩奧為什麼要在科學家和專家還都沒有定論的情況下就匆匆忙忙下結論咬死「病毒源自武漢實驗室」。他的證據在哪裡？請拿出來！如果拿不出來是不是還在炮製過程中？
華春瑩還表示要分享一篇由美國哥倫比亞大學可持續發展中心主任、著名經濟學者傑弗裡薩克斯的文章批評美國政府在疫情問題上對中國甩鍋毫無根據和邏輯並且造成了嚴重後果。他認為美國政府將中國視為美國問題的源頭是麥卡錫主義的重現是個大謊言。他還質問「你們已經夠了你們難道沒有一點羞恥心嗎？」他的這句吶喊道出了全體中國人以及世界上所有有正義感的人的心聲。
她最後還說甩鍋推責解決不了問題更挽救不了逝去的生命。我們真心為美國那麼多逝去的生命感到痛惜和悲哀。我們也真心希望美國的疫情能夠很快得到控制中方也願意提供力所能及的幫助。</t>
  </si>
  <si>
    <t>美國中國病毒華春瑩沒有表示問題專家已經病例感染說法蓬佩生命著名疫情中方謊言</t>
  </si>
  <si>
    <t>陳時中問題長輩永遠年輕人</t>
  </si>
  <si>
    <t>全國拚疫苗人口覆蓋率目前國內以提升第一劑覆蓋率為目標但專家指出在疫苗不足的狀況下應該讓長輩先施打第二劑疫苗或是讓有疑慮的人可以混打BNT疫苗。對此中央流行疫情指揮中心指揮官陳時中表示這個問</t>
  </si>
  <si>
    <t>疫苗覆蓋率中心指揮疫情流行中央對此指揮官目標bnt專家指出混打可以疑慮不足應該狀況人口目前提升國內陳時中施打</t>
  </si>
  <si>
    <t>全國拚疫苗人口覆蓋率目前國內以提升第一劑覆蓋率為目標但專家指出在疫苗不足的狀況下應該讓長輩先施打第二劑疫苗或是讓有疑慮的人可以混打BNT疫苗。對此中央流行疫情指揮中心指揮官陳時中表示這個問題永遠沒有辦法解。
陳時中表示這個問題已經討論過很多次了整體來講一到十類對象高風險的人、會跟病毒接觸保護大家的人已經有蠻多機會可以打疫苗那現在有一部分人都沒有在名單之內所以讓他也有機會來施打。
陳時中進一步表示按照風險來說一到十類我們已經開了相當程度莫得納也開到第九類53歲將來還有疫苗來還會再開放剩下就是機會公平的問題當然這個問題永遠沒有辦法解除非一下子的量全部都到來「我們也相信不需要很久的時間第一劑疫苗的滿足應該很快就可以達到」。</t>
  </si>
  <si>
    <t>疫苗已經機會問題表示可以沒有應該施打時中覆蓋率永遠辦法目標專家指出人口流行</t>
  </si>
  <si>
    <t>陳時中疫苗長輩年輕人覆蓋率</t>
  </si>
  <si>
    <t>覆蓋率年輕人長輩陳時中疫苗</t>
  </si>
  <si>
    <t>確診危機莊人祥航空</t>
  </si>
  <si>
    <t>繼二名華航貨機機師確診新冠肺炎之後又有一名國籍航空空姐染疫中央流行疫情指揮中心發言人莊人祥表示目前總計有四位在航空業感染新冠肺炎除了二名華航貨機機師、一名空姐外還有一名荷蘭籍副機師。莊人祥指</t>
  </si>
  <si>
    <t>航空空姐莊人祥機師肺炎貨機華航指揮疫情中心流行發言人中央表示目前確診國籍感染之後還有荷蘭籍</t>
  </si>
  <si>
    <t>繼二名華航貨機機師確診新冠肺炎之後又有一名國籍航空空姐染疫中央流行疫情指揮中心發言人莊人祥表示目前總計有四位在航空業感染新冠肺炎除了二名華航貨機機師、一名空姐外還有一名荷蘭籍副機師。
莊人祥指出新確診這名空服員為確診案232其3月8日至3月11日飛美國3月15日飛印尼3月22日發病於3月24日確診。這名空服員於3月16日返台後即自主健康管理其間有至地勤工作並與其他同事見面目前已框列空服員家人、非同住家人及友人共有8名接觸者另同家公司接觸同事人數框列則尚在進行中。</t>
  </si>
  <si>
    <t>確診空服目前航空同事機師空姐肺炎接觸家人貨機華航人數自主健康管理指揮疫情其間中心流行</t>
  </si>
  <si>
    <t>新冠肺炎機師航空業確診華航貨機</t>
  </si>
  <si>
    <t>航空機師確診肺炎華航貨機</t>
  </si>
  <si>
    <t>升級陳時中建議臨界點疫情旅遊美國實施</t>
  </si>
  <si>
    <t>針對美國疫情日趨嚴重衛福部長陳時中表示事實上已到了臨界點旅遊疫情建議一定會升級而且將會採取分州的方式個別提升反映實際的疫情狀況。至於菲律賓首都馬尼拉實施封城陳時中認為實際的疫情確實很嚴重</t>
  </si>
  <si>
    <t>疫情實際陳時中部長表示事實上建議方式臨界點旅遊認為個別提升反映馬尼拉實施狀況至於菲律賓首都封城衛福採取升級一定</t>
  </si>
  <si>
    <t>針對美國疫情日趨嚴重衛福部長陳時中表示事實上已到了臨界點旅遊疫情建議一定會升級而且將會採取分州的方式個別提升反映實際的疫情狀況。
至於菲律賓首都馬尼拉實施封城陳時中認為實際的疫情確實很嚴重會與相關單位保持聯繫隨實因應實際需要。
上午陳時中也在外交部安排下與各國駐台代表見面也提到一套自主健康管理的機制加強通報管理嚴格要求確實通報也會有罰責這套系統很快就會建立。</t>
  </si>
  <si>
    <t>疫情陳時中實際確實通報管理部長表示提到自主見面事實上代表健康臨界點建議旅遊安排方式外交部提升單位實因</t>
  </si>
  <si>
    <t>新冠肺炎武漢肺炎新型冠狀病毒台灣疫情</t>
  </si>
  <si>
    <t>肺炎武漢冠狀臺灣病毒疫情</t>
  </si>
  <si>
    <t>千家人數再創新高家數住宿餐飲業減班</t>
  </si>
  <si>
    <t>勞動部26日公佈最新的無薪假統計目前總計有3679家企業4萬4973人正在實施無薪假家數續創歷史新高人數也再次突破新冠肺炎疫情以來的巔峰其中住宿及餐飲業為仍是這次的重災區總計有1004家、2萬1240人實施無</t>
  </si>
  <si>
    <t>實施肺炎突破疫情再次以來巔峰住宿人數新高餐飲業歷史家數統計正在目前企業最新重災區</t>
  </si>
  <si>
    <t>實施人數家數疫情勞動部部分工作相關突破服務業管制住宿餐飲業統計事業單位正在配合</t>
  </si>
  <si>
    <t>新冠肺炎台灣家數實施住宿及餐飲業</t>
  </si>
  <si>
    <t>臺灣家數肺炎實施住宿餐飲業</t>
  </si>
  <si>
    <t>中心直播漆黑一片疫情指揮中斷停電世界末日全台</t>
  </si>
  <si>
    <t>全台無預警大停電連中央流行疫情指揮中心下午的疫情記者會直播也突然中斷下午3點多疾管署記者室瞬間漆黑一片只剩記者桌上的電腦、手機亮著由於直播訊號突然中斷不少線上網友嚇壞紛紛詢問發生甚麼事？看</t>
  </si>
  <si>
    <t>中斷突然記者下午直播疫情停電紛紛中央嚇壞流行網友詢問桌上電腦記者會手機訊號管署指揮中心預警</t>
  </si>
  <si>
    <t>全台無預警大停電連中央流行疫情指揮中心下午的疫情記者會直播也突然中斷下午3點多疾管署記者室瞬間漆黑一片只剩記者桌上的電腦、手機亮著由於直播訊號突然中斷不少線上網友嚇壞紛紛詢問發生甚麼事？看到畫面黑一片有網友驚呼：「阿中不見了」還有網友問：「世界末日嗎？」。
高雄興達電廠今(13)日下午2點37分發生不明原因跳機燃煤二、四號機、和燃氣三號機皆跳機台電高雄區處指出因興達電廠事故全廠停機全台進行緊急分區第一輪停限電停電範圍擴及全台。
電力中斷國家警報大作連指揮中心記者會也受到影響下午3點多疾管署突然停電有記者拍到記者室漆黑一片的畫面只剩記者桌上的電腦、手機還亮著罕見畫面曝光讓眾人驚訝幾分鐘後備用電源才啟動。
停電發生後疫情記者會過不久也順勢結束衛福部長陳時中離開記者會現場時記者室外還漆黑一片由於情況相當罕見大批記者簇擁而上紛紛開手機的手電筒照明圍著陳時中猛拍。
由於指揮中心直播訊號也突然中斷線上網友一片哀嚎紛紛詢問發生甚麼事？看到畫面黑一片有網友驚呼：「阿中不見了！」由於近日國內本土疫情爆增昨天才掀起大賣場、量販店、超市一陣民生物資搶購潮今天又遇上全台大停電有網友忍不住問：「世界末日？」還有網友笑說還好昨天有囤到貨。</t>
  </si>
  <si>
    <t>停電網友記者全台發生記者會疫情下午畫面中斷突然指揮中心紛紛昨天陳時中手機高雄興達漆黑一片直播罕見電廠</t>
  </si>
  <si>
    <t>全台大停電新冠肺炎台灣指揮中心陳時中</t>
  </si>
  <si>
    <t>肺炎臺灣指揮停電中心陳時中全台</t>
  </si>
  <si>
    <t>柯文哲症狀醫院進度緩慢北市</t>
  </si>
  <si>
    <t>臺北市今日新增5例本土個案為全國第二高個案分佈於北市4個行政區其中中正區2例最多臺北市長柯文哲認為只看戶籍地意義不大但他也坦言5例中有3例是無症狀患者北市個案中就有44％確診者為此狀況因此到</t>
  </si>
  <si>
    <t>個案北市臺北市確診戶籍地認為意義柯文哲不大行政區中正區患者症狀本土為此坦言全國</t>
  </si>
  <si>
    <t>臺北市今日新增5例本土個案為全國第二高個案分佈於北市4個行政區其中中正區2例最多臺北市長柯文哲認為只看戶籍地意義不大但他也坦言5例中有3例是無症狀患者北市個案中就有44％確診者為此狀況因此到最後階段清零變得很困難。
柯文哲表示無症狀患者多很令人頭痛原因是民眾若沒症狀就不會主動就醫很難被攔下來且昨天7家醫院共篩檢了2189人結果陽性率是0能看出北市目前採取精準疫調涉略努力追殺感染源因此社區內少很多黑數。
不過柯不認為社區內已無黑數仍有部分潛伏在社區只是越來越難抓為考慮醫療成本若觀察一個禮拜後每天仍只抓到0個要不要撤掉（免費篩檢）會再考慮。
由於今日是降級的第一天柯除重申解封策略為每天新增案例在10例以下、不明案例在2例以下原則上北市還是慢慢解封畢竟拖久各產業都會受不了也說馬路上車子都多起來了很明顯人流、物流及車流都上升不少但他還是覺得要小心因此還是按照原計畫逐步放寬管制把群聚吃飯擺最後。</t>
  </si>
  <si>
    <t>北市社區症狀考慮柯文哲認為個案最後新增患者</t>
  </si>
  <si>
    <t>北市黑數新冠肺炎柯文哲台灣</t>
  </si>
  <si>
    <t>肺炎柯文哲臺灣北市</t>
  </si>
  <si>
    <t>山縣和歌日本肺炎</t>
  </si>
  <si>
    <t>NHK報導和歌山縣於6月18日宣佈該縣又確認了3起新冠病毒肺炎的病例使得當地已有12起病例。和歌山的病例大多與湯淺町的有田醫院有關今天所確認的其中一起就是該院醫生的十幾歲兒子遭到感染不過他沒有出現</t>
  </si>
  <si>
    <t>確認病例和歌兒子醫生就是一起遭到今天宣佈有關醫院肺炎病毒使得山縣感染大多當地</t>
  </si>
  <si>
    <t>NHK報導和歌山縣於6月18日宣佈該縣又確認了3起新冠病毒肺炎的病例使得當地已有12起病例。
和歌山的病例大多與湯淺町的有田醫院有關今天所確認的其中一起就是該院醫生的十幾歲兒子遭到感染不過他沒有出現發燒等症狀。根據厚生勞動省的說法這是家庭青少年第一次被感染的病例。
另外的兩例分別是60歲與30歲的男性其中30歲患者原本是和歌山縣災害派遣醫療隊成員他在13日至15日前往鑽石公主號遊輪提供協助可能因此遭到感染。</t>
  </si>
  <si>
    <t>病例和歌感染確認山縣遭到公主游輪提供鑽石日前症狀厚生發燒出現勞動沒有成員一起說法兒子醫生今天就是有關</t>
  </si>
  <si>
    <t>和歌山縣新冠肺炎病例鑽石公主號</t>
  </si>
  <si>
    <t>肺炎病例鑽石山縣和歌公主</t>
  </si>
  <si>
    <t>提升中心開設指揮國民黨肯定疫情</t>
  </si>
  <si>
    <t>行政院長蘇貞昌今早在行政院會宣佈中央疫情指揮中心提升至一級開設國民黨文傳會代理主委王育敏肯定政府從善如流終於採納各方意見提升至一級開設也期盼在疫情嚴峻的當前政府能以開放正面態度看待各方建言朝</t>
  </si>
  <si>
    <t>政府疫情提升開設開放行政院宣佈當前中央嚴峻態度王育敏主委肯定從善如流中心代理指揮期盼文傳終於採納國民黨意見看待</t>
  </si>
  <si>
    <t>行政院長蘇貞昌今早在行政院會宣佈中央疫情指揮中心提升至一級開設國民黨文傳會代理主委王育敏肯定政府從善如流終於採納各方意見提升至一級開設也期盼在疫情嚴峻的當前政府能以開放正面態度看待各方建言朝野共同合作防疫。
王育敏指出國民黨立院黨團本月17日召開記者會呼籲政府抗疫從嚴中央疫情指揮中心應立即升級至一級開設以統整防疫決策這般善意的建言當時卻受到民進黨一片酸言批評：除了民進黨團幹事長鄭運鵬指稱「少去外行領導內行」；甚至有政院幕僚惡意辱罵國民黨立委是「存心鬧事」綠營的不理性批評讓國民黨深感無奈。
王育敏強調在全球關注疫情、採行各項積極措施嚴加防疫的此時政府對於各方的防疫建言都應正面看待。但從日前立院審議紓困條例的過程以及防疫指揮中心是否一級開設等議題都可看出民進黨對在野黨的正向建言似乎第一時間是以全盤否定的態度對待。國民黨呼籲政府理性看待在野黨正面建言讓朝野共同努力防疫不是僅止於口號。</t>
  </si>
  <si>
    <t>國民黨防疫政府疫情開設王育敏看待中心指揮批評立院呼籲理性態度民進提升在野黨中央朝野內行領導甚至外行</t>
  </si>
  <si>
    <t>新冠肺炎國民黨疫情指揮中心一級開設蘇貞昌</t>
  </si>
  <si>
    <t>疫情指揮國民黨中心肺炎開設蘇貞昌</t>
  </si>
  <si>
    <t>自辦名花植物園蘭科</t>
  </si>
  <si>
    <t>2020台灣國際蘭展受新冠肺炎疫情衝擊而延期海外國際蘭展也喊卡為減少蘭農損失台灣蘭花產業聯盟發展協會邀業者推出各家奇珍異花即日起至4月5日於台南山上區台灣蘭科植物園自辦蘭展200多種2000多株罕見蘭花</t>
  </si>
  <si>
    <t>臺灣蘭展蘭花國際植物園自辦蘭科珍異即日起推出業者上區南山於台協會發展聯盟產業疫情肺炎損失蘭農延期衝擊海外</t>
  </si>
  <si>
    <t>2020台灣國際蘭展受新冠肺炎疫情衝擊而延期海外國際蘭展也喊卡為減少蘭農損失台灣蘭花產業聯盟發展協會邀業者推出各家奇珍異花即日起至4月5日於台南山上區台灣蘭科植物園自辦蘭展200多種2000多株罕見蘭花爭豔國際蘭展得獎名花300元即可帶回家還有平價買1送1區藉此推廣蘭花買氣。
台灣蘭花產業聯盟發展協會成立於2002年目前有200多家業者加入平日協會主要是前進國外大小蘭展參展推廣台灣業者的蘭花力拚外銷訂單再媒合各蘭花業者供貨由協會統一出貨。
得獎花300元帶回家
協會理事長吳柏昌說協會往年外銷數量約300萬株受新冠肺炎疫情影響花農少了一個銷售管道已開的花賣不出去外銷訂單幾乎腰斬而且飛機航班不斷取消花運不出去運費也不斷調漲。
吳柏昌表示台灣蘭花業者實力雄厚跟上國際潮流也培育許多得獎品種。目前國外流行的蘭花分為3大類一是有香味的蘭花例如有牛奶香味的腋脣蘭、巧克力香味的蝴蝶蘭；還有最夯的大脣瓣蝴蝶蘭以及色彩鮮豔獨特的嘉德麗亞蘭等此次都有展出。
盆栽DIY適合親子遊
新冠肺炎疫情蔓延吳柏昌為了幫花農找商機協會邀10多家業者於蘭科植物園舉辦蘭展不僅有平時少見外銷品種多種國際蘭展得獎名花甚至300元就能入手。
蘭科植物園自辦蘭展採免費入園方式園裡除了有許多稀有的蘭花植栽以外現場也有餐廳可用餐、喝咖啡除了單純賞花外還可預約盆栽DIY、押花體驗非常適合親子出遊。</t>
  </si>
  <si>
    <t>蘭花協會蘭展臺灣外銷國際業者得獎植物園蘭科肺炎盆栽疫情國外diy目前花農帶回家吳柏昌</t>
  </si>
  <si>
    <t>蘭展肺炎蘭花得獎疫情</t>
  </si>
  <si>
    <t>疫情肺炎蘭花蘭展得獎</t>
  </si>
  <si>
    <t>台師大確診生活單純規律新增感染宿舍不明</t>
  </si>
  <si>
    <t>新冠肺炎疫情持續延燒至大學校園繼成大、政大、清大及實踐之後台師大也出現確診個案。疫情指揮中心昨日公佈新增16例確診其中案322為台灣師範大學理工科學生指揮中心表示該生在發病前以學校校園、宿舍為</t>
  </si>
  <si>
    <t>確診疫情中心指揮發病持續繼成大學校園表示政大清大實踐之後台師大出現學生理工科個案臺灣師範大學新增昨日公佈</t>
  </si>
  <si>
    <t>新冠肺炎疫情持續延燒至大學校園繼成大、政大、清大及實踐之後台師大也出現確診個案。疫情指揮中心昨日公佈新增16例確診其中案322為台灣師範大學理工科學生指揮中心表示該生在發病前以學校校園、宿舍為主要活動區域交通多是搭校車已要求實驗室及同宿舍同學進行隔離也建議該生有上課的班級停課目前該生為感染源不明的本土個案若無法掌握其過去行蹤不排除公佈足跡。
14境外2本土 322確診5死
疫情指揮中心指揮官陳時中表示新增的16例分別為14例境外移入及2例本土病例目前累計322人確診、39人解除隔離及5人死亡。逾3300人居家隔離中居家檢疫則逾4萬8000人。
疫情指揮中心發言人莊人祥表示2例本土個案分別為307的70多歲男性近期無出國史經疫調曾與土耳其境外移入確診案122聚餐3月25日發病昨日確診初步掌握接觸者共46人。
該生相關課程 採遠距教學
另一名本土個案為案322台師大學生其於3月26日出現發燒、咳嗽、嘔吐及全身倦怠等症狀至診所就醫因症狀持續於3月29日至醫院就醫診斷有肺炎情形收治住院30日由醫院採檢通報於昨確診。經初步調查案322接觸者共13人將持續調查是否有其他高風險暴露史以釐清感染源。
台師大學務長林玫君表示學校接獲通知後30日即由學校安排同寢室同學移出宿舍進行自主健康管理該名學生生活單純規律也無跨校選課為達最大保護原則校方緊急通知相關課程立即啟動遠距教學以避免衍生任何可能接觸並安排於清明連假期間全校大消毒後續再依疫調結果辦理。
至於新增的14例境外移入個案為7男7女年齡20多歲至60多歲入境日介於3月16日至29日發病日介於3月1日至3月27日；個案發病前活動地為美國、英國、冰島、法國、瑞士、泰國及菲律賓出國的目的多為工作或是就學。</t>
  </si>
  <si>
    <t>確診個案本土疫情宿舍表示持續指揮學校境外中心發病接觸隔離新增安排活動出現</t>
  </si>
  <si>
    <t>武漢肺炎新冠肺炎新型冠狀病毒台灣NCP離</t>
  </si>
  <si>
    <t>肺炎冠狀病毒臺灣ncp武漢</t>
  </si>
  <si>
    <t>規劃興建國軍威脅傳染病因應實驗室</t>
  </si>
  <si>
    <t>國防部今天在線上記者會首度透露國防醫學院預醫所將規劃興建新的「P4實驗室」為因應如新冠肺炎等傳染病的威脅國防醫學院預醫所在國防部各級單位全力支持下已規劃新建生物安全第四等級實驗室(P4)新P4實驗室</t>
  </si>
  <si>
    <t>規劃國防醫學院國防部實驗室記者會首透露新建肺炎生物安全全力支援傳染病單位所在威脅興建因應等級</t>
  </si>
  <si>
    <t>國防部今天在線上記者會首度透露國防醫學院預醫所將規劃興建新的「P4實驗室」為因應如新冠肺炎等傳染病的威脅國防醫學院預醫所在國防部各級單位全力支持下已規劃新建生物安全第四等級實驗室(P4)新P4實驗室的安全規範將符合國際上最嚴格的加拿大標準興建完成後將成為亞太地區對抗新興及再現性傳染病的領先指標設施作為國軍及全國防疫研發工作最堅實的後盾。
國防部表示國防醫學院預醫所為因應快篩試劑、治療藥物及疫苗開發的測試需求從109年迄今已進行7場次不同類型的人員培訓及演練為國內唯一具備完整生物安全第2／3／4等級實驗室之人員培訓場域。
另有關這次新冠疫情肆虐國防醫學院在「高防護實驗室」方面有哪些貢獻？國防部說針對本次新冠肺炎疫情國防醫學院在生物安全第四等級實驗室(BSL4)中執行病毒培養、鑑定及分析工作並在動物生物安全第三等級實驗室(ABSL3)中以動物模式驗證藥物及疫苗的有效性於生物安全第二等級實驗室(BSL2＋)精準偵檢實驗室中檢驗臨床檢體遵循生物安全法規且分工明確提升執行任務的工作效率。</t>
  </si>
  <si>
    <t>實驗室生物安全醫學院國防部國防等級工作傳染病執行疫苗藥物人員培訓興建因應規劃動物bsl疫情肺炎明確</t>
  </si>
  <si>
    <t>P4實驗室生物安全國防醫學院新冠肺炎預醫所</t>
  </si>
  <si>
    <t>醫學院國防生物安全肺炎實驗室</t>
  </si>
  <si>
    <t>解?網點關鍵延後中秋不斷警戒節後</t>
  </si>
  <si>
    <t>全台自5/19開始實施三級警戒如今一延再延目前確定會延後至7/12。對此一名網友好奇發問依照台灣目前的情況三級警戒要延到何時？貼文引發熱議不少網友表示樂觀來說至少要等到中秋節另也有人認為疫苗覆</t>
  </si>
  <si>
    <t>網友警戒目前中秋節等到如今至少樂觀表示對此引發延到情況好奇發問臺灣再延確定認為實施疫苗</t>
  </si>
  <si>
    <t>全台自5/19開始實施三級警戒如今一延再延目前確定會延後至7/12。對此一名網友好奇發問依照台灣目前的情況三級警戒要延到何時？貼文引發熱議不少網友表示樂觀來說至少要等到中秋節另也有人認為疫苗覆蓋率不高解了也是白搭一定會再封起來的。
一名網友昨在PTT上發文表示早就知道6/28不可能會解封中央流行疫情指揮中心昨天（23日）果然宣佈三級延長至7/12但他認為到時候肯定會繼續再延後不知道大家怎麼看？依照台灣目前的情況三級警戒會延到幾月？
貼文引起熱烈討論綜合網友的留言發現多數人認為至少要等到中秋節後「快的話可能父親節完或中秋節後」、「至少中秋節」、「覺得九月跑不掉」、「九月以前吧！幸運一點或許八月以前」、「中秋過後、雙十之前」、「樂觀評估要九月之前」、「 起碼也要9月吧！」
另也有網友認為疫苗施打率是解封的關鍵「九月二劑沒60%以上擋不住Delta病毒」、「疫苗覆蓋率不高解了都是白解」、「可能要等疫苗打到差不多為止」、「疫苗如果沒辦法普打希望封到9月、10月」、「看疫苗何時到貨」、「依照目前這種疫苗施打率年底吧！」</t>
  </si>
  <si>
    <t>網友疫苗認為九月目前中秋至少警戒解封表示知道再延樂觀中秋節可能等到臺灣節後</t>
  </si>
  <si>
    <t>中秋節三級警戒疫苗覆蓋率新冠肺炎台灣</t>
  </si>
  <si>
    <t>覆蓋率疫苗肺炎警戒臺灣中秋節</t>
  </si>
  <si>
    <t>輪到優先qa類人莫德納</t>
  </si>
  <si>
    <t>新冠變異株Omicron現蹤全球超過20個國家台灣為了提升民眾保護力指揮中心昨宣佈開打第三劑疫苗符合資格者共有4類人只要打完第二劑疫苗滿5個月就可以至指定醫療院所預約接種第三劑而《中時新聞網》也整理</t>
  </si>
  <si>
    <t>疫苗接種全球預約超過院所國家醫療臺灣提升指定民眾保護可以omicron指揮中心打完類人宣佈資格符合</t>
  </si>
  <si>
    <t>新冠變異株Omicron現蹤全球超過20個國家台灣為了提升民眾保護力指揮中心昨宣佈開打第三劑疫苗符合資格者共有4類人只要打完第二劑疫苗滿5個月就可以至指定醫療院所預約接種第三劑而《中時新聞網》也整理出接種第三劑需符合的條件、副作用等常見的4大問題供民眾參考。
一、誰可以優先打第三劑？
可優先接種第三劑的人有4大類第一至第三類的對象及因公出國者。其中第一至第三類對象包括醫護人員、防疫工作人員、第一線高感染風險工作人員（含航空機組員、港埠工作人員、防疫旅宿工作人員）等上述這些人只要完整打完兩劑滿5個月即可優先打第三劑。
二、何時可以輪到自己打？
根據指揮中心現在的規定只要完整接種兩劑疫苗滿5個月即可至指定醫療院所接種第三劑舉例來說今天（12月3日）能打第三劑的人第二劑疫苗應要在7月3日就打完。民眾可由此自行推算自己可以打第三劑的時間。
三、第三劑的副作用為何？
指揮中心發言人莊人祥表示從過去的研究與實際接種狀況發現第二劑和第三劑接種時間間隔5至6個月左右第三劑的副作用普遍會較第二劑更低。比較常見的副作用可能是發燒、頭痛、接種部位疼痛腫脹。
四、第三劑打哪一款疫苗？
這波第三劑疫苗只開放「莫德納」給民眾打接種劑量為基礎劑量的一半。
五、第三劑可以選擇廠牌？
指揮中心指揮官陳時中曾說第三劑疫苗廠牌的選擇「AZ混打mRNA疫苗可以但不太贊成mRNA疫苗之間的混打也不建議民眾先打mRNA再混打AZ」。不過目前僅提供莫德納給民眾打未來是否有別的廠牌依指揮中心說明為主。</t>
  </si>
  <si>
    <t>接種疫苗民眾可以中心指揮副作用打完工作人員混打防疫mrna符合常見時間優先莫德納完整兩劑院所</t>
  </si>
  <si>
    <t>第三劑莫德納疫苗四類人優先</t>
  </si>
  <si>
    <t>優先莫德納四類人疫苗</t>
  </si>
  <si>
    <t>鄭文燦防線病毒delta嚴防</t>
  </si>
  <si>
    <t>「Delta病毒已經到家門口！」桃園市長鄭文燦表示提出7大防線檢視包含桃園國際機場、機組員防疫旅館、華航及長榮園區、民眾防疫旅館、防疫計程車、責任醫院、採檢站都會逐一檢討。鄭文燦表示針對Delta病毒防</t>
  </si>
  <si>
    <t>桃園鄭文燦防疫表示旅館delta病毒華航機組員醫院家門口國際機場市長都會逐一包含檢討提出防線民眾計程車責任園區</t>
  </si>
  <si>
    <t>「Delta病毒已經到家門口！」桃園市長鄭文燦表示提出7大防線檢視包含桃園國際機場、機組員防疫旅館、華航及長榮園區、民眾防疫旅館、防疫計程車、責任醫院、採檢站都會逐一檢討。
鄭文燦表示針對Delta病毒防線提出7大防線檢視。第1個是桃園國際機場他說機場有設置採檢站包含入境動線桃園市府會同機場、民航局檢查機場防疫動線。第2是針對機組員改成5＋9必須居隔5天加上9天加強版自主健康管理因此需增加防疫旅館數量鄭文燦說明原本桃園有3家機組員防疫旅館必須增加到5家且為專用不得與一般檢疫民眾混住。
鄭文燦又說第3則是華航、長榮園區會進行防疫檢查。第4為一般民眾入境使用防疫旅館目前有25家、使用率77％有60％非桃園市籍。而基於防疫責任要對防疫旅館的健康管理、防疫動線進行檢查。
第5則是桃園533輛防疫計程車已經服務1年半將持續、密切對防疫計程車健康管理進行必要加強。第6為責任醫院強化防疫、加強醫療量能。第7為採檢站因入境要2採有8個防疫旅館到旅館是設採檢站其他是到醫院採檢需檢查採檢動線安排。
鄭文燦說這7防線是因應病毒來到家門口每道防線都不能鬆懈他又重申航空公司外站管理需進行外站旅館動線檢查。另外機組員入境後還沒等到PCR結果出來就「趴趴走」的時間差也要改善。</t>
  </si>
  <si>
    <t>防疫旅館桃園鄭文燦檢查機組員進行入境管理防線健康計程車民眾醫院責任病毒家門口必須</t>
  </si>
  <si>
    <t>新冠肺炎台灣防疫旅館鄭文燦防線</t>
  </si>
  <si>
    <t>臺灣防疫旅館肺炎鄭文燦防線</t>
  </si>
  <si>
    <t>母公司西打派出所報到蘋果法官掏空不准</t>
  </si>
  <si>
    <t>生產「蘋果西打」飲料的大西洋股份有限公司前總經理孫幼英涉嫌為挽救旗下企業的財務危機掏空大西洋公司逾億一審將孫徒刑9年6月上訴後台灣高等法院審理中她說自己年紀逾70歲有罹患新冠肺炎之風險求免到</t>
  </si>
  <si>
    <t>大西洋肺炎股份有限公司總經理涉嫌風險孫幼英挽救年紀企業臺灣高等法院審理財務危機掏空上訴徒刑公司</t>
  </si>
  <si>
    <t>生產「蘋果西打」飲料的大西洋股份有限公司前總經理孫幼英涉嫌為挽救旗下企業的財務危機掏空大西洋公司逾億一審將孫徒刑9年6月上訴後台灣高等法院審理中她說自己年紀逾70歲有罹患新冠肺炎之風險求免到派出所報到高院駁回。可抗告。
孫幼英說她年逾70歲如今台灣新冠肺炎疫情嚴峻她年事已高屬於罹患新冠肺炎之高危險族群倘仍需於每週二、五至派出所報到不僅徒增罹患新冠肺炎之風險且對於本案迅速終結亦無助益爰請求免除報到之處分。
高院認為孫幼英涉非常規交易罪、特別背信罪等罪遭判刑9年6月並應沒收及追徵犯罪所得新臺幣1億852萬多元且經原審法院裁定限制出境、出海並命每週二、五至派出所報到高院也在今年7月16日裁定延長她出境、出海8月。
合議庭認為孫幼英犯罪名法定刑非輕且經原審判處重刑及沒收高額犯罪所得如上衡諸人情之常堪認被告主觀上有甚強之畏罪逃亡動機為能定時掌握被告行蹤確保被告並未逃亡有命她告定期至派出所報到之原因及必要駁回她的聲請。</t>
  </si>
  <si>
    <t>報到派出所孫幼英犯罪高院肺炎被告大西洋逃亡沒收認為原審裁定出境出海風險駁回股份有限公司總經理涉嫌</t>
  </si>
  <si>
    <t>報到派出所新冠肺炎蘋果西打求免</t>
  </si>
  <si>
    <t>肺炎蘋果派出所報到</t>
  </si>
  <si>
    <t>法國空中巴士西班牙產業復工</t>
  </si>
  <si>
    <t>空中巴士宣佈在對廠區進行嚴格的健康與安全檢查之後該公司在法國與西班牙的廠區已從23日起部份復工進行生產與組裝工作。此外空中巴士將支援全球對抗新冠肺炎危機的努力。空中巴士與夥伴密切合作在維持業務進</t>
  </si>
  <si>
    <t>空中巴士進行夥伴努力危機肺炎對抗全球支援密切合作工作組裝生產之後檢查嚴格公司復工法國安全西班牙健康</t>
  </si>
  <si>
    <t>空中巴士宣佈在對廠區進行嚴格的健康與安全檢查之後該公司在法國與西班牙的廠區已從23日起部份復工進行生產與組裝工作。此外空中巴士將支援全球對抗新冠肺炎危機的努力。
空中巴士與夥伴密切合作在維持業務進行的同時確保員工健康與安全。為了執行這些措施空中巴士在法國與西班牙的生產與組裝廠房需要暫時停工四日。只有在符合衛生、清潔、以及自我保持距離的新健康與安全規定同時保持營運效率的條件之下這些工作場所才能重新開放。空中巴士將在不全面停工之下在所有設施執行以上規定。
關於全球的非生產性工作空中巴士將繼續支援員工在家工作。執行以上規定之後部份員工將被要求返回辦公室執行業務。在2月間空中巴士位於天津的飛機組裝線曾因新冠肺炎暫時停工現已復工運作。
空中巴士指出將支援各國衛生、緊急與公共服務單位運用空中巴士飛機、直昇機、衛星與服務達成重要任務。近日以來該公司已向歐洲多國醫院與公共服務單位捐贈數千個口罩並且派出試飛用機從中國大陸供應商載運大量物資。上週末空中巴士派出A330-800試飛用機從天津載運約200萬個口罩前往歐洲大部份將捐贈法國與西班牙當局。空中巴士未來將執行更多類似班機。</t>
  </si>
  <si>
    <t>空中巴士執行停工工作進行健康員工法國西班牙規定安全支援公司歐洲天津之下飛機載運單位公共服務之後業務捐贈暫時派出試飛</t>
  </si>
  <si>
    <t>空中巴士復工衛星新冠肺炎</t>
  </si>
  <si>
    <t>衛星復工空中巴士肺炎</t>
  </si>
  <si>
    <t>提醒醫師大增病毒家長注意過敏</t>
  </si>
  <si>
    <t>兒童及青少年在全球這波新冠肺炎疫情中相較於成人或老人在感染率及嚴重性都較低但沒有控制穩定的過敏氣喘會增加新冠肺炎發展成重症的機會。振興醫院兒童醫學部主治醫師羅玉芳呼籲過敏及氣喘除了藥物治療建</t>
  </si>
  <si>
    <t>過敏氣喘肺炎兒童嚴重性呼籲感染老人沒有羅玉芳成人控制醫學醫院穩定主治醫師相較振興機會疫情成重發展</t>
  </si>
  <si>
    <t>兒童及青少年在全球這波新冠肺炎疫情中相較於成人或老人在感染率及嚴重性都較低但沒有控制穩定的過敏氣喘會增加新冠肺炎發展成重症的機會。振興醫院兒童醫學部主治醫師羅玉芳呼籲過敏及氣喘除了藥物治療建構孩子的免疫力也相當重要均衡營養、適度曬太陽都是重要的一環。
新冠肺炎的危險因數包含肥胖、慢性病及抽菸而在孩童及青少年族群最常見的慢性病則是過敏性鼻炎及氣喘。由於新冠肺炎在免疫上的諸多新的醫學表現國際兒童過敏協會針對兒童過敏的治療提供了一些治療的原則。
羅玉芳說過敏性鼻炎孩童原來用於治療鼻子過敏的類固醇鼻噴劑及第二代的抗組織胺都建議繼續使用控制好過敏性鼻炎減少呼吸道黏膜的腫脹、減少打噴嚏可以減少被感染及傳播病菌的可能。但這些藥物並不會降低孩子的免疫力即使在孩子被感染新冠肺炎也是必須要繼續使用的藥物。
此外同時存在的過敏性結膜炎也要規律使用抗過敏眼藥水減少孩子因為過敏發癢揉眼睛、搓鼻子才能減少病毒侵入的機會。氣喘孩童的治療不要因為疫情就醫不便就停藥沒有控制好的氣喘孩童造成急性發作反而增加新冠肺炎發展出重症的機會。
羅玉芳表示強化平衡孩子的免疫力相當重要這可以從環境及營養2方面著手。環境因素包含減少過敏、pm25及二手菸；營養因素則要讓孩子有足量且優質的蛋白質促成足夠的抗體生成微量元素包含維他命D及鋅可以減少感染維他命D與吞噬細胞上的接受器結合後會提升吞噬細胞殺菌的能力維他命C、維他命E及多酚提升孩子身體抗發炎及抗氧化的能力。
羅玉芳強調只要每日均衡的營養以及適度的曬曬太陽就能建構家中寶貝均衡的免疫力。父母也要注意3級警戒居家防疫的期間孩子的運動時間幾乎沒有不然就是大幅地減少避免孩子體重過重也是防疫很重要的一環。
針對戴口罩與不戴口罩的比較統計也發現摸臉的次數大約分別是每小時5次及20次差異挺驚人的。另外也有統計不戴口罩摸臉次數是戴著口罩的39至67倍接觸眼口鼻是86至29倍。而為了要讓孩子能乖乖地戴好口罩控制好孩子的鼻子、結膜過敏也是十分重要的。</t>
  </si>
  <si>
    <t>孩子過敏減少肺炎氣喘羅玉芳孩童感染治療過敏性營養包含控制重要免疫力鼻子機會口罩藥物鼻炎沒有</t>
  </si>
  <si>
    <t>免疫力過敏氣喘新冠肺炎氣喘</t>
  </si>
  <si>
    <t>過敏氣喘肺炎免疫力</t>
  </si>
  <si>
    <t>不具解封傳播侯友宜逐步地點新北開始直播</t>
  </si>
  <si>
    <t>中央流行疫情指揮中心今(15)日公佈國內新增18例COVID-19確定病例分別為14例本土及4例境外移入其中臺北市9例為最多其次為桃園市3例、新北市2例。針對新北市連續2天「微+2」市長侯友宜稍早歸功市民配合低度</t>
  </si>
  <si>
    <t>中心侯友宜市長公佈國內新增指揮本土臺北市連續確定covid-新北歸功疫情境外分別病例桃園市民</t>
  </si>
  <si>
    <t>中央流行疫情指揮中心今(15)日公佈國內新增18例COVID-19確定病例分別為14例本土及4例境外移入其中臺北市9例為最多其次為桃園市3例、新北市2例。針對新北市連續2天「微+2」市長侯友宜稍早歸功市民配合低度活動、同仁努力加上全面篩檢、精準疫調和熱區防疫中心的策略新北市才得以有效控制疫情有鑑於此下週是否開放戶外用餐也成為市民關注議題。
根據新北市長侯友宜今（15）日記者會上最新說法針對新北市新增新莊本土病例1人、板橋居家隔離陰轉陽1人侯友宜強調感染源都很清楚一切都在掌控內後續也將持續進行疫調民眾不用擔心擴大。
至於新北市5大批發市場侯友宜也祭出嚴格把關規定強調從業人員須定期篩檢穩定陰性才能進場保持最高警戒；又新北市全台首創的檢疫隔離關懷中心也會持續服務照顧居家隔離的市民朋友身心並提供關於疫情的各項詳細資訊。同時侯友宜也感謝慈濟基金會、愛心大平臺送暖資助新北弱勢族群。
目前「微解封」措施新北市僅有條件開放戶外風景區、藝文場所、博物館餐飲一律採外帶下週一（19日）會有第一波檢討進一步開放部分類別民眾有望在戶外用餐。
侯友宜強調解封的實質意義是讓民眾回到正常生活並帶動更多經濟發展否則業者成本花下去最後又疫情再起或業者為賺錢不顧防疫「那就累了」並舉例韓國、荷蘭解封了又再封城認為對經濟與民眾來說都是二度傷害。
因此新北市會分梯次、階段討論開放場所一定先從能夠落實防疫且不具有傳播力的地點開始同時並會思考新北城鄉差距與都會重災區特性逐步建構落實防疫為主的微解封。
★《中時新聞網》提醒您：
因應新冠肺炎疫情疾管署持續加強疫情監測與邊境管制措施
如有疑似症狀請撥打：1922專線或 0800-001922
並依指示配戴口罩儘速就醫同時主動告知醫師旅遊史及接觸史以利及時診斷及通報。</t>
  </si>
  <si>
    <t>新北疫情侯友宜防疫民眾開放中心市民強調解封持續戶外隔離措施場所經濟業者落實</t>
  </si>
  <si>
    <t>新冠肺炎台灣新型冠狀病毒NCP新北市</t>
  </si>
  <si>
    <t>冠狀臺灣病毒肺炎ncp新北</t>
  </si>
  <si>
    <t>航母問題隔離</t>
  </si>
  <si>
    <t>由於美國海軍「羅斯福」號（USS Theodore RooseveltCVN-71）航母上有近100名人員新冠肺炎確診在指揮官向高層示警下部份美軍將下船在關島的旅館隔離。據CNN新聞網1日報導美國代理海軍部長莫德里（Thomas Mo</t>
  </si>
  <si>
    <t>海軍美國代理報導rooseveltcvn-theodore航母新聞網上有人員隔離cnn旅館關島肺炎確診下船指揮官美軍高層部長</t>
  </si>
  <si>
    <t>由於美國海軍「羅斯福」號（USS Theodore RooseveltCVN-71）航母上有近100名人員新冠肺炎確診在指揮官向高層示警下部份美軍將下船在關島的旅館隔離。
據CNN新聞網1日報導美國代理海軍部長莫德里（Thomas Modly）週三說至今「羅斯福」號上有93人檢測呈陽性意味這超過所有美軍確診總數的10%。一名高級國防部官員說海軍預料隨著更多檢測結果回報病例數還會增加。
莫德里說艦上約4800人中已有1273人接受新冠肺炎病毒檢測而海軍仍在等部份檢測結果。他說約有1000名海軍已撤離在關島上岸。此外莫德里在五角大廈指出未來幾天內他們預計會讓2700人下船。
不過海軍作戰部長吉爾迪（Mike Gilday）說由於艦上仍必須執行必要任務如維持核反應器的運轉等因此無法讓所有的人員撤離。他說約有1000名海軍必須留守以執行任務比艦長克勞齊上校（Capt Brett Crozier）原本所提議的約500名多。
莫德里強調艦上有軍火有昂貴的艦載機還有核子反應器需要相當的人員留守以維護航母安全。
新冠肺炎在「羅斯福」號上迅速蔓延上星期五角大廈證實有3名海軍檢測呈陽性。可是短短兩天後就增為25人。到了3月31日感染人數起碼有70人而時至4月1日已有近100人。一名美國國防部發言人透露美國「雷根」號（USS Ronald ReaganCVN76）航母上也有「少數人」檢測呈陽性。
據五角大廈說到週三為止共有814名美軍染疫。而高級海軍官員說由於關島住宿處有限等因素所以讓人員下船的速度比克勞齊所希望的慢。
而據要求匿名的海軍透露從目前他們住宿的狀況看來艦上成員很可能還會有更多人感染。他從3月28日起就和超過150名同袍住在由體育館改造的臨時宿舍。他說部隊裡有人咳嗽發燒但說覺得身體還好後來檢測卻呈陽性。另外還有人沒有出現任何症狀結果檢測也呈陽性。
此外他指出體育館沒有足夠的空間以維持適當的社交距離而他們也沒有適當的清潔物資好消毒相關區域。「就目前的狀況來說會有更多人感染」他說「這不是會不會的問題而是時間早晚問題。」</t>
  </si>
  <si>
    <t>海軍檢測人員莫德里陽性下船美軍關島上有五角大廈羅斯福航母沒有結果肺炎美國</t>
  </si>
  <si>
    <t>武漢肺炎新型冠狀病毒全球美國航母</t>
  </si>
  <si>
    <t>冠狀病毒全球美國肺炎武漢航母</t>
  </si>
  <si>
    <t>資料高端遊盈隆首選政府支持者判斷失誤民進</t>
  </si>
  <si>
    <t>BNT疫苗28日開放登記民眾如潮水般湧入對此台灣民意基金會董事長游盈隆表示BNT和高端兩種疫苗受民眾歡迎程度高下立判但自己對於這樣的結果並不意外。同時遊盈隆也發現民進黨支持者的首選偏好也不是</t>
  </si>
  <si>
    <t>遊盈隆民眾疫苗bnt民進發現意外並不結果對於高下潮水般臺灣湧入對此民意程度登記基金會歡迎董事長表示高端開放</t>
  </si>
  <si>
    <t>BNT疫苗28日開放登記民眾如潮水般湧入對此台灣民意基金會董事長游盈隆表示BNT和高端兩種疫苗受民眾歡迎程度高下立判但自己對於這樣的結果並不意外。同時遊盈隆也發現民進黨支持者的首選偏好也不是高端顯見民進黨政府傾全力行銷高端不但沒有引起全民支持連大多數民進黨支持者也不大支持蔡政府2點判斷失誤。
對「BNT門庭若市高端門可羅雀」的結果遊盈隆今（29日）在臉書發文表示自己一點也不意外並表示台灣民意基金會八月民調顯示在考慮多重疫苗偏好的條件下698%的受訪者第一選擇為莫德納接著依序為BNT的428%、AZ的302%、高端的17%。由此可見登記BNT和高端的冷熱表現本就可預期沒什麼好奇怪。
遊盈隆稱有一個值得探討的問題是民進黨支持者的疫苗偏好為何？根據自己的研究他們的第一選擇是莫德納347%第二是高端253%第三是阿斯特捷利康147%第四是BNT/輝瑞13%122%不知道。
對於這項發現游盈隆直言很有趣可以從多方面去探討但他要問的是為什麼只有25%的人選高端？為什麼民進黨支持者不追隨黨的領導？為什麼蔡總統兼黨主席「把手臂獻給高端」的大動作宣傳沒有出現「風行草偃」的現象？他的答案很簡單因為人民不傻人民有知識有理性。
遊盈隆指出從另一個角度來問那些第一選擇是高端的人究竟是什麼人？從政黨支持傾向來看有6224%是民進黨支持者13%是時力和台灣基進支持者這兩者加起來就超過75%。從這角度來看民進黨政府傾全力行銷高端疫苗但確實成效不彰不但沒有引起全社會的支援甚至也沒有獲得大多數民進黨支持者的響應最後只能限縮在泛綠陣營內的一小部分人。
為什麼蔡總統主導的疫苗政策這麼不受社會歡迎？遊盈隆分析因為犯了兩個嚴重判斷錯誤：一是低估人民的智慧；二是濫用病態的愛國主義。台灣人能理性思辨有獨立思考判斷的能力勿庸至疑；強將施打高端疫苗和台灣價值或國力扯在一起無異鼓吹一種病態的民族主義情緒最終反而傷害台灣認同是十分愚蠢荒唐的行徑。</t>
  </si>
  <si>
    <t>高端疫苗臺灣遊盈隆支持者bnt民進沒有判斷支持選擇偏好病態人民表示政府角度民眾</t>
  </si>
  <si>
    <t>遊盈隆民進黨支持者BNT高端疫苗</t>
  </si>
  <si>
    <t>支持者bnt民進高端遊盈隆疫苗</t>
  </si>
  <si>
    <t>本土個案確診中區</t>
  </si>
  <si>
    <t>台中市26日新增11例新冠肺炎本土確診個案其中一名確診者24日曾到健保署中區辦公室辦健保卡其足跡公佈後健保署中區業務組也發出聲明指稱個案全程配戴口罩且經酒精消毒後才入內洽公櫃檯服務同仁也戴口罩及</t>
  </si>
  <si>
    <t>個案口罩中區確診櫃檯服務才入消毒新增酒精全程配戴指稱聲明發出業務組</t>
  </si>
  <si>
    <t>台中市26日新增11例新冠肺炎本土確診個案其中一名確診者24日曾到健保署中區辦公室辦健保卡其足跡公佈後健保署中區業務組也發出聲明指稱個案全程配戴口罩且經酒精消毒後才入內洽公櫃檯服務同仁也戴口罩及防護隔板並保持社交距離。
該名確診者是西屯區37歲男性從事寵物美容師及植栽藝術平時在家接案未與客戶接觸他是25日確診44歲工廠作業員室友據悉是因為免疫疾病5月24日上午10時到12時曾到位於西屯區健保署中區辦公室辦健保卡當日淩晨發燒不適至醫院就醫採檢5月25日報告確診陽性。
健保署在其足跡公佈後立即發出聲明強調已全面完成清消所有同仁加強每日自我健康監測請民眾安心洽公。
健保署中區業務組強調該組完全依防疫規定所有出入民眾應量測體溫及實名制登錄全程配戴口罩且經酒精消毒後入內洽公櫃檯服務同仁亦戴口罩及防護隔板並保持社交距離。
健保署也強調因應疫情嚴峻民眾可利用線上申辦健保卡或健保智慧客服不用出門就可完成相關業務。</t>
  </si>
  <si>
    <t>確診民眾強調口罩同仁中區西屯區個案聲明發出全程業務組距離配戴社交酒精</t>
  </si>
  <si>
    <t>健保署中區業務健保卡洽公</t>
  </si>
  <si>
    <t>業務中區</t>
  </si>
  <si>
    <t>油價國際疫情時代專欄投資方向蕭幹祥</t>
  </si>
  <si>
    <t>4月20日西德州輕原油期貨價格出現史上首見的負油價一度造成金融市場的劇烈波動雖然最後追查主要原因在於中國銀行金融衍生商品「原油寶」的期貨轉倉因素才造成當日原油期貨每桶負37美元的破天荒價格然而其</t>
  </si>
  <si>
    <t>造成原油期貨價格出現衍生金融商品中國銀行原油在於史上首原因期貨追查最後當日波動劇烈因素油價金融市場一度德州</t>
  </si>
  <si>
    <t>產業原油美國油價疫情需求今年全球造成原油價格可能葉岩來看石油驟降預估投資能源公司航空影響經濟肺炎</t>
  </si>
  <si>
    <t>原油肺炎價格石油飛機</t>
  </si>
  <si>
    <t>肺炎石油價格飛機原油</t>
  </si>
  <si>
    <t>票房信心整體國片去年成長國人</t>
  </si>
  <si>
    <t>新媒體暨影視音發展協會NＭEA主辦第二屆「亞洲新媒體高峰會」22日圓滿落幕為期二日共舉行了20場專題演講與對談62位頂尖產業領袖及台灣致力於泛娛樂產業的專業人士。以「Change The World」為主題聚焦資本化</t>
  </si>
  <si>
    <t>產業媒體worldthechange專業人士娛樂領袖主辦對談主題亞洲演講專題日共舉行為期落幕圓滿峰會于泛致力臺灣發展nmea協會聚焦</t>
  </si>
  <si>
    <t>電影臺灣產業國片投資沒有資本今年主題導演票房內容需要得到拍攝行銷整合能夠期待作品故事長片</t>
  </si>
  <si>
    <t>亞洲峰會媒體</t>
  </si>
  <si>
    <t>鎧勝行情法人</t>
  </si>
  <si>
    <t>繼PCB、被動元件接連端出族群性上漲表現後兩大投顧欽點下一波由金屬機殼雙雄接棒凱基、富邦投顧接連升評鎧勝-KY（5264）至「買進同時看好可成（2474）穀底已過同樣喊買。凱基投顧科技產業分析師向子慧指出</t>
  </si>
  <si>
    <t>接連凱基科技產業族群上漲表現看好買進穀底-ky鎧勝顧欽點機殼金屬同樣</t>
  </si>
  <si>
    <t>繼PCB、被動元件接連端出族群性上漲表現後兩大投顧欽點下一波由金屬機殼雙雄接棒凱基、富邦投顧接連升評鎧勝-KY（5264）至「買進同時看好可成（2474）穀底已過同樣喊買。
凱基投顧科技產業分析師向子慧指出隨大陸生產線復工鎧勝-KY的3月營收大幅回升受惠筆電與平板需求增溫鎧勝-KY經營管理階層預估第二季營收將明顯優於上季並有機會重返年成長軌道。
本季因新冠肺炎大流行居家工作與線上教育需求推升筆電與平板需求增加上蘋果發表MacBook Air、iPad Pro新機凱基預期鎧勝-KY第二季營收將季增75％、年增3％超乎預期且因營收向上帶動毛利率、營業利益率反彈第二季營運將轉虧為盈。鎧勝-KY過去二年都因生產蘋果iPhone金屬機殼造成虧損。然根據富邦投顧最新調查鎧勝-KY今年很可能不再生產iPhone金屬機殼新產品將聚焦在Apple Watch機械零件上少了虧損業務拖累鎧勝-KY全年將轉盈終結連兩年虧損。
可成3月營收優於預期帶動首季營收年增115％也超越市場期望法人說明放眼第二季iPad、MacBook、NB等需求主要受到新冠肺炎驅動的在家工作趨勢看好這些產品的銷量帶動整體營運成長。再將時間拉長到下半年受惠新iPhone拉貨以及5G智慧機設計複雜推升金屬機殼單位售價提升營運動能可望續強。</t>
  </si>
  <si>
    <t>-ky鎧勝金屬機殼營運虧損凱基iphone帶動接連預期受惠看好產品蘋果需求ipad成長macbook工作</t>
  </si>
  <si>
    <t>鎧勝凱基肺炎喊買富邦投顧</t>
  </si>
  <si>
    <t>肺炎凱基鎧勝</t>
  </si>
  <si>
    <t>英相祈禱川普嚴重專家強生赴英</t>
  </si>
  <si>
    <t>英國首相強生感染新冠肺炎後病情惡化已在昨（6）日住進加護病房對此美國總統川普3度提到入住加護病房代表病況「很嚴重」他已經派遣2支最棒的藥品團隊赴英協助強生的醫療團隊。據悉這2支藥品團隊提供的解</t>
  </si>
  <si>
    <t>病房藥品強生團隊肺炎病情惡化派遣已經嚴重據悉病況代表協助赴英對此入住提到</t>
  </si>
  <si>
    <t>英國首相強生感染新冠肺炎後病情惡化已在昨（6）日住進加護病房對此美國總統川普3度提到入住加護病房代表病況「很嚴重」他已經派遣2支最棒的藥品團隊赴英協助強生的醫療團隊。據悉這2支藥品團隊提供的解方應該是川普近期大力鼓吹的抗瘧疾藥物「羥氯奎寧」（hydroxychloroquine）。
英國《每日郵報》（Daily Mail）報導英國首相強生昨日因新冠肺炎病情惡化住進加護病房美國總統川普晚間在白宮的疫情記者會上為強生祈禱他說「我要為我的好朋友、我們國家的朋友、英國首相強生獻上最好的祝福」「所有美國人都祈禱他康復」川普更讚許強生是他非常特別的朋友非常堅強、有決心不辭職也不放棄。
不過川普話鋒一轉在記者會上至少3度提及入住加護病房代表病情很嚴重「如果你住進加護病房代表這個疾病已經非常、非常嚴重。」
他說已經要求2家為美國政府工作的治療公司「即刻和倫敦聯絡」協助治療強生並且提到美國在新冠肺炎的治療已經有非常大的進展稱這2間「頂尖」公司已經研發出治療方法而且成效卓越。
川普說這2支團隊目前已經抵達倫敦並且和強生的所有醫生聯繫過將提供倫敦任何需要的援助「我們會看看我們是否能提供協助」「他們已經準備好了。」
當被問及所謂的美國專家提供的療法時川普並未明確點出療法名稱僅回應是非常複雜的治療方式團隊最近才研發出來稱他們很有經驗。不過報導推測川普口中的藥品應該就是他近期大力鼓吹、稱會改變新冠疫情遊戲規則的抗瘧疾藥物「羥氯奎寧」。
川普說團隊已經和強生的醫生開過會就視最終會不會採納這種療法此時他又提到一次「住進加護病房是件大事」不過他也希望強生最終不會用到它。
川普讚揚強生是非常棒的人「溫暖、堅強、聰明並且熱愛國家」「為國家奮戰」語畢他又重提「加護病房是件大事」。
英國廣播公司（BBC）報導在確診新冠肺炎10天後由於持續出現症狀55歲的強生於英國當地時間5日晚間住院檢查醫院起先在6日下午對他進行給氧治療之後送入加護病房不過至今他還沒有戴上呼吸器唐寧街強調強生的意識清楚被送進加護病房是因為有可能會使用到呼吸器。
值得注意的是強生5日還在社群媒體上向大眾問好不到2天就入住加護病房英國天空新聞記者裡格比（Beth Rigby）表示這代表強生的病況變化很快呼吸困難。</t>
  </si>
  <si>
    <t>強生川普已經病房治療團隊美國提供非常英國報導協助肺炎療法代表藥品</t>
  </si>
  <si>
    <t>中山區中正幼稚園公幼新北停課北市</t>
  </si>
  <si>
    <t>(19:29更新)新北市某間幼兒園爆發群聚感染一名幼兒園老師確診感染給8名學生、1名家長；臺北市長柯文哲6日表示北市也有一名學童在該家新北幼兒園上課；此外北市預防性停課的幼兒園不只一間目前已掌握北市中</t>
  </si>
  <si>
    <t>幼稚園北市新北感染家長目前臺北市學生柯文哲表示停課上課老師確診爆發學童預防掌握更新</t>
  </si>
  <si>
    <t>(19:29更新)新北市某間幼兒園爆發群聚感染一名幼兒園老師確診感染給8名學生、1名家長；臺北市長柯文哲6日表示北市也有一名學童在該家新北幼兒園上課；此外北市預防性停課的幼兒園不只一間目前已掌握北市中正區、中山區有3家受到影響。
在柯文哲召開完防疫記者會後臺北市政府接獲不只1間與新北幼兒園群聚案有關正在緊急統整資料、派教育局人員到場視察。
北市中正區某幼兒園表示確實有接到教育局通知總計有226名學童受到影響分別是2歲至6歲學童共有8個班級；老師部分則不只一名以上與該學童有接觸所以已讓這些老師7日請防疫假在家。
幼兒園指出園內已消毒也有緊急發通知書給孩童家長並由老師通知家長接走孩童對此消息感到有點驚訝。
教育局傍晚指出該中正區幼兒園樓上有另間國小附設幼兒園因此另一所附設幼兒園明天也將預防性停課安排清消。
★《中時新聞網》提醒您：因應新冠肺炎疫情疾管署持續加強疫情監測與邊境管制措施 如有疑似症狀請撥打：1922專線或0800-001922並依指示配戴口罩儘速就醫同時主動告知醫師旅遊史及接觸史以利及時診斷及通報。</t>
  </si>
  <si>
    <t>幼稚園老師學童北市教育局中正區接觸新北疫情緊急防疫家長柯文哲停課影響受到指出通知表示預防孩童</t>
  </si>
  <si>
    <t>幼兒園北市新北老師停課</t>
  </si>
  <si>
    <t>幼稚園停課老師新北北市</t>
  </si>
  <si>
    <t>擴散連三疫情天全縣消毒</t>
  </si>
  <si>
    <t>新冠疫情仍然嚴峻彰化縣長王惠美縣府團隊結合全縣26鄉鎮市21日起連三天進行全縣大消毒全力防堵疫情擴散。並呼籲民眾一起進行居家消毒工作用漂白水1比50的調配比例來擦拭桌椅、門把、開關、地板家裡有幼</t>
  </si>
  <si>
    <t>進行消毒疫情全縣開關門把桌椅擦拭嚴峻比例地板縣長調配惠美縣府團隊結合漂白鄉鎮工作居家呼籲擴散一起</t>
  </si>
  <si>
    <t>新冠疫情仍然嚴峻彰化縣長王惠美縣府團隊結合全縣26鄉鎮市21日起連三天進行全縣大消毒全力防堵疫情擴散。並呼籲民眾一起進行居家消毒工作用漂白水1比50的調配比例來擦拭桌椅、門把、開關、地板家裡有幼兒的話玩具也要進行消毒一起努力把環境做得更清潔落實防疫守護家園。
防疫不分你我王惠美呼籲縣民配合防疫措施落實勤洗手、戴口罩並遵守「社交距離」的規定同時加強消毒家中經常接觸的表面隨身攜帶酒精消毒加強自我健康監測減少出入公共場所避免參加不必要的集會共體時艱、齊心防疫透過公私協力嚴防疫情擴散。
縣府已號召各鄉鎮公所組成「口罩糾察隊」沒配戴都將開罰3000元到1萬5000元開車兩人以上也要戴口罩。並呼籲口罩戴好、戴滿沒事也不要出門躲好、躲滿阻絕病毒的傳播鏈。
彰化縣政府城市暨觀光發展處即日也到八卦山大佛風景區全區清潔消毒除加強區內熱門景點之清潔防疫工作外並於防疫期間組成「口罩糾察隊」派員勸導民眾應全程配戴口罩以降低染疫風險。
★《中時新聞網》提醒您：因應新冠肺炎疫情疾管署持續加強疫情監測與邊境管制措施 如有疑似症狀請撥打：1922專線或 0800-001922 並依指示配戴口罩儘速就醫同時主動告知醫師旅遊史及接觸史以利及時診斷及通報。</t>
  </si>
  <si>
    <t>口罩消毒防疫疫情加強配戴進行呼籲清潔接觸縣府措施監測工作擴散民眾糾察隊組成惠美落實一起全縣</t>
  </si>
  <si>
    <t>新冠肺炎台灣彰化消毒王惠美</t>
  </si>
  <si>
    <t>臺灣肺炎消毒惠美</t>
  </si>
  <si>
    <t>項新冠肺炎患者公佈勞省高度緊急症狀</t>
  </si>
  <si>
    <t>日本新冠肺炎輕症患者突然暴斃的案例增加。厚生勞動省28日公佈患者應留意的13種項緊急性高的症狀讓輕症患者可以更容易掌握自己的病況。從表情等身邊人觀察得到的症狀包括臉色明顯變差、狀態與平時不同、嘴唇發紫</t>
  </si>
  <si>
    <t>患者症狀平時狀態明顯臉色包括得到觀察表情病況身邊厚生增加掌握勞動案例容易公佈突然</t>
  </si>
  <si>
    <t>日本新冠肺炎輕症患者突然暴斃的案例增加。厚生勞動省28日公佈患者應留意的13種項緊急性高的症狀讓輕症患者可以更容易掌握自己的病況。
從表情等身邊人觀察得到的症狀包括臉色明顯變差、狀態與平時不同、嘴唇發紫。
呼吸方面的症狀包括、呼吸急促、突然喘不過氣、稍微活動就呼吸困難、胸口疼痛、無法躺下不坐著就無法呼吸、用肩膀大力呼吸。
意識方面則有反應遲頓、神情恍惚、神智不清、感覺脈博不穩定。
日本因新冠肺炎患者急速增加醫院病房不敷使用故以醫治重症患者為優先讓輕症患者先在自家或由地方政府準備的飯店等設施自我隔離休養但有些人病情突然惡化甚至突然死亡。
厚勞省呼籲輕症患者若出現「高度緊急症狀」時要盡早請醫師診斷。</t>
  </si>
  <si>
    <t>患者症狀突然呼吸增加方面緊急包括無法肺炎日本神情恍惚反應遲頓神智不清感覺設施</t>
  </si>
  <si>
    <t>輕症患者日本患者新冠肺炎緊急</t>
  </si>
  <si>
    <t>患者日本肺炎緊急</t>
  </si>
  <si>
    <t>周日喘息衛生所口罩藥局</t>
  </si>
  <si>
    <t>中央流行疫情指揮中心今(17)日表示民眾透過口罩實名制20網路預購人數越來越多考量遞送口罩的郵差以及協助配銷實名制口罩的藥師、藥劑生和衛生所人員的辛勞為讓其有時間休息因此自4月19日起每個星期日將</t>
  </si>
  <si>
    <t>口罩中心休息時間辛勞表示人員衛生所指揮民眾透過藥劑藥師遞送考量郵差越來越網路預購人數疫情配銷</t>
  </si>
  <si>
    <t>中央流行疫情指揮中心今(17)日表示民眾透過口罩實名制20網路預購人數越來越多考量遞送口罩的郵差以及協助配銷實名制口罩的藥師、藥劑生和衛生所人員的辛勞為讓其有時間休息因此自4月19日起每個星期日將不再配送口罩至參與實名制的健保特約藥局及衛生所。
指揮中心進一步指出藥局若星期一到星期六仍有剩餘口罩沒賣完星期日有營業且有意願販售亦樂見其成不反對並感謝其服務的熱忱。口罩實名制20操作方式已越來越便利建議民眾可多加利用網路預購方式購買口罩。</t>
  </si>
  <si>
    <t>口罩衛生所民眾中心越來越星期日指揮網路藥局方式預購其成反對感謝星期六星期一</t>
  </si>
  <si>
    <t>新冠肺炎武漢肺炎新型冠狀病毒台灣休息</t>
  </si>
  <si>
    <t>肺炎武漢冠狀病毒臺灣休息</t>
  </si>
  <si>
    <t>華人微信加劇自保</t>
  </si>
  <si>
    <t>美國總統川普公開表示新冠肺炎是「中國病毒」後在美國出現排華情緒不時發生華人在公共場合被辱罵甚至毆打事件。一名在紐約生活的大陸人Tommy受訪表示現在美國各地華人紛紛在微信組建「互助群」以區域為單位</t>
  </si>
  <si>
    <t>美國華人表示微信紛紛事件肺炎紐約生活毆打中國甚至辱駡大陸公共場合病毒發生現在不時出現tommy情緒受訪</t>
  </si>
  <si>
    <t>美國總統川普公開表示新冠肺炎是「中國病毒」後在美國出現排華情緒不時發生華人在公共場合被辱罵甚至毆打事件。一名在紐約生活的大陸人Tommy受訪表示現在美國各地華人紛紛在微信組建「互助群」以區域為單位若發生緊急情況可在群裡通報所在位置讓在群裡的華人鄰居就近提供協助；由於在美國擁有槍枝合法甚至有員警鼓勵華裔擁槍自重防止遭歧視或欺負。
建互助群 通報馳援
在紐約生活的大陸人Tommy指出肺炎疫情讓美國對華人出現種族歧視尤其在川普的「Chinese virus」說法後仇華情緒加劇他的中國朋友就曾在街上被路人挑釁、辱罵他也聽說有一些中國餐廳被砸店最近網上也廣傳中國人在地鐵上遭無端攻擊的影片大家看了之後人心惶惶。
有鑑於此現在美國華人紛紛組建微信互助群以區域為單位把同在一個區的華人拉在一個群組若遇到緊急狀況發生無論是被攻擊或遭遇入室搶劫等只要發送「SOS」求救訊號再把自己所在位置發到群裡群友就可以就近趕到協助。
Tommy說如果報警可能十多分鐘員警才能趕到雖然他還沒發生過緊急事件但參與互助群心理上還是有個保障。他也聽說加州有些地方的華人自己擁有槍械所以組成自衛隊防止被欺負。
「現在美國人排華海外中國人當然要更團結！」Tommy表示除了互助群現在眼見大陸病例以境外輸入為主也有不少在美國的大陸人決定不回去「好不容易抗擊疫情取得成果就別給咱國家添亂」。
員警鼓勵 擁槍自重
此外香港《南華早報》報導在加州、紐約州和華盛頓州這3個美國新冠肺炎疫情高發地槍枝銷量正大幅上升。很多華裔擔憂當地的歧視氛圍會威脅人身安全。
槍枝店 來客增10倍
南加州中部一家槍枝武器店的華裔老闆劉大衛表示近幾周是他開店以來從未經歷過的銷售旺季顧客數量猛增10倍而主要消費人群就來自當地華裔社區。另一家大型槍械店羅蘭槍店近期銷售額也上漲500％。在舊金山市灣區好心的華裔警員甚至鼓勵當地華裔囤槍囤彈藥稱「一旦警方對局勢失去把控或許有各種暴亂」。</t>
  </si>
  <si>
    <t>美國華人華裔中國互助發生表示現在tommy大陸槍枝當地疫情員警甚至肺炎鼓勵攻擊歧視情緒辱駡</t>
  </si>
  <si>
    <t>加州中國美國肺炎Tommy</t>
  </si>
  <si>
    <t>加州肺炎tommy中國美國</t>
  </si>
  <si>
    <t>肺炎施打雷同提醒專家公費流感疫苗症狀流感</t>
  </si>
  <si>
    <t>季節性流感秋天報到台南市立安南醫院提醒流行性感冒症狀與新冠肺炎雷同今年公費流感疫苗分成10月1日與11月15日兩階段開打符合資格民眾只要與新冠疫苗相隔7天即可接種。台南市立安南醫院家醫科陳泓毓表示</t>
  </si>
  <si>
    <t>台南醫院安南符合資格今年民眾雷同肺炎接種提醒症狀疫苗相隔感冒即可醫科報到階段分成流感疫苗公費秋天</t>
  </si>
  <si>
    <t>季節性流感秋天報到台南市立安南醫院提醒流行性感冒症狀與新冠肺炎雷同今年公費流感疫苗分成10月1日與11月15日兩階段開打符合資格民眾只要與新冠疫苗相隔7天即可接種。
台南市立安南醫院家醫科陳泓毓表示流行性感冒與新冠肺炎症狀一樣常見症狀為咳嗽流鼻水還有發高燒、嗜睡與全身肌肉痠痛等臨床症狀兩者容易引起混淆且有一定比例的民眾還會引起併發症住院民眾仍需提高警覺。
陳泓毓表示預防流感同樣是戴口罩勤洗手最有效的方法就是施打流感疫苗今年政府提供的公費疫苗仍為四價流感疫苗含2種A型及2種B型疫苗株與先進國家使用相同。
安南醫院表示今年流感疫苗延續去年策略包含細胞培養疫苗較雞蛋培養疫苗有較少病毒抗原變異增加安全性分兩階段施打第1階段1日開始施打第2階段11月15日開始。
第1階段開打對象包括醫事衛生防疫相關人員、65歲以上長者、安養、養護、長照機構的受照顧者及所屬工作人員。滿6個月以上至國小入學前幼兒。另外孕婦、具有潛在疾病的高風險慢性病人、BMI30者以上與罕見疾病及重大傷病患者、國小至高中（職）與五專1至3年級學生、6個月內嬰兒的父母、幼兒園托育人員及托育機構專業人員、禽畜業及動物防疫相關人員。
第2階段開打對象包含50至64歲無高風險慢性病成人。
陳泓毓醫師表示若無對疫苗過敏或不良反應者建議主動接受施打以增加免疫力。需注意「與COVID-19疫苗接種時間間隔7天以上」預約或接種前主動告知疫苗接種史。欲自費施打者可經醫師評估可後施打。</t>
  </si>
  <si>
    <t>疫苗以上流感疫苗表示施打人員症狀接種民眾安南今年階段醫院國小高風險包含相關醫師機構引起主動</t>
  </si>
  <si>
    <t>施打疫苗安南醫院流感民眾</t>
  </si>
  <si>
    <t>醫院安南流感疫苗民眾施打</t>
  </si>
  <si>
    <t>延到開幕不縮水清明中職</t>
  </si>
  <si>
    <t>日、韓職棒都已宣佈例行賽開幕戰延後開打體育署長高俊雄今於立法院備詢時提到如果新冠肺炎疫情持續且沒有減緩將建議中華職棒延後開幕戰。中職會長吳志揚則說「閉門打」是最不得已的做法如果明天防疫計畫無</t>
  </si>
  <si>
    <t>開幕職棒明天做法不得已防疫提到肺炎疫情備詢持續法院宣佈閉門沒有於立減緩高俊雄</t>
  </si>
  <si>
    <t>日、韓職棒都已宣佈例行賽開幕戰延後開打體育署長高俊雄今於立法院備詢時提到如果新冠肺炎疫情持續且沒有減緩將建議中華職棒延後開幕戰。中職會長吳志揚則說「閉門打」是最不得已的做法如果明天防疫計畫無法說服主管機關可能延到清明節之後開打。
吳志揚強調中職是有延續性的比賽一定要打完全部場次相關紀錄才能延續。因此即使要延後開打也要盡力打完各隊120場例行賽不考慮減少場次。
衛福部上周宣佈超過千人戶外大型集會的防疫評估共有6大指標中職在明天召開的第2次防疫諮詢會議也要端出他們擬定的防疫計畫看能否說服主管機關及防疫專家讓新球季如期在28日開打並照常售票。
吳志揚表示如果主管機關對中職的防疫計畫仍有疑慮不排除延賽畢竟開打前2周要展開售票延不延也不能再拖了。而衛福部認為清明節會是另一波感染的高峰吳志揚說若要延賽可能就是4月中才開打。</t>
  </si>
  <si>
    <t>防疫中職吳志揚主管機關宣佈衛福部清明節售票可能延賽打完明天例行職棒開幕</t>
  </si>
  <si>
    <t>中華職棒新冠肺炎中職吳志揚中職開幕戰</t>
  </si>
  <si>
    <t>中職肺炎吳志揚職棒開幕中華</t>
  </si>
  <si>
    <t>患者機構以上優先施打宣佈侯友宜疫苗</t>
  </si>
  <si>
    <t>全台新冠肺炎死亡人數不斷攀增新北市長侯友宜今主持防疫會議宣佈新北市的長照機構、洗腎患者、75歲以上長者將優先納入第三類的疫苗接種名單儘速讓可能併發重症的對象施打疫苗並增加保護力。侯友宜說新北</t>
  </si>
  <si>
    <t>新北疫苗侯友宜死亡人數不斷攀增市長肺炎患者以上可能機構增加長者宣佈優先施打重症納入對象併發</t>
  </si>
  <si>
    <t>全台新冠肺炎死亡人數不斷攀增新北市長侯友宜今主持防疫會議宣佈新北市的長照機構、洗腎患者、75歲以上長者將優先納入第三類的疫苗接種名單儘速讓可能併發重症的對象施打疫苗並增加保護力。
侯友宜說新北市的長照機構太多了被照顧者有22萬人、照顧者有12萬人長照機構是最大的群聚感染源另外頻繁出入醫院的洗腎患者、75歲以上長者都是可能併發重症的確診病患新北市針對這三種弱勢的族群納入第三類施打名單。
新北市副市長劉和然補充新北市長照機構照顧者與被照顧者共34萬人再加上約5000名送餐等機構工作人員共有39萬人；75歲以上約有21萬人；洗腎人數仍在統計中。</t>
  </si>
  <si>
    <t>新北機構市長人數以上疫苗侯友宜名單施打併發重症可能納入患者長者照顧死亡不斷肺炎攀增</t>
  </si>
  <si>
    <t>長照機構洗腎新冠肺炎新冠疫苗台灣</t>
  </si>
  <si>
    <t>肺炎機構臺灣疫苗</t>
  </si>
  <si>
    <t>台中上班族口罩徵用政府影射</t>
  </si>
  <si>
    <t>台中一名30歲林姓女上班族上月收到朋友用LINE傳來的訊息指「因為有認識做口罩工廠的叔叔」、「政府規定不能出口但用低於生產成本的價格跟廠商強制收購並要求廠商自行吸收虧損再用高於市場的價格販售給民眾</t>
  </si>
  <si>
    <t>價格廠商收到朋友line傳來市場訊息高於認識上月口罩吸收工廠自行虧損叔叔政府規定不能生產成本低於出口上班族要求收購</t>
  </si>
  <si>
    <t>台中一名30歲林姓女上班族上月收到朋友用LINE傳來的訊息指「因為有認識做口罩工廠的叔叔」、「政府規定不能出口但用低於生產成本的價格跟廠商強制收購並要求廠商自行吸收虧損再用高於市場的價格販售給民眾」等林女看了之後將對話截圖轉貼在噗浪「偷偷說」留言板上。
林女貼文標題原本是「政府叫大家不要發國難財但自己大賺一筆？！」後來有網友提醒標題不當有造謠之嫌林女雖立即改為口罩八卦相關但中央流行疫情指揮中心認定該內容非屬實足以影響社會安寧向刑事局函文告發。
刑事局電偵大隊獲報後通知林女到案說明林女供稱只是將朋友傳來的訊息轉貼對自己的散佈行為表示抱歉並已將該文下架。
警方表示行政院已在上月底公告「一般醫用口罩及外科手術口罩」為刑法所定生活必需用品。散佈假訊息可處2年以下有期徒刑、拘役或科或併科20萬元以下罰金。</t>
  </si>
  <si>
    <t>口罩訊息林女價格政府上月散佈標題轉貼朋友傳來表示廠商以下安寧社會影響屬實足以內容認定</t>
  </si>
  <si>
    <t>口罩政府價格刑事局廠商</t>
  </si>
  <si>
    <t>政府價格口罩廠商</t>
  </si>
  <si>
    <t>呂秀蓮授權總統全權陳建仁蔓延肺炎帶領疫情</t>
  </si>
  <si>
    <t>新冠肺炎疫情蔓延台灣民眾一片恐慌前副總統呂秀蓮臉書直播節目表示蔡英文總統為何不會公開鄭重宣佈這場非典型戰爭授權有經驗的副總統陳建仁全權負責帶領全國相關醫療人員對抗這個疫情。此外呂秀蓮還</t>
  </si>
  <si>
    <t>總統疫情呂秀蓮蔓延臺灣人員民眾相關醫療全國恐慌帶領典型全權負責陳建仁經驗授權戰爭宣佈鄭重公開蔡英文不會節目表</t>
  </si>
  <si>
    <t>新冠肺炎疫情蔓延台灣民眾一片恐慌前副總統呂秀蓮臉書直播節目表示蔡英文總統為何不會公開鄭重宣佈這場非典型戰爭授權有經驗的副總統陳建仁全權負責帶領全國相關醫療人員對抗這個疫情。
此外呂秀蓮還說這次疫情雖然中共再次透過WHO欺負台灣但是台灣應該人道主張以台灣受世界肯定的公衛醫療去關心展現風範大家不要再惡言相向；不能存報復心態不能以落井下石的心態要有道德高度台灣人是良善力。
呂秀蓮在日前臉書直播節目指出當年SARS疫情時台灣有很多專業人才投入一位就是當初抗煞有功就是現任副總統陳建仁不但有學養且有實際貢獻。
呂說「我不禁感嘆蔡英文總統817萬票當選很了不起也很辛苦轉眼來了這個凶神惡煞為何不會公開鄭重宣佈這場非典型戰爭我授權副總統陳建仁全權負責帶領全國相關醫療人員對抗這個疫情」。
她指出中國大陸領導人習近平都把個權力交給李克強當然外面的人說這也是不懷好意因為這件事沒人可以處理得好這是要李克強承擔但台灣情形不一樣已經有了SARS的經驗全世界也肯定台灣公共醫療衛生的素質。
她說現任副總統過去四年追隨蔡總統無聲無息、任勞任怨現在發生這麼大的事情蔡總統剛打完一場仗也要就任並準備整個人事佈局、擬訂新政策這次疫情爆發如果當時就宣佈全權授權副總統陳建仁督導相信不必慌亂但是農曆年至今元宵節都過去了大家心中都還是毛毛的。
呂說這個疫情是否在台灣還會繼續引爆如果陳副總統全權負責會以自己的專業告大家不需要緊張、驚慌政府會知道怎麼因應若這樣做就會很漂亮的。
她還說台灣也可以過去處理經驗對中國釋放一點善意而不是跟全世界站在反中這樣反而會讓長期以來在WHO欺負台灣的中國覺得不好意思；她建議台灣應該人道主張以受世界肯定的公衛醫療去關心中國、展現風範大家不要再惡言相向。
她也呼籲宗教團體給在驚慌失措、生死邊緣的中國朋友一點安慰台灣國家比較小、人口較少但是吃過的苦非常多受盡磨難但都一一克服必須把台灣變成一個最良善的國家美國都稱台灣是一股良善的力量若讓這句話讓全中國的朋友都同意都接受北京領導人若有一天公開稱讚台灣是一股良善的力量而不是一天到晚要併吞的小島的話對兩岸人民才是真正安全。
呂秀蓮說不管你的祖先來台先後、你支持哪個政黨1月時你投票給誰與其講兩岸一家親應該「天下一家親」我將發起一個運動大家跟台灣做朋友「 Hello！Taiwan！」。
她表示這次中共再次透過WHO欺負台灣也看到很多國家凍未條不斷替台灣講話但台灣人不能存報復心態、以落井下石的心態要有道德高度台灣人是良善力分享同胞愛、同情心給中國大陸現在中國大陸也很多人正在開始渴望自由民主台灣實在可以伸出援手用不著在咬牙切齒咒罵。
她認為經過這次非典型戰爭希望給大家很多啟示包括習近平在經歷這場人神共憤的戰役可以學著蔡英文講中國需要「謙卑謙卑在謙卑」台灣願意跟大家握手言好畢竟跟中國是遠親也是近鄰希望習近平趕快下令軍艦、軍機這時還要靠近台灣、還要再威脅。</t>
  </si>
  <si>
    <t>臺灣總統中國疫情可以呂秀蓮蔡英文習近平朋友過去陳建仁國家經驗公開應該臺灣人醫療全權負責</t>
  </si>
  <si>
    <t>新冠肺炎武漢肺炎NCP台灣大陸</t>
  </si>
  <si>
    <t>肺炎武漢ncp臺灣大陸</t>
  </si>
  <si>
    <t>建議疫情旅遊即日起升為大利警告</t>
  </si>
  <si>
    <t>衛福部長今(27)日表示義大利近期COVID-19(新冠肺炎)病例數及死亡病例快速增加鑒於國人至當地感染的風險提高指揮中心宣佈即日起提升義大利旅遊疫情建議至「第三級警告(Warning)」提醒民眾非必要勿前往。此外</t>
  </si>
  <si>
    <t>大利病例提醒warning警告表示建議疫情國人當地近期感染旅遊風險covid-提高民眾指揮中心提升即日起宣佈死亡快速肺炎增加</t>
  </si>
  <si>
    <t>衛福部長今(27)日表示義大利近期COVID-19(新冠肺炎)病例數及死亡病例快速增加鑒於國人至當地感染的風險提高指揮中心宣佈即日起提升義大利旅遊疫情建議至「第三級警告(Warning)」提醒民眾非必要勿前往。
此外中央流行疫情指揮中心亦同時宣佈自台灣時間2月28日零時起自義大利入境需進行14天居家檢疫。
指揮中心指出義大利目前確定病例數已達400例12例死亡病例擴及9個大區且逾9成病例目前尚未釐清感染源評估已有社區傳播並已輸出病例至法國、北馬其頓、希臘、巴西、西班牙、瑞士、阿爾及利亞、克羅埃西亞、奧地利及德國共10國計18例。義大利已宣佈對發生不明感染源個案之城市或地區採取停班停課、暫停公眾活動、限制交通等防治措施。
因應國際新冠肺炎疫情發展指揮中心目前已將中國大陸(含港澳)、韓國、義大利列旅遊疫情建議列第三級警告；日本、新加坡、伊朗列第二級警示；泰國列第一級注意。</t>
  </si>
  <si>
    <t>大利病例指揮中心疫情感染目前宣佈死亡警告肺炎建議旅遊暫停公眾停課活動限制交通西班牙</t>
  </si>
  <si>
    <t>新冠肺炎武漢肺炎新型冠狀病毒台灣義大利</t>
  </si>
  <si>
    <t>肺炎冠狀武漢病毒臺灣大利</t>
  </si>
  <si>
    <t>馬英九爭議陳柏惟警方陸配納</t>
  </si>
  <si>
    <t>針對台灣基進黨立委陳柏惟及部分媒體指出馬英九政府時代放寬規定擴大「居留證明」之認定因此大幅增加健保支出。前總統馬英九辦公室今天表示相關說法完全悖離事實錯誤百出呼籲主管機關儘速說明避免誤導</t>
  </si>
  <si>
    <t>馬英九主管機關陳柏惟呼籲部分錯誤百出事實媒體指出完全說法政府相關時代擴大表示居留證放寬黨立委認定大幅今天規定增加</t>
  </si>
  <si>
    <t>開放陸配臺灣事實媒體相關居留指出表示人士取得戶籍說明馬英九影響</t>
  </si>
  <si>
    <t>新冠肺炎CONID-19武漢肺炎新型冠狀病毒馬英九</t>
  </si>
  <si>
    <t>武漢肺炎conid-冠狀病毒馬英九</t>
  </si>
  <si>
    <t>大家族傳播確診南彰</t>
  </si>
  <si>
    <t>彰化縣的新冠肺炎確診者8日新增2例來自南彰化的大家族傳播鏈該鏈橫跨4鄉鎮因阿嬤輩的姊妹感情好5月初常回溪湖鎮娘家聚會聚餐加上兒孫都會回來跟阿公阿嬤吃晚餐先前已有9人染疫新增擔任護理師的媳婦和</t>
  </si>
  <si>
    <t>新增確診肺炎先前晚餐阿公回來兒孫加上聚餐聚會娘家溪湖常回月初</t>
  </si>
  <si>
    <t>彰化縣的新冠肺炎確診者8日新增2例來自南彰化的大家族傳播鏈該鏈橫跨4鄉鎮因阿嬤輩的姊妹感情好5月初常回溪湖鎮娘家聚會聚餐加上兒孫都會回來跟阿公阿嬤吃晚餐先前已有9人染疫新增擔任護理師的媳婦和讀小學的孫子確診累計已11人確診。台中市新增1名確診者為立揚鞋業家族群聚案的親友。
感染源待進一步釐清
彰化縣衛生局長葉彥伯指出新增2例為40幾歲護理師及其10多歲兒子都在隔離中發病此為跨越4鄉鎮的2大家族群聚累計11人確診。新北市三重區6旬婦女返鄉7日採檢確診但歸屬新北市案例收治住院時已重症正透過直、間接方式瞭解其足跡及返鄉方式。
彰化已有3村裡長、1鄉民代表染疫其中西南角鄉鎮的60幾歲裡長夫妻染疫主因裡長娘的娘家姊妹感情好疫情爆發前常會回溪湖娘家聚餐又與疫情熱區湳底社區有地緣關係但感染源待進一步釐清。
裡長娘的姊妹分住不同鄉鎮子女、兒孫都會回阿嬤家吃晚飯裡長娘20幾歲長孫率先出現症狀後主動就醫採檢1日確診當天裡長夫妻、10幾歲孫子和1歲孫女皆採檢確診；裡長娘妹妹家亦有4人於3日確診。裡長娘的護理師媳婦與孫子8日確診後彰化縣染疫醫護再添1人、累計2人。她在隔離第6天發病、確診對工作職場醫院無傳播之虞。
彰化縣長王惠美則以水果商家族遭羞辱騷擾一事強調夫妻只是北上工作不知自己染疫更非故意傳染他人防疫路上沒有人是局外人喊話縣民鄉親要多點同理心呼籲保持理性尊重、彼此多關懷包容。
台中鞋業群聚染疫+1
台中市新增1例為沙鹿區23歲男性即立揚鞋業家族群聚中第1位發病患者的男友該傳播鏈已有12人確診。為防止端午連假疫情再反撲台中市長盧秀燕呼籲「端午勿返鄉守護我故鄉」。</t>
  </si>
  <si>
    <t>確診裡長鄉鎮新增台中疫情傳播返鄉娘家夫妻姊妹呼籲孫子發病護理鞋業</t>
  </si>
  <si>
    <t>彰化縣鄉鎮傳播幾歲裡長</t>
  </si>
  <si>
    <t>傳播鄉鎮裡長</t>
  </si>
  <si>
    <t>電信網英國四大工作崩潰微軟推動teams疫情故障</t>
  </si>
  <si>
    <t>新冠肺炎(COVID-19)疫情在歐洲升溫英國(UK)先前採取的「佛系防疫」方法引發各界議論。為了進一步防疫不少國家與公司都開始推動遠距上班(work from home WFH)政策而英國也不例外。然而忽然而至的遠距上班潮</t>
  </si>
  <si>
    <t>英國防疫上班疫情歐洲升溫uk先前採取國家公司例外covid-推動政策開始wfhworkhomefrom方法引發議論進一步</t>
  </si>
  <si>
    <t>新冠肺炎(COVID-19)疫情在歐洲升溫英國(UK)先前採取的「佛系防疫」方法引發各界議論。為了進一步防疫不少國家與公司都開始推動遠距上班(work from home WFH)政策而英國也不例外。然而忽然而至的遠距上班潮卻讓沒有準備好的英國電信商網路打回原形出現故障情況多家英國媒體報導這讓配合政策在家上班的英國上班族可說是叫苦連天。
因為新冠肺炎疫情在英國也持續蔓延英國首相鮑裡斯‧強生(Boris Johnson)在 16 日鼓勵英國民眾在家上班、減少外出機會。多家英國媒體報導17 日英國四大電信 O2、EE、vodafone 以及 3(Three)還有 Virgin、GiffGaff、Tesco Mobile 等廠商的網路服務都出現故障故障發生時間落在 17 日早上 9 點也就是不少(遠距)上班族上班時間的起點。可以顯見要推動遠距上班並不是政府機關一句話就能辦到相關產業也都必須做好準備。
Britain&amp;apos;s long-standing complacency over its Broadband &amp; Mobile network resilience has become very apparent with networks all over the country going down today as usage increasesLabour&amp;apos;s statements about need for proper Broadband in December look righthttps://tco/L5zdS4i5b5 pictwittercom/4r3w3iHq7y
Microsoft’s communications tool @MicrosoftTeams went down across Europe yesterday morning The outage started just as thousands of workers started to sign into the service and attempt to work remotely amid the ongoing coronavirus pandemichttps://tco/wJeenXJIhc pictwittercom/r053MvanEL
It&amp;apos;s heartening to hear from so many people using gaming as a way to stay connected during these times Play is a fundamental human need Proud to be part of an industry that can offer escape and fun right now Stay safe https://tco/1TOjzYLHeD
Nintendo’s Online Network Services Down For Switch PlayersNintendo’s online services are temporarily down for Switch players worldwide which has impacted their ability to browse the eShop and play online multiplayer gamesThe company’s Japanese Twit… https://tco/wDcSrjZmoa
而就在英國電信商網路故障的同時微軟旗下協作服務 Teams 也出現故障情況可說讓需要遠距工作的上班族遭遇雪上加霜。而同樣因為新冠肺炎疫情影響而催生的遊戲風潮近日也導致 Xbox Live 以及任天堂(Nintendo)線上遊戲服務都出現當機情況。前者是在近日兩度出現當機情況而任天堂線上網路受到影響則是影響到了部分 Switch、3DS、Wii U的玩家。</t>
  </si>
  <si>
    <t>英國tothe上班downco網路as故障and出現switch上班族https情況for電信online影響服務has</t>
  </si>
  <si>
    <t>英國遠距上班在家工作WFH新冠肺炎</t>
  </si>
  <si>
    <t>工作wfh在家上班英國肺炎</t>
  </si>
  <si>
    <t>圍剿有理羅智強運氣突破少康盲點</t>
  </si>
  <si>
    <t>針對新冠肺炎疫情資深媒體人趙少康10日在政論節目中表示蔡英文政府防疫是靠「運氣好」引發爭議。對此臺北市議員羅智強認為趙少康「運氣說」不等於否定民進黨的防疫成績邏輯上「運氣好」和「防疫好」是可</t>
  </si>
  <si>
    <t>運氣防疫少康媒體政論表示蔡英文節目民進臺北市成績政府議員疫情引發爭議對此否定羅智強認為等於</t>
  </si>
  <si>
    <t>針對新冠肺炎疫情資深媒體人趙少康10日在政論節目中表示蔡英文政府防疫是靠「運氣好」引發爭議。對此臺北市議員羅智強認為趙少康「運氣說」不等於否定民進黨的防疫成績邏輯上「運氣好」和「防疫好」是可同時存在。他也直言綠營有需要那麼玻璃心嗎？
羅智強在臉書指出他認為蔡英文政府努力防疫值得肯定但趙少康提出「運氣說」卻被綠營全面圍剿彷彿十惡不赦。羅提及支持防疫不等於只能說政府好話不可以監督政府。更何況趙少康「運氣說」並不等於否定民進黨的防疫成績因為邏輯上「運氣好」和「防疫好」是可以同時存在的。
羅智強提及趙少康「運氣說」是指兩岸關係低迷對岸禁止自由行並大減團客否則照過去成千上萬陸客在台趴趴走防疫豈不更困難？防疫啓動的第一時間就提前「送返」來台觀光的武漢陸客團。其二是台灣人一般不在大陸醫院看診也減少院內感染的機率。「這樣的論據綠營有需要那麼玻璃心嗎？」
羅智強諷刺表示還是因為蔡英文嬴太大所以台灣要重返國民黨威權時代的一言堂？他說現在的民主已容不下半分異音了嗎？羅文末表示他肯定蔡英文的防疫會被藍營罵；幫趙少康說話又會被綠營剿「被罵被剿就被罵被剿吧！」</t>
  </si>
  <si>
    <t>防疫少康運氣蔡英文政府羅智強表示提及肯定認為等於存在可以需要玻璃</t>
  </si>
  <si>
    <t>趙少康羅智強新冠肺炎武漢肺炎新型冠狀病毒</t>
  </si>
  <si>
    <t>肺炎武漢羅智強少康冠狀病毒</t>
  </si>
  <si>
    <t>ladygaga德塞出征目標力挺</t>
  </si>
  <si>
    <t>台灣防疫成績有目共睹而譚德塞日前誣指台灣對他種族歧視引起了軒然大波。沒想到美國歌手Lady Gaga竟公開表示譚德塞是超級巨星大力稱讚譚德塞讓台灣一片嘩然。有大陸資深媒體人藉機酸「Lady Gaga可能成</t>
  </si>
  <si>
    <t>德塞臺灣ladygaga媒體想到美國歌手軒然大波引起大陸種族歧視表示公開日前稱讚有目共睹巨星</t>
  </si>
  <si>
    <t>台灣防疫成績有目共睹而譚德塞日前誣指台灣對他種族歧視引起了軒然大波。沒想到美國歌手Lady Gaga竟公開表示譚德塞是超級巨星大力稱讚譚德塞讓台灣一片嘩然。有大陸資深媒體人藉機酸「Lady Gaga可能成為台灣網軍下一個撻伐對象」。
日前林書豪在推特寫下「使用冠狀病毒或COVID-19很難嗎？」引發不少網友不滿撻伐接著新加坡總理夫人何晶也因為在臉書對台灣捐口罩一事不以為然台灣網友到他的臉書上留言近日Lady Gaga更公開挺譚德塞而網友一查之下發現Lady Gaga的母親和WHO關係匪淺。
對此一名大陸資深媒體人在《台海網》上撰文指出「LadyGaga會成為台灣網軍下一個“討伐對象”嗎？」他表示台灣人無法領會全球同舟共濟對抗新冠肺炎的精神倒是把注意力放在女神卡卡大讚譚德塞上。
這位媒體人直言「台灣網軍沉溺於借助疫情實施政治化、汙名化的行為前有辱罵譚德塞、後有出征新加坡總理夫人的社交平臺再到攻擊德國官方多個社交帳號累累前科讓自己人都不禁害怕的擔心女神Lady Gaga可能會成為台灣網軍下一個撻伐的對象」。</t>
  </si>
  <si>
    <t>德塞ladygaga臺灣網友臺灣網媒體日前表示女神對象夫人社交總理新加坡大陸成為公開</t>
  </si>
  <si>
    <t>新冠肺炎武漢肺炎COVID-19台灣新型冠狀病毒</t>
  </si>
  <si>
    <t>肺炎武漢covid-冠狀臺灣病毒</t>
  </si>
  <si>
    <t>社區不明否認時中感染確診</t>
  </si>
  <si>
    <t>中央流行疫情指揮中心指揮官陳時中再次否認社區傳播但不否認社區內存在潛在新冠肺炎感染者自3月7日起台灣共增加7件本土案例其中有2例感染源不明尚再釐清當中。本週台灣新冠肺炎確診數增加了85例其中包含</t>
  </si>
  <si>
    <t>臺灣肺炎增加否認社區中心指揮官陳時中再次指揮存在感染不明尚再案例本土當中感染者疫情</t>
  </si>
  <si>
    <t>中央流行疫情指揮中心指揮官陳時中再次否認社區傳播但不否認社區內存在潛在新冠肺炎感染者自3月7日起台灣共增加7件本土案例其中有2例感染源不明尚再釐清當中。
本週台灣新冠肺炎確診數增加了85例其中包含6例本土案例民眾擔憂的社區傳播是否成為現在進行式中央流行疫情指揮中心指揮官陳時中表示大家可以對現狀做一個詮釋而指揮中心對於這週增加的案例也非常緊張。
陳時中解釋以今天的6例本土案例中有3位有確切的感染源1位的感染源可能是外國友人另外2位的感染源還在持續調查中從上週開始台灣大多是境外移入個案本土僅有7例是零星的社區感染未來也將會施行適當的管制將境外移入與社區防線做好。
此外陳時中不否認社區內存在尚未發現的感染案件但陳時中說在科學上能找到確切的感染源當然是最好的狀況但在潛伏期後沒有續發案件也可以當作社區內沒有大量傳播的指標。
陳時中以先前院內感染的指標性個案案34北部60多歲女性及案24、27為例表示案34從3月7日後就沒有再出現延伸個案而案24、27也沒有引發後續社區問題所以前一波算是守住了。</t>
  </si>
  <si>
    <t>感染社區沒有陳時中案例臺灣本土個案增加傳播中心指揮案件表示時中可以境外</t>
  </si>
  <si>
    <t>陳時中感染源否認社區社區傳播</t>
  </si>
  <si>
    <t>社區否認陳時中感染傳播</t>
  </si>
  <si>
    <t>這不查葉彥局長管局政風下令陳時中</t>
  </si>
  <si>
    <t>自美返台的10多歲少年遭彰化縣衛生局檢驗出新冠病毒陽性反應中央疫情指揮中心指揮官陳時中得知後下令政風處調查引發軒然大波對此前疾管局副局長施文儀則表示「啼笑皆非」。施文儀在臉書PO文「採檢條件非天</t>
  </si>
  <si>
    <t>施文po衛生局檢驗出新病毒局長陽性反應中央管局疫情指揮中心此前軒然大波指揮官陳時中引發得知</t>
  </si>
  <si>
    <t>自美返台的10多歲少年遭彰化縣衛生局檢驗出新冠病毒陽性反應中央疫情指揮中心指揮官陳時中得知後下令政風處調查引發軒然大波對此前疾管局副局長施文儀則表示「啼笑皆非」。
施文儀在臉書PO文「採檢條件非天條！」他舉出病情初始階段北部、南部某醫學中心都有確診案例但若依照當時的通報定義都無法採檢是因為醫師高度懷疑而這兩家醫院又都是PCR檢驗認可醫院因此自行做了採撿最終驗出陽性更因而發現院內感染。施文儀表示這就是通報採檢條件定義的精神條件定義是給大家遵守操作的但允許有例外絕對不該是「天條」。
施文儀指出衛生局長有所懷疑做了「有所為」的防疫作為這是在協助防疫「抓漏」而不是「逆時中」。他表示地方單位應該先報告後執行若事態緊急進行的同時也必須第一時間報備但指揮中心大動作要求政風調查讓人無法理解更懷疑防疫過程中中央地方究竟結下什麼「標子」。
施文儀嘲諷陳時中要求政風調查的行為絕非《傳染病防治法》所授權範圍但不知自己是否孤陋寡聞漏看了什麼莫須有的天條。他呼籲防疫期間中央地方必須多溝通中央也必須更勤勞向「在野」的學者、專家們請益防疫至今尚未成功秋冬仍須努力。
《採檢條件非天條！》
八月十七日彰化縣衛生局未依採檢條件規定採檢無症狀居家檢疫者意外找到確診者指揮中心下令政風調查。
疫情初始階段北部某醫學中心【案34】及更先前南部某醫學中心的病例若依照當時的通報定義都是無法採檢的但是由於醫</t>
  </si>
  <si>
    <t>防疫施文中心天條調查政風條件中央懷疑指揮地方必須無法檢驗通報定義醫學表示陳時中</t>
  </si>
  <si>
    <t>施文儀葉彥伯陳時中政風調查</t>
  </si>
  <si>
    <t>政風葉彥伯陳時中施文調查</t>
  </si>
  <si>
    <t>案例本土解方臺北臺灣</t>
  </si>
  <si>
    <t>新冠肺炎肆虐全球台灣確診病例近日也快速增加不過比對後發現台灣確診病例仍以境外移入為大多數本土案例相對較少《瑞士時報》甚至讚賞台灣是這波疫情中受影響最小的地方之一並向世界衛生組織WHO分析</t>
  </si>
  <si>
    <t>臺灣確診病例最小影響疫情地方全球讚賞甚至相對時報案例瑞士本土境外仍以近日快速比對增加發現</t>
  </si>
  <si>
    <t>新冠肺炎肆虐全球台灣確診病例近日也快速增加不過比對後發現台灣確診病例仍以境外移入為大多數本土案例相對較少《瑞士時報》甚至讚賞台灣是這波疫情中受影響最小的地方之一並向世界衛生組織WHO分析鄰近大陸的台灣為何能守住疫情解方在臺北。
《瑞士時報》報導台灣與大陸關係密切還有數十萬人在大陸工作但卻在這波疫情中影響最小關鍵在於台灣早在去年底就發出新冠肺炎病毒人傳人的警示甚至比WHO及北京政府還早了3周而且衛福部長陳時中每天坐鎮臺北召開記者會向全民報告最新疫情認為WHO當初若能聆聽台灣的意見或許可為全球爭取寶貴的防疫時間。
瑞士時報讚賞台灣聽進了武漢「吹哨人」醫師的聲音隨即對大陸採取管制措施並呼籲自2016年起就幾乎與台灣斷絕聯繫的WHO想遏止全球疫情擴散替國際尋求解方應關注的是臺北好好傾聽台灣的聲音。</t>
  </si>
  <si>
    <t>臺灣疫情who大陸全球臺北瑞士病例確診甚至讚賞解方時報最小聲音影響肺炎本土案例</t>
  </si>
  <si>
    <t>WHO志村健類包機連假268例</t>
  </si>
  <si>
    <t>包機who</t>
  </si>
  <si>
    <t>雙喜籌碼主旋律</t>
  </si>
  <si>
    <t>受到新冠肺炎疫情重創以及台股短線反彈1400點投資專家建議選股除了留意跌深股、高殖利率股外更重要是要兼具體財務基本面優才是投資的主旋律聯茂及泰碩等16檔個股去（108）年每股盈餘（EPS）創近年新</t>
  </si>
  <si>
    <t>投資疫情重創個股反彈泰碩專家建議利率重要主旋律留意具體才是</t>
  </si>
  <si>
    <t>受到新冠肺炎疫情重創以及台股短線反彈1400點投資專家建議選股除了留意跌深股、高殖利率股外更重要是要兼具體財務基本面優才是投資的主旋律聯茂及泰碩等16檔個股去（108）年每股盈餘（EPS）創近年新高且上周法人買超千張至24萬張以上最給力。
上市櫃公司將於本週二（3月31日）截止公佈去（108）年財報去年第四季因新台幣升值可能有匯損壓力然全年整體上市櫃公司司整體獲利應與前年差不多且發放的現金股息應也在11～12兆元水準。至27日止已公佈股息的1331家上市櫃公司已宣佈將配息近9400億元。
雖然全球央行都大撒錢將掉入懸崖的股市拉上一把但由於市場擔心新冠肺炎疫情擴大將進一步衝擊上半年經濟衰退加上英國首相強生傳出檢驗結果陽性美國確診人數也比中國大陸多引起歐美股市27日再度恐慌殺盤本周台股將再度面臨下修壓力在此情況下投資專家建議選股要回歸基本面。
據統計聯茂、泰碩、和鑫、新光金、穩懋、聯詠、光罩、聯嘉、世芯-KY、健策、聯強、智伸科、華擎、台新金、國泰金及淩華等16檔個股不但不畏去年中美貿戰賺贏107年更是寫下近年以來獲利新高。
銅箔基板廠聯茂去年EPS達813元不但大幅超越107年的586元創下連5年走高更是一口氣寫下近23年來新高；散熱器廠泰碩去年拜市場景氣熱絡之賜EPS從107年的18元跳增至338元；此外觸控光電股和鑫、新光金、PA龍頭穩懋、IC設計股聯詠及世芯-KY、光罩、車用LED模組廠聯嘉去年EPS都寫下近10～15年佳績。
不過投資專家也提醒對於第二季之後台股較大的考驗仍在於疫情的影響第一季上市櫃公司將回臨停工的衝擊獲利將大幅衰退上半年整體上市櫃公司獲利均不佳因而建議擇股宜搭配法人操作若法人逢低加碼多具有基本面或題材面加持。</t>
  </si>
  <si>
    <t>去年投資eps獲利上市公司基本疫情法人股市新高市場個股更是整體大幅壓力</t>
  </si>
  <si>
    <t>泰碩上市櫃世芯肺炎檔個股</t>
  </si>
  <si>
    <t>世芯肺炎上市個股泰碩</t>
  </si>
  <si>
    <t>人居確診pcr中正區出爐北市</t>
  </si>
  <si>
    <t>北市副市長黃珊珊29日公佈北市1例本土個案資訊案16315是中正區50多歲男性5月間在萬華足跡活動當時陰性27日因要出國採檢CT值28陽性後來CT值又為39判斷是殘陽就案已居家隔離14人其中親友3人、職場7</t>
  </si>
  <si>
    <t>ct北市殘陽隔離個案本土資訊判斷陰性當時出國活動足跡萬華中正區男性居家公佈</t>
  </si>
  <si>
    <t>北市副市長黃珊珊29日公佈北市1例本土個案資訊案16315是中正區50多歲男性5月間在萬華足跡活動當時陰性27日因要出國採檢CT值28陽性後來CT值又為39判斷是殘陽就案已居家隔離14人其中親友3人、職場7人、朋友4人大部分陰性只有1名職場同事陰性報告沒出來另外2名朋友由新北市評估。
臺北市長柯文哲說中央今公佈1例、境外10例北市0確診台灣內部疫情趨緩但全世界仍一塌糊塗每天40至60萬確診北市還是有零星進近6周分別為2、4、3、3、1、1例。
柯說昨天144人居隔北市7家醫院篩檢1592人陽性0防疫還是要邊境管制、打疫苗、落實防疫措施這互為聯動邊境要嚴格點國內隨著疫苗慢慢打、防疫規範也慢慢放鬆打愈快解禁速度愈快過去其他城市解封一下放太快會失控隨著時間慢慢放北市防疫體系已比5個月前好太多整個部隊打過仗比較強了。
北市副市長蔡炳坤表示北市疫苗接種第1劑有166萬多人覆蓋率有66％第2劑有36萬5000多人覆蓋率143％共已打203萬劑量目前70歲以上長者莫德納第2劑正在預約至今日下午5時。
蔡炳坤說昨天預約破紀錄一上網15分鐘就2萬4000人預約成功前30分鐘有4萬3000人預約成功現在已有7萬9000人還沒預約的趕快把握時間到北市預約系統後天就開始打10月1至7日開打按照時間地點不用提早去打。
蔡炳坤說沒預約的10月7、8日接受電話登記安排10月13至15進行施打；50至64歲第1劑AZ者現在中央確定從10月3至4日1922接受預約10月6至12日開始接種。</t>
  </si>
  <si>
    <t>北市預約防疫疫苗時間陰性中央昨天慢慢確診現在邊境朋友</t>
  </si>
  <si>
    <t>北市中正區萬華確診新冠肺炎</t>
  </si>
  <si>
    <t>萬華確診中正區肺炎北市</t>
  </si>
  <si>
    <t>買賣鄭運鵬反對</t>
  </si>
  <si>
    <t>隨著新冠肺炎疫情趨緩行政院今(2日)正式公佈振興三倍券詳細方案由蘇貞昌親自說明相關措施也禁止民眾轉售振興券。對此民進黨團幹事長鄭運鵬則是在臉書上表示「行政院可能礙於道德帽子禁止三倍券的買賣</t>
  </si>
  <si>
    <t>行政院振興禁止肺炎疫情表示書上道德可能鄭運鵬說明相關礙於措施正式親自幹事長民進黨團公佈蘇貞昌</t>
  </si>
  <si>
    <t>隨著新冠肺炎疫情趨緩行政院今(2日)正式公佈振興三倍券詳細方案由蘇貞昌親自說明相關措施也禁止民眾轉售振興券。對此民進黨團幹事長鄭運鵬則是在臉書上表示「行政院可能礙於道德帽子禁止三倍券的買賣這個部分我反對！」
政院今正式宣佈振興券詳細方案並定名為「振興三倍券」每人支付新台幣1000元換3000元振興券使用時間至今年底。細項曝光後鄭運鵬則是在臉書寫下看法他說意見不多即使之前有很多聲音在嫌但他認為基本上就是「為什麼不免費發放」這就是經濟政策的取捨也重申一次其實那1000元和那2000元都是納稅人的錢還在嫌棄的朋友如果真的有心消費振興內需「自己拿一點錢出來幫忙滾動 」他相信打三折的優惠一定有吸引力！
另外禁止三倍券的買賣部分鄭運鵬則是反對他認為應該鼓勵三倍券交易「創造更多的轉桌率」這才是王道原因則為以下3點：
第一：買方就是願意消費才去收集即使折扣變少他也認為划算結果是這個人(一定會去消費)！
第二：對於賣方來說他本來可能沒辦法消費而沒有滾動效應現在他換到現金頂多延遲採購總有一天會花掉這也是內需消費的一個行為。
第三：這種模式只要想成小吃攤老闆收到客人的三倍券他不去向政府換錢反而拿來自己買東西不是很好嗎？
另外政院也提到實體券等同現金但不可以用於儲值、繳學費、水電費和各種規費也不能拿來囤積民生物資其他消費項目、地點沒有限制但原則上不找零。</t>
  </si>
  <si>
    <t>消費振興認為禁止鄭運鵬現金行政院就是沒有一定可能內需反對</t>
  </si>
  <si>
    <t>三倍券振興券消費鄭運鵬買賣</t>
  </si>
  <si>
    <t>振興消費買賣鄭運鵬</t>
  </si>
  <si>
    <t>爭議謝長廷防疫說法中心隔離決定是否</t>
  </si>
  <si>
    <t>日本政府日前同意我國可派專機將鑽石公主號的台灣人接回國目前還在溝通相關細節。對於接回台灣的乘客需不需要再隔離？ 駐日代表謝長廷今（16）天表示這屬於防疫專業如果防疫中心決定需要隔離那就是決策「</t>
  </si>
  <si>
    <t>隔離接回防疫需要專機鑽石公主謝長廷代表臺灣人我國目前相關需不需要細節對於乘客臺灣決定中心專業</t>
  </si>
  <si>
    <t>日本政府日前同意我國可派專機將鑽石公主號的台灣人接回國目前還在溝通相關細節。對於接回台灣的乘客需不需要再隔離？ 駐日代表謝長廷今（16）天表示這屬於防疫專業如果防疫中心決定需要隔離那就是決策「只要事先講清楚就好」。
鑽石公主號感染新冠病毒肺炎人數持續增加謝長廷昨天透過臉書發文指稱依檢疫相關規定如果是在19日之前離開乘客回到自己國內仍須隔離如果過了19日且檢查結果為陰性「那麼他們在日本就可以自由行動搭公共運輸工具了回自己國家也沒有再隔離的道理。」引發爭議。
謝長廷今天在臉書表示針對昨晚的臉書網友回應很多可見大家對這個事情都很關注。我們駐日代表處的功能就是執行國內決策全力和日本溝通並站在第一線保護國人的權益反應船上國人的需求給予慰問以及精神支持。
他說接回台灣的乘客需不需要再隔離？如果防疫中心決定需要隔離那就是決策只要事先講清楚就好。再來就是執行。從現在開始到包機回到台灣有很多作業必須進行也有很多風險和困難代表處會配合日方及防疫指揮中心妥善的完成也會照顧好國人的隱私。</t>
  </si>
  <si>
    <t>隔離謝長廷接回臺灣防疫乘客鑽石公主相關日本中心回到代表處溝通國內國人執行決策表示</t>
  </si>
  <si>
    <t>新冠肺炎日本台灣武漢肺炎新型冠狀病毒</t>
  </si>
  <si>
    <t>肺炎臺灣日本武漢冠狀病毒</t>
  </si>
  <si>
    <t>急於陸愈緊張專家部署危險潛艇基地南海</t>
  </si>
  <si>
    <t>隨著11月總統大選逼近美國總統川普大打中國牌與北京關係緊張持續升高。繼貿易戰、南海摩擦新冠肺炎起源與香港國安法爭議後雙方又互關總領事館。據BBC新聞網報導期間美國國務卿蓬佩奧（Mike Pompeo）發表對</t>
  </si>
  <si>
    <t>美國蓬佩國務卿總統川普期間報導新聞網中國總領事館bbc北京關係緊張持續升高雙方貿易戰爭議南海國安法摩擦香港</t>
  </si>
  <si>
    <t>隨著11月總統大選逼近美國總統川普大打中國牌與北京關係緊張持續升高。繼貿易戰、南海摩擦新冠肺炎起源與香港國安法爭議後雙方又互關總領事館。
據BBC新聞網報導期間美國國務卿蓬佩奧（Mike Pompeo）發表對北京強硬政策演說力促全球自由國家以「不信任並要驗證」（distrust and verify）的原則面對中共以迫使中國大陸改變。而這在中國大陸觀察專家間拋下震撼彈有人形容這是「新鐵幕演說」和「新冷戰宣言」等於宣告過去數十年美國對陸接觸政策「正式失敗」。
中國大陸獨立政治學者吳強說「中美之間的對抗不像冷戰時期有普世價值的競爭。『新冷戰』的對抗是一個古老中華帝國和一個現代強國之間的對抗一個低端全球化和一個沒有領導的新自由主義全球化之間的對抗以及兩種治理模式之間的對抗。」
他認為北京在東海台海及南海和其他國家發生矛盾的根本問題在於中方擁抱傳統帝國主義的心態不承認現有國際規則。「這也是中美關係緊張的癥結」。此外他指出南海不排除可能爆發小規模武裝衝突但危機不會擴大。他說中方在南海的主要戰略利益是為海南島的核潛艇進出提供掩護而不是表面上所說的主權。「中國仍然存在與其他各國共同開發南海的集體意識。」
吳強認為奪下臺灣後才能解決海南島需要大量海空掩護核潛艇的問題繼而展開美中在西太平洋的對抗。「對北京來說只有奪下臺灣把台灣作為核潛艇基地才能在未來真正有能力與美國對抗。所以中美關係越緊張中國愈急於奪下臺灣。」
他強調「真正的危險在台灣」由於中方以民族復興為目標打算在國家主席習近平第3個任期內完成兩岸統一。他指出這也是北京不惜一切代價在香港否定一國兩制推出《國安法》的重要原因。
另一方面紐約城市大學（The City University of New York）政治學教授夏明則認為可能發生武裝衝突的熱點將取決於哪一方率先挑起。他說要是美國先挑起可能會選擇南海。而其中原因在於美國海、空軍的優勢使衝突最容易控制也最容易觸及中國的痛處同時在道義上來說可能引起的平民傷亡也最少。
不過如果由中方先挑起則最可能選擇台海其次是中印邊境。夏明說他認為台灣對於北京的「一個中國」政策來說最具合理性也擁有多年累積的軍事裝備和勢力滲透。而在中印邊境中方陸軍則可以發揮優勢 而且對北京來說這一方面有助強化國際安全戰略尤其是對西藏的控制另一方面則與「一帶一路」經濟戰略相吻合。
「熱戰的前景在增加而且熱戰不會只是中美兩國的戰爭」夏明強調「一定是世界大戰而這是非常危險的。」</t>
  </si>
  <si>
    <t>中國北京美國南海對抗中方可能臺灣認為國家政策之間戰略核潛艇衝突冷戰大陸國安法原因香港問題</t>
  </si>
  <si>
    <t>美國台灣中國大陸川普南海</t>
  </si>
  <si>
    <t>川普大陸中國臺灣南海美國</t>
  </si>
  <si>
    <t>碧華人潮口罩布料商機</t>
  </si>
  <si>
    <t>因應疫情布口罩成為防疫夯品新北市三重碧華布街湧現人潮挑選抗菌棉布、內襯二重砂製作口罩也有許多店家自製口罩套販賣。商家保守估計生意好一、兩成；三重布業促進會總幹事洪國林表示年後生意變好希望推</t>
  </si>
  <si>
    <t>因應 疫情 布 口罩 成為 防疫 夯 品 新北 市 三 重 碧華 布 街 湧現 人潮 挑選 抗 菌 棉布 內 襯 二 重 砂 製作 口罩 也 有 許多 店家 自製 口罩 套 販賣 商家 保守 估計 生意 好 一兩 成 三 重 布 業 促進會 總 幹事 洪 國林 表示 年 後 生意 變 好 希望 推</t>
  </si>
  <si>
    <t>口罩生意成為國林表示販賣製作商家防疫棉布挑選人潮保守幹事促進會湧現新北</t>
  </si>
  <si>
    <t>因應疫情布口罩成為防疫夯品新北市三重碧華布街湧現人潮挑選抗菌棉布、內襯二重砂製作口罩也有許多店家自製口罩套販賣。商家保守估計生意好一、兩成；三重布業促進會總幹事洪國林表示年後生意變好希望推出主題式活動振興碧華布街生意。
三重碧華布街超過50年歷史過去是大臺北地區重要的布料集散地近年來隨著產業轉型紡織業多數外移碧華布街榮景不再近來新冠肺炎疫情不止卻意外活絡布街許多家長、學校到布街挑布回去DIY店家高掛「口罩材料」招牌重現榮景。
家長表示兒童口罩不易購得口罩套可延長口罩使用期限開學數日來小朋友常弄丟口罩小朋友對自己挑選、製作的口罩套比較珍惜因此特別帶他們到布街選布製作布口罩。
民眾表示布街布料選擇多但缺乏規畫這邊買完布料卻買不到棉繩希望可以主題規畫。任職三重布業促進會總幹事、三重仁華裡長洪國林表示今年年後因疫情商家生意開始變好希望有機會舉行「碧華布街」活動振興社區目前還在和商家協商希望政府能幫忙支持。
拼布教室指出很多人指名要學「口罩套」業績成長約一成除教學外也提供材料包給學校使用蘆荻社區大學也表示社區大學因應疫情延後至4月13日開學但最近也在籌備口罩套、肥皂等DIY免費課程希望學習不間斷。</t>
  </si>
  <si>
    <t>口罩希望表示疫情碧華布料商家生意製作布街材料家長開學使用挑選diy榮景學校主題店家</t>
  </si>
  <si>
    <t>口罩三重台灣武漢肺炎新型冠狀病毒</t>
  </si>
  <si>
    <t>肺炎武漢臺灣冠狀口罩病毒</t>
  </si>
  <si>
    <t>速度美國現在獎得主</t>
  </si>
  <si>
    <t>諾貝爾經濟學獎得主、著名《紐約時報》專欄作家保羅克魯格曼(Paul Krugman)撰文指出幾乎可以肯定美國疫情會愈來愈糟這比義大利疫情大流行階段還糟糕確診病例3天翻一番。而按照這速度一個月後確診病例將增</t>
  </si>
  <si>
    <t>疫情確診病例專欄作家保羅克魯格曼糟糕paulkrugman撰文階段指出流行幾乎大利可以肯定紐約時報美國愈來愈著名速度得主</t>
  </si>
  <si>
    <t>美國否認死亡現在克魯格曼同樣國家速度疫情川普指出發達國家說法科學一直獨有最高政治分析</t>
  </si>
  <si>
    <t>齊登獲利去年歷史多頭導體</t>
  </si>
  <si>
    <t>封測廠頎邦(6147)2020年第四季稅後淨利「雙升」至1016億元、改寫歷史第三高每股盈餘（EPS）156元。累計全年稅後淨利3661億元、年減1048％每股盈餘561元仍雙創歷史第三高。公司尚未公佈股利政策將於6月1</t>
  </si>
  <si>
    <t>三高淨利歷史尚未公司公佈雙創eps全年累計改寫四季股利政策廠頎</t>
  </si>
  <si>
    <t>封測廠頎邦(6147)2020年第四季稅後淨利「雙升」至1016億元、改寫歷史第三高每股盈餘（EPS）156元。累計全年稅後淨利3661億元、年減1048％每股盈餘561元仍雙創歷史第三高。公司尚未公佈股利政策將於6月16日召開股東常會。
頎邦股價1月底觸及77元的7年半高點隨後回測70元止跌回升今（3）日開高後在買盤敲進下放量穩揚最高上漲445％至774元截至10點40分維持逾3％漲幅位居封測族群漲勢前段班。三大法人上周持續偏多操作合計買超1633張。
頎邦去年第四季合併營收創616億元新高季增67％、年增達172％。但毛利率、營益率2924％、營益率2301％低於第三季及去年同期。不過稅後淨利1016億元季增011％、年增達116％仍創歷史第三高每股盈餘156元。
累計頎邦去年合併營收創22275億元新高、年增909％。但毛利率2819％、營益率217％低於前年332％、2649％。加上業外虧損跳增稅後淨利3661億元、年減1048％每股盈餘561元、低於前年628元仍雙創歷史第三高。
頎邦受新冠肺炎及貿易戰影響市場需求影響去年上半年營運動能較弱。不過隨著面板驅動IC（DDI）需求自下半年起急增5G應用帶動射頻（RF）元件等非驅動IC業務同步回升使營運於第二季落底下半年營運逐季成長。
投顧法人認為頎邦去年第四季毛利率低於預期主因受材料成本上漲及匯率強升幹擾使第四季及全年獲利表現低於預期。不過由於第四季測試價格已調漲5～10％今年首季再調漲測試、薄膜覆晶（COF）、玻璃覆晶（COG）封裝價格5～10％營運朝正向發展。
頎邦董事長吳非艱先前指出驅動IC及非驅動IC業務稼動率目前均逼近滿載需求持續強勁至上半年頎邦對此同步積極擴產因應對上半年營運維持樂觀看待預期首季營運可望顯著優於去年同期資本支出占比估約30～40億元。
頎邦2021年1月自結合併營收2125億元月減011％、年增達1765％創同期新高、歷史次高表現略優於預期。由於短期面板驅動IC供應鏈供需吃緊加上上游材料價格壓力得以轉嫁法人看好頎邦首季營運有望持平於去年第四季表現淡季不淡。
吳非艱表示未來驅動IC封測仍是頎邦主要業務隨著報價調整回合理狀態認為對產業將帶來正向健康影響。而非驅動IC業務今年估貢獻營收約近30％未來將持續提升、目標2022年提升至35％進一步優化產品組合。
歐系外資認為頎邦受惠面板解析度升級、觸控面板感應晶片（TDDI）及OLED面板驅動IC需求激增、平均價格（ASP）改善及非驅動IC業務新契機將成為驅動營運成長主動能看好今年營收成長10～15％、毛利率同步改善給予「優於大盤」評等、目標價78元。</t>
  </si>
  <si>
    <t>驅動ic營運四季業務面板去年預期低於歷史優於法人持續同步認為需求上半年首季毛利率表現三高</t>
  </si>
  <si>
    <t>頎邦營收獲利EPS成長</t>
  </si>
  <si>
    <t>獲利eps成長</t>
  </si>
  <si>
    <t>大公衛教授證實族群檢測萬人陽性反應</t>
  </si>
  <si>
    <t>彰化縣衛生局與台大公衛學院合作進行「萬人血清抗體檢測」目前已經檢驗3000人有4個族群都驗出了部分陽性反應台大公衛教授陳秀熙對此表示「恐有潛在感染」。這次彰化萬人檢測對象以4個族群為主包括了「醫療照</t>
  </si>
  <si>
    <t>族群大公檢測對象萬人衛教授表示合作陽性反應衛學院部分血清抗體進行感染已經檢驗為主</t>
  </si>
  <si>
    <t>彰化縣衛生局與台大公衛學院合作進行「萬人血清抗體檢測」目前已經檢驗3000人有4個族群都驗出了部分陽性反應台大公衛教授陳秀熙對此表示「恐有潛在感染」。
這次彰化萬人檢測對象以4個族群為主包括了「醫療照護防疫人員」、「確診個案」、「居家檢疫者」、「接觸者」陳秀熙今天(8日)晚間受訪時指出目前檢驗的3000人中以上4個族群都有驗出部分陽性反應代表當地恐有潛在感染。
陳秀熙補充說明這次檢驗不是只有快篩相關檢驗持續進行中實驗室結果尚未出爐4個族群的陽性比例還要進一步確認。他強調實驗室將會進一步做出NT抗體等中和抗體確認這類抗體與康復後的抗體不同意味著免疫細胞受刺激後產生代表該檢驗者有免疫力詳情將在本月25日公開。</t>
  </si>
  <si>
    <t>族群檢驗抗體進行大公實驗室代表檢測確認進一步目前感染部分陽性反應人員</t>
  </si>
  <si>
    <t>新冠肺炎陳秀熙台大公衛學院彰化萬人檢驗</t>
  </si>
  <si>
    <t>大公衛學院陳秀熙肺炎萬人檢驗</t>
  </si>
  <si>
    <t>鄭文燦廠采晚上才獲員工通知garmin確診</t>
  </si>
  <si>
    <t>Garmin林口廠1員工確診桃園市長鄭文燦9日疫情說明先批臺北市發現1婦人確診後並未匡列丈夫其丈夫到新竹縣工作確診才緊急匡列職場同事。丈夫又傳給3同事1同事傳染給在Garmin林口廠上班、住新北的女兒。鄭文燦</t>
  </si>
  <si>
    <t>確診丈夫鄭文燦同事garmin上班婦人說明發現疫情臺北市匡列職工作緊急市長桃園傳染給匡列並未新竹員工</t>
  </si>
  <si>
    <t>Garmin林口廠1員工確診桃園市長鄭文燦9日疫情說明先批臺北市發現1婦人確診後並未匡列丈夫其丈夫到新竹縣工作確診才緊急匡列職場同事。丈夫又傳給3同事1同事傳染給在Garmin林口廠上班、住新北的女兒。鄭文燦也說桃園市衛生局7月7日中午就入廠採檢但晚上才接獲新北市衛生局通知確診呼籲要充分分享疫調資訊。
鄭文燦表示Garmin員工確診的源頭是北市案例確診但是他丈夫未被匡列他繼續到新竹縣上班在新竹確診當時匡列9人居家隔離。因竹縣和桃園對疫調交換資訊該丈夫的1同事在居家隔離期間有症狀就醫採檢確診。衛生局也緊急匡列他住桃園的同事、家人因部分家人住新北也將居家隔離個案轉交給新北市後來同事住新北的女兒也就是在Garmin上班的員工確診。
鄭文燦也說該員工住在新北屬於新北案例7月7日桃園市衛生局緊急中午入廠採檢532人目前PCR都是陰性但桃園市衛生局一直到7月7日晚間才接獲新北市衛生局通知個案。鄭文燦也說任何個案都會有跨縣市足跡一定要充分分享疫調資訊。
據瞭解7月7日早上桃園市衛生局聽聞龜山有工業區員工確診隨即詢問並發現是Garmin林口廠有員工確診趕緊入廠採檢。
鄭文燦表示Garmin員工確診的來源是臺北市到新竹縣再回來到新北跟桃園是跨縣市移動案子不過桃園仍把疫調做好將來也會用這態度處理疫調再把資訊給其他縣市。</t>
  </si>
  <si>
    <t>確診桃園員工鄭文燦同事新北丈夫衛生局garmin匡列隔離居家緊急上班個案新竹</t>
  </si>
  <si>
    <t>Garmin新冠肺炎鄭文燦新北台灣</t>
  </si>
  <si>
    <t>鄭文燦肺炎新北garmin臺灣</t>
  </si>
  <si>
    <t>武漢如今羡慕陸媒全球湧動封城人潮狂歡</t>
  </si>
  <si>
    <t>新冠疫情全球大流行對各地跨年活動造成了毀滅性的影響全球各大城市都大幅緊縮或停辦跨年活動疫情仍嚴重的國家更是慘不忍賭。疫情最早爆發並因封城而震驚全球的武漢市卻有大批民眾湧上街頭慶祝新年引發西方媒</t>
  </si>
  <si>
    <t>全球疫情活動慶祝街頭湧上民眾新年武漢市震驚封城爆發不忍國家嚴重城市流行停辦</t>
  </si>
  <si>
    <t>新冠疫情全球大流行對各地跨年活動造成了毀滅性的影響全球各大城市都大幅緊縮或停辦跨年活動疫情仍嚴重的國家更是慘不忍賭。疫情最早爆發並因封城而震驚全球的武漢市卻有大批民眾湧上街頭慶祝新年引發西方媒體廣泛關注陸媒則驕傲地宣示：「如今全球封城、武漢狂歡。」
《多維新聞》報導說在2021年新年鐘聲敲響時武漢有大批民眾紛紛走上街頭慶祝新年進行徹夜狂歡。與西方國家因疫情被迫縮小慶祝規模或停辦活動的狀況相比西方媒體紛紛對武漢表達羡慕之情。
美國《有線電視新聞網》（CNN）引用《路透》的標題《在曾遭疫情重創的中國武漢人們湧上街頭慶祝新年》報導稱2020年12月31日午夜大批人群湧上中國中部城市武漢的街道慶祝新年到來。而在剛過去的2020年致命的新冠肺炎疫情在當地導致數千人死亡武漢也在1月底至4月初之間封鎖城市。
報導說雖然武漢慶祝新年的活動現場有大量警力對人群進行了嚴格控制。安全人員要求少數未戴口罩的人戴上口罩。做為疫情爆發地武漢已有好幾個月沒有當地確診病例最近也已有特定人群開始接種疫苗。不過由於包括北京在內的多個城市出現病例小幅上升也提醒武漢人疫情尚未完全結束。
美國《國會山莊報》發表題為《照片顯示曾是疫情中心的武漢人山人海地慶祝新年》的報導武漢曾經是新冠病毒大流行的中心但在2020最後一晚的跨年活動中到處都看到擁擠的人群這與世界上其他地方小規模的慶祝活動形成鮮明對比。
報導稱而一年前武漢還是爆發新冠疫情的中心現在雖無疫情聚集的人群仍然戴著口罩。這種狀況與仍深疫情之苦的紐約形成鮮明對比著名跨年勝地時代廣場非常安靜所有的人都戴著口罩還保持著一定的社交距離。
英國《地鐵報》（Metro）則稱新冠肺炎疫情爆發已一周年武漢街頭人潮湧動。而自2020年5月以來武漢沒有報告過一例本地傳播的新冠肺炎病例。《太陽報》（The Sun）以《武漢笑了？在世界其他地區都在遭受新冠肺炎疫情封鎖之際武漢市民湧上街頭慶祝新年》為題報導稱新冠肺炎疫情最初爆發的城市武漢街道上人滿為患人們瘋狂地慶祝新年世界其他地區卻將人們封鎖在家裡。
英國《每日郵報》則在報導中詢問讀者：「你希望現在在武漢嗎？他們的新年比你過得好。」</t>
  </si>
  <si>
    <t>武漢疫情新年慶祝活動人群報導城市全球爆發街頭口罩肺炎病例封鎖湧上西方中心世界</t>
  </si>
  <si>
    <t>武漢慶祝新年疫情羡慕</t>
  </si>
  <si>
    <t>新年羡慕慶祝武漢疫情</t>
  </si>
  <si>
    <t>《基金》新興亞股連3周失血今年來遭外資賣2521億美元</t>
  </si>
  <si>
    <t>今年失血外資基金</t>
  </si>
  <si>
    <t>新冠肺炎疫情蔓延全球引發全球股市大地震。美國聯準會今晨再度無預警降息4碼造成美股道瓊期貨跌逾千點。台股今(16)日摜破萬點關卡收盤收在971777點失守萬點。根據統計外資資金流向至3月13日新興亞股連續</t>
  </si>
  <si>
    <t>蔓延全球引發全球股市資金地震美國外資准會萬點統計今晨疫情失守再度收在預警降息收盤造成關卡期貨</t>
  </si>
  <si>
    <t>新冠肺炎疫情蔓延全球引發全球股市大地震。美國聯準會今晨再度無預警降息4碼造成美股道瓊期貨跌逾千點。台股今(16)日摜破萬點關卡收盤收在971777點失守萬點。根據統計外資資金流向至3月13日新興亞股連續三周全數失血最近一周台灣與南韓仍為外資提款機分別流出525億美元與423億美元。今年以來新興亞股遭外資賣出金額累計2521億美元。
中國信託台灣活力基金經理人周俊宏表示新冠肺炎感染案例持續增加加深市場恐慌情緒。美股上周出現恐慌式爆跌觸發熔斷美國總統川普13日宣佈進入緊急狀態並表示將釋出500億美元緊急資金對抗疫情後一度曾激勵道瓊指數大漲1985點打破史上最大漲幅。然疫情再尚未獲得控制前對於經濟的影響仍不可小覷預期台股區間震盪仍大建議以個股操作為主。
周俊宏表示隨著美國聯準會於台灣時間週一(16日)清晨緊急宣佈降息四碼顯見疫情對經濟的影響程度已經超乎想像。在操作上建議挑選有長線需求的科技類股例如5G相關題材、伺服器相關等。此外因居家隔離、異地備援等措施將可能延伸出對PC、視訊會議與軟體的需求可多留意。他也提醒受到疫情影響消費相關的科技商品可能相對受到影響例如5G手機短線需求下修的風險較高。
周俊宏表示在非科技類股上影響較低的基礎建設類股以及可提升免疫能力的保健食品相關類股亦值得投資人關注。長線上要持續關注疫情發展若後續情況未獲改善不排除以相對保守的策略因應。</t>
  </si>
  <si>
    <t>疫情影響表示相關臺灣外資美國需求周俊宏持續相對可能資金降息科技類經濟受到緊急建議宣佈</t>
  </si>
  <si>
    <t>全球新興亞股周俊宏疫情遭外資</t>
  </si>
  <si>
    <t>疫情周俊外資全球</t>
  </si>
  <si>
    <t>詹皇改口閉門nba出賽</t>
  </si>
  <si>
    <t>新冠肺炎疫情持續在美國擴散幾乎所有運動賽會都受到影響NBA首當其衝聯盟預計週五召開球團視訊會議最有可能施行的就是「閉門比賽」。湖人當家球星詹姆斯原本揚言不會在空無一人的場館上出賽但隨即改口表示</t>
  </si>
  <si>
    <t>持續美國場館擴散空無一人幾乎運動揚言賽會原本受到詹姆斯影響球星nba當家出賽疫情首當其衝聯盟比賽預計週五閉門</t>
  </si>
  <si>
    <t>新冠肺炎疫情持續在美國擴散幾乎所有運動賽會都受到影響NBA首當其衝聯盟預計週五召開球團視訊會議最有可能施行的就是「閉門比賽」。湖人當家球星詹姆斯原本揚言不會在空無一人的場館上出賽但隨即改口表示願意配合上場但仍會很失望。
北美四大職業賽會先後針對新冠肺炎疫情宣佈防疫措施目前正在賽季期間的NBA面臨著嚴峻考驗畢竟每場比賽球迷動輒上萬人發生群聚感染的可能性極高因此NBA正在考慮閉門比賽美國專家預估高達95％機率會在本周某些場次正式執行。
球員時期以剽悍球風聞名的「惡漢」巴克利退役後轉任球評不改犀利風格砲轟NBA可能閉門比賽是愚蠢的作法認為球員就是為了球迷而比賽難道關門比賽球迷就不會到處趴趴走嗎？這是本末倒置的防疫方法！
詹姆斯本來宣告如果閉門比賽的話他將選擇缺席不上陣但他再次受訪時話鋒一轉「我是為了家人、球迷而打球然而這個病毒（新冠肺炎）看起來很難防範我們必須遵守專家們建議以及聯盟作法我也願意配合只不過面對沒有觀眾的情況下比賽確實會很失望。」
獨行俠教頭卡萊爾表示相信聯盟會在深思熟慮後做出正確抉擇各隊都得嚴格執行唯有如此才能做好防疫保護好所有人的健康與安全。</t>
  </si>
  <si>
    <t>比賽nba閉門球迷聯盟防疫肺炎球員表示賽會專家詹姆斯美國作法願意配合就是可能失望</t>
  </si>
  <si>
    <t>聯盟閉門比賽NBA球迷球員</t>
  </si>
  <si>
    <t>nba球迷比賽閉門聯盟球員</t>
  </si>
  <si>
    <t>劉樂肺炎監獄醫護人員大陸營救</t>
  </si>
  <si>
    <t>新冠肺炎疫情持續攀升大陸多間監獄陸續爆出病例大陸山東任城監獄更傳出207人感染對此近年將演藝重心移至大陸的藝人劉樂妍表示對監獄陸續爆出病例感到訝異更表示不捨讓醫護人員前往營救立刻引起網友議論</t>
  </si>
  <si>
    <t>大陸監獄表示陸續爆出病例營救前往持續醫護人員舍讓立刻攀升近年演藝重心疫情感染傳出藝人訝異劉樂感到</t>
  </si>
  <si>
    <t>新冠肺炎疫情持續攀升大陸多間監獄陸續爆出病例大陸山東任城監獄更傳出207人感染對此近年將演藝重心移至大陸的藝人劉樂妍表示對監獄陸續爆出病例感到訝異更表示不捨讓醫護人員前往營救立刻引起網友議論。
大陸山東任城監獄爆出百人罹患新冠肺炎對此劉樂妍表示擔心所有人員狀況但也好奇監獄與外界隔離究竟如何爆發出疫情?不過得知一線醫護人員要進監獄診斷病患讓她直呼：「要我怎麼捨得讓身心健康行為頭腦正常的醫護人員去救這些人呢」得知言論可能引起反彈立刻緩頰：「我知道他們很無辜但問題是現在怎麼辦呢？蒼天哪大地呀快救救我的國家吧」。
不過一開始劉樂妍得知多處監獄爆發新冠肺炎她第一時間跳出來表示：「未來大陸監獄需要我的話其實也是可以叫我我也很願意去的」此外也祈求大陸山東監獄疫情能夠趕快控制住希望不會有傷亡事件發生。</t>
  </si>
  <si>
    <t>監獄大陸表示醫護人員得知疫情山東肺炎劉樂妍立刻引起爆出爆發陸續任城病例希望</t>
  </si>
  <si>
    <t>劉樂妍新冠肺炎武漢肺炎新型冠狀病毒NCP</t>
  </si>
  <si>
    <t>肺炎武漢冠狀ncp病毒劉樂</t>
  </si>
  <si>
    <t>赴美出征不能高端可怕未來預言</t>
  </si>
  <si>
    <t>美國20日宣佈從11月起解除旅遊禁令但外籍旅客須出示莫德納、BNT或嬌生疫苗等三款疫苗的完整接種證明才可入境已打高端的綠委高嘉瑜為此22日在立院提出質疑打高端的民眾可能無法出國、怎解決？衛福部長陳時中</t>
  </si>
  <si>
    <t>高端疫苗出國解除無法禁令外籍出示旅遊旅客bnt莫德納可能民眾證明才可解決入境質疑提出立院高嘉瑜</t>
  </si>
  <si>
    <t>美國20日宣佈從11月起解除旅遊禁令但外籍旅客須出示莫德納、BNT或嬌生疫苗等三款疫苗的完整接種證明才可入境已打高端的綠委高嘉瑜為此22日在立院提出質疑打高端的民眾可能無法出國、怎解決？衛福部長陳時中則表示「世界不是只有美國」。對此國民黨臺北市議員游淑慧直言更可怕的還在未來如果其他國家也採用美國標準那要怎麼辦？
遊淑慧先前針對外媒報導美國宣佈的上述旅遊新規定曾發文質疑高端屆時能獲得美方認證嗎否則打高端者恐無法赴美？她昨（22日）再度在臉書發文表示陳時中當天面對記者的相關詢問時「自我解讀」美方兩劑疫苗入境的新政策是針對部分國家台灣不受影響而部長定調後1450也就開始蹦蹦跳譏笑她不懂英文錯誤解讀。
遊淑慧稱自己原本想PO出路透社、CNN等外媒報導後來想想反正11月就知道了自己也希望衛福部能為台灣民眾爭取到不受新政策影響。
游淑慧直言自己從來沒想過她的英文閱讀會比一個部長好但她知道「不是」陳時中看不懂美方的意思而是陳不想面對所以自欺欺人；遊強調11月就知道了高端跟美國疫苗到底是同父異母？還是攀親帶故？「面對吧、誠實吧、解決吧！我也希望施打高端民眾的權益不要因此受損」。
另外對於陳時中昨在立院面對相關質詢時竟稱「世界也不是只有美國」遊淑慧擔憂所以更可怕還在未來將來其他各國如果也採取跟美國同樣的旅遊標準她要問「陳時中要怎麼辦」？</t>
  </si>
  <si>
    <t>美國高端面對疫苗部長旅遊知道民眾美方陳時中入境立院發文解決直言英文</t>
  </si>
  <si>
    <t>遊淑慧陳時中美國高端新冠肺炎</t>
  </si>
  <si>
    <t>美國高端陳時中遊淑慧肺炎</t>
  </si>
  <si>
    <t>部分明星失業肆虐肺炎救濟金</t>
  </si>
  <si>
    <t>新冠肺炎疫情肆虐全球香港疫情持續升溫確診病例高達9386例累計死亡病例達161例不僅嚴重衝擊香港景氣如今就連演藝圈也難以倖免在娛樂產業寒冬影響之下就有資深香港娛樂記者爆料已經有多達600多位明星</t>
  </si>
  <si>
    <t>香港娛樂病例疫情持續升溫確診嚴重肆虐衝擊景氣如今產業難以倖免寒冬全球演藝圈影響高達已經肺炎記者</t>
  </si>
  <si>
    <t>新冠肺炎疫情肆虐全球香港疫情持續升溫確診病例高達9386例累計死亡病例達161例不僅嚴重衝擊香港景氣如今就連演藝圈也難以倖免在娛樂產業寒冬影響之下就有資深香港娛樂記者爆料已經有多達600多位明星陷入失業危機還有部分人得靠領救濟金維持生活。
根據《網易娛樂》報導有名資深娛樂記者透露香港受到新冠肺炎疫情衝擊下許多藝人演藝工作紛紛停擺據悉目前多達600多位藝人失業有些在接不到工作的情況下一直處於零收入的狀態只能靠領救濟金維持生計外傳古天樂擔任香港演藝協會會長期間從去年4月發起「香港電影工作者疫境支援計畫」為香港演員們籌募援助資金只要受到疫情波及的藝人每位都能領到33600元台幣救濟金慘澹狀況令人不勝唏噓。
此外近期有一張TVB明星收入清單在網路上瘋傳只見就連Ａ咖等級的佘詩曼即便出席剪綵活動費用也被砍到只剩下2萬港幣其他叫不出名跑龍套的三線演員工資更是少的可憐平均居然連500元都不到只能靠領救濟金維持基本開銷讓網友感嘆連洗碗工都還賺的比較多。
雖然古天樂的善舉讓許多藝人感謝不已但事隔9個多月香港疫情不僅未獲控制反而持續升溫看來藝人想要改善經濟狀況恢復以往輝煌光景。並非短期內所能好轉的事。</t>
  </si>
  <si>
    <t>香港藝人救濟金疫情娛樂維持演員古天樂狀況收入衝擊升溫明星受到工作持續失業只能靠</t>
  </si>
  <si>
    <t>救濟金香港藝人600人失業古天樂</t>
  </si>
  <si>
    <t>香港藝人古天樂救濟金失業</t>
  </si>
  <si>
    <t>三聯體專家防疫策略未來病毒肺炎共存揭新冠</t>
  </si>
  <si>
    <t>新冠肺炎疫情爆發至今超過1年半全球目前仍處於大流行情況。台大公衛學院教授陳秀熙團隊今分析疫情未來軌跡走向有3種可能1是持續全球大流行2是轉變為季節性流行疾病3是成為地方性疾病。陳秀熙團隊為此提出三</t>
  </si>
  <si>
    <t>流行疫情全球陳秀熙團隊疾病爆發至今超過目前未來走向軌跡分析可能處於教授情況衛學院大公成為地方持續肺炎</t>
  </si>
  <si>
    <t>新冠肺炎疫情爆發至今超過1年半全球目前仍處於大流行情況。台大公衛學院教授陳秀熙團隊今分析疫情未來軌跡走向有3種可能1是持續全球大流行2是轉變為季節性流行疾病3是成為地方性疾病。陳秀熙團隊為此提出三聯體防疫策略即讓疫苗、非藥物公衛措施（NPI）及檢測相輔相成達到「與病毒共存」的目標。
陳秀熙團隊成員、公衛學者張維容表示針對新冠肺炎的未來軌跡走向科學家認為有3種可能第1是人類仍無法迅速控制疫情持續全球大流行這需要提升疫苗接種率利用準確快速檢測工具進行流行監測；第2種可能是轉變為季節性流行疾病（如流感）需通過單株抗體等治療防止疾病的進展減低疾病負擔；第3種可能是轉變成地方性疾病影響小、負擔小例如腸病毒就屬於這類。現階段的疫情仍處在第1種情況下包含跨物種傳播、疫苗免疫持續力及抗原漂變都是影響未來的走向重要因素。
有鑑於疫情的進展陳秀熙團隊提出三聯體防疫策略即讓疫苗、NPI及檢測相輔相成高施打率國家推動第3劑疫苗施打、低施打率國家採取混打策略在無法達到群聚免疫之下透過檢疫及檢測及早偵測出隱性感染個案並治療且透過NPI措施如隔離、口罩、洗手、社交距離等預防感染進而達到「與病毒共存」的目標。
公衛學者範僑芯以英國為例當地疫苗接種率高7月就提倡「與病毒共存」並制定出秋冬防疫戰略。其計畫分為A、B2種優先實施A計畫即針對50歲以上、有健康問題的的年輕人、醫護人員加強第3劑疫苗施打並提供12-15青少年且接種疫苗、鼓勵打疫苗、持續檢測及接觸者追蹤並取消了原訂9月要實施的娛樂場所疫苗通行證。
一旦醫療量能不足英國則會開始實施B計畫即依法要求民眾在室內公共場所、搭乘大眾運輸時戴口罩、在家工作並使用疫苗護照（綠色通行證）。陳秀熙解釋對英國來講防疫計劃是以疫苗、檢測為主˙NPI為輔屬於三聯體防疫的2＋1變化措施台灣也可將其做為參考。
至於鄰近台灣的日本公衛學者王威淳表示當地疫苗施打率急速上升至少1劑的施打率達到66％完整接種則有53％日本政府進一步開放第3劑疫苗（原則不混打）開放居家抗體雞尾酒療法並著手研發口服藥物抑制3CL蛋白酶供輕症的人使用。陳秀熙表示日本在短時間內將疫苗施打率拉高加上藉由新治療方式的開發嘗試讓住院率、死亡率減少對於三聯體防疫來講是典型以疫苗、治療搭配為主的策略。
值得擔憂的是相對於日本疫苗高施打東南亞部分國家疫苗施打率仍低以致疫情持續上升這包括越南、菲律賓及泰國等然而受經濟壓力影響這些國家不得不解封、重啟經濟活動。陳秀熙表示在疫苗不足、醫療資源不優渥之下這些國家在三聯體防疫中唯一剩下的NPI在經濟壓力之下無法落實病毒變異的速度可能會更快呼籲世界衛生組織（WHO）協助這些亞洲國家提高疫苗覆蓋率這是三聯體防疫中相當重要的。</t>
  </si>
  <si>
    <t>疫苗防疫疫情陳秀熙國家施打可能檢測治療三聯體npi流行達到病毒表示持續接種疾病團隊日本影響策略措施英國之下</t>
  </si>
  <si>
    <t>三聯陳秀熙持續NPI檢測</t>
  </si>
  <si>
    <t>三聯陳秀熙npi檢測持續</t>
  </si>
  <si>
    <t>莫德納排除病種試驗官網臨床疫苗陳時中歐美</t>
  </si>
  <si>
    <t>本報日前報導指出高端二期臨床試驗排除19種民眾、至少22種病種卻未盡告知的責任；指揮中心指揮官陳時中回應說歐美其他疫苗臨床試驗的時候也同樣排除那麼多病患。但其實查詢莫德納官網（https：／／clinicaltrials</t>
  </si>
  <si>
    <t>臨床排除試驗查詢其實多病莫德納指揮中心責任指揮官同樣告知陳時中病種民眾歐美時候疫苗至少高端官網</t>
  </si>
  <si>
    <t>本報日前報導指出高端二期臨床試驗排除19種民眾、至少22種病種卻未盡告知的責任；指揮中心指揮官陳時中回應說歐美其他疫苗臨床試驗的時候也同樣排除那麼多病患。但其實查詢莫德納官網（https：／／clinicaltrialsgov／ct2／show／NCT04470427）的「Exclusion Criteria（排除項目）」就會發現︰高端試驗排除的20幾種病患莫德納試驗絕大部份都沒有排除。
高端的19項排除條件是：
1	目前懷孕或哺乳中或計畫在施打第二劑試驗疫苗後30天內懷孕。
2	直接參與本試驗執行的試驗主持人所屬機構、試驗委託者或受託研究機構 (CRO)的員工。
3	目前正在接受或接種第1劑前30天內接受其他試驗性質之介入性醫療。
4	施打第一劑試驗疫苗前4週內接種已核准的活性減毒疫苗或第一劑前7天內施打其他已核准的非活性減毒疫苗。
5	第一劑前12週內使用任何血液製品或靜脈注射免疫球蛋白。
6	目前或在第一劑前12週內接受併用免疫抑制或免疫調節療法(不包括吸入式、皮膚局部類固醇及／或含類固醇眼藥水低劑量胺甲葉酸(methotrexate)或 prednisone每日劑量低於20 mg使用＜ 2週或同等藥物)。
7	目前使用或預計在第一劑前12週內接受α腫瘤壞死因子(TNF-α)抑制劑治療例如infliximab、adalimumab、etanercept。
8	在第一劑前12週內曾接受重大手術或任何放射療法。
9	免疫抑制疾病或免疫不全狀態包括血液惡性腫瘤實質固態瘤、骨髓移植病史或無脾症。
10	自體免疫疾病病史(全身性狼瘡、類風濕性關節炎、硬皮症、多發性關節炎、 甲狀腺炎、格林─巴厘症候群等)。
11	惡性腫瘤病史且接受治癒療法後仍有復發風險或目前確診為癌症或接受癌症治療(不包括鱗狀及基底細胞皮膚癌和已治療的子宮頸原位癌可依試驗主持人判定)。
12	出血性疾病且判斷禁止使用肌肉注射或抽血。
13	人類免疫不全病毒(HIV)陽性且在過去一年內CD4計數＜ 350 cells／mm3或有可偵測的HIV病毒量(帶有少量變異、病毒拷貝數50-500且無需改變抗反轉錄病毒療法[ART]允許納入)。
14	B型肝炎病毒(HBV)陽性且B型肝炎e抗原(HBe Ag)陽性或肝功能異常。
15	C型肝炎病毒(HCV)陽性最近12週內發生可偵測的HCV RNA病毒血症。
16	自願受試者患有持續的急性疾病或嚴重醫療狀況例如心血管(如紐約心臟學會第三或第四級)、肺部(如慢性阻塞性肺病[COPD]第三或第四期)、肝臟(如 Child-Pugh C級)、神經學(如失智症)、代謝(如糖尿病伴隨HbA1c ＞8％)、腎臟(第 3期以上慢性腎臟病)、精神病症(如酗酒、藥物濫用)、現有嚴重感染、醫療病史、身體檢查結果或實驗室檢驗異常等依試驗主持人判斷病情不穩定參加本試驗可能對受試者的安全性造成不良影響、無法配合試驗規定、或幹擾 試驗評估指標。
17	受試者已知曾經或可能接觸嚴重急性呯吸道症候群冠狀病毒1型或2型(除 非經檢驗為陰性且已完成14天自主健康管理／居家檢疫／居家隔離)或曾施 打其他COVID-19疫苗。
18	受試者對任何疫苗曾有過敏病史或有過敏性疾病或過敏反應病史可能因 MVC-COV1901的成分使症狀惡化。
19	施打疫苗前2天內體溫(口溫、肛溫或耳溫) ≥380°C或發生急性病症(不包括輕微病症如腹瀉或輕微上呼吸道感染依試驗主持人判定) (受試者可重新約 診)。
莫德納的排除項目（Exclusion Criteria）則如下：
1	Is acutely ill or febrile 72 hours prior to or at Screening Fever is defined as a body temperature ≥380°Celsius／1004°Fahrenheit Participants meeting this criterion may be rescheduled within the relevant window periods Afebrile participants with minor illnesses can be enrolled at the discretion of the Investigator篩檢前72小時內體溫超過攝氏38度。受試者可重新約診。輕微病症經過審慎判定後仍可參與。
2	Is pregnant or breastfeeding懷孕或哺乳者。
3	(Part A Only) Known history of SARS-CoV-2 infection有新冠病毒感染史。
4	Prior administration of an investigational coronavirus (SARS-CoV Middle East Respiratory Syndrome [MERS]-CoV) vaccine or current／planned simultaneous participation in another interventional study to prevent or treat COVID-19曾參與新冠疫苗試驗目前是或即將同時參與另一個新冠病毒介入性試驗。
5	(Part A Only) Demonstrated inability to comply with the study procedures無法遵守試驗流程。
6	(Part A Only) An immediate family member or household member of this study&amp;apos;s personnel本試驗人員的直系親屬或家庭成員。
7	Known or suspected allergy or history of anaphylaxis urticaria or other significant adverse reaction to the vaccine or its excipients已知或懷疑有過敏有過敏史反應蕁麻疹對疫苗或賦形劑有其他特定不良反應。
8	Bleeding disorder considered a contraindication to intramuscular injection or phlebotomy 出血性疾病且判斷禁止使用肌肉注射或抽血。
9	Has received or plans to receive a vaccine within 28 days prior to the first dose (Day 1) or plans to receive a non-study vaccine within 28 days prior to or after any dose of investigational product (except for seasonal influenza vaccine)施打第1劑前 28天內已接種或預計接種其他疫苗或28天內計畫施打其他非試驗疫苗（季節性的流感疫苗除外）在打試驗性製品前或後。
10	Has participated in an interventional clinical study within 28 days prior to the day of enrollment受試前28天內曾參加介入性臨床試驗。
11	Immunosuppressive or immunodeficient state including human immunodeficiency virus (HIV) infection asplenia and recurrent severe infections 免疫抑制疾病或免疫不全狀態包括人類免疫不全病毒（HIV）無脾症以及經常性的嚴重感染。
12	Has received systemic immunosuppressants or immune-modifying drugs for ＞14 days in total within 6 months prior to Screening (for corticosteroids ≥20 milligram (mg)／day of prednisone equivalent) 受試前6個月內接受免疫抑制劑或治療免疫疾病調節性藥物超過14天（皮質類固醇或是普立朗錠每日超過20毫克）
13	Has received systemic immunoglobulins or blood products within 3 months prior to the day of Screening受試前3個月內使用任何血液製品或靜脈注射免疫球蛋白
14	Has donated ≥450 milliliters (mL) of blood products within 28 days prior to Screening受試前28天內捐血超過450毫升。
15</t>
  </si>
  <si>
    <t>試驗orofto疫苗病毒疾病接受the受試者病史排除免疫目前天內priorhas治療withinvaccine嚴重包括</t>
  </si>
  <si>
    <t>試驗疫苗莫德納陳時中新冠肺炎</t>
  </si>
  <si>
    <t>莫德納陳時中疫苗試驗肺炎</t>
  </si>
  <si>
    <t>肺炎患者中樞神經傷害南山明顯</t>
  </si>
  <si>
    <t>針對新冠肺炎是否只會影響感染者肺部健康的問題大陸工程院院士鍾南山16日表示新冠肺炎一般會導致患者肺部受損至於是否有其他器官受損則與患者本身的併發症有關合併症很多的患者會發現其他器官受損的情況</t>
  </si>
  <si>
    <t>肺部患者是否受損器官肺炎院士工程院南山大陸問題表示健康感染者影響一般導致發現合併症有關併發症至於</t>
  </si>
  <si>
    <t>針對新冠肺炎是否只會影響感染者肺部健康的問題大陸工程院院士鍾南山16日表示新冠肺炎一般會導致患者肺部受損至於是否有其他器官受損則與患者本身的併發症有關合併症很多的患者會發現其他器官受損的情況不過他說對於中樞神經的受損不明顯。
據《新京報》報導大陸工程院院士鍾南山16日攜廣州呼吸健康研究院院長何建行、副院長李時悅進行視訊直播鐘南山指出在屍檢的過程中並沒有看到明確的基於病毒的其他器官受損。
鐘南山說是否有其他器官受損與患者本身的併發症有關合併症很多的患者會發現其他器官受損的情況目前觀察到患者出現腎小管的一些問題如受損、壞死。還有其他研究團隊也發現有25％到30％的患者會出現非常明顯的腎受損。
不過鐘南山強調除了心臟、腦部、腎臟受損之外中樞神經的受損並沒有很明顯。</t>
  </si>
  <si>
    <t>受損患者鐘南山器官明顯問題健康是否發現肺部沒有出現中樞神經大陸南山院士工程院肺炎院長情況</t>
  </si>
  <si>
    <t>患者器官神經鐘南山新冠肺炎</t>
  </si>
  <si>
    <t>鐘南山神經器官患者肺炎</t>
  </si>
  <si>
    <t>肺炎湯姆漢克中標影帝隱憂</t>
  </si>
  <si>
    <t>63歲奧斯卡影帝湯姆漢克（Tom Hanks）與演員妻子麗塔威爾遜（Rita Wilson）日前宣佈在澳洲確診新冠肺炎檢測湯姆漢克成為首例感染新冠病毒的演藝圈夫妻不過湯姆漢克卻因患有第二型糖尿病而遭外界擔心會引發併發</t>
  </si>
  <si>
    <t>湯姆漢克外界糖尿病hanks演員擔心麗塔威爾遜妻子ritawilson日前宣佈澳洲夫妻確診演藝圈病毒肺炎感染檢測首例tom</t>
  </si>
  <si>
    <t>63歲奧斯卡影帝湯姆漢克（Tom Hanks）與演員妻子麗塔威爾遜（Rita Wilson）日前宣佈在澳洲確診新冠肺炎檢測湯姆漢克成為首例感染新冠病毒的演藝圈夫妻不過湯姆漢克卻因患有第二型糖尿病而遭外界擔心會引發併發症。
湯姆漢克遠赴澳洲拍攝貓王傳記電影夫妻陸續出現身體疼痛、感冒症狀經檢測後確診染上新冠肺炎而湯姆漢克13日也在網上曬自拍報平安透露跟妻子正接受隔離治療強調不會傳染給任何人並感謝澳洲醫護人員的照顧。
湯姆漢克確診不只震撼演藝圈根據《鏡週刊》報導63歲的湯姆漢克因患有第二型糖尿病因此遭美國疾控中心擔心恐會有併發症不過湯姆漢克以樂觀和正能量對抗病況也期望影帝能早日康復。</t>
  </si>
  <si>
    <t>湯姆漢克澳洲確診妻子夫妻演藝圈肺炎併發症影帝糖尿病擔心病況身體出現hanks疼痛陸續感冒電影症狀麗塔威爾遜</t>
  </si>
  <si>
    <t>湯姆漢克影帝新冠肺炎確診新冠肺炎</t>
  </si>
  <si>
    <t>影帝肺炎湯姆漢克確診</t>
  </si>
  <si>
    <t>醫生政府少康</t>
  </si>
  <si>
    <t>新冠肺炎肆虐全球台灣確診案例再添8例來到108例中央流行疫情指揮中心建呼籲滯外留學生盡量留在當地畢竟無法排除搭機風險此舉讓資深媒體人趙少康拍桌痛斥「什麼政府嘛」對此眼科醫生黃宥嘉怒嗆：「這世界又</t>
  </si>
  <si>
    <t>全球黃宥嘉臺灣確診眼科醫生案例對此政府痛斥疫情指揮肆虐少康中心呼籲媒體風險留學生儘量</t>
  </si>
  <si>
    <t>新冠肺炎肆虐全球台灣確診案例再添8例來到108例中央流行疫情指揮中心建呼籲滯外留學生盡量留在當地畢竟無法排除搭機風險此舉讓資深媒體人趙少康拍桌痛斥「什麼政府嘛」對此眼科醫生黃宥嘉怒嗆：「這世界又不是拍桌子的人就厲害」。
趙少康日前表示政府該做的是與當地國協商儘量把所有人都接接回來而不是要求留學生留在當地講到激動處還氣到拍桌對此眼科醫生黃宥嘉表示趙少康這麼厲害的話何不自己去跟政府協商在不考慮人力、醫療資源的前提下只會在那邊說大話這樣有突顯自己比較有智慧嗎？怒嗆：「我們才不滿非醫療專業、非防疫專業的人一直不滿防疫政策哩！這世界又不是拍桌子的人就厲害」。
對此網友也紛紛留言：「支持醫療人員支持政府政策」、「只會隔著玻璃裝模作樣到底做了什麼事情為了這塊土地而努力」、「非專業在那邊指手劃腳的只出張嘴」。</t>
  </si>
  <si>
    <t>政府醫療對此儘量少康厲害留學生留在當地協商政策黃宥嘉不滿全球表示臺灣眼科醫生確診案例世界</t>
  </si>
  <si>
    <t>趙少康拍桌黃宥嘉眼科醫生新冠肺炎</t>
  </si>
  <si>
    <t>黃宥嘉眼科醫生少康肺炎</t>
  </si>
  <si>
    <t>居家門診腹膜服務擴大安心</t>
  </si>
  <si>
    <t>醫院病人疫情監測擔心感染趨勢即時風險綜合防疫成為醫療害怕資料腹膜</t>
  </si>
  <si>
    <t>醫療醫院病人疫情內科透過病情綜合服務腎臟掌握即時距離醫師患者就醫擔心</t>
  </si>
  <si>
    <t>新冠肺炎台灣洗腎光田綜合醫院看診</t>
  </si>
  <si>
    <t>臺灣綜合肺炎醫院</t>
  </si>
  <si>
    <t>國際閱讀全市小生電子新北</t>
  </si>
  <si>
    <t>因應新冠肺炎疫情延燒新北市府首辦線上國際閱讀節新北市長侯友宜昨日（23日）出席啟動記者會侯友宜表示因為疫情的關係很多學習的地方像是公立圖書館暫時不開放因此鼓勵孩子們在家透過網路使用「國小教</t>
  </si>
  <si>
    <t>疫情新北侯友宜透過孩子鼓勵開放暫時網路圖書館像是地方學習關係表示市府記者會國際昨日市長閱讀肺炎使用</t>
  </si>
  <si>
    <t>因應新冠肺炎疫情延燒新北市府首辦線上國際閱讀節新北市長侯友宜昨日（23日）出席啟動記者會侯友宜表示因為疫情的關係很多學習的地方像是公立圖書館暫時不開放因此鼓勵孩子們在家透過網路使用「國小教育資源網平臺」學習新知識他也感謝FunPark 童書夢工廠、PaGamO素養品學堂兩家公司共捐贈2000萬元的資源讓孩子們能無限學習。
新北市教育局表示平臺嚴選國內外線上閱讀網站同時整合教育局、文化局、民間等電子資源經由親師生平台與新北市民卡系統介接提供40萬冊電子書提供全市的國小生、市民借用暢遊書海。</t>
  </si>
  <si>
    <t>新北學習平臺市民疫情資源教育局孩子表示閱讀侯友宜提供小生pagamo素養工廠童書夢funpark學堂公司系統感謝</t>
  </si>
  <si>
    <t>新北平臺資源學習閱讀</t>
  </si>
  <si>
    <t>閱讀平臺新北資源學習</t>
  </si>
  <si>
    <t>教堂紐約改造世紀回歸野戰醫院</t>
  </si>
  <si>
    <t>美國的新冠疫情日益嚴峻各大醫療院所也處於負荷極重的狀態。在疫情震央紐約市曼哈頓1座大型教堂的教長6日表示疫情期間將把教堂改造為野戰醫院以支援抗疫。《紐約時報》等外媒報導聖約翰大教堂（The Cath</t>
  </si>
  <si>
    <t>疫情教堂日益報導嚴峻院所紐約時報醫療處於支援負荷野戰醫院狀態改造期間震央曼哈頓紐約市教長聖約翰大表示</t>
  </si>
  <si>
    <t>美國的新冠疫情日益嚴峻各大醫療院所也處於負荷極重的狀態。在疫情震央紐約市曼哈頓1座大型教堂的教長6日表示疫情期間將把教堂改造為野戰醫院以支援抗疫。
《紐約時報》等外媒報導聖約翰大教堂（The Cathedral Church of StJohn the Divine）教長丹尼爾（Clifton Daniel）表示教堂的中殿及地下室共可容納9個醫療帳篷並安置至少200名患者。
這座教堂號稱全球最大的哥德式教堂。丹尼爾指出：「在數百年前比如在黑死病時期教堂經常收容病患所以不是沒有這樣的經驗只是對我們來說前所未見。」
這座「教堂醫院」預計1周內就會正式開始收容患者醫護人員則將來自教堂隔壁的西奈山晨邊醫院（Mount Sinai Morningside Hospital）。
據約翰霍普金斯大學（Johns Hopkins University）統計美國確診人數已超過368萬人、破萬人死於新冠肺炎。</t>
  </si>
  <si>
    <t>教堂疫情醫院醫療收容患者丹尼爾教長美國the表示人數確診統計universityhopkins約翰霍普金斯大學johnshospitalmorningsidesinaimount</t>
  </si>
  <si>
    <t>教堂野戰醫院新型冠狀病毒紐約</t>
  </si>
  <si>
    <t>野戰醫院教堂紐約冠狀病毒</t>
  </si>
  <si>
    <t>嚴重副作用引發莫德納注意az</t>
  </si>
  <si>
    <t>國內疫苗擴大開打許多人擔憂其引發不良副作用。對此台大家醫科醫師林俊嘉表示打疫苗需注意自身身體狀況外施打後續仍要注意疫苗產生的副作用其中打莫德納的局部反應通常比AZ嚴重他也提醒5類人要注意。林</t>
  </si>
  <si>
    <t>疫苗副作用注意提醒嚴重az通常反應局部擔憂後續莫德納引發對此身體狀況仍要需注意不良表示醫科產生林俊嘉醫師類人施打</t>
  </si>
  <si>
    <t>國內疫苗擴大開打許多人擔憂其引發不良副作用。對此台大家醫科醫師林俊嘉表示打疫苗需注意自身身體狀況外施打後續仍要注意疫苗產生的副作用其中打莫德納的局部反應通常比AZ嚴重他也提醒5類人要注意。
林俊嘉日前於個人臉書粉專《林俊嘉醫師》整理出AZ及莫德納兩款疫苗接種相關資訊包括哪些人不能打、常見的副作用及施打後副作用處理方式等。
林俊嘉表示有3種情況不適合施打AZ第一是正在發燒者建議退燒後請醫師重新評估身體狀況為佳；第二則是血栓或肝素引發的血小板低下者這類的患者比較可能因為接種AZ後產生血栓；第三為對AZ疫苗過敏者若已施打第一劑AZ疫苗出現過敏性休克等過敏反應或是已知其中的過敏成分者。
林俊嘉說莫德納同樣不利於正在發燒者、對其成分過敏者施打特別是對核磁共振（MRI）顯影劑過敏者；因此有長期使用含有PEG聚乙二醇的民眾也不建議打莫德納包括耐福力散、腸見淨、美血樂、倍血添、欣膝亞及染髮劑等。
副作用方面林俊嘉提醒打AZ後4至28日仍需持續注意身體可能產生引發血栓狀況若持續性頭痛、腹瀉逾24小時、下肢腫脹疼痛及嚴重胸痛或呼吸困難出現任一症狀建議立即就醫。
另外莫德納最常見的為注射部位疼痛、疲倦、肌肉痛、頭痛及發燒但發燒通常會於48小時內緩解林俊嘉說打莫德納的局部反應通常比AZ嚴重會出現所謂的「新冠手臂」且年輕人的副作用會比老年人更為嚴重第二劑的反應也會比第一劑來得強。
林俊嘉提醒可於注射部位適度冰敷但千萬不能搓揉若發燒及頭痛可於接種後6至8小時吃普拿疼千萬不可於施打前吃普拿疼預防。
★《中時新聞網》提醒您：因應新冠肺炎疫情疾管署持續加強疫情監測與邊境管制措施 如有疑似症狀請撥打：1922專線或 0800-001922 並依指示配戴口罩儘速就醫同時主動告知醫師旅遊史及接觸史以利及時診斷及通報。</t>
  </si>
  <si>
    <t>az副作用莫德納醫師疫苗施打林俊嘉發燒引發建議注意接種提醒小時頭痛血栓反應嚴重過敏者產生</t>
  </si>
  <si>
    <t>新冠肺炎疫苗AZ莫德納林俊嘉</t>
  </si>
  <si>
    <t>az疫苗肺炎莫德納林俊嘉</t>
  </si>
  <si>
    <t>叮嚀遙控家人乾糧口罩臺灣憂心家門口蕭敬騰</t>
  </si>
  <si>
    <t>蕭敬騰（老蕭）日前在上海接種免費疫苗隔天隨即現身時尚秀老蕭的經紀人Summer今（6日）表示團隊所有人接種疫苗後都沒有任何不適也都很正常的工作狀態非常好。老蕭赴大陸工作已三個月對於台灣家人無疫苗</t>
  </si>
  <si>
    <t>老蕭疫苗接種工作對於大陸正常非常狀態summer經紀人免費團隊表示時尚現身所有人隨即臺灣上海</t>
  </si>
  <si>
    <t>蕭敬騰（老蕭）日前在上海接種免費疫苗隔天隨即現身時尚秀老蕭的經紀人Summer今（6日）表示團隊所有人接種疫苗後都沒有任何不適也都很正常的工作狀態非常好。老蕭赴大陸工作已三個月對於台灣家人無疫苗可打Summer坦言他的確很擔心「每天都叮嚀他們不要出門安排好乾糧、口罩等備用品送到家門口希望家人盡量減少人與人的接觸」。
老蕭今晚受邀為大陸YY直播舉辦的首屆「66直播節」擔任嘉賓120分鐘節目中老蕭不僅獻唱〈皮囊〉、〈王妃〉等經典曲還與觀看直播的粉絲進行遊戲互動。老蕭這幾個月行程相當忙錄大多在線上與粉絲見面前幾天出席時尚秀後台受訪時提到如果有機會和周傑倫、林俊傑組團該如何分工？老蕭幽默笑回：「肯定是哥哥們不做的我來做因為我比較全能一點。」
大陸「國藥」疫苗施打狀況穩定不少藝人趨之若鶩港星蔡少芬日前也和老公張晉、好友陳法蓉前往大陸施打疫苗；蔡少芬自曝：「說實話沒有打狂犬針痛。」接種過程中她向醫護人員詢問「一天要打多少人」？對方回答大約100多人她身旁老公張晉則默默地說「欸？我已經打完了」指速度快到讓人難以置信。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老蕭疫苗大陸接種口罩直播粉絲務必summer蔡少芬時尚老公張晉不適施打日前</t>
  </si>
  <si>
    <t>蕭敬騰疫苗新冠肺炎台灣</t>
  </si>
  <si>
    <t>疫苗肺炎蕭敬騰臺灣</t>
  </si>
  <si>
    <t>商會外交上百職員真正風險重創要來</t>
  </si>
  <si>
    <t>印度新冠疫情嚴峻連駐當地美國外交人員都受到重創美國有線電視新聞網（CNN）引述消息人士透露美駐印度外交人員中已經有上百人染疫2人不幸病逝。此外美國商會也警告「真正的風險」才要來臨疫情暴衝恐導致</t>
  </si>
  <si>
    <t>疫情外交人員印度來臨真正風險警告美國商會病逝不幸上百人嚴峻cnn當地受到重創引述美國有線電視新聞網已經美國消息人士</t>
  </si>
  <si>
    <t>印度新冠疫情嚴峻連駐當地美國外交人員都受到重創美國有線電視新聞網（CNN）引述消息人士透露美駐印度外交人員中已經有上百人染疫2人不幸病逝。此外美國商會也警告「真正的風險」才要來臨疫情暴衝恐導致印度經濟衰退進一步拖累全球經濟。
CNN昨（26）日引述2名消息人士報導印度新冠疫情失控之際當地美國外交圈疫情也大爆發幾周來有超過上百外交人員染疫2名本地職員不幸病逝。消息人員並未透露究竟是哪個地區的外交人員染疫及死亡除在首都新德里設有大使館外美國目前在印度其他城市設有5間領事館。
消息人士指出美國駐印度外交人員、眷屬及在當地聘雇的本地職員直到過去2周才陸續接種新冠疫苗部份職員對此感到相當沮喪因為他們並未收到使團何時能開始接種疫苗的明確訊息許多駐歐洲、美國本地的外交人員先前都已經接種疫苗了駐印度的外交人員卻不能優先施打疫苗。
其中一名消息人士透露美國國務院先前先為阿富汗、伊拉克的外交人員運送疫苗可能是印度外交人員較晚拿到疫苗的原因不過疫苗到得太晚已經有2人死亡了「太可怕了。」
今年初美國駐世界各地的外交人員紛紛對疫苗配送太慢感到沮喪18日美國國務院發言人普萊斯（Ned Price）表示國務院已經完成所有外館的疫苗配送。
值得注意的是美國國防部長奧斯汀（Lloyd Austin）、氣候變遷特使凱瑞（John Kerry）先後於3月19日、4月6日訪印消息人士說這2趟訪印行程有些驚險因為當時印度部分地區已經出現激增病例負責規劃行程的美國外交人員也還沒施打疫苗。據說行程結束後出現了零星案例但還無法確定是否和這2趟外交行有關。
鑒於疫情嚴峻美國駐印度清奈（Chennai）領事館昨日宣佈26日至5月15日期間非移民簽證面試、美國公民預約等所有常規服務全部取消駐新德里大使館取消本人簽證預約等服務。
此外路透社報導針對印度疫情居高不下、連續5日單日確診人數創世界紀錄美國全國商會（US Chamber of Commerce）昨日警告作為全球第6大經濟體的印度經濟可能因為疫情衰退進一步拖累全球經濟。
美國商會執行副總裁薄邁倫（Myron Brilliant）警告由於許多美國企業都在印度聘雇員工處理後台業務當地疫情的外溢風險非常高預期情況變好之前會再度惡化指出「真正的風險」是印度經濟衰退情況令人擔憂。</t>
  </si>
  <si>
    <t>美國印度外交人員疫苗疫情已經消息人士警告行程當地職員風險透露接種全球經濟出現美國國務院</t>
  </si>
  <si>
    <t>印度外交人員美國新冠肺炎疫情</t>
  </si>
  <si>
    <t>美國外交人員肺炎印度疫情</t>
  </si>
  <si>
    <t>本土新北發燒確診</t>
  </si>
  <si>
    <t>三零隔天秒破功！中央流行疫情指揮中心今公佈國內新增6例新冠肺炎確定病例分別為1例本土、5例境外移入確診個案中無新增死亡。其中本土個案為新北1名6旬男子因發燒就醫採檢確診Ct值331之後採檢2次都是陰性</t>
  </si>
  <si>
    <t>確診本土個案流行疫情指揮中心中央公佈國內新增就醫男子發燒新北死亡之後肺炎分別確定</t>
  </si>
  <si>
    <t>三零隔天秒破功！中央流行疫情指揮中心今公佈國內新增6例新冠肺炎確定病例分別為1例本土、5例境外移入確診個案中無新增死亡。其中本土個案為新北1名6旬男子因發燒就醫採檢確診Ct值331之後採檢2次都是陰性。
今日新增的1例本土個案(案16451)為60多歲男性今年10月16日因出現發燒等症狀10月17日就醫並採檢檢驗結果陽性收治住院Ct值331IgG、IgM均為陽性後續採檢2次核酸檢測均為陰性。衛生單位已匡列接觸者12人其中4人列居家隔離、3人列自主健康管理、5人列自我健康監測將持續進行疫調及匡列以釐清感染源。
另外今日新增的5例境外移入個案為4例男性、1例女性年齡介於10多歲至60多歲分別自美國(2例案16448、案16452)、阿拉伯聯合大公國(案16449)、菲律賓(案16450)、馬來西亞(案16453)入境入境日期介於10月5日至10月17日之間均持有搭機前3日內檢驗陰性報告。
截至目前國內共累計1萬6343例確診分別為1704例境外移入1萬4585例本土病例36例敦睦艦隊、3例航空器感染、1例不明及14例調查中；另累計110例移除為空號。2020年起累計846死其中834例本土個案居住縣市分佈為新北市412例、臺北市319例、基隆市29例、桃園市27例、彰化縣15例、新竹縣13例、臺中市5例、苗栗縣3例、宜蘭縣及花蓮縣各2例新竹市、南投縣、雲林縣、臺南市、高雄市、屏東縣及臺東縣各1例；另12例為境外移入。
指揮中心呼籲民眾應落實手部衛生、咳嗽禮節及佩戴口罩等個人防護措施減少不必要移動、活動或集會避免出入人多擁擠的場所或高感染傳播風險場域並主動積極配合各項防疫措施共同嚴守社區防線。</t>
  </si>
  <si>
    <t>本土個案感染陰性措施新增確診衛生分別匡列指揮累計中心檢驗國內新北</t>
  </si>
  <si>
    <t>疫苗接種國藥科興黃卡註記陳時中</t>
  </si>
  <si>
    <t>黃卡科興國藥接種陳時中疫苗</t>
  </si>
  <si>
    <t>確診張家界本土旅遊傳播新增現形大陸</t>
  </si>
  <si>
    <t>大陸國家衛健委網站30日消息7月29日0-24時大陸各地報告新增確診病例64例其中境外輸入病例43例（雲南21例廣東9例上海7例福建3例遼寧1例山東1例四川1例）本土病例21例（江蘇18例湖南2例北京1</t>
  </si>
  <si>
    <t>病例大陸確診新增報告網站消息雲南境外衛健江蘇遼寧福建山東上海本土四川廣東輸入國家湖南北京</t>
  </si>
  <si>
    <t>大陸國家衛健委網站30日消息7月29日0-24時大陸各地報告新增確診病例64例其中境外輸入病例43例（雲南21例廣東9例上海7例福建3例遼寧1例山東1例四川1例）本土病例21例（江蘇18例湖南2例北京1例）；無新增死亡病例；新增境外輸入疑似病例1例（上海）。此外大陸各地報告新增無症狀感染者25例其中本土8例（江蘇4例湖南4例）。從大連、成都、常德、北京、寧鄉等多地感染者軌跡已拼出源自南京的「張家界旅遊傳播鏈」。
7月29日晚湖南省張家界市政府宣佈30日上午起張家界市所有景區景點關閉。截至29日晚間統計張家界還有754個旅行團共119萬人。已逐個勸返安排退費、回程交通相關事宜。
澎湃新聞報導據通報北京、湖南連日新冠肺炎新增疫情是「張家界旅遊傳播鏈」一環已成南京傳播鏈「二傳手」迄29日14時已外溢7省17地傳染206人。
張家界魅力湘西劇場先是4名22日晚觀劇者感染新冠當地已緊急排查同場次人員2000多人。
這4人中有3人來自遼寧大連此前曾在南京祿口機場停留2小時。祿口機場正是近期本土疫情的「暴風眼」至少數十名機場保潔人員感染疫情已擴散至南京全市9個區。截至7月29日24時南京本地感染者已達191人。
上述3例大連感染者在去魅力湘西劇場前還曾去張家界國家森林公園、大峽穀等地遊玩。7月27日及28日成都新增的5例本土確診病例也曾在同期去過張家界等地遊玩與大連病例活動軌跡交叉。
成都病例在張家界遊玩後還去過湖南常德遊玩常德一名陪遊友人感染。此外江蘇淮安市也於7月28日發現4例陽性人員此前去過張家界。
至此張家界成為南京與大連、成都、常德、北京等地本土疫情的傳播中樞南京疫情傳播鏈再擴張。澎湃新聞報導截至7月29日14時南京疫情傳播鏈增至206人涉及遼寧、江蘇、廣東、安徽、四川、湖南等7省市17地（包括南京）。
大連、成都、常德、北京、寧鄉等多地感染者軌跡已拼出「張家界旅遊傳播鏈」。
據四川及成都當地通報成都市7月27日及28日新增感染者中5例確診病例曾去過張家界等地旅遊。這5人中3人為一家三口1人為這家人的同遊友人還有1人是一名53歲的自駕遊女子。
四川成都市衛健委28日通報成都5名確診病例近期前往張家界與遼寧大連報告的新冠病例有活動軌跡交叉而大連報告的病例有南京祿口機場停留史。
「大連發布」微信公號消息26日大連報告的3例無症狀感染者曾於17日由大連乘飛機到張家界期間在南京祿口機場中轉航班停留約2小時。
「張家界時刻」微信公號消息大連報告的3人曾在7月20-22日在張家界國家森林公園、大峽穀等地遊玩。而成都的5例確診病例也曾在20-24日在張家界森林公園、天門山森林公園、大峽穀等地遊玩。
張家界傳播鏈還延伸到了湖南常德。成都確診病例中的一家三口及其友人在遊覽張家界後曾於24日在常德市遊玩一名陪伴他們遊玩的當地友人在28日被診斷為無症狀感染者。
湖南常德傳播鏈又延伸到了湖南寧鄉這次是同乘遊船傳播12歲男孩29日被驗出核酸檢測陽性。
此外張家界傳播鏈28、29兩日還導致大連新增1例本土病例、北京新增3例本土病例。</t>
  </si>
  <si>
    <t>張家界南京傳播病例大連成都湖南疫情感染者新增遊玩確診報告常德本土四川機場北京友人旅遊感染人員</t>
  </si>
  <si>
    <t>張家界大連傳播鏈新冠肺炎大陸</t>
  </si>
  <si>
    <t>傳播大連肺炎張家界大陸</t>
  </si>
  <si>
    <t>升高積極搶購疫苗防疫蔡英文層級賴清德要求藍委指揮官</t>
  </si>
  <si>
    <t>新冠肺炎本土個案連日破百例國民黨團今天表示疫情日益嚴峻不只封城而已最終解決之道是施打疫苗此時應讓疫情指揮中心指揮官陳時中專注醫療資源拉高防疫層級到總統府由副總統賴清德出任指揮官協調調度</t>
  </si>
  <si>
    <t>疫情指揮官個案破百賴清德國民總統黨團總統府層級今天防疫本土拉高表示資源醫療專注日益嚴峻解決之道陳時中封城最終中心施打疫苗</t>
  </si>
  <si>
    <t>新冠肺炎本土個案連日破百例國民黨團今天表示疫情日益嚴峻不只封城而已最終解決之道是施打疫苗此時應讓疫情指揮中心指揮官陳時中專注醫療資源拉高防疫層級到總統府由副總統賴清德出任指揮官協調調度全國資源。
美國總統拜登今說預定6月底前釋出2000萬劑疫苗到海外包含輝瑞、莫德納與嬌生生產的疫苗。國民黨團書記長鄭麗文說此次在台灣蔓延的是英國變種病毒株蔡英文總統應積極向美國搶購疫苗再讓全民免費施打疫苗讓台灣在最短時間內免於病毒威脅才是正辦。
國民黨團總召費鴻泰質疑資深媒體人趙少康昨披露台灣股市下降但高端疫苗價格卻暴漲其實在1個月前他就聽說有立委跟公司要股票試問這是否是真的？為何想要炒作高端疫苗股價？如今國光生技不玩了聯亞生技被技術性控管1個月僅剩下高端疫苗是否有人在炒作高端票發國難財蔡英文應對外說清楚。
費鴻泰指出台灣已面臨缺水、缺電、缺疫苗、缺工、缺適任的指揮官等「五缺」誠懇建議拉高防疫層級到總統府由具備公衛學養且閣揆歷練的副總統賴清德擔任全國防疫指揮官。
國民黨團首席副書記長陳玉珍也說若面臨封城不只衛福部協調調度資源甚至要動用到國軍協助就需要拉高層級到總統府讓陳時中專心處理醫療整備。
鄭麗文認為在無法全民普篩之前起碼應在雙北盡速廣設快篩站將重症、輕症、無症狀確診者分艙分流降低醫護負擔如今停止外國人入境集中檢疫所有約4000個床位可配合防疫需求。
陳玉珍另呼籲勞動部、經濟部應盡速擬定政策補助辦法讓民眾實際拿到防疫照顧假企業享有賦稅減免給予民眾實際誘因減少人流移動避免疫情擴散。</t>
  </si>
  <si>
    <t>疫苗防疫臺灣國民黨團指揮官高端總統疫情資源如今實際民眾總統府拉高層級病毒封城</t>
  </si>
  <si>
    <t>國民黨團防疫層級指揮官總統府台灣</t>
  </si>
  <si>
    <t>層級防疫指揮官總統府黨團國民臺灣</t>
  </si>
  <si>
    <t>法案措施紓困支出美國會聯邦政治國際</t>
  </si>
  <si>
    <t>美國國會週一同時推動全面性的聯邦政府支出法案與新紓困措施盼雙重任務能同時達陣暨達成一項大規模的政府支出協議避免政府重演關門戲碼亦為受到疫情重創的國家提供新一輪援助。兩黨領導人似乎對4月以來首次</t>
  </si>
  <si>
    <t>政府支出援助新一輪提供國家重創疫情聯邦受到戲碼關門重演法案任務措施達成紓困全面領導人避免協議</t>
  </si>
  <si>
    <t>美國國會週一同時推動全面性的聯邦政府支出法案與新紓困措施盼雙重任務能同時達陣暨達成一項大規模的政府支出協議避免政府重演關門戲碼亦為受到疫情重創的國家提供新一輪援助。
兩黨領導人似乎對4月以來首次推出新冠紓困法案的前景感到樂觀而一個由兩黨議員組成的團體亦提出9080億美元的紓困方案。新一輪援助措施可能附加在重要的聯邦支出法案中該法案必須在週五前通過以避免聯邦政府因經費用罄而關門。
美國眾議院議長佩洛西發言人哈米爾表示佩洛西與財政部長穆努欽週一討論了政府支出法案與新一輪新冠援助措施。佩洛西重申民主黨對共和黨主張提供企業新冠肺炎訴訟之免責保護的擔憂並表示支出法案中其餘懸而未決的事項可以輕鬆解決。
參議院撥款委員會主席Richard Shelby表示政府支出法案最快可能週二提出他希望該法案納入了新冠援助措施。參議院多數黨領袖麥康諾表示共和黨準備好就新冠肺炎疫情通過一些東西並呼籲民主黨也這麼做。他表示：「未來幾天將實現兩個成果中的其中一個」。</t>
  </si>
  <si>
    <t>表示法案政府支出措施援助紓困聯邦新一輪佩洛西參議院民主黨疫情提出提供關門週一共和黨避免肺炎可能未來天將</t>
  </si>
  <si>
    <t>支出法案新冠新一輪佩洛西援助</t>
  </si>
  <si>
    <t>新一輪佩洛西法案援助支出</t>
  </si>
  <si>
    <t>蔡宜宸教你做心田園丁綠色</t>
  </si>
  <si>
    <t>生活中多來點綠色會帶來更多活力和精采。在全球新冠肺炎疫情燒不停金門一場以「千篇一綠‧生活中的綠色療癒力」為主題的活動讓人在緊繃的日常中感受到一種另類免疫力獲得頓時紓壓、放鬆的快感。這場由金門</t>
  </si>
  <si>
    <t>綠色金門生活頓時獲得免疫力感受全球精采肺炎疫情活動活力帶來主題不停</t>
  </si>
  <si>
    <t>生活中多來點綠色會帶來更多活力和精采。在全球新冠肺炎疫情燒不停金門一場以「千篇一綠‧生活中的綠色療癒力」為主題的活動讓人在緊繃的日常中感受到一種另類免疫力獲得頓時紓壓、放鬆的快感。
這場由金門縣身心障礙者福利服務中心主辦社團法人金門縣康復之友協會承辦運用公益彩券盈餘的補助舉辦以平日較少有社交活動的身心障礙者和家屬為對象的活動期待透過自己動手做園藝與大自然植栽做朋友紓解生活中的壓力也讓照顧者在一盆盆的綠色小世界中獲得喘息和重拾能量的機會。
主辦單位邀請擁有中華國際人才培訓與發展協會園藝治療師證照在植物與媒材的結合領域有專業研究的〈植創美學設計工作室〉負責人蔡宜宸老師與大家開講悉心指導如何在綠色小世界裡成為一個稱職的「園丁」。
蔡宜宸示範運用繽紛色彩在枯燥的塑膠盆畫上各種討喜、逗趣的笑臉透過簡單的穿綁小手、小腳搭配觀葉植物與多肉植物釋放出一種來自大自然讓人賞心悅目又充滿療癒力的情調。
蔡宜宸說明她希望透過傳遞手作樂趣給愛植物的人讓大家在一盆盆綠色小世界中灌溉和梳理一畝畝心田的過程得到一種心靈的靜謐和安寧也讓更多人理解和建立雅致的生活美學讓每天的日常從一成不變的枯燥乏味進入更加多彩繽紛的境界。</t>
  </si>
  <si>
    <t>綠色生活透過蔡宜宸植物世界運用協會金門縣美學園藝大自然身心障礙者活動獲得中的枯燥乏味</t>
  </si>
  <si>
    <t>新冠肺炎武漢肺炎疫情金門綠色療癒力</t>
  </si>
  <si>
    <t>肺炎疫情金門綠色武漢</t>
  </si>
  <si>
    <t>上線地圖即刻肺炎掌握疫情臺灣版</t>
  </si>
  <si>
    <t>針對自中國大陸武漢爆發的新型冠狀病毒肺炎(簡稱新冠肺炎NCP)為了讓關心的網友能掌握最正確的資訊美國約翰霍普金斯大學（Johns Hopkins University）推出了蒐集 WHO(世界衛生組織)、美國疾病管制中心(CDC)跟中</t>
  </si>
  <si>
    <t>美國肺炎冠狀病毒世界衛生組織ncpwho關心網友蒐集爆發推出university掌握hopkins正確johns資訊約翰霍普金斯大學簡稱疾病武漢管制中心大陸cdc</t>
  </si>
  <si>
    <t>臺灣地圖肺炎資訊疫情防疫美國民眾目前武漢查詢藥局實用國家平臺約翰霍普金斯大學掌握口罩相當現況逢甲大學資料全球</t>
  </si>
  <si>
    <t>武漢肺炎地圖追蹤疫情工具</t>
  </si>
  <si>
    <t>地圖肺炎疫情追蹤武漢工具</t>
  </si>
  <si>
    <t>去年人民幣</t>
  </si>
  <si>
    <t>大陸知名的外賣平臺美團點評30日公佈最新財報顯示2019年營收為人民幣（下同）97529億元年增4952％；淨利潤為4657億元較2018年同期扭虧為盈。不過受新冠肺炎疫情影響預期2020年第一季業績表現恐將面臨衰</t>
  </si>
  <si>
    <t>表現平臺業績預期點評影響疫情公佈肺炎最新顯示扭虧為盈同期人民幣淨利潤下同</t>
  </si>
  <si>
    <t>大陸知名的外賣平臺美團點評30日公佈最新財報顯示2019年營收為人民幣（下同）97529億元年增4952％；淨利潤為4657億元較2018年同期扭虧為盈。不過受新冠肺炎疫情影響預期2020年第一季業績表現恐將面臨衰退。
綜合陸媒報導美團30日港股盤後公佈2019年全年財報也是2018年赴港上市後的首份年度財報。受惠大陸消費市場的強勁增長動力美團各項業務保持強勁增長。2019年第四季營收達到2816億元年增422％；2019年第四季淨利潤為146億元較2018年同期扭虧為盈。美團點評30日股價還不及反映財報表現收報88港元跌146％。
從各項業務來看美團的「金雞母」—餐飲外賣在2019年的營收達到548億元較2018年同期暴增438％；餐飲外賣日均交易筆數增長364％至2390萬筆。不過由於訂單量暴增影響導致外送員的成本增加美團的外賣銷售成本在2019年達到446億元較2018年同期增加了357％。
在到店、酒店及旅遊業務方面美團在這部分業務的營收在2019年達到223億元年增406％；共用單車、網約車等新業務方面該項業務2019年的營收為204億元年增815％。其中美團共用單車提高了營運效率該項業務虧損問題成功在2019年收窄而公司近期推出的網約車服務也有助於改善新業務方面的虧損狀況。
美團在財報中表示新冠肺炎疫情爆發以來已對大陸許多行業造成巨大衝擊尤其對該公司的餐飲、本地生活服務、酒店業務等日常營造成嚴重影響。無論是在需求端抑或是供應端方面均面臨重大挑戰恐怕將對2020年第一季業績表現產生壓力預計2020年第一季的營收將出現衰退及經營虧損。
美團稱由於疫情仍有高度不確定性目前無法確定是否會對2020年全年的業績預期表現造成影響。</t>
  </si>
  <si>
    <t>業務影響方面疫情餐飲虧損造成大陸同期增長業績達到全年公司面臨</t>
  </si>
  <si>
    <t>扭虧為盈衰退肺炎淨利潤增長</t>
  </si>
  <si>
    <t>衰退肺炎增長扭虧為盈淨利潤</t>
  </si>
  <si>
    <t>不可能張上淳不漏開放走向個案臺灣</t>
  </si>
  <si>
    <t>新冠肺炎疫情趨緩但國際上仍未消停台灣當前的威脅在境外但也不可能持續鎖國。中央流行疫情指揮中心專家諮詢小組召集人張上淳表示未來開放邊境一定是人家讓台灣進去台灣也讓人家進來若能做到相對安心就</t>
  </si>
  <si>
    <t>疫情臺灣人家進來國際仍未張上淳召集人小組表示未來開放邊境專家中心指揮一定流行中央</t>
  </si>
  <si>
    <t>新冠肺炎疫情趨緩但國際上仍未消停台灣當前的威脅在境外但也不可能持續鎖國。中央流行疫情指揮中心專家諮詢小組召集人張上淳表示未來開放邊境一定是人家讓台灣進去台灣也讓人家進來若能做到相對安心就可以接受開放鬆綁邊境的過程中不可能100％不漏接個案若要做到這種程度就很難開放。
許多人擔憂秋冬疫情會再度升溫對此張上淳解釋秋冬令人憂心的地方在於有些人體內帶有病毒但因夏季氣溫高病毒的傳播力小到了冬季就會再度活躍起來造成其他人染疫。
然而台灣目前社區已經安全沒有病毒存在主要的威脅都在境外。張上淳表示若要擔心第2波疫情應不會是秋冬傳播力提升所造成的第2波而是邊境沒守好不小心造成社區傳播的第2波。
張上淳表示國際疫情持續都有病毒隨時都有可能進入台灣但是台灣也不可能永遠鎖國這樣會造成經濟上的衝擊。若需鬆綁邊境一定是人家讓台灣進去台灣也讓人家進來如果對方的疫情控制的好沒有本土個案說不定彼此之間就不需檢疫但若對方有一點疫情可能就要要求來台之前先採檢若能做到相對安心而非100％安心基本上就可以接受開放。他也坦言走向開放的同時不可能做到100％不漏接任何個案若要做到這種程度台灣就很難開放。</t>
  </si>
  <si>
    <t>疫情臺灣開放張上淳病毒造成不可能邊境秋冬傳播表示做到個案沒有社區國際可能人家再度</t>
  </si>
  <si>
    <t>新冠肺炎武漢肺炎新型冠狀病毒台灣開放</t>
  </si>
  <si>
    <t>肺炎武漢冠狀病毒臺灣開放</t>
  </si>
  <si>
    <t>病例日增日本天創社會新高國際</t>
  </si>
  <si>
    <t>日本政府於週四稍晚公佈全國每日新增新冠肺炎感染病例人數高達980多起病例為日本政府兩個月前解除緊急事態宣言以來連續第二天創下高位紀錄。據日本共同社報導日本在週三新增795名病例亦超越自四月以來每日</t>
  </si>
  <si>
    <t>病例新增日本政府以來全國創下肺炎高位紀錄連續感染日本共同社宣言週三事態日本報導解除緊急公佈人數高達稍晚超越週四</t>
  </si>
  <si>
    <t>日本政府於週四稍晚公佈全國每日新增新冠肺炎感染病例人數高達980多起病例為日本政府兩個月前解除緊急事態宣言以來連續第二天創下高位紀錄。據日本共同社報導日本在週三新增795名病例亦超越自四月以來每日新增紀錄。
日本在週四開始連續四天的假期政府並在週四同步開始施行東京等大城以外的國內旅遊補貼計畫希望能帶動偏鄉地區知名旅遊景點的內需經濟復甦。
週四在東京地區新報366名新冠病例。在西日本大阪地區則新增104名病例稍好於前一日的121名。東京並且在截至本週三為止累計新增人數超過一萬人占日本全國高達三分之一。在東京有高達60%的感染病患為20歲和30歲兩類青年人然而衛生專家指出年齡有向上蔓延的趨勢40歲和50歲兩類的人數正在增加。
在國內旅遊此機計畫正式上路之際衛生專家要求民眾盡量減少前往人數激增的地區旅遊例如愛知縣和福岡縣而無旅遊補貼的東京和大阪市也儘量避免。</t>
  </si>
  <si>
    <t>東京新增地區人數病例日本旅遊週四專家衛生感染補貼國內全國以來週三高達連續紀錄開始日本政府上路之際</t>
  </si>
  <si>
    <t>全國東京地區病例新增</t>
  </si>
  <si>
    <t>地區病例東京全國</t>
  </si>
  <si>
    <t>期間停賽協議罕見nba藥檢</t>
  </si>
  <si>
    <t>NBA停賽之後衍生了一個罕見的協議聯盟與球員工會已經同意這段期間不進行藥檢。依照規定球員每季接受6次尿檢如果被驗出大麻、類固醇、體能強化藥物、毒品處罰將從禁賽25場到兩個球季不等。美媒《雅虎體育》報</t>
  </si>
  <si>
    <t>球員罕見協議聯盟球季處罰禁賽毒品藥物強化工會體能類固醇大麻已經同意接受衍生期間進行</t>
  </si>
  <si>
    <t>NBA停賽之後衍生了一個罕見的協議聯盟與球員工會已經同意這段期間不進行藥檢。依照規定球員每季接受6次尿檢如果被驗出大麻、類固醇、體能強化藥物、毒品處罰將從禁賽25場到兩個球季不等。
美媒《雅虎體育》報導這項協議只是暫時的。估計此舉是減少外界人員與球員的接觸畢竟在新冠肺炎疫情蔓延時採取體液樣本可能是較敏感的舉動。NBA最近一次(2019年)遭逮的是前溜馬後衛伊凡斯(Tyreke Evans)他被禁賽兩季。
這項協議是為防疫著想而不是讓球員趁機享受大麻的。美媒NBC估計聯盟至少50%球員使用過大麻不過聯盟在球員前兩次被抓到都不會公佈(私下處罰)第3次雖然會公佈但不會講明是使用何種藥物例如伊凡斯被禁賽時就沒有說明是用了哪種藥。
★中時新聞網提醒您：遠離毒品保護自己！</t>
  </si>
  <si>
    <t>球員協議大麻禁賽聯盟伊凡斯估計藥物毒品使用處罰nba新聞網肺炎疫情蔓延畢竟接觸採取</t>
  </si>
  <si>
    <t>NBA藥檢禁賽大麻杜蘭特</t>
  </si>
  <si>
    <t>禁賽杜蘭特nba大麻藥檢</t>
  </si>
  <si>
    <t>台中告別式母親黃暐瀚優先防疫公祭</t>
  </si>
  <si>
    <t>資深媒體人黃暐瀚的母親這個月5日在台中市南區住家附近遭酒駕美髮師撞上身亡17日上午原本要舉行公祭但近來台灣疫情升溫以防疫優先為考量家祭不公祭數十名親友出席黃盼台灣能夠渡過這次的疫情難關。黃</t>
  </si>
  <si>
    <t>公祭臺灣疫情台中市南區住家附近能夠美髮身亡上午出席黃盼原本親友母親防疫考量舉行近來優先</t>
  </si>
  <si>
    <t>資深媒體人黃暐瀚的母親這個月5日在台中市南區住家附近遭酒駕美髮師撞上身亡17日上午原本要舉行公祭但近來台灣疫情升溫以防疫優先為考量家祭不公祭數十名親友出席黃盼台灣能夠渡過這次的疫情難關。
黃暐瀚的母親因車禍意外過世後期間仍有黃的聽眾粉絲到市立殯儀館為黃媽媽上香但近日台灣本土疫情升溫黃於15日下午在粉絲專頁宣佈取消公祭當天進行家祭PO文指稱「追思家母、防疫優先」希望台灣能夠渡過這次的疫情難關。」。
黃暐瀚的粉絲專業PO文指出「疫情當前人人有責」；此刻不是只有搶物資、拚儲糧而已更重要的是減少出門減少接觸做好健康管理勤洗手、戴口罩、噴酒精。
黃暐瀚續指「家母自從事故之後這段期間受到社會各界的關心與照顧主動來幫忙誦經的法師自動到現場獻花上香的民眾哥哥暐舜與我銘感五內難以言喻面對大家的溫暖我們兄弟倆感謝、感恩、感動！」疫情當頭逾6萬名網友為其加油留下數千則留言。
30歲美髮師方兆傑於5日淩晨駕駛賓士車行經台中市東興路1段與樹義1巷閃燈路口撞上黃暐瀚的母親後拖行70公尺身亡。警方追查方在事發前24小時在4日淩晨駕駛同輛賓士車在西屯酒駕遭攔查酒測值達025遭依公共危險罪移送翌日2度酒駕釀大禍。
★中時新聞網關心您：飲酒過量有礙健康！
★中時新聞網提醒您：酒後不開車安全有保障</t>
  </si>
  <si>
    <t>疫情黃暐瀚粉絲公祭臺灣母親健康關心期間台中身亡上香家母美髮po新聞網防疫</t>
  </si>
  <si>
    <t>黃暐瀚公祭家祭新冠肺炎母親</t>
  </si>
  <si>
    <t>公祭肺炎黃暐瀚母親</t>
  </si>
  <si>
    <t>超車聯發導體</t>
  </si>
  <si>
    <t>聯發科(2454)3月營收重回200億元大關相較2月大幅成長2527%也帶動第一季營收衝上60863億元一舉超越財測。聯發科3月營收22824億元、月成長2527%、年成長227%累計第一季營收60863億元、年增加1544%超</t>
  </si>
  <si>
    <t>季營聯發大幅成長相較一舉超越帶動大關累計年成增加</t>
  </si>
  <si>
    <t>聯發科(2454)3月營收重回200億元大關相較2月大幅成長2527%也帶動第一季營收衝上60863億元一舉超越財測。
聯發科3月營收22824億元、月成長2527%、年成長227%累計第一季營收60863億元、年增加1544%超越財測目標。
聯發科第一季財測以美金對台幣匯率1比30計算第一季營收預估在550億~602億元間季下降7%到15%年增加4%到14%營業毛利率預估為42%正負15%含員工分紅之營業費用率預估為345%正負2%。
聯發科第一季儘管受到新冠肺炎疫情衝擊大陸農曆年後延遲復工加上終端市場緊縮但聯發科營收依舊繳出不錯的成績單也超越財測目標展望後市目前大陸市場大舉復工有望支撐聯發科第二季營運表現惟其餘新興市場依舊多處於鎖國、封城狀況未來整體市場的回溫速度仍需視疫情的變化。
另外由於美國加大對華為的禁令這也使的華為將降低與高通的採購市場看好聯發科將可望成為當中受益者也更有利於聯發科在大陸行動晶片市場的市佔率。</t>
  </si>
  <si>
    <t>聯發市場大陸季營預估疫情超越復工正負華為目標增加整體未來回溫鎖國速度變化</t>
  </si>
  <si>
    <t>聯發科新冠肺炎鎖國封城華為</t>
  </si>
  <si>
    <t>肺炎鎖國封城華為聯發</t>
  </si>
  <si>
    <t>老闆娘臭名心聲舍萬華包容所有人</t>
  </si>
  <si>
    <t>國內疫情嚴峻北市又以萬華區最為嚴重網路上不乏對於萬華不友善之指控有感於此一名在萬華區土生土長的居酒店老闆娘吐露心聲眼看萬華成為眾矢之的十分無奈並表示萬華是北市對「人」包容度最高的地方盼</t>
  </si>
  <si>
    <t>萬華華區北市最為眼看心聲吐露酒店嚴重網路上土生土長對於老闆娘不乏有感於指控友善包容表示十分無奈成為最高嚴峻地方</t>
  </si>
  <si>
    <t>國內疫情嚴峻北市又以萬華區最為嚴重網路上不乏對於萬華不友善之指控有感於此一名在萬華區土生土長的居酒店老闆娘吐露心聲眼看萬華成為眾矢之的十分無奈並表示萬華是北市對「人」包容度最高的地方盼望大家能保有同理心。
一間位於萬華的居酒屋老闆娘20日在商家粉絲專頁「家吶子 臺式居酒屋 Ka-la̍h-á」發文娓娓道出萬華疫情爆發後的心情老闆娘自小在萬華區土生土長但不知道為什麼才幾天的時間萬華即淪為眾矢之的彷彿病毒來自萬華好像萬華人身上都有病毒般讓她好無奈。
老闆娘解釋病毒會自萬華蔓延出去的理由是因為「萬華是臺北市最能包容各式各樣人的地方」老闆娘說在萬華生活的人在社會中擁有的資源相對少在這生活能比較自在萬華地區也有多社工與非營利組織駐點更有不少在地店家相當關注這類議題這群人共同向外發揚萬華的好這次卻被外界套牢負面形象。
老闆娘無奈地說在病毒面前人人都一樣萬華區的遊民只是因為沒有家因而容易被大家欺負與攻擊；也感嘆台灣實在不缺「找人怪罪」希望大家能多些同理心也少些恐慌。
老闆娘也說因應疫情居酒屋這幾日都未營業但她徹徹底底感受到萬華的溫暖在臉書社團上到處都可以看到網友在募集資源協助發送給各地的弱勢團體與醫療資源大喊著「我愛萬華我是萬華人我超驕傲！」
文章曝光後不少網友看了紛紛寫下鼓勵的留言「支持你們萬華加油」、「萬華加油杜絕帶風向攻擊萬華人」、「人情味的好所在」、「萬華沒有錯你永遠是我們天龍國不可缺少的一塊拼圖。」</t>
  </si>
  <si>
    <t>萬華老闆娘華區病毒華人資源疫情無奈居酒網友攻擊沒有北市土生土長</t>
  </si>
  <si>
    <t>新冠肺炎台灣萬華老闆娘居酒屋</t>
  </si>
  <si>
    <t>萬華臺灣老闆娘肺炎居酒</t>
  </si>
  <si>
    <t>預言防疫鬆懈景況自負臺灣看見後果</t>
  </si>
  <si>
    <t>在新冠肺炎疫情方面過去台灣因為超前佈署並落實防疫規定而讓民眾保有高度自由的生活不料近期本土疫情連環爆昨甚至一口氣增加7名本土個案其中6例感染源不明足跡涉及之處包含新北與宜蘭讓台灣從零確診優</t>
  </si>
  <si>
    <t>疫情臺灣本土方面過去宜蘭新北足跡不明涉及超前佈署包含感染落實個案增加規定防疫一口氣民眾保有高度近期生活不料</t>
  </si>
  <si>
    <t>在新冠肺炎疫情方面過去台灣因為超前佈署並落實防疫規定而讓民眾保有高度自由的生活不料近期本土疫情連環爆昨甚至一口氣增加7名本土個案其中6例感染源不明足跡涉及之處包含新北與宜蘭讓台灣從零確診優等生一下進入社區感染階段防疫規定上升到第二級對此男星孫協志就在臉書發文透露前陣子上街已經一堆人沒戴口罩直言「防疫成功不代表免疫」目前能做的只能嚴格要求自己。
台灣連日增加確診人數人心惶惶相關部門也傷透腦筋因應昨(5/11)男星孫協志聞訊後便在臉書發文表示自己老早就一直在叨念前些日子台灣防疫確實做得很成功這都是眾人一起努力才有的成果「但短期的防疫成功並不代表“已經免疫”啊！」。
防疫其實是一個長期抗戰孫協志表示如果不能努力地維持、做好自我管理並且保持控管鬆懈那同樣的事情就會一再發生除非是全球解禁不然請大家就是乖乖的：「勤洗手、勤消毒、戴好口罩聽從所有相關單位的安排發現問題或懷疑什麼了就立刻就醫檢查處理拜託！」。
孫協志直言對自己嚴格一點保護；照顧好自己等同保護別人無奈之前疫情平緩一些時就看到一堆人因為熱、不舒服就沒在戴口罩「好啊！再繼續這樣下去看看吧！唉」他甚至還翻出自己4個月前的臉書po文截圖放在留言區寫下：「早在一月時我就已經在碎念了當時就已經一堆人大搖大擺不戴口罩的在路上閒晃想要爽一下那就請自行承擔爽完之後的結果」當時的發文根本神預言。</t>
  </si>
  <si>
    <t>防疫臺灣口罩疫情孫協志已經發文成功相關感染增加直言努力表示確診規定甚至當時</t>
  </si>
  <si>
    <t>孫協志台灣新冠肺炎確診本土個案</t>
  </si>
  <si>
    <t>肺炎確診本土臺灣個案孫協志</t>
  </si>
  <si>
    <t>台有教授感染者台大肺炎條件</t>
  </si>
  <si>
    <t>新冠肺炎疫情持續蔓延先後傳出無症狀病例引發民眾憂慮台大公衛學院副院長陳秀熙表示之前從大陸武漢來台的人中恐有111名潛在感染者是無法從發燒檢疫出來這些人過去在台期間是否有傳染給他人需要關注並認</t>
  </si>
  <si>
    <t>持續蔓延先後傳出症狀是否病例引發期間民眾憂慮疫情過去大公衛學院出來院長檢疫陳秀熙表示發燒之前大陸無法武漢感染者</t>
  </si>
  <si>
    <t>新冠肺炎疫情持續蔓延先後傳出無症狀病例引發民眾憂慮台大公衛學院副院長陳秀熙表示之前從大陸武漢來台的人中恐有111名潛在感染者是無法從發燒檢疫出來這些人過去在台期間是否有傳染給他人需要關注並認為政府應提高防疫警戒線加嚴篩檢條件如果將有咳嗽者也進行快篩可能感染的人就會減少。</t>
  </si>
  <si>
    <t>持續蔓延先後傳出症狀病例引發民眾疫情憂慮大公衛學院院長感染陳秀熙表示之前大陸可能武漢提高政府人中防疫</t>
  </si>
  <si>
    <t>新冠肺炎陳秀熙防疫篩檢檢疫</t>
  </si>
  <si>
    <t>陳秀熙防疫肺炎檢疫</t>
  </si>
  <si>
    <t>肺炎基隆醫院感染排除巧克力情人節</t>
  </si>
  <si>
    <t>鑽石公主號新冠疫情肆虐基隆1名曾接觸郵輪旅客民眾日前出現呼吸道症狀懷疑罹病至基隆醫院檢查採樣幸採驗結果為陰性觀察無異狀後近期即可辦理出院適逢西洋情人節院長林慶豐帶領醫療團隊治病房外加油</t>
  </si>
  <si>
    <t>基隆團隊醫療帶領疫情林慶豐院長肆虐情人節西洋適逢出院辦理即可近期接觸異狀郵輪民眾觀察陰性日前旅客結果出現</t>
  </si>
  <si>
    <t>鑽石公主號新冠疫情肆虐基隆1名曾接觸郵輪旅客民眾日前出現呼吸道症狀懷疑罹病至基隆醫院檢查採樣幸採驗結果為陰性觀察無異狀後近期即可辦理出院適逢西洋情人節院長林慶豐帶領醫療團隊治病房外加油打氣讓病人備感窩心。
新型冠狀病毒（2019-nCoV）延燒衛福部立基隆醫院指出院內收治的第10位疑似個案因1月31日有長時間接觸到鑽石公主號遊輪旅客後續有呼吸道症狀主動到醫院就醫檢查目前採檢報告為陰性再觀察一段時間即可辦理出院。
2月14日適逢情人節林慶豐帶領護理科及社工室團隊至病房鼓勵病患一切都會順順利利、平平安安還送上精神科職能學員親手製作的巧克力及卡片最後率醫護同仁合唱「感恩的心」一起祝福病人早日康復、平安出院。
「基隆醫院是大家健康的守護神」林慶豐表示目前在院方照護及檢測下都沒有確診病例發生醫院除了在大門裝置2座紅外線體溫檢測儀醫療團隊也提供最好的醫療請民眾放心就醫也呼籲民眾勤洗手進入醫療院所務必佩戴口罩。
衛生局長吳澤誠表示截至昨天累計通報本市採驗的疑似案例有30例其中29例陰性排除1例一採為陰性等待二採結果中另外居家隔離有59人含括1月31日曾與公主號下船者接觸的2名觀光巴士、52名計程車司機身體狀況皆穩定週六清晨可解除隔離。</t>
  </si>
  <si>
    <t>醫療醫院陰性接觸團隊民眾公主病人基隆醫院表示檢測辦理目前基隆病房觀察結果就醫檢查</t>
  </si>
  <si>
    <t>感染時中擔心個案本土</t>
  </si>
  <si>
    <t>個案本土確診國內擔心風險旅遊關注陳時中明確指揮官中心感染指揮</t>
  </si>
  <si>
    <t>本土個案沒有確診陳時中現在案子時中明確曾去感染案例金山潛伏期</t>
  </si>
  <si>
    <t>找不到感染源陳時中本土個案案268案322</t>
  </si>
  <si>
    <t>陳時中感染本土個案</t>
  </si>
  <si>
    <t>中央北市醫療體諒地方疫苗預約</t>
  </si>
  <si>
    <t>北市副市長蔡炳坤18日指出北市13天開了47萬劑的醫療量能中央卻強開60萬個預約量進來導致分配不均他19日再轟中央為搶快會導致地方醫療量能爆掉造成民怨有何好處？既然沒體諒地方責任都丟給地方那中央</t>
  </si>
  <si>
    <t>中央地方導致醫療體諒好處北市民怨造成天開進來分配不均預約搶快指出責任強開</t>
  </si>
  <si>
    <t>北市副市長蔡炳坤18日指出北市13天開了47萬劑的醫療量能中央卻強開60萬個預約量進來導致分配不均他19日再轟中央為搶快會導致地方醫療量能爆掉造成民怨有何好處？既然沒體諒地方責任都丟給地方那中央就自己來打！
蔡炳坤說中央開太多人預約進來以為就沒事了但卻造成北市醫院的醫療量能會吃不消比如一個診所一天只可打100劑卻要診所打到200劑呼籲中央不能為了搶快要打好打穩現在重點已不是給的疫苗多少、夠不夠是量能會爆掉。
蔡炳坤說中央這波開那麼大的量後續有沒有想過該怎辦？打疫苗要有計畫性如今造成民怨對中央有何好處？民眾預約不到責任都丟給地方那既然如此中央就自己來打、來處理中央都沒體諒地方現在AZ第2劑預約才幾小時又滿了北市下午4時會加開1萬7800劑量沒預約到的民眾26日那波還再準備7萬8000劑量。
針對北市議員林穎孟直言若量能不夠應考慮開設市長柯文哲原本承諾的其他3個大型接種站如和平籃球館、臺北體育館、小巨蛋。
蔡炳坤回應和平籃球館、臺北體育館、小巨蛋那些場館已在使用中不能突然下令不能使用拿出來打疫苗市府也都有考量到交通及接種年齡、疫苗種類配置的問題。</t>
  </si>
  <si>
    <t>中央預約疫苗北市蔡炳坤地方接種造成不能醫療現在劑量進來民眾導致使用搶快</t>
  </si>
  <si>
    <t>新冠肺炎台灣北市疫苗醫療量能</t>
  </si>
  <si>
    <t>北市臺灣疫苗肺炎醫療</t>
  </si>
  <si>
    <t>市場台中租金滿意度紓困加強</t>
  </si>
  <si>
    <t>台中「紓困九箭」第一箭針對公有市場、公有民營市場、攤販集中區祭出3至5月租金（使用費）8折優惠總計減免攤商近1200萬元支出。台中市政府經發局向34個轄管公有零售市場自治會展開滿意度調查多數皆表達「非常滿</t>
  </si>
  <si>
    <t>台中 紓困 九 箭 第一 箭 針對 公有 市場 公有 民營 市場 攤販 集中區 祭出 3 至 5 月租金 使用費 8 折 優惠 總計 減免 攤 商 近 1200萬 元 支出 台中市政府 經 發 局 向 34 個 轄 管 公有 零售 市場 自治 會 展開 滿意度 調查 多數 皆 表達 非常 滿</t>
  </si>
  <si>
    <t>市場調查滿意度展開月租金自治使用費零售優惠總計減免台中市政府支出集中區祭出表達攤販非常</t>
  </si>
  <si>
    <t>台中「紓困九箭」第一箭針對公有市場、公有民營市場、攤販集中區祭出3至5月租金（使用費）8折優惠總計減免攤商近1200萬元支出。台中市政府經發局向34個轄管公有零售市場自治會展開滿意度調查多數皆表達「非常滿意」或「滿意」經發局將持續加強環境消毒宣導民眾做好健康管理放心出外購物。
市府日前祭出「紓困九箭」全力協助受疫情影響的民間產業經發局調查第一箭「市場攤商租金8折」滿意度22個市場自治會除表示「非常滿意」也提供市府許多回饋如大雅第一市場就說這次疫情感受到市府的關心攤商都非常感謝。
另外11個表示「滿意」的市場自治會中神岡市場也認為「紓困九箭」是很好的措施；8處攤販集中區中則有2處表示「非常滿意」；6處「滿意」；公有民營市場則大致滿意。
經發局指出儘管滿意度高但仍有一處市場打了「不滿意」分數原因是因為自治會認為租金雖然打8折但受疫情擴大影響到現在消費的顧客並未增多對攤商營業仍有影響。
經發局強調針對新冠肺炎各市場皆定期由專業廠商及現場清潔人員進行環境清潔及消毒市場出入口放置酒精消毒雙手廁所放置肥皂或洗手乳並持續督導攤商進行攤位清潔把不必要的物品撤出市場。</t>
  </si>
  <si>
    <t>市場滿意市府影響疫情消毒自治滿意度清潔持續紓困非常祭出認為環境調查進行表示</t>
  </si>
  <si>
    <t>紓困九箭新冠肺炎疫情經發局8折</t>
  </si>
  <si>
    <t>肺炎疫情經發局紓困</t>
  </si>
  <si>
    <t>生活防疫五月民眾如常心得國外幸運南下</t>
  </si>
  <si>
    <t>中央流行疫情指揮中心今日首度移往屏東舉辦指揮官陳時中戴著周志浩、莊人祥、羅一鈞等防疫五月天成員同行。對於出訪的感想五月天成員表示紓壓墾丁景色很漂亮但該掌握的資訊還是要掌握。最感動的是民眾的生</t>
  </si>
  <si>
    <t>成員五月掌握中心今日首度景色舉辦感動指揮官陳時中指揮表示周志浩防疫羅一鈞莊人祥資訊</t>
  </si>
  <si>
    <t>中央流行疫情指揮中心今日首度移往屏東舉辦指揮官陳時中戴著周志浩、莊人祥、羅一鈞等防疫五月天成員同行。對於出訪的感想五月天成員表示紓壓墾丁景色很漂亮但該掌握的資訊還是要掌握。最感動的是民眾的生活如常比國外幸運很多。
疫情監測組組長周志浩表示出來走一走想法更活潑雖然出來該掌握的國內外資訊還是會掌握鼓勵國人出來走一走保持社交距離勤洗手等措施國內真的很安全；
發言人莊人祥表示這次到訪墾丁非常謝謝縣長潘孟安的招待讓我們更瞭解墾丁尤其景色非常漂亮。今早參觀日照中心是我過去沒有接觸過的業務看到長輩可以悠活自在地唱歌表達出非常多的意念也是以前沒有想過的也謝謝媒體一路相陪；
醫療應變組副組長羅一鈞表示這兩天的小確幸旅遊有助於紓壓國際的疫情、網路爆料都還是要注意和追蹤我們一邊紓壓一邊收集訊息最感動的是民眾生活如常比國外幸運很多看到這一點比紓壓程度比景色更有意義。</t>
  </si>
  <si>
    <t>表示疫情非常掌握中心出來羅一鈞看到謝謝莊人祥景色周志浩沒有資訊漂亮五月成員幸運感動國外</t>
  </si>
  <si>
    <t>墾丁紓壓民眾國外幸運</t>
  </si>
  <si>
    <t>民眾國外幸運</t>
  </si>
  <si>
    <t>關閉法國奧地利瑞士宣佈邊境德國</t>
  </si>
  <si>
    <t>新冠肺炎疫情蔓延德國政府決定自3月16日早8時起關閉與法國、瑞士和奧地利的邊境。這也是自德國頒布口罩與防護服禁止出口禁令、梅克爾拋出有5800萬左右德國人可能感染新冠肺炎之驚人預測數字之後再次有新的防</t>
  </si>
  <si>
    <t>德國肺炎之後關閉時起法國瑞士數字預測決定奧地利邊境德國政府禁止出口驚人頒佈口罩防護蔓延禁令梅克爾</t>
  </si>
  <si>
    <t>zu Frankreich Österreich und der Schweiz - Deutschland schließt seine Grenzen! https://tco/ljBaUcJgmY
新冠肺炎疫情蔓延德國政府決定自3月16日早8時起關閉與法國、瑞士和奧地利的邊境。這也是自德國頒布口罩與防護服禁止出口禁令、梅克爾拋出有5800萬左右德國人可能感染新冠肺炎之驚人預測數字之後再次有新的防疫政策。
德國上周因為醫療口罩禁出口政策德國海關就在德瑞邊境扣留一輛貨車引發了與瑞士之間的摩擦。過了數日德國總理梅克爾又告訴國會約有60%－70%也就是在8200萬人口中有5800萬左右德國人可能感染新冠肺炎。她當時就說德疫情爆發數字的嚴重性更多活動和大型集會可能取消。據今日頭條引述德國報紙《Bild》15日消息德國宣佈了自3月16日早8時起關閉與法國、瑞士和奧地利的邊境。
越來越多的歐洲國家開始關閉邊界並且開始停止民航運輸。像是捷克政府宣佈從週一開始全面禁止人員流動。丹麥週六下午也關閉了邊界、波蘭周日也將採取同樣措施。
另外奧地利停止了與義大利之間的鐵路運輸幾乎完全關閉了兩國邊界。德國在與法國之間的邊界加強邊檢不過現加強為關閉邊界。</t>
  </si>
  <si>
    <t>德國關閉之間邊界奧地利邊境可能開始肺炎瑞士梅克爾數字疫情停止出口法國政策口罩derschweiz</t>
  </si>
  <si>
    <t>德國關閉邊境法國奧地利瑞士</t>
  </si>
  <si>
    <t>關閉奧地利法國邊境德國瑞士</t>
  </si>
  <si>
    <t>慶倖防疫女星神物大陸感謝超市祖上</t>
  </si>
  <si>
    <t>前「女F4」成員劉樂妍近年將事業重心與生活移往中國大陸之後常在社群發表兩岸相關意見與評論且不吝公開喊話熱愛祖國引發兩岸網友議論而自新冠肺炎爆出後劉樂妍經常針對防疫發表看法日前貼文讚嘆大陸超</t>
  </si>
  <si>
    <t>發表兩岸大陸近年事業重心生活劉樂看法日前中國防疫爆出經常肺炎劉樂妍自新之後議論網友引發常在社熱愛祖國喊話</t>
  </si>
  <si>
    <t>前「女F4」成員劉樂妍近年將事業重心與生活移往中國大陸之後常在社群發表兩岸相關意見與評論且不吝公開喊話熱愛祖國引發兩岸網友議論而自新冠肺炎爆出後劉樂妍經常針對防疫發表看法日前貼文讚嘆大陸超市物資充沛感恩直呼：「真慶幸我生活在這個國家」。
劉樂妍日前在臉書po文表示疫情蔓延全球民眾都在瘋搶而住在中國大陸的她分享了進超市採買的步驟表示雖然要戴口罩、量體溫並刷證件條碼才能入內「沒個5分鐘進不來」有點麻煩但走進超市後馬上不在乎這些。
劉樂妍表示大陸城市的超市貨架上的食物應有盡有且是滿滿的不分鮮食、水果還是泡麵等「只有你想不到沒有你買不到」讓她不僅感謝神明跟祖上保佑最重要的是「嘿嘿我現在也有口罩嘍」劉樂妍說疫情爆發後一次性口罩漲成天價但只要單一個超過3元的她就不要「我全部都吐他口水就不買」而在她的堅持與盡量不出門的原則下省了大筆「防疫財」如今還在超市買到口罩讓她再次疾呼「真慶幸我生活在這個國家」。</t>
  </si>
  <si>
    <t>超市口罩大陸劉樂妍表示生活兩岸防疫發表中國疫情日前慶倖近年堅持劉樂儘量不出</t>
  </si>
  <si>
    <t>守護滋補品天華呼吸系統</t>
  </si>
  <si>
    <t>全球新冠病毒持續肆虐防疫成為全民運動！尤其新冠肺炎是屬於呼吸系統問題在疫苗發明之前「防疫」措施不可少呼吸系統保養千萬要做好。天華生技「金百合滋潤軟糖」及「參蕺茶」是自體空氣清淨機的最好幫手</t>
  </si>
  <si>
    <t>呼吸系統防疫自體滋潤百合軟糖天華做好空氣保養持續不可成為肆虐措施之前全民運動發明疫苗</t>
  </si>
  <si>
    <t>全球新冠病毒持續肆虐防疫成為全民運動！尤其新冠肺炎是屬於呼吸系統問題在疫苗發明之前「防疫」措施不可少呼吸系統保養千萬要做好。天華生技「金百合滋潤軟糖」及「參蕺茶」是自體空氣清淨機的最好幫手滋補強身、潤喉保養讓大家從預防開始做好身體保健。
致力中草藥研發已40年柏諦集團關注「肺腺癌」與霧霾25問題斥資推動「LACURE計畫」透過現代醫學的細胞蛋白檢定技術成功從傳統中草藥中標靶出能抑制「肺腺癌」腫瘤細胞生長的有效成分並獲得「可用於治療肺腺癌之中葯萃取物CHINESE MEDICINE EXTRACTS FOR TREAT LUNG ADENOCARCINOMA」發明專利。
天華生技的「金百合滋潤軟糖」含LACURE配方技術專利生津潤喉清新舒暢溫和抵擋PM25遠離壞空氣！飲用調身可使用「參蕺茶」內含魚腥草、刺五加可生津止渴調節身體機能。
天華生技承襲柏諦集團40年來中草藥、草本研發經驗生產一系列對人體有益之產品並且堅持全素食。天華生技獨創優質創新服的共好平臺消費即創業期望更多人與天華一起經營事業同時也做公益幫助弱勢團體讓世界更美好。滿足身、心、靈、事業、人際與財富全方位健康平臺～天華生技！天華生技客服專線：0800-200-982天華官方LINE ID：@tenhua。</t>
  </si>
  <si>
    <t>天華中草藥防疫事業細胞空氣問題呼吸系統lacure技術身體平臺保養做好</t>
  </si>
  <si>
    <t>中草藥呼吸系統天華生技做好</t>
  </si>
  <si>
    <t>天華呼吸系統中草藥</t>
  </si>
  <si>
    <t>公審病毒返鄉網友回家端午翻天</t>
  </si>
  <si>
    <t>全國疫情未見降溫究竟三級警戒是否會「二度延長」至6月28日成為各界關注話題。不過下周就要迎來端午連假了為防堵病毒流動各界都呼籲大家這次忍耐一點別返鄉只是有人配合也有人認為沒必要表示只要返鄉</t>
  </si>
  <si>
    <t>返鄉降溫究竟警戒是否延長認為成為配合關注話題就要迎來端午病毒流動忍耐呼籲</t>
  </si>
  <si>
    <t>全國疫情未見降溫究竟三級警戒是否會「二度延長」至6月28日成為各界關注話題。不過下周就要迎來端午連假了為防堵病毒流動各界都呼籲大家這次忍耐一點別返鄉只是有人配合也有人認為沒必要表示只要返鄉過程落實防疫工作「台鐵也沒停駛全聯也沒關門阿到底在怕什麼啦？」
據悉今年端午連假國道客運截至4日已賣出12萬張車票台鐵售票張數則是從136萬遽減至33萬張而高鐵截至今（6）日上午8時約有56萬人訂票表示有10萬人次將於下周展開移動。
因此稍早一名網友就在PTT針對此議題發聲表示返鄉只要戴好口罩、勤洗手、多消毒其實不用過度擔心染疫問題況且這幾周市場依舊人滿為患大眾運輸工具雖然減班次可仍持續載客加上三級警戒未限制人民不可跨縣市移動所以買票返鄉是完全合乎規定的話鋒一轉原PO還提到「剛剛發現嘴我要返鄉的朋友還是去年國外疫情嚴重時逃回來的留學生根本笑死。」
該文一出留言區隨即挑起兩派論戰不少人認為防疫優先再思念家人也不能返鄉置親朋好友於染疫風險之中並表態「為了家人好是真的不要回去比較好」、「是不會怎麼樣但是可能帶病毒回去感染家人就是你的千錯萬錯了」、「回去伴手禮是病毒嗎？」、「我是很想回去不敢家裡都老人」、「你要返鄉就去啊沒人攔你阿你家人有中就別靠腰」。
至於支持原PO說法的網友則強調政府沒宣佈封城只是「呼籲」民眾別返鄉不具強制約束力所以回不回老家的決定權仍在大家手上因此表示「全程合法政府有種就四級」、「返鄉是自由啊能承擔風險就回去啊」、「能上班不能回家^^」。
無論如何以防疫角度來看目前公路總局已緊急取消連假客運85折優惠希望減少台灣人口流動而高鐵則針對「尖峰時段載客率超過2成」的車次進行換／退票手續協助人流分散又台鐵公佈退票率達7成6預估端午連假售票張數可壓到3萬張以下。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返鄉防疫表示回去端午口罩大眾台鐵勤洗手流動售票po警戒務必</t>
  </si>
  <si>
    <t>返鄉端午連假台鐵回家</t>
  </si>
  <si>
    <t>端午台鐵返鄉回家</t>
  </si>
  <si>
    <t>徵召退職醫護受訓魚販首日最美狀況</t>
  </si>
  <si>
    <t>「最美魚販」阿澎（劉心語）曾在外科擔任護理師4年多眼見本土疫情擴大、臺北市長柯文哲緊急召集退職醫護支援前線她義不容辭的加入團隊昨（1日）是第一天受訓劉心語在社群平臺發文表示：「彷彿回到學生時代</t>
  </si>
  <si>
    <t>心語表示發文平臺曾在擴大臺北市柯文哲疫情緊急外科召集本土眼見退職醫護支援前線義不容辭護理加入團隊擔任受訓</t>
  </si>
  <si>
    <t>「最美魚販」阿澎（劉心語）曾在外科擔任護理師4年多眼見本土疫情擴大、臺北市長柯文哲緊急召集退職醫護支援前線她義不容辭的加入團隊昨（1日）是第一天受訓劉心語在社群平臺發文表示：「彷彿回到學生時代但這次卻是要來打仗的！」
劉心語擁有護理師背景上月29日面試退職醫護召集令入選後於1日參加首日受訓她綁著馬尾、配戴護目鏡及口罩身穿醫護制服化身美麗的白衣天使透露很像回到念書的時候但這回卻是上戰場打仗「不只是我們很多人也都默默付出著。」
同時劉心語轉述已在前線奮戰的朋友貼文不捨對方「有35小時全副武裝沒吃沒喝沒上廁所」她向朋友喊話：「真的很心疼再撐一下…我們來了」並呼籲社會大眾繼續堅持防疫工作用互助、互愛的方式共同走過疫情。
近日新北市雙和醫院有名確診病患因忍受不了長期隔離在病房失控砍傷三名醫護人員劉心語看到新聞忍不住轉發工會聲明「拜託大家不要這樣對待護理人員疫情當前每個人都有自己的情緒但是暴力不能解決問題也沒有誰應該承受誰的負能量大家都是人生父母養將心比心」她請求大家杜絕醫療暴力認同醫護人員不該在前線挨刀。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心語疫情防疫醫護口罩大眾朋友醫護人員暴力前線務必受訓打仗退職卻是</t>
  </si>
  <si>
    <t>劉心語最美魚販阿澎新冠肺炎台灣</t>
  </si>
  <si>
    <t>阿澎魚販最美肺炎心語臺灣</t>
  </si>
  <si>
    <t>高明亂來流感疫苗</t>
  </si>
  <si>
    <t>繼「口罩之亂」、「三倍券之亂」後最近恐又出現「流感疫苗之亂」。公費流感疫苗才開打3天接種量已逾126萬劑；疫苗非常搶手台大醫院最先傳出疫苗告罄各地醫療院所大排長龍政府主管單位應盡快向國際增購或自</t>
  </si>
  <si>
    <t>疫苗流感疫苗單位主管政府大排長龍院所醫療告罄傳出接種非常最近出現公費最先台大醫院搶手</t>
  </si>
  <si>
    <t>繼「口罩之亂」、「三倍券之亂」後最近恐又出現「流感疫苗之亂」。公費流感疫苗才開打3天接種量已逾126萬劑；疫苗非常搶手台大醫院最先傳出疫苗告罄各地醫療院所大排長龍政府主管單位應盡快向國際增購或自產疫苗以超前部署第二波新冠疫情。
由於全球新冠肺炎疫情未止秋冬流感季節又將來臨專家研判秋冬流感與新冠肺炎恐同時流行因此各國都嚴陣以待。今年政府採購的流感疫苗量估計可涵蓋255%人口數與去年約600萬劑相同公費加上自費疫苗量大約800萬劑預估覆蓋率可達31%衛生單位評估應可透過群體保護力降低感染風險。
感染症專家黃立民表示由於今年疫情緊張即使是流感疫苗國際間已買不到疫苗衛生單位今年一定要「配快一點」。而許多國際研究發現施打流感疫苗不但可減少流感威脅也降低已罹患新冠肺炎患者的重症與死亡率。因為在診間醫生可透過患者是否有施打流感疫苗而快速排除其他可能確診是否得到新冠肺炎。為了避免新冠肺炎與流感症狀常常難以區分造成臨床上的判斷困難透過大規模施打流感疫苗可降低民眾需要被隔離的機會以及檢疫人員篩檢時的風險。
中央疫情指揮中心專家諮詢小組召集人張上淳指出如果有接種流感疫苗接種個案發生新冠肺炎感染時嚴重度或死亡度會降低對於發生感染有所幫助因此希望民眾接種越多越好。根據南半球國家的經驗他們的流感疫苗接種率沒特別高但流感發生機率也不高顯示預防新冠肺炎的措施也預防了流感。
因此在秋冬來臨時除了疫苗接種外民眾應繼續維持良好的衛生習慣以避免病毒傳播。以今年1、2月的台灣經驗來看去年流感接種率沒有特別高但到今年3月時我們社區流感發生率幾乎降到非常低顯示戴口罩、勤洗手的措施發揮了功效。
由於新冠肺炎病毒對於有共病、重症、高齡患者的致死率偏高因此衛生單位的公費流感疫苗配額應優先針對上述對象施打。同時在國內外新冠疫情可能在秋冬大規模捲土重來之前政府也應鼓勵民眾針對三高症候群、慢性病等疾病先求醫診治並維持良好衛生習慣至人多密集處記得戴上口罩、保持社交距離、勤洗手常量測體溫不可因台灣新冠確診個案少就鬆懈一定要維持防疫新生活以迎戰第二波的新冠疫情。
（作者為國立台灣大學醫學院名譽教授）</t>
  </si>
  <si>
    <t>流感疫苗流感疫苗肺炎今年疫情接種民眾降低單位專家維持公費國際施打患者發生感染透過</t>
  </si>
  <si>
    <t>新冠肺炎流感流感疫苗施打秋冬</t>
  </si>
  <si>
    <t>流感流感疫苗肺炎施打秋冬</t>
  </si>
  <si>
    <t>總統人氣巴西</t>
  </si>
  <si>
    <t>新冠肺炎病毒讓巴西傷亡慘重但巴西總統波索納洛的支持率不減反增全拜緊急現金補助計畫所賜。■This emergency funding which launched in April has also boosted the popularity of President Jair Bolsonaro</t>
  </si>
  <si>
    <t>巴西popularitytheboosted支持率also不減hasaprilin全拜launched緊急which現金funding補助emergency計畫thisof傷亡慘重總統波索納洛病毒肺炎</t>
  </si>
  <si>
    <t>新冠肺炎病毒讓巴西傷亡慘重但巴西總統波索納洛的支持率不減反增全拜緊急現金補助計畫所賜。
■This emergency funding which launched in April has also boosted the popularity of President Jair Bolsonaro to new heights
儘管新冠肺炎疫情奪走巴西十多萬條人命總統波索納洛（Jair Bolsonaro）的支持率卻不降反升巴西政府每個月發放600裡耳（約3190台幣）緊急援助款幫助人民度過經濟難關一併讓波索納洛的人氣躥升至新高紀錄。
單親媽媽布拉嘉（Ana Valeria Braga）在疫情期間丟掉工作每個月600裡耳成為她的救命錢。她表示：「這筆錢就像是隧道盡頭的光讓我能夠支付房租讓我的兒子不必挨餓。」
月發600裡耳現金給貧民
巴西聯邦政府4月開始向貧民發放600裡耳現金金額大約是基本月薪的一半這項計畫不僅拯救了巴西數千萬名生計因疫情影響的民眾也連帶將波索納洛的支持率推升至新高水準。
根據Datafolha的7月民調顯示波索納洛的支持率由6月的32％上升至37％創下他上任20個月來最高水準不支持率則由44％大降至34％。雖然波索納洛曾把新冠肺炎稱作「小流感」但將近半數的民眾表示巴西新冠肺炎疫情嚴峻不應怪罪波索納洛。
巴西為全球新冠肺炎疫情第三嚴重的國家確診人數超過454萬位居全球第三高死亡人數多達136萬人為全球第二高僅次於美國。
根據巴西研究機構Getulio Vargas基金會經濟學家奈裡（Marcelo Neri）表示巴西超過6700萬人每月獲得金額介於113至226美元補助約占總人口的32％這項援助計畫推行至8月將花掉國庫380億美元。政府發放現金讓2020年巴西貧民減少21％或1310萬人。
現年35歲、住在裡約最大貧民窟的西裡諾（Elaine Cirino）表示政府的援助款讓她和四個孩子活下來「如果波索納洛持續發放現金我會投票給他。我們這條街的人都支持他。」
50歲的荷西（Luis Jose）表示疫情重創巴西但他不怪波索納洛如果要怪罪任何人那只能怪自己新冠肺炎病毒來襲還要去人多的地方。他表示上次大選沒有投給波索納洛「如果波索納洛能著手解決社會問題我會支持他。」
外界擔心經濟進一步惡化
波索納洛發現金也不是人人都買帳50歲的費雷拉（Catia Maria Pontes Ferreira）就不相信政府她認為波索納洛是為了選票才幫助窮人。她說：「波索納洛政府讓我感到很擔心我們的生命都握在他的手中。他不會免費為我們做任何事。」
波索納洛支持率躥揚的代價高昂緊急援助計畫讓巴西的公共支出急速膨脹巴西正努力由2015年至2016年的經濟衰退復元外界擔心政府支出激增恐讓經濟進一步惡化。專家警告巴西可能瀕臨財政危機邊緣。
巴西政府9月將緊急援助計畫延長至2020年底但規模縮水一半可能讓波索納洛的支持度下滑。巴西伯南布哥聯邦大學經濟學教授科斯塔（Ecio Costa）表示：「發放現金肯定能創造政治效益凡是能讓人民脫離苦難的人就能獲得民眾支持但背後的財政成本不容忽視。」</t>
  </si>
  <si>
    <t>波索納洛巴西表示支持率現金政府疫情支持發放肺炎緊急民眾擔心經濟全球援助</t>
  </si>
  <si>
    <t>貧民肺炎援助疫情波索納洛</t>
  </si>
  <si>
    <t>肺炎貧民援助波索納洛疫情</t>
  </si>
  <si>
    <t>疫情警報德國病毒傳染模範社會國際激增</t>
  </si>
  <si>
    <t>德國的新冠狀病毒傳染率已激升至288突破重要的感染指標意味著該國恐需要更長時間才能遏阻疫情。德國負責疾病防控的羅伯特·科赫研究所（Robert Koch InstituteRKI）周日公佈新冠狀病毒傳染率達到288較上周</t>
  </si>
  <si>
    <t>德國傳染病毒意味著指標需要感染重要時間突破升至才能研究所robertkoch疫情負責institute疾病防控</t>
  </si>
  <si>
    <t>德國的新冠狀病毒傳染率已激升至288突破重要的感染指標意味著該國恐需要更長時間才能遏阻疫情。
德國負責疾病防控的羅伯特·科赫研究所（Robert Koch InstituteRKI）周日公佈新冠狀病毒傳染率達到288較上週六的179與上週五的106大幅升高。如果要逐漸控制住疫情擴散該傳染率必須小於1。基於7天平均值德國的傳染率已躍升至203。
在歐洲德國是公認防控疫情的成功典範但如今疫情急速回升最近德國當局已開始要求警方執行隔離措施。在北萊茵－威斯伐倫邦（North Rhine-Westphalia）的肉品加工廠Toennies爆發重大群聚感染已有超過1000名員工確診。另外在哥廷根市（Goettingen）亦爆發社區感染有700名住戶必須進行隔離但其中有200人試圖離開隔離區因此與警方爆發激烈衝突。
RKI表示療養院和醫院、庇護與難民機構、肉品加工廠與物流公司、季節性採收工人以及宗教活動與家庭聚會都出現了群聚感染。截至目前為止德國總確診數達到18萬9822人共8882人死於新冠肺炎。</t>
  </si>
  <si>
    <t>德國感染疫情爆發傳染隔離rki肉品加工廠警方達到確診防控必須升至病毒威斯工人宗教採收</t>
  </si>
  <si>
    <t>典範德國傳染疫情新冠狀病毒</t>
  </si>
  <si>
    <t>疫情傳染德國病毒典範</t>
  </si>
  <si>
    <t>警戒林右昌全國再延</t>
  </si>
  <si>
    <t>中央流行疫情指揮中心日前宣佈全國進入第三級防疫警戒至5月28日基隆市長林右昌今早表示目前有許多確診者不知去向、感染源不明等狀況向中央喊話建議全國三級警戒延長2周。林右昌指出主要有「三個不明兩</t>
  </si>
  <si>
    <t>全國警戒林右昌中央不明日前中心宣佈進入防疫確診不知去向基隆目前表示感染市長狀況喊話建議延長指揮疫情</t>
  </si>
  <si>
    <t>中央流行疫情指揮中心日前宣佈全國進入第三級防疫警戒至5月28日基隆市長林右昌今早表示目前有許多確診者不知去向、感染源不明等狀況向中央喊話建議全國三級警戒延長2周。
林右昌指出主要有「三個不明兩大穩定」的考量他說現階段有許多確診者去向不明、感染源不明加上首都圈外擴散狀況不明另外是校園、疫情需要穩定現在有許多學生確診若貿然、倉促復課老師和家長都沒有辦法安心校園恐怕會成爲新的壓力破口地方政府也疲於奔命。
林右昌進一步說明6月12日是端午連假此時若民眾鬆懈盡管這2周嚴格防疫仍會前功盡棄他強調本土疫情爆發以來台灣民眾都很自律中央、地方政府大家也都很努力但是目前真的沒有鬆懈的本錢。
林右昌說他強烈建議中央全國三級警戒再延長2周但無論中央最後的決定如何都會予以尊重但希望盡早確定宣佈別讓大家措手不及。</t>
  </si>
  <si>
    <t>林右昌中央不明疫情全國確診警戒防疫校園沒有民眾鬆懈目前狀況穩定政府延長地方確定儘早</t>
  </si>
  <si>
    <t>林右昌新冠肺炎全國三級台灣警戒</t>
  </si>
  <si>
    <t>全國肺炎臺灣林右昌警戒</t>
  </si>
  <si>
    <t>取消議會歲末聯誼新春防疫規格團拜</t>
  </si>
  <si>
    <t>新冠肺炎疫情升溫高雄巿議會27日宣佈為加強防疫取消歲末聯誼、元宵與新春團拜等活動議長曾麗燕和副議長陸淑美要求市府落實防疫措施並呼籲市民加強春節防疫。高雄巿議會原訂2月1日舉辦歲末聯誼向來是議員</t>
  </si>
  <si>
    <t>防疫歲末聯誼高雄市議會加強議長升溫市府落實新春舉辦措施元宵春節宣佈取消疫情曾麗燕活動陸淑美要求團拜呼籲市民肺炎向來</t>
  </si>
  <si>
    <t>新冠肺炎疫情升溫高雄巿議會27日宣佈為加強防疫取消歲末聯誼、元宵與新春團拜等活動議長曾麗燕和副議長陸淑美要求市府落實防疫措施並呼籲市民加強春節防疫。
高雄巿議會原訂2月1日舉辦歲末聯誼向來是議員與員工交流的重要時刻歷年從未因故取消為落實防疫政策在議長曾麗燕和副議長陸淑美研議後決定取消。
一併取消的還有依往例舉行的元宵及新春團拜因桃園疫情牽動各縣市防疫曾麗燕和陸淑美也要求市府做好春節防疫並呼籲市民、返鄉過節民眾及觀光旅客遵守中央疫情指揮中心規定。</t>
  </si>
  <si>
    <t>防疫疫情取消陸淑美曾麗燕聯誼歲末議長議會落實元宵新春加強團拜春節市民呼籲市府中央要求遵守旅客升溫觀光民眾交流重要員工時刻</t>
  </si>
  <si>
    <t>高雄巿議會歲末聯誼新春團拜曾麗燕</t>
  </si>
  <si>
    <t>歲末新春聯誼議會團拜曾麗燕高雄市</t>
  </si>
  <si>
    <t>女兒隔離發燒最後亡魂一面</t>
  </si>
  <si>
    <t>新北市22日再傳出1起確診者死亡案例1名66歲婦人20日因不明原因喘不過氣送醫救治後仍在昨日中午逝世院方進一步採驗驗出死者是新冠肺炎陽性患者死者女兒也隨之被要求居家隔離連見媽媽最後一面都不行令人</t>
  </si>
  <si>
    <t>死者最後媽媽連見隔離居家要求隨之一面中午逝世昨日女兒救治患者送醫陽性過氣確診原因</t>
  </si>
  <si>
    <t>新北市22日再傳出1起確診者死亡案例1名66歲婦人20日因不明原因喘不過氣送醫救治後仍在昨日中午逝世院方進一步採驗驗出死者是新冠肺炎陽性患者死者女兒也隨之被要求居家隔離連見媽媽最後一面都不行令人鼻酸。
新北市衛生局表示相關疫情資訊以指揮中心公佈為主。加計昨天疫情中心公佈的80多歲及70多歲兩名男子死亡後才確診案例昨天1天就添3名亡魂。
死者女兒說媽媽15日因身體不舒服曾到診所就醫未驗出確診20日突然喘不過氣緊急送醫先送往板橋亞東醫院插管治療因情況未好轉再轉往中和區雙和醫院救治22日中午在院內過世院方採檢後確認為新冠肺炎患者。
由於根據現行規定新冠肺炎患者死亡後需在24小時內通報火化或深埋如今死者女兒被居家隔離不僅無法與媽媽見最後一面連上個香、出席告別式都不行。
新北議員林國春表示接獲死者女兒陳情由於她曾與確診的媽媽有接觸染疫風險很高想前往醫院採檢確認是否染疫卻因居家隔離不得外出打了很多遍1922也沒人接不知如何是好。
「類似狀況很多早就不是第1件。」林國春說確診者家屬被感染風險最高往往因被匡列居家隔離連篩檢都不行可見確診黑數還很多他建議相關單位設置「確診者家屬專用的篩檢站」把醫療資源用在刀口上。
疫情中心昨公佈2名死亡案例分別為案3097的80多歲男子及案3553的70多歲男子。案3097死亡後確診家人曾表示無萬華區活動史亦無接觸確診個案但指揮中心發言人莊人祥透露該男子是旅遊團成員目前這台遊覽車有13人確診；另案3553曾接觸過確診者5月18日匡列為居家隔離電訪時自述無症狀5月19日至醫院採檢5月21日家人發現無呼吸心跳當日便宣告死亡採檢後確診。</t>
  </si>
  <si>
    <t>確診居家死者隔離死亡醫院女兒媽媽表示中心不行案例接觸疫情男子公佈</t>
  </si>
  <si>
    <t>採檢居家隔離肺炎醫院死亡</t>
  </si>
  <si>
    <t>隔離居家肺炎醫院死亡</t>
  </si>
  <si>
    <t>總理證實俄羅斯肺炎確診職務</t>
  </si>
  <si>
    <t>又一名人染上新冠肺炎！俄羅斯總理米舒斯京（Mikhail Mishustin）30日證實自己罹患新冠肺炎他已將此事報告總統普丁他將自我隔離以保護其他內閣成員目前俄羅斯副總理職務由第一副總理代理。綜合媒體報導俄羅</t>
  </si>
  <si>
    <t>總理俄羅斯肺炎媒體綜合成員隔離保護內閣普丁總統mishustin代理報告mikhail證實已將米舒斯職務報導目前</t>
  </si>
  <si>
    <t>又一名人染上新冠肺炎！俄羅斯總理米舒斯京（Mikhail Mishustin）30日證實自己罹患新冠肺炎他已將此事報告總統普丁他將自我隔離以保護其他內閣成員目前俄羅斯副總理職務由第一副總理代理。
綜合媒體報導俄羅斯總理米舒斯京染上新冠肺炎他將自我隔離。另米舒斯京建議委任俄羅斯第一副總理別洛烏索夫（Andrey Belousov）暫時代理總理職務此事也獲得普丁同意。
目前俄羅斯境內通報10萬6498起新冠肺炎確診病例有1073人因而死亡。其中首都莫斯科市累計確診病例達53739例為全俄羅斯疫情最嚴重的地區。</t>
  </si>
  <si>
    <t>俄羅斯總理肺炎普丁確診病例隔離目前職務代理米舒斯累計莫斯科市疫情belousov暫時烏索夫mishustin證實</t>
  </si>
  <si>
    <t>俄羅斯新冠肺炎總理武漢肺炎新冠肺炎</t>
  </si>
  <si>
    <t>肺炎總理武漢俄羅斯</t>
  </si>
  <si>
    <t>天才個案縣府確診花蓮返鄉沒收桃園匡列上月工人通知</t>
  </si>
  <si>
    <t>花蓮連續5天0確診破功今天一口氣增加7例主要為家庭群聚染疫一名有煙癮的50多歲男子上月17日從桃園觀音工班返花後即出現輕微症狀直到本月8日症狀持續惡化前往醫院篩檢才確診其妻子、兒子及岳父家共6人連</t>
  </si>
  <si>
    <t>確診症狀妻子今天一口氣增加家庭醫院前往惡化持續煙癮兒子男子出現上月花後輕微</t>
  </si>
  <si>
    <t>花蓮連續5天0確診破功今天一口氣增加7例主要為家庭群聚染疫一名有煙癮的50多歲男子上月17日從桃園觀音工班返花後即出現輕微症狀直到本月8日症狀持續惡化前往醫院篩檢才確診其妻子、兒子及岳父家共6人連帶染疫。花蓮縣政府表示該工班當時有人確診桃園工人有接獲匡列通知個案因返花沒有收到通知因此呼籲民眾返花後請務必向衛生局預約快篩。
花蓮縣衛生局長朱家祥表示案12137是名從事水泥工的男性上月15日和老闆到桃園觀音某工地工作17日返花蓮後即出現咳嗽症狀原以為是抽煙引起不以為意17至22日期間仍在新城鄉仁愛路某工地繼續工作不過症狀持續惡化22日到診所就醫拿藥後返家直到本月8日身體喘不過去妻子及兒子陪同前往門諾醫院快篩確診症狀每況欲下門諾醫院立即給予插管治療並緊急轉送到慈濟醫院診察治療不過目前狀況不太好。
案12138、案12139分別為案12137的妻子及兒子朱說太太為一名50多歲的家庭主婦除了陪同先生和兒子前往診所就醫外平時會去重慶市場、7-11豐川門市、梅珍香食品行等處採買食物也會去娘家照顧失智的父親上月24日出現咳嗽、手腳痠痛等症狀因2、3天後症狀消失沒太在意；30多歲的兒子則自述是宅男已7、8年無業偶爾陪母親出門 上月22日出現喉嚨痛、發燒現象有到診所就醫藥物雖無改善症狀卻還是待在家中與母親在本月8日陪同父親醫院時一併篩檢後確診。
案12297、12298、12299、12300分別為案12138的家人朱家祥說案12138確診後隨即被匡列不過案12300為案12138高齡81多歲的父親有許多慢性病如高血壓、慢性肺阻塞等由於失智平常需要製氧機供應氧氣40餘歲的兒子、女兒及18歲的孫子都會探望他家族進而相繼確診目前皆僅有輕微呼吸道症狀健康狀況良好。
由於個案染疫父子因身體不適曾分別前往診所就醫父親從外地返鄉卻沒有通報篩檢基層診所是否缺乏警覺朱家祥仍相信當時的當診醫師一定有做好最適合的評估 不過醫療上最怕事後諸葛仍呼籲基層診所需做好第一道的防線。
另外今天一早有民眾發現許多員警紛紛前往市衛生所前的快篩站進行篩檢縣警局長蔡丁賢說7日上午8點半許花蓮分局豐川派出所所長帶著同仁巡邏路上見到一名81歲的失智長者因此協助他返家今天衛生局通知這名長者為確診者相關的4名同仁趕緊前往篩檢目前皆呈陰性無需匡列不過仍要求他們進行自主健康管理而車輛皆有進行深入的消毒作業。
★吸菸有害健康 中時新聞網關心您！戒菸專線：0800-636363</t>
  </si>
  <si>
    <t>確診症狀兒子診所前往父親醫院花蓮上月就醫出現今天目前進行匡列</t>
  </si>
  <si>
    <t>新冠肺炎台灣花蓮症狀篩檢</t>
  </si>
  <si>
    <t>花蓮臺灣症狀肺炎</t>
  </si>
  <si>
    <t>違反檢疫探望</t>
  </si>
  <si>
    <t>63歲鄭姓婦女今年5月入境但首晚就離開檢疫地點遭裁罰10萬元。鄭女直到9月9日要返回美國探望生病的孫子才發現自己因未繳清罰緩被境管。鄭雖然頻頻抱怨不過11日就繳清罰鍰解除境管。行政執行署桃園分署表示</t>
  </si>
  <si>
    <t>執行離開行政檢疫地點生病入境返回美國探望孫子鄭女直到解除發現自己頻頻</t>
  </si>
  <si>
    <t>63歲鄭姓婦女今年5月入境但首晚就離開檢疫地點遭裁罰10萬元。鄭女直到9月9日要返回美國探望生病的孫子才發現自己因未繳清罰緩被境管。鄭雖然頻頻抱怨不過11日就繳清罰鍰解除境管。
行政執行署桃園分署表示鄭姓女子5月2日自美國入境應實施居家檢疫至5月17日解除惟鄭女第1晚即搭車擅離居家檢疫地點逾1小時經員警查獲移由台北市政府衛生局裁罰10萬元裁處書於5月28日合法送達鄭女但鄭未於7日內繳納罰鍰案經移送機關於6月22日移送桃園分署執行。
桃園分署受理後僅扣得其存款1000餘元調查發現鄭女早於2011年間即經戶政機關註記「遷出國外」其出國已逾10年應早已定居美國今年突然返國隨時有離境返美之可能即先行報請法務部行政執行署同意後依法限制其出境、出海。
鄭女9月9日至桃園機場準備搭機返回美國經移民署告知已遭桃園分署限制出境當場在機場致電書記官連珠炮痛批政府並抱怨她想回美國探視生病的孫子為何被限制出境等。經書記官委婉告知如不服處分得依規定提起訴願但要繳清罰鍰始得解除出境之限制。鄭女終於9月11日繳清罰鍰並立即致電書記官要求解除其出境、出海之限制。</t>
  </si>
  <si>
    <t>美國鄭女限制桃園出境檢疫書記官分署解除執行告知機關抱怨機場地點今年居家返回</t>
  </si>
  <si>
    <t>居家檢疫新冠肺炎移民署限制出境</t>
  </si>
  <si>
    <t>肺炎移民署檢疫限制居家出境</t>
  </si>
  <si>
    <t>任賢比照新北疫情緊急接種delta迎戰疫苗</t>
  </si>
  <si>
    <t>印度變異株（Delta）侵入社區釀成新北幼兒園及大樓群聚。中華民國防疫學會榮譽理事長王任賢表示面對Delta來襲政策上必須封鎖、開放並行邊境要嚴管但不需跟進加碼至21天而是搭配多層次篩查要求入境天天</t>
  </si>
  <si>
    <t>delta搭配加碼跟進社區嚴管釀成邊境幼稚園新北並行多層次開放樓群封鎖中華民國必須防疫學會榮譽政策理事長王任賢</t>
  </si>
  <si>
    <t>印度變異株（Delta）侵入社區釀成新北幼兒園及大樓群聚。中華民國防疫學會榮譽理事長王任賢表示面對Delta來襲政策上必須封鎖、開放並行邊境要嚴管但不需跟進加碼至21天而是搭配多層次篩查要求入境天天採檢。境內則是要嚴打除了篩查也應比照屏東緊急接種疫苗如此一來即便再忙14天後疫苗的效果就會出現呼籲中央給予協助若疫苗給新北不如屏東那麼「阿莎力」這就不對了。
國政基金會今舉辦《新冠肺炎疫苗發展的瓶頸及解決之道（十五）－防疫破口Delta入侵、如何超前部署減少死傷》座談會由永續發展組召集人陳宜民主持並邀請王任賢等專家參與討論。
面對Delta疫情王任賢表示如今的社會已經改變從彭博「全球防疫韌性排名」評鑑可看出社會已經不能再搞封鎖而是應該封鎖與開放並行。某些國家鑑於Delta疫情加強入境檢疫至21天但他認為「加碼誰不會做？」開放是個擋不了的趨勢因此這項措施也跟進不了。
王任賢認為因應Delta的重點在於「邊境嚴管、境內嚴打」。目前唯一可以阻擋Delta擴散地方只有負壓隔離病房但我們沒辦法做因此邊境上要做的是及早偵測即透過多層次篩查達到類似「電子腳鐐」的效果要求入境者天天篩檢一旦發現陽性就立刻治療；至於境內嚴打為避免疫情擴大接觸者是最需要被保護的一群必須要被廣匡並投注資源有藥物給藥物、有疫苗給疫苗、有篩查給篩查。
以經歷過Delta疫情的屏東為例確診案例集中的楓港、善餘2村曾獲中央同意優先撥補疫苗PCR檢測陰性就可前往施打。王任賢表示屏東推動緊急疫苗接種雖然效果不是立即的但是保護力仍會在14天後出來即便再忙也就忙碌14天。
王任賢表示篩查與疫苗是境內嚴打的2根打狗棒篩查地方政府可以自己做但疫苗卻需要中央撥補若中央給給屏東疫苗給的很「阿莎力」給新北卻「不阿莎力」這就不對了呼籲中央給予協助。</t>
  </si>
  <si>
    <t>delta疫苗篩查疫情表示王任賢境內防疫嚴打中央效果邊境開放新北封鎖社會已經必須保護入境</t>
  </si>
  <si>
    <t>Delta王任賢新冠肺炎屏東疫苗</t>
  </si>
  <si>
    <t>肺炎王任賢delta疫苗</t>
  </si>
  <si>
    <t>陳時中生變坦言現在時機餐飲不對</t>
  </si>
  <si>
    <t>環南市場爆發41人群聚經統計確診者的Ct值分佈發現當中有12人Ct值已達30以上另有16人介於15-20之間。指揮中心不排除近期會繼續檢出新個案呼籲工作人員、外包人員、攤商等先勿移動。對於7月12日以後幼兒園、</t>
  </si>
  <si>
    <t>ct移動統計人員確診工作人員呼籲對於個案出新繼續近期排除人群中心指揮</t>
  </si>
  <si>
    <t>環南市場爆發41人群聚經統計確診者的Ct值分佈發現當中有12人Ct值已達30以上另有16人介於15-20之間。指揮中心不排除近期會繼續檢出新個案呼籲工作人員、外包人員、攤商等先勿移動。對於7月12日以後幼兒園、安親班有無機會恢復指揮官陳時中表示還是要集中精神等市場群聚告一段落否則大家一定不會安心開了也沒人敢行動。
陳時中說昨日北市大型篩檢發現很多個案有40例新個案加1例舊案新個案不包含在今日公佈個案中。目前採檢還在持續進行中不排除繼續檢出新個案提醒環南市場相關工作、外包人員、攤商等暫勿移動配合匡列、採檢等安排。
由於市場是計畫性篩檢陳時中表示確診的41人大部分都是無症狀感染者。醫療應變組副組長羅一鈞說還不能給明確數字要等疫調結果。指揮中心有針對Ct值分佈做表格30以上的41人中有12人其他的都是30以下其中15-20之間有16人傳染力偏高的比例不是很低。
針對市場的感染源陳時中表示還需要更多證據才能判定目前已經指定醫療應變組副組長王必勝前往現場相關的疫調人員、防疫醫師也會一起工作。對於環南市場需停業3天農委會已對外報告相關的物資會有適當的安排民生物資的供應仍然沒有問題。
對於臺北市長柯文哲採取第1圈快篩、第2圈疫苗、第3圈擴大篩檢的做法陳時中表示沒有絕對的對和錯快是一件很重要的事情這也是為什麼要成立「聯合前進指揮所」。先快篩後PCR的作法除非是在社區篩檢否則我們比較主張面對目的性的篩檢直接以大規模的PCR採檢篩檢完。他也呼籲民眾配合採檢才能達到好的篩檢率把可能的病人找出來。
「聯合前進指揮所」成立後外界好奇是誰聽誰指揮？陳時中表示指揮中心成立期間一切以中央指示為主但是指揮所以合作為主若有歧異可以到指揮中心決議。
陳時中表示整體而言要把採檢做確實昨日亞東醫院、北榮都完成2600人以上的PCR採檢。採檢速度快能趕快把感染者找出做好疫調、隔離試著把疫情控制到最小。病毒不分身分別都要找出來甚至顧客也要去找面對問題才是重要的事。
對於7月12日以後幼兒園、安親班有無機會恢復？陳時中表示我們都在長期做準備在一般的時候做好管理包括人員的健康監測、有確診案例時的自主行動都是要來做的。至於何時要開要看看疫情的情況今日爆出市場的群聚事件還是要集中精神把事情告一段落否則大家一定不會安心開了也沒有人敢行動會研判疫情的情勢做出決策。
至於何時才會公佈餐飲指引供未來解封做準備陳時中表示要等到大家心情穩定的時候才做餐飲指引的公佈我們也準備的差不多了不過現在時機不對要先面對疫情。現在開始要把腳步加快把疫情匡住。</t>
  </si>
  <si>
    <t>市場表示陳時中疫情指揮對於個案中心相關確診沒有行動</t>
  </si>
  <si>
    <t>三級警戒幼兒園新冠肺炎台灣幼兒園</t>
  </si>
  <si>
    <t>肺炎幼稚園警戒臺灣</t>
  </si>
  <si>
    <t>科工皇普高雄房市重返熱區</t>
  </si>
  <si>
    <t>高雄科工館生活圈躍升房市戰區包括城揚建設、隆大營建、遠雄、永信集團等建商都積極搶進使得該區周邊新成屋和預售建案至少16個每坪售價約25到30萬元；此次皇普建設加入戰局推出「摩天100」建案成為重返高雄</t>
  </si>
  <si>
    <t>建設躍升房市高雄戰區包括城揚使得商都積極周邊大營皇普預售推出加入至少每坪戰局</t>
  </si>
  <si>
    <t>高雄科工館生活圈躍升房市戰區包括城揚建設、隆大營建、遠雄、永信集團等建商都積極搶進使得該區周邊新成屋和預售建案至少16個每坪售價約25到30萬元；此次皇普建設加入戰局推出「摩天100」建案成為重返高雄首案。
皇普建設董事長蘇永平27日南下主持「摩天100」公開儀式對於此次新冠肺炎疫情與房市變化蘇永平認為跟SARS的時空背景完全不同SARS發生的2003年是建商歷經金融風暴後的沈澱階段而新冠肺炎爆發之際正是建商歷經10年房市多頭、口袋滿滿的時候不太可能出現殺價競爭。
更何況未來的房市台商將是最大的希望族群之一蘇永平表示疫情將更加深百萬台商返台投資和購屋的決心如果加上越來越多的香港消費者國內房市將是樂觀的。他說「摩天100」是皇普重返高雄房市的第一個建案今年3月將動工預定2022年第3季完工交屋目前正在尋找適合的建地未來將繼續耕耘高雄房地產市場。
上揚國際建築團隊總經理施棟瀝指出根據市調資料顯示高雄科工館生活圈已躍升高雄房市熱區包括新成屋、預售案及準備進場的個案至少16個平均每坪售價在25萬元到30萬元之間。他表示高雄鐵路地下化後科工館站成為台鐵科工館站、輕軌科工館站、及高雄捷運橘線O8五塊厝站的「三捷交會」處交通機能吸引購屋族青睞。
蘇永平表示新經營團隊在接手兩年多內推出六案共220億今年可望虧轉盈。昨天皇普也公佈2019年財報全年淨損9424萬每股稅後虧損038元。</t>
  </si>
  <si>
    <t>房市高雄皇普蘇永平表示建設科工購屋團隊未來台商今年包括疫情推出歷經肺炎</t>
  </si>
  <si>
    <t>摩天重返高雄肺炎科工館站建商</t>
  </si>
  <si>
    <t>科工肺炎高雄重返</t>
  </si>
  <si>
    <t>乘客郵輪港口挪威德國檢疫</t>
  </si>
  <si>
    <t>根據《環球網》引述《彭博社》消息指出一艘載有1200名乘客的德國郵輪「Aida Aura」在挪威的Haugesund（豪格松）港接受整體檢疫隔離。此前該郵輪上兩名乘客進行了新型冠狀病毒檢測目前正在等待檢測結果。其他</t>
  </si>
  <si>
    <t>乘客郵輪目前消息病毒檢測指出冠狀載有進行德國正在接受aida挪威此前檢疫haugesund整體aura隔離彭博社等待引述檢測</t>
  </si>
  <si>
    <t>根據《環球網》引述《彭博社》消息指出一艘載有1200名乘客的德國郵輪「Aida Aura」在挪威的Haugesund（豪格松）港接受整體檢疫隔離。
此前該郵輪上兩名乘客進行了新型冠狀病毒檢測目前正在等待檢測結果。其他大約1200名乘客則留在船上未被允許下船。
根據「The Local」報導當地醫師指出郵輪上有2名乘客被懷疑可能感染新冠肺炎因此要求醫師進行檢疫檢體送到位於挪威卑爾根的豪格松醫學院檢驗。
報導說這兩名疑似病例都是德國人曾於1周前接觸另一名德國人而後者經過採驗證實為陽性。
德國目前有196人確診無人死亡；挪威有32人確診亦無人死亡。</t>
  </si>
  <si>
    <t>乘客德國郵輪挪威目前報導醫師進行檢疫指出消息允許船上留在下船載有大約the結果檢測local</t>
  </si>
  <si>
    <t>設備半導體稱霸臺灣市場</t>
  </si>
  <si>
    <t>根據國際半導體產業協會（SEMI）最新統計2020年全球半導體製造設備市場大幅成長19％銷售總額由2019年的5975億美元攀至2020年的7119億美元並創下歷史新高紀錄。今年受惠於全球半導體廠大舉拉高資本支出並擴大</t>
  </si>
  <si>
    <t>全球semi大舉最新半導體廠統計受惠導體今年製造紀錄設備大幅歷史成長創下銷售總額市場協會拉高產業資本半導體支出國際擴大</t>
  </si>
  <si>
    <t>根據國際半導體產業協會（SEMI）最新統計2020年全球半導體製造設備市場大幅成長19％銷售總額由2019年的5975億美元攀至2020年的7119億美元並創下歷史新高紀錄。今年受惠於全球半導體廠大舉拉高資本支出並擴大投資業界預估2021年全球半導體製造設備市場將挑戰800億美元續創新高SEMI預期台灣今年將重回全球最大半導體設備市場。
SEMI認為在半導體產能嚴重供不應求且業者大動作投資擴產的情況下未來幾年將是半導體設備市場的超級循環週期（super cycle）。法人表示包括極紫外光（EUV）光罩載具供應商家登、廠務工程及EUV設備模組代工廠帆宣、廠務工程業者漢唐及信紘科、封裝及濕製程設備廠弘塑、蝕刻及薄膜設備代工廠京鼎等資本支出概念股將直接受惠而且疫情將讓台積電加快採用在地供應鏈資本支出概念股營運一路看旺到明年。
根據SEMI統計中國首次成為半導體設備年度銷售金額最大市場銷售額年增39％達1872億美元。台灣則以1715億美元市場規模緊追在後並位居第二銷售額在2019年大幅增長後2020年約略持平。韓國大幅成長61％達1608億美元繼續位居第三大市場。日本和歐洲兩大地區走出2019年頹勢持續復甦年度支出各有21％及16％的增長。北美則是連3年正成長後2020年銷售首度出現下滑20％達653億美元。
SEMI表示2020年全球晶圓製程設備銷售額上升19％其他前段設備銷售額則有4％的小幅增長。封裝設備在各地區均出現強勁增長的推波助瀾下2020年市場躍升幅度達34％測試設備總銷售也有20％的成長。
SEMI全球行銷長暨台灣區總裁曹世綸表示展望2021年隨著許多半導體製造商在今年初陸續發布的新計畫持續強化投資看好全球半導體設備市場將在未來持續創下新高。新冠肺炎疫情帶動數位元轉型持續加速曹世綸看好5G、資料中心、人工智慧（AI）及高效能運算（HPC）等應用將持續為半導體產業注入成長動能。業界預估全球半導體設備市場2021年有機會加速成長並突破800億美元再創歷史新高紀錄且因為台積電資本支出創下新高SEMI預期台灣今年將重回全球最大半導體設備市場。</t>
  </si>
  <si>
    <t>設備市場semi全球成長導體持續支出資本表示增長銷售額投資半導體銷售創下廠務大幅euv曹世綸封裝制程</t>
  </si>
  <si>
    <t>成長新高銷售額增長半導體設備</t>
  </si>
  <si>
    <t>增長半導體銷售額新高設備成長</t>
  </si>
  <si>
    <t>外交臺灣角力籌碼疫苗</t>
  </si>
  <si>
    <t>新冠肺炎疫情在全球燃燒各界關注哪時可以研發出國產疫苗或取得外國疫苗衛福部長陳時中透露我國已於9月18日與國際平臺「COVID-19 疫苗全球取得機制」（COVAX）。對此宅神朱學恒分析目前疫苗訂價和數量已成</t>
  </si>
  <si>
    <t>疫苗全球取得目前燃燒分析關注朱學研發可以我國對此已于陳時中透露部長covax國際機制平臺covid-疫情外國衛福</t>
  </si>
  <si>
    <t>疫苗臺灣陳時中covax取得安全全球國際才能朱學已經目前確定數量衛福部長我國</t>
  </si>
  <si>
    <t>疫苗新冠肺炎台灣COVAX宅神</t>
  </si>
  <si>
    <t>肺炎臺灣covax疫苗</t>
  </si>
  <si>
    <t>患者以上下令配戴旅館防疫監視器加強版</t>
  </si>
  <si>
    <t>臺北市部署數家加強版防疫專責旅館收治輕症、無症狀確診者近日屢傳高齡病患猝死在房間還有70歲患者反應很久都沒醫師看診、給藥讓外界關心醫護負擔是否太重？臺北市長柯文哲說未來60歲以上患者都會配戴血</t>
  </si>
  <si>
    <t>患者臺北市以上專責防疫旅館未來收治症狀確診柯文哲近日醫護高齡是否關心外界負擔</t>
  </si>
  <si>
    <t>臺北市部署數家加強版防疫專責旅館收治輕症、無症狀確診者近日屢傳高齡病患猝死在房間還有70歲患者反應很久都沒醫師看診、給藥讓外界關心醫護負擔是否太重？臺北市長柯文哲說未來60歲以上患者都會配戴血氧監視器1天要求視訊、電訪數次建立起關懷的SOP相信服務品質會慢慢改善。
繼臺北凱撒飯店6旬女子猝死後近日又有旅館傳出50歲確診男子猝死還有住在加強版專責旅館的70歲患者反應等很久卻盼無醫師看診、給藥病況越來越嚴重讓外界關心旅館內醫護是否負擔太重若有緊急情況怎麼處理。
柯文哲指出未來將規定60歲以上患者要配血氧監視器會討論一天量幾次不要病情直轉直下都不知道會慢慢把防疫旅館醫護人力充實看是要一天至少視訊、電訪幾次並測量呼吸、心跳、血壓、血氧飽和度等數值。
柯文哲說由於疫情來得又急又快一開始設立都會手忙腳亂先求有再求好目前SOP已經慢慢建立服務品質會慢慢改善期望大眾再給市府一禮拜時間。</t>
  </si>
  <si>
    <t>旅館患者慢慢猝死柯文哲都會近日醫護確診防疫還有sop建立監視器專責改善</t>
  </si>
  <si>
    <t>新冠肺炎台灣 加強版60歲以上血氧</t>
  </si>
  <si>
    <t>臺灣加強版以上肺炎</t>
  </si>
  <si>
    <t>震盪評級債券債市攪局佈局良機肺炎</t>
  </si>
  <si>
    <t>在新冠肺炎擾亂全球經濟後美國聯準會(Fed)近期突然降息二碼讓全球股債匯市場震盪不已。看到今年來有多國陸續降息以資金提供市場支撐然經濟發展受到新冠疫情的波折未定施羅德投信預期今年第一季甚或至第</t>
  </si>
  <si>
    <t>降息全球市場經濟今年施羅德未定波折疫情多國不已fed受到美國陸續准會震盪近期發展突然資金</t>
  </si>
  <si>
    <t>在新冠肺炎擾亂全球經濟後美國聯準會(Fed)近期突然降息二碼讓全球股債匯市場震盪不已。看到今年來有多國陸續降息以資金提供市場支撐然經濟發展受到新冠疫情的波折未定施羅德投信預期今年第一季甚或至第二季投資人都應該為逆風環境作準備不妨以主要投資於高評級債券的環球型收息債券基金為投資組合的核心不管是追求收益、或者是因應風險相信會是不錯的投資策略。
美國聯準會(Fed)於3月3日緊急降息二碼使得聯邦基金利率已降至1～125％區間美國10年期公債殖利率首次低於1％創下歷史新低的0906％但之後美股指數先漲後跌上沖下洗也影響其他國家市場震盪加劇。
不只美國回顧年初至今全球主要國家的利率政策多國紛紛降息。在3月3日同一天即有澳洲、馬來西亞同樣降息一碼而在二月也有多國新興市場如巴西、俄羅斯等也都降息一碼原因雖與新冠疫情無關但顯見許多國家持續採寬鬆政策以此支撐經濟表現。
針對美國施羅德首席經濟學家Keith Wade認為就目前的經濟商業調查結果顯示由於大陸需求疲弱和供應鏈中斷引發經濟活動減緩；但美國的經濟活動尚未因此而崩潰。然而美國聯準會(Fed)採取緊急降息行動雖然有助於支撐經濟但也可能會加劇人們對疫情的恐慌情緒。
至於其他新興國家施羅德新興市場經濟學家Craig Botham分析過去2年對新興市場而言相當重要的關鍵因素便是通膨下滑且幾乎降至已開發市場的水準也讓許多新興國家在2019年可以大幅度降息且持續至今。從過去經驗看到當通膨開始走跌時將有助於新興市場央行取得更大的政策空間並能刺激新興市場固定收益資產出現更好的報酬。
施羅德投信表示整體而言市場的動盪和通膨維持低點都讓許多國家依舊採取寬鬆政策而在目前環境中是佈局高評級債券的良機。
施羅德環球收息債券基金經理人Patrick Vogel表示信用市場對新冠疫情的反應相對股市投資人而言已冷靜許多但仍有負面反應。信用市場上目前看到統計至二月底對利差較敏感的債券種類表現較差例如信評較低的高收益債、表現落後投資等級債；BBB級表現也較AA級為差循環性產業的債券表現、表現也落後於與景氣波動關聯性較低的防禦性產業；次順位債的表現也不如擁有優先償債權和擔保品特性的主順位債券。
且除了疫情可能擴散和惡化的影響外Patrick Vogel認為整體信用市場在全球景氣循環處於末升段下景氣敏感型產業的債信較難以出現持續性的強勁漲勢。因此建議投資人在當前市場波動加大下投資組合配置持續採取高防禦性的調整。
以施羅德環球收息債券基金為例大幅降低高收益債和景氣敏感產業的部位偏好主順位金融債也認為新興市場債仍有許多潛在的投資機會。另外在此波動環境中經理團隊將利用目前市場的錯價來逐漸調整投資部位積極尋求成長契機。</t>
  </si>
  <si>
    <t>市場降息投資經濟美國債券施羅德疫情表現目前全球國家收益基金景氣投資人持續採取認為</t>
  </si>
  <si>
    <t>全球新興市場降息美國國家</t>
  </si>
  <si>
    <t>降息全球國家市場美國</t>
  </si>
  <si>
    <t>葡萄社區盤商溪湖病毒超強確診裡長</t>
  </si>
  <si>
    <t>溪湖葡萄家族超強傳播力驚傳溪湖某裡長確診縣府緊急在社區內宮廟設置臨時快篩站急尋篩檢對象並呼籲曾經在當地宮廟及社區活動中心活動過的民眾盡速到快篩站篩檢從19日開始上午8點半開始一直到下午5點</t>
  </si>
  <si>
    <t>宮廟溪湖裡長開始確診縣府緊急社區超強傳播活動中心社區活動當地民眾設置物件呼籲曾經</t>
  </si>
  <si>
    <t>溪湖葡萄家族超強傳播力驚傳溪湖某裡長確診縣府緊急在社區內宮廟設置臨時快篩站急尋篩檢對象並呼籲曾經在當地宮廟及社區活動中心活動過的民眾盡速到快篩站篩檢從19日開始上午8點半開始一直到下午5點分流請不同年齡層的民眾到此篩檢。
彰化縣新冠肺炎疫情急遽升溫嚴峻程度直逼雙北18日縣府緊急說明宣佈溪湖葡萄盤商群聚傳播鏈再新增22人確診溪湖淪為重災區晚間傳出某裡長也是歌唱班一員採檢確診目前已被收治隔離。
由於裡長十分熱心在社區活動中心開辦多項活動與服務衛生局不敢大意直接派出篩檢車與採檢人員進駐活動中心設站19日一早行動快篩站啟動急叩裡民前來採檢。
而歌友會確診22人中多數CT值都是在20以下病毒傳播力強歌唱班歌友們活動範圍廣遍佈溪湖、埔心、永靖等等目前縣府緊急進行全縣大消毒但可能為時已晚就算現在緊急設置篩檢站恐怕病毒早已經散播出去。
從彰化縣流行疫情指揮中心公告來看急尋篩檢的對象包含曾經參與過該裡宮廟、及到過社區活動中心的任何活動者篩檢採取年齡分流方式上午8點30至10點30分為60歲以上10點30至12點為50至60歲下午1點至3點為40至50歲下午3點至5點則是40歲以下。</t>
  </si>
  <si>
    <t>中心溪湖確診活動緊急裡長縣府宮廟社區活動歌友目前歌唱疫情分流民眾傳播下午</t>
  </si>
  <si>
    <t>溪湖篩檢裡長確診快篩站</t>
  </si>
  <si>
    <t>裡長確診溪湖</t>
  </si>
  <si>
    <t>頂上縱橫最愛魚翅熄燈</t>
  </si>
  <si>
    <t>在新冠肺炎疫情的侵襲下北市許多餐廳陸續傳出暫停營業但在臺北市屹立不搖33年的「頂上魚翅」卻也吹起熄燈號本刊記者前往位在新生南路、仁愛路口的店面卻看到曾經門庭若市的「頂上魚翅」拉下大門門口貼了顯</t>
  </si>
  <si>
    <t>魚翅頂上侵襲北市餐廳陸續拉下傳出疫情暫停營業臺北市屹立不搖門庭若市前往記者店面新生南路路口仁愛曾經熄燈號看到大門肺炎門口</t>
  </si>
  <si>
    <t>在新冠肺炎疫情的侵襲下北市許多餐廳陸續傳出暫停營業但在臺北市屹立不搖33年的「頂上魚翅」卻也吹起熄燈號本刊記者前往位在新生南路、仁愛路口的店面卻看到曾經門庭若市的「頂上魚翅」拉下大門門口貼了顯眼的字條「本公司因物料短缺自即日起結束營業」。
在臺北市有三大魚翅餐廳頂上魚翅、新同樂、吉品；其中新同樂的名氣以及歷史最悠久許多演藝圈、建築業以及金融圈人士都會到此用餐但在2005年時卻驚傳歇業老員工找到金主又另起爐灶創立吉品魚翅海鮮餐廳。
不過其中最有故事的還是創立於1987年「頂上魚翅」在當年每到入夜頂上魚翅的附近就停滿了雙B黑頭車以及許多小弟在門口等著用餐的大哥除了黑道外前立法院長王金平以及退居幕後的前國民黨主席吳伯雄、前副總統連戰等都曾是頂上魚翅的座上賓甚至黑白兩道喬事情都會來到頂上魚翅。
而創立頂上魚翅的正是人稱「三哥」的林輝雄以及「四哥」林文斌而頂上單人份的魚翅就要價3000多元即使是炒飯每份也要900元在當年頂上每天的收入就將近200萬元不過林輝雄後來移民新加坡後頂上就由侄子李明憲經營也因台灣人的環保意識崛起生意慢慢下滑。
而在14日頂上魚翅卻在門口貼出結束營業的公告寫道「本公司因物料短缺自即日起結束營業」見證台灣錢淹腳目的「頂上魚翅」正式走入歷史。</t>
  </si>
  <si>
    <t>頂上魚翅門口餐廳營業用餐創立結束臺北市林輝雄吉品當年歷史公司短缺自即日起物料道外侵襲北市</t>
  </si>
  <si>
    <t>頂上魚翅新冠肺炎黑道白道武漢肺炎</t>
  </si>
  <si>
    <t>肺炎黑道白道魚翅武漢頂上</t>
  </si>
  <si>
    <t>肺炎還要加上一物</t>
  </si>
  <si>
    <t>隨著新冠肺炎疫情延燒消毒抗菌等防疫產品也變得炙手可熱、人人搶購。最近有不少新聞指出部分精油似乎也有消毒抗菌的效果甚至有人將精油與紅標米酒混合製成酒精噴霧來使用。但也有皮膚科醫師表示這個方法不僅</t>
  </si>
  <si>
    <t>消毒肺炎疫情酒精製成使用混合米酒最近炙手可熱人人搶購防疫產品新聞</t>
  </si>
  <si>
    <t>隨著新冠肺炎疫情延燒消毒抗菌等防疫產品也變得炙手可熱、人人搶購。最近有不少新聞指出部分精油似乎也有消毒抗菌的效果甚至有人將精油與紅標米酒混合製成酒精噴霧來使用。但也有皮膚科醫師表示這個方法不僅無效且可能刺激肌膚到底精油能不能消毒防疫呢？
根據2013年澳洲格里菲斯大學（Griffith University）的研究發現茶樹油、桉樹（尤加利樹）油具抵抗A型流感病毒的作用而且研究指出只要5～15分鐘就能讓95％的病毒失去活性；另外2018年韓國光州女子大學的一項研究也發現在62種精油中至少有11種有抗A型流感病毒的效果能讓病毒活性降低30％以上。所以精油真的有抗菌或抗病毒的效果嗎？
美之道皮膚科診所院長邱品齊表示過去的確有不少研究顯示某些精油對消毒抗菌有幫助但始終是實驗狀態下得到的結果例如研究可能是在密閉容器中噴灑精油噴霧再測量容器中殘留的病毒活性等「這是針對特定情況所得到的結果且很多研究也不是針對冠狀病毒來實驗若是用於不同環境或是針對這次新冠肺炎的新型冠狀病毒精油是否有效都還有待研究證明」邱品齊說。
臺北醫學大學護理學博士、同時也是芳療師的許藍方則表示部分精油的確有「抑菌、抑病毒」的效果也就是能抑制細菌或病毒生長但並不等於能「殺菌殺毒」真正能達到徹底殺菌、消毒功能的還是要靠如濃度介於70～78％的酒精等物品才有用「精油只能算是一種輔助除了有助抑制細菌和病毒精油也有強化免疫、安撫情緒、紓壓放鬆的效果但提醒大家還是不能本末倒置」許藍方說。
由於酒精搶手難買到有人異想天開把精油和紅標米酒混合製成酒精噴霧來使用但米酒能取代酒精做成消毒噴霧嗎？許藍方說市售米酒濃度大多只有2、30度左右和牛奶一樣頂多作為媒介來幫助精油與水融合但濃度不足無法達到消毒效果。
如果想自製精油酒精噴霧許藍方說明比例：「用75％酒精50ml加入精油20～30滴搖晃混合均勻即可。」她建議包括奧勒岡精油（兒童不適用）、羅文莎葉、綠薄荷、肉桂、尤加利（以史密斯尤加利為佳）、綠花白千層、迷迭香、百里香、薰衣草、茶樹、佛手柑、檀香、廣藿香等都是不錯的選擇「薰衣草、茶樹、尤加利等有助改善呼吸道、鼻塞的症狀；而佛手柑、檀香、廣藿香則有紓壓、放鬆的效果對免疫力的提升都有不錯的幫助」許藍方說。
但許藍方也補充自製精油酒精噴霧時濃度以50cc酒精搭配50滴精油為上限若是濃度太高可能會刺激皮膚也不建議一次調配太大容量最好以1～2個月內用完為主。
台灣芳香醫學醫學會理事長、台安醫院家庭醫學科暨社區醫學部主任羅佳琳表示自製精油酒精噴霧雖不難但如何挑選好的、純的精油就又是另外一門學問例如光是大家熟知的薰衣草市面上就可能有真正薰衣草、甜醒目薰衣草等不同種類效果也都不太一樣因此她建議以下幾點：
1精油應要用暗色、不透光的玻璃瓶盛裝不可使用塑膠瓶以免溶出有毒物質。
2盡量選成分（有拉丁學名更好）、來源產地、精油萃取部位等標示清楚的產品且有標註「pure essential oil」的字樣。
3如果可以試聞或試用好的精油味道不應太過持久且用手搓一搓會很快吸收不黏膩。</t>
  </si>
  <si>
    <t>病毒效果研究酒精消毒濃度許藍表示可能衣草幫助茶樹建議</t>
  </si>
  <si>
    <t>新冠肺炎武漢肺炎NCP新型冠狀病毒台灣</t>
  </si>
  <si>
    <t>肺炎武漢ncp病毒冠狀臺灣</t>
  </si>
  <si>
    <t>侯友宜月底疫苗中央</t>
  </si>
  <si>
    <t>全台今日再增15例新冠肺炎死亡案例新北市長侯友宜昨批中央「不要再刁難了趕快讓疫苗進來最重要」侯今受訪時再次疾呼中央若要等到8月才打國產疫苗先不論品質好壞「我們還能再等2個月嗎？2個月有多少人會</t>
  </si>
  <si>
    <t>疫苗中央肺炎死亡案例好壞新北市長品質侯友宜侯今受訪重要再次疾呼不要進來</t>
  </si>
  <si>
    <t>全台今日再增15例新冠肺炎死亡案例新北市長侯友宜昨批中央「不要再刁難了趕快讓疫苗進來最重要」侯今受訪時再次疾呼中央若要等到8月才打國產疫苗先不論品質好壞「我們還能再等2個月嗎？2個月有多少人會從輕症轉重症？還要有多少人因此而離開？」
侯友宜說高端疫苗不是不能等但是要再拖2個月的話不知道有多少輕症者會轉為重症又有多少人會因此而離開他每天在第一線看到離開的重症患者心真的很痛拜託中央「疫苗不能等」把紓困的經費撥一些錢來買疫苗儘早解決問題。
侯友宜質疑國人疫苗接種率0點幾％疫情看似舒緩、數字下降但你能保證什麼時候會再回來嗎？他實在很不願意講這些重話但今天已經有很多企業提供採購疫苗的資訊中央身為政府應該「跳出來做」、「指揮官應該拿出權利排除所有障礙」而不是讓企業自己慢慢來。
侯友宜說國產高端疫苗7、8月才能用先不論品質好壞我們還能再等2個月嗎？2個月還要走多少人？確診患者每分每秒都在跟時間賽跑拜託中央能夠現在做、就要趕快做有沒有刁難人民都看在眼裡。</t>
  </si>
  <si>
    <t>疫苗中央侯友宜重症企業患者不能離開刁難趕快應該高端品質</t>
  </si>
  <si>
    <t>新冠肺炎台灣侯友宜中央國產疫苗</t>
  </si>
  <si>
    <t>侯友宜肺炎臺灣中央疫苗</t>
  </si>
  <si>
    <t>嘉玲連續挺進埔裡接種</t>
  </si>
  <si>
    <t>中央流行疫情指揮中心公佈各縣市確診人數南投縣20日確診人數為零為南投縣連續10天迎接「嘉玲」衛生局表示今日繼續在南投市、草屯鎮、埔裡鎮、鹿穀鄉、中寮鄉、魚池鄉、水裡鄉、信義鄉仍持續設站接種上午下</t>
  </si>
  <si>
    <t>確診人數持續中心公佈信義鄉水裡鄉各縣市魚池鄉中寮鄉鹿穀鄉埔裡草屯鎮南投市設站繼續今日連續表示迎接衛生局嘉玲指揮接種疫情</t>
  </si>
  <si>
    <t>中央流行疫情指揮中心公佈各縣市確診人數南投縣20日確診人數為零為南投縣連續10天迎接「嘉玲」衛生局表示今日繼續在南投市、草屯鎮、埔裡鎮、鹿穀鄉、中寮鄉、魚池鄉、水裡鄉、信義鄉仍持續設站接種上午下大雨加上各地傳出疫苗接種不良事件符合接種對象的86歲以上長者及76歲以上原住民長者影響接種意願。
衛生局指出中央配撥AZ疫苗第二批配撥1萬300劑疫苗給南投縣從19日、20日在13鄉鎮市設置大型疫苗接種站全面接種。
近日全國各地疫苗接種不良反應事件影響昨日疫苗接種人數不如預期第二批配撥疫苗1萬300劑僅接種1445劑接種率14％今日繼續在南投市、草屯鎮、埔裡鎮、鹿穀鄉、中寮鄉、魚池鄉、水裡鄉、信義鄉設站接種。
衛生局也統計中央撥配南投縣第一批AZ疫苗1萬8000劑截至19日下午4時第一至第五類分配數6696劑已完成5454劑接種率81％仍陸續規畫依序接種中；第六類撥配量為1萬1304劑完成1萬417劑接種率92％。
18、19日兩日南投縣接獲新冠肺炎疫苗接種不良反應死亡事件計4例衛生局依疾管署規定完成疫苗接種不良反應通報後續將協助家屬提出「預防接種受害救濟」申請今日截至中午幸未獲通報有身體不適的接種者。</t>
  </si>
  <si>
    <t>接種疫苗衛生局今日完成不良反應人數事件截至中央通報設站影響繼續az魚池鄉水裡鄉南投市信義鄉長者中寮鄉</t>
  </si>
  <si>
    <t>新冠肺炎台灣南投縣疫苗接種衛生局</t>
  </si>
  <si>
    <t>臺灣肺炎疫苗接種衛生局</t>
  </si>
  <si>
    <t>無法開放降級陳宗彥普渡</t>
  </si>
  <si>
    <t>中央流行疫情指揮中心日前宣佈13日起微解封三級警戒則延長至7月26日對於宗教場所可以有條件開放但中元普渡則維持不開放。對此民眾好奇是否代表即便到了8月的中元節仍無法降級副指揮官陳宗彥表示還有1</t>
  </si>
  <si>
    <t>開放降級中心日前中元節宣佈代表指揮官是否好奇民眾對此指揮延長對於場所可以宗教條件</t>
  </si>
  <si>
    <t>中央流行疫情指揮中心日前宣佈13日起微解封三級警戒則延長至7月26日對於宗教場所可以有條件開放但中元普渡則維持不開放。對此民眾好奇是否代表即便到了8月的中元節仍無法降級副指揮官陳宗彥表示還有1個月的時間會持續觀察疫情。
陳宗彥表示今年中元普渡是國曆8月初距離現在還有將近1個月的時間我們會持續觀察疫情再隨時和縣市主管機關討論。對於是否要改為線上進行找人誦經開放上網普渡？他表示去年普渡我們有經驗會隨著疫情變動讓大家知道。</t>
  </si>
  <si>
    <t>疫情表示普渡開放是否對於還有觀察時間持續中心日前宣佈中元節代表進行</t>
  </si>
  <si>
    <t>中元普渡8月陳宗彥普渡疫情</t>
  </si>
  <si>
    <t>陳宗彥普渡疫情</t>
  </si>
  <si>
    <t>侯友宜新增確診有點特殊新北</t>
  </si>
  <si>
    <t>新北市今天確診案例新增65例仍居各縣市之冠但已持續減少到一個月以來最低點。為了阻絕高齡者染疫風險新北市85歲以上長者疫苗今(15日)開打侯友宜說金山區有點特殊因昨天新增一例確診但因家庭群聚關係今再</t>
  </si>
  <si>
    <t>新增確診新北以來減少最低點阻絕持續高齡者家庭侯友宜風險各縣市金山區有點疫苗以上</t>
  </si>
  <si>
    <t>新北市今天確診案例新增65例仍居各縣市之冠但已持續減少到一個月以來最低點。為了阻絕高齡者染疫風險新北市85歲以上長者疫苗今(15日)開打侯友宜說金山區有點特殊因昨天新增一例確診但因家庭群聚關係今再新增6例衛生局已展開精準疫調擴大匡列接觸者。
侯友宜指出今日新增65例本土個案連續三天降至百例以下新北累積確診總數達5780人以新店10人、三重9例、中和8例、板橋6例以及金山6例；侯友宜說金山區6例有點特殊因1人於昨日確診但因家族群聚關係今日再新增6人確診明天起機動快篩隊也將進駐金山衛生局已立刻精準疫調匡列接觸者。
侯友宜說整個接種站目前回報接種率平均近6成左右還要後續觀察長者按照分區、分裡、分時段的方式接種不會造成群聚除了在籍者以外對於不在籍長者侯友宜表示「大家放心、一定打得到」第一波在籍者打完分析施打率後會用最快的時間通知不在籍長者接種時間、地點提早做準備。
侯友宜強調新北不在籍85歲以上長者一定打得到疫苗即日起至17日下午5時可向裡辦公室或區公所填寫意願調查表或電話登記依區公所公佈、通知時間及地點前往接種。</t>
  </si>
  <si>
    <t>侯友宜長者新增接種確診新北時間不在區公所通知金山疫苗打得今日以上衛生局</t>
  </si>
  <si>
    <t>新冠肺炎台灣新北侯友宜az</t>
  </si>
  <si>
    <t>臺灣新北肺炎侯友宜az</t>
  </si>
  <si>
    <t>疫情排除邊境管制</t>
  </si>
  <si>
    <t>日韓新冠肺炎疫情升溫中央流行疫情指揮中心22日宣佈日本與南韓旅遊警示提升至第二級警示（Alert）旅客到當地應採取加強防護措施。指揮官陳時中並強調根據疫情進展不排除對日韓做相關邊境管制。截至22日</t>
  </si>
  <si>
    <t>疫情警示當地採取加強防護日本措施指揮官宣佈陳時中中心指揮肺炎強調排除進展alert旅客提升相關旅遊南韓升溫</t>
  </si>
  <si>
    <t>日韓新冠肺炎疫情升溫中央流行疫情指揮中心22日宣佈日本與南韓旅遊警示提升至第二級警示（Alert）旅客到當地應採取加強防護措施。指揮官陳時中並強調根據疫情進展不排除對日韓做相關邊境管制。
截至22日衛福部疾管署將泰國列為「第一級注意（Watch）」旅客退團退費金額須扣除行政規費、賠償旅行社損失。
日本、南韓、新加坡為旅遊「第二級警示（Alert）」民眾赴當地應採取加強防護措施如果要退出旅行團扣除旅行業者必要費用後視個案狀況不同旅客最高可拿回95％的費用。
大陸、港澳地區則列為「第三級警告（Warning）」建議避免至當地所有非必要旅遊若旅客退團扣除旅行社必要費用外可拿回100％費用。
陳時中指出日本新冠肺炎確診病例數已達110例超過七成為當地或疑似當地感染且多例感染源不明甚至已發生數起社區及醫院群聚。
而南韓新冠肺炎確診的病例快速增加到346例且超過七成可能是當地感染其中五例感染源不明。在日、韓兩國都有多例感染源不明與當地感染情況下調整其旅遊警示。
至於日本、韓國是否可能升級為「第三級警告」則由中央流行疫情指揮中心視日韓後續疫情發展狀況決定。
另外鑽石公主號包機19名台灣旅客22日淩晨入住負壓隔離病房一檢皆為陰性預計22日晚上11點半將實施二檢23日即可知道檢驗結果。
至於日前感染源不明的北部新冠肺炎確診者即第24案60多歲婦女的情況。陳時中指出第24案掌握接觸者共465人已採檢181人162人陰性其餘檢驗中。指揮中心與醫護單位鎖定第24案婦女入院後接觸的134名醫護人員進行疫調目前確定無醫護人員感染院內感染風險已解除。
截至22日我國新冠肺炎確診案例數共26名、一名死亡其餘個案病況穩定。</t>
  </si>
  <si>
    <t>旅客感染當地日本肺炎疫情旅遊費用扣除確診南韓警示指揮中心列為狀況</t>
  </si>
  <si>
    <t>陳時中旅遊肺炎日韓費用</t>
  </si>
  <si>
    <t>旅遊肺炎陳時中費用</t>
  </si>
  <si>
    <t>動力科技（6591）受到新冠肺炎影響2月營收急降只餘下3556萬元一舉創下掛牌以來的新低在基期夠低下帶動3月營收回神來到136億元以歷年同期新高開出月增率28167％的佳績惟因1、2月營收不振今年首</t>
  </si>
  <si>
    <t>肺炎影響佳績一舉開出急降創下掛牌以來新高同期新低歷年基期來到低下收回帶動</t>
  </si>
  <si>
    <t>動力科技（6591）受到新冠肺炎影響2月營收急降只餘下3556萬元一舉創下掛牌以來的新低在基期夠低下帶動3月營收回神來到136億元以歷年同期新高開出月增率28167％的佳績惟因1、2月營收不振今年首季營收仍創下掛牌以來的次低。
動力科技3月營收回神重回億元關卡來到136億元較去年同期的113億元年增1971％惟因2月受到新冠肺炎影響再加上工作天數較少單月營收僅3556萬元月增率急升至28167％。
雖然動力科技3月營收月增率大增主要是因為2月基期較低所致但因增幅夠大市場預期其營運已脫離疫情的幹擾帶動動力科技10日股價以跳空開高開出一度逼近40元關卡終場以384元作收上漲463％續創反彈以來的高點。
動力科技指出3月營收月增率激增原因有很多包括三大廠區均於3月份完成人員復工及產線配置更新作業出貨天數恢復正常此外下游系統廠商客戶回補庫存需求回溫客戶拉貨力道明顯增加大陸各地交通運輸障礙逐漸排除以及上游零組件供應鏈恢復正常整體出貨量較上個月大幅增加都是3月份營收回神的原因。
展望第二季動力表示第二季英特爾將推出新款的第10代Comet Lake桌機處理器下半年超微及輝達（NVIDIA）也規畫推出7奈米製程的新款繪圖晶片均具備低功耗及高效能的優化性能滿足遠端會議辦公、線上學習遊戲等高速運算及傳輸需求可望迎來新一波的硬體升級需求亦帶動高效能散熱風扇需求成長預估隨疫情穩定控制後今年整體出貨量可望逐步增加。
動力表示近期部份出貨受新冠肺炎疫情擴散出現遞延惟下游需求目前仍維持不變對今年整體營運展望維持審慎樂觀態度除了預期高階PC相關散熱產品出貨量可望持續增加動力與下遊客戶積極開發的5G通訊用路由器及伺服器等散熱產品也預計在下半年進入測試認證階段；此外AI智能風扇將切入利基型散熱產品市場；再加上江西新廠現已完成試產下半年隨著旺季來臨可望進入量產階段今年總產能可望增加二成以上。</t>
  </si>
  <si>
    <t>動力需求可望增加散熱科技下半年今年疫情下游產品帶動整體客戶出貨量以來收回</t>
  </si>
  <si>
    <t>下游肺炎出貨散熱疫情</t>
  </si>
  <si>
    <t>肺炎散熱疫情下游</t>
  </si>
  <si>
    <t>疫苗婆婆通知簡訊真相曝光崩潰</t>
  </si>
  <si>
    <t>新冠疫苗意願登記第三輪已陸續發送預約簡訊給符合資格的民眾截自昨日17時已有逾95萬人預約。一名人妻收到簡訊後又驚又喜更直呼「婆婆還沒收到我先收到」她急忙到疫苗登記平臺預約但過程中卻頻頻失敗查</t>
  </si>
  <si>
    <t>預約收到登記簡訊疫苗過程平臺婆婆三輪又驚又喜昨日資格符合陸續民眾發送意願</t>
  </si>
  <si>
    <t>新冠疫苗意願登記第三輪已陸續發送預約簡訊給符合資格的民眾截自昨日17時已有逾95萬人預約。一名人妻收到簡訊後又驚又喜更直呼「婆婆還沒收到我先收到」她急忙到疫苗登記平臺預約但過程中卻頻頻失敗查詢後才發現竟然是有人填寫聯絡電話填成她的號碼令她崩潰直呼「這麼重要的資料也能打錯啦！到底是誰？」
原PO昨（20）日於臉書社團《爆廢公社》指出中午收到1922簡訊內容告知需於20至22日中午12時前至預約平臺完成疫苗接種預約她既驚訝又納悶「怎麼這麼快就輪到我？我前天才登記且婆婆都還沒收到我就先收到了」更透露當初填寫意願登記時僅勾選莫德納但現在卻是收到AZ預約簡訊。
原PO抱著既然已收到簡訊就去打的想法開心地至預約登記平臺填選接種時段及接種站豈知無論她怎麼按都出現錯誤訊息便上網查詢可能錯誤原因赫然發現可能是他人填寫意願登記時誤輸入她的電話號碼令她崩潰說「這麼重要的資料怎麼會打錯啦？到底是誰害我高興了001秒！」
這段經歷曝光後意外釣出相似經驗的網友留言「我也被騙了2次」、「我也是苦主之一妳不孤單」、「怎麼會有天兵輸錯資料啦」、「繼續和婆婆等通知吧」、「我也是登入很多次都進不去才發現自己被耍了」等。
★《中時新聞網》提醒您：因應新冠肺炎疫情疾管署持續加強疫情監測與邊境管制措施 如有疑似症狀請撥打：1922專線或 0800-001922 並依指示配戴口罩儘速就醫同時主動告知醫師旅遊史及接觸史以利及時診斷及通報。</t>
  </si>
  <si>
    <t>預約登記收到簡訊婆婆填寫意願平臺疫苗告知資料接種疫情po查詢中午</t>
  </si>
  <si>
    <t>新冠肺炎公費疫苗疫苗通知AZ莫德納</t>
  </si>
  <si>
    <t>疫苗公費通知肺炎az莫德納</t>
  </si>
  <si>
    <t>回傳人類傳染機會</t>
  </si>
  <si>
    <t>近日傳出美國紐約一家動物園中一隻老虎被檢測出新冠肺炎陽性農委會防檢局表示由於不知道檢測方法、檢體來源所以仍有可能是確診的飼育員飛沬汙染老虎目前國內動物檢測還是依「新冠肺炎確診個案飼養之共居犬貓</t>
  </si>
  <si>
    <t>檢測確診老虎肺炎動物園個案一家可能污染來源方法表示目前出新國內</t>
  </si>
  <si>
    <t>近日傳出美國紐約一家動物園中一隻老虎被檢測出新冠肺炎陽性農委會防檢局表示由於不知道檢測方法、檢體來源所以仍有可能是確診的飼育員飛沬汙染老虎目前國內動物檢測還是依「新冠肺炎確診個案飼養之共居犬貓檢驗原則」規定必須是確診者的犬貓、並有症狀經獸醫師通報後才會送檢目前無採檢案例。
中央流行疫情指揮中心表示已與農委會聯繫根據世界動物衛生組織（OIE）和世衛組織的資料目前沒有證據顯示家禽動物會直接感染新冠病毒但寵物是沾染到病毒還是真的受到感染後續會請農委會做更詳盡的評估。
防檢局副局長徐榮彬表示雖然從香港開始部分國家開始檢測貓、狗等伴侶動物並發現陽性但不知其檢體來源為其口腔、鼻腔或糞便等目前僅確認檢測為陽性仍無法排除汙染的情況。
台大獸醫專業學院教授劉振軒則認為目前看起來該隻老虎有食欲不振等症狀經檢測為陽性但應該是從確診新冠肺炎的飼育員傳染給該隻老虎目前沒有證據病毒會在動物與動物之間傳染也沒有證據指出會由動物再傳染給人類。
劉振軒提及2003年的SARS時也有人懷疑SARS會透過貓傳染但17年來沒有發生這樣的情況。</t>
  </si>
  <si>
    <t>目前動物檢測陽性老虎確診農委會表示沒有肺炎劉振軒病毒獸醫污染證據傳染給症狀感染</t>
  </si>
  <si>
    <t>陽性隻老虎飼育員病毒肺炎</t>
  </si>
  <si>
    <t>老虎病毒陽性肺炎</t>
  </si>
  <si>
    <t>防治分享會議俄國召開肺炎醫師臺灣經驗</t>
  </si>
  <si>
    <t>今日中華長照暨偏鄉醫療基金會舉辦了一場由台俄雙方醫師參與的線上醫學論壇由榮民總醫院神經醫學部主任鄭宏志醫師發起結合三軍總醫院臨床醫療團隊分享台灣新冠肺炎的醫療經驗為將來可能的醫學研究與防疫工作建</t>
  </si>
  <si>
    <t>醫療醫學醫師醫院可能將來基金會經驗肺炎舉辦分享團隊雙方參與臨床榮民總神經宏志研究醫學論壇發起主任三軍</t>
  </si>
  <si>
    <t>今日中華長照暨偏鄉醫療基金會舉辦了一場由台俄雙方醫師參與的線上醫學論壇由榮民總醫院神經醫學部主任鄭宏志醫師發起結合三軍總醫院臨床醫療團隊分享台灣新冠肺炎的醫療經驗為將來可能的醫學研究與防疫工作建立基礎。
截至7月6日俄羅斯共計有68萬人確診新冠肺炎。龐大的病患的壓力讓許多醫療人員不但身心負荷沉重更有許多參與台方醫療人道計畫的醫師染上疾病。因此主辦單位希望藉這次會議為俄羅斯送暖且分享經驗並持續未來的合作。三軍總醫院方面由林永崇醫師、江宗達醫師、商弘昇醫師專題報告醫院管理、臨床診療與重症處理全國醫師公會秘書長趙堅醫師也與會。
林永崇指出因應新冠肺炎疫情台灣開設負壓隔離病房、運用3d列印技術製造醫療用口罩而1月21日台灣第一位新冠肺炎確診者消息出來後當天三總馬上就開會討論如何因應新冠肺炎根據接觸史、群聚史判斷民眾染疫風險高低至今三總共送篩檢1552人驗出了29位新冠肺炎確診者如今都已康復住院最長的住了54天。
趙堅表示台灣基層醫師在一月就開始請民眾看診時要戴口罩且看到民眾有感冒症狀就後送到教學醫院警覺高控制得好所以疫情沒有爆發。
俄羅斯方面在烏裡揚諾斯克直屬總統的經濟及公共政策學院院長召集他表示俄國一度極缺乏防疫物資之前談好要供應物資的國家和廠商紛紛無預警取消供貨當時他跟歐洲求援罕有回應反而獲得遙遠的台灣幫助讓他覺得只要有心不管距離多遠都可以協助呼籲俄國人也要有台灣人這種精神相信一定可以戰勝病毒去年俄國就有派醫生到台灣受訓未來將擴大與台灣的醫學合作。不過他坦言因為如今俄國的醫師正忙著防疫今天無法在線上會議中報告但他保證等到疫情趨緩後俄方醫師一定會與台灣分享他們接觸到的眾多患者的情況絕不藏私。</t>
  </si>
  <si>
    <t>醫師臺灣醫療肺炎俄國醫院疫情俄羅斯防疫醫學分享民眾表示參與會議確診一定口罩趙堅</t>
  </si>
  <si>
    <t>醫師台灣新冠肺炎新冠肺炎</t>
  </si>
  <si>
    <t>臺灣肺炎醫師</t>
  </si>
  <si>
    <t>北美四大職業確診球員賽會同性戀退役nba</t>
  </si>
  <si>
    <t>已退役的NBA球員柯林斯今天自行在推特上宣佈確診新冠肺炎。柯林斯是北美四大職業賽會公開同性戀染病的第一人。柯林斯表示「我是在月初去紐約參加籃網比賽的時候染病12日開始頭痛幾天後發燒、咳嗽上週六去</t>
  </si>
  <si>
    <t>柯林斯染病今天自行發燒開始宣佈頭痛時候確診比賽肺炎紐約參加北美四大公開賽會同性戀月初</t>
  </si>
  <si>
    <t>已退役的NBA球員柯林斯今天自行在推特上宣佈確診新冠肺炎。柯林斯是北美四大職業賽會公開同性戀染病的第一人。
柯林斯表示「我是在月初去紐約參加籃網比賽的時候染病12日開始頭痛幾天後發燒、咳嗽上週六去醫院急診並且進行新冠肺炎篩檢檢測結果是陽性。」
柯林斯說「上週六檢查的時候肺部很乾淨這是好消息目前在家中休養但胸部依舊有些不舒服本周將再次去醫院檢查。」
柯林斯是一位擁有13年NBA經歷的退役球員2013年公開自己是同性戀者是北美四大職業賽會的第一人2013-14賽季以籃網球員的身分打了22場比賽之後宣佈退休。</t>
  </si>
  <si>
    <t>柯林斯時候比賽染病週六檢查醫院宣佈肺炎公開球員同性戀職業nba賽會四大北美退役休養胸部家中舒服</t>
  </si>
  <si>
    <t>柯林斯NBA新冠肺炎同性戀</t>
  </si>
  <si>
    <t>nba肺炎同性戀柯林斯</t>
  </si>
  <si>
    <t>溶膠傳播顯示研究官方</t>
  </si>
  <si>
    <t>大陸正在追蹤新冠肺炎的源起0號病人還沒確定仍在追查確切傳染過程不過中國科技部社會發展科技司司長吳遠彬在今天（28日）舉行的國務院聯防聯控機制發布會表示以目前的研究結論顯示呼吸道飛沫和密切接觸</t>
  </si>
  <si>
    <t>顯示結論肺炎研究目前病人表示發佈會機制聯控確定聯防國務院追查呼吸道舉行確切傳染今天過程吳遠彬中國科技部</t>
  </si>
  <si>
    <t>大陸正在追蹤新冠肺炎的源起0號病人還沒確定仍在追查確切傳染過程不過中國科技部社會發展科技司司長吳遠彬在今天（28日）舉行的國務院聯防聯控機制發布會表示以目前的研究結論顯示呼吸道飛沫和密切接觸傳播仍然是新冠病毒的主要傳播路徑。
吳遠彬表示研究過程中有一些團隊也從新冠病人糞便標本當中檢測到新冠病毒毒株提示在糞口傳播中是具有一定風險的但是傳播的能力和條件還需要進一步開展相應的研究證實。
至於中國醫科院實驗動物所開展的氣溶膠傳播實驗顯示要同時滿足密閉空間、較長時間、高濃度病毒這3個「極端條件」才有傳播可能性：「在通風條件良好的日常生活環境當中傳播的可能性是很小的幾乎沒有氣溶膠感染風險。」</t>
  </si>
  <si>
    <t>傳播研究病毒條件過程吳遠彬顯示病人表示當中開展實驗可能性溶膠風險司長今天社會中國科技部舉行國務院</t>
  </si>
  <si>
    <t>新冠肺炎武漢肺炎 COVID-19台灣大陸</t>
  </si>
  <si>
    <t>肺炎武漢covid-臺灣大陸</t>
  </si>
  <si>
    <t>時中經費聽到怒火工讀生藥師</t>
  </si>
  <si>
    <t>因應新冠肺炎在台灣造成「口罩之亂」行政院訂案開放健保藥局配合政府發售實名制口罩為讓更多民眾能夠買到17日更宣佈「加倍銷售」口罩。卻讓基層藥師怒火四起批「人力沒加倍工作量卻加倍」。中央疫情指揮</t>
  </si>
  <si>
    <t>口罩加倍臺灣造成行政院開放藥局配合政府人力四起肺炎發售怒火藥師宣佈基層銷售工作量</t>
  </si>
  <si>
    <t>因應新冠肺炎在台灣造成「口罩之亂」行政院訂案開放健保藥局配合政府發售實名制口罩為讓更多民眾能夠買到17日更宣佈「加倍銷售」口罩。卻讓基層藥師怒火四起批「人力沒加倍工作量卻加倍」。中央疫情指揮中心聽到藥師心聲後決定替各藥局增添人力將調撥經費給藥局聘請工讀生協助口罩發放。
疾管署日前指出今（20日）口罩實名新制將上路由於原本單間健保藥局配額為每日200片突然增為400片而兒童口罩配額也從2片增為4片基層工作人員大喊吃不消已經人力不足了工作量又加倍灌爆《藥師公會全聯會》粉絲團喊出口號「我不OK你來發」。
《中央社》指出有藥師表示雖然希望更多民眾能買到口罩但分裝口罩就要花2小時今起分裝與讀健保卡時間都要加倍對人力考驗更大無奈表示已經決定不再發放號碼牌也與民眾溝通取得諒解。
中央流行疫情指揮中心指揮官陳時中在參加新北市府居家檢疫關懷中心說明會時聽聞藥師人力吃緊近況後率先慰勞所有在一線工作的同仁感謝全國藥師、藥劑生非常辛苦扛起實名制販售口罩責任。
陳時中表示衛生福利部已研擬一筆經費讓藥局可聘請工讀生協助包裝口罩盼能減輕基層藥師壓力。陳時中說未來居家檢疫人數會愈來愈多病毒也很狡猾需要有系統與有步驟地防疫讓全國一起動起來。</t>
  </si>
  <si>
    <t>口罩藥師藥局加倍人力表示中心中央民眾全國檢疫已經指出發放決定陳時中居家工作量</t>
  </si>
  <si>
    <t>藥師口罩陳時中加倍經費</t>
  </si>
  <si>
    <t>加倍藥師口罩陳時中經費</t>
  </si>
  <si>
    <t>心眼陳時中到底不力防疫</t>
  </si>
  <si>
    <t>賴姓男子因不滿衛福部長陳時中對新冠肺炎的防疫政策今年6月在臉書粉絲頁PO文「阿中部長隱暪疫情無恥舔美賣台」陳時中發現後憤而提告。臺北地檢署今(29)日依公然侮辱罪起訴賴男；這起案件引發不少網友不滿</t>
  </si>
  <si>
    <t>部長不滿賴男起訴公然侮辱陳時中臺北防疫發現時中政策肺炎今年</t>
  </si>
  <si>
    <t>賴姓男子因不滿衛福部長陳時中對新冠肺炎的防疫政策今年6月在臉書粉絲頁PO文「阿中部長隱暪疫情無恥舔美賣台」陳時中發現後憤而提告。臺北地檢署今(29)日依公然侮辱罪起訴賴男；這起案件引發不少網友不滿轟「陳時中心眼到底多小？」
賴男因不滿衛福部長陳時中對新冠肺炎的防疫政策於今年6月初在臉書粉絲頁「蘆竹南崁資訊大小事分享團」PO文「阿中部長隱暪疫情無恥舔美賣台」事後陳時中發現有人在臉書上罵他在6月6日具狀向臺北地檢署提告。
賴男坦承PO文但否認誹謗表示是因為彰化全民篩檢確診比例和全台確診比例不太一樣照彰化的比例全台應該是1萬人確診且由台灣出國的人都被篩檢到確診因此他認為有隱暪疫情他只是陳述事實。但檢方認為賴男另稱的彰化縣進行新冠肺炎普篩是8月才在媒體披露與他PO文時間不符顯與事實不符依法起訴。
該案件引發網友討論指出「可是我覺得網友說得對」、「民主政府動不動就要告人民。哈哈！哈哈哈！民主！」「陳時中自己都公開承認做了很多不人道的事情民眾感受到這些不人道的事出言批評他自己也承認的錯卻因他提告就起訴？」「如果照同樣標準那以前國民黨應該可以告死一堆側翼糞青了吧」、「怕油煙就別進廚房。佔著官位只懂耍官威要人民如何敬重？」「陳時中心眼也太小」。</t>
  </si>
  <si>
    <t>賴男po時中起訴確診部長網友不滿陳時中承認應該人民肺炎事實疫情</t>
  </si>
  <si>
    <t>陳時中PO賴男確診新冠肺炎</t>
  </si>
  <si>
    <t>賴男確診po陳時中肺炎</t>
  </si>
  <si>
    <t>接受返台武漢集中滯留檢疫</t>
  </si>
  <si>
    <t>中央流行疫情指揮中心今(30)日表示有關第一班定點返台專案航班已於昨(29)日晚間抵台153名返台者經檢疫均毋須後送就醫目前已完成採檢並安置在國內一處檢疫所將進行14天集中檢疫。指揮中心指出昨日國內新增8</t>
  </si>
  <si>
    <t>檢疫中心返台指揮國內目前完成就醫安置檢疫所集中毋須進行專案有關航班已於定點表示</t>
  </si>
  <si>
    <t>中央流行疫情指揮中心今(30)日表示有關第一班定點返台專案航班已於昨(29)日晚間抵台153名返台者經檢疫均毋須後送就醫目前已完成採檢並安置在國內一處檢疫所將進行14天集中檢疫。
指揮中心指出昨日國內新增867例新型冠狀病毒肺炎相關通報截至目前累計30777例(含27378例排除)其中306例確診(今日新增案299至306)分別為261例境外移入及45例本土病例。確診個案中5人死亡39人解除隔離其餘持續住院隔離中。
指揮中心表示針對案268於2月29日下午5點20分至6點55分曾於金山老街及3月15日下午2點30分至4點50分曾於烏來老街活動地方政府已安排防疫人員前往完成消毒工作提醒該時段在此二處之民眾注意身體健康如有發燒或上呼吸道症狀請即刻就醫並告知可能暴露史無需過度恐慌。
指揮中心指出依國際監測資料顯示全球累計703185例確診分佈於177個國家/地區；病例數以美國137294例、義大利97689例、中國大陸81470例、西班牙78797例及德國52547例為多；病例中33434例死亡以義大利10779例、西班牙6528例、中國大陸3304例、伊朗2640例及法國2606例為多。
指揮中心再次提醒民眾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及時診斷通報。</t>
  </si>
  <si>
    <t>中心指揮檢疫就醫症狀通報確診病例完成返台國內發燒人員防疫目前民眾提醒累計</t>
  </si>
  <si>
    <t>武漢類包機就醫指揮中心新冠肺炎</t>
  </si>
  <si>
    <t>指揮中心就醫包機武漢肺炎</t>
  </si>
  <si>
    <t>政治得不償失</t>
  </si>
  <si>
    <t>去年底通過的《反滲透法》經過總統選舉民進黨大勝以及春節前從武漢爆發的新冠肺炎疫情之後似乎已經被人忘掉了但是法律擺在那裡變成是民進黨的尚方寶劍他們想用可以隨時揮劍砍人以至於在新冠肺炎疫情中</t>
  </si>
  <si>
    <t>民進肺炎疫情選舉大勝春節尚方寶劍想用忘掉法律爆發變成武漢擺在已經可以隨時似乎揮劍總統之後滲透法</t>
  </si>
  <si>
    <t>去年底通過的《反滲透法》經過總統選舉民進黨大勝以及春節前從武漢爆發的新冠肺炎疫情之後似乎已經被人忘掉了但是法律擺在那裡變成是民進黨的尚方寶劍他們想用可以隨時揮劍砍人以至於在新冠肺炎疫情中被困在大陸的臺胞即使被民進黨卡住無法回台也沒有什麼人敢於發聲這不僅讓台灣的人權倒退兩岸關係也陷入熱焦慮的局面。
《反滲透法》衝擊在大陸臺胞的信心。一名原本每年固定參加兩岸相關主題演講的北京台幹說今年上半年在大陸的一場演講活動裡台灣方面的報名及出席人數比往年少了3分之1。他坦言：「大家會擔心活動主辦方的背景也不知道有什麼人出席」。
反滲透法築起藩籬
而近期受武漢疫情的影響許多兩岸原定舉行的民間交流活動幾乎全面停擺《反滲透法》雖暫被忽略但已在兩岸間築起一道藩籬。
《反滲透法》使得願意挺身推動兩岸交流的善意逐漸在消失而民進黨在疫情政治的操作下更讓台灣年輕人出現對大陸的惡感讓兩岸出現仇怨的情結尤其是台灣人民也被美國反中氛圍的渲染變成也越來越歧視大陸。
例如世界衛生組織已將此次疫情定為國際緊急公衛事件也將這個病毒正式定名為「COVID-19」中文名為「新型冠狀病毒肺炎」簡稱為「新冠肺炎」。但是民進黨政府仍然不反對使用「武漢肺炎」的稱呼致使有些媒體和公眾人物還是以帶有歧視性的字眼將該病毒簡稱為「武漢肺炎」。
更有甚者許多人還將滯留在湖北而期盼返台者冠上「木馬屠城」和「生化武器」的標籤並且以各種言語行動歧視來自湖北武漢、大陸的人士包括陸籍配偶及其子女、台商、在大陸工作、就學的台青、在台就讀的陸生等令人感到遺憾。
歧視是仇恨的起源仇恨更容易造成衝突的發生而衝突多是因為民族仇恨所引爆兩岸同種同族沒有民族仇恨的問題但是民進黨刻意操作臺灣跟大陸是不同民族使兩岸人民的仇怨在加深中這是不好的警訊。
特別是由於民進黨抗中政策所帶動的仇視大陸的情緒在台灣已經越來越濃厚前副總統呂秀蓮對此就深表憂心她近日在臉書直播上就說：「鄰居失火你要跟他算什麼帳？你記什麼仇？」
仇中情緒越來越濃
她還說一不小心兩岸關係可能烽火連天若是疫情加上戰爭那就是人間最悲慘的事大家一面抗疫也希望政治人物謹言慎行不要挑戰、不要刺激「鄰居失火我們也可能遭殃」所以她希望大家用共同的慈悲、共同的力量謀取兩岸真正的和平。呂秀蓮是看得透兩岸危機的人也不會像一些綠營人士希望從挑釁大陸來獲取政治利益這種不道德的行為在台灣媒體上隨時都可以看到。
對此大陸國防部也出言警告說任何煽動兩岸敵意、渲染兩岸對抗的行徑都只會給台灣同胞帶來災難。大陸出動國防部發出警告顯見大陸必然認為兩岸形勢已經出現極大的危機必須做危機預防的動作。如果民進黨政府看不清這種情勢還是想以大陸所說的「以疫謀獨」那麼台灣另一次浩劫恐怕會在疫情之後發生這是執政者不可不慎之處。（作者為台灣國際戰略學會理事長、教授）</t>
  </si>
  <si>
    <t>大陸兩岸臺灣民進疫情武漢滲透法肺炎歧視政治已經希望越來越仇恨病毒國際出現民族</t>
  </si>
  <si>
    <t>大陸政治肺炎兩岸疫情</t>
  </si>
  <si>
    <t>大陸疫情肺炎兩岸政治</t>
  </si>
  <si>
    <t>媒體逆風賈永婕蔡英文手上</t>
  </si>
  <si>
    <t>總統蔡英文在13日深夜在臉書表示指揮中心先前採購的500台「高流量氧氣鼻導管全配系統」（HFNC）已經有200台到貨會用最快的速度提供給醫院。有網友在蔡英文的臉書不滿表示「真是巧藝人沒捐都沒有藝人捐了</t>
  </si>
  <si>
    <t>表示蔡英文藝人真是氧氣導管流量不滿採購配系hfnc先前已經到貨會用指揮速度中心提供醫院</t>
  </si>
  <si>
    <t>總統蔡英文在13日深夜在臉書表示指揮中心先前採購的500台「高流量氧氣鼻導管全配系統」（HFNC）已經有200台到貨會用最快的速度提供給醫院。有網友在蔡英文的臉書不滿表示「真是巧藝人沒捐都沒有藝人捐了突然就到貨了」媒體人指出蔡英文大概做夢也想不到竟栽在賈永婕手上。
藝人賈永婕13日淩晨在臉書發文：「救命神器HFNC就要來了！請再等我一下」原來她透過友人輾轉接到醫護界人士告知現在全台醫院都在搶「救命神器」的「高流量氧氣鼻導管全配系統」（HFNC）HFNC每台全配定價27萬她的老公王兆傑第一時間就跳出來捐15台（共405萬）她更一一打電話給企業界友人結果沒有一個人拒絕她于美人、小S、範瑋琪也捐「到目前為止我總共募集到了252台（共6804萬）還在持續增加中」！
ICU醫師陳志金表示一早起來看到藝人賈永婕募捐252台「救命神器」送到前線支援的消息讓他眼淚不停的流下來實在是太感動了也非常感謝賈永婕一直在為疫情努力付出。
總統蔡英文13日深夜在臉書指出指揮中心先前採購的500台「高流量氧氣鼻導管全配系統」（HFNC）已經有200台到貨會用最快的速度提供給醫院。
不過網友在蔡英文的臉書留言表示正常人都不好意思再說嘴了超前部署一年終於到貨了真是巧藝人沒捐都沒有藝人捐了突然就到貨了。民間採購都很快政府採購都超慢效率真差！買了一年多終於到貨了太感動了！不是超前部屬嗎??怎比不上民間團體阿？
也有網友在其臉書《文翔政論》指出蔡英文大概做夢也想不到的是竟栽在賈永婕手上！</t>
  </si>
  <si>
    <t>到貨蔡英文賈永婕藝人hfnc救命表示友人指出醫院採購感動網友</t>
  </si>
  <si>
    <t>蔡英文賈永婕新冠肺炎台灣</t>
  </si>
  <si>
    <t>賈永婕肺炎臺灣蔡英文</t>
  </si>
  <si>
    <t>廣訪世新基層第一線醫護防疫心聲肺炎</t>
  </si>
  <si>
    <t>自新型冠狀肺炎爆發以來大眾避之唯恐不及卻有一群人願意挺身站在第一線為防疫貢獻。對此世新大學公共關係暨廣告學系畢業籌備團隊開始尋找社會上那些默默付出不求回報的人們其中就有從基層醫護人員的角度出</t>
  </si>
  <si>
    <t>大眾唯恐不及人們回報付出不求默默願意社會尋找挺身以來開始一線團隊防疫籌備畢業貢獻廣告學系世新大學對此</t>
  </si>
  <si>
    <t>自新型冠狀肺炎爆發以來大眾避之唯恐不及卻有一群人願意挺身站在第一線為防疫貢獻。對此世新大學公共關係暨廣告學系畢業籌備團隊開始尋找社會上那些默默付出不求回報的人們其中就有從基層醫護人員的角度出發透過鏡頭瞭解他們面對工作的心路歷程。
世新公廣畢籌團隊近日在粉專上發起「溫暖的大人」企劃找尋社會上默默堅守崗位而不求回報的人們同時也在粉專上募集網友意見探訪了動保專員、員警、清潔人員等等各自在工作崗位上努力的溫暖大人並藉由此次機會說出對他們的感謝。
其中世新公廣畢籌訪問一名在醫院任職護理師四年多的楊姓小姐她表示醫護人員之於病患的關係不僅止於個人與個人而是個人與一整個家庭的對話。訪談過程中提到了最近熱議的新冠肺炎楊小姐特別分享了被選為照護染病者或是可能染病者的同事更換隔離衣的影片言談之間透露了醫護人員其實和一般人一樣也會恐懼不過就如同所有受訪者一樣使他們毅然堅持的理由便是那使命感！
世新公廣系畢籌期望透過這次企劃讓大眾能夠反思到自己正享受著的一切都是靠許多人的無私奉獻換來的。同時世新公廣也藉由這次機會邀請這些溫暖大人參加將在今年5月於松山文創園區舉辦的畢業展「無恆模式」。</t>
  </si>
  <si>
    <t>世新醫護人員大人溫暖大眾畢業透過團隊肺炎專上廣畢籌社會人們回報染病機會默默不求</t>
  </si>
  <si>
    <t>世新公廣醫護人員畢籌溫暖畢展</t>
  </si>
  <si>
    <t>醫護人員溫暖畢展世新</t>
  </si>
  <si>
    <t>瑞德西韋市府開發後盾台耀</t>
  </si>
  <si>
    <t>瑞德西韋可望成為治療新冠肺炎的藥物桃園蘆竹的原料藥廠「台耀化學」宣佈已能開發10公克級的瑞德西韋很快就能到公斤級但需要的原料量大且大部分在大陸希望政府協助。桃園市長鄭文燦26日允做後盾向中央部會</t>
  </si>
  <si>
    <t>桃園原料瑞德西韋鄭文燦市長協助肺炎政府藥物希望開發公克級蘆竹大陸宣佈化學很快能到需要藥廠</t>
  </si>
  <si>
    <t>瑞德西韋可望成為治療新冠肺炎的藥物桃園蘆竹的原料藥廠「台耀化學」宣佈已能開發10公克級的瑞德西韋很快就能到公斤級但需要的原料量大且大部分在大陸希望政府協助。桃園市長鄭文燦26日允做後盾向中央部會反映支持台耀完成技術。
鄭文燦昨天上午也針對第3批武漢包機將於29、30日晚間返台前往桃園機場視察防疫車隊強調站在防疫優先的角度必要的採檢或隔離措施都必須符合規範。他也宣佈清明節連假後機場捷運直達車將減班離峰時間減為每30分鐘一班等疫情過後再恢復正常。
鄭文燦說台耀化學是國內少數擁有超低溫設備的原料藥公司具有短時間內量產藥物的潛力目前已可生產瑞德西韋高純度藥物正在與時間賽跑希望至少能夠合成1公斤以上的純化原料藥提供給新冠肺炎病患治療使用。中央研究院已能夠在實驗室內做出純化程度很高的藥物但若要量產仍需仰賴民間藥廠配合。
台耀化學執行長楊志平表示目前台耀化學已經開發10公克級的瑞德西韋很快就能提升至100公克再下一步就能到達公斤級量能。
楊志平進一步解釋台耀化學擁有低溫可控制到零下80度的生產設備最大生產量可達2公斤根據估算1公斤可治療1000名病患強調將以「戰備存糧」的概念投入製藥也呼籲中央政府盡快專利授權讓他們生產、製造、使用。</t>
  </si>
  <si>
    <t>化學台耀藥物鄭文燦桃園時間生產瑞德西韋治療機場設備強調宣佈原料藥希望原料純化能夠目前</t>
  </si>
  <si>
    <t>公斤級瑞德肺炎原料藥台耀</t>
  </si>
  <si>
    <t>肺炎瑞德台耀原料藥</t>
  </si>
  <si>
    <t>確診新增去年週三新高波蘭</t>
  </si>
  <si>
    <t>波蘭衛生部公佈週三新增確診1萬7260人創去年11月來新高累計確診數近183萬人累計死亡4萬5997人。當局解釋單日新增確診數飆升原因之一是傳染力更強的英國變種病毒造成估計3月底到4月初之間是這第三波疫情高</t>
  </si>
  <si>
    <t>波蘭 衛生部 公佈 週三 新增 確診 1萬7260 人 創 去年 11 月 來 新高 累計 確診 數 近 183萬 人 累計 死亡 4萬5997 人 當局 解釋 單日 新增 確診 數飆 升 原因 之一 是 傳染 力 更 強 的 英國 變種 病毒 造成 估計 3 月底 到 4 月初 之間 是 這 第 三 波 疫情 高</t>
  </si>
  <si>
    <t>確診新增累計之間月初估計月底造成病毒變種英國傳染原因數飆解釋週三新高去年死亡當局</t>
  </si>
  <si>
    <t>波蘭衛生部公佈週三新增確診1萬7260人創去年11月來新高累計確診數近183萬人累計死亡4萬5997人。當局解釋單日新增確診數飆升原因之一是傳染力更強的英國變種病毒造成估計3月底到4月初之間是這第三波疫情高峰期。</t>
  </si>
  <si>
    <t>波蘭 衛生部 公佈 週三 新增 確診 1萬7260 人 創 去年 11 月 來 新高 累計 確診 數 近 183萬 人 累計 死亡 4萬5997 人 當局 解釋 單日 新增 確診 數飆 升 原因 之一 是 傳染 力 更 強 的 英國 變種 病毒 造成 估計 3 月底 到 4 月初 之間 是 這 第 三 波 疫情 高峰期</t>
  </si>
  <si>
    <t>波蘭新冠肺炎確診數英國變種病毒</t>
  </si>
  <si>
    <t>確診肺炎英國變種病毒波蘭</t>
  </si>
  <si>
    <t>出爐男客身分公關掌握酒店</t>
  </si>
  <si>
    <t>臺北酒店女公關日前確診讓各界感到相當擔憂中央流行疫情指揮中心今天表示有關案379的疫調目前已完成總計接觸者共123位其中有96位是職場接觸者家屬4位其他23位元需要進行居家隔離的人數則有65位。指揮中</t>
  </si>
  <si>
    <t>指揮接觸確診感到相當擔憂中央流行日前疫情中心人數今天表示有關隔離居家目前進行家屬需要完成總計</t>
  </si>
  <si>
    <t>臺北酒店女公關日前確診讓各界感到相當擔憂中央流行疫情指揮中心今天表示有關案379的疫調目前已完成總計接觸者共123位其中有96位是職場接觸者家屬4位其他23位元需要進行居家隔離的人數則有65位。
指揮中心發言人莊人祥表示居家隔離中包含家屬4位職場接觸者59位其他2位目前有採檢的主要為12個目前陰性者有10位另外還有2位檢驗中目前疫調都已完成以臺北市居多檢驗者都是陰性。</t>
  </si>
  <si>
    <t>目前指揮接觸中心表示隔離居家完成陰性確診家屬感到相當日前擔憂中央流行疫情公關居多今天臺北市</t>
  </si>
  <si>
    <t>疫調接觸者酒店女公關酒客新冠肺炎</t>
  </si>
  <si>
    <t>酒店公關酒客接觸肺炎</t>
  </si>
  <si>
    <t>日籍老公失和決定關注不來取消臺灣探望歐陽靖</t>
  </si>
  <si>
    <t>歐陽靖因為新冠肺炎肆虐從日本回到台灣待產兒子「新醬」出生後更與母親譚艾珍「島內移民」到台南不過如今卻傳出她與分隔兩地的老公RK不僅IG彼此取消關注還疑似為了育兒問題起了爭吵婚姻似乎亮起紅燈。根</t>
  </si>
  <si>
    <t>爭吵問題肆虐日本回到關注取消婚姻臺灣igrk老公待產兩地分隔兒子傳出如今台南移民島內</t>
  </si>
  <si>
    <t>歐陽靖因為新冠肺炎肆虐從日本回到台灣待產兒子「新醬」出生後更與母親譚艾珍「島內移民」到台南不過如今卻傳出她與分隔兩地的老公RK不僅IG彼此取消關注還疑似為了育兒問題起了爭吵婚姻似乎亮起紅燈。
根據《鏡週刊》報導歐陽靖10月初還常在老公的每張作品上面按讚甚至還會在台灣替他宣傳作品RK也幾乎會在歐陽靖每則貼文留言表示意見如今夫妻倆卻被爆料退了彼此追蹤相較過往熱情的公開互動如今似乎冷卻許多也讓外界推測夫妻倆感情疑似出現摩擦。
歐陽靖 ? ? ? ? ? （@imginoy）分享的貼文
歐陽靖曾在IG分享一則育兒貼文她提到：「我仍很慶幸自己當初選擇回台灣新醬的爸爸將從此留在日本專心工作新醬不知道要等到幾歲才見得到爸爸？」更感嘆或許這個孩子存在對老公而言似乎太虛幻更爆料老公甚至連自己大肚子的樣子都沒看過直言：「也決定不來台灣探望我們了」聽起來讓人為之鼻酸似乎也嗅出感情出現裂痕。
此外歐陽靖曾透露與老公相識過程一開始兩人語言不通連溝通都有難度後來正式交往後她更為失婚過一次的老公搬到東京並且以結婚為前提交往不過交往期間一度吵到離家出走中間更經歷一次流產和兩度懷孕兩人才正式辦理登記。</t>
  </si>
  <si>
    <t>老公歐陽靖似乎臺灣如今正式爸爸日本夫妻倆甚至感情rkig</t>
  </si>
  <si>
    <t>歐陽靖新醬RK新冠肺炎譚艾珍</t>
  </si>
  <si>
    <t>rk肺炎譚艾歐陽靖</t>
  </si>
  <si>
    <t>交通部紓困補助航空</t>
  </si>
  <si>
    <t>受到國內外新冠肺炎疫情衝擊航空業及機場各服務業者損失慘重交通部今（25）日下邀集相關單位討論紓困方案。據與會的官員表示預估2020年較2019年度的全年客運量平均將減少25％估算後擬補貼業者各項費用共約42</t>
  </si>
  <si>
    <t>肺炎疫情衝擊估算航空減少機場服務業平均客運量損失慘重全年交通部年度補貼預估表示官員邀集</t>
  </si>
  <si>
    <t>受到國內外新冠肺炎疫情衝擊航空業及機場各服務業者損失慘重交通部今（25）日下邀集相關單位討論紓困方案。據與會的官員表示預估2020年較2019年度的全年客運量平均將減少25％估算後擬補貼業者各項費用共約4285億元再加上防疫用具578億元合計4863億元。
交通部官員並表示對於航空公司要求的紓困貸款亦已納入經濟部對產業融資貸款利息補貼的通案處理並擬向經濟部提出200億元擔保額度需求。
交通部在航空業者提出各項訴求後即加以匯整協商最後推出的紓困措施要比2003年SARS期間更加優惠。會議中羅列的補貼項目也不少包括房屋使用費、土地使用費、權利金航空公司還補貼降落費、維護機庫使用費等為期都是1年。
此外飛航國內線的航空公司和直升機業者交通部也打算緩收4個月（今年2-6月）場站使用費、噪音補償金、土地使用費、房屋使用費和維護機庫使用費。並且向經濟部爭取振興抵用券可用於航空業民眾可購買機票、在機場內從事各項消費以期幫助業者渡過難關。
交通部官員評估上半年受到新冠肺炎疫情影響航空業、觀光業受創最大下半年如果疫情趨緩應可迅速回升。</t>
  </si>
  <si>
    <t>航空交通部補貼使用費紓困業者官員公司疫情機場經濟部表示貸款提出機庫維護房屋肺炎土地受到</t>
  </si>
  <si>
    <t>新冠肺炎武漢肺炎台灣機場使用費</t>
  </si>
  <si>
    <t>武漢肺炎臺灣機場使用費</t>
  </si>
  <si>
    <t>預估專家月中高峰期可能下降疫情</t>
  </si>
  <si>
    <t>疫情可能疫苗確診控制中心下降醫院老年人機構民眾陽性率施信如部分陳秀熙口罩</t>
  </si>
  <si>
    <t>新冠肺炎台灣疫情高峰期6月中旬</t>
  </si>
  <si>
    <t>臺灣肺炎疫情高峰期月中</t>
  </si>
  <si>
    <t>川普返回終於國民建議世界口罩</t>
  </si>
  <si>
    <t>精選《中時新聞網》5件不可不知的國際大事帶讀者掌握今天(4月4日)的國際新聞重點。【1】	紐約州確診破10萬 人數直逼義大利西班牙紐約州長古莫3日公佈全州確診突破10萬例死亡例來到562例創疫情爆發以來新高。其</t>
  </si>
  <si>
    <t>確診紐約州國際不可不疫情爆發大事全州今天公佈新聞網西班牙大利新聞人數重點以來突破</t>
  </si>
  <si>
    <t>精選《中時新聞網》5件不可不知的國際大事帶讀者掌握今天(4月4日)的國際新聞重點。
【1】	紐約州確診破10萬 人數直逼義大利西班牙
紐約州長古莫3日公佈全州確診突破10萬例死亡例來到562例創疫情爆發以來新高。其中紐約確診人數也直逼義大利、西班牙。
【2】	美防疫大轉彎 川普籲戴口罩
全球新冠肺炎確診病例3日突破100萬大關其中美國病例逾245萬宗單日死亡人數亦首度破千皆刷新疫情爆發以來全球最高紀錄。川普總統已計畫派美軍進入紐約協助抗疫同時證實公衛政策大轉變將推出佩戴口罩的規定但不會強制。
【3】	封國前兆？美國務院發推文：美國人快回來！
美國國務院旅遊領事事務局今日在推特發表啟人疑竇的推文呼籲在海外的美國人儘快回國不要延後返國日期「可能很快地所有交通工具將會無法使用。」此一訊息顯示美國大多數機場可能會在近期停止對外航班往來滯留國外的美國民眾或因此無法返國。
【4】	加碼讚台！美國務院：將「台灣模式」向世界推廣
自美國國安會在官方推特上感謝台灣人民慷慨捐贈口罩後美國務院接連公開挺台表示美國在臺協會以及國務院在3月31日與台灣經濟文化代表處以及外交部高階官員召開虛擬論壇討論如何擴大台灣在國際舞臺的參與。
【5】	並非無理！美艦長求援遭拔官 海軍親解釋關鍵大錯
傳出上百人確診新冠病毒的美海軍「羅斯福號」航空母艦艦長克勞齊上校因對外流出向國防部求援的信件而遭美國海軍拔除艦長一職。美國代理海軍部長莫德里透過公開信指出克勞齊以不安全方式求援不僅造成不必要的混亂與恐慌更破壞了指揮鏈結構。</t>
  </si>
  <si>
    <t>美國臺灣確診求援美國務院口罩艦長人數克勞齊海軍紐約國際對外可能返國川普紐約州無法全球</t>
  </si>
  <si>
    <t>新冠肺炎新型冠狀病毒 COVID-19美國川普確診</t>
  </si>
  <si>
    <t>病毒冠狀covid-肺炎美國川普確診</t>
  </si>
  <si>
    <t>市府防疫就業衝擊疫情</t>
  </si>
  <si>
    <t>受到新冠肺炎疫情衝擊不少勞工被迫放無薪假甚至面臨失業命運。高市勞工局今（13）日宣佈推出「安心即時上工計畫」釋出1073個公部門防疫相關職缺時薪158元1個月時數最高80小時即起至12月31日受理報名。勞</t>
  </si>
  <si>
    <t>勞工疫情起至衝擊小時時數被迫時薪最高相關防疫部門釋出上工甚至即時安心面臨推出</t>
  </si>
  <si>
    <t>受到新冠肺炎疫情衝擊不少勞工被迫放無薪假甚至面臨失業命運。高市勞工局今（13）日宣佈推出「安心即時上工計畫」釋出1073個公部門防疫相關職缺時薪158元1個月時數最高80小時即起至12月31日受理報名。
勞工局長王秋冬表示新冠肺炎影響就業市場高市去年同期1至3月僅2家企業、通報5人減班休息但今年截至目前因疫情影響放無薪假的事業單位有40家、724人希望此次提供公部門計時的工作機會能緩解勞工朋友的壓力外並即時提供政府防疫人力需求。
王秋冬指出此次配合中央推動安心即時上工計畫提供公部門計時工作機會社會局、衛生局、教育局、勞工局及各區公所等54個機關局處釋出共1073個防疫相關職缺最長6個月。
勞工局表示凡符合「向公立就業服務機構申請登記當日前6個月內勞工保險或就業保險之保險年資合計滿2個月以上且最近1次之月投保薪資於2萬3800元以下者。」條件的勞工不限戶籍歡迎到本市各就業服務站辦理登記經審核符合資格後馬上分發派工。
詳細的訊息請參考高雄市政府勞工局或所屬訓練就業中心網頁、小勞男孩臉書公告相關諮詢電話：07-7330823訓練就業中心。</t>
  </si>
  <si>
    <t>勞工就業相關防疫即時提供符合登記高市王秋冬影響部門疫情表示釋出肺炎訓練安心</t>
  </si>
  <si>
    <t>就業防疫勞工勞工局職缺</t>
  </si>
  <si>
    <t>勞工防疫就業</t>
  </si>
  <si>
    <t>人口涵蓋接種疫苗視察林明溱</t>
  </si>
  <si>
    <t>南投縣目前已完成32萬2574人接種作業全縣人口涵蓋率5055％南投縣長林明溱9日到設在慈濟南投連絡處接種站視察時表示感謝許多默默奉獻在接種站協助接種工作用愛心支持到底的協力夥伴抱著多幫民眾接種一劑疫</t>
  </si>
  <si>
    <t>接種夥伴協力到底支持愛心默默作業全縣完成縣長林明溱人口視察涵蓋濟南連絡處</t>
  </si>
  <si>
    <t>南投縣目前已完成32萬2574人接種作業全縣人口涵蓋率5055％南投縣長林明溱9日到設在慈濟南投連絡處接種站視察時表示感謝許多默默奉獻在接種站協助接種工作用愛心支持到底的協力夥伴抱著多幫民眾接種一劑疫苗就是多保護一個人理念推動「人人有疫苗防疫護家園 」。
林明溱說南投縣自6月15日起擴大施打新冠肺炎AZ疫苗首批接種對象包含75歲以上長者及65歲以上原住民並依疫苗配賦情形及年齡層依序接種南投縣計有80家醫療院所加入新冠疫苗合約院所為縣民提供疫苗接種服務。
截至7日止新冠疫苗接種已達32萬2574劑其中以AZ疫苗最多共接種17萬7119劑；莫德納疫苗接種8萬8805劑次之高端疫苗接種2萬1186劑及BNT疫苗接種3萬5464劑。
林明溱表示縣府很感謝縣府各局處團隊、衛生局、衛生所及縣內各醫療院所在防疫上的用心努力更感謝許多默默奉獻在各接種站協助疫苗相關接種工作的協力夥伴包括各級民意代表、議員、鄉鎮市公所人員、村裡幹事、村裡鄰長、員警同仁、社區志工、清潔消毒人員等。
醫護相關人員任勞任怨冒著風雨無阻、頂著烈日豔陽一接到接種設站指令二話不說立即完成裝備及號召人力到社區及學校為民眾接種疫苗犧牲奉獻、認真投入的精神令人感佩。
衛生局長陳南松說南投縣幅員遼闊人口嚴重老化偏鄉交通不便鄉鎮數位落差情形嚴重加上國內疫苗短缺配賦量無法足額供應接種需求。
尤其自今年7月開放1922疫苗預約平臺進行登記預約接種作業疫苗來源多需透過平臺登記預約始得配賦南投縣的疫苗接種進度及全縣人口疫苗涵蓋率想要追上全國人口涵蓋率極為困難。
但南投縣政府團隊在中央疫苗尚無法開放地方政府自購疫苗前仍持續積極向中央爭取疫苗配賦數量在縣政府、鄉鎮市公所及醫療團隊等通力合作下南投縣接種疫苗的人口涵蓋率從6月的76％提升到7日的5055％涵蓋率已增加4295％。
「疫苗使用率達到9692％」陳南松強調南投縣沒有多餘庫存疫苗所有疫苗都充分使用在民眾身上絕不浪費。
在新冠疫情的防疫管制方面在縣府各單位落實各項防疫管控措施加強民眾防疫宣導嚴密監控社區疫情風險南投縣自7月21日最後一位確診個案通報至10月9日已連續80天無南投確診個案通報各醫療院所在院內感染控制也嚴格把關並提供充足的醫療服務量能。
陳南松說南投縣5成以上的民眾均已完成新冠疫苗疫苗的接種但是南投縣要追趕上全國人口涵蓋率5780％目標還有需要努力的空間主要原因還是在疫苗撥配量不足。
在第一劑疫苗接種率部分縣內50-64歲及30-49歲這兩個年齡族群的疫苗接種率顯著偏低另外在疫苗第二劑的接種默德納疫苗還有許多65歲以上長者仍未能獲得疫苗接種。
陳南松呼籲民眾為了自身的健康及社區防疫安全尚未接種新冠疫苗者請務必至1922疫苗預約平臺進行登記南投才有機會獲得到疫苗的配賦量沒有登記就沒有疫苗。
縣府也籲請中央能在近期113萬劑默德納疫苗送達國內完成封緘後撥配南投縣足量的疫苗配賦填補疫苗的缺口提升涵蓋率以協助達成全國疫苗涵蓋率「第一劑7成」、「第二劑3成」的全國共同目標讓南投縣在做好防疫前提下促進南投的觀光及工商發展恢復社會經濟榮景。</t>
  </si>
  <si>
    <t>疫苗接種防疫民眾醫療社區完成涵蓋人口院所鄉鎮縣府以上中央南松</t>
  </si>
  <si>
    <t>新冠肺炎台灣南投縣接種疫苗</t>
  </si>
  <si>
    <t>臺灣肺炎接種疫苗</t>
  </si>
  <si>
    <t>莊人祥爽約修改自動系統混打</t>
  </si>
  <si>
    <t>疫情指揮中心日前公佈11月將開放AZ混打輝瑞／BNT傳出不少第12輪符合AZ第二劑預約的民眾想棄打。指揮中心發言人莊人祥表示這一輪若符合預約資格卻失約就會被預約系統暫停一輪直到下一輪才有辦法預約。自指揮</t>
  </si>
  <si>
    <t>預約指揮符合中心az系統暫停公佈開放混打資格表示莊人祥民眾發言人日前失約輝瑞</t>
  </si>
  <si>
    <t>疫情指揮中心日前公佈11月將開放AZ混打輝瑞／BNT傳出不少第12輪符合AZ第二劑預約的民眾想棄打。指揮中心發言人莊人祥表示這一輪若符合預約資格卻失約就會被預約系統暫停一輪直到下一輪才有辦法預約。
自指揮中心宣佈11月有望開放AZ混打BNT以來不少人關注混打計畫更傳出第12輪有民眾想棄AZ第二劑預約針對此情形莊人祥指出整個1922預約系統運作時雖然沒有辦法直接判斷民眾是不是這一輪未如期施打或是有爽約的情況但通常這一輪有預約成功卻沒有去打下一輪就會被自動暫停一輪再到下一輪才能再預約
莊人祥說若第二階段沒有預約想混打的話也要看下一輪疫苗的量有多少、有多少人符合預約資格才能決定。
至於何時開放疫苗平臺混打意願登記莊人祥回應目前1922預約平臺正在針對混打做修改、微調未來要開放的話要看在哪一輪開放就會在該輪預約、開打前公佈並請符合資格上網意願登記。</t>
  </si>
  <si>
    <t>預約混打開放符合沒有az資格民眾指揮中心輪有辦法公佈系統平臺疫苗莊人祥傳出才能意願</t>
  </si>
  <si>
    <t>1922疫苗平臺混打疫苗新冠疫苗AZ</t>
  </si>
  <si>
    <t>疫苗混打平臺az</t>
  </si>
  <si>
    <t>繼上週五（27日）中午有265萬劑AZ疫苗抵台今（31日）下午又有疫苗要來了！我國自購的595萬劑的AZ疫苗將由華航CI834載運預計在下午3時25分抵達桃園機場。</t>
  </si>
  <si>
    <t>下午疫苗az預計載運ci華航中午我國要來抵達桃園上週五機場</t>
  </si>
  <si>
    <t>AZ疫苗桃園機場華航台灣</t>
  </si>
  <si>
    <t>華航機場桃園疫苗az臺灣</t>
  </si>
  <si>
    <t>寒冬維格苦笑</t>
  </si>
  <si>
    <t>新冠肺炎疫情致使國際客斷炊以銷售鳳梨酥等伴手禮的維格餅家（2733）受此衝擊2020年上半年每股虧損達505元對此研擬結束3家分公司「瘦身」調整體質致力度過產業寒冬。興櫃交易的維格今（28）日股價一度下跌3</t>
  </si>
  <si>
    <t>維格致使國際斷炊銷售鳳梨交易疫情產業度過寒冬致力體質調整分公司結束對此</t>
  </si>
  <si>
    <t>新冠肺炎疫情致使國際客斷炊以銷售鳳梨酥等伴手禮的維格餅家（2733）受此衝擊2020年上半年每股虧損達505元對此研擬結束3家分公司「瘦身」調整體質致力度過產業寒冬。興櫃交易的維格今（28）日股價一度下跌3％但盤中跌幅收斂現約196％反應淡定。
維格餅家2012年底登錄興櫃交易2014年合併營收達1335億元稅後淨利184億元、每股盈餘8元全數改寫新高。不過隨著來台陸客銳減衝擊維格餅家營運受此影響一路衰退2017年爆發竄改保存期限事件亦重創品牌商譽。
維格餅家對此轉型爭取東南亞及韓國客源近3年營運已見打底回升2019年合併營收781億元、年增1126％站上近3年高點毛利率6453％、營益率06％本業轉虧為盈。稅後淨利約777萬元、每股盈餘047元較前年顯著由虧轉盈、亦登近3年高點。
不過受新冠肺炎疫情衝擊受國外旅客斷炊衝擊維格餅家2020年上半年合併營收僅086億元、年減達7881％營業虧損達088億元稅後虧損083億元、每股虧損達505元已賠掉半個股本均創同期新低。
維格餅家昨晚公告將授權董事長在適當時間向主管機關辦理廢止臺北成都路二店、復興分公司與台中分公司登記。董事長孫國華對此表示公司迄今並未裁員預計待合約結束後結束3處據點營運盼能度過觀光產業寒冬。
維格餅家表示疫情對國內入境觀光市場造成巨大衝擊關閉門市「瘦身」調整體質是許多公司面臨營運衝擊時必然會做的措施。隨著疫情受控目前五股、高雄2座觀光工廠已恢復接待國旅團假日人潮充沛。
面對疫情造成的產業寒冬維格餅家除透過樽節開支、階段性縮編人事與門市規模盼維持營運延續外也聚焦國旅市場、積極朝各方向突圍。其中去年第四季推出新品牌「HOU Toast &amp; Coffee」品牌插旗輕食市場目前全台已開出3家店以拓展市場應戰。</t>
  </si>
  <si>
    <t>維格營運衝擊疫情市場觀光公司品牌合併產業結束國旅分公司表示寒冬門市</t>
  </si>
  <si>
    <t>維格餅家股價分公司新冠肺炎虧損</t>
  </si>
  <si>
    <t>分公司股價肺炎虧損維格</t>
  </si>
  <si>
    <t>上路旅館時間陳時中入境春節致歉</t>
  </si>
  <si>
    <t>因應春節返鄉需求指揮中心近期宣佈於12月14日至2月14日推動「春節期間入境檢疫方案」允許同住者一起在防疫旅館、集中檢疫所檢疫檢疫天數都是14天但若家中環境許可最後4天也可返家檢疫。10+4方案宣佈後不</t>
  </si>
  <si>
    <t>檢疫方案宣佈春節指揮環境許可家中最後返家防疫一起入境同住者允許需求近期中心天數檢疫所推動集中旅館期間返鄉</t>
  </si>
  <si>
    <t>檢疫方案旅館期間檢測防疫返家入境民眾春節檢疫所需要pcr進行宣佈集中配合入住今日</t>
  </si>
  <si>
    <t>春節入境檢疫方案防疫旅館PCR</t>
  </si>
  <si>
    <t>方案防疫檢疫入境旅館pcr春節</t>
  </si>
  <si>
    <t>可以世盟呼籲政治立場肺炎淩駕大眾因應健康</t>
  </si>
  <si>
    <t>因應新冠肺炎疫情各國紛紛管控邊境、限制民間活動為避免人權遭忽視世界自由民主聯盟(世盟)一方面呼籲疫情緩和後各國應使人民生活恢復正常使自由與人權獲得充分保障民主機制正常運作另一方面更呼籲全球</t>
  </si>
  <si>
    <t>疫情人權呼籲紛紛正常管控機制民主保障邊境充分獲得民間限制活動避免緩和世盟忽視世界自由民主聯盟肺炎運作自由生活人民</t>
  </si>
  <si>
    <t>因應新冠肺炎疫情各國紛紛管控邊境、限制民間活動為避免人權遭忽視世界自由民主聯盟(世盟)一方面呼籲疫情緩和後各國應使人民生活恢復正常使自由與人權獲得充分保障民主機制正常運作另一方面更呼籲全球共同研發疫苗、藥物 不可以政治立場淩駕大眾健康。
今年疫情爆發後各國強制人民戴口罩、居家隔離、關閉邊境、封鎖城市、限制集會導致自由、民主、人權等普世價值受衝擊。世盟也無法再循往例召開國際論壇邀請各國人士推動自由民主與人權因此轉為在今年6到9月召開四場視訊論壇繼續為自由民主及人權發聲提出五點總結建議與呼籲。
世盟於今天舉行記者會說明建議理事長曾永權指出首先我國能成為全球防疫模範生主因過去對抗SARS所累積的相關經驗人民有高度公共衛生的危機意識；其次研發疫苗與要務是全民公共財處理疫苗與藥物不可以貿易保護主義或市場經濟立場來決定價格更不可存有私心或以政治立場來淩駕公共衛生或大眾健康。
第三世盟呼籲各國人民配合戴口罩、保持社交距離、勤洗手等防疫措施；第四建議各國對新冠肺炎感染受害者予以完善治療；最後呼籲疫情緩和後各國應使人民生活恢復正常使自由與人權獲得充分保障民主機制正常運作。
世盟成立於1954年每年一月二十三日都在中華民國召開「世界自由日慶祝大會」八、九月則在相關會員國首都召開「世界自由民主聯盟大會」及「世界自由民主論壇」邀請各國國會議員、政要、學者專家以及愛好自由民主人士參加。1993年世盟正式成為聯合國非政府組織成員。</t>
  </si>
  <si>
    <t>世盟人權呼籲自由召開人民疫情建議世界論壇自由民主疫苗防疫成為全球相關民主衛生邊境今年研發限制口罩邀請肺炎政治立場</t>
  </si>
  <si>
    <t>自由民主世盟呼籲人權</t>
  </si>
  <si>
    <t>人權民主自由呼籲世盟</t>
  </si>
  <si>
    <t>胸腔內科肺炎醫師民眾戒煙</t>
  </si>
  <si>
    <t>新冠肺炎疫情延燒衛福部新營醫院胸腔內科醫師汪政德表示人類感染冠狀病毒以呼吸道症狀為主患者大多數能康復死亡個案多具有糖尿病、慢性肝病等潛在病史且吸菸者較易感染新型冠狀病毒引發的新冠肺炎。汪政德</t>
  </si>
  <si>
    <t>病毒冠狀感染政德肺炎個案具有死亡糖尿病康復肝病患者病史衛福部為主吸煙醫院胸腔症狀內科醫師呼吸道</t>
  </si>
  <si>
    <t>新冠肺炎疫情延燒衛福部新營醫院胸腔內科醫師汪政德表示人類感染冠狀病毒以呼吸道症狀為主患者大多數能康復死亡個案多具有糖尿病、慢性肝病等潛在病史且吸菸者較易感染新型冠狀病毒引發的新冠肺炎。汪政德提醒有吸菸的民眾應儘快戒菸以對抗病毒降低引發重症、死亡的風險。
汪政德表示嚴重特殊傳染性肺炎為2019年底時在中國大陸武漢爆發的一種肺炎是由一種新發現的冠狀病毒所引起的命名為2019新型冠狀病毒。
而人類感染冠狀病毒以呼吸道症狀為主病毒主要透過飛沫傳播也可透過接觸傳播罹患新型冠狀病毒感染症狀之臨床表現為發燒、四肢無力呼吸道症狀以乾咳為主有些人可能出現呼吸困難嚴重時可能進展至嚴重肺炎、呼吸道窘迫症候群或多重器官衰竭、休克等。
依據目前的流行病學資訊患者大多數能康復但也有死亡病例死亡個案多具有潛在病史如糖尿病、慢性肝病、腎功能不全、心血管疾病等且吸菸者比較容易感染新型冠狀病毒引發的新冠肺炎。
汪政德表示目前這個病毒感染後尚無特定有效藥物可供治療預防勝於治療。除了徹底執行防疫4招咳嗽戴口罩；肥皂勤洗手；少去傳統市場、醫院等人多場所；避免接觸野生動物、禽鳥。汪政德籲有吸菸的民眾應儘快戒菸以對抗新型冠狀病毒。
汪政德說有戒菸需求者可至戒菸門診尋求協助醫院的戒菸服務可適當給予輔助藥物幫助戒菸。</t>
  </si>
  <si>
    <t>病毒肺炎冠狀政德戒煙醫院呼吸道吸煙死亡症狀表示嚴重為主目前感染病毒感染接觸藥物引發患者肝病康復</t>
  </si>
  <si>
    <t>新冠肺炎武漢肺炎新型冠狀病毒台灣健康</t>
  </si>
  <si>
    <t>肺炎武漢冠狀病毒臺灣健康</t>
  </si>
  <si>
    <t>力更強憂心科學家未來傳播ay取代變異delta</t>
  </si>
  <si>
    <t>Delta變種病毒的亞變異株「AY42」近期已佔英國當地新冠肺炎（COVID-19）確診病例近10%引發了關注。科學家究竟如何看待比Delta傳播力更強的AY42呢？《CNBC》報導有一些人因為AY42因為傳播力比Delta變異株高</t>
  </si>
  <si>
    <t>aydelta傳播變異covid-確診肺炎病例當地引發英國近期關注科學家究竟力更強看待力比cnbc病毒報導</t>
  </si>
  <si>
    <t>Delta變種病毒的亞變異株「AY42」近期已佔英國當地新冠肺炎（COVID-19）確診病例近10%引發了關注。科學家究竟如何看待比Delta傳播力更強的AY42呢？
《CNBC》報導有一些人因為AY42因為傳播力比Delta變異株高出至少10%而感到憂心但是迄今為止還沒有足夠的證據可以證明這一點。
AY42屬於Delta變種病毒的亞變異株一般認為是在今年夏季在英國首度發現。它具有兩個額外的突變會影響其棘蛋白也就是浸潤細胞之病毒結構的一部分。不過這兩個突變是否是會影響AY42傳播速度仍舊還無法確認。
Here is what the Delta variant of the coronavirus looks like under an electron microscope The snaps were released by Russia’s Vector Science Centre the first ever photographs to be published of the Covid-19 variant pictwittercom/30rZFuijZO
公衛團體Cog-UK統計過去28天當中AY42在英國新冠肺炎新增病例中約佔10%。讓它成為了過去四周當中僅次於Delta以及另一個子譜系的第三大COVID-19感染病毒株。
儘管因感染AY42造成感染新冠肺炎的比例增加但是英格蘭的公共衛生官員強調到目前為止AY42似乎沒有引發更為嚴重的疾病或是降低現有疫苗的效力。根據英國諾森比亞大學生物學家的說法這一個亞變異株並沒有在歐洲國家紮根在德國、愛爾蘭都未受到關注。
倫敦大學臨床運營部主任Christina Pagel向媒體指出儘管Delta亞變異株在英國以及其他地方的病例數在增長但大眾並不一定要因此恐慌。因為雖然AY42的傳播力比Delta高出12%~18%並非是個好消息也會讓事情變得更困難但是（傳播力）增加的幅度並不大。
她進一步分析Delta變異株對比Alpha傳播力超出60%等於每週都在倍增。相比之下AY42擴散的速度沒有那麼快。儘管它可能在未來幾個月內取代Delta但沒有明顯跡象證明AY42有更強抵抗疫苗的力量這就是她不那麼感到擔憂的緣故。
不過Pagel還是點出新變種病毒的出現仍舊是引發了一些擔憂。因為這些變種病毒在疫苗接種率不高的國家可能會帶來更多問題；這也顯示新冠肺炎病毒仍舊持續在變異。
她指出事實上Delta有許多變種但是AY42是目前唯一一個比它更強的變種。這項事實代表這個病毒仍有很多空間可以進化。過去一直有人說Delta找到了一個最佳位置但是從目前可以看見AY42可說是找到了另一個甜蜜點。
因為AY42的出現Pagel也呼籲英國應該重新實施一些防疫措施。英國在七月取消了幾乎所有與防疫相關的規定而目前英國是全球新冠肺炎感染率最高的國家之一。
Pagel指出如果說一個國家的新冠肺炎病例數很多那就讓病毒存在持續變異的空間。因此他認為AY42在英國被發現並非巧合因為英國有很長一段時間確診病例數都相當多。
布裡斯托大學病毒學教授David Matthews指出英國施打加強針（booster dose）以及為孩童接種疫苗的計畫有可能減緩病毒傳播的速度但是英國還需要把焦點放在拒絕接種疫苗的10%成年人當中。
他表示「無論是否有接種疫苗每個人未來某一天都會感染新冠肺炎。所以是要在接種疫苗後讓免疫系統已被訓練的前提下來對抗病毒還是在免疫系統未經訓練的情況下對抗這些感染是需要思考的問題！」</t>
  </si>
  <si>
    <t>aydelta英國病毒疫苗變異the傳播沒有肺炎接種病例pagel感染變種指出covid-引發</t>
  </si>
  <si>
    <t>AY42亞變異株Delta科學家傳播力</t>
  </si>
  <si>
    <t>科學家delta變異傳播ay</t>
  </si>
  <si>
    <t>關聯病例確診外省軌跡同指新增張家界北京旅遊湖南</t>
  </si>
  <si>
    <t>湖南省4日召開聯防聯控機制新聞發布會指出湖南本次疫情是由來張家界市的3名外省（遼寧大連）遊客輸入這3名遊客7月17日在南京祿口機場短暫停留藉由酒店內共同早餐、旅遊中聚集性活動等傳播給張家界市本地導遊</t>
  </si>
  <si>
    <t>張家界市遊客聯控新聞機制聚集發佈會旅遊指出早餐共同湖南疫情酒店停留由來短暫祿口機場聯防活動外省輸入遼寧大連</t>
  </si>
  <si>
    <t>湖南省4日召開聯防聯控機制新聞發布會指出湖南本次疫情是由來張家界市的3名外省（遼寧大連）遊客輸入這3名遊客7月17日在南京祿口機場短暫停留藉由酒店內共同早餐、旅遊中聚集性活動等傳播給張家界市本地導遊和北京市、成都市等地遊客。
北京市新型冠狀病毒肺炎疫情防控工作也在4日召開記者會北京市疾控中心副主任龐星火公佈8月3日3名確診本土病例活動軌跡都有湖南省張家界旅遊足跡。
湖南聯防聯控機制新聞發布會指出成都市遊客7月24日在常德市一封閉遊船上再次傳播給眾多同乘者。這些遊客、導遊再通過密切接觸和聚集性活動引發國內部分省市和湖南省部分市州的傳播。基因測序結果表明湖南省本土病例感染的新冠病毒屬於Delta變異株已由中國疾控中心確認與近期江蘇省報送的本土病例新冠病毒基因組序列高度同源。
北京市3日確診3名病例也與大連3名確診病例於7月22日一同出現在張家界「魅力湘西」劇場看表演足跡。
北京軌跡：確診病例1：7月22日與家人赴湖南省張家界旅遊7月28日由湖南省懷化市前往海南省三亞市旅遊7月30日乘坐南方航空CZ8804航班從三亞機場至北京大興機場。7月31日社區將其作為湖南省張家界市返京人員進行居家醫學觀察核酸檢測結果為陰性；8月1日作為確診病例密切接觸者進行集中隔離醫學觀察當日核酸檢測結果為陰性；8月3日再次進行核酸檢測結果為陽性轉至定點醫院。綜合流行病史、臨床表現、實驗室檢測和影像學檢查等結果8月4日診斷為確診病例臨床分型為普通型。
確診病例2：7月31日社區將其作為湖南省張家界市返京人員進行居家醫學觀察核酸檢測結果為陰性；8月1日作為密切接觸者進行集中隔離觀察當日核酸檢測結果為陰性。8月3日再次核酸檢測結果為陽性轉至定點醫院。綜合流行病史、臨床表現、實驗室檢測和影像學檢查等結果8月4日診斷為確診病例臨床分型為輕型。
確診病例3：7月30日乘坐南方航空CZ8804航班由三亞機場至北京大興機場與上述確診病例乘同一航班。7月31日曾前往朝陽區大屯街道博世祥園小區、東湖街道博泰國際商業廣場和望京街道萬科時代中心某餐館；8月1日按要求進行居家醫學觀察；8月2日作為密切接觸者進行集中隔離醫學觀察核酸檢測結果為陰性；8月3日再次進行核酸檢測結果為陽性轉至定點醫院。綜合流行病史、臨床表現、實驗室檢測和影像學檢查等結果8月4日診斷為確診病例臨床分型為普通型。</t>
  </si>
  <si>
    <t>病例確診湖南省遊客旅遊進行檢測傳播結果張家界市病毒活動本土街道張家界密切接觸作為北京市疫情北京足跡醫學觀察再次核酸聚集航班前往成都市湖南</t>
  </si>
  <si>
    <t>新冠肺炎大陸確診張家界北京</t>
  </si>
  <si>
    <t>確診肺炎大陸張家界北京</t>
  </si>
  <si>
    <t>來臨外資時代油價台塑塑膠</t>
  </si>
  <si>
    <t>日系外資針對台塑(1301)出具最新報告指出新冠肺炎衝擊台塑今年營運動能但隨著今年第二季高成本庫存耗盡之後低油價優勢將從第三季逐漸顯現預計2021年起台塑營運將出現明顯增動能故將台塑評等由減碼到買進、</t>
  </si>
  <si>
    <t>台塑營運動能今年出具最新報告指出成本庫存耗盡之後油價季高優勢肺炎逐漸衝擊顯現評等出現</t>
  </si>
  <si>
    <t>日系外資針對台塑(1301)出具最新報告指出新冠肺炎衝擊台塑今年營運動能但隨著今年第二季高成本庫存耗盡之後低油價優勢將從第三季逐漸顯現預計2021年起台塑營運將出現明顯增動能故將台塑評等由減碼到買進、目標價從60元調升到97元。
日系外資表示近期原油價格下跌加上新冠肺炎疫情大流行傷害石化產品的需求和價差預估台塑在油價下跌的負面影響下2020年的收益將削減25%但預計隨著原油價格從低點拉升將出現「低油價收益」台塑2021年的收益上調3%加上台塑有轉投資持股台塑石化(6505)在台塑化帶來更好的營業利潤和投資收益下有將有利於台塑故將台塑評等由減碼到買進、目標價從60元調升到97元。
日系外資表示受周MSCI下調台塑在權重從190%降至163%自5月29日收盤後生效恐導致股價疲軟但就長線來看預計台塑2021年的營收將恢復強勁增長在低油價的優勢下有利於PVC、PE價差該兩項產品也是台塑最有優勢的產品預計在今年第二季高成本庫存耗盡之後低油價優勢將從第三季逐漸顯現預測台塑2021年、2020年獲利將分別成長47%、21%。</t>
  </si>
  <si>
    <t>台塑預計優勢產品收益油價石化外資原油價格下跌今年加上肺炎價差營運動能有利於出現表示</t>
  </si>
  <si>
    <t>原油台塑化台塑低油價優勢</t>
  </si>
  <si>
    <t>台塑油價塑化優勢原油</t>
  </si>
  <si>
    <t>城市擴散疫情大連牽連</t>
  </si>
  <si>
    <t>根據大陸各地衛健委通報訊息大陸已有多地出現大連市輸入病例或大連市疫情關聯病例。自7月22日遼寧大連確診此輪疫情首例新冠肺炎病例以來已向外傳播至遼寧、吉林、黑龍江、福建、北京5地；鐵嶺、鞍山、四平、長春</t>
  </si>
  <si>
    <t>病例疫情大連市北京大陸福建黑龍江吉林遼寧傳播鐵嶺訊息已向以來確診肺炎首例出現輸入鞍山通報關聯遼寧大連四平</t>
  </si>
  <si>
    <t>根據大陸各地衛健委通報訊息大陸已有多地出現大連市輸入病例或大連市疫情關聯病例。自7月22日遼寧大連確診此輪疫情首例新冠肺炎病例以來已向外傳播至遼寧、吉林、黑龍江、福建、北京5地；鐵嶺、鞍山、四平、長春、白城、鶴崗、綏化、福州、北京9個城市。
大連市衛生健康委副主任趙連表示大連26日新增14例新冠肺炎本土確診病例中凱洋海鮮公司員工及家屬8例大連灣街道居民4例凱洋海鮮公司員工家屬密接者2例。累計確診病例38例。
冷鮮員工 返鄉須隔離
趙連表示鑒於目前確診病例中大部分為大連凱洋世界海鮮股份有限公司員工及家屬為此從即日起在解除隔離前對該公司所有員工實施血清抗體檢測和每3天一次的核酸檢測通過進一步強化該企業員工檢測降低疫情傳播風險隱患。
遼寧省27日新增6例本土新冠肺炎確診病例均為大連市報告的無症狀感染者轉歸確診病例。新增無症狀感染者12例均為大連市報告病例。全省累計報告確診病例209例（含境外輸入33例）治癒出院160例死亡2例在院治療47例。目前尚有42例無症狀感染者在定點醫院隔離治療。
受大連疫情影響在大連冷鮮行業工作的返回四平人員必須第一時間向所在社區村屯報告並集中隔離14天落實3次核酸檢測。此外四平宣佈停止採購、銷售進口（海產品）和大連海產品對現有產品立即下架封存對所有海產品和從業人員進行採樣檢測待檢測合格後再啟封銷售。
新疆新增確診達57例
與此同時大陸31個省（自治區、直轄市）和新疆生產建設兵團27日報告新增確診病例68例其中境外輸入病例4例（上海2例北京1例雲南1例）本土病例64例（新疆57例遼寧6例北京1例）；無新增死亡病例；無新增疑似病例。
此外北京市27日新增2例確診包括：境外輸入病例1例、大連市疫情關聯病例1例無新增疑似病例和無症狀感染者。
吉林省白城市新增1例輸入性無症狀感染者係大連凱洋世界海鮮股份有限公司員工通過對大連返吉人員開展主動篩查發現已對其密切接觸者及相關人員全部採取隔離管控措施。
此外黑龍江省27日無新冠肺炎確診病例、疑似病例報告新增無症狀感染者2例為夫妻關係妻子近期有大連旅居史。截至27日現有無症狀感染者4例尚有326人正在接受醫學觀察。
至於福建福州影響範圍較大。1名大連輸入無症狀感染者接觸超千人福州市迅速追蹤密切接觸人群並檢驗核酸但已經出爐的報告幸好都是陰性尚有檢體待驗中。</t>
  </si>
  <si>
    <t>大連病例確診隔離員工報告感染者新增症狀檢測輸入大連市疫情四平北京核酸尚有密切接觸肺炎人員福州福建海產品大陸</t>
  </si>
  <si>
    <t>員工大連市大連北京無症狀感染</t>
  </si>
  <si>
    <t>大連北京症狀大連市感染員工</t>
  </si>
  <si>
    <t>境外確診個案發佈返國中心條件指揮</t>
  </si>
  <si>
    <t>為確保COVID-19(新冠肺炎)境外確診個案返國時之飛航防疫安全並降低個案入境後發生社區疫情之風險中央流行疫情指揮中心今(17)日表示依據傳染病防治法第58條第1項第2款與第3款規定境外確診個案須符合下列條件</t>
  </si>
  <si>
    <t>個案境外確診疫情肺炎表示中心指揮社區返國發生防疫降低安全入境傳染病依據防治法規定流行中央風險</t>
  </si>
  <si>
    <t>為確保COVID-19(新冠肺炎)境外確診個案返國時之飛航防疫安全並降低個案入境後發生社區疫情之風險中央流行疫情指揮中心今(17)日表示依據傳染病防治法第58條第1項第2款與第3款規定境外確診個案須符合下列條件之一才能搭機返國違者將依同法第69條規定處新臺幣1萬元以上15萬元以下罰鍰：
1發病日至登機日已逾2個月且症狀已緩解。
2距發病日已達10天且取得2次呼吸道檢體檢驗SARS-CoV-2陰性證明(須間隔至少24小時採檢)。
指揮中心指出境外確診個案搭機返臺時仍建議全程佩戴口罩。入境時檢疫措施比照旅遊疫情建議第三級地區入境旅客辦理：如有症狀應於邊境採檢後進行集中檢疫檢驗結果陰性者接續完成居家檢疫；無症狀者入境後應居家檢疫14天。</t>
  </si>
  <si>
    <t>入境個案檢疫症狀境外確診疫情返國規定指揮中心建議陰性檢驗發病居家以下台幣以上</t>
  </si>
  <si>
    <t>確診個案返國境外指揮中心條件</t>
  </si>
  <si>
    <t>指揮返國境外中心個案條件確診</t>
  </si>
  <si>
    <t>訂貨長者肺炎收入減半</t>
  </si>
  <si>
    <t>受到新冠病毒疫情延燒導致店家訂貨趨於保守拾荒長者可以撿拾的紙箱、鐵罐與寶特瓶的數量屈指可數許多店家也擔心拾荒者是否會帶來傳染紛紛暫時取消店內回收相較過去1天約可獲得上百元現在的拾荒長輩一天</t>
  </si>
  <si>
    <t>店家疫情獲得導致過去相較回收取消暫時紛紛病毒傳染訂貨帶來趨於是否保守長者可以寶特瓶</t>
  </si>
  <si>
    <t>受到新冠病毒疫情延燒導致店家訂貨趨於保守拾荒長者可以撿拾的紙箱、鐵罐與寶特瓶的數量屈指可數許多店家也擔心拾荒者是否會帶來傳染紛紛暫時取消店內回收相較過去1天約可獲得上百元現在的拾荒長輩一天平均回收收入僅有約50元。
如獨居的劉阿嬤平日靠拾荒與賣水餃維生近期阿嬤得了乳癌中華民國老人福利關懷協會協助辦理住院與相關手續後阿嬤卻一直想出院擔心負擔不了醫療費協會希望讓阿嬤安心照顧好身體出院後將提供阿嬤新的推車。
中華民國老人福利關懷協會服務的清寒長輩中有一成是「拾荒者」他們不同的是肩負著撐起家的重擔邀請社會大眾一同支持推動「愛食不荒」計畫讓長輩有一個乾淨、舒適的生活環境與基本的生活必需用品外也讓長輩們能靠自己與大家的力量撐起一個家。
捐款可洽：http://wwwewcaorgtw/m/406-1689-89675r2085php。</t>
  </si>
  <si>
    <t>長輩阿嬤協會回收店家出院擔心老人福利中華民國關懷疫情ewcawwwtwhttp導致</t>
  </si>
  <si>
    <t>新冠肺炎武漢肺炎COVID-19台灣弱勢</t>
  </si>
  <si>
    <t>武漢肺炎covid-臺灣弱勢</t>
  </si>
  <si>
    <t>爆發偷開球員mlb感染</t>
  </si>
  <si>
    <t>大聯盟球員有人在6月中在佛州舉辦慶生派對被傳言是一個「新冠肺炎病毒趴」造成了疫情擴散。官網記者Jon Heyman報導這位元球員還把病毒帶到自己的球隊目前所有受害者的姓名都未公開。佛州是美國最新的疫情爆發</t>
  </si>
  <si>
    <t>佛州病毒球員疫情舉辦未公開受害者傳言目前球隊姓名派對官網jon記者報導heyman擴散造成肺炎</t>
  </si>
  <si>
    <t>One mid-June MLB player birthday party in Florida is believed to have led to infections and become a spreader in a spring clubhouse The question is: Will this episode be repeated or will it become an important cautionary tale?
大聯盟球員有人在6月中在佛州舉辦慶生派對被傳言是一個「新冠肺炎病毒趴」造成了疫情擴散。官網記者Jon Heyman報導這位元球員還把病毒帶到自己的球隊目前所有受害者的姓名都未公開。
佛州是美國最新的疫情爆發點7月2日當天新增10109人確診將近是全國新增55萬人的五分之一創下美國疫情最高紀錄。佛州目前累積將近18萬人染病3686人死亡是全美第4大疫區。就算沒有那個白目的慶生趴病毒也可能從任何地方傳入大聯盟的球隊休息室首輪檢驗1800位球員有31人染病。
至少5位球員拒絕參與復賽天使隊卓奧特(Mike Trout)本週末也公開表示對復賽有疑慮。「我擔心即將出世的孩子還有我的妻子我的家庭。我告訴總管與隊友要兼顧防疫與比賽這季將會非常辛苦。最重要的是我不能把病傳染給我懷孕的妻子我很想打球這是兩難的情況。」
卓奧特有可能退賽嗎？總教練麥登(Joe Maddon)說無論如何他都會支持卓奧特的決定。「他初為人父這對他意義重大他必須保持健康。」</t>
  </si>
  <si>
    <t>球員病毒疫情佛州isinbecome妻子複賽奧特可能球隊目前will聯盟美國染病to</t>
  </si>
  <si>
    <t>佛州卓奧特天使美國大聯盟</t>
  </si>
  <si>
    <t>天使奧特美國聯盟佛州</t>
  </si>
  <si>
    <t>美4月非農業就業 估驟減2000萬人</t>
  </si>
  <si>
    <t>就業驟減</t>
  </si>
  <si>
    <t>美國失業率全球報告預估就業人口經濟學家激增人口失業造成封鎖重災區聚焦疫情勞動市場相關肺炎矚目資料出爐</t>
  </si>
  <si>
    <t>美國失業率就業失業資料報告人口升至疫情相關全球創下之間勞動激增財經市場可能就業人口預估</t>
  </si>
  <si>
    <t>非農業就業報告美國肺炎失業率飆升</t>
  </si>
  <si>
    <t>肺炎美國失業率報告就業</t>
  </si>
  <si>
    <t>韓國說明高雄最新磐石疫情直播</t>
  </si>
  <si>
    <t>敦睦艦隊磐石艦名官兵確診新冠肺炎高雄意外成重災區。高雄市長韓國瑜今天下午4點將召開記者會說明高雄的最新疫期狀況。韓國瑜指出對於海軍敦睦艦隊744位軍人的疫調未能獲得真實答覆始終有缺口因此希望中</t>
  </si>
  <si>
    <t>高雄韓國瑜艦隊敦睦始終真實獲得官兵肺炎確診市長軍人今天下午召開說明記者會對於海軍最新指出狀況</t>
  </si>
  <si>
    <t>敦睦艦隊磐石艦名官兵確診新冠肺炎高雄意外成重災區。高雄市長韓國瑜今天下午4點將召開記者會說明高雄的最新疫期狀況。
韓國瑜指出對於海軍敦睦艦隊744位軍人的疫調未能獲得真實答覆始終有缺口因此希望中央全力協助。
高雄市衛生局長林立人也表示由於744位官士兵是由高雄下船相關活動地點也在高雄；且居住在高雄市的官士兵部分人員無法在電話中表述無法確認身分也不能提供訊息。因此高雄市政府已經以最速件發出電子公文請中央或各縣市政府協助7個檢疫中心進行疫調。</t>
  </si>
  <si>
    <t>高雄中央市政府協助士兵艦隊敦睦無法官兵肺炎確診市長真實韓國瑜始終今天下午獲得召開對於</t>
  </si>
  <si>
    <t>高雄韓國瑜台灣全球大陸</t>
  </si>
  <si>
    <t>韓國全球臺灣高雄大陸</t>
  </si>
  <si>
    <t>外國人魯閣檢疫強制安置居家</t>
  </si>
  <si>
    <t>花蓮縣衛生局接獲通報有1名新冠肺炎防疫須居家隔離自檢的荷蘭人至27日才能解除卻擅自離開簡易住所駕車往台8線中橫公路途經太魯閣國家公園要到花蓮警方今下午在台8線1698k稚暉橋攔查到他連同同行日本籍</t>
  </si>
  <si>
    <t>通報肺炎防疫稚暉居家隔離荷蘭下午才能解除擅自警方要到國家公園</t>
  </si>
  <si>
    <t>花蓮縣衛生局接獲通報有1名新冠肺炎防疫須居家隔離自檢的荷蘭人至27日才能解除卻擅自離開簡易住所駕車往台8線中橫公路途經太魯閣國家公園要到花蓮警方今下午在台8線1698k稚暉橋攔查到他連同同行日本籍友人2人當場被通報由花蓮縣衛生局處理。
目前花蓮衛生局已向中央疫情指揮中心申請強制隔離並且依規定可裁處1至15萬元不過衛生局表示罰則由南投衛生局決定裁罰目前已派專車將2人送往外縣市檢疫所安置。
花蓮縣衛生局表示接獲南投通報有1名荷蘭籍外籍遊客須居家檢疫至27日止但疑似開車往花蓮方向行駛下午警方已在中橫攔查到這人但身旁有一日本籍友人同行因此2人都須實施居家檢疫將由南投縣衛生單位決定是否依違反傳染病防治法規定裁罰此罰則為新台幣1萬元以上、15萬元以下罰鍰。衛生局表示目前已派專車將2人送往外縣市的檢疫所進行安置。
太魯閣國家公園管理處副處長張登文受訪說同步接獲通報後將在辦公廳舍及各管理站的遊客中心進行消毒請遊客安心。</t>
  </si>
  <si>
    <t>衛生局通報居家遊客表示中橫中心隔離進行國家公園目前下午警方</t>
  </si>
  <si>
    <t>新冠肺炎武漢肺炎 COVID-19新型冠狀病毒NCP</t>
  </si>
  <si>
    <t>肺炎武漢covid-病毒冠狀ncp</t>
  </si>
  <si>
    <t>梅克爾疫苗az莫德納施打接種</t>
  </si>
  <si>
    <t>德國政府發言人今天表示總理梅克爾（Angela Merkel）在先前接種阿斯特捷利康（AstraZenecaAZ）疫苗後第二劑已接受施打莫德納（Moderna）疫苗。法新社報導今年66歲的梅克爾4月時接種AZ疫苗。在那之前逾兩週</t>
  </si>
  <si>
    <t>疫苗梅克爾az接種表示總理angelamerkel先前今天莫德納moderna阿斯特法新社捷利康astrazeneca報導今年施打接受發言人之前政府德國</t>
  </si>
  <si>
    <t>德國政府發言人今天表示總理梅克爾（Angela Merkel）在先前接種阿斯特捷利康（AstraZenecaAZ）疫苗後第二劑已接受施打莫德納（Moderna）疫苗。
法新社報導今年66歲的梅克爾4月時接種AZ疫苗。在那之前逾兩週德國當局曾建議AZ疫苗應只適用於60歲以上族群。
梅克爾在執政16年後即將於今年下臺。她2019年曾多次在公開場合出現顫抖狀況引發對於她健康的關切但她之後健康狀況看似良好。
德國推動接種疫苗在歷經艱難起步後近幾週進度大幅加速。截至今天為止德國已有約1/2或是512%的人口接種首劑疫苗。</t>
  </si>
  <si>
    <t>疫苗德國接種梅克爾az今天狀況顫抖引發出現對於公開場合健康曾多次關切年下之後於今健康狀況看似總理表示執政良好族群</t>
  </si>
  <si>
    <t>新冠肺炎德國梅克爾疫苗</t>
  </si>
  <si>
    <t>德國肺炎梅克爾疫苗</t>
  </si>
  <si>
    <t>華春瑩物資醫療已向囤積提供援助</t>
  </si>
  <si>
    <t>針對外界指控中國大陸正在囤積防疫醫療物資的說法大陸外交部發言人華春瑩予以反駁稱完全不同意這種說法目前中國疫情並未結束對醫療物資需求也很大此外中國還積極為有需要的國家提供防疫物資至少有120個</t>
  </si>
  <si>
    <t>中國物資說法醫療大陸防疫反駁予以完全國家華春瑩積極同意發言人需要目前外交部囤積需求結束疫情並未</t>
  </si>
  <si>
    <t>針對外界指控中國大陸正在囤積防疫醫療物資的說法大陸外交部發言人華春瑩予以反駁稱完全不同意這種說法目前中國疫情並未結束對醫療物資需求也很大此外中國還積極為有需要的國家提供防疫物資至少有120個國家和4個國際組織接受了中國的醫療物資援助。
在大陸外交部31日例行記者會上有記者問稱：新冠肺炎疫情在全球迅速蔓延各國對N95口罩等防疫物資需求很大。有人認為中國正在囤積防疫醫療物資沒有為其他國家提供及時幫助。請問中方對此有何評論？
華春瑩說這個說法我完全不同意。當前中國的疫情並沒有結束外防輸入、內防反彈的壓力很大對相關醫療物資的需求也很大。做好國內防控、保護人民群眾身體健康是中國政府的首要責任「把14億中國人民保護好本身就是對全球公共衛生安全巨大的貢獻」。
華春瑩還說中國也積極為有需要的國家提供防疫物資已向120個國家和4個國際組織提供了包括普通醫用口罩、N95口罩、防護服、核酸檢測試劑、呼吸機等在內的物資援助；另外地方政府也通過國際友好城市等管道向50多個國家捐贈醫療物資；中國企業向100多個國家和國際組織捐贈醫療物資。
她表示有些國家通過外交管道向中方提出了商業採購協助請求中方向他們推薦了有資質的出口商。隨著中國企業復工複產中國企業將為國際社會應對疫情提供更多的物資支援。中國政府也會繼續為各國來華採購提供支援和必要便利。中方也希望和歡迎各國企業加強合作共同維護全球醫療物資產業鏈的穩定。
華春瑩還提醒各國對於N95口罩的需求都很大中國的做法是把N95口罩留給那些身處最危險的崗位、最容易受到感染的廣大醫護人員。</t>
  </si>
  <si>
    <t>中國物資醫療提供口罩疫情華春瑩中方國家國際全球企業防疫說法大陸需求採購保護沒有援助組織中國政府</t>
  </si>
  <si>
    <t>員染研議偵查隊全隊居家分局中和自我管理</t>
  </si>
  <si>
    <t>新北市中和警分局今（30）日繼上午傳出2名交通分隊警員染疫晚間1名南勢派出警員確診稍早偵查隊2名隊員通知確診已累計5人染疫。中和分局表示由於染疫同仁分處在不同駐地初步研判應非群聚感染有疑慮者均已</t>
  </si>
  <si>
    <t>分局警員確診感染應非群初步駐地上午傳出不同分處同仁通知交通分隊累計</t>
  </si>
  <si>
    <t>新北市中和警分局今（30）日繼上午傳出2名交通分隊警員染疫晚間1名南勢派出警員確診稍早偵查隊2名隊員通知確診已累計5人染疫。中和分局表示由於染疫同仁分處在不同駐地初步研判應非群聚感染有疑慮者均已居家自我健康管理分局將持續擴大清消及實施分流、異地辦公等措施會謹慎嚴肅面對。
據瞭解中和分局偵查隊科偵小隊因與確診的刑大徐姓隊員有接觸史故於本月27日全隊前往快篩兼PCR檢測當天快篩均呈陰性反應。詎料今晚邱、陳2員先後接獲衛生局通知PCR採檢陽性要求2員居家隔離等候入住集中檢疫所。
中和分局表示為求謹慎研議偵查隊全員74人居家自我健康管理勤、業務由刑警大隊及鄰近分局支援目前正和警察局、刑警大隊討論中。此外中和分局今天下午排定內勤人員前往快篩有1人陽性反應已居家隔離等候PCR檢測結果。</t>
  </si>
  <si>
    <t>分局居家中和偵查隊pcr確診通知謹慎警員隊員隔離管理前往健康刑警大隊等候表示檢測分流實施</t>
  </si>
  <si>
    <t>染疫確診中和分局快篩PCR</t>
  </si>
  <si>
    <t>分局中和確診pcr</t>
  </si>
  <si>
    <t>劉和然全是確診案例新北</t>
  </si>
  <si>
    <t>新北市今新增8例確診新北副市長劉和然表示三重、板橋、樹林各有2例新莊、淡水各1例今日案例都是居家隔離個案因此新增本土案例是0。劉和然說8例確診感染源分析2位是職場、4位家戶、2位是其他；三重1人</t>
  </si>
  <si>
    <t>劉和然確診新增案例新北樹林板橋居家表示感染本土市長分析新莊淡水今日個案隔離家戶</t>
  </si>
  <si>
    <t>新北市今新增8例確診新北副市長劉和然表示三重、板橋、樹林各有2例新莊、淡水各1例今日案例都是居家隔離個案因此新增本土案例是0。
劉和然說8例確診感染源分析2位是職場、4位家戶、2位是其他；三重1人確診為先前家禽合作社移工被同事感染在自主健康管理期間篩檢陽性淡水1人也是被同事傳染。
另外樹林2人是之前華航空儲案例爸爸傳給小孩；三重1人被媽媽傳染；新莊1人則是小孩確診傳染給家人板橋2人都被朋友感染。
劉和然表示目前接觸者19人PCR篩檢4人有1人陽性目前有12人居家隔離中。此外昨日社區篩檢站篩檢3319位快篩陽性1位陽性率003％劉和然說今日是指考第2日新北市府會持續監控疫情針對場所開放等措施將採滾動式檢討。</t>
  </si>
  <si>
    <t>劉和然確診感染案例新北陽性板橋居家小孩表示淡水同事樹林今日隔離新莊新增措施開放場所</t>
  </si>
  <si>
    <t>劉和然新北市篩檢新冠肺炎確診</t>
  </si>
  <si>
    <t>新北肺炎確診劉和然</t>
  </si>
  <si>
    <t>確診重症國內中心後藏共同點指揮</t>
  </si>
  <si>
    <t>台灣一夜新增3起死亡個案其中案108為奧地利、捷克旅遊團的40多歲男性領隊19日確診29日晚間死亡僅11天該旅遊團群聚共4人確診就有3人屬於重症。中央流行指揮中心發言人莊人祥今天揭露國內確診個案的重症</t>
  </si>
  <si>
    <t>確診死亡個案重症奧地利旅遊捷克發言人中心指揮莊人祥今天中央流行揭露屬於旅遊團男性領隊晚間國內</t>
  </si>
  <si>
    <t>台灣一夜新增3起死亡個案其中案108為奧地利、捷克旅遊團的40多歲男性領隊19日確診29日晚間死亡僅11天該旅遊團群聚共4人確診就有3人屬於重症。中央流行指揮中心發言人莊人祥今天揭露國內確診個案的重症比率以截至298例的統計來看累計有15人是接上呼吸器治療的重症個案比率約為5%。
指揮中心下午揭露案108病情急轉直下背後原因是因為案108本身的體重較重心肺功能差25日病情即開始惡化出現呼吸窘迫29日即因嚴重肺炎不治。
中央流行疫情指揮中心發言人莊人祥表示奧地利、捷克旅遊團另3名確診者除了案104的40多歲女性為輕症之外案61的南部50多歲女性亦有高血壓、肥胖問題；案72的南部70多歲女性有糖尿病、高血壓、肥胖問題目前兩人都以呼吸器治療。
莊人祥進一步揭露國內確診個案的重症比率以截至298例的統計來看累計有15人是接上呼吸器治療的重症個案比率約為5%目前還靠呼吸器者則有9人；如果依世界衛生組織（WHO）的嚴重個案定義來看298例中有19例符合嚴重肺炎、呼吸窘迫比率為64%整體都在5到6%左右。
莊人祥說感染新冠肺炎後引發重症者多半為年長者或有肥胖、慢性疾病、抵抗力低下等問題這類族群需要特別留心而感染發病後的7天更是觀察病情走向的重要觀察期。</t>
  </si>
  <si>
    <t>個案確診重症病情比率肺炎問題嚴重揭露肥胖指揮呼吸器感染中心死亡奧地利旅遊團目前女性捷克</t>
  </si>
  <si>
    <t>台灣重症率5%莊人祥呼吸器新冠肺炎</t>
  </si>
  <si>
    <t>莊人祥呼吸器重症肺炎臺灣</t>
  </si>
  <si>
    <t>陳道輝學生艦長海軍</t>
  </si>
  <si>
    <t>敦睦艦隊28名官兵確診新冠肺炎敦睦艦隊支隊長陳道輝上午在立院視訊時強調「絕無隱瞞疫情」。針對敦睦支隊長陳道輝將被調離現職前海軍艦長、戰略研究員張競霸氣說陳道輝是他的學生他選擇跟他站在一起、究責算</t>
  </si>
  <si>
    <t>陳道輝敦睦支隊長艦隊選擇學生一起霸氣戰略張競艦長研究員海軍肺炎強調現職調離立院隱瞞疫情</t>
  </si>
  <si>
    <t>敦睦艦隊28名官兵確診新冠肺炎敦睦艦隊支隊長陳道輝上午在立院視訊時強調「絕無隱瞞疫情」。針對敦睦支隊長陳道輝將被調離現職前海軍艦長、戰略研究員張競霸氣說陳道輝是他的學生他選擇跟他站在一起、究責算他一份。
張競今發文至「海軍艦隊風雲」臉書社團表示「陳道輝是我戰院教過的學生假若他表現不好是我教的不好究責算我一份！只有政客背棄下屬沒有師長拋棄弟子我選擇跟他站在一起！」
網友認為「敦支要遠航非部長說了算。敦支要放假非支隊長說了算。」、「幫國軍說話出任務沒問題該死的是隱匿疫情。」、「同班同學以您為榮以老師為尊！」、「反對獵巫責難。」</t>
  </si>
  <si>
    <t>支隊長陳道輝艦隊疫情海軍敦睦選擇一起學生說了算老師同班同學不好反對隱匿問題任務說話</t>
  </si>
  <si>
    <t>陳道輝調職磐石艦艦長張競</t>
  </si>
  <si>
    <t>磐石艦長陳道輝張競</t>
  </si>
  <si>
    <t>主管事務競爭對華轉為敵對白宮關係</t>
  </si>
  <si>
    <t>隨著新冠疫情在全球擴散美中關係達到建交以來的最低點已成為觀察家們的共識。歐巴馬政府時期主管中國政策的官員何瑞恩(Ryan Hass)分析稱美中關係已由競爭關係轉變成敵對關係這是長期的結構性壓力即便民主</t>
  </si>
  <si>
    <t>美中關係關係疫情全球擴散長期達到主管中國時期政策政府官員建交巴馬瑞恩ryan以來共識分析成為觀察家hass最低點</t>
  </si>
  <si>
    <t>隨著新冠疫情在全球擴散美中關係達到建交以來的最低點已成為觀察家們的共識。歐巴馬政府時期主管中國政策的官員何瑞恩(Ryan Hass)分析稱美中關係已由競爭關係轉變成敵對關係這是長期的結構性壓力即便民主黨拜登當選能改善的情況也很有限。
何瑞恩曾任美國駐北京外交官並在歐巴馬時期國安會主管過中國與台灣事務他在接受《英國廣播公司》(BBC)專訪指出華盛頓近期的外交策略值得商榷面對中國大陸聲浪愈高的「戰狼外交」美國「以牙還牙」的策略損害了政策目標。
何瑞恩說目前確實是兩國建交以來關係最嚴峻的時候以前許多外交上的艱困時刻例如1989年天安門事件後、1996年的台海危機、1998年南斯拉夫大使館轟炸事件以及2001年的南海撞機事件。但這些危機只要兩國合作共度難關關係就能持續發展。現在完全不同兩國關係承受長期累積的結構性壓力它並非來自於新冠疫情而是雙方都想在「一山不容二虎」的鬥爭當中獲勝。
他表示這種關係已不是競爭關係而是敵對關係。兩者的差別在於在競爭關係中你嘗試比對方更具競爭力；而在對抗關係中你會試圖傷害對方因為對手遭遇的挫敗能相對加強己方的實力。
過去幾個月華盛頓與北京的關係在哪些關鍵時刻沒有處理好？何瑞恩認為趙立堅式的言論對兩國關係造成了極大的傷害這種言論極不明智可以理解這是面向哪些觀眾但確實在美國激起極大反感。美國政府也同樣有人主張要對中國展開輿論戰事態發展至此兩方都有責任。
現在美國鷹派抬頭中國也是年輕鷹派但其實都是民族主義抬頭其背後原因是領導力的缺失。在過去幾年中美關係曾面臨低盪在歐巴馬和習近平時期兩國關係也很複雜困難但當時有領袖人物關係氣氛就很不一樣。
何瑞恩認為雙方現在都利用美中關係滿足其國內政治需要。歐巴馬當年認為美中關係太重要不能將它變成政治足球。但如今政治很大程度上操縱了政策不僅僅是美國一方在中國也出現了類似的情況。
在面對美國大選的情況下何瑞恩表示雙方關係會更進一步激化至於會有多糟？要看北京如何回應美國的對華表態這股批評聲浪可能會非常嚴酷希望北京能眼光放得更遠短期情勢也許會非常緊張如果疫情拖到11月大選後雙方關係下降太多就很令人遺憾。
至於拜登如果當選何瑞恩說這4年發生的事也不會被遺忘中美關係不會立即回到2016年。因為世界格局、美中關係都已變化美國的政策也會改變。拜登當選後可能會比2016年更強硬尤其在經濟方面因為也需要對其支持者作出交代。
何瑞恩最後說在後新冠疫情時期兩國在疫情應對、保護國民和復蘇經濟的有效性都會評判。在預期新冠疫情的意義時要保持謙遜的態度以前發生重大事件時就會有很多世界要如何翻天覆地變化的文章出現事後看來都不怎麼樣這一次應該也不會例外。</t>
  </si>
  <si>
    <t>關係瑞恩美國中國疫情美中關係北京政策雙方外交兩國關係現在認為時期</t>
  </si>
  <si>
    <t>新冠肺炎武漢肺炎新型冠狀病毒COVID-19何瑞恩</t>
  </si>
  <si>
    <t>肺炎武漢冠狀病毒covid-瑞恩</t>
  </si>
  <si>
    <t>首例肺炎中國提前死亡紀錄早期湊巧同一天</t>
  </si>
  <si>
    <t>據美媒引述美國疾控中心(CDC)資料報導美國首例新冠死亡病例已由原來認定的2020年2月6日提前至2020年1月9日提早了將近一個月。而且據其家屬表示這名最新被確認為首例新冠病毒死亡病例醫院方面的紀錄顯示死</t>
  </si>
  <si>
    <t>病例首例死亡cdc資料醫院報導美國家屬美國疾控中心表示病毒最新確認方面提前提早將近認定原來引述紀錄顯示</t>
  </si>
  <si>
    <t>死亡病例病毒報導美國時間認為專家中國相關表示死者沒有首例大陸婦女資料通常國家是否衛生統計</t>
  </si>
  <si>
    <t>美國新冠病毒COVID19死亡病例中國</t>
  </si>
  <si>
    <t>病毒covid死亡病例中國美國</t>
  </si>
  <si>
    <t>高標準確診開學全校停課桃園</t>
  </si>
  <si>
    <t>因應開學將至桃園市教育局已擬定開學前整備的檢核表市長鄭文燦16日也宣佈將採高標準1人確診就全校停課14天家庭成員也要在聯絡簿記錄每日體溫狀況以便掌握健康狀況。鄭文燦說因應9月1日開學教育局已</t>
  </si>
  <si>
    <t>開學鄭文燦因應家庭成員聯絡簿停課記錄全校體溫確診狀況以便掌握高標準健康狀況擬定整備宣佈</t>
  </si>
  <si>
    <t>因應開學將至桃園市教育局已擬定開學前整備的檢核表市長鄭文燦16日也宣佈將採高標準1人確診就全校停課14天家庭成員也要在聯絡簿記錄每日體溫狀況以便掌握健康狀況。
鄭文燦說因應9月1日開學教育局已經制定開學前整備的檢核表包括成立防疫小組、要做衛教宣導、購足防疫物資、進出管制、制定餐飲和消毒的規範、還有確診的應變等。
鄭文燦說開學後桃園將採取比較高的標準假設有1人確診就全校停課14天。教育局指出目前中央規定1校有2位以上師生被中央流行疫情指揮中心列為確定病例該校停課14天桃園更嚴苛希望阻絕病毒在校園內傳播。
鄭文燦也特別提到開學後家庭聯絡簿會增加家庭健康監測資料鼓勵孩子們把家庭成員的體溫情況記錄下來便於掌握健康狀況。
鄭文燦說市府要在開學前完成校園環境消毒全市306所學校分兩批完成消毒18至23日針對196所國小24日到30日針對110所國高中306所學校務必要在9月1日前完成環境整備。</t>
  </si>
  <si>
    <t>開學鄭文燦桃園停課確診消毒防疫家庭成員整備體溫中央聯絡簿制定教育局完成健康狀況全校掌握家庭檢核</t>
  </si>
  <si>
    <t>新冠肺炎台灣開學確診停課14天</t>
  </si>
  <si>
    <t>開學肺炎臺灣確診停課</t>
  </si>
  <si>
    <t>雙喜臨門營運動能瑞基</t>
  </si>
  <si>
    <t>瑞基（4171）雙喜臨門！不僅第一季營收以129億元交出年增近五成的新高佳績該公司開發的檢測新冠病毒試劑也領先同業取得衛福部專案核准未來將有助於擴大海外市場佈局帶動業績持續增溫今年營運樂觀。營運</t>
  </si>
  <si>
    <t>交出持續業績帶動新高佈局市場佳績公司海外開發擴大檢測有助於未來病毒核准試劑專案衛福部領先取得同業</t>
  </si>
  <si>
    <t>瑞基（4171）雙喜臨門！不僅第一季營收以129億元交出年增近五成的新高佳績該公司開發的檢測新冠病毒試劑也領先同業取得衛福部專案核准未來將有助於擴大海外市場佈局帶動業績持續增溫今年營運樂觀。
營運表現耀眼的瑞基3月合併營收5207萬元年增1131％累計第一季營收129億元年成長4983％由於業績逆勢成長加上新冠肺炎檢測試劑開發報佳音激勵該股連三日股價大漲9日以981元作收上漲458％再度逼近百元大關。
新冠肺炎疫情席捲全球瑞基發的檢測試劑3月已出貨巴拿馬印尼阿拉伯聯合大公國及巴基斯坦歐洲包含英國、義大利、西班牙、德國與中南美洲包含哥倫比亞烏拉圭阿根廷等客戶皆積極洽詢中。
另外衛福部也在4月6日核准瑞基新型冠狀病毒檢測試劑產品專案製造是國內第一家。根據專案該產品在台灣僅供衛福部疾管署認可進行嚴重特殊傳染性肺炎檢體檢驗之國內醫學檢驗實驗室使用。
國際方面瑞基3月9日送件國際組織Foundation for Innovative New Diagnostics（FIND）的新型冠狀病毒分子診斷評測計畫目前等待評核結果。
瑞基表示3月營收成長動能主要來自畜產市場全球非洲豬瘟疫情持續延燒亞洲檢測需求強。大陸子公司復工良好畜產檢測產品出貨暢旺；泰國與菲律賓代理商皆下單續訂非洲豬瘟產品禽流感市場與水產市場亦穩定出貨。
法人認為隨著新冠肺炎疫情持續蔓延瑞基在積極擴大產能因應來自畜產與新冠肺炎病毒檢測需求下預估第二季將可延續成長力道。</t>
  </si>
  <si>
    <t>瑞基肺炎檢測試劑產品衛福部市場持續畜產專案疫情包含病毒冠狀需求積極業績擴大病毒檢測</t>
  </si>
  <si>
    <t>瑞基專案檢測試劑肺炎衛福部</t>
  </si>
  <si>
    <t>試劑檢測專案肺炎衛福部瑞基</t>
  </si>
  <si>
    <t>只能病逝不知cdc確診記者會一家</t>
  </si>
  <si>
    <t>本土疫情爆發1名網友在網路上陳述他一家5口有4人確診的真實故事他說家中最先染疫的是父親從18日有感冒症狀到22日送往急診時血氧僅剩60%逝世接著他的母親、1歲半的兒子也接連發高燒確診而他雖然快篩4次皆</t>
  </si>
  <si>
    <t>確診網路上發高燒陳述接連一家母親兒子逝世僅剩急診送往真實最先家中故事父親</t>
  </si>
  <si>
    <t>本土疫情爆發1名網友在網路上陳述他一家5口有4人確診的真實故事他說家中最先染疫的是父親從18日有感冒症狀到22日送往急診時血氧僅剩60%逝世接著他的母親、1歲半的兒子也接連發高燒確診而他雖然快篩4次皆陰性但也有確診症狀；離譜的是直到父親病逝醫療單位皆未給他確診案號以至於他每天只能從CDC公佈的死亡名單中去猜測哪位是父親文章公佈引發外界譁然。
該網友在PTT發文說他的父親在5月18日開始有輕微感冒症狀21日生命跡象開始不隱定、無法自行下床他詢問過大醫院急診無法再收人因此緊急帶父親到附近診所父親堅持不通報篩檢只拿藥就回家；22日父親狀況急速惡化嚴重發燒且意識模糊他叫了救護車送急診後醫院表示父親血氧僅剩60%之後並告知父親確診他也被要求做快篩結果陰性於是他與家人先返家準備隔離。
該網友說23日醫院打電話通知父親血氧過低已無法醫治他與母親最後透過對講機和父親說了最後幾句話就天人永隔；隔天他的母親也開始發燒送至醫院後同樣確診之後開始有疫調人員與他聯絡；不幸的是他1歲半的兒子也確診他雖然後續再做了3次快篩都驗出陰性但陸續出現確診症狀照X光與斷層掃描後醫師也說他確實罹患肺炎；28日他的母親住進負壓式隔離病房血氧從原本掉剩80%順利拉回正常值而他全家則陸續接受隔離指引等。
該網友痛批1922、1999、疾管署、衛生局幾乎是獨立作業「資料整合不到位而且各有各的說法以及一套SOP」他當下接收家人確診時手足無措完全沒有感受到政府的幫忙；不過也有網友質疑其真實性要求原PO提供案號原PO則回覆從沒有人給過他編號他每天只能追蹤CDC公佈的的死亡名單日前才看到一個很像是他父親的但也無法確定身分。</t>
  </si>
  <si>
    <t>父親確診網友母親無法醫院開始急診症狀公佈陰性陸續沒有家人發燒</t>
  </si>
  <si>
    <t>新冠肺炎台灣父親確診案號</t>
  </si>
  <si>
    <t>臺灣父親肺炎確診</t>
  </si>
  <si>
    <t>控制有效疫情停工多國不封仿效</t>
  </si>
  <si>
    <t>不論從哪個角度看各國在新冠病毒疫情控制上的數字有一個國家的表現都格外惹人注目：韓國。這不是在外媒報導中找隻言片語來為自已吹噓防疫成就而是實際對大規模疫情防控的有效措施從數字上吸引了外國政府直接派</t>
  </si>
  <si>
    <t>疫情數位吸引控制報導在外這不隻言片語韓國惹人注目措施格外吹噓防疫成就實際國家有效表現防控外國</t>
  </si>
  <si>
    <t>不論從哪個角度看各國在新冠病毒疫情控制上的數字有一個國家的表現都格外惹人注目：韓國。這不是在外媒報導中找隻言片語來為自已吹噓防疫成就而是實際對大規模疫情防控的有效措施從數字上吸引了外國政府直接派員前來討教學習。韓國沒有封城封國、企業不停工卻能把曾經全球第二嚴重的韓國大規模疫情硬生生地控制下來很多國家都很羡慕：「韓國怎麼做到的？」
《紐約時報》專題報導指出在2月下旬和3月初韓國的新冠病毒感染人數激增短短數日從數十例激增到幾百再到幾千例。2月底每日新增近千例幾乎要壓垮這個擁有5000萬人口的國家。但是不到一周之後新增病例數減少一半4天內再減一半第5天又減半。
到上個周日韓國報告新增病例僅64例是近一個月來最低。相比其他國家的每日新增感染數以千計疫情第二嚴重的義大利每天有數百人死亡而韓國一天的死亡人數則不超過8人。到25日為止韓國總確診數為9067例死亡120例排在中國大陸、義大利、美國、西班牙、德國、法國、伊朗之後。
報導說韓國是2個發生了大範圍疫情並壓平了新增病例曲線的國家之一另一個當然是中國大陸。不過韓國沒有像大陸那樣封城封省 也沒有進行像歐洲和美國那樣對經濟造成破壞的大封鎖。現在各國官員和專家正在仔細研究、總結韓國的經驗他們的做法雖然不那麼容易但看起來相對簡單並可承受：迅速的行動、大規模檢測和接觸者追蹤以及必不可少的民眾支持。
報導表示有些疫情快速爆發的國家開始對韓國的做法表現出興趣包括法國總統馬克宏(Emmanuel Macron)和瑞典首相勒文(Stefan Löfven)都致電韓國總統文在寅請求提供有關該國措施的詳情世界衛生組織(WHO)總幹事譚德塞(Tedros Adhanom Ghebreyesus)也敦促各國「借鑒韓國和其他地區的經驗」。
不過韓國對此讚譽則謹慎表示成功是暫時的死灰復燃的風險仍然存在尤其是當疫情繼續在國境之外肆虐的時候。
報導說總結韓國控制疫情的經驗可以歸納為幾項重要措施：1、在變成危機之前迅速幹預快速生產檢測試劑盒；2、開設600個檢測中心密集地進行檢測受檢過程10分鐘6小時結果出爐至今已超過30萬人受檢；3、利用手機App進行隔離、觀察與接觸者追查以信用卡記錄與手機GPS掌控被監控者行蹤；4、爭取公眾協助進行疫情防控。
韓國模式可以複製嗎？報導認為很多人都關注韓國的成功它的方法既不複雜、也不昂貴使用的技術也很簡單在疫情比韓國嚴重的7個國家中有5個都比它更富裕。
專家指出效仿韓國有3大障礙都與成本和技術無關。其一是政治意願在疫情尚未發展成危機之前許多國家都曾猶豫是否要實施嚴格的措施；其二是公共意志韓國的社會信任度高於其他許多國家沒有兩極分化和民粹主義反彈的困擾；其三是學習韓國時間是最大的挑戰對於陷入疫情深淵的國家來說要像韓國這樣迅速有效地控制疫情可能已經「太遲了」就像現在的義大利。</t>
  </si>
  <si>
    <t>韓國疫情國家報導措施進行新增控制沒有迅速檢測嚴重病例經驗總統手機法國</t>
  </si>
  <si>
    <t>新冠肺炎武漢肺炎新型冠狀病毒COVID-19韓國</t>
  </si>
  <si>
    <t>肺炎武漢冠狀病毒covid-韓國</t>
  </si>
  <si>
    <t>曝光地點行程案情確診海軍單純</t>
  </si>
  <si>
    <t>海軍敦睦艦隊爆發新冠肺炎群聚感染高雄市府今再公佈14個須注意的地點網友眼尖發現汽車旅館赫然上榜笑言案情果然不單純！海軍染新冠肺炎確診高雄市府日前初步疫調停留超過半小時以上有漢神巨蛋(海港餐廳、添</t>
  </si>
  <si>
    <t>市府高雄肺炎海軍漢神以上小時超過停留巨蛋汽車發現旅館上榜眼尖網友地點注意案情果然初步</t>
  </si>
  <si>
    <t>海軍敦睦艦隊爆發新冠肺炎群聚感染高雄市府今再公佈14個須注意的地點網友眼尖發現汽車旅館赫然上榜笑言案情果然不單純！
海軍染新冠肺炎確診高雄市府日前初步疫調停留超過半小時以上有漢神巨蛋(海港餐廳、添好運、café del sol)、瑞豐夜市、義大商城、家樂福鼎山店、好市多大順店、四維羽球場及小港郵局；其中漢神巨蛋、義大商城都停留超過2小時以上。
而今天高雄衛生局再增14地點包括：麗馨商旅七賢館、玫瑰汽車旅館、赤鬼牛排、新光三越高雄左營店等地方。
不過眼尖的批踢踢網友發現一個很有意思的地點就是汽車旅館停留時間約為兩個半小時網友紛紛表示「尷尬了汽車旅館內行的都知道吧!」、「放假一定瘋狂作愛的」、「一樓~可以含蓄點嗎？是瘋狂做菜」、「以前收假都要聽小兵講幹砲的事」、「商旅一定是單純睡覺der」、「單純去休息3小時而已啦」！</t>
  </si>
  <si>
    <t>高雄旅館汽車小時地點單純網友一定商旅義大商城巨蛋漢神市府眼尖瘋狂停留超過以上發現肺炎海軍大順caf</t>
  </si>
  <si>
    <t>汽車旅館海軍高雄市府新冠肺炎武漢肺炎</t>
  </si>
  <si>
    <t>市府高雄海軍肺炎旅館武漢汽車</t>
  </si>
  <si>
    <t>產業蘇貞昌紓困周內籌持續追加預算經濟</t>
  </si>
  <si>
    <t>行政院長蘇貞昌今（9）日在行政院會表示全球新冠肺炎疫情尚未趨緩預計全球經濟將續受衝擊請副院長沈榮津、秘書長李孟諺協同主計長朱澤民協調各部會即刻盤點受創產業需求務實籌編追加紓困特別預算於2周後</t>
  </si>
  <si>
    <t>全球追加務實需求行政院產業紓困盤點表示即刻協同李孟秘書長協調沈榮津澤民院長衝擊</t>
  </si>
  <si>
    <t>行政院長蘇貞昌今（9）日在行政院會表示全球新冠肺炎疫情尚未趨緩預計全球經濟將續受衝擊請副院長沈榮津、秘書長李孟諺協同主計長朱澤民協調各部會即刻盤點受創產業需求務實籌編追加紓困特別預算於2周後在院會中提出送請立法院審議。
蘇貞昌聽取國發會「國內外經濟情勢」報告後表示台灣自6月7日擴大鬆綁防疫措施以來已滿月連87天本土零確診。但全球疫情持續升溫截至昨（8）日確診人數突破1100萬人、逾54萬人死亡近期許多國家甚至出現第二波疫情整體國外疫情仍相當嚴峻。
在疫情未趨緩情況下全球經濟續受衝擊、多數國家陷入負成長貿易動能持續低迷。各國為挽救經濟與失業問題紛紛再擴大追加預算救經濟。蘇貞昌表示台灣因超前部署、紓困措施及時到位解封後許多內需產業逐漸回溫但製造業及觀光運輸等產業仍受影響。
蘇貞昌指出在新冠肺炎疫苗開發出來前國際人流往來仍具相當風險經貿情勢也充滿高度不確定性。台灣是高度倚賴出口國家製造業等以出口導向產業受國際經濟景氣連動密切人流往來受限亦使觀光運輸等產業持續遭受衝擊。
蘇貞昌表示政府在此艱困時期仍要顧產業、撐廠商、守就業協助產業保有基礎、度過難關對仍受衝擊產業持續進行紓困與協助除持續納編艱困產業的員工薪資及營運資金補貼防疫方面亦不可鬆懈防疫物資、疫苗採購及研發等經費請一併納入。
蘇貞昌強調國家經費有限各部會態度非常積極但政府需把錢用在刀口上。請各部會共體時艱、將預算籌編完善政府會扛起責任協助已逐漸好轉的產業轉骨升級並持續協助仍陷困境的產業度過難關。
國發會表示政府紓困措施有效減緩疫情衝擊發揮支持經濟、穩定就業效果。截至1日共發放922億元紓困現金、嘉惠近467萬人。融資貸款已核准132兆元、紓困約116萬戶並協助約579萬個個人、家庭、業者減輕負擔。
受疫情影響國內外主要機構下修台灣今年經濟展望、介於-4％～18％間。不過主計總處預估台灣今年首季經濟成長率為159％且防疫規範擴大鬆綁已國內需求逐漸回穩預期台灣經濟可望在第二季落底、下半年起逐步回升。</t>
  </si>
  <si>
    <t>經濟產業臺灣紓困疫情蘇貞昌持續衝擊協助表示政府防疫國家全球措施逐漸擴大疫苗情勢</t>
  </si>
  <si>
    <t>行政院蘇貞昌新冠肺炎疫情全球</t>
  </si>
  <si>
    <t>肺炎疫情蘇貞昌行政院全球</t>
  </si>
  <si>
    <t>台股雙王報復反彈接力賽開跑權值王台積電2日率先開低走高3日由股王大立光（3008）接棒野村證券指出新冠肺炎雖造成供應鏈動盪卻給了大立光調整產能的好時機以迎接未來強勁需求重申「買進」投資評等激</t>
  </si>
  <si>
    <t>開跑重申權值王需求強勁未來迎接時機買進接力賽產能調整台積電肺炎造成指出供應野村證券動盪率先</t>
  </si>
  <si>
    <t>台股雙王報復反彈接力賽開跑權值王台積電2日率先開低走高3日由股王大立光（3008）接棒野村證券指出新冠肺炎雖造成供應鏈動盪卻給了大立光調整產能的好時機以迎接未來強勁需求重申「買進」投資評等激勵股王大漲旋風再起。
台股受到美股道瓊指數大漲逾千點強彈帶動3日開高走高終場大漲141％、收11327點總算稍微扭轉近期跌跌不休頹勢盤面不少個股全面跌深反彈然而最具指標意義者當屬股王大立光接棒上揚457％、收4580元與權王台積電一前一後為大盤送暖。
野村證券科技產業分析師李佳伶指出大立光受新冠肺炎疫情衝擊短線營運表現難免被影響不過股價自農曆年以來回檔超過一成以上、幅度比大盤更劇烈研判近期的供應問題與大陸需求不振利空大致已反映在股價上。
李佳伶提醒市場沒留意到的是先前外界擔憂大立光因產能極度吃緊可能限制營運上檔空間現在反而因新冠肺炎疫情獲得調整機會畢竟大立光多數產能位於台灣較不受武漢肺炎停工影響這也使得大立光可趁傳統淡季時更有彈性地去調整產能迎接未來需求。
大型本土投顧表示大陸智慧機出貨量雖被新冠肺炎衝擊然根據Gartner與小米意見只要疫情獲得控制智慧機生產將在第二季反彈帶動智慧機鏡頭需求量未來幾個月內出現明顯回溫。
放眼下半年的蘋果新iPhone商機大立光除了在鏡頭供應鏈中維持優勢地位外天風國際證券還看好大立光將搶食新iPhone的高單價、超廣角鏡頭訂單比重可能上看四成打破先前由玉晶光獨家供應局面。
廣發證券執行董事暨海外電子產業首席分析師蒲得宇則指出短線來看考量新冠肺炎造成停工因素iPhone通路庫存已降至低水位將驅使蘋果積極拉貨零組件此外三星發表GS 20機款也會給大立光增添更多動能。
中長線而言儘管大立光至2023年新增產能極為有限但整體鏡頭供需情況對大立光有利也就是產品組合改善加上毛利擴張是提高大立光獲利的重要引擎。</t>
  </si>
  <si>
    <t>肺炎供應產能反彈需求iphone未來鏡頭智慧指出調整股王疫情證券近期股價</t>
  </si>
  <si>
    <t>大立光肺炎反彈鏡頭產能</t>
  </si>
  <si>
    <t>肺炎反彈鏡頭產能</t>
  </si>
  <si>
    <t>肺炎疫情引爆退票</t>
  </si>
  <si>
    <t>成軍18年的台灣天團「5566」2019年再度合體開唱以孫協志、王仁甫、許孟哲3人之姿帶著《Since 5566演唱會》成功唱進臺北小巨蛋。3人原訂3月7日移師高雄巨蛋早已秒殺的萬張門票售票網站截至今（23）日已有超</t>
  </si>
  <si>
    <t>巨蛋合體截至網站售票門票孫協志萬張王仁甫早已許孟哲高雄再度演唱會成功since臺北移師原訂</t>
  </si>
  <si>
    <t>成軍18年的台灣天團「5566」2019年再度合體開唱以孫協志、王仁甫、許孟哲3人之姿帶著《Since 5566演唱會》成功唱進臺北小巨蛋。3人原訂3月7日移師高雄巨蛋早已秒殺的萬張門票售票網站截至今（23）日已有超過640張以上的票卷釋出完封北、高兩蛋紀錄破功。
5566去年11月宣佈揮軍高雄巨蛋一萬張門票開賣5分鐘全部售罄北高巨蛋演唱完售紀錄達成；但天團仍不敵天災人禍「新冠肺炎」疫情持續延燒疾管局日前宣佈大陸人士暫緩入境、港澳人士入境後需居家檢疫14天主辦單位也於9日宣佈演唱會照常舉辦、但全面開放粉絲退票讓一票難求的演唱會立即釋出600多張的票券。
主辦單位華貴娛樂為了不讓久候的歌迷失望9日在臉書粉專宣佈3月高雄演唱會將如期舉辦並全面開放退票至17日止、大陸和港澳粉絲則可延至21日退票；屆時現場也會徹底實施防疫措施、請觀眾佩戴口罩入場。
更多 CTWANT 報導</t>
  </si>
  <si>
    <t>宣佈演唱會巨蛋高雄退票紀錄主辦單位門票釋出大陸粉絲港澳開放口罩全面佩戴觀眾人士舉辦措施</t>
  </si>
  <si>
    <t>5566退票演唱會新冠肺炎大陸</t>
  </si>
  <si>
    <t>肺炎演唱會退票大陸</t>
  </si>
  <si>
    <t>侯友宜耶誕撒旦城鼓勵新北搭乘大眾板橋運輸</t>
  </si>
  <si>
    <t>新北歡樂耶誕城將於12月3日開城有板橋居民在網路上貼文抱怨為期一個月活動讓板橋陷入交通黑暗期根本是「撒旦城」新北市長侯友宜今上午出席「光耀新北-1314就愛你跨河煙火記者會」表示鼓勵民眾多搭乘大眾運</t>
  </si>
  <si>
    <t>新北板橋鼓勵表示記者會煙火跨河民眾光耀開城出席侯友宜市長居民撒旦城網路上抱怨為期活動交通</t>
  </si>
  <si>
    <t>新北歡樂耶誕城將於12月3日開城有板橋居民在網路上貼文抱怨為期一個月活動讓板橋陷入交通黑暗期根本是「撒旦城」新北市長侯友宜今上午出席「光耀新北-1314就愛你跨河煙火記者會」表示鼓勵民眾多搭乘大眾運輸系統他用熱忱的心歡迎大家來走一走在疫情守住平安度過歲末這一年用溫馨態度迎接平安幸福的明年。
侯友宜指出去年有670萬人次造訪歡樂耶誕城交通狀況順暢鼓勵民眾搭乘大眾運輸系統到板橋站下車就可到歡樂耶誕城。
新變種病毒Omicron來勢洶洶新北歡樂耶誕城是否會加嚴及人流數的限制？侯友宜說會採取更嚴格的標準來落實執行防疫不但全區要戴上口罩管制出入口也採實名制另量體溫、勤洗手也不可缺除會遵照中央指示也會針對人流量與交通運輸來做好防疫管控一定從嚴以防疫為主辦理。
雖有網友抱怨新北耶誕城變「撒旦城」不過也有不少網友表示：「今年主題是樂高我是樂高粉」、「樂高聖誕老人好可愛」、「往年新北耶誕城的燈光秀都能讓我感受到美好動人又歡心的感動好期待！」等語。</t>
  </si>
  <si>
    <t>耶誕新北侯友宜板橋歡樂防疫表示抱怨網友平安撒旦城運輸系統大眾搭乘民眾鼓勵度過樂高歡心迎接</t>
  </si>
  <si>
    <t>新冠肺炎台灣板橋侯友宜大眾運輸系統</t>
  </si>
  <si>
    <t>臺灣板橋肺炎侯友宜大眾運輸系統</t>
  </si>
  <si>
    <t>疫苗肺炎合作開發下半年nih進入人體美國臨床實驗高端</t>
  </si>
  <si>
    <t>高端疫苗（6547）總經理陳燦堅宣佈已於2／16與美國國衛院（NIH）完成合作合約簽署美國國衛院將提供其最新研發的新冠肺炎（COVID-19）候選疫苗與相關生物材料提供高端疫苗在台灣進行動物試驗以做為評估人體臨</t>
  </si>
  <si>
    <t>疫苗提供美國國衛院高端試驗動物進行臺灣做為nih簽署covid-已於肺炎宣佈相關研發最新評估完成合約材料生物陳燦堅合作人體</t>
  </si>
  <si>
    <t>高端疫苗（6547）總經理陳燦堅宣佈已於2／16與美國國衛院（NIH）完成合作合約簽署美國國衛院將提供其最新研發的新冠肺炎（COVID-19）候選疫苗與相關生物材料提供高端疫苗在台灣進行動物試驗以做為評估人體臨床試驗及開發新一代疫苗的重要依據。
目前高端已安排合乎生物安全規範之動物活體實驗室將開始執行動物試驗。
此次美國NIH所開發的COVID-19候選疫苗係採用NIH過去針對SARS、MERS-CoV所建立的冠狀病毒抗原製備平臺（基因重組棘蛋白表達系統）進行開發並藉由過去MERS疫苗的開發經驗快速建立了COVID-19疫苗製備與動物試驗設計。美國NIH也正在同步執行各項臨床前試驗以準備盡速展開人體臨床試驗美國NIH評估本項產品有機會在今年第二~三季啟動人體臨床試驗。高端疫苗將積極諮詢官方主管機關力拚今年上半年完成動物試驗並規劃執行在台灣的人體臨床試驗以驗證COVID-19候選疫苗的安全性與療效。
高端疫苗為美國NIH在亞洲地區的重要防疫與研發夥伴合作項目包含登革熱疫苗、茲卡疫苗等開發案。高端疫苗表示基於過去長期合作關係當新疫情爆發後雙方立即展開協商短時間內即簽訂合作合約以推動疫苗早日上市提升國內防疫能力。</t>
  </si>
  <si>
    <t>疫苗高端試驗美國nih動物臨床covid-開發人體過去合作執行研發進行展開今年製備提供完成防疫合約建立國衛院評估臺灣協商上市</t>
  </si>
  <si>
    <t>美國NIH高端疫苗疫苗人體臨床</t>
  </si>
  <si>
    <t>高端疫苗nih人體臨床美國</t>
  </si>
  <si>
    <t>公敵病毒更具世衛威脅</t>
  </si>
  <si>
    <t>新冠肺炎自從去年底在大陸武漢爆發以來已經感染了超過4萬2千人造成超過1千人死亡各項數字都超過了2002-2003年間的SARS。雖然99%的病例都出現在大陸地區但病毒的擴散範圍和速度都超乎專家的預估世衛在1月30</t>
  </si>
  <si>
    <t>大陸超過武漢速度爆發以來範圍已經擴散地區出現病例去年底超乎感染數位病毒sars肺炎專家造成死亡預估</t>
  </si>
  <si>
    <t>新冠肺炎自從去年底在大陸武漢爆發以來已經感染了超過4萬2千人造成超過1千人死亡各項數字都超過了2002-2003年間的SARS。雖然99%的病例都出現在大陸地區但病毒的擴散範圍和速度都超乎專家的預估世衛在1月30日宣佈新冠肺炎已構成「國際關注公共衛生緊急事件」。
新冠肺炎的疫情嚴峻造成各國不斷祭出旅遊禁令也因為越來越多航班取消亞洲各地已有超過20場大型商展和研討會被迫取消或延期經濟損失上看數十億美元。
世衛總幹事譚德塞表示:「我們對於新冠病毒的認識有限必須仰賴各國繼續提供病毒樣本才能研發疫苗和藥物。如果是對抗恐怖份子我們都有周全的準備但比起恐怖攻擊新冠病毒對於政治、經濟和文化造成的威脅更大我們需要將之視為頭號敵人合力研發能與之對抗的武器。」
隨著超級傳播者的案例傳出許多沒有大陸旅遊史的外國民眾也遭感染新冠病毒譚德塞用「星火可以燎原」來比喻認為全球的公共衛生安全確實已經受到極大的威脅呼籲各國「必須醒過來」一起對抗頭號敵人。</t>
  </si>
  <si>
    <t>病毒大陸造成超過對抗肺炎威脅已經衛生研發世衛必須旅遊取消感染德塞對於頭號敵人傳播武器</t>
  </si>
  <si>
    <t>疫情年級肺炎火鍋不畏轉機</t>
  </si>
  <si>
    <t>新冠肺炎疫情延燒不退衝擊餐飲業景氣低迷之際白手起家的7年級生鄭加成拿出求學當從打工仔的拚勁勇闖疫關在嘉義市新開一家火鍋店他說朋友都說他「很有勇氣」他只是相信一分耕耘一分收穫危機也會是轉</t>
  </si>
  <si>
    <t>相信有勇氣不退衝擊都說餐飲業景氣朋友低迷之際白手起家年級加成火鍋拿出求學一家打工仔拼勁勇闖</t>
  </si>
  <si>
    <t>新冠肺炎疫情延燒不退衝擊餐飲業景氣低迷之際白手起家的7年級生鄭加成拿出求學當從打工仔的拚勁勇闖疫關在嘉義市新開一家火鍋店他說朋友都說他「很有勇氣」他只是相信一分耕耘一分收穫危機也會是轉機。
鄭加成從小就幫忙父母經營早餐店養成他喜歡與人打交道的活潑個性也啟發他想創業的念頭念虎尾科技大學時打3份工在連鎖麵食店工作幫房屋仲介業拿街頭看板負責補習班招生業務省吃儉用存錢畢業後去當兵一退伍就用所有積蓄創業。
鄭加成說退伍後他騎摩托車回到打工的麵食店頂下老闆的店有3名員工要離職還嗆他「你騎摩托車哪有錢發薪水給我們？」這句話激勵他更加勤奮打拚麵食店生意漸入佳境由虧轉盈結果3年後離職的3名員工回頭求職。
鄭加成創業10年陸續在雲嘉地區開4家店新開幕的「火鍋世家」是第5間店他說這家連鎖火鍋店在北部很夯他首次引進嘉義開店嘉義的餐飲業很競爭尤其疫情爆發之際開店是有風險但一直繳店租不營運也非長久之計相信努力總會有轉機。
鄭加成說食材採用頂級海鮮及肉品還有嘉義在地蔬果醬料、飲料、霜淇淋都是優質品牌免費供應因應疫情有防疫措施宣導客人勤洗手為客人帶位會隔桌入座清明連假有開幕優惠生意還算平穩。</t>
  </si>
  <si>
    <t>嘉義疫情創業加成麵食火鍋之際轉機生意餐飲業相信員工摩托車離職連鎖成說鄭加</t>
  </si>
  <si>
    <t>不畏新冠疫情七年級火鍋店拚轉機</t>
  </si>
  <si>
    <t>年級火鍋疫情轉機不畏</t>
  </si>
  <si>
    <t>開發新疫苗決心持續國光</t>
  </si>
  <si>
    <t>指揮中心指揮官陳時中表示國光公司從一期臨床試驗結果無法決定最適劑量建議重新執行劑量探索臨床試驗。對此國光生科（4142）表示政府對國光新冠疫苗臨床試驗的建議待接獲正式公文通知後再詳細研究內容</t>
  </si>
  <si>
    <t>試驗臨床國光建議表示劑量通知公文正式公司最適疫苗對此結果無法決定探索詳細陳時中政府重新</t>
  </si>
  <si>
    <t>指揮中心指揮官陳時中表示國光公司從一期臨床試驗結果無法決定最適劑量建議重新執行劑量探索臨床試驗。對此國光生科（4142）表示政府對國光新冠疫苗臨床試驗的建議待接獲正式公文通知後再詳細研究內容持續向二期前進。
國光強調有無政府補助款從來不影響國光新冠疫苗開發計畫未來仍將持續進行國內外二、三期臨床試驗規劃國光全力開發新冠疫苗成功的初衷和決心未曾改變。
國光生新冠肺炎疫苗開發於11月20日送件申請二期臨床試驗但恐無法趕在12月底前完成第一例收案。
國光生指出一期臨床主要是安全性實驗目前看起來安全性沒問題免疫反應也有產生抗體量沒有預期的高二期臨床就會針對此部分進行調整。整體時程不致重大影響有無補助都會做到底。
國光生技認為12月底來不及進入二期希望1月上旬可啟動預計整體時程不會遞延太久。規劃二期臨床試驗將在台灣與東南亞某國同時進行海外臨床試驗部分已談妥但還不能透露地點。
此外繼成功佈局大陸、歐洲、美國等市場後國光生明年除強化耕耘台灣四價流感疫苗、東南亞四價流感疫苗銷售量、Sanofi專業分工生產（北半球）、大陸天道醫藥專業分工生產（歐洲）、新冠疫苗檢驗試劑銷售（安特羅）外還將新增大陸四價流感疫苗銷售、Sanofi專業分工生產（南半球）。另與日本sumitomo集團合作開發新一代流感疫苗蓄勢切入日本市場國際佈局更上層樓。</t>
  </si>
  <si>
    <t>國光臨床試驗疫苗流感疫苗大陸進行月底生產影響日本整體持續時程成功專業分工歐洲建議銷售表示市場部分規劃</t>
  </si>
  <si>
    <t>國光生安特羅新冠疫苗國光臨床試驗</t>
  </si>
  <si>
    <t>疫苗國光臨床安特羅試驗</t>
  </si>
  <si>
    <t>潘孟安喊話廣播印度變異枋山</t>
  </si>
  <si>
    <t>從祕魯返國後在屏東枋山居家檢疫期間確診的祖孫經基因定序後確定為「印度Delta變異株」而與其有關的7名確診個案目前雖未確定病毒株但屏縣府嚴正以待不僅點名楓港、善餘2村全面篩檢縣長潘孟安還趕到當地</t>
  </si>
  <si>
    <t>確診確定縣長全面潘孟安楓港點名以待嚴正縣府枋山病毒期間檢疫居家祖孫個案基因目前有關</t>
  </si>
  <si>
    <t>從祕魯返國後在屏東枋山居家檢疫期間確診的祖孫經基因定序後確定為「印度Delta變異株」而與其有關的7名確診個案目前雖未確定病毒株但屏縣府嚴正以待不僅點名楓港、善餘2村全面篩檢縣長潘孟安還趕到當地活動中心進行村裡廣播既要求又拜託地請大家一定要去篩檢。
潘孟安透過村裡廣播系統、認真喊話道「拜託大家也要求大家這幾天一定要去快篩站篩檢雖然現在是農忙期但一定要找時間去請大家一定要踴躍篩檢保護自己、保護家人也保護鄉親、鄰居」。
他提醒枋山鄉民快篩站位於善餘村籃球場篩檢時間至26日中午12點請大家一定要把握最後時間去篩檢。</t>
  </si>
  <si>
    <t>一定確診確定枋山村裡潘孟安要求時間保護祖孫個案有關期間病毒delta</t>
  </si>
  <si>
    <t>篩檢快篩站拜託請大家時間</t>
  </si>
  <si>
    <t>經濟部指揮中心計畫指引審查擬定企業</t>
  </si>
  <si>
    <t>國內新冠疫情不斷升溫許多企業期盼能自行購買快篩試劑保護職員安全不過礙於法規限制上不可行疫情指揮中心表示昨(26)日已邀集相關部會討論會後決議由經濟部提出計畫到指揮中心審查再決定是否擬定指引。中</t>
  </si>
  <si>
    <t>疫情中心指揮決定不斷升溫企業審查自行期盼購買試劑保護職員安全礙於法規限制決議會後討論部會相關畫到邀集經濟部</t>
  </si>
  <si>
    <t>國內新冠疫情不斷升溫許多企業期盼能自行購買快篩試劑保護職員安全不過礙於法規限制上不可行疫情指揮中心表示昨(26)日已邀集相關部會討論會後決議由經濟部提出計畫到指揮中心審查再決定是否擬定指引。
中央流行疫情指揮中心醫療應變組副組長羅一鈞表示昨(26)日下午指揮中心邀集經濟部、勞動部、科技部等以及北、中、南三個科學園區管理局開會針對篩檢技術面考量如偽陽性、偽陰性問題討論、陽性如何處理等；勞動權益方面針對是否受雇者一定要篩檢、企業如何和醫界媒合篩檢等進行交換意見會後決議由經濟部提出計畫到指揮中心審查之後再核定是否擬定進一步的計畫和實施。
指揮官陳時中指出近日在專業意見、法規方面討論上基本都有共識但礙於快篩仍有觀念上的問題例如偽陰、偽陽的問題過去快篩做得少快篩和PCR平行檢測經驗也不多希望有些本土資料可供大家參考。</t>
  </si>
  <si>
    <t>中心指揮討論疫情是否企業問題經濟部方面法規礙於邀集擬定表示會後陽性決議審查本土不斷</t>
  </si>
  <si>
    <t>快篩指揮中心經濟部新冠肺炎台灣</t>
  </si>
  <si>
    <t>經濟部中心指揮肺炎臺灣</t>
  </si>
  <si>
    <t>看球疫苗球迷關門nba</t>
  </si>
  <si>
    <t>看來NBA想要重新開打的日子仍很遙遠！根據美國塞頓霍爾大學史蒂爾曼商學院做出民調高達7成2的美國民眾在還沒開發出新冠疫苗之前就算體育賽事恢復舉辦他們也不去現場看球甚至7成6民眾希望比賽採取閉門方式</t>
  </si>
  <si>
    <t>美國民眾打的日子希望遙遠重新體育賽事恢復就算舉辦之前疫苗甚至看球霍爾現場大學商學院</t>
  </si>
  <si>
    <t>看來NBA想要重新開打的日子仍很遙遠！根據美國塞頓霍爾大學史蒂爾曼商學院做出民調高達7成2的美國民眾在還沒開發出新冠疫苗之前就算體育賽事恢復舉辦他們也不去現場看球甚至7成6民眾希望比賽採取閉門方式進行。
甚至針對喜愛現場觀看體育賽事的球迷做民調也有6成1球迷表態在沒有疫苗之前不會前往現場觀看球賽只有大約1成2民眾認為如果能夠保持一定的社交距離他們才會考慮前往現場看球代表新冠疫情仍帶給體育賽事很大打擊。
就算部分體育賽事有望重新開打只有1成3民眾認為還能安心在現場看球看起來絕大部分的美國民眾仍不願意冒著可以感染新冠肺炎的風險現場看球可是目前醫療專家認為在2021年之前都不太可能研發出新冠肺炎的有效疫苗。
當前最有可能的折衷方式是閉門比賽這項提議獲得7成6民眾的支持也都願意透過電視或網路直播方式收看比賽且對體育賽事的興趣不會降低卻有將近4成6的美國民眾悲觀認為今年所有的體育賽事都會面對無奈取消的命運。</t>
  </si>
  <si>
    <t>體育賽事民眾現場美國認為看球之前疫苗方式比賽重新肺炎願意前往觀看甚至就算</t>
  </si>
  <si>
    <t>NBA體育賽事新冠肺炎疫情停賽</t>
  </si>
  <si>
    <t>肺炎體育賽事疫情nba停賽</t>
  </si>
  <si>
    <t>雲品低點觀光審慎業績應戰</t>
  </si>
  <si>
    <t>雲朗觀光集團旗下雲品（2748）受新冠肺炎疫情影響住房、宴會訂單遞延2020年3月自結合併營收092億元月減242％、年減5554％為近19月低點。累計首季合併營收499億元季減2541％、年減2371％亦為近1年半</t>
  </si>
  <si>
    <t>雲品肺炎疫情影響住房宴會訂單首季合併累計結合集團低點觀光雲朗</t>
  </si>
  <si>
    <t>雲朗觀光集團旗下雲品（2748）受新冠肺炎疫情影響住房、宴會訂單遞延2020年3月自結合併營收092億元月減242％、年減5554％為近19月低點。累計首季合併營收499億元季減2541％、年減2371％亦為近1年半低點。
雲品表示短期營運雖見住房、館外餐飲業務訂單遞延情形但首季合併營收仍有499億元水準再加上公司現金流量充足穩定評估短期受疫情影響幅度仍在可控制範圍因此公司亦決定現階段不減薪、不放無薪假在非常時期建立優質團隊。
雲品指出觀光飯店及宴會業務受疫情影響首當其衝考驗公司體質及應變能力。公司去年淨現金流入達693億元年增8646%帳上現金及約當現金水位達12億元且日月潭雲品不需承擔租金費用公司具備良好財務體質健全度能面對新冠肺炎疫情挑戰。
展望本季營運雲品維持審慎保守態度4月受惠清明連假帶動國旅需求增溫日月潭雲品住房率維持8成水準並與臺北君品同步祭出促銷措施挹注住房及餐飲表現。公司也透過母公司雲朗統一行銷、採購、人力調配等資源整合持續強化營業費用管控。
雲朗、老爺及凱撒3大連鎖飯店集團近期首次跨品牌合作聯合推出「CLR聯合通用券」給予旗下共1萬名飯店同仁和關係企業員工平均每人約1萬元可在三大集團旗下30家飯店住宿抵用並針對企業公司行號大量銷售通用券期待能挹注未來營運動能。</t>
  </si>
  <si>
    <t>公司住房雲品飯店疫情營運集團影響水準挹注通用維持企業業務餐飲日月</t>
  </si>
  <si>
    <t>雲品營收低點新冠肺炎疫情</t>
  </si>
  <si>
    <t>低點肺炎雲品疫情</t>
  </si>
  <si>
    <t>感染疫苗突破性崩潰臺灣</t>
  </si>
  <si>
    <t>世界各國頻傳突破性感染的案例台灣共9人打完2劑AZ後14天仍確診。對此胸腔科醫師蘇一峰疾呼只打一劑疫苗真的不夠大家快去打兩劑如今還沒打疫苗的人要很小心過日子讓不少網友看了超崩潰不是不想打重點</t>
  </si>
  <si>
    <t>疫苗感染案例臺灣崩潰打完網友az突破性確診對此胸腔過日子醫師小心蘇一峰疾呼</t>
  </si>
  <si>
    <t>世界各國頻傳突破性感染的案例台灣共9人打完2劑AZ後14天仍確診。對此胸腔科醫師蘇一峰疾呼只打一劑疫苗真的不夠大家快去打兩劑如今還沒打疫苗的人要很小心過日子讓不少網友看了超崩潰不是不想打重點是打不到連第一劑都沒得打還去想第二劑。
蘇一峰昨在臉書上分享台灣9人突破性感染打完2劑AZ疫苗14天後還是確診可見面對強悍的變種病毒只打一劑真的不夠全民趕快去打兩劑疫苗現在還沒打疫苗的人要很小心的過日子。美國、以色列與日本都決定要打第三劑加強劑防變種病毒。
蘇一峰表示以色列大力肯定施打第三劑BNT的療效當地政府也分享已打第三劑的百萬人的研究發現「保護力增為25倍！而且打完一周即可到達免疫高峰。」因此以色列決定繼續接種第三劑疫苗的政策藉此對抗強勢的變種病毒。
蘇一峰也說美國政府為了對抗變種病毒也宣佈過去打過2劑BNT和莫德納疫苗的民眾可以在第二劑打完滿8個月的時候打第三劑加強劑預計將在九月開始實施至於前面兩劑打其他廠牌疫苗的人則暫時沒有機會打第三劑。
不少網友看了崩潰直呼很多人到現在連第一劑都沒有打到更不要說第二劑了其實大家現在已經不是排斥打疫苗而是真的沒有疫苗可打。「真的不是不打是打不到等到天荒地老」、「別說了我連第一劑都打不到等不到莫德納直接改選了AZ然後還要等前面就選AZ的人先打才有機會輪到我。天啊！這是懲罰人嗎？」
中央流行疫情指揮中心昨宣佈第六輪高端疫苗符合預約資格者調整為20歲以上的人都可以預約施打但仍有不少網友還是希望可以打國際認證的疫苗「如果除了高端以外沒有其他選擇我寧可一針不打」、「35歲以下若不預約高端我之後會有其他疫苗嗎？」</t>
  </si>
  <si>
    <t>疫苗蘇一峰打完沒有az以色列病毒變種可以網友高端預約現在兩劑宣佈前面莫德納決定bnt</t>
  </si>
  <si>
    <t>高端疫苗突破性感染台灣新冠肺炎BNT</t>
  </si>
  <si>
    <t>臺灣感染突破性疫苗肺炎bnt高端</t>
  </si>
  <si>
    <t>新科鎖定淘金行庫股息</t>
  </si>
  <si>
    <t>行庫主管對於台股進場的「準則」－低於萬點或在萬點附近就是長線買進點可以「閉眼買隨便賺」。台股大盤17日盤中突破10700點創近月來新高老行庫重新統計手中可加碼的資金還是很多確定要集中火力鎖定</t>
  </si>
  <si>
    <t>行庫確定資金加碼準則低於萬點手中附近就是統計長線買進重新可以隨便大盤新高盤中</t>
  </si>
  <si>
    <t>行庫主管對於台股進場的「準則」－低於萬點或在萬點附近就是長線買進點可以「閉眼買隨便賺」。台股大盤17日盤中突破10700點創近月來新高老行庫重新統計手中可加碼的資金還是很多確定要集中火力鎖定二大類股票第一類為新科技的相關股票第二類是高股息績優股。
合作金庫銀行指出台股投資一向以穩健為原則投資標的以大型績優股為主隨著疫情發展邊走邊打、謹慎操作鑒於全球資金仍然寬鬆而新科技持續發展因此鎖定第一類股票為5G、物聯網、電動車等新科技方面。第二類股票則是逢低分批佈局具產業前景的高股息績優股並將視市場狀況機動調整部位及操作策略。
合庫銀主管分析考量新冠肺炎對經濟帶來的不確定性國際經濟有下行風險不過台股的高殖利率仍具吸引力加上台灣疫情相較於大陸、日本、南韓等國輕微目前並無大規模停工的情形若台灣疫情持續穩定預期市場轉單效應及台商回流效應將持續甚至加速則未來台灣外銷接單可望逆勢成長台股長線仍持續看好。
臺灣企銀主管指出今年全球經濟遭遇新冠肺炎疫情失控黑天鵝的影響衝擊企業營收促使投資人重新評估市場風險考慮消費市場已受到相當嚴重的影響且恢復時間、恢復力道仍取決於後續全球疫情變化基本面存在下行風險全球經濟衰退機率大幅提高因此今年台股將進入修正格局。
不過台股平均殖利率今年預計仍有4％因此現金殖利率概念股仍是進可攻退可守之標的擬配合金融市場變化於台股回檔修正時逢低佈局高殖利率且具成長性的中大型績優股票短線上則選擇具成長前景、受惠新應用包含網通5G、AI人工智慧等績優公司列為投資標的進行價差交易。</t>
  </si>
  <si>
    <t>疫情持續臺灣全球股票市場標的風險利率今年主管績優股投資重新影響操作經濟資金科技變化指出成長</t>
  </si>
  <si>
    <t>肺炎一類新科技台股股票</t>
  </si>
  <si>
    <t>肺炎股票新科</t>
  </si>
  <si>
    <t>侯友宜口罩不夠</t>
  </si>
  <si>
    <t>新冠肺炎疫情升溫全台累計確診達40例口罩實名制上路後仍是無法滿足民眾需求對此新北市長侯友宜今（2日）上午表示1周2片口罩事實上是不夠的中央如果量足希望也能盡量滿足民眾的需求。侯友宜提到中</t>
  </si>
  <si>
    <t>口罩民眾滿足侯友宜需求升溫全台累計確診疫情上路希望上午不夠中央事實上市長</t>
  </si>
  <si>
    <t>新冠肺炎疫情升溫全台累計確診達40例口罩實名制上路後仍是無法滿足民眾需求對此新北市長侯友宜今（2日）上午表示1周2片口罩事實上是不夠的中央如果量足希望也能盡量滿足民眾的需求。
侯友宜提到中央慢慢在整個口罩的生產線已經大幅度提升；如果提升夠的話相信中央也會做好調整步伐希望大家都能配合中央一起來共體時艱當然數量就盡快提供給很多需要口罩的民眾這也是很重要的一環。</t>
  </si>
  <si>
    <t>口罩中央民眾希望侯友宜滿足需求升溫全台累計確診疫情時艱當然數量儘快一起上路配合提升</t>
  </si>
  <si>
    <t>口罩中央侯友宜民眾新冠肺炎</t>
  </si>
  <si>
    <t>民眾侯友宜中央口罩肺炎</t>
  </si>
  <si>
    <t>發展中國家斥資獲得世銀大疫苗</t>
  </si>
  <si>
    <t>新冠肺炎仍持續在全球各地肆虐甚至連足球明星C羅也慘遭「毒手」。為防止疫情進一步擴散世界銀行宣佈已批准120億美元(約新台幣35028億元)的融資協助全球111個發展中國家購買並分配安全而可靠的疫苗。「半島電</t>
  </si>
  <si>
    <t>全球安全而分配購買發展中國家持續協助肆虐防止毒手慘遭疫情甚至進一步融資擴散世界銀行可靠足球明星宣佈台幣批准疫苗</t>
  </si>
  <si>
    <t>新冠肺炎仍持續在全球各地肆虐甚至連足球明星C羅也慘遭「毒手」。為防止疫情進一步擴散世界銀行宣佈已批准120億美元(約新台幣35028億元)的融資協助全球111個發展中國家購買並分配安全而可靠的疫苗。
「半島電視台」14日引述世銀聲明這120億美元是世銀提供的1600億美元(新台幣約467兆元)系列計畫中的1個子計畫其目的為打擊新冠肺炎疫情在發展中國家的擴散。
報導中指出「世界衛生組織」(WHO)與「新冠肺炎疫苗全球取得機制」（COVAX）將充分運用這筆經費讓受援國家能夠更多元地取得與分配疫苗。透過挹注大筆資金「等於向研究單位與製藥工業發出訊號」進而讓發展中國家可取得安全且有效的新冠肺炎疫苗。
此外這筆資金也能協助各國進行篩檢與治療也對疫苗供應鏈的管理與後勤有所裨益。
世銀的「新冠肺炎緊急應變計畫」已協助全球111個國家新一輪的資金有助於這些發展中國家更穩定的取得安全疫苗。總裁馬爾帕斯（David Malpass）表示世銀正積極擴展快速取得的方法以解決新冠肺炎的急迫性好使發展中國家能公平地取得疫苗。
馬爾帕斯強調加強運輸系統與疫苗的安全有效性對於遏阻疫情大流行卓有成效同時也讓因疫情而陷入災難性經濟與財政危機的國家重新復甦。
眾所周知疫苗的開發與投入使用對於阻止新冠病毒的大流行至為關鍵。目前新冠肺炎已造成逾100萬人死亡3800萬人感染數百萬人失業。不幸的是包括嬌生與禮來2家美國藥廠在研發疫苗過程都極盡顛簸。</t>
  </si>
  <si>
    <t>疫苗取得肺炎發展中國家全球疫情國家資金協助安全擴散對於分配台幣瑪律帕斯流行世銀研發藥廠</t>
  </si>
  <si>
    <t>世銀新冠肺炎疫苗發展中國家大流行</t>
  </si>
  <si>
    <t>肺炎疫苗發展中國家世銀流行</t>
  </si>
  <si>
    <t>類人受惠施打第批准拜登fda</t>
  </si>
  <si>
    <t>美國食品暨藥物管理局（FDA）於美東時間22日表示將批准施打第3劑輝瑞/BNT加強針的緊急使用授權（EUA）不過與拜登政府原先計畫讓全民接種的目標不同FDA只批准讓65歲以上長者、重症高風險、以及工作有較高染疫風</t>
  </si>
  <si>
    <t>fda批准工作高風險美東重症長者時間以上緊急使用授權eua表示施打第bnt加強輝瑞拜登政府原先計畫全民接種</t>
  </si>
  <si>
    <t>美國食品暨藥物管理局（FDA）於美東時間22日表示將批准施打第3劑輝瑞/BNT加強針的緊急使用授權（EUA）不過與拜登政府原先計畫讓全民接種的目標不同FDA只批准讓65歲以上長者、重症高風險、以及工作有較高染疫風險的3大族群施打。
綜合美國有線電視新聞網（CNN）、路透社報導加強針將適用於完整接種2劑疫苗後至少6個月的適用族群。
FDA代理局長伍考克（Janet Woodcock）在聲明中表示在考量所有現有科學證據及諮詢外部專家建議後FDA批准讓部份族群接種BNT加強針這些族群包括醫護人員、教師、日托人員、超市工作人員、收容中心、監獄及其他等人員。
拜登政府8月宣佈計畫本周讓16歲以上民眾施打加強針這項計畫一直在等待FDA及美國疾病管制暨預防中心（CDC）批准。
FDA官員表示CDC專家小組23日將針對FDA的加強針政策投票表決CDC必須批准加強針計畫才能正式啟動CDC預防接種諮詢委員會（Advisory Committee on Immunization Practices）也能進一步建議如何施打第3劑。
路透社指出FDA未來仍能重新考慮是否擴大施打加強針。FDA內部對於是否要擴大讓全民接種第3劑意見分歧FDA代理局長伍考克支持這項政策不過部份資深科學家反對指出現有科學證據並不支持。
CNN指出FDA這項決定給了輝瑞（Pfizer）安慰獎輝瑞先前申請讓16歲以上民眾在接種完2劑疫苗後施打第3劑他們指出有足夠證據顯示免疫力在6個月後下降加強針能夠安全地提升免疫力。
FDA的疫苗專家17日才一致建議批准第3劑BNT疫苗的EUA不過施打範圍僅限65歲以上民眾及重症高風險族群接種時間點為第2劑疫苗後6個月。
美聯社評論在專家建議僅讓部份高風險族群接種第3劑後FDA做出這樣的決定並不令人意外不過在CDC正式做決定前加強針計畫還不能正式啟動。CDC專家於昨（22）日起展開為期2天的會議他們將根據自己的判斷決定是否建議追打疫苗、誰能接種、以及何時開始接種。
美國先前已經批准讓部份免疫低下民眾接種第3劑疫苗不過並未開放讓全民施打。根據CDC統計目前全美約有230萬人已經接種第3劑BNT疫苗。</t>
  </si>
  <si>
    <t>fda加強接種疫苗cdc批准族群決定施打指出民眾以上是否建議bnt表示證據全民正式專家美國</t>
  </si>
  <si>
    <t>#新冠肺炎#全球美國FDA加強針第3劑</t>
  </si>
  <si>
    <t>全球美國fda肺炎加強</t>
  </si>
  <si>
    <t>社區溫槍幹事開箱網路出清</t>
  </si>
  <si>
    <t>新冠肺炎疫情持續全球大爆發全民積極防疫同時詐騙集團卻搶搭「防疫」便車持續詐欺犯罪得逞。根據165反詐騙諮詢專線統計自1月底政府徵用口罩後即大量出現民眾因網購口罩遭「假網拍」詐騙案件；而僅今年3月</t>
  </si>
  <si>
    <t>詐騙持續口罩防疫全球徵用爆發政府積極月底全民專線統計便車得逞犯罪詐欺疫情民眾</t>
  </si>
  <si>
    <t>新冠肺炎疫情持續全球大爆發全民積極防疫同時詐騙集團卻搶搭「防疫」便車持續詐欺犯罪得逞。根據165反詐騙諮詢專線統計自1月底政府徵用口罩後即大量出現民眾因網購口罩遭「假網拍」詐騙案件；而僅今年3月涉及「額溫槍」之假網拍案件也有20餘件有民眾花了4400元買2支額溫槍卻收到一堆保麗龍等垃圾氣得報警。
台中50歲陳姓男子日前在臉書看到有賣家出售額溫槍訊息留言表示欲購買該賣家私訊他告知額溫槍僅以「甜甜價」新台幣1100元出售陳見價格便宜立即下訂並採用貨到付款方式至超商取貨。然而他將貨品開箱後發現收到的竟然只是普通的電子溫度計外加1小瓶乙醇消毒液根本不是原本想要購買的額溫槍；再聯絡該賣家已無回應臉書帳號也已關閉驚覺遭詐騙。
另名基隆40多歲林姓民眾更慘他因擔任社區總幹事為便於量測進出人員體溫也是透過臉書向賣家訂購額溫槍經line聯繫後以1支2200元價格共購入2支。在等待到貨期間賣家曾告訴林包裹出現異常可能被調換請不要取貨但林多次詢問到貨時間該賣家卻又反覆其詞。
最後林終於取得物品打開一看卻發現竟是一堆廢紙、保麗龍、防撞泡泡紙等廢棄雜物憤怒之餘向賣家提出詢問賣家則誆稱林民取到的貨品應該就是疑似被調換的包裹可協助辦理退款但在林民提供個人帳號之後賣家即不讀不回也沒收到任何退款痛批詐騙集團並報案。
警方表示經分析涉及額溫槍的假網拍案情發現有高達7成被害人透過臉書的物品買賣、交流社團採網路轉帳、ATM轉帳或貨到付款方式買額溫槍其餘2成是透過拍賣平臺或不明網站購買1成則是透過友人介紹購買。
警方說詐騙集團普遍採用「少量現貨」的說詞利用飢餓行銷手法引起民眾購買興趣再以「甜甜價出清」的話術以明顯低於行情的售價加強購買意願雖然被騙的金額並不高仍對民眾的日常生活造成困擾。</t>
  </si>
  <si>
    <t>賣家溫槍詐騙購買民眾透過發現收到集團持續採用貨品物品退款調換</t>
  </si>
  <si>
    <t>新冠肺炎台灣刑事局詐騙165</t>
  </si>
  <si>
    <t>臺灣肺炎詐騙</t>
  </si>
  <si>
    <t>出來眼睛老闆az打完不敢請假</t>
  </si>
  <si>
    <t>國內疫情趨緩降為二級警戒恢復正常運作加速上班族施打疫苗的意願但有不少人在接種完新冠疫苗後都出現副作用就有名女性上班族在網路上表示自己打完AZ後頭爆痛「覺得眼睛掉出來」不過老闆的一句話讓她相</t>
  </si>
  <si>
    <t>上班族疫苗出來降為眼睛覺得警戒運作後頭老闆加速az打完表示施打網路上意願女性出現</t>
  </si>
  <si>
    <t>國內疫情趨緩降為二級警戒恢復正常運作加速上班族施打疫苗的意願但有不少人在接種完新冠疫苗後都出現副作用就有名女性上班族在網路上表示自己打完AZ後頭爆痛「覺得眼睛掉出來」不過老闆的一句話讓她相當猶豫到底該不該請假貼文曝光引發上班族討論更意外釣出網友分享公司的超讚福利
這位女性上班族說自己打完疫苗後身體非常不舒服不過老闆卻跟她說他的女兒及兒子打完後都沒有感覺這也讓原PO非常猶豫詢問「大家打AZ隔天都有請假嗎？」
文章PO出後網友熱烈回應「聽說身體越健康反應越大」、「為了不讓妳請假老闆什麼謊言都說的出來最好隔天請假」、「我打莫德納我想上班可是老闆娘要我們多放兩天…只有手痛手舉不起來頭痛而已」、「請假這種事自己決定不就行了」、「隔天起來馬上請很像昨晚喝了很多很多酒又掉到水溝裡面」、「有請假第二天有疲倦感」。
網友回應五花八門但最讓人羨慕的是竟然有網友分享自己公司不止給2天的疫苗假薪水也照算讓大家認證根本幸福企業由此看出每家公司對於施打疫苗都有不同的做法。
1111人力銀行發言人黃若薇表示隨著警戒降至二級民眾對疫苗的需求急速升高特別是需要正常工作的上班族中央流行疫情指揮中心也公佈過施打疫苗可以請「疫苗接種假」依法雇主不能拒絕給假但可以不支薪員工在請假後雇主也不得做出處罰。</t>
  </si>
  <si>
    <t>請假疫苗上班族網友老闆施打公司打完警戒表示az回應po雇主非常起來</t>
  </si>
  <si>
    <t>疫苗新冠肺炎疫苗接種假副作用AZ</t>
  </si>
  <si>
    <t>疫苗接種肺炎副作用az</t>
  </si>
  <si>
    <t>任務阿凡達無限期加劇疫情</t>
  </si>
  <si>
    <t>好萊塢除了名人染疫外大片停拍消息更不間斷包含名導詹姆斯卡麥隆（James Cameron）的《阿凡達》系列電影、男神基努李維（Keanu Reeves）的《駭客任務4》、「蜘蛛人」湯姆霍蘭德（Tom Holland）改編電玩遊戲的《</t>
  </si>
  <si>
    <t>tom霍蘭德大片湯姆蜘蛛消息任務不間斷包含reeves名導keanu詹姆斯卡麥隆james基努李維cameron電影阿凡達holland改編</t>
  </si>
  <si>
    <t>好萊塢除了名人染疫外大片停拍消息更不間斷包含名導詹姆斯卡麥隆（James Cameron）的《阿凡達》系列電影、男神基努李維（Keanu Reeves）的《駭客任務4》、「蜘蛛人」湯姆霍蘭德（Tom Holland）改編電玩遊戲的《秘境探險》都也逃不過無限期停機的命運。
據《紐西蘭先驅報》報導《阿凡達》系列續集已停止原訂4月紐西蘭的拍攝計畫製片強蘭道（Jon Landau）證實團隊已取消飛往威靈頓的計劃「在威靈頓總部的Weta Digital會繼續處理視覺效果其餘全員留在美國洛杉磯。」據悉續集總成本將達10億美元（305億台幣）目前4部續集確定上映。同樣於紐澳地區停拍的劇組還包含《魔戒》影集、梁朝偉的漫威電影《上氣》、湯姆漢克（Tom Hanks）的《貓王》傳記電影。
而因德國疫情加溫而停拍的《駭客任務4》原訂本週到當地準備拍攝不過電影公司考量疫情加上美國總統川普針對歐洲實施旅行禁令決定以工作人員安全為優先宣佈停拍。此外湯姆霍蘭德主演的《秘境探險》改編暢銷電玩遊戲籌備過程波折不斷導演一口氣換了7次好不容易敲定人選原定下月在柏林開拍沒想道再次面臨停拍窘境。據《Deadline》報導湯姆霍蘭德原本7月將進組拍攝《蜘蛛人3》如今是否受影響仍是未知數。
在全球停拍的電影還有羅伯派汀森（Robert Pattinson）的《蝙蝠俠》、JK羅琳《怪獸與牠們的產地3》、威爾史密斯（Will Smith）的《King Richard》、卡蜜拉（Camila Cabello）的真人版《灰姑娘》、凱文哈特（Kevin Hart）的喜劇《多倫多人》、伍迪哈裡遜（Woody Harrelson）的恐怖片《Shrine》、至於印度寶萊塢則到3月底前停止拍攝。</t>
  </si>
  <si>
    <t>電影拍攝續集美國紐西蘭阿凡達報導tom包含疫情蜘蛛湯姆霍蘭德任務玩遊戲停止探險改編威靈richard</t>
  </si>
  <si>
    <t>停拍阿凡達駭客任務4湯姆霍蘭德蜘蛛人</t>
  </si>
  <si>
    <t>任務湯姆霍蘭德阿凡達蜘蛛</t>
  </si>
  <si>
    <t>確診浦東機場境外新增貨機作業人員上海</t>
  </si>
  <si>
    <t>官方「上海發布」微信公眾號消息上海新增3例本土確診病例加上之前2例。5例都是浦東機場境外貨機作業人員。上海市衛生健康委21日在市疫情防控工作新聞發布會通報：上海8月2日確診的本土病例20日已治癒出院。8月20</t>
  </si>
  <si>
    <t>上海本土病例確診貨機境外作業人員新增上海市衛生健康疫情防控新聞工作發佈會通報公眾消息浦東機場之前微信</t>
  </si>
  <si>
    <t>官方「上海發布」微信公眾號消息上海新增3例本土確診病例加上之前2例。5例都是浦東機場境外貨機作業人員。上海市衛生健康委21日在市疫情防控工作新聞發布會通報：上海8月2日確診的本土病例20日已治癒出院。8月20日0-24時上海市報告2例本土新冠肺炎確診病例目前在市公共衛生臨床中心隔離治療病情平穩。對20日2例確診病例已實施集中隔離觀察的密切接觸者連夜排查21日發現3例新冠肺炎病毒核酸檢測陽性。
經市專家組會診結合流行病學史、臨床症狀、影像學表現和實驗室核酸檢測結果3例均被診斷為新冠肺炎確診病例（輕型）目前已轉運至上海市公共衛生臨床中心隔離治療。也就是說昨天報告的和今天報告的一共5例涉及浦東機場的確診病例均已在市公共衛生臨床中心隔離治療。
今天3例病例的具體情況如下：
病例3為浦東機場境外貨機作業人員男45歲居住於浦東新區鹽朝公路798號錦江之星（東海鎮店）是8月20日確診病例2的同事。該病例已全程接種新冠疫苗。
病例4為浦東機場境外貨機作業人員男45歲家庭地址為浦東新區祝橋鎮千匯路280弄千匯苑一村社區；居住於浦東新區鹽朝公路798號錦江之星（東海鎮店）是8月20日確診病例2的同事。該病例已全程接種新冠疫苗。
病例5為浦東機場境外貨機作業人員男45歲居住地址為浦東新區祝橋鎮千匯路1000弄祝和苑北區是確診病例4的密切接觸者。該病例已全程接種新冠疫苗。
上海市、區相關部門立即行動對上述病例居住地和相關場所及人員全面開展流行病學調查、人員排查、採樣檢測和隔離管控。
截至今天10時此次浦東本地疫情已累計排查到在上海市的密切接觸者120人均已落實集中隔離其中3人核酸檢測陽性就是前面介紹的病例3、4、5其餘117人核酸檢測結果為陰性。
累計排查到在上海市的密接的密接729人均已落實集中隔離核酸檢測結果均為陰性。累計排查到在本市的篩查對象74879人其中74639人核酸檢測結果為陰性其餘正在檢測中。
目前已完成相關場所的物品、環境樣本檢測939份其中14份樣本核酸檢測結果為陽性（8份為機場集中居住點房間內的環境樣本這8份樣本中7份在一名確診者房間、1份在一名密接者房間；其餘6份陽性樣本為一名確診者家中的環境樣本）除上述陽性樣本外其餘檢測結果均為陰性。
根據大陸國務院聯防聯控機制有關要求經上海市新冠肺炎疫情防控工作領導小組辦公室研究決定將浦東新區祝橋鎮千匯路280弄千匯苑一村社區和浦東新區祝橋鎮千匯路1000弄祝和苑北區列為中風險地區上海市其他區域風險等級不變。
近期發生的本土疫情再次表明疫情防控不能有絲毫麻痹懈怠和僥倖鬆勁。下一步將毫不放鬆抓緊抓實抓細「外防輸入、內防反彈」各項措施發揚「事不過夜」精神全力做好流調溯源、隔離管控、核酸檢測、醫療救治等工作進一步發揮發熱門診和發熱哨點診室等「監測哨」作用嚴格落實「四早」要求使應急處置跑在病毒傳播擴散前面。</t>
  </si>
  <si>
    <t>病例檢測上海市確診隔離核酸疫情人員排查陽性本土浦東新區防控結果居住肺炎</t>
  </si>
  <si>
    <t>新冠肺炎大陸確診樣本浦東機場</t>
  </si>
  <si>
    <t>確診肺炎大陸樣本浦東機場</t>
  </si>
  <si>
    <t>防疫酒精金門協調支援江啟臣苗栗</t>
  </si>
  <si>
    <t>中國國民黨力挺縣市政府防疫鑑於苗栗縣急缺酒精等防疫物資黨主席江啟臣今（8）日上午致電金門縣長楊鎮浯楊縣長隨即指示全力支援金門縣將提供144箱共3456瓶酒精讓苗栗用於清消防疫。鑑於中央政府防疫不力</t>
  </si>
  <si>
    <t>防疫酒精縣長苗栗用於金門隨即物資致電指示上午金門縣全力黨主席支援提供江啟臣縣市政府苗栗縣</t>
  </si>
  <si>
    <t>中國國民黨力挺縣市政府防疫鑑於苗栗縣急缺酒精等防疫物資黨主席江啟臣今（8）日上午致電金門縣長楊鎮浯楊縣長隨即指示全力支援金門縣將提供144箱共3456瓶酒精讓苗栗用於清消防疫。
鑑於中央政府防疫不力國民黨結合十四個執政縣市首長組成「抗疫聯盟」日前召開執政縣市防疫會議江主席會中指示全體執政縣市團結一心、聯合防疫。黨中央近日亦積極協助各縣市防疫工作募集各項防疫所需醫療物資提供給需要的執政縣市政府分配運用強化各縣市的防疫量能。日前也由李乾龍秘書長募集大量快篩劑致送離島執政縣市運用。
連日來苗栗縣疫情升溫徐耀昌縣長透過執政縣市平臺反映缺乏酒精等防疫物資江主席上午致電金門縣長楊鎮浯期盼金酒公司能協助提供大量酒精給苗栗進行大規模清消。楊縣長隨即裁示相關單位全力支援將提供144箱共計3456瓶酒精讓苗栗防疫。
對於楊鎮浯縣長秉持全國一命的精神明快支援苗栗縣的防疫需求國民黨中央表達深切謝意也期盼所有執政縣市持續風雨同行齊心防疫讓疫情早日終結。</t>
  </si>
  <si>
    <t>防疫執政縣長酒精提供苗栗縣支援物資苗栗協助日前縣市政府楊鎮期盼募集指示運用江主席疫情各縣市隨即全力</t>
  </si>
  <si>
    <t>新冠肺炎江啟臣金門縣苗栗縣</t>
  </si>
  <si>
    <t>金門縣江啟臣肺炎苗栗縣</t>
  </si>
  <si>
    <t>情人確診配樂名人西洋中標</t>
  </si>
  <si>
    <t>曾參演美劇《超少女》、《海濱帝國》的21歲美國女星奧利維亞尼卡寧 （Olivia Nikkanen）於美國時間31日宣佈自己確診患上新冠肺炎。奧利維亞表示自己曾要使用吸入器幫助呼吸：「我現在感覺好一點了我的胸口仍有點</t>
  </si>
  <si>
    <t>美國感覺現在呼吸幫助少女海濱帝國使用時間表示宣佈患上奧利維亞肺炎確診女星奧利維亞尼卡寧olivia</t>
  </si>
  <si>
    <t>曾參演美劇《超少女》、《海濱帝國》的21歲美國女星奧利維亞尼卡寧 （Olivia Nikkanen）於美國時間31日宣佈自己確診患上新冠肺炎。奧利維亞表示自己曾要使用吸入器幫助呼吸：「我現在感覺好一點了我的胸口仍有點緊這真是很可怕。」
奧利維亞表示自己曾發高燒到攝氏391度之後就失去了味覺和嗅覺又感到喉嚨痛「我覺得自己很幸運可以留在家中完全康復。」此外近日在直播節目中和紐約州長哥哥鬥嘴的49歲CNN新聞節目主持人克裡斯古莫（Chris Cuomo）宣佈確診新冠肺炎表示已自我隔離節目都在家中的地下室錄製。
曾為音樂愛情喜劇《K歌情人》製作配樂的亞當史萊辛格（Adam Schlesinger）也確診52歲的他才華洋溢曾入圍奧斯卡金像獎及10度入圍艾美獎並曾獲艾美獎及葛萊美獎的肯定他的律師向《綜藝報》證實「他病重且服用大量鎮定劑和大部分的病人一樣使用呼吸器但沒有人跟我說過是『昏迷』狀態」他至今已住院一個多星期並接受完備的治療律師透露醫生不願做出預測因為關於這種疾病的很多事情仍然未知。</t>
  </si>
  <si>
    <t>確診表示律師使用家中節目奧利維亞美國肺炎預測做出醫生少女疾病海濱透露帝國證實感到喉嚨</t>
  </si>
  <si>
    <t>K歌情人美國新冠新冠肺炎</t>
  </si>
  <si>
    <t>情人美國肺炎</t>
  </si>
  <si>
    <t>天下肺炎逝世享壽風雲</t>
  </si>
  <si>
    <t>日本資深演員千葉真一出道超過50年演出《古惑仔6勝者為王》、《追殺比爾》、《玩命關頭3：東京甩尾》等多部作品1998年更憑藉《風雲雄霸天下》中的雄霸一角榮獲香港金像獎最佳男主角提名。據日本媒體最新報導</t>
  </si>
  <si>
    <t>日本主角出道金像獎超過演出榮獲香港一角古惑勝者為王風雲比爾玩命關頭東京作品提名中的天下</t>
  </si>
  <si>
    <t>日本資深演員千葉真一出道超過50年演出《古惑仔6勝者為王》、《追殺比爾》、《玩命關頭3：東京甩尾》等多部作品1998年更憑藉《風雲雄霸天下》中的雄霸一角榮獲香港金像獎最佳男主角提名。據日本媒體最新報導千葉真一不幸因新冠肺炎病逝享壽82歲令大批影迷聞訊震驚不已。
據日媒報導實力派演員千葉真一近日因感染新冠肺炎住院並在今(19日)下午5點26分不幸過世享壽82歲。才華洋溢的他不僅身兼演員、導演與歌手多職還是一位極真派空手道家兒子新田真劍佑與真榮田鄉敦也繼承其衣缽以演員身分活躍於日本演藝圈中。
本名前田禎穗的千葉真一出身於日本福岡市1959年進入東映公司開啟他演員生涯憑著電影《柳生家族的陰謀》奠定他一線影星地位1998年更受邀在香港武俠片《風雲雄霸天下》飾演大反派雄霸一角成為第一位獲金像獎提名的外國影星。
千葉真一2007年在拍攝NKH大河劇《風林火山》完畢後宣佈退出演藝圈2個兒子則繼承他的衣缽以演員身分活躍中。而千葉真一情史也是相當精彩與前主播野際陽子有過17年婚姻生下長女真瀨樹裡之後離婚再娶圈外女性生下2子。
千葉真一2015年更爆出與22歲女大生爺孫戀雖然他當時極力否認戀情同時也表示第二段婚姻已沒救坦言與妻子分居中最終走上離婚一途。
★《中時新聞網》提醒您：因應新冠肺炎疫情
疾管署持續加強疫情監測與邊境管制措施 如有疑似症狀
請撥打：1922專線或 0800-001922 並依指示配戴口罩儘速就醫
同時主動告知醫師旅遊史及接觸史以利及時診斷及通報。</t>
  </si>
  <si>
    <t>演員日本肺炎婚姻離婚生下兒子影星享壽演藝圈不幸香港風雲提名疫情一角金像獎繼承</t>
  </si>
  <si>
    <t>千葉真一千葉真一過世風雲雄霸天下新冠肺炎日本</t>
  </si>
  <si>
    <t>風雲天下過世真一肺炎日本</t>
  </si>
  <si>
    <t>有望旺季台塑塑膠</t>
  </si>
  <si>
    <t>台塑(1301)第一季受到新冠肺炎疫情衝擊每股虧損006元但虧損幅度依舊低於市場預估展望第二季開工率下調到84%恐面臨旺季不旺但因為PVC新一波庫存循環中銷量及利差皆季增加上轉投資台塑化虧損減少單季依</t>
  </si>
  <si>
    <t>虧損塑化轉投資加上季增利差銷量展望預估開工率迴圈下調庫存面臨pvc旺季疫情幅度衝擊</t>
  </si>
  <si>
    <t>台塑(1301)第一季受到新冠肺炎疫情衝擊每股虧損006元但虧損幅度依舊低於市場預估展望第二季開工率下調到84%恐面臨旺季不旺但因為PVC新一波庫存循環中銷量及利差皆季增加上轉投資台塑化虧損減少單季依舊有機會挑戰轉虧為盈台塑今股價開高走高盤中上漲約2%也扮演支撐台股指數的功臣權值股之一。
台塑第一季合併營業額420億元季衰退135%主要是因為第一季受新冠肺炎疫情及原油價格暴跌影響拖累原料乙、丙烯及下游衍生物產品行情各產品價格都比去年第四季下跌幅度介於2~12%累計第一季合併稅後虧損4億元季減少1125%每股虧損為006元。
展望第二季儘管進入亞洲輕油裂解廠密集歲修期但因現在新冠肺炎疫情在歐美國家失控導致下游市場需求急降影響客戶訂單減少台塑第二季恐旺季不旺台塑也將開工率調降為84%與第一季持平但由於PVC新一波庫存循環中銷量及利差皆季增加上台塑化轉投資損失縮減、台塑美國已經預先認列第二季歲修的檢驗及修護費故法人預估台塑單季有機會轉虧為盈。</t>
  </si>
  <si>
    <t>台塑虧損減少疫情肺炎下游影響歲修預估幅度展望開工率單季轉投資塑化合併pvc旺季加上機會</t>
  </si>
  <si>
    <t>台塑PVC新冠肺炎歲修開工率</t>
  </si>
  <si>
    <t>肺炎pvc歲修台塑開工率</t>
  </si>
  <si>
    <t>口罩拿手取締最重蘆洲</t>
  </si>
  <si>
    <t>國內新冠肺炎本土疫情蔓延新北市蘆洲警分局今（18日）上午配合蘆洲、五股、八裡區公所執行「聯合取締未戴口罩大行動」69歲呂姓婦人在湧蓮寺市場買菜時將口罩拿在手上遭警方取締通報衛生局依法開罰3000至1萬500</t>
  </si>
  <si>
    <t>取締口罩蘆洲本土疫情蔓延通報新北警方分局肺炎上午配合拿在手上市場湧蓮區公所婦人呂姓行動執行</t>
  </si>
  <si>
    <t>國內新冠肺炎本土疫情蔓延新北市蘆洲警分局今（18日）上午配合蘆洲、五股、八裡區公所執行「聯合取締未戴口罩大行動」69歲呂姓婦人在湧蓮寺市場買菜時將口罩拿在手上遭警方取締通報衛生局依法開罰3000至1萬5000元罰鍰。
蘆洲警分局指出上午8時30分至上午11時30出動20名警員針對蘆洲湧蓮寺市場、中山市場、五股區的五股市場及成州市場、八裡區的渡船頭老街等地進行戴口罩宣導。
共勸導18件並有1件未戴口罩69歲呂姓婦人在湧蓮寺市場買菜時將口罩拿在手上由警方通報衛生局開罰未來將持續加強勸導民眾落實戴口罩之情事。
警方指出雖大部分民眾防疫觀念良好偶有發現因天氣炎熱或疏忽導致忘記佩戴口罩民眾更甚者有無理取鬧暴力相向之少數民眾引發全民憤慨。若接獲報案發現相關情事除打擊不法遏制暴力行為外亦會針對未戴口罩行為通報衛生局依違反《傳染病防治法》開罰3000元至1萬5000元罰鍰。
蘆洲警分局呼籲提醒民眾防疫期間落實勤洗手、戴口罩等良好個人衛生習慣於外出活動時應維持室內15公尺、室外1公尺以上的社交距離；疫情嚴峻當下配合中央流行疫情指揮中心宣導之各項措施。
居家檢疫期間如有發燒、咳嗽等不適症狀可主動與當地裡長或地方衛生單位連繫並依指示戴口罩儘速就醫就醫時請務必告知旅遊史、職業別、接觸史及是否群聚（TOCC）以及時診斷通報。相關資訊可撥打免付費防疫專線1922或0800-001922或可至疾管署網站查詢。</t>
  </si>
  <si>
    <t>口罩民眾蘆洲通報疫情防疫未戴相關發現期間警方衛生局配合市場良好分局取締指出</t>
  </si>
  <si>
    <t>新冠肺炎台灣戴口罩通報衛生局</t>
  </si>
  <si>
    <t>臺灣口罩肺炎通報衛生局</t>
  </si>
  <si>
    <t>採購物資網友捕獲陳其邁</t>
  </si>
  <si>
    <t>網友搶購抗疫大作戰的泡麵餅乾行政院趁機促銷各類蔬果魚肉。行政院副院長陳其邁也在臉書貼出上賣場採買畫面但照片不是自己拍的而是被網友野生捕獲。新冠肺炎疫情進入新階段許多網友開始大採買各類物資。陳其</t>
  </si>
  <si>
    <t>網友行政院採買作戰趁機餅乾開始院長陳其邁貼出捕獲階段畫面照片促銷蔬果進入疫情</t>
  </si>
  <si>
    <t>網友搶購抗疫大作戰的泡麵餅乾行政院趁機促銷各類蔬果魚肉。行政院副院長陳其邁也在臉書貼出上賣場採買畫面但照片不是自己拍的而是被網友野生捕獲。
新冠肺炎疫情進入新階段許多網友開始大採買各類物資。陳其邁上賣場採購戴著口罩還被網友認出物品還沒買到幾樣就被硬生補獲。
陳其邁用網友提供的照片PO文順便促銷農產品。還說盡量買 貨很多！卯死啊！
陳其邁表示台灣當季物產豐富品質又好！物超所值大家作夥買起來！採購優質的國產農產品不但是給農漁民加油打氣也是提升健康防疫的能量。除了民生物資充足外精打細算的你當然一定要選擇新鮮又價格公道的米、蔬菜水果、台灣豬肉、魚類等等千萬別錯過聰明採購絶對是多買多賺！</t>
  </si>
  <si>
    <t>陳其邁網友採購物資臺灣促銷農產品照片行政院採買一定選擇當然精打細算作戰充足新鮮價格公道民生</t>
  </si>
  <si>
    <t>網友陳其邁採購行政院新冠肺炎</t>
  </si>
  <si>
    <t>行政院採購陳其邁網友肺炎</t>
  </si>
  <si>
    <t>肺炎取消團隊上半年演唱會蔡琴</t>
  </si>
  <si>
    <t>蔡琴的「風華絕代」演唱會日前在馬來西亞檳城開唱受到新冠肺炎影響主辦單位除了事前進行場內消毒每位觀眾進場前還必須測量體溫。蔡琴的胞弟蔡大正20日受訪表示檳城場可能是蔡琴上半年最後一場演唱會「目前</t>
  </si>
  <si>
    <t>蔡琴演唱會進行事前場內主辦單位消毒觀眾影響進場肺炎必須測量體溫受到胞弟可能馬來西亞大正受訪表示</t>
  </si>
  <si>
    <t>蔡琴的「風華絕代」演唱會日前在馬來西亞檳城開唱受到新冠肺炎影響主辦單位除了事前進行場內消毒每位觀眾進場前還必須測量體溫。蔡琴的胞弟蔡大正20日受訪表示檳城場可能是蔡琴上半年最後一場演唱會「目前已知7月前大陸、澳門及海外各地的演唱會都取消了大概10場活動受影響商演風險更大、不會接。」
蔡大正透露蔡琴一向注重身邊所有人的健康今年2月帶頭打流感疫苗還要求團隊所有約23人都要打完疫苗才能跟她出國工作；這次遇上新冠肺炎蔡琴擔心團隊健康受影響不惜任何損失、主動要求唱完檳城後取消7月前所有演唱會；蔡大正說：「蔡琴這陣子除了演唱會等工作其他時間都待在台灣家裡。」也要求高齡86歲的蔡媽媽除了到醫院拿藥其餘時間別出門。
不讓團隊冒風險
蔡琴第一次到檳城開演唱會提起近期肆虐的疫情她坦言關鍵時期其實應該避免搭飛機：「畢竟密集空間更容易散播病毒坦白說我真捨不得讓團隊冒這個險但聽聞之前有歌手取消檳城演唱會擔心影響這邊歌迷信心於是我跟團隊開會討論還是決定來唱。」演出照常舉行蔡琴以經典歌〈恰似你的溫柔〉感謝觀眾她表示這首歌自已唱了快8萬次「希望大家戰勝這次疫情讓我繼續把這首歌唱到9萬次。」</t>
  </si>
  <si>
    <t>蔡琴演唱會團隊影響要求取消大正疫情觀眾健康時間表示風險工作肺炎</t>
  </si>
  <si>
    <t>戰勝取消團隊大正疫情</t>
  </si>
  <si>
    <t>團隊大正取消戰勝疫情</t>
  </si>
  <si>
    <t>通通高雄疫苗台南插隊遵照警政署指示</t>
  </si>
  <si>
    <t>全台疫苗短缺政府排定優先施打順序卻頻頻爆出特權、插隊爭議。日前網路爆料警專生也「插隊」施打疫苗如今台南市、高雄市通通認了因為警專生將跟隨外勤員警到第一線實習因此按照警政署指示分發台南197名</t>
  </si>
  <si>
    <t>施打插隊疫苗實習排定外勤警政署優先順序特權頻頻爆出爭議日前網路如今高雄市通通南市政府</t>
  </si>
  <si>
    <t>全台疫苗短缺政府排定優先施打順序卻頻頻爆出特權、插隊爭議。日前網路爆料警專生也「插隊」施打疫苗如今台南市、高雄市通通認了因為警專生將跟隨外勤員警到第一線實習因此按照警政署指示分發台南197名、高雄254名的警專生通通於今（13日）接種疫苗。
日前有網友在Dcard《台灣員警專科學校》版發文《警專可以打疫苗了！？》該文不久就刪除但仍引爆警專生「插隊」打疫苗爭議。據悉警專校方疑似還透過各群組警告學生勿在個人社群IG、FB透露可以打疫苗的事甚至下令「如因此造成新聞事件絕對嚴懲」並且強調是警政署特別納入和員警一樣的施打順位引發爭議可能會取消實習「不要當害群之馬務必低調」。
台南市大型疫苗接種站13日啟動並針對一線防疫人員、高接觸風險工作者及居福單位人員等第1至第5類對象開放施打據瞭解其中包含警專生共197人。對此台南市長黃偉哲、市警局長方仰寧表示一切都按照中央指示辦理。
知情人士透露這197名警專生7、8月就要到台南市實習他們需隨同員警執行外勤勤務經常暴露於風險中；再加上他們都是從北部下來的學生大眾對他們難免會產生「疑慮」因此警政署發文給各縣市警察局將警專生列入接種名冊提升自我保護力。
至於高雄市13日下午的防疫記者會上也被問到這件事衛生局局長黃志中回應到目前為止未接獲中央指示要求若中央有相關指示將會按照規定執行；但不久衛生局就發出訊息證實此事並說明高市府警察局接獲警政署交下中央所屬警政人員的列冊名單總計2503人其中包含台灣員警專科學校254人及高雄港務員警總隊、保五等單位並由本府衛生局安排於6月13日至15日陸續接種疫苗。</t>
  </si>
  <si>
    <t>全台 疫苗 短缺 政府 排定 優先 施打 順序 卻 頻頻 爆出 特權 插隊 爭議 日前 網路 爆 料 警 專 生 也 插隊 施打 疫苗 如今 台 南市 高雄市 通通 認 了 因為 警 專 生 將 跟隨 外勤 員 警 到 第一 線 實習 因此 按照 警政署 指示 分發 台南 197 名 高雄 254 名 的 警 專 生 通通 於今 13 日 接種 疫苗 日前 有 網友 在 dcard 臺灣 員警 專科學校 版 發文 警 專 可以 打 疫苗 了 該文 不久 就 刪除 但 仍 引爆 警 專 生 插隊 打 疫苗 爭議 據悉 警 專 校方 疑 似 還 透過 各 群 組 警告 學生 勿 在 個人 社 群 ig fb 透露 可以 打 疫苗 的 事 甚至 下令 如 因此 造成 新聞 事件 絕對 嚴懲 並且 強調 是 警政署 特別 納入 和 員警 一樣 的 施打 順位 引發 爭議 可能 會 取消 實習 不要 當 害群之馬 務必 低調 台 南市 大 型 疫苗 接種 站 13 日 啟動 並 針對 一線 防疫 人員 高 接觸 風險 工作者 及 居福 單位 人員 等 第 1 至 第 5 類 對象 開放 施打據 瞭解 其中 包含 警 專 生 共 197 人 對此 台南 市長 黃偉哲 市 警 局長 方仰寧 表示 一切 都 按照 中央 指示 辦理 知情 人士 透露 這 197 名 警 專 生 78 月 就要 到 台南 市 實習 他們 需 隨同 員警 執行 外勤 勤務 經常 暴露 於 風險 中 再 加上 他們 都 是從 北部 下來 的 學生 大眾 對 他們 難免會 產生 疑慮 因此 警政署 發文 給 各縣市 警察局 將 警 專 生 列入 接種 名冊 提升 自我 保護 力 至於 高雄市 13 日 下午 的 防疫 記者會 上 也 被 問到 這 件 事 衛生局 局長 黃志中 回應 到 目前為止 未接 獲 中央 指示 要 求 若 中央 有 相關 指示 將 會 按照 規定 執行 但 不久 衛生局 就 發出 訊息 證實 此事 並 說明 高 市府 警察局 接 獲 警政署 交下 中央 所屬 警 政 人員 的 列 冊 名單 總計 2503 人 其中 包含 臺灣 員警 專科學校 254 人 及 高雄 港務 員警 總隊 保五 等 單位 並 由 本府 衛生局 安排 於 6 月 13 日 至 15 日 陸續 接種 疫苗</t>
  </si>
  <si>
    <t>疫苗施打警政署指示中央衛生局接種爭議人員實習插隊學生台南員警單位員警執行風險</t>
  </si>
  <si>
    <t>新冠肺炎台灣台南高雄疫苗</t>
  </si>
  <si>
    <t>台南肺炎臺灣高雄疫苗</t>
  </si>
  <si>
    <t>放款新增達成逼近國銀金融</t>
  </si>
  <si>
    <t>金管會公佈國銀對中小企業放款最新狀況面對新冠肺炎疫情衝擊經濟及產業經營國銀全力拚紓困力挺。截至2020年5月底國銀對中小企業放款餘額達712兆元月增71153億元累計1～5月對中小企業新增放款達22987億</t>
  </si>
  <si>
    <t>放款中小企業國銀經濟產業衝擊經營疫情國銀全肺炎力拼紓困最新面對月底狀況截至累計額達新增公佈金管會</t>
  </si>
  <si>
    <t>金管會公佈國銀對中小企業放款最新狀況面對新冠肺炎疫情衝擊經濟及產業經營國銀全力拚紓困力挺。截至2020年5月底國銀對中小企業放款餘額達712兆元月增71153億元累計1～5月對中小企業新增放款達22987億元已達3000億元目標的766％。
金管會表示截至5月底中小企業放款餘額占全體企業放款餘額6311％月增038個百分點占民營企業放款餘額6548％月增031個百分點。中小企業放款平均逾放率04％月減001個百分點。
銀行局統計截至2020年5月底國銀對中小企業放款餘額達712兆元月增71153億元。銀行局副局長黃光熙表示今年前5月對中小企業新增放款較多的前3強國銀依序為合庫銀增加3398億元、永豐銀增加2304億元、土銀增加2266億元。
金管會在每年舉辦的國銀總經理業務聯繫會議中訂定對中小企業全年新增放款目標。2017～2019年分別新增3670億元、3355億元、4599億元分別超標5292％、2428％、7034％其中去年新增金額創下歷年次高。
今年考量因應新冠肺炎疫情衝擊政府祭出多項紓困措施、要求國銀力挺企業金管會對此訂定今年國銀對中小企業新增放款目標達3000億元但前5月目標達成率便已達近8成預期今年國銀對中小企業新增放款應可順利超標、改寫新高。</t>
  </si>
  <si>
    <t>放款中小企業新增國銀金管會今年目標截至紓困百分點銀行局表示月底企業衝擊肺炎疫情超標</t>
  </si>
  <si>
    <t>金管會國銀銀行中小企業放款</t>
  </si>
  <si>
    <t>銀行中小企業金管會放款國銀</t>
  </si>
  <si>
    <t>富源希望開學消毒清潔完成學校</t>
  </si>
  <si>
    <t>25號開學日將至究竟校園該如何防堵新冠肺炎？教育部國教署署長彭富源表示學校清潔消毒希望在開學前3天完成公立高中以下學校有4000所室外會由環保署責請各地環保局在2/23前完成室內的部分由學校接手。彭富</t>
  </si>
  <si>
    <t>學校完成堵新冠肺炎教育部國教校園室內署長彭富源表示環保局清潔環保室外消毒希望開學以下高中究竟部分</t>
  </si>
  <si>
    <t>25號開學日將至究竟校園該如何防堵新冠肺炎？教育部國教署署長彭富源表示學校清潔消毒希望在開學前3天完成公立高中以下學校有4000所室外會由環保署責請各地環保局在2/23前完成室內的部分由學校接手。
彭富源表示學校專有交通車部分388輛也會消毒按照交通部要求發車收班都會進行消毒。大專院校部分教育部已發文會督導完成所有清潔工作。
環保署補充開學之前學校都會做清掃工作2/23前4000所高中以下學校都會消毒還會特別針對川堂、洗手台、遊憩設施都是消毒重點目標23前完成消毒工作。
此外交通部航政司司長葉協隆表示高鐵台鐵捷運列車每天至少消毒一次扶手、餐桌每次在列車折反都會消毒捷運則每八小時消毒台鐵回廠時也會加強消毒國道客運發車前、收班、每8小時消毒一次交通部各方面都做強化請國人安心。</t>
  </si>
  <si>
    <t>消毒學校都會完成表示部分交通部教育部清潔環保工作開學小時發車高中以下列車堵新冠</t>
  </si>
  <si>
    <t>消毒學校都會清潔彭富源</t>
  </si>
  <si>
    <t>彭富源清潔消毒都會學校</t>
  </si>
  <si>
    <t>不解降級陳時中專家</t>
  </si>
  <si>
    <t>中心指揮對此定調心態坦言警戒起降實施危險其實進一步不解放寬降級指引指出中原大學副教授毒理招名威專家疫情</t>
  </si>
  <si>
    <t>疫情降級解封表示坦言適度用餐一定沒有招名威確診方式檢討民眾管理</t>
  </si>
  <si>
    <t>降級不解封二級陳時中疫情賭一把</t>
  </si>
  <si>
    <t>降級不解陳時中疫情</t>
  </si>
  <si>
    <t>新北增設疫情</t>
  </si>
  <si>
    <t>中央流行疫情指揮中心今（22）日公佈新增國內323例COVID-19確定病例分別為321例本土及2例境外移入另有400例本土個案校正回歸到上周各日新北市長侯友宜今（22）日下午主持防疫應變會議記者會侯表示為防堵疫</t>
  </si>
  <si>
    <t>本土記者會會議中心應變防疫主持表示下午公佈個案國內新增上周校正回歸指揮covid-確定侯友宜市長新北疫情</t>
  </si>
  <si>
    <t>中央流行疫情指揮中心今（22）日公佈新增國內323例COVID-19確定病例分別為321例本土及2例境外移入另有400例本土個案校正回歸到上周各日新北市長侯友宜今（22）日下午主持防疫應變會議記者會侯表示為防堵疫情加增加機動篩檢站。
侯友宜表示要採行六大措施嚴格強化三級警戒社區熱區防疫中心另外要設置機動篩檢站；市場、買場嚴格管控人流管控；走動式宣導、高頻率巡邏；熱區全面大清消；非必要的營業場所暫時停業。
侯友宜表示板橋、中和為高風險區域落實強化三級管制三重1站、2機動篩檢站另外再徵用3旅館愛心大平臺1000萬醫護人員感染慰問金每人10萬至50萬醫護休息站可提供64戶、84房。</t>
  </si>
  <si>
    <t>表示侯友宜熱區中心嚴格強化防疫本土疫情休息醫護個案慰問金醫護人員大平臺校正感染國內走動回歸頻率</t>
  </si>
  <si>
    <t>機動篩檢站侯友宜防堵疫情新冠肺炎</t>
  </si>
  <si>
    <t>侯友宜疫情肺炎</t>
  </si>
  <si>
    <t>病房保單</t>
  </si>
  <si>
    <t>新冠肺炎來勢洶洶除了在防疫上做好自我防護準備外也可以藉此機會好好檢視自己手上的保單是否保障足夠全面防護抗肺炎。壽險業者表示民眾投保規劃應以一個長遠的醫療保障需求來進行考量而不是針對單一事件但</t>
  </si>
  <si>
    <t>防護肺炎需求醫療保障長遠應以規劃投保防疫進行民眾表示好好機會手上保單壽險業準備可以是否</t>
  </si>
  <si>
    <t>新冠肺炎來勢洶洶除了在防疫上做好自我防護準備外也可以藉此機會好好檢視自己手上的保單是否保障足夠全面防護抗肺炎。壽險業者表示民眾投保規劃應以一個長遠的醫療保障需求來進行考量而不是針對單一事件但若就新冠肺炎單一事件就來講如果比較嚴重住進負壓病房所需醫療費用可能較高可透過「日額型」或「實支實付型」醫療險來補足這部分的缺口。
全球人壽商品部副總經理鄭中安指出一般醫療險包括日額型跟實支實付型這兩大面向日額型是只要有住院基本上就會理賠如果以確診新冠肺炎為例通常會直接在醫院裡接受相關治療或隔離只要有住院基本上就會有一般住院費用的理賠。
但若是住進負壓病房就是會配合主管機關政策從寬認定同業大致上都是視同「加護病房」的理賠。目前業界加護病房的理賠大都以一般病房費用的兩倍或三倍來加倍給付以全球人壽為例就是三倍。所以如果有買一般日額型醫療險或者是日額型加實支實付型醫療險基本上用在新冠肺炎這個例子上的理賠應該是足夠的。
至於一般民眾在購買醫療險時該投保多少額度鄭中安建議日額型至少買日額2千元到3千元再搭配實支實付險以新冠肺炎來看就可以算是一個比較足夠的保障。若是實支實付險的話通常會分成兩塊一塊是住院病房費用的限額一塊是雜費的限額。若是病房費用的限額一般會建議買2千元到3千元左右的限額。
另一塊雜費的限額主要提供健保不給付的項目建議至少10萬元到15萬元左右但不會跟住加護病房一樣有加倍給付。鄭中安表示不管日額型或實支實付型即使只買日額2千元那加護病房的加倍給付如果是三倍就有6千塊其實對於每日住負壓病房來講是很足夠的。但有些醫院的負壓病房若是以健保身分入住則不需要支付額外自付費用因此這時候的日額型醫療險就會發揮功能。
國泰人壽指出針對住院醫療保障建議至少規劃3000元日額才能享有較好的住院醫療品質以投保國泰人壽兼具住院、手術保障的「安安醫療終身保險」3000元日額為例一旦因新冠肺炎入住負壓隔離病房即可等同加護病房每日給付12000元另外還有1500元的出院療養金總計每日13500元的給付金額可安心養病不怕收入中斷。</t>
  </si>
  <si>
    <t>醫療病房肺炎住院一般理賠足夠費用實支保障給付投保建議</t>
  </si>
  <si>
    <t>日額肺炎負壓費用醫療險</t>
  </si>
  <si>
    <t>費用肺炎醫療</t>
  </si>
  <si>
    <t>無效止痛藥心肌炎莫德納警覺醫大</t>
  </si>
  <si>
    <t>一名醫大男學生昨上網PO文稱打第二劑莫德納後的第一天僅不斷發燒沒想到第二天卻開始出現心肌炎最常見的胸悶症狀一連吞了8顆止痛藥仍不見改善家人將他緊急送醫目前已沒有大礙他提醒大家打完mRNA疫苗</t>
  </si>
  <si>
    <t>大礙po沒有目前送醫莫德納緊急不斷改善發燒沒想提醒上網開始止痛藥出現</t>
  </si>
  <si>
    <t>一名醫大男學生昨上網PO文稱打第二劑莫德納後的第一天僅不斷發燒沒想到第二天卻開始出現心肌炎最常見的胸悶症狀一連吞了8顆止痛藥仍不見改善家人將他緊急送醫目前已沒有大礙他提醒大家打完mRNA疫苗後若出現胸悶、心臟疼痛狀況一定要儘速去急診。
原PO昨（22）日於論壇《Dcard》透露目前就讀醫藥大學本身沒有任何藥物過敏史及心臟疾病施打第一劑莫德納時除了接種處腫痛以外沒有其他副作用也未出現莫德納手臂沒想到打第二劑莫德納後隔天發高燒到他全身熱得醒過來用完早餐後吞了一顆止痛藥又繼續睡一整天下來除了發燒並沒有其他有關心肌炎的症狀出現。
原PO說接種後的第二天他回到學校安排的實習單位實習除了仍有輕微發燒外竟伴隨胸悶症狀尤其是起立、蹲下時心臟還會陣陣抽痛讓他一天下來共吞了8顆止痛藥總共500mg已是一天的最大劑量但仍不見改善。
一下班他馬上至內科診所看診醫生替他監測心音及量血壓僅表示是疫苗副作用過幾天應該就會好轉並開立止痛藥要他返家休息但他返家後午餐及晚餐幾乎吞不下去他只好又再吞一顆止痛藥睡了4個小時卻又因胸劇痛醒來家人趕緊將他送至急診。
原PO接著說做了X光檢查、抽血及心電圖等檢查後發現心肌酵素高於正常值很多接著就被送到內科加護病房裡的負壓隔離病房透過支持性治療及一些降低心臟負荷要物等待心臟自行修復期間每6小時抽一次血確保心肌酵素回到正常值「整隻手臂被抽到沒地方抽血要從腳跟手背抽」目前已出院好轉。
最後原PO提醒接種mRNA（莫德納及輝瑞／BNT）若出現胸悶、心臟疼痛狀況一定要去醫院或是能抽血檢查的醫療院所因為光靠一般診所聽心音及量測血壓幾乎不能診斷心肌炎「這樣會延誤治療恐讓病情更加嚴重」。
★《中時新聞網》提醒您：因應新冠肺炎疫情疾管署持續加強疫情監測與邊境管制措施 如有疑似症狀請撥打：1922專線或 0800-001922 並依指示配戴口罩儘速就醫同時主動告知醫師旅遊史及接觸史以利及時診斷及通報。</t>
  </si>
  <si>
    <t>心臟po止痛藥症狀莫德納沒有出現發燒目前心肌炎接種抽血監測檢查診所內科治療</t>
  </si>
  <si>
    <t>心肌炎胸悶胸痛莫德納輝瑞／BNT</t>
  </si>
  <si>
    <t>莫德納輝瑞bnt心肌炎</t>
  </si>
  <si>
    <t>疫情新增高峰衛生局公佈最新足跡全台</t>
  </si>
  <si>
    <t>中央流行疫情指揮中心今天宣佈單日確診暴增315例本土是312例彰化縣增加5例。下午3點彰化縣政府將召開線上記者會可以收看彰化縣長王惠美臉書詳細說明彰化縣新增情況。陳時中表示整體疫情仍在高峰中呼籲</t>
  </si>
  <si>
    <t>疫情中心今天整體宣佈確診表示陳時中指揮情況新增縣政府召開記者會可以收看說明縣長</t>
  </si>
  <si>
    <t>中央流行疫情指揮中心今天宣佈單日確診暴增315例本土是312例彰化縣增加5例。下午3點彰化縣政府將召開線上記者會可以收看彰化縣長王惠美臉書詳細說明彰化縣新增情況。
陳時中表示整體疫情仍在高峰中呼籲仍需小心。並呼籲腳步一致。接下來週末日盡量不要外出。
彰化縣新增5例彰化縣衛生局今天中已經公佈最新足跡7個點主要在員林熱門商圈還有北斗商店。包括了全國電子北斗中山店、員林NIKE和愛迪達店家等員林就新增4個足跡。
彰化縣衛生局也呼籲看足跡也看時間不要標籤化期間停留有身體不適注意身體狀況做好自我健康管理強調公佈足跡不是獵巫標籤化提供怎麼看足跡四大招1確認地點、日期和時間。2計算自主健康管理時間自足跡接觸日起加14天。314天內有狀況立即就醫。4</t>
  </si>
  <si>
    <t>足跡接觸時間員林今天呼籲疫情新增公佈健康管理標籤北斗衛生局配合活動醫師就醫</t>
  </si>
  <si>
    <t>新冠肺炎台灣彰化縣足跡員林</t>
  </si>
  <si>
    <t>臺灣肺炎足跡員林</t>
  </si>
  <si>
    <t>融合病毒呼吸道氣喘感染吃緊呼吸衰竭疫情</t>
  </si>
  <si>
    <t>一名一歲半女嬰發燒、咳嗽、流鼻水多日因活動力變差被媽媽緊急抱到醫院就診經症狀判斷主要是細支氣管發炎所造成住院治療3天後病情受到控制未料卻開始有呼吸急促和喘鳴現象血氧濃度也降低；病毒培養結果</t>
  </si>
  <si>
    <t>濃度活動力現象媽媽急促緊急呼吸降低開始醫院就診症狀判斷</t>
  </si>
  <si>
    <t>一名一歲半女嬰發燒、咳嗽、流鼻水多日因活動力變差被媽媽緊急抱到醫院就診經症狀判斷主要是細支氣管發炎所造成住院治療3天後病情受到控制未料卻開始有呼吸急促和喘鳴現象血氧濃度也降低；病毒培養結果出爐竟是呼吸道融合病毒在作怪。
●呼吸道融合病毒 　咳嗽、飛沫會傳染
林口長庚醫院兒童胸腔科邱志勇醫師表示呼吸道融合病毒主要是在秋冬季節流行經由咳嗽、飛沫傳染大多數感染2歲以下的嬰幼兒。感染初期症狀和一般的感冒極為類似像是發燒、咳嗽、流鼻水不同的是這隻病毒會造成下呼吸道上皮細胞的破壞導致細支氣管水腫、發炎。
不過由於嬰幼兒的細支氣管比較細小稍微水腫便會造成呼吸道阻塞出現類似氣喘發作的喘鳴聲嚴重時可能導致呼吸急促、困難甚至發紺及呼吸衰竭。
●氣管擴張劑呼吸治療　與氣喘使用類固醇不同
治療上最重要也是最關鍵的就是給予嬰幼兒經過溫熱潮濕處理過且足夠的氧氣。邱志勇提及雖然適時給予氣管擴張劑呼吸治療會有所幫忙但是跟氣喘急性發作時需要使用到類固醇有很大的不同。
呼吸道融合病毒會不會變成氣喘？邱志勇醫師說感染期的嬰幼兒大多數會發生類似氣喘的喘鳴呼吸聲但因為兒童氣喘的發生較為複雜不僅包含了遺傳基因和環境因素感染到病毒也是會引起氣喘兒的急性發作。
●呼吸道融合病毒與氣喘無關　戴口罩、勤洗手為預防上策
雖然不能排除感染到呼吸道融合病毒的嬰幼兒可能是潛在的呼吸道過敏的小朋友不過目前的研究顯示嬰幼兒時期感染到呼吸道融合病毒產生喘鳴聲和之後是否會發生兒童氣喘是沒有相關的所以這部分家長可以不用過度擔心。
邱志勇提醒除了新冠病毒因為季節變化再度在國際上捲土重來外還有呼吸道融合病毒及蠢蠢欲動的流行性感冒病毒必須提高警覺；千萬不能鬆懈要配合政府防疫政策戴口罩、勤洗手、保持適當社交距離以防範新冠病毒的爆發也保護自家嬰幼兒免遭呼吸道病毒感染。(編輯梁惠明)</t>
  </si>
  <si>
    <t>病毒呼吸道嬰幼兒氣喘融合邱志勇呼吸感染咳嗽造成類似兒童不同發作發生不能症狀支氣管給予導致感冒</t>
  </si>
  <si>
    <t>常春月刊呼吸道融合病毒新冠肺炎疫情氣喘</t>
  </si>
  <si>
    <t>病毒融合肺炎呼吸道疫情月刊氣喘常春</t>
  </si>
  <si>
    <t>az疫苗蘇貞昌迴圈波蘭</t>
  </si>
  <si>
    <t>全台防堵非洲豬瘟行政院長蘇貞昌5日視察台南市安南區城西廚餘高速發酵廠肯定是經濟循環典範對外界關心波蘭贈台40萬劑AZ疫苗他稱台灣去年捐贈波國100萬片口罩對方回贈疫苗是善的循環。台灣不只防堵新冠肺炎</t>
  </si>
  <si>
    <t>臺灣迴圈疫苗豬瘟視察蘇貞昌台南行政院長安南高速發酵廠肯定經濟典範外界關心波蘭az</t>
  </si>
  <si>
    <t>全台防堵非洲豬瘟行政院長蘇貞昌5日視察台南市安南區城西廚餘高速發酵廠肯定是經濟循環典範對外界關心波蘭贈台40萬劑AZ疫苗他稱台灣去年捐贈波國100萬片口罩對方回贈疫苗是善的循環。
台灣不只防堵新冠肺炎同樣全力防堵非洲豬瘟全台暫停廚餘養豬1個月台南市剛在安南區與新化區各興建1座高速發酵廠可高效轉化廚餘變成有機肥料賣出解決廚餘過剩問題。
蘇貞昌在台南市長黃偉哲、環保署長張子敬、農委會主委陳吉仲、行政院祕書長李孟諺陪同下巡視安南城西廠他表示非洲豬瘟傳染性強、豬隻感染死亡率高一定要全力防堵。
外界關心波蘭贈台40萬劑AZ疫苗蘇貞昌回應台灣去年贈送對方100萬片口罩波國今年回贈疫苗是朋友間互相幫忙看得出臺灣被世界看見是善的循環。
蘇揆4日視察屏東縣時一度點名潘孟安接下農委會主委外界關心現任農委會主委陳吉仲是否將遭撤換蘇貞昌5日在台南卻重新肯定陳吉仲認為他做的非常好「不會讓他離開」。
蘇貞昌視察安南廠見廚餘在機械轉化下可在10天內變成有機堆肥認為是循環經濟典範應推廣到各縣市。
台南市環保局表示因應防堵非洲豬瘟台南市全面暫停廚餘養豬廚餘量一時爆增平均1天收近150噸安南區城西高速發酵廠每天可處理30噸廚餘新化廠可處理15噸總計每天可處理45噸廚餘占全市廚餘量3分之1緩解過剩廚餘量帶來的壓力。</t>
  </si>
  <si>
    <t>台南蘇貞昌安南臺灣陳吉仲豬瘟非洲疫苗視察迴圈農委會主委外界認為關心肯定高速典範表示</t>
  </si>
  <si>
    <t>新冠肺炎台灣廚餘蘇貞昌非洲豬瘟</t>
  </si>
  <si>
    <t>臺灣肺炎蘇貞昌非洲豬瘟</t>
  </si>
  <si>
    <t>東京專家紐約</t>
  </si>
  <si>
    <t>日本東京有關人士表示東京都4日新確診的新型冠狀病毒感染者達110多人。刷新單日確診人數最高紀錄首次達到3位數。日本神戶大學傳染病學專家岩田健太郎表示日本需要有勇氣改變不然東京可能變成下一個紐約。自</t>
  </si>
  <si>
    <t>日本表示確診東京改變有勇氣刷新需要日新冠狀東京都專家人數最高岩田神戶大學傳染病紀錄達到可能病毒感染者人士變成</t>
  </si>
  <si>
    <t>日本東京有關人士表示東京都4日新確診的新型冠狀病毒感染者達110多人。刷新單日確診人數最高紀錄首次達到3位數。日本神戶大學傳染病學專家岩田健太郎表示日本需要有勇氣改變不然東京可能變成下一個紐約。
自從宣佈奧運會延期舉辦後日本首都東京的新冠肺炎疫情開始迅速擴散。曾以YouTube影片控訴「鑽石公主號」郵輪的防疫措施不周的岩田健太郎表示照目前的趨勢發展下去東京「前景黯淡」。他一再警告日本在阻止新冠病毒傳播方面做得不夠。
美國有線電視新聞網（CNN）報導岩田健太郎警告「當我們意識到自己走在錯誤的道路上時需要勇於改變」否則可能會看到東京變成下一個紐約。
岩田表示日本需要做更多的篩檢。截至4月3日東京1350萬人口篩檢數量不到4000人。根據厚生勞動省的全日本125億人口也只有39466人接受了測試。相較於人口比日本少得多的鄰國南韓已經有44萬人做了篩檢。日本厚生勞動省則表示對輕症患者進行篩檢會浪費資源因此要求輕症病人先居家隔離。
另方面日本也遲遲未作出封城決定。首相安倍晉三表示封城這種嚴格的措施將會進一步損害因推遲奧運而受影響的經濟。
雖然日本實施嚴格的旅行限制包括禁止來自70多個國家和地區的外國人入境等政策。但專家們還是越來越擔心日本動作太慢可能「為時已晚」。
紐約被視為美國新冠肺炎疫情的「震央」。據CNN統計紐約的已知病例數每五天翻一倍截至4月4日已有2900多人死亡。
日本東京都政府稱過去一周的時間內東京的新冠肺炎每天增加的確診病例數已經成長一倍從3月底的每天40例左右增加到了4月4日的89例。</t>
  </si>
  <si>
    <t>日本東京表示紐約岩田確診人口需要可能肺炎嚴格專家措施方面警告cnn</t>
  </si>
  <si>
    <t>健太郎東京肺炎岩田篩檢</t>
  </si>
  <si>
    <t>肺炎東京岩田</t>
  </si>
  <si>
    <t>新高學者未來面臨嚴峻兩岸蔡英文挑戰</t>
  </si>
  <si>
    <t>台灣民意基金會26日發布520後首份民調調查結果指出總統蔡英文聲望達712％創歷史新高；另外此次受疫情影響認為大陸應對新冠肺炎大流行負起最大責任的民眾也高達761％也因此某種程度導致認為自己是台灣</t>
  </si>
  <si>
    <t>認為發佈臺灣調查結果指出總統肺炎蔡英文某種程度責任應對新聲望大陸影響疫情民眾歷史新高流行</t>
  </si>
  <si>
    <t>台灣民意基金會26日發布520後首份民調調查結果指出總統蔡英文聲望達712％創歷史新高；另外此次受疫情影響認為大陸應對新冠肺炎大流行負起最大責任的民眾也高達761％也因此某種程度導致認為自己是台灣人並感到驕傲的認同比例高達777％。前立委林濁水表示當國家面臨重大災害如此次疫情是會產生「聚旗現象」民眾會去擁戴領導者川普就是最好例子他原本的支持度因疫情而反彈但是否維持仍有待觀察。
民調指出總統蔡英文第二任任期已經開始目前為止贊成她處理國事的方式包含人事安排與政策非常贊同的有261％還算贊同的有451％獲得超過7成台灣人民的肯定與支持是蔡在總統任內歷史新高。與上次相比結果相去不遠。台灣民意基金會董事長游盈隆稱這樣高支持度的結果主因仍是就職後蜜月期的效應。
兩岸部分認為大陸必須針對新冠肺炎疫情負起最大責任的台灣民眾多達546％認為非常同意有215％的民眾認為還算同意僅有165％的民眾表示大陸不應負責。另外認為自己是台灣人、不是中國人並感到驕傲的比例高達777％。遊盈隆認為新冠肺炎在大陸大流行一定程度的導致了台灣民眾向對岸切割大家情感上不會將自己歸到大陸。
而「一國兩區」的民意基礎在二十歲以上臺灣成年人中有約21％支持「一國兩區未來統一」但有66％的人不支持。也就是說「一國兩區未來統一」的政治主張和法令規定缺乏台灣民意基礎違反社會主流民意這無疑是一個嚴重的問題。
國家政策研究中心研究委員林嘉誠指出未來蔡英文仍面臨很大挑戰美中對抗以及接下來的渤海演習要如何因應以及全球治理體系已發生重大改變台灣身處其中的挑戰將更加巨大。而大陸除對香港出重手預料也將會對台出重手這是蔡政府首當其衝要因應的問題。</t>
  </si>
  <si>
    <t>臺灣大陸認為民眾支持疫情蔡英文總統指出民意未來國兩區挑戰重大國家表示面臨民意基礎</t>
  </si>
  <si>
    <t>台灣民眾大陸民意蔡英文</t>
  </si>
  <si>
    <t>蔡英文臺灣大陸民眾民意</t>
  </si>
  <si>
    <t>西部能守臺灣驚人巧合疫情</t>
  </si>
  <si>
    <t>新冠肺炎疫情延燒台灣西部剩下嘉義縣沒有確診病例有網友開玩笑地說是因為嘉義有三寶(火雞肉飯、美乃滋、世界偉人財神總統台灣阿成)。資深媒體人王瑞德驚爆還有第4個原因那就是「北回歸線」。王瑞德在談話性節</t>
  </si>
  <si>
    <t>臺灣嘉義王瑞德北回歸線西部還有剩下財神偉人總統世界媒體阿成疫情沒有確診</t>
  </si>
  <si>
    <t>新冠肺炎疫情延燒台灣西部剩下嘉義縣沒有確診病例有網友開玩笑地說是因為嘉義有三寶(火雞肉飯、美乃滋、世界偉人財神總統台灣阿成)。資深媒體人王瑞德驚爆還有第4個原因那就是「北回歸線」。
王瑞德在談話性節目《驚爆新聞線》表示網友在PTT問為何西部僅剩嘉義縣仍零確診？居然有網友回說是不是因為太窮了沒有錢出國等等。甚至有人開玩笑地說是因為嘉義有三寶︰分別為火雞肉飯、吃飯都常會加的美乃滋還有世界偉人財神總統台灣阿成。
王瑞德在《驚爆新聞線》節目中表示其實還有第4個原因那就是「北回歸線」。北回歸線通過台灣花蓮、澎湖、嘉義縣這3個縣市都是零確診不知是不是跟這一條線有關係。他們發現一件事從緯度來看像在不同的緯度比如在北緯40度災情特別慘但同屬另外一條緯度可能都沒有災情他不知道是不是巧合？</t>
  </si>
  <si>
    <t>臺灣沒有嘉義網友王瑞德確診緯度災情還有西部表示北回歸線節目火雞總統新聞</t>
  </si>
  <si>
    <t>新冠肺炎武漢肺炎台灣西部嘉義縣</t>
  </si>
  <si>
    <t>肺炎武漢臺灣嘉義西部</t>
  </si>
  <si>
    <t>美食漢來觀光復蘇曙光業績</t>
  </si>
  <si>
    <t>漢來美食（1268）受新冠肺炎衝擊宴會訂單及消費者來店消費意願2020年首季稅後淨利驟降至023億元、每股盈餘（EPS）064元雙創歷史新低。不過隨著疫情趨緩公司表示5月餐廳業績已漸回溫推出的冷凍商品反應</t>
  </si>
  <si>
    <t>肺炎衝擊宴會訂單業績餐廳消費者表示公司消費意願推出疫情首季新低淨利</t>
  </si>
  <si>
    <t>漢來美食（1268）受新冠肺炎衝擊宴會訂單及消費者來店消費意願2020年首季稅後淨利驟降至023億元、每股盈餘（EPS）064元雙創歷史新低。不過隨著疫情趨緩公司表示5月餐廳業績已漸回溫推出的冷凍商品反應亦佳對未來發展宅經濟商機充滿信心。
漢來美食2020年首季合併營收839億元季減1068％、年減1852％為近5季低點。毛利率4221％、營益率356％分創近2年半及歷史低點。稅後淨利023億元季減5527％、年減7585％每股盈餘（EPS）064元雙創歷史新低。
漢來美食亦公佈2020年4月自結合併營收114億元較3月14億元減少1668％、較去年同期249億元減少達5419％續創歷史新低。累計1～4月合併營收953億元較去年同期1279億元減少2547％亦續創同期新低。
受新冠肺炎疫情衝擊消費者來店消費意願漢來美食除了宴會訂單首遭衝擊主力的「漢來海港」自助餐廳3月初後來客數亦隨著境外病例大爆發而銳減致使首季各項營運績效指標均出現明顯衰退。海軍敦睦艦隊事件亦使2據點休館消毒影響4月營收表現。
不過隨著國內已連26天未出現本土確診新增案例久悶在家防疫的民眾開始放心出門透氣消費。漢來美食表示餐廳業績自五一連假起即有回溫現象母親節訂位情況亦自3日起明顯拉升營運動能可望逐步回溫。
而疫情亦連帶提升大眾對外帶餐食及宅配需求漢來美食除強化既有外帶服務、推出便當積極突圍也抓準消費形態改變的「宅經濟」商機於官網網購平臺上推出「宅美食」系列將餐廳受歡迎的「臺式滷肉豆腐」和「家鄉獅子頭」2道菜色研製成冷凍商品上架。
同時因應台灣民間閏四月出嫁女兒要送娘家父母豬腳的習俗漢來美食亦與電商平臺聯手推出冷凍豬腳麵線禮盒。公司指出推出短短不到2個月已售出近2000組對於未來發展宅經濟市場充滿信心。</t>
  </si>
  <si>
    <t>美食推出漢來消費新低冷凍疫情歷史首季餐廳出現明顯營運經濟商品外帶</t>
  </si>
  <si>
    <t>漢來美食營收毛利率營益率獲利</t>
  </si>
  <si>
    <t>毛利率營益美食獲利漢來</t>
  </si>
  <si>
    <t>醫師世衛領隊專家權威團隊加拿大風暴抵達武漢大陸</t>
  </si>
  <si>
    <t>世界衛生組織(WHO)總幹事譚德塞(Tedros Adhanom Ghebreyesus)本週一表示上個月親赴大陸與國家主席習近平和一些部會首長會談好不容易得到北京當局的同意世衛可以派遣專家團隊到最前線深入研究新型冠狀病毒(</t>
  </si>
  <si>
    <t>德塞tedrosadhanom前線ghebreyesus本週一表示上個月團隊大陸國家專家主席派遣習近平部會首長可以世衛會談同意好不容易當局北京深入幹事</t>
  </si>
  <si>
    <t>世界衛生組織(WHO)總幹事譚德塞(Tedros Adhanom Ghebreyesus)本週一表示上個月親赴大陸與國家主席習近平和一些部會首長會談好不容易得到北京當局的同意世衛可以派遣專家團隊到最前線深入研究新型冠狀病毒(NPC)。而這支專家團隊的成員也是經過長達兩周的協調北京當局才同意這份專家名單。這支團隊將由加拿大權威醫師愛華德(Bruce Aylward)擔任領隊。
譚德塞在記者會上顯得信心滿滿表示愛華德醫師的團隊將會與大陸當地的專家合作聯合研究新型冠狀病毒的特性藉以回答我們對於新冠肺炎的諸多疑問。
至於名單上的其他成員譚德塞則沒有透露僅表示人數介於10到15人間視狀況調整。
同時譚德塞也表示新冠肺炎的人傳人威力令人憂心越來越多的案例顯示病患完全沒有大陸旅遊史卻也會罹患新冠肺炎例如法國和英國這兩天確診的病患都是如此。
世衛擔心新冠病毒會造成大規模人傳人感染將全力以赴控制疫情的擴散。
愛華德醫師被詢問對於新加坡國際會議「病毒超級傳播者」的看法僅表示他認為超級傳播者的說法是誇大其實雖然一共有12名確診病患與該會議有關但病例分散在法國、新加坡、韓國、馬來西亞、英國每一國都是個位數並不能拿來跟SARS的超級傳播者相提並論。</t>
  </si>
  <si>
    <t>表示德塞病毒團隊專家大陸愛華德醫師肺炎傳播新加坡沒有會議成員名單世衛法國對於</t>
  </si>
  <si>
    <t>世衛新冠肺炎武漢肺炎新型冠狀病毒NCP</t>
  </si>
  <si>
    <t>武漢肺炎冠狀世衛病毒ncp</t>
  </si>
  <si>
    <t>眾議員收到相等刀片威脅</t>
  </si>
  <si>
    <t>日本厚生勞動大臣加藤勝信等3位眾議院議員的辦公室3月23日收到裝著刮鬍刀刀片等的威脅郵件。富士電視台等日媒報導厚勞相加藤、眾議院議員武井俊輔、首相輔佐官也是眾議員的秋葉賢等3名自民黨議員3月23日都收到可</t>
  </si>
  <si>
    <t>議員眾議院收到加藤勝輔佐官秋葉賢郵件辦公室威脅首相富士電視臺自民党武井俊刀片刮胡刀眾議員加藤報導大臣勞相勞動</t>
  </si>
  <si>
    <t>日本厚生勞動大臣加藤勝信等3位眾議院議員的辦公室3月23日收到裝著刮鬍刀刀片等的威脅郵件。
富士電視台等日媒報導厚勞相加藤、眾議院議員武井俊輔、首相輔佐官也是眾議員的秋葉賢等3名自民黨議員3月23日都收到可疑郵件郵件中放了1片約45公分長的刮鬍刀刀片和1張抗議信。
加藤收到的內容是有關疫情中讓外國遊客入境之事；武井的信中寫著有關前秘書酒醉駕車事故；秋葉的信則指出政府要求民眾避免宴會的當天秋葉自己卻辦派對。
警視廳指出信中內容主要是批評日本政府的新冠肺炎對策有可能是同1人所為麴町警署已以威脅罪嫌搜查中。</t>
  </si>
  <si>
    <t>議員收到秋葉加藤指出威脅眾議院內容郵件刀片刮胡刀加藤勝當天宴會避免警署民眾派對要求政府</t>
  </si>
  <si>
    <t>威脅議員郵件秋葉刀片</t>
  </si>
  <si>
    <t>郵件威脅議員刀片秋葉</t>
  </si>
  <si>
    <t>確診首位肺炎檢測陽性</t>
  </si>
  <si>
    <t>阪神虎投手藤浪晉太郎因為近日出現「嗅覺失靈」症狀因此在醫生建議下在今日接受新冠肺炎的PCR檢測結果出爐為陽性是日職首位確診的球員。藤浪晉太郎並沒有咳嗽、發燒等症狀不過因為無法聞到酒和咖啡的氣味而</t>
  </si>
  <si>
    <t>症狀晉太郎無法發燒pcr檢測結果肺炎出爐陽性接受今日咳嗽建議首位醫生沒有確診球員失靈近日嗅覺</t>
  </si>
  <si>
    <t>阪神虎投手藤浪晉太郎因為近日出現「嗅覺失靈」症狀因此在醫生建議下在今日接受新冠肺炎的PCR檢測結果出爐為陽性是日職首位確診的球員。
藤浪晉太郎並沒有咳嗽、發燒等症狀不過因為無法聞到酒和咖啡的氣味而去了耳鼻科一開始醫生診斷是季節性過敏隔天仍無法聞到味道再去另一間醫院才被認為有感染新冠肺炎的可能性因此在今日做了PCR檢測。
檢測結果晚間出爐確定為陽性除了藤浪之外還有2名隊友出現「味覺失靈」症狀不過尚未有結果。在藤浪傳出有染上新冠肺炎風險時阪神虎球團就已要求一、二軍球員及職員先回家隔離一周也先取消與軟銀的二軍比賽並消毒甲子園及二軍球場。
日職受到新冠肺炎影響開幕戰二度延期原本目標4月24日開打如今隨著藤浪確診是否能順利開幕再度不明朗。</t>
  </si>
  <si>
    <t>肺炎症狀結果球員醫生聞到開幕確診晉太郎出現陽性失靈檢測今日pcr出爐阪神取消</t>
  </si>
  <si>
    <t>武漢肺炎日本新冠肺炎日職藤浪晉太郎</t>
  </si>
  <si>
    <t>肺炎日本晉太郎武漢</t>
  </si>
  <si>
    <t>實業認證業務emi</t>
  </si>
  <si>
    <t>受惠於大陸新冠肺炎疫情趨緩來自自有品牌EMC及線路保護元件、EMI認證測試等業務營收占比明顯提升挹注穩得實業（6761）自結3月營收134億元創下單月歷史新高紀錄月增411％、年增2871％累計第一季營收324</t>
  </si>
  <si>
    <t>肺炎疫情來自自有品牌emc線路保護歷史元件單月emi創下認證測試業務實業占比明顯提升挹注</t>
  </si>
  <si>
    <t>受惠於大陸新冠肺炎疫情趨緩來自自有品牌EMC及線路保護元件、EMI認證測試等業務營收占比明顯提升挹注穩得實業（6761）自結3月營收134億元創下單月歷史新高紀錄月增411％、年增2871％累計第一季營收324億元較去年同期增長451％在全球經濟停滯衰退環境下逆勢表現亮眼。
穩得董事會日前通過108年度營業報告書暨財務報表案108年度營收1295億元年減267％但108年度稅後淨利7615萬元獲利成長574％EPS 413元仍延續107年度EPS 4元以上的優異獲利表現。
穩得實業表示108年度穩得調整產品組合雖然營收略微收縮但毛利率從前一年度2869％提升至2909％稅後淨利也較前一年度提升。調整產品組合主要在於提高自有品牌線路保護元件及EMI認證業務的銷貨占比自有品牌銷貨占比自前一年度278％提高至317％占比已超過三成認證業務也較前一年增加28419千元自前一年度的58％提高至81％符合公司整體預期的改善目標及方向109年度將持續優化產品結構。
穩得指出108年度在中美貿易戰不確定因素下穩得在大陸地區營收略受影響但隨著EMI認證業務的成長補足了部分的營收缺口整體營收僅小幅減少267％稅後淨利較前一年度增加4132千元表現符合預期。
從中美貿易戰到新冠疫情衝擊穩得透過完整的產業佈局維持企業成長能量；穩得表示在市場佈局上持續開發新產品並連結市場新應用舉凡5G、物聯網、人工智慧、智慧城市、車用電子與電動機車／汽車相關等各類新應用都是近兩年主要佈局方向。產品佈局上著重於高浪湧低殘壓及大功率產品小型化的保護元器件以符合電子產品之未來趨勢。服務佈局上配合安全規範新法令的適用及新增EMI測試項目都能帶動認證業績的成長此外大陸深圳實驗室之建置將會是穩得另一個成長動能。
今年第一季隨著中國新冠肺炎疫情趨緩客戶端陸續開工出貨狀況已大致正常配合前幾個月的零件銷售訂單發酵同時認證業務也較去年同期成長約三成以上帶動3月份營收134億元創下歷史新高逆勢高飛。
針對第二季營運展望穩得認為在疫情不持續擴大的狀況下可望延續第一季成長力道出貨樂觀可期。</t>
  </si>
  <si>
    <t>年度成長認證業務產品疫情emi佈局表現大陸持續符合提升保護提高自有狀況逆勢配合應用</t>
  </si>
  <si>
    <t>新應用成長穩得提高提升</t>
  </si>
  <si>
    <t>應用提高成長提升</t>
  </si>
  <si>
    <t>發言國際日本確診期間東奧</t>
  </si>
  <si>
    <t>東京奧運昨（8）日在新冠疫情之中結束當各國選手相繼返國之際日本接下來還得面對奧運支出、國內疫情升溫等問題尤其東奧舉辦期間日本單日確診人數暴增了3倍雖然收視率開紅盤但是國際奧會自信滿滿稱「日本</t>
  </si>
  <si>
    <t>日本疫情奧運國際紅盤收視率人數之中確診結束期間舉辦返國問題選手之際相繼東奧升溫接下來支出國內尤其</t>
  </si>
  <si>
    <t>東京奧運昨（8）日在新冠疫情之中結束當各國選手相繼返國之際日本接下來還得面對奧運支出、國內疫情升溫等問題尤其東奧舉辦期間日本單日確診人數暴增了3倍雖然收視率開紅盤但是國際奧會自信滿滿稱「日本人接受東奧」、選手村內外宛如「平行世界」等發言以及強行舉辦奧運、輕視國民情感的態度仍讓日本人相當反感。
命運多舛的東京奧運昨日終於在疫情中順利落幕共同社報導東奧組委會今（9）日宣佈再新增28名奧運相關人員確診不過當中並沒有運動員選手中已經連續4天沒有人確診。自7月1日以來和奧運相關的確診者共計464人其中有32名選手因為確診退賽。
東奧似乎在控制疫情方面做得相當不錯不過日本國內疫情卻在這17天內急速升溫不論是全國還是東京每日新增確診數都暴增3倍以日本全境來看7月23日新增5529例8日已經暴衝至15753例東京7月23日新增1359例昨日暴增4066例。
作為地主國日本本屆奧運拿下27面金牌創紀錄另外收穫14枚銀牌、17枚銅牌總計58面獎牌也刷新紀錄。
由於新冠疫情屢次反撲一度有高達8成的日本民眾反對舉辦東奧不過隨著賽事進行選手屢創佳績反對東奧的聲浪似乎有所下滑朝日新聞與日本新聞網（JNN）分別公佈的2份民調發現約6成日本人對於舉辦東奧給予肯定東奧期間的收視率也開出紅盤開幕式的收視率高達564%。
儘管如此共同社8日一篇分析文指出日本人對於國際奧會（IOC）強行舉辦東奧及輕視日本國民情感的態度仍相當反感。國際奧會主席巴赫（Thomas Bach）6日在記者會上自信滿滿地表示「每10名日本人中就有9人觀看奧運」他以收視率為基準得出「日本人支持並接受奧運」的結論他還強調「這不是感受而是事實。」
國際奧會發言人亞當斯（Mark Adams）也多次表示超過7000萬日本人觀看開幕式。
文章指出以收視率來總結日本人接受了奧運的說法日本民眾對於國際奧會這樣自信滿滿的姿態相當不滿。
此外雖然透過接種疫苗、徹底進行病毒檢測、限制行動等措施成功抑制了選手村內的疫情大暴發但是同一時間日本國內的疫情卻愈來愈嚴重。巴赫曾讚賞多虧世界衛生組織（WHO）的建議東奧防疫「才能取得成功」。
7月29日針對日本疫情惡化亞當斯曾強調選手生活在「不同的平行世界」和日本大眾分開這番言論也被抨擊「事不關己」亞當斯當時還稱「我認為不是我們造成東京疫情擴大」。
另外巴赫也持續被記者逼問艱難提問包括有人質疑國際奧會為了取得北美地區高額的轉播權利金而選擇在7至8月間舉辦奧運認為舉辦時間應該重新考慮也有人尖銳質疑國際奧會誇耀能安全舉辦東奧「但這是日本人出的錢舉辦城市的負擔太大可能需要更大的變革吧。」
面對這些提問巴赫要不是皺眉回應「謝謝您的意見」就是避免明確回答又或者重申國際奧會的正當性共同社評論他的回應中似乎仍看不到日本民眾的身影。</t>
  </si>
  <si>
    <t>日本東奧奧運疫情舉辦國際選手巴赫確診收視率東京相當似乎亞當斯共同新增民眾自信進行</t>
  </si>
  <si>
    <t>東奧即時報導日本新冠肺炎確診</t>
  </si>
  <si>
    <t>日本報導即時肺炎確診東奧</t>
  </si>
  <si>
    <t>今日嘉玲新增終結台中確診</t>
  </si>
  <si>
    <t>防疫不能鬆懈台中市7月30日甫在防疫記者會公佈本土、境外、快篩陽性「三零」但中央流行疫情指揮中心指揮官陳時中1日宣佈台中市今日有1人確診終結台中連日來的「嘉玲」防線。中央流行疫指揮中心將疫情警戒降</t>
  </si>
  <si>
    <t>台中流行中央疫情中心指揮防疫本土公佈境外終結確診記者會今日陽性連日來嘉玲宣佈防線陳時中指揮官</t>
  </si>
  <si>
    <t>防疫不能鬆懈台中市7月30日甫在防疫記者會公佈本土、境外、快篩陽性「三零」但中央流行疫情指揮中心指揮官陳時中1日宣佈台中市今日有1人確診終結台中連日來的「嘉玲」防線。
中央流行疫指揮中心將疫情警戒降為2級市長盧秀燕表示觀察這兩周台中的疫情相對和緩疫情控制下來更要回歸全力拚經濟、拚建設、拚市政。
另外台中市議會將在下周開議市政團隊依法必須到議會備詢台中流行疫情指揮中心記者會從7月31日起改成不定期舉行。
但因台中市今日新增1例確診市府下午3時再度舉行防疫記者會說明新增1例確診者的足跡提醒民眾注意。</t>
  </si>
  <si>
    <t>台中疫情記者會確診流行防疫指揮中心議會舉行市政新增中央今日回歸下來足跡力拼本土依法</t>
  </si>
  <si>
    <t>新冠肺炎台灣台中市台中嘉玲</t>
  </si>
  <si>
    <t>台中臺灣肺炎嘉玲</t>
  </si>
  <si>
    <t>陰性pcr迄今確診雲林症狀</t>
  </si>
  <si>
    <t>雲林縣今（26日）出現第8、第9例確診者案5884曾載彰化養生會館人員去篩檢染疫他第一次PCR核酸檢測是陰性居家隔離3天後轉為陽性CT值高達236。案5885是六輕外包商的員工老闆（案5083）是雲林的第7例確診者</t>
  </si>
  <si>
    <t>確診出現人員會館養生pcr核酸檢測轉為陰性居家老闆隔離陽性六輕高達</t>
  </si>
  <si>
    <t>雲林縣今（26日）出現第8、第9例確診者案5884曾載彰化養生會館人員去篩檢染疫他第一次PCR核酸檢測是陰性居家隔離3天後轉為陽性CT值高達236。案5885是六輕外包商的員工老闆（案5083）是雲林的第7例確診者他迄今仍無症狀但PCR陽性CT值301。
雲林縣長張麗善指出案5884是38歲男性住鬥六市嘉東裡在雲林科技工業區鬥六二路的一家公司上班21日曾到彰化養生會館接朋友去醫院採檢因該會館有6人確診他22日被接獲居家隔離通知及需採檢。
衛生局長曾春美表示案5884在22日下午6點接獲採檢通知到醫院接受PCR檢測是陰性返回女友家一人一層樓居隔但不符合防疫規範23日下午返回自家25日開始出現頭痛症狀安排第二次採檢確診CT值236匡列居家隔離13人、自我健康監測3人。
案5884的足跡大多在上班地點、女友住家、自己的住家。
第九例是案5885六輕外包商工程行工作的39歲男員工老闆是24日確診的案5083（CT值19）他雖然無症狀24日仍被列為居家隔離25日PCR檢測確診目前仍無症狀。他的足跡單純大多是到麥寮鄉三盛村的公司上班、下班回中興村的家曾到全聯、7-11。
案5083是雲林縣第7例確診者麥寮鄉一家工程行老闆他的妻子（案2776）19日在臺北確診新北市衛生局未通知雲林縣衛生局以致沒有匡列他居家隔離直到23日他在麥寮發燒就醫採檢確診。</t>
  </si>
  <si>
    <t>確診居家隔離pcr林縣症狀麥寮上班ct通知老闆雲林檢測會館一家</t>
  </si>
  <si>
    <t>雲林PCR確診無症狀新冠肺炎</t>
  </si>
  <si>
    <t>症狀確診pcr雲林肺炎</t>
  </si>
  <si>
    <t>口罩內心保險專家臉上恐懼宛如</t>
  </si>
  <si>
    <t>不只美國總統川普即便新冠肺炎疫情劇烈反撲部分美國男性仍堅決不戴口罩。科學家指出這些男性認為戴口罩猶如在臉上戴上保險套為了守護男子氣概及在男性群體中的地位他們堅持拒戴口罩如果突然戴上口罩等</t>
  </si>
  <si>
    <t>男性口罩美國肺炎疫情劇烈反撲部分群體氣概堅持中的保險守護男子堅決地位臉上認為科學家猶如川普指出</t>
  </si>
  <si>
    <t>不只美國總統川普即便新冠肺炎疫情劇烈反撲部分美國男性仍堅決不戴口罩。科學家指出這些男性認為戴口罩猶如在臉上戴上保險套為了守護男子氣概及在男性群體中的地位他們堅持拒戴口罩如果突然戴上口罩等於是讓過去的心血付諸東流。
美國總統川普11日終於順應幕僚心意在公開場合中戴上口罩此前他多次和公衛專家唱反調堅決不戴口罩。美國科學家兼記者葳靈漢（Emily Willingham）在美國《科學人》雜誌（Scientific American）撰文指出美國社會中有一群人堅決不戴口罩這群人為數不多但聲音卻很大且堅定他們多數是男性認定戴口罩就是在臉上戴上保險套必須拿掉這些人中最典型的要屬川普的支持者。
葳靈漢指出這種不戴口罩、讓自己及他人暴露在風險之中的行為和愛滋病毒流行美國時官方呼籲戴保險套進行性行為有異曲同工之妙當時許多美國男性同樣拒絕戴套科學家究其原因發現主要和男性意識形態（masculine ideology）有關。
美國心理協會（American Psychological Association）將男性意識形態和冒險、風險、暴力等概念做結合顯然在疫情大流行期間不穿戴防護措施就是一種涉及冒險及風險的行為。這類男性意識形態也經常出現在西方電影中例如阿諾史瓦辛格（Arnold Schwarzenegger）就代表了西方的典型男子氣概這類電影角色即便配備各式各樣武器在面對病毒時卻經常缺乏任何防護措施。
為何這些男性甘冒染病、死亡風險也不要戴口罩？葳靈漢指出戴不戴口罩也是一種表演會傳遞特定社會訊息尤其要考量這些男性為了維持男性意識形態投入了多少心血及成本。她說現實社會中川普是這種意識型態的最大追隨對象當他拒戴口罩他的行為就會被模仿他的追隨者做出了深刻的承諾甚至包含自我欺騙就只為了效忠川普。
對於這些男性追隨者而言戴上口罩等於是讓先前的努力、投入、妥協等付諸東流所以他們選擇不戴他們認為唯有這麼做他們才會持續在男性群體中受到接納及尊重。</t>
  </si>
  <si>
    <t>男性美國口罩川普意識形態風險行為社會保險指出典型疫情堅決電影科學家群體流行</t>
  </si>
  <si>
    <t>天宮嚴陣以待</t>
  </si>
  <si>
    <t>一年一度的大甲媽祖遶境3月將登場預計3月22日抵達嘉義縣新港鄉外界擔憂可能成為新冠肺炎防疫破口新港奉天宮24日舉行「大甲媽祖遶境進香臨時籌備會」邀集相關單位開會研擬防疫措施並表示今年大甲媽祖遶境照</t>
  </si>
  <si>
    <t>媽祖防疫可能擔憂外界成為新港鄉嘉義抵達開會單位相關邀集今年預計籌備會措施進香天宮表示</t>
  </si>
  <si>
    <t>一年一度的大甲媽祖遶境3月將登場預計3月22日抵達嘉義縣新港鄉外界擔憂可能成為新冠肺炎防疫破口新港奉天宮24日舉行「大甲媽祖遶境進香臨時籌備會」邀集相關單位開會研擬防疫措施並表示今年大甲媽祖遶境照常舉行廟方會提供酒精消毒液請民眾自主戴口罩多注意自己的身體狀況。
遶境照常 召開防疫會議
奉天宮昨於香客大樓召開防疫會議並邀集新港鄉長林茂盛、大甲鎮瀾宮副董事長鄭銘坤等人參加；新港文教基金會創辦人陳錦煌醫師也出席他擔憂台灣發生計程車司機因載客受感染屆時新港將有十幾萬名信徒加上大量鞭炮會產生細懸浮微粒破壞呼吸道黏膜抵抗力因此建議廟方應停辦。
各出入口 設置消毒門架
奉天宮董事長何達煌說明大甲媽祖遶境今年已邁入第33年在人心惶惶之際更需要宗教信仰的力量來安定民心廟方人員會全力配合中央及縣府的防疫政策以迎接信眾。
嘉義縣政府民政處宗教禮俗科長林長連說縣長翁章梁已指示將全力協助新港鄉進行防疫擬於各大出入口設置消毒門架噴灑二氧化氯進行消毒關於設置數量、地點及形式將與專家做進一步研議確定。
奉天宮表示街上20多處的供餐區會由志工幫忙打菜請民眾自備環保餐具廟方則會準備紙碗等餐具；另外新港鄉公所將提供次氯酸水解決民眾防疫需求信徒如身體不適不建議參加遶境應待在家休養至康復。</t>
  </si>
  <si>
    <t>防疫天宮消毒民眾新港鄉媽祖設置擔憂嘉義參加建議信徒邀集進行表示提供全力</t>
  </si>
  <si>
    <t>消毒設置新港鄉遶境大甲媽祖遶境</t>
  </si>
  <si>
    <t>新港鄉設置消毒媽祖</t>
  </si>
  <si>
    <t>台商陸企安永衝擊肺炎建立供應彈性</t>
  </si>
  <si>
    <t>新冠肺炎持續蔓延目前相關疫情已經對中國大陸各產業造成不同程度影響。在充滿挑戰的情況下現在也是陸企快速評估、恢復和應對的時候。安永（EY）會計師事務所指出在陸台商建立有彈性的供應鏈將是未來幾年的重點</t>
  </si>
  <si>
    <t>蔓延目前相關疫情已經供應中國大陸彈性產業建立造成台商不同持續指出程度事務所會計師影響ey充滿安永挑戰時候應對情況恢復</t>
  </si>
  <si>
    <t>新冠肺炎持續蔓延目前相關疫情已經對中國大陸各產業造成不同程度影響。在充滿挑戰的情況下現在也是陸企快速評估、恢復和應對的時候。安永（EY）會計師事務所指出在陸台商建立有彈性的供應鏈將是未來幾年的重點。
安永聯合會計師事務所所長傅文芳也建議陸企可採取積極作法並建議在陸相關領域經營的台商應密切留意陸產業情況並積極建立並保持供應鏈彈性以因應未來發展。</t>
  </si>
  <si>
    <t>產業情況台商陸企積極安永建立會計師事務所建議供應彈性未來蔓延目前相關疫情已經持續中國大陸造成不同程度充滿影響挑戰肺炎</t>
  </si>
  <si>
    <t>陸企供應鏈彈性新冠肺炎情況</t>
  </si>
  <si>
    <t>彈性供應肺炎情況陸企</t>
  </si>
  <si>
    <t>集中檢疫所交界侯友宜中央桃園統一分配新北</t>
  </si>
  <si>
    <t>新北市長侯友宜今（23日）下午主持防疫應變會議記者會外傳侯友宜有致電給桃園市長鄭文燦新北、桃園交界處要多蓋集中檢疫所侯回應集中檢疫所由中央統一分配桃園也有集中檢疫所也是給中央都會互通討論研究</t>
  </si>
  <si>
    <t>桃園中央檢疫所侯友宜集中新北市長防疫主持應變下午會議記者會外傳交界處致電都會統一分配鄭文燦互通回應討論</t>
  </si>
  <si>
    <t>新北市長侯友宜今（23日）下午主持防疫應變會議記者會外傳侯友宜有致電給桃園市長鄭文燦新北、桃園交界處要多蓋集中檢疫所侯回應集中檢疫所由中央統一分配桃園也有集中檢疫所也是給中央都會互通討論研究。
侯友宜說自己跟鄭文燦、臺北市長柯文哲及衛福部長陳時中都會經常聯繫也會互相打電話都會討論疫情集中檢疫所由中央統一分配桃園也有集中檢疫所也是支援中央。
關於陽明山卻出現民眾旅遊群聚的狀況侯說拜託民眾別再出門沒有事情不要趴趴走今天前往熱區防疫中心民眾都很遵守規定連風景區都沒有去了。</t>
  </si>
  <si>
    <t>民眾侯友宜中央防疫集中檢疫所鄭文燦桃園沒有討論都會新北市長出門中心熱區旅遊陳時部長</t>
  </si>
  <si>
    <t>新冠肺炎台灣集中檢疫所桃園侯友宜</t>
  </si>
  <si>
    <t>臺灣集中檢疫所肺炎桃園侯友宜</t>
  </si>
  <si>
    <t>聯盟疫苗呼籲賈霸反對意見nba</t>
  </si>
  <si>
    <t>NBA名人堂中鋒賈霸(Kareem Abdul-Jabbar)站出來做為表率他18日於推特宣佈擔任聯盟這次公益宣導的代言人親身示範施打新冠肺炎疫苗希望美國國民一起來接種「保護你身邊朋友與家人的健康。」今年73歲的賈霸也受</t>
  </si>
  <si>
    <t>賈霸kareem健康abdul-jabbar家人朋友身邊出來做為保護表率接種一起國民宣佈美國擔任希望聯盟疫苗公益肺炎宣導代言人</t>
  </si>
  <si>
    <t>NBA名人堂中鋒賈霸(Kareem Abdul-Jabbar)站出來做為表率他18日於推特宣佈擔任聯盟這次公益宣導的代言人親身示範施打新冠肺炎疫苗希望美國國民一起來接種「保護你身邊朋友與家人的健康。」今年73歲的賈霸也受邀參加本週四(美國時間週三)總統就職典禮他對此表示「非常驕傲」。
賈霸是黑人民權的熱心支持者美國面臨著黑人民眾對於疫苗接受度不高的問題像是職棒大聯盟的黑人傳奇漢克阿倫(Hank Aaron)出面示範施打鼓勵其他黑人跟進。黑人因為環境、教育、經濟多方影響在美國的新冠疫情下出現比其他種族更高的死亡率。
NBA其實很渴望讓球員施打疫苗但是人言可畏先前美國檢測新冠肺炎的能量不足時NBA就被批評利用特權讓球員可以頻繁檢測導致形象受損。這次NBA懾於外界議論不敢動用影響力讓球員優先施打疫苗。不過球員還是可以站出來呼籲其他人去接種像是底特律活塞的葛瑞芬(Blake Griffin)去年12月就鼓勵大家「等疫苗來了就趕快去打吧。」
NBA內部也有一股反對的聲音球員工會執行董事米雪兒羅伯茲(Michele Roberts)就對疫苗沒有把握。身為黑人的羅伯茲表示：「黑人孕婦生產的死亡率遠高於白人婦女因為我們獲得的醫療照顧不同。」「有很多聰明人告訴我不必猶豫但以我目前所獲得的知識我不敢建議其他人去施打。」</t>
  </si>
  <si>
    <t>黑人疫苗nba美國球員賈霸施打獲得聯盟死亡率示範接種像是表示檢測羅伯茲不敢出來可以</t>
  </si>
  <si>
    <t>NBA賈霸球員黑人新冠肺炎</t>
  </si>
  <si>
    <t>球員黑人賈霸nba肺炎</t>
  </si>
  <si>
    <t>delta恐是傳染收回措施omicron</t>
  </si>
  <si>
    <t>新變種病毒Omicron步步進逼已快速在多國蔓延衛福部草屯療養院精神科醫師沈政男警告Omicron有可能把疫情打回去年三月從頭開始而且對手的戰鬥力比之前強上三倍。更指出Omicron的傳染力有可能是Delta的5倍</t>
  </si>
  <si>
    <t>omicron可能步步進逼快速蔓延衛福部多國草屯療養院精神戰鬥力傳染對手從頭開始強上三月之前醫師指出去年沈政男警告打回疫情病毒</t>
  </si>
  <si>
    <t>新變種病毒Omicron步步進逼已快速在多國蔓延衛福部草屯療養院精神科醫師沈政男警告Omicron有可能把疫情打回去年三月從頭開始而且對手的戰鬥力比之前強上三倍。更指出Omicron的傳染力有可能是Delta的5倍呼籲指揮中心趕快收回春節7+7檢疫方案改回14+0否則沒守好國內案例恐怕會破千。
沈政男昨天在臉書表示新變種病毒Omircon可怕的地方在於再感染與突破性感染由於它棘蛋白突變的地方有32個連莫德納執行長都坦言目前疫苗無法有效對付Omicorn是非常令人憂心的局面與其現在再繼續推成人打第三劑、青少年打第二劑還不如先趕快把春節「7+7」檢疫方案收回來改回「14+0」「封鎖國門要先做再來才是要大家打疫苗啦怎麼反其道而行？」
沈政男表示如果「7+7」方案導致邊境沒守好Omicorn跑進台灣確診案例有可能會破千既然如此為什麼還要做「7+7」難道是把社區當成白老鼠嗎？
沈政男表示等到案例漏進社區再來調整防疫措施是一種賭博就像先前爆發幼兒園群聚感染仍然不取消內用一樣賭對了當然防疫鬆綁就推進一些但如果這次賭錯了「歹勢Omicron的傳染力有可能是Delta的5倍」因此這次的賭注比先前都大。</t>
  </si>
  <si>
    <t>沈政男omicron可能表示案例感染方案omicorn疫苗地方防疫社區再來沒守趕快春節病毒</t>
  </si>
  <si>
    <t>Omicron春節7+7邊境傳染力第三劑</t>
  </si>
  <si>
    <t>omicron傳染邊境春節</t>
  </si>
  <si>
    <t>疫苗美國接受劉沛youtuber批評</t>
  </si>
  <si>
    <t>YouTube頻道訂閱117萬的劉沛來自美國加州2012年為了圓歌手夢飄洋過海到台參加中視《超級星光大道》因緣際會轉型為YouTuber去年2月在美國與交往許久的美根結婚今年3月初宣佈懷孕。眼看台灣本土疫情嚴峻兩人</t>
  </si>
  <si>
    <t>美國臺灣眼看懷孕來自宣佈月初加州今年結婚本土歌手飄洋過海交往參加中視星光大道去年youtuber轉型因緣際會劉沛疫情訂閱嚴峻</t>
  </si>
  <si>
    <t>YouTube頻道訂閱117萬的劉沛來自美國加州2012年為了圓歌手夢飄洋過海到台參加中視《超級星光大道》因緣際會轉型為YouTuber去年2月在美國與交往許久的美根結婚今年3月初宣佈懷孕。眼看台灣本土疫情嚴峻兩人擔心寶寶的健康決定飛回美國打疫苗、待產。
劉沛9日上架以「我們決定要回美國了」為題的新片坦言和美根都有共識現階段最重要的是肚裡小孩的健康不過台灣目前還沒有孕婦可以施打的新冠肺炎疫苗加上兩人都是外國人身分不確定什麼時候輪到他們接種聽聞家鄉有一支孕婦也適合注射的疫苗種種考量之下決定回到美國。
劉沛和美根完成新冠肺炎核酸檢測雙雙呈現陰性並備妥資料一起將愛犬LUNA帶回美國。上了飛機後發現座位幾乎都滿的夫妻倆不禁驚呼：「比我想像更多人怎麼這麼多人啊」美根在飛機上還忍不住落淚滿臉流露不安的情緒劉沛為了安撫老婆緊緊牽住她的手。
平安回到美國第五天劉沛向美根詢問當天搭飛機的心情美根感嘆：「最大的原因是因為我懷孕了所有情緒一下湧上來我覺得我現在又要哭了…還有不知道能不能回來美國的壓力就算我可以回來也不知道LUNA能不能回來終於在我們起飛時才覺得真的要回家了。」
最後劉沛表示不確定會待在美國多久至少要等到寶寶平安出生、見到家人也認為選在台灣本土疫情嚴重的時候回去肯定會招來酸民的批評他坦然接受「如果不喜歡今天的影片可以按不喜歡兩次」希望網友們能理解他們的決定。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美國劉沛決定可以臺灣疫苗肺炎飛機務必情緒時候懷孕</t>
  </si>
  <si>
    <t>劉沛美國美根新冠肺炎台灣</t>
  </si>
  <si>
    <t>肺炎美國劉沛臺灣</t>
  </si>
  <si>
    <t>關鍵近于侯友宜點出日趨確診發病控制新北疫情</t>
  </si>
  <si>
    <t>新北市透過廣篩確診個案發病日與確診日已達0344趨近於零疫情有趨緩趨勢不過新北市長侯友宜說目前大家低度活動但家戶感染比例卻逐漸攀升到60％以上把居家隔離做得更好並在解隔離前採檢就能斬斷家庭</t>
  </si>
  <si>
    <t>隔離新北確診居家以上攀升趨勢逐漸比例感染家戶活動侯友宜市長目前</t>
  </si>
  <si>
    <t>新北市透過廣篩確診個案發病日與確診日已達0344趨近於零疫情有趨緩趨勢不過新北市長侯友宜說目前大家低度活動但家戶感染比例卻逐漸攀升到60％以上把居家隔離做得更好並在解隔離前採檢就能斬斷家庭傳播鏈。
新北市衛生局長陳潤秋表示全球疫情持續趨緩不過確診量仍非常高全球已有17億人確診以新北發病日趨勢來看新北有下降趨勢到28日前的觀察期仍要持續低度活動、擴大篩檢並落實各種防疫工作與疫調才能阻絕傳播鏈。
陳潤秋說目前確診日與發病日隱藏期中位數已經是0很多個案在發病日前就被找出來目前篩檢整體陽性率12社區篩檢站的陽性率持續在05％以下。
陳潤秋說目前專責病床與徵用病床剩餘床數有501床專責加護病房有76床醫院收治確診個案620人重症數76人重症插管率12％有下降。而集中檢疫所與加強版檢疫旅館收治數則是404人。
陳潤秋說過去家戶內傳染比例較低但後面越來越高6月22日家戶感染比例高達65％如果家戶內傳染可以控制疫情會往下走。
侯友宜說重症病患插管率下降是好現象感謝新北各大醫院在大型疫情風暴下雖然無法與臺北市比擬仍擋住這個風暴因為擴大篩檢加上精準疫調現在幾乎都能預測每日確診個案數量但現在疫情還沒過還有很多社區隱形傳播鏈沒有這麼簡單要繼續努力。</t>
  </si>
  <si>
    <t>疫情確診新北傳播個案目前家戶發病持續下降比例醫院趨勢現在</t>
  </si>
  <si>
    <t>新冠肺炎台灣確診新北發病日</t>
  </si>
  <si>
    <t>確診臺灣新北肺炎發病</t>
  </si>
  <si>
    <t>病毒變異delta印度感染該員澳門越南確診臺灣工作</t>
  </si>
  <si>
    <t>澳門新型冠狀病毒感染應變協調中心(下稱應變協調中心)公佈澳門第53例新冠肺炎確診病例是於6月17日由台灣來澳的台灣居民初步檢測結果顯示感染的病毒為Delta變異病毒該種變異病毒在印度首先發現。澳門應變協調中</t>
  </si>
  <si>
    <t>澳門應變協調病毒臺灣中心結果顯示檢測初步發現病例確診公佈肺炎感染變異居民首先病毒感染印度delta</t>
  </si>
  <si>
    <t>澳門新型冠狀病毒感染應變協調中心(下稱應變協調中心)公佈澳門第53例新冠肺炎確診病例是於6月17日由台灣來澳的台灣居民初步檢測結果顯示感染的病毒為Delta變異病毒該種變異病毒在印度首先發現。
澳門應變協調中心表示該病患於2020年10月至2021年1月在越南工作據資料顯示越南亦已存在Delta變異病毒；由於病人的核酸檢測結果病毒量低血清IgG呈弱陽性IgM呈陰性符合復陽的表現故初步判斷該病例在越南感染機會較大。
應變協調中心表示Delta變異病毒具有潛伏期短、傳播快的特點而近期在廣州、佛山出現的病毒亦為該種變異病毒；再呼籲仍未接種的市民應儘快接種疫苗。</t>
  </si>
  <si>
    <t>病毒變異中心協調越南應變病例delta澳門感染檢測表示臺灣接種仍未呼籲陰性市民符合igg血清特點確診</t>
  </si>
  <si>
    <t>變異病毒澳門新冠肺炎越南Delta</t>
  </si>
  <si>
    <t>澳門肺炎越南病毒delta變異</t>
  </si>
  <si>
    <t>考慮中職陳偉殷中華隊</t>
  </si>
  <si>
    <t>台灣左投陳偉殷27日臉書發文感謝水手隊他季外以小聯盟合約加盟水手日前遭球隊釋出沒能趕上第2次春訓。本季例行賽縮短為60場球隊不需要安排備用的先發投手上一季的賽事證明「牛棚車輪戰」足以彌補輪值短缺</t>
  </si>
  <si>
    <t>球隊車輪戰發文牛棚感謝水手隊證明季外賽事陳偉殷聯盟合約加盟投手水手日前備用安排需要釋出</t>
  </si>
  <si>
    <t>台灣左投陳偉殷27日臉書發文感謝水手隊他季外以小聯盟合約加盟水手日前遭球隊釋出沒能趕上第2次春訓。本季例行賽縮短為60場球隊不需要安排備用的先發投手上一季的賽事證明「牛棚車輪戰」足以彌補輪值短缺。
陳偉殷正在台灣自主訓練如果他願意打中職還要面臨加盟程式和球團預算的問題但相較於他國新冠疫情中職是比較安全的地方況且一整年都只自主訓練也不容易讓國外球隊看到。現在大聯盟因疫情自顧不暇殷仔若要延續棒球生涯不必堅持一定要在美國打球。
日職老家中日龍顯然是陳偉殷可考慮的他原本希望那是做為職業生涯的最後一段路今年7月他滿35歲速球還有時速150公里狀況好的話也還有幾年的時間。去年遭馬林魚釋出時陳偉殷在台灣記者會說：「至於日本不完全拒絕、也不是走下坡畢竟日本是我的職棒起頭回到起頭不會是走下坡、要退休的感覺。」
中華棒球隊的奧運6搶1資格賽因為疫情無限期延後如果能辦成(主場在台灣)也是陳偉殷登板證明自己的一個機會。</t>
  </si>
  <si>
    <t>陳偉殷臺灣疫情球隊聯盟加盟自主訓練釋出日本證明下坡還有最後職業生涯做為那是一段路今年</t>
  </si>
  <si>
    <t>陳偉殷台灣中職水手日職</t>
  </si>
  <si>
    <t>臺灣中職水手陳偉殷</t>
  </si>
  <si>
    <t>最高歐洲旅謊報入境</t>
  </si>
  <si>
    <t>全球新冠肺疫情不斷擴大大量台灣遊客或留學生從世界各國返台使得機場的入境檢疫工作量激增。疫情指揮中心今（20）日指出昨日起桃園機場兩個航廈各增2個檢疫點合計有4個檢疫點已支援8位醫師、8位護理師加入</t>
  </si>
  <si>
    <t>檢疫疫情機場支援不斷擴大臺灣遊客醫師世界留學生桃園返台昨日中心指出使得指揮入境激增工作量合計</t>
  </si>
  <si>
    <t>全球新冠肺疫情不斷擴大大量台灣遊客或留學生從世界各國返台使得機場的入境檢疫工作量激增。疫情指揮中心今（20）日指出昨日起桃園機場兩個航廈各增2個檢疫點合計有4個檢疫點已支援8位醫師、8位護理師加入檢疫工作。
此外目前歐洲疫情嚴重如果旅客有謊報歐洲旅遊史的情形這是屬於填寫內容不實可依法裁罰1至15萬元指揮中心也請旅客不要以身試法以免受罰；更重要是必須配合防疫需要協助防堵疫情蔓延。</t>
  </si>
  <si>
    <t>疫情檢疫機場中心旅客指揮歐洲不斷擴大協助防疫臺灣需要配合遊客必須世界重要留學生返台支援不實填寫內容屬於受罰桃園使得</t>
  </si>
  <si>
    <t>檢疫疫情歐洲機場指揮中心</t>
  </si>
  <si>
    <t>疫情指揮歐洲機場中心檢疫</t>
  </si>
  <si>
    <t>易讀手冊無礙上線防疫</t>
  </si>
  <si>
    <t>新冠肺炎疫情嚴峻為了讓心智障礙者、長者、兒童、外籍人士容易獲取防疫資訊屏東縣政府製作「防疫易讀版手冊」明瞭大圖配上簡易文字讓人一看就懂目前電子書版已上線本周實體書本亦將出爐縣長潘孟安也在</t>
  </si>
  <si>
    <t>防疫嚴峻書本實體心智障礙者上線出爐長者外籍人士容易獲取兒童資訊子書目前製作文字簡易配上</t>
  </si>
  <si>
    <t>新冠肺炎疫情嚴峻為了讓心智障礙者、長者、兒童、外籍人士容易獲取防疫資訊屏東縣政府製作「防疫易讀版手冊」明瞭大圖配上簡易文字讓人一看就懂目前電子書版已上線本周實體書本亦將出爐縣長潘孟安也在臉書分享。
屏東縣有4768名心智障礙者讓他們也能獲得正確的防疫資訊不但能保護自己也能保護家人。縣府推出的防疫易讀版手冊特別強調與心智障礙者合作從所需資訊到產出文本都經過心智障礙者審稿及品管符合使用者的需求。
易讀版內容透過一名女性智慧障礙者角度介紹台灣現在發生了什麼事認識新冠肺炎該如何面對肺炎疫情如何保護自己和大家等內容。希望讓心智障礙者獲得平等資訊以公民身分主動參與防疫並做好自身防護。
手冊也可當成心智障礙者的課程教材增加了有趣的防疫小學堂提醒相關防疫重點；並在推出前邀請3位智慧障礙者試讀指出閱讀過程看不懂的地方該如何修正讓手冊更能符合使用者的需要。
目前電子書版已經上線可上網站：https://bitly/2VkBVYx下載。本周縣府將加印實體書本提供屏東縣各身障服務單位、特教學校、特教班、各家庭福利服務中心等單位希望讓所有人都成為防疫小尖兵。</t>
  </si>
  <si>
    <t>障礙者防疫心智手冊資訊易讀縣府智慧東縣單位希望推出使用者內容符合書本保護服務上線目前實體肺炎</t>
  </si>
  <si>
    <t>手冊肺炎心智障礙資訊本周</t>
  </si>
  <si>
    <t>心智障礙資訊肺炎手冊</t>
  </si>
  <si>
    <t>突圍攜手強漲</t>
  </si>
  <si>
    <t>上市櫃指數上周聯袂走強後興櫃市場也不遑多讓全周成交值雖較前周大減逾三成僅3448億元但盤面個股卻一掃陰霾股價紛紛出現旱地拔蔥之姿尤以生技族群最為亮眼包括法德藥（4191）等5檔個股周漲幅皆逾三成</t>
  </si>
  <si>
    <t>個股強後市場不遑全周成交尤以生族群最為旱地出現紛紛包括</t>
  </si>
  <si>
    <t>上市櫃指數上周聯袂走強後興櫃市場也不遑多讓全周成交值雖較前周大減逾三成僅3448億元但盤面個股卻一掃陰霾股價紛紛出現旱地拔蔥之姿尤以生技族群最為亮眼包括法德藥（4191）等5檔個股周漲幅皆逾三成。
根據統計興櫃市場上周漲幅逾一成的個股高達45檔占比1779％前十大個股的周漲幅更介於三至四成左右而生技族群囊括其中7檔可謂最大贏家包括法德藥、翔宇、安特羅、景凱、瑩碩、長聖、華安等。
新冠肺炎全球確診案例已突破60萬人大關且疫情持續擴大新藥及疫苗的研發緩不濟急也使得老藥新用的商機得以引爆特殊學名藥廠法德藥旗下代理的利巴韋林吸入劑原先是用來治療下呼吸道病毒感染是美國食品藥物管理局（FDA）唯一核准的學名藥吸入劑型目前轉而用來作為新冠肺炎的診療用途。
法德藥目前已向大陸國家藥品監督管理局（NMPA）申請緊急註冊同時也已找好大陸代理商希望能盡速滿足新冠肺炎的治療需求。利多消息加持下法德藥上周獲買盤大舉湧入周漲幅高達3981％榮登上周興櫃漲幅王寶座。
老藥新用題材上近期也傳出使用「奎寧」及「日舒」對治療新冠肺炎成效良好帶動相關供應鏈強勢表態瑩碩為國內唯一取得日舒口服懸液的藥證業者利多激勵下上周均價強彈2985％。
此外擁有保健食品、保養品及美容美體三大產品線的翔宇以及國光生子公司安特羅、肝炎新藥傳出利多消息的景凱上周也皆有逾三成漲幅生技股長聖及華安上周均價則分別大漲2868％、2825％。
除生技族群外航太概念股長亨表現同樣不俗董事會通過7元的現金股利發放案以27日均價78元計算殖利率高達897％激勵上周漲幅高達3178％。
至於股後穎崴受惠半導體測試介面需求強勁訂單滿載帶動股價自穀底反彈亞洲藏壽司也因通過上櫃申請案上演慶祝行情兩檔個股份別勁揚2951％、2939％。</t>
  </si>
  <si>
    <t>上周漲幅個股肺炎族群治療股價帶動大陸需求股長</t>
  </si>
  <si>
    <t>周漲幅肺炎治療興櫃漲幅</t>
  </si>
  <si>
    <t>漲幅肺炎治療</t>
  </si>
  <si>
    <t>飲食開放業者早就出境場站準備國際</t>
  </si>
  <si>
    <t>交通部放寬大眾運輸場站飲食及恢復高鐵自由座、站票19日起客運轉運站在候車區可以飲食海空運場站也可飲食國際航空站和海港出境部分開放飲食相關餐飲業也開放但國際航空入境仍不可飲食。機場餐飲業者表示</t>
  </si>
  <si>
    <t>飲食場站國際航空開放恢復客運高鐵站票自由轉運站候車可以部分入境運輸海空運出境海港相關餐飲業大眾機場</t>
  </si>
  <si>
    <t>交通部放寬大眾運輸場站飲食及恢復高鐵自由座、站票19日起客運轉運站在候車區可以飲食海空運場站也可飲食國際航空站和海港出境部分開放飲食相關餐飲業也開放但國際航空入境仍不可飲食。機場餐飲業者表示已經準備好了。
交通部長王國材18日表示海空運場站部分國內場站於19日開放飲食；國際場站出境開放飲食但入境旅客將嚴格分流管制循指定動線區域離開場站不得在場站內飲食外其餘區域開放。
桃園國際機場產業發展協會理事劉祐崧18日下午在桃機接受媒體聯訪表示感謝政府在各交通埸站設施有條件開放餐飲內用規定雖然目前每日出入境人數只有1000多人但從業人員仍需工作和就業桃園機場員工有高達956％疫苗施打率出境旅客全部接受PCR檢測而且和入境動線完全隔離是國內相對最安全的消費環境之一。
劉祐崧說桃園機場在禁止內用飲食期間原有的餐飲業者僅剩三成正常營業開放後預估可提升至五成為了內用解禁大家都忙著全面再加強清潔消毒工作、並依規定加裝塑膠隔板機場商務貴賓室也將全面開放飲食為了提供貴賓級的禮遇除採用一人一座的位置規劃也已設計好個人套餐方便民眾享用。
劉祐崧指出今年也配合桃園市政府購物節振興活動擴大促銷活動希望能引入活水12月份也將舉行機場商圈憑發票參加大摸彩的感恩回饋。另外也呼籲桃機公司能夠同步開放第二航廈3樓的出境特賣商場業者會在指揮中心公佈的防疫安全規範下提供民眾舒適安全的消費環境。</t>
  </si>
  <si>
    <t>開放飲食機場場站桃園出境劉右嵩表示入境安全規定工作全面接受民眾提供</t>
  </si>
  <si>
    <t>新冠肺炎台灣飲食場站開放</t>
  </si>
  <si>
    <t>肺炎飲食臺灣場站開放</t>
  </si>
  <si>
    <t>接種達成人口明年宣佈疫苗目標</t>
  </si>
  <si>
    <t>南韓疫苗生產資料研發顯示發佈確診連續新增接種人口全國達到累計目標之前明年表示上周</t>
  </si>
  <si>
    <t>疫苗表示南韓明年發佈達到衛生部採購輝瑞目標莫德納人口進口阿斯特捷利康機構簽約安養長老人中央免疫群體</t>
  </si>
  <si>
    <t>新冠疫苗南韓新冠肺炎疫情</t>
  </si>
  <si>
    <t>南韓肺炎疫情疫苗</t>
  </si>
  <si>
    <t>法會車染地藏王鹿港司機</t>
  </si>
  <si>
    <t>明天是農曆中元節彰化鹿港地藏王廟每年農曆7月13日至15日舉辦一連3天超渡法會除了動物與外國往生者蓮位還出現彰化染疫白牌車司機往生蓮位廟方指出希望全台首位染疫過世的亡者和全球染疫亡靈皆能安息。鹿</t>
  </si>
  <si>
    <t>農曆亡靈法會動物外國首位全台指出司機希望出現中元節一連舉辦</t>
  </si>
  <si>
    <t>明天是農曆中元節彰化鹿港地藏王廟每年農曆7月13日至15日舉辦一連3天超渡法會除了動物與外國往生者蓮位還出現彰化染疫白牌車司機往生蓮位廟方指出希望全台首位染疫過世的亡者和全球染疫亡靈皆能安息。
鹿港鎮內北有天后宮掌天、南有地藏王廟掌管地都是當地信仰中心鹿港地藏王廟主祀地藏王菩薩配祀境主尊神、註生娘娘及十殿閻君；過去民間一般誤認為地藏王廟屬陰廟其實地藏王菩薩掌管的是善惡靈魂並且統帥十殿閻君視為陽神管理陰間。
有眼尖民眾發現鹿港地藏王廟超度法會上出現白牌車司機的往生蓮位對此廟方總幹事林慧娟指出地藏王廟信眾遍及全世界今年廟方特地為新冠肺炎往生的亡者設置往生蓮位超渡因為疫情死亡的亡靈盼亡者都能安息。
新冠肺炎全球肆虐截至目前已造成2530萬人感染、848萬餘人死亡。林慧娟說由於新冠肺炎疫情年初就爆發有一名自武漢嫁來台灣的新住民原本過年期間想返鄉探親特地前來擲筊請示神明不料擲不出聖杯、神明不准。
原來是該女的父親、姊姊與姊夫都在武漢市場內擺攤賣雞鴨陸續染疫住院她只好設置動物蓮位盼超度雞鴨等市場內的動物1個月後該名女子高高興興帶了20鬥白米答謝還告知廟方家人都已陸續康復住院。
除了新冠肺炎亡者蓮位、動物蓮位還有一名在墨西哥經商的彰化台商由於長期失眠、睡不安穩主動前來地藏王廟拜拜、問神經神明指示須超渡墨西哥當地的十方孤魂因此法會中也設置有國外墨西哥王靈的往生蓮位。</t>
  </si>
  <si>
    <t>地藏王動物肺炎墨西哥神明設置鹿港前來特地閻君法會</t>
  </si>
  <si>
    <t>鹿港地藏王廟白牌車染疫司機超渡法會新冠肺炎</t>
  </si>
  <si>
    <t>超渡司機車染法會地藏王肺炎鹿港</t>
  </si>
  <si>
    <t>痊癒肺炎感謝夫妻武漢</t>
  </si>
  <si>
    <t>今天上海市公共衛生臨床中心有16例新冠肺炎患者痊癒出院其中一名27歲的韓先生與其妻子也是痊癒的病人之一夫妻倆是武漢人於2月4日確診被送至上海市公衛中心接受治療「感謝這裡的醫護人員也感謝上海市政</t>
  </si>
  <si>
    <t>痊癒上海市肺炎患者出院感謝中心接受公衛確診送至武漢人醫護人員韓先生妻子治療病人夫妻倆上海市公共衛生臨床中心今天</t>
  </si>
  <si>
    <t>今天上海市公共衛生臨床中心有16例新冠肺炎患者痊癒出院其中一名27歲的韓先生與其妻子也是痊癒的病人之一夫妻倆是武漢人於2月4日確診被送至上海市公衛中心接受治療「感謝這裡的醫護人員也感謝上海市政府和上海人民」身處異鄉卻在上海得到了很好的照顧妻子昨天出院他也在今天(2/16)痊癒了讓他們非常感恩。
大陸《澎湃新聞》報導這對夫妻1/20去日本度蜜月原定1/31搭機回武漢但航班取消機票被改到上海。男子先是在1/30突然出現乾咳妻子則毫無症狀。
男子說「飛機一落地就有人來檢查了我通報自己有點乾咳他們就安排了救護車把我們送到了上海浦東人民醫院。」並在發熱門診做了X光和抽血檢查發現自己的左肺已經被感染了。他的妻子沒有任何症狀但X光卻顯示她是雙肺感染。2月4日兩人核酸檢查結果均為陽性便被移送治療12天後男子於2/16痊癒出院妻子則提早一天。
男子說「出院最想做的事就是去酒店找老婆一起去吃好吃的東西。」並打算在酒店繼續自行隔離一段時間為了別人健康也為了自己的健康。</t>
  </si>
  <si>
    <t>妻子男子痊癒出院檢查上海酒店乾咳治療感染症狀今天感謝繼續自行日本蜜月</t>
  </si>
  <si>
    <t>痊癒武漢感謝妻子新冠肺炎</t>
  </si>
  <si>
    <t>感謝妻子武漢肺炎痊癒</t>
  </si>
  <si>
    <t>醫師時中緩哀怨長輩提早習慣花博早起</t>
  </si>
  <si>
    <t>北市聯醫內科醫師薑冠宇今天上午在臉書發文指出臺北花博為因應民怨從上午8點提早至7點半開打工作人員至少6點50分就要集合出發結果人卻來得零零落落不禁感嘆提早上班也不會加薪戰線加開後也不被珍惜更</t>
  </si>
  <si>
    <t>醫師姜冠宇今天上午加薪發文指出臺北班也花博因應早上內科民怨上午感歎提早不禁來得工作人員結果</t>
  </si>
  <si>
    <t>北市聯醫內科醫師薑冠宇今天上午在臉書發文指出臺北花博為因應民怨從上午8點提早至7點半開打工作人員至少6點50分就要集合出發結果人卻來得零零落落不禁感嘆提早上班也不會加薪戰線加開後也不被珍惜更心痛表示「這樣是存心整我們嗎？」
中央遊行疫情指揮中心指揮官陳時中下午在記者會對此回應花博怎麼樣做安排「我想是臨場第一線的人對情況最瞭解」他也透露自己昨天上午曾前往花博看到人數非常龐大施打流程也井然有序。
陳時中回顧當時花博開打時間比較晚剛好第一批打的是年長者他們生理時鐘比較早就習慣來得比較早剛好又遇到下雨戶外的預備等待區就有一點混亂造成一些抱怨後來相對年輕的族群來打對預約時間比較準確而年長者都習慣早點來等很久所以會形成一些混亂。
「這些都是很好的經驗。」陳時中表示未來一方面也要宣導大家盡量照預約時間前往太早抵達的效率也不高按照時間來秩序會最好；另一方面當時遇到下雨而昨天他實際參觀花博時預備等待區就沒有人裡面場地很夠大確實已經到了非常上軌道的情況「當然相信將來會越做越好我們還是要給他相當的鼓勵」。</t>
  </si>
  <si>
    <t>花博時間比較非常情況表示前往上午當時混亂昨天預約來得下雨遇到區就等待年長者</t>
  </si>
  <si>
    <t>花博陳時中接種站疫苗新冠肺炎</t>
  </si>
  <si>
    <t>疫苗接種陳時中花博肺炎</t>
  </si>
  <si>
    <t>回不來政府堅持包機台男</t>
  </si>
  <si>
    <t>日本、韓國新冠肺炎疫情嚴峻中央流行疫情指揮中心宣佈將兩國的旅遊警示提升至第二級警示（Alert）許多民眾紛分取消原訂旅遊行程。不過卻有人還是堅持要出遊甚至放話：「反正回不來的話台灣政府也會包機</t>
  </si>
  <si>
    <t>旅遊疫情回不來警示反正指揮甚至出遊中心宣佈堅持臺灣政府肺炎原訂行程取消嚴峻中央流行提升</t>
  </si>
  <si>
    <t>日本、韓國新冠肺炎疫情嚴峻中央流行疫情指揮中心宣佈將兩國的旅遊警示提升至第二級警示（Alert）許多民眾紛分取消原訂旅遊行程。不過卻有人還是堅持要出遊甚至放話：「反正回不來的話台灣政府也會包機！」讓許多人聽了相當不以為然。
疫情指揮中心將日本與韓國旅遊警示提升至第二級警示（Alert）旅客需對當地採取加強防護指揮官陳時中表示不排除做相關邊境管制。不過一名網友卻在臉書社團「爆怨公社」抱怨有同事堅持2月底要去日本旅行。
原PO對同事說日本現在疫情相當嚴重建議他先取消行程等疫情控制住了再去。沒想到同事回：「不會這麼衰啦！反正回不來的話台灣政府也會包機接回來。」原PO忍不住抱怨公司都已經公告自日、韓返台的員工要自主管理14天、不用進公司上班「你去玩一星期回來又放十四天你的工作要分給其它同事去做這樣不覺得很自私嗎？」
原PO怒道：「真的覺得國家防疫最大的破口就是這些人的心態有問題！」網友看後也紛紛表示「真的希望他中標」、「憑什麼用全人民的錢去救他」、「這種台灣鯛就可以出國醫護人員就要被禁止出國等著照顧這種想要包機回國的廢物」、「這種同事真的是人渣」、「台灣就是會被某些人給毀滅」。
不過也有網友有不同意見「為什麼大家都要道德綁架要他們不要去」、「政府覺得安全讓日韓繼續飛」、「我不覺得去的人有多壞一直嘴的是會幫忙賠錢嗎」、「日本12億人口境內147確診台灣2300萬28人確診。日本土地又是台灣10倍。台灣好像沒比較安全」。
更多 CTWANT 報導</t>
  </si>
  <si>
    <t>日本同事疫情臺灣覺得po網友包機旅遊公司安全真的抱怨行程警示取消</t>
  </si>
  <si>
    <t>包機旅遊警示新冠肺炎武漢肺炎台灣</t>
  </si>
  <si>
    <t>肺炎警示武漢旅遊包機臺灣</t>
  </si>
  <si>
    <t>施打現金接種莫德納</t>
  </si>
  <si>
    <t>面對新型非洲變種病毒Omicron在國際延燒屏縣府擔心農曆春節返鄉人潮會提高社區感染風險稍早拍板定案從5日起至7日凡在指定的6站施打莫德納疫苗即加碼送現金500元外縣市人也可每站限額300名送完為止。屏縣</t>
  </si>
  <si>
    <t>omicron國際縣府風險擔心感染社區返鄉提高人潮農曆春節病毒限額施打莫德納現金加碼疫苗</t>
  </si>
  <si>
    <t>面對新型非洲變種病毒Omicron在國際延燒屏縣府擔心農曆春節返鄉人潮會提高社區感染風險稍早拍板定案從5日起至7日凡在指定的6站施打莫德納疫苗即加碼送現金500元外縣市人也可每站限額300名送完為止。
屏縣衛生局表示屏東首創在百貨公司及火車站設站施打莫德納疫苗每日施打量持續增加原訂只打到5日但因成效良好決定延長至7日時間也從原先的下午3點或5點開始施打提早到上午10點30開始一直到晚上7點止。
而為因應春節返鄉人潮帶來的社區感染危機在屏東佛教會及東港東隆宮的捐款支持下決定再加碼從5日起至7日止打莫德納疫苗就送500元現金施打點除原來的屏東火車站、潮州火車站、環球購物中心、太平洋百貨外又增加東港東隆宮及車城福安宮共6個施打站。
衛生局表示民眾可在上午10點30分至12點30分、下午1點分至7點隨到隨打每站的前300名送500元現金請大家邀集親友帶健保卡踴躍前往施打第二劑要記得帶黃卡。</t>
  </si>
  <si>
    <t>施打現金莫德納疫苗增加火車站加碼決定感染春節隆宮表示衛生局返鄉東港社區起至下午</t>
  </si>
  <si>
    <t>新冠肺炎台灣莫德納施打屏東</t>
  </si>
  <si>
    <t>臺灣莫德納肺炎施打</t>
  </si>
  <si>
    <t>蔡英文優先疫苗捐贈提供斯洛伐克接種</t>
  </si>
  <si>
    <t>斯洛伐克捐贈的16萬劑AZ疫苗今天上午抵台。蔡英文總統表示這批16萬劑疫苗以及昨天日本捐贈抵台的50萬劑AZ疫苗都會優先提供第二劑接種。她也再次提醒大家儘早接種、完整接種讓台灣在防疫上具有最強的戰力！</t>
  </si>
  <si>
    <t>接種疫苗az防疫捐贈具有提供優先臺灣今天上午都會表示昨天完整再次總統蔡英文日本儘早提醒戰力斯洛伐克</t>
  </si>
  <si>
    <t>斯洛伐克捐贈的16萬劑AZ疫苗今天上午抵台。蔡英文總統表示這批16萬劑疫苗以及昨天日本捐贈抵台的50萬劑AZ疫苗都會優先提供第二劑接種。她也再次提醒大家儘早接種、完整接種讓台灣在防疫上具有最強的戰力！
蔡英文在臉書感謝斯洛伐克「16倍的支持力量！」表示斯洛伐克先前宣佈將捐贈台灣的1萬劑疫苗提高數量到16萬劑AZ疫苗。就在今天上午這批疫苗已經抵達台灣。
她說在全球疫情依然嚴峻下斯洛伐克對於台灣真摯的友誼讓我們倍受感動。她再次感謝斯洛伐克的協助和支持台灣會繼續和國際夥伴相互扶持在共同對抗疫情上創造更多善的循環。
蔡英文強調接下來斯洛伐克捐贈的這批16萬劑疫苗以及昨天日本捐贈抵台的50萬劑AZ疫苗都會優先提供第二劑接種。疫苗是對抗疫情重要的武器我們會做最好的接種安排她也再次提醒大家儘早接種、完整接種讓台灣在防疫上具有最強的戰力！</t>
  </si>
  <si>
    <t>臺灣斯洛伐克疫苗疫情蔡英文接種捐贈再次對抗az表示感謝支援今天上午提供昨天優先扶持安排相互共同國際夥伴全球</t>
  </si>
  <si>
    <t>新冠肺炎台灣接種台灣斯洛伐克</t>
  </si>
  <si>
    <t>臺灣肺炎接種斯洛伐克</t>
  </si>
  <si>
    <t>影響東吳疫情肺炎決定停辦</t>
  </si>
  <si>
    <t>1999年開辦的東吳超級馬拉松今年因為全球受新冠肺（COVID-19）疫情影響主委會今日宣佈停辦。東吳超馬是台灣最先舉辦的超級馬拉松尤其是這個賽事是在東吳大學內的田徑場連續跑24個小時每年吸引了不少世界頂尖</t>
  </si>
  <si>
    <t>馬拉松東吳連續田徑舉辦全球最先covid-疫情影響主委臺灣今日宣佈停辦馬是東吳大學賽事小時尤其今年</t>
  </si>
  <si>
    <t>1999年開辦的東吳超級馬拉松今年因為全球受新冠肺（COVID-19）疫情影響主委會今日宣佈停辦。
東吳超馬是台灣最先舉辦的超級馬拉松尤其是這個賽事是在東吳大學內的田徑場連續跑24個小時每年吸引了不少世界頂尖超馬好手來台參賽2012年12月9日日本名將關家良一以261365公里成績完成七連霸。
東吳超馬過去20年曾停辦兩次分別為2000年以及2006年。籌備會今天表示今年多項國際知名大型馬拉松賽事均宣告停辦近日境外疫情仍持續延燒原訂於12月4日至5日舉辦的「2020東吳國際超級馬拉松」活動經過籌備委員會審慎評估活動進行風險與賽事成效在防疫優先、健康第一的前提下決定停辦。</t>
  </si>
  <si>
    <t>停辦東吳馬拉松賽事疫情今年國際舉辦活動優先防疫健康成效連續風險田徑進行小時吸引covid-持續影響日本世界</t>
  </si>
  <si>
    <t>東吳超級馬拉松</t>
  </si>
  <si>
    <t>馬拉松東吳</t>
  </si>
  <si>
    <t>傢俱砍價消毒送貨白工搬家</t>
  </si>
  <si>
    <t>台灣疫情嚴峻本土確診案例連日暴增單日從16例、29例、180例飆升到206例、333例、240例每天破百例的病毒蔓延速度叫民眾心慌慌也引發許多亂象。像是日前一名搬家師傅網友PO文控訴指稱一位自稱是單親媽媽</t>
  </si>
  <si>
    <t>確診控訴本土速度案例po民眾網友心慌師傅搬家日前引發像是亂象指稱蔓延嚴峻自稱病毒疫情破百</t>
  </si>
  <si>
    <t>台灣疫情嚴峻本土確診案例連日暴增單日從16例、29例、180例飆升到206例、333例、240例每天破百例的病毒蔓延速度叫民眾心慌慌也引發許多亂象。像是日前一名搬家師傅網友PO文控訴指稱一位自稱是單親媽媽的客戶百般刁難質疑已經噴過酒精的傢俱沒充分消毒、有細菌汙染等話鋒一轉還委屈的說自己工作受疫情影響非常不穩定因此想砍價讓原PO不禁無奈表示「又做白工了」引發網友熱議。
昨（18）日臉書社團「爆怨2公社」一名搬家師傅網友發文指出近日他替一名女子搬家時不停被找碴就算他已做到全面防疫穿戴口罩和2層手套用膠膜包覆傢俱以免沾染病毒甚至還把整罐酒精噴完但對方仍處處為難質問為何傢俱不消毒、人沒消毒、傢俱裡有細菌等。
不僅如此原PO還提到為了將該女子各個要價上萬的傢俱搬樓梯上6樓考量到安全才無法在搬運時噴灑酒精但他萬萬沒想到顧客瘋狂殺價不僅聲稱自己是單親媽媽要帶小孩工作遭疫情波很不穩定聽到原價4500元減到3000元還是一直嫌貴讓從早上忙到晚上的原PO實在受不了最後拿2000元就走人並上網PO文直呼「請問我這樣是在做善事嗎？又做白工了」。
此文一出不少網友看了也覺得該名女顧客太超過簡直吃人夠夠紛紛留言聲援「辛苦錢也要凹這種人真是夠了」、「有本事買名貴的傢俱卻計較這點小錢嫌貴！讓他自己搬啊！」「尊重專業搬家師父絕對不止這工錢客人太過分了」、「價錢不是事先談好價的嗎？」、「真倒楣遇到這劣性人」。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po網友搬家防疫酒精口罩疫情引發顧客務必無法病毒工作</t>
  </si>
  <si>
    <t>傢俱防疫白工爆怨2公社搬家</t>
  </si>
  <si>
    <t>白工防疫公社搬家</t>
  </si>
  <si>
    <t>成立失業勞工金門當前櫃檯</t>
  </si>
  <si>
    <t>新冠肺炎疫情燒不停各行各業均遭受嚴重衝擊金門縣府今（6）日成立「失業及無薪假勞工諮詢櫃台」希望協助勞工朋友度過難關。這也是金門縣府繼日前成立「觀光產業紓困諮詢辦公室」吸引相關業者前往連酒店業</t>
  </si>
  <si>
    <t>金門縣府成立勞工不停各行各業吸引辦公室疫情遭受嚴重衝擊紓困產業朋友相關協助度過難關日前觀光</t>
  </si>
  <si>
    <t>新冠肺炎疫情燒不停各行各業均遭受嚴重衝擊金門縣府今（6）日成立「失業及無薪假勞工諮詢櫃台」希望協助勞工朋友度過難關。
這也是金門縣府繼日前成立「觀光產業紓困諮詢辦公室」吸引相關業者前往連酒店業者也登門諮詢後基於擴大服務層面再成立具針對性的服務櫃台。
縣府指出在這波延燒不斷的疫情中相關產業如觀光旅遊業營運已受明顯影響外已有業者已透過勞雇協商採取減少工時方式因應衝擊。楊鎮浯縣長指示社會處設立「失業及無薪假勞工諮詢櫃台」針對各項勞工權益資訊與諮詢服務提供失業或放無薪假勞勞工適時協助。
「失業及無薪假勞工諮詢櫃台」設置於金門縣政府社會處服務時間為每週一至週五上班時間專線：（082）373291。
社會處長董燊表示勞工權益法令複雜若無特別研究往往無法主張攸關自身之權益尤其現階段受疫情影響之勞工人數眾多為維護其權益及協助失業者度過難關特別設置「失業及無薪假勞工諮詢櫃台」。若有疑問也可電洽082-318823＃62537方先生。</t>
  </si>
  <si>
    <t>勞工權益服務櫃檯疫情失業縣府成立協助衝擊相關業者產業觀光社會設置金門影響度過難關</t>
  </si>
  <si>
    <t>勞工諮詢櫃台失業無薪假</t>
  </si>
  <si>
    <t>失業櫃檯勞工</t>
  </si>
  <si>
    <t>圍剿白宮狹隘過失視野清單挨批一長串</t>
  </si>
  <si>
    <t>就在美國面臨新冠肺炎疫情反撲之際美國媒體報導白宮已開始對首席傳染病專家佛奇（Anthony Fauci）發動攻擊白宮內部流傳一長串清單上頭羅列佛奇對疫情的各項錯誤判斷及評論民主黨議員痛批佛奇是說真話的</t>
  </si>
  <si>
    <t>疫情白宮美國反撲之際報導議員媒體錯誤判斷流傳內部開始一長串攻擊專家首席羅列上頭傳染病清單發動faucianthony肺炎</t>
  </si>
  <si>
    <t>就在美國面臨新冠肺炎疫情反撲之際美國媒體報導白宮已開始對首席傳染病專家佛奇（Anthony Fauci）發動攻擊白宮內部流傳一長串清單上頭羅列佛奇對疫情的各項錯誤判斷及評論民主黨議員痛批佛奇是說真話的人卻遭川普邊緣化白宮此舉根本是因為川普眼紅佛奇的高人氣想要摧毀他。
美國國家過敏與傳染病研究院（NIAID）主任佛奇（Anthony Fauci）與總統川普的關係惡化佛奇飯碗可能不保？綜合美國有線電視新聞網（CNN）、美國國家廣播公司新聞網（NBC News）報導白宮已開始針對佛奇展開攻擊試圖降低他的聲譽。
11日一名白宮官員透露好幾名白宮官員正在關注佛奇犯錯的次數這名官員甚至亮出「一長串清單」上頭羅列疫情爆發初期佛奇的評論以及過往相關訪談內容當中包含佛奇在1月時曾表示「新冠病毒不是重大威脅」、「無症狀感染者不會傳染」以及3月時佛奇指出「民眾不需要戴口罩」等語。
CNN形容白宮對佛奇發動的攻擊猶如政治人物針對對手展開的「敵情研究」（opposition research）。
另一名資深官員指出部分白宮人士並不信任川普他們認為佛奇的言論並不符合川普的最大利益；一名政府官員則指出儘管對於佛奇提出的防疫措施意見分歧他們並不懷疑佛奇的動機相信他只關心公眾健康。
另外據《紐約郵報》（New York Post）報導美國首席病毒檢測官員、衛生及公共服務部（HHS）助理部長賈諾（Brett Giroir）昨（12）日接受NBC節目「會晤新聞界」（Meet the Press）專訪時明白指出儘管他個人相當尊敬佛奇但也認為佛奇「並非百分之百正確」尤其對於佛奇暫緩解封的建議直言佛奇對疫情的看法相當狹隘「只從非常狹隘的公衛角度看事情。」
佛奇多次公開在報章雜誌及電視專訪中反駁川普對疫情的看法。他曾說和其他國家相比美國真的不能說自己做得很好「我們真的沒有」；他更打臉川普在國慶演說中提及「美國99%的感染病例完全無害」的說法稱不曉得川普哪來的資訊直言川普的說法和事實完全不符。川普則在上周公開反擊批評佛奇是個好人「但犯了很多錯。」
民主黨籍的美國眾議院情報委員會（House Intelligence Committee）主席謝安達（Adam Schiff）周日痛批白宮對佛奇的圍剿行動相當「差勁」他稱這種行為非常有「川式作風」「他（川普）沒辦法接受美國人信賴佛奇卻不信任他的事實因此要摧毀他（指佛奇）。」
謝安達說美國比以往任何時候都需要一位元「說真話」的人以便讓美國人瞭解到現在面臨的是什麼樣的疫情、以及如何應對「這就佛奇一直試圖在做的事但卻遭到川普幹預、邊緣化。」</t>
  </si>
  <si>
    <t>川普美國白宮官員疫情指出報導攻擊相當nbc接受展開cnn專訪需要</t>
  </si>
  <si>
    <t>陽性pcr出爐京元電確診</t>
  </si>
  <si>
    <t>苗栗縣12日新增確診病例9例7例為外籍移工、本國籍2例其中京元電子有6例、智邦科技2例、京鼎1例；其中1例無症狀目前確診個案都已收治隔離中相關足跡則公告於苗栗縣政府網站。苗栗縣長徐耀昌表示新增的9例</t>
  </si>
  <si>
    <t>確診新增個案苗栗縣長網站縣政府于苗栗公告隔離收治足跡相關電子京元國籍病例症狀目前徐耀昌智邦外籍</t>
  </si>
  <si>
    <t>苗栗縣12日新增確診病例9例7例為外籍移工、本國籍2例其中京元電子有6例、智邦科技2例、京鼎1例；其中1例無症狀目前確診個案都已收治隔離中相關足跡則公告於苗栗縣政府網站。
苗栗縣長徐耀昌表示新增的9例中男性有5例、女性4例2位本國籍病例分別是23歲女性家住竹南鎮以及33歲男性家住後龍鎮累計苗栗縣至目前確診病例共計444例其中外籍移工有362例占82％。
至於京元電昨天有30位快篩轉陽者經PCR採檢都陽性確診詳細確診案例由中央流行疫情指揮中心公佈。
此外前源科技公司全廠快篩60人、微矽電子公司全廠快篩579人、頂埔裡社區快篩245人全數陰性。
針對此波日本捐贈AZ疫苗開打衍生的亂象徐耀昌說苗栗縣此次依中央規畫對75歲以上長者施打的疫苗劑數只有獲配9000劑但全縣75歲以上長者就有4萬3000人縣府決定採越高齡年長者優先施打不過85歲以上長者也有超過1萬2000多人中央分配疫苗有限只能慢慢依續接種。
其中85歲以上長者及原住民75歲以上長者部分由衛生所負責施打首打時間訂於6月15日 並將透過村裡長造冊、通知施打時間及地點。
此外縣府也特別將長照、身心障礙、精神復健、老福等機構的住民及照護者、洗腎優先提列同步於第1階段來施打由各機構合作的醫療院所進入機構來施打後續視疫苗劑量陸續開放接種對象。
而對於縣府原本公佈12日要以網路表單報名預約施打今天又緊時改變不僅造成網友上午塞爆網路縣府則是昨天深夜臨時喊卡「暫緩」報名讓來不及獲取訊息的民眾氣的跳腳並在網路大罵縣府朝令夕改的政策。
對此苗栗縣衛生局長張蕊仙則表示縣府是想以最快方式快速的時間打完才會想採用網路方式報名加上接種率提高中央下次撥補疫苗數也會提高因此才有之前的網路報名規畫。
而中央昨晚通知統一6月15日開打縣府也緊急修正施打方式改以造冊、裡鄰長通知方式施打長者施打免預約。</t>
  </si>
  <si>
    <t>施打縣府疫苗網路中央長者報名以上苗栗縣確診接種時間方式機構通知優先公佈昨天</t>
  </si>
  <si>
    <t>施打縣府長者快篩網路</t>
  </si>
  <si>
    <t>縣府長者施打網路</t>
  </si>
  <si>
    <t>是否公平網友陳道輝</t>
  </si>
  <si>
    <t>海軍敦睦艦隊染疫支隊長陳道輝少將遭調職外界質疑他成了代罪羔羊。本報對此舉辦網路投票「請問陳道輝遭調職你認為是否公平？」截稿為止竟有高達9240%的網友回答「不公平顯然高層長官想卸責給他」。《</t>
  </si>
  <si>
    <t>公平陳道輝顯然支隊長回答網友高達少將高層舉辦代罪羔羊網路是否投票外界認為質疑請問</t>
  </si>
  <si>
    <t>海軍敦睦艦隊染疫支隊長陳道輝少將遭調職外界質疑他成了代罪羔羊。本報對此舉辦網路投票「請問陳道輝遭調職你認為是否公平？」截稿為止竟有高達9240%的網友回答「不公平顯然高層長官想卸責給他」。
《中時新聞網》23日針對此進行網路投票「請問陳道輝遭調職你認為是否公平？」截稿為止已有1千多名網友投票高達9240%(1118票)的網友回答「不公平顯然高層長官想卸責給他」；719%(87票)則回答「公平他本來就該負責」；另041%(5票)的網友則表示不知道/無意見。
陳道輝接受立院電話備詢時一度哽咽表示「我在此我用生命保證我絕對沒有隱瞞任何疫情因為如果我知道已經有人感染我一定會遵照國防部的命令立刻返航。」如今陳道輝少將遭調職外界質疑其成了這起事件的代罪羔羊。</t>
  </si>
  <si>
    <t>公平陳道輝投票網友知道表示回答網路少將外界質疑代罪羔羊卸責高達請問長官支隊長</t>
  </si>
  <si>
    <t>陳道輝網路投票調職海軍敦睦艦隊</t>
  </si>
  <si>
    <t>投票海軍網路敦睦艦隊陳道輝</t>
  </si>
  <si>
    <t>感染成是家戶柯文哲</t>
  </si>
  <si>
    <t>新冠肺炎疫情趨緩今本土新增55例其中北市新增22例。對此臺北市長柯文哲表示現在有70％的感染是家戶感染像是北投區昨4例感染全都是家戶感染呼籲民眾在家吃飯的時間、空間都錯開。柯文哲表示北市今新增2</t>
  </si>
  <si>
    <t>柯文哲感染表示新增家戶本土疫情時間吃飯錯開在家空間對此呼籲民眾臺北市現在肺炎北投區全都</t>
  </si>
  <si>
    <t>感染家戶口罩柯文哲新增臺北市案例疫情重要確診家裡表示吃飯時間空間北投區肺炎社區接觸</t>
  </si>
  <si>
    <t>家戶感染柯文哲感染源北市7成</t>
  </si>
  <si>
    <t>柯文哲感染北市家戶</t>
  </si>
  <si>
    <t>元大期招募人才金融培育</t>
  </si>
  <si>
    <t>新冠肺炎疫情使得國際金融市場行情波動帶動期權市場交易熱絡元大期(6023)啟動人才招募計畫提供專業訓練課程及輪調實習讓年輕學子快速進入企業掌握業務核心此外也進行業務前鋒與後勤人才擴大招募相較去年</t>
  </si>
  <si>
    <t>人才招募使得國際金融市場行情波動帶動期權市場疫情交易後勤熱絡進入掌握業務企業核心快速學子業務年輕元大期進行實習前鋒輪調啟動課程</t>
  </si>
  <si>
    <t>新冠肺炎疫情使得國際金融市場行情波動帶動期權市場交易熱絡元大期(6023)啟動人才招募計畫提供專業訓練課程及輪調實習讓年輕學子快速進入企業掌握業務核心此外也進行業務前鋒與後勤人才擴大招募相較去年增加了四成比重針對轉職的跨領域人才也提供了完整的金融專業培訓輔導機制讓多元人才的職涯發展順利接軌。
元大期貨總經理周筱玲表示身為台灣期貨業龍頭培育期權產業人才是公司重要使命2019年獲得有金融業奧斯卡獎之稱的金彝獎傑出「人才培育」、「期貨人才」大獎。公司相信唯有堅強的團隊才能引領公司邁向卓越深知培育人才、鞏固核心人才的重要性將員工視為公司最重要的資產提供員工定期專業培訓課程、學習講座鼓勵同仁在主管帶領下從實務中學習藉由專案執行累積經驗打穩基礎並建構健全的升遷與輪調制度提高職涯能見度及格局視野以期公司與員工共存共榮創造多贏綜效。
此外元大期貨也提供員工海外出差、參與國際論壇、金融科技考察或派駐海外據點的各項機會不僅是因應公司國際化佈局更是提升員工國際觀與國外學習經驗。除了業務人才之外今年度更擴大招募儲備菁英及後勤單位人才透過專業紮實的實務操作課程建構組織接班梯隊師徒制的帶領下將經驗完整傳承不僅讓工作職能發揮更具效率也讓每位員工清楚自我的職涯發展道路。</t>
  </si>
  <si>
    <t>人才公司員工提供經驗期貨課程招募培育期權建構海外金融帶領完整核心學習業務專業培訓重要擴大後勤</t>
  </si>
  <si>
    <t>新冠肺炎疫情元大期招募</t>
  </si>
  <si>
    <t>疫情肺炎元大期招募</t>
  </si>
  <si>
    <t>吹冷風山城店員黃金客人</t>
  </si>
  <si>
    <t>明明是放假前的星期五上午十點到達九份老街沒想到卻一片冷清許多店家沒開門觀光客人潮不復平日比以前早上七點來時人還要少。只要一有人走過去有開的店面服務人員遞茶的遞茶、拿出試吃品的一堆莫不</t>
  </si>
  <si>
    <t>星期五上午店面九份過去還要開門觀光客來時早上以前人潮平日</t>
  </si>
  <si>
    <t>明明是放假前的星期五上午十點到達九份老街沒想到卻一片冷清許多店家沒開門觀光客人潮不復平日比以前早上七點來時人還要少。只要一有人走過去有開的店面服務人員遞茶的遞茶、拿出試吃品的一堆莫不打起萬分精神吸引遊客的注意。在伴手禮店打工的阿芳迎來工作四年多來最寒冷的春天。
我是瑞芳人每天就坐先生的車來上班之前在帶小孩一直到小孩上學後才出來二度就業在九份老街工作也四年多了工作很穩定反正每天觀光客都會自己上門來。
農曆春節時還好雖然陸客減少了但台灣人自己很捧場。可是隨著新冠肺炎的疫情愈來愈嚴重人潮也愈來愈少最近還有一些日本人過來但都是散客比較多韓國人和香港人則幾乎沒有從2月中開始常常唱空城計。
我們的業績大概剩2成左右所有店的店員人數加起來說不定比一個早上的觀光客還要多所以很多店現在中午才開門以減少成本支出疫情只能靠政府把關我們也只能一天過一天不然能怎麼辦。
聽在百貨公司上班的同事說他們也一樣慘因為沒有觀光客去買就算了本國人也不去買因為不能出國自然減少買伴手禮的需求真是歹年冬的感覺希望疫情趕快過去不然說不定就得休無薪假了唉！
更多 CTWANT 報導</t>
  </si>
  <si>
    <t>觀光客疫情減少過去工作上班說不定沒有人潮開門還要早上九份</t>
  </si>
  <si>
    <t>新冠肺炎武漢肺炎台灣確診觀光客</t>
  </si>
  <si>
    <t>肺炎武漢臺灣觀光客確診</t>
  </si>
  <si>
    <t>新北eua市長劉和然疫苗高端</t>
  </si>
  <si>
    <t>中央流行疫情指揮中心19日宣佈衛福部核准高端COVID-19疫苗專案製造最快8月可以少量供應對此新北市副市長劉和然說疫苗研發有一定程式尤其是臨床試驗這部分專業評估與建議我們都很尊重高端通過EUA緊急</t>
  </si>
  <si>
    <t>疫苗高端中心宣佈衛福部評估建議專業核准部分試驗臨床指揮尤其covid-程式供應一定對此新北專案製造研發</t>
  </si>
  <si>
    <t>中央流行疫情指揮中心19日宣佈衛福部核准高端COVID-19疫苗專案製造最快8月可以少量供應對此新北市副市長劉和然說疫苗研發有一定程式尤其是臨床試驗這部分專業評估與建議我們都很尊重高端通過EUA緊急授權可以專案製造這是國家專業審查後給的資格。
劉和然表示國家發展疫苗無人反對但前陣子風風雨雨高端已拿到緊急授權可以專案製造未來要用更大努力證明特別要提醒一定要符合國際標準通過國際認證因未來疫苗注射證明可能是各國必要通行證且疫苗施打有自願性國人有無信心才是最重要的。</t>
  </si>
  <si>
    <t>疫苗高端專案製造證明未來劉和然一定專業國家可以緊急授權中心宣佈指揮衛福部有無核准自願性國人新北對此評估供應</t>
  </si>
  <si>
    <t>新冠肺炎台灣劉和然專案製造</t>
  </si>
  <si>
    <t>劉和然肺炎臺灣專案製造</t>
  </si>
  <si>
    <t>時中流水席注意限制</t>
  </si>
  <si>
    <t>限制規定室內隔板沒有梅花座注意流水席場地陳時中中心周前放寬指揮宴席即將企業員工到來</t>
  </si>
  <si>
    <t>流水席限制辦桌梅花座隔板</t>
  </si>
  <si>
    <t>梅花座限制流水席隔板</t>
  </si>
  <si>
    <t>點式爬山噴鼻血</t>
  </si>
  <si>
    <t>新冠肺炎肆虐全世界不少賽事或產業也因此中止日前臺灣體育電視台因沒賽事因此改播動漫《灌籃高手》造成熱議而近日香港旅遊節目原本要至國外拍攝也因此次疫情延宕選擇在境內出外景介紹旅行景點豈料由</t>
  </si>
  <si>
    <t>賽事出外景境內選擇全世界延宕疫情拍攝產業介紹國外節目香港旅遊近日原本造成灌籃高手中止電視臺日前臺灣</t>
  </si>
  <si>
    <t>新冠肺炎肆虐全世界不少賽事或產業也因此中止日前臺灣體育電視台因沒賽事因此改播動漫《灌籃高手》造成熱議而近日香港旅遊節目原本要至國外拍攝也因此次疫情延宕選擇在境內出外景介紹旅行景點豈料由於女主持人僅穿泳衣爬山也意外吸引觀眾注意。
香港電視頻道《ViuTV》釋出旅遊節目「美女郊遊遊」預告主打「首個只著三點式行山節目」只見兩名正妹主持人紮起馬尾、穿上熱褲而上衣則是搭配比基尼露出凹凸有致的身材曲線露出燦笑讓人忍不住多看幾眼預告推出後吸引14萬人觀看。
而這兩位正妹主持人分別是「Shirley Sham沈殷怡」及「Shirley Chan陳欣妍」。不少人看完後直呼「這旅遊節目好兇狠啊！」、「山峰好美！讓人也想一起爬」但也有人認為不妥「這樣爬山不怕被蚊子叮嗎？」、「到底是做旅遊節目還是賣肉的啊！」、「這樣爬山很容易曬到脫皮喔！」主持人事後也解釋其實這一支預告是愚人節企劃更分享最新一集的專業爬山節目。</t>
  </si>
  <si>
    <t>節目主持人爬山旅遊預告賽事吸引露出shirley全世界產業電視臺中止日前臺灣</t>
  </si>
  <si>
    <t>旅遊節目正妹主持人比基尼美女郊遊遊</t>
  </si>
  <si>
    <t>主持人比基尼美女郊遊節目旅遊</t>
  </si>
  <si>
    <t>迎接生日書豪耗時改造</t>
  </si>
  <si>
    <t>許書豪今（12日）迎接33歲生日暖心許願新冠肺炎疫情早日結束所有人平安健康；他將按原訂規劃7月與未婚妻舉辦海外婚禮、不會延期並選在婚禮前後完婚結婚登記好奇另一半送他「死會」前的最後一個生日禮物？許</t>
  </si>
  <si>
    <t>婚禮生日好奇結婚登記許願新完婚前後肺炎疫情早日結束海外所有人舉辦平安未婚妻健康迎接原訂死會規劃延期不會</t>
  </si>
  <si>
    <t>許書豪今（12日）迎接33歲生日暖心許願新冠肺炎疫情早日結束所有人平安健康；他將按原訂規劃7月與未婚妻舉辦海外婚禮、不會延期並選在婚禮前後完婚結婚登記好奇另一半送他「死會」前的最後一個生日禮物？許書豪笑說兩人照往年慣例簡單吃個飯且他日前已整修錄音室送自己「除了採購木材那些時間外連續三天日以繼夜大改造」。
許書豪與圈外女友Amy愛情長跑13年他去年在夏威夷包下一艘帆船向Amy求婚成功對於兩人維持感情秘訣許書豪說：「常常很多人喜歡去評斷一對情侶是不適合在一起不管是長相還是事業其實只有正在戀愛的人知道彼此最適合的地方在哪。」他趁14日白色情人節推出新單曲〈BUT SHE LIKES〉MV刻意用對比的男女主角來呈現「希望在情人節當天祝福每一對情侶」。
他的粉絲近日集資包下公車廣告為他慶生許書豪不捨大家花錢心疼地說：「這個禮物太張揚了吧！謝謝你們其實我很容易滿足的下次錢包留著吃好吃的拍給我看就好！」體恤粉絲；日前有媒體指他的海外婚禮將延期許書豪今透過經紀人澄清評估婚禮地點的疫情狀況後決定一切照舊。</t>
  </si>
  <si>
    <t>書豪婚禮疫情情人節其實包下日前粉絲情侶適合amy海外延期mv刻意likes對比she主角</t>
  </si>
  <si>
    <t>許書豪33歲海外婚禮婚禮新冠肺炎</t>
  </si>
  <si>
    <t>婚禮海外書豪肺炎</t>
  </si>
  <si>
    <t>停業配合健身房防疫後首解封暫停營業</t>
  </si>
  <si>
    <t>本土疫情趨緩自11月16日起放寬部分防疫措施其中包括室內外運動時民眾可不戴口罩沒想到才過一天就有健身房宣佈暫停營業。對此中央流行疫情指揮中心醫療應變組副組長羅一均表示印度返國的境外移入案8</t>
  </si>
  <si>
    <t>疫情返國印度表示羅一均組長放寬應變部分醫療防疫中心措施包括境外室內外指揮運動民眾可不流行口罩想到才過中央</t>
  </si>
  <si>
    <t>本土疫情趨緩自11月16日起放寬部分防疫措施其中包括室內外運動時民眾可不戴口罩沒想到才過一天就有健身房宣佈暫停營業。對此中央流行疫情指揮中心醫療應變組副組長羅一均表示印度返國的境外移入案8月20日就返台但直到11月16日為了出國自費採檢才被驗出來個案又到社區裡面所以肯定有社區的足跡。不過個案Ct值高應是舊案。
知名健身房「World Gym」在官網公告因新冠病毒疫情影響臺北南京店配合臺北市政府防疫規定今天下午2點起至明天（18日）暫停營業會員可至北區他館使用。
今天新增5例境外移入個案其中一人為40多歲台女（案16614）個案於8月20日自印度返台沒有任何症狀且入境後4次採檢都未檢出直到有出國需求在11月16日自費採檢確診已經匡列相關接觸者2人但個案的Ct值為35二採陰性因此推估是舊案。
今日外傳有健身房關閉媒體詢問是否與此案有關？羅一鈞對此表示因個案確實是在社區確診應會有足跡若有場所緊急清消應與此案有關。</t>
  </si>
  <si>
    <t>個案疫情健身房防疫暫停營業表示印度舊案社區確診境外足跡ct直到返台自費出國民眾</t>
  </si>
  <si>
    <t>World Gym解封健身房停業境外移入</t>
  </si>
  <si>
    <t>停業健身房解封境外gymworld</t>
  </si>
  <si>
    <t>高達陳時中滿意度回應</t>
  </si>
  <si>
    <t>新冠肺炎（COVID-19）疫情席捲全球我國至今（27日）確診累積267例帶頭防疫的中央流行疫情指揮中心指揮官陳時中這段期間不斷加強邊境防疫與篩檢確保不讓疫情擴散守護國人健康。讓他在最近的民調中獲得高達9成</t>
  </si>
  <si>
    <t>疫情防疫最近健康席捲獲得國人全球守護我國擴散至今確診累積不讓確保帶頭指揮官邊境中心不斷加強期間中央</t>
  </si>
  <si>
    <t>新冠肺炎（COVID-19）疫情席捲全球我國至今（27日）確診累積267例帶頭防疫的中央流行疫情指揮中心指揮官陳時中這段期間不斷加強邊境防疫與篩檢確保不讓疫情擴散守護國人健康。讓他在最近的民調中獲得高達9成的支持度對此他僅笑著用台語回應說「這段時間都是這樣啦」！
根據《TVBS》最新民調顯示民眾對於陳時中防疫表現滿意度高達91%僅3%不滿意、6%民眾未表示意見較上月調查上升9個百分點不滿意度則下降3個百分點。
陳時中身兼衛福部長與疫情指揮中心指揮官2大要職在本次台灣對抗新冠肺炎疫情期間聲量大漲民眾紛紛讚賞指揮官認真防疫的態度。今（27）陳時中赴桃園時被記者問及他對自己的最新民調滿意度高達9成有何看法？陳時中只笑笑地用台語回說「這段時間都是這樣啦」。</t>
  </si>
  <si>
    <t>疫情防疫陳時中民眾指揮官滿意度期間新民台語百分點中心指揮高達肺炎時間獲得</t>
  </si>
  <si>
    <t>陳時中高達防疫滿意度調查</t>
  </si>
  <si>
    <t>滿意度高達防疫陳時中調查</t>
  </si>
  <si>
    <t>疫苗民眾黨政府增加還有誘因</t>
  </si>
  <si>
    <t>新冠病毒Omicron變異株截至11月底已入侵43個國家地區亞洲包含日本、香港、韓國、印度、新加坡、馬來西亞及斯裡蘭卡7國但台灣仍有超過500萬人連第一劑疫苗都還沒打民眾黨團立委賴香伶和副總召高虹安今日召開記</t>
  </si>
  <si>
    <t>變異截至月底副總賴香伶入侵國家地區亞洲民眾黨包含日本omicron香港韓國印度疫苗新加坡</t>
  </si>
  <si>
    <t>新冠病毒Omicron變異株截至11月底已入侵43個國家地區亞洲包含日本、香港、韓國、印度、新加坡、馬來西亞及斯裡蘭卡7國但台灣仍有超過500萬人連第一劑疫苗都還沒打民眾黨團立委賴香伶和副總召高虹安今日召開記者會呼籲政府增加誘因鼓勵民眾接種並有計畫的規劃下一階段的防疫戰略。
賴香伶表示國內有近千萬人尚未接種第二劑疫苗醫護長照人員與年長者等高風險族群也有50萬人尚未接種第二劑資料顯示台東縣是全台疫苗施打進度最慢的縣市第一、第二劑接種率分別為690％、474％（截至11月29日)花東地區65歲以上長輩施打狀況也墊底。
賴香伶指出不想打疫苗的民眾或許不會因為施打點變多就願意打疫苗部分地方政府因此祭出送禮券、現金、白米、蔬果或麵包等誘因指揮中心也應針對疫苗接種率較低的縣市提出明確且有效的補助方案增加接種疫苗的誘因尤其失聯移工與逾期居留外國人難以掌握有鑑於過去有超過8成非法居留移工不願自行出面採檢政府應要求仲介或雇主主動聯絡疫苗施打站。
賴香伶表示很多民間企業不願提供疫苗接種假導致勞工須自行承擔接種後的風險及傷害有一位新竹民眾陳情丈夫因公司沒有依法規提供疫苗接種假強忍身體不適前往上班最後在上班期間不幸身亡這些「公司不合理的潛規則」造成的憾事其實都能由政府事前充分宣導預防。
高虹安表示指揮中心擬在百貨公司、賣場設置接種站但其通常位於人口密集的市中心原本就不乏醫療診所再設新站未必能有效提升施打率如此一國多制、一週數變導致資源重複投入應先參照既有的施打站地點進行更具計畫性與針對性的拓點。
另外高虹安提出疑問已經啟用5個月的疫苗預約平臺目前的用量如何？為何光是「租用」的委外費用就要將近2億？政府可曾想過平臺的進退場規劃？
民眾黨團認為全台歷經三級警戒民生經濟受創至今還在療傷接下來進入疫情關鍵期四大公投、春節返鄉潮都是可能的疫情破口台灣禁不起再一次疫情警戒升級政府應妥善分配防疫資源提供明確且有效的疫苗施打誘因勿將公帑浪費在防疫大內宣避免Omicron變異株突破我國防疫安全網。</t>
  </si>
  <si>
    <t>疫苗接種政府施打賴香伶防疫誘因表示民眾疫情有效提供地區公司變異截至平臺警戒</t>
  </si>
  <si>
    <t>新冠肺炎台灣誘因賴香伶民眾黨團</t>
  </si>
  <si>
    <t>誘因臺灣賴香伶肺炎民眾黨</t>
  </si>
  <si>
    <t>猝死危險疫苗台大權威az說話長者</t>
  </si>
  <si>
    <t>疫苗台大感染長者開放外界其實來看民眾兒童資料猶豫危險震驚該不該表示出現沒有訊號李秉穎教授家中權威長輩</t>
  </si>
  <si>
    <t>疫苗長者李秉穎表示az老人死亡不良反應接種出現沒有外界猝死昨天預期休克過敏性指出過世感染以上訊號</t>
  </si>
  <si>
    <t>李秉穎AZ長者疫苗危險</t>
  </si>
  <si>
    <t>az長者疫苗李秉危險</t>
  </si>
  <si>
    <t>京元電確診陽性</t>
  </si>
  <si>
    <t>爆發移工群聚感染的京元電子竹南廠緊急大規模快篩截至3日晚上11時共篩檢1915人快篩陽性51人陽性率達258％已於隔離宿舍隔離並採檢PCR。封裝測試廠京元電竹南廠爆發員工群聚感染累積確診者高達45人該</t>
  </si>
  <si>
    <t>竹南感染爆發隔離累積pcr陽性率封裝京元測試員工截至廠京電子緊急已於宿舍確診陽性</t>
  </si>
  <si>
    <t>爆發移工群聚感染的京元電子竹南廠緊急大規模快篩截至3日晚上11時共篩檢1915人快篩陽性51人陽性率達258％已於隔離宿舍隔離並採檢PCR。
封裝測試廠京元電竹南廠爆發員工群聚感染累積確診者高達45人該公司3日啟動自費快篩京元電準備將旗下新竹及銅鑼等廠區共約7300名員工分批載到竹南廠接受快篩不過截至3日深夜僅完成1915人快篩其中51人快篩陽性。
不少京元電子員工眷屬紛紛在縣長徐耀昌臉書留言希望縣長能到京元電子辦公室、產線看一下工作環境、傾聽員工的心聲擔心疫情擴展下去苗栗恐成萬華第二。也有網友反應請縣長強制執行京元電子居家辦公、分流同時停工消毒避免疫情擴散。
此外為穩定疫情新竹市政府4日緊急在新竹科學園區拖吊場空地成立專案大型快篩站將以園區廠商為單位替移工進行篩檢目前已派大批國軍進駐協助。</t>
  </si>
  <si>
    <t>員工京元電子縣長疫情新竹竹南緊急感染截至陽性隔離爆發目前萬華網友</t>
  </si>
  <si>
    <t>京元電子快篩移工陽性確診</t>
  </si>
  <si>
    <t>電子陽性京元確診</t>
  </si>
  <si>
    <t>檢驗口罩公佈上工美女結果立刻沒想</t>
  </si>
  <si>
    <t>內湖壹電視電視台傳出攝影師猝死陳屍廁所採檢結果出爐是確診新冠肺炎電視台連忙全面清消內部北市府也立刻設置快篩站對166名員工進行篩檢目前11人快篩呈陽性所幸PCR檢測都是陰性對此美女主播許耀雲也</t>
  </si>
  <si>
    <t>電視臺傳出攝影師對此美女猝死陰性廁所陳屍全面連忙內部檢測肺炎市府結果出爐pcr</t>
  </si>
  <si>
    <t>內湖壹電視電視台傳出攝影師猝死陳屍廁所採檢結果出爐是確診新冠肺炎電視台連忙全面清消內部北市府也立刻設置快篩站對166名員工進行篩檢目前11人快篩呈陽性所幸PCR檢測都是陰性對此美女主播許耀雲也公佈自己的快篩結果「從來沒想過有一天會戴著口罩播新聞」。
主播許耀雲知道快篩結果呈陰性之後立刻返回工作崗位戴上口罩繼續播報新聞事後她也感慨在臉書發文「從來沒想過有一天會戴著口罩播新聞更不用說每天播新聞沒有想到有一天疫情就在你身邊」她也向粉絲們報平安透露第一階段快篩結果是陰性暫時可以鬆一口氣。
許耀雲感謝親朋好友的關心「也希望所有同事平安無事身體健康才是王道」粉絲們也紛紛留言為她加油打氣「沒事就好」、「希望全體主播都沒事」、「一切平安吉祥我們一起加油」、「健康才是一切的根本耀雲加油」、「祝福全體同仁平安健康」、「平安就是福」。
但也有網友提醒許耀雲「快篩陰性不一定是安全唷！最好還要做PCR~確定是陰還是陽！」、「等待等待要多驗幾次才安全」對此許耀雲回覆「快篩、PCR都會做哦！現在只是暫時鬆口氣～謝謝」更有人暖心祈禱「新聞從業人員很辛苦外表光鮮下收入其實也不算高期待所有新聞人都健健康康平安度過這次疫情」。</t>
  </si>
  <si>
    <t>新聞許耀雲結果陰性平安健康電視臺立刻安全希望口罩暫時沒事對此</t>
  </si>
  <si>
    <t>主播許耀雲快篩PCR新冠肺炎</t>
  </si>
  <si>
    <t>pcr許耀雲肺炎</t>
  </si>
  <si>
    <t>專欄日圓走勢趨勢期貨匯率</t>
  </si>
  <si>
    <t>美國資料表現製造業指數強勢加上近期經濟進度優於逐步推進減少市場復工就業人數預期表示支持公佈就業川普有望總統逐步</t>
  </si>
  <si>
    <t>市場疫情相對指數製造業維持有望風險肺炎強勢期貨資料美國歐元留意近期央行降息期交所表現回溫大幅加以</t>
  </si>
  <si>
    <t>回溫肺炎歐元兌美元期貨強勢留意</t>
  </si>
  <si>
    <t>歐元期貨強勢肺炎留意回溫</t>
  </si>
  <si>
    <t>迎接新年死亡美國</t>
  </si>
  <si>
    <t>新冠肺炎肆虐全球已過一年全球8600多萬人染疫近200萬人死亡美國災情最嚴重至今死亡35萬人染疫人數兩千萬人。加州病情最嚴重部分醫院甚至達到140%收治率而部分醫院因為忙不過來亟需輸氧的重症病患甚至</t>
  </si>
  <si>
    <t>醫院部分嚴重甚至死亡全球亟需輸氧忙不過來美國至今加州病情萬人染肆虐重症收治達到人數災情肺炎</t>
  </si>
  <si>
    <t>新冠肺炎肆虐全球已過一年全球8600多萬人染疫近200萬人死亡美國災情最嚴重至今死亡35萬人染疫人數兩千萬人。加州病情最嚴重部分醫院甚至達到140%收治率而部分醫院因為忙不過來亟需輸氧的重症病患甚至得等上18小時更有不少醫院乾脆暫停救護車進入。很多殯葬業者喪禮已經排到今年4月了。
我剛從台灣到美國在此耶誕節及新年期間這裡沒有華麗只有滄桑。僝僽故事聽不完道不盡。我的朋友和同事都有人中標留下嚴重後遺症。在芝加哥的布魯諾一家人先後確診新冠肺炎年邁雙親更不敵病毒摧殘10天內相繼過世。染疫原因是姊姊帶著爸媽來家幫他理髮順便來看看弟弟及兒子但2、3天後結婚59年的父母雙雙染疫身亡染病後倖存的兒子悔恨地說「如果我懂得節制做出小小犧牲沒有和我媽媽相處那幾十分鐘他們現在都還會活著。」
去年11月感恩節帶來的惡果社會還沒有消耗完畢現在又來一個耶誕節及新年。預估全美逾8450萬人擬在年終耶誕假期期間出遊等於美國1/3的人口都要出遊白宮公衛專家說新年以後的兩周將是新冠肺炎高潮估計死亡人數將達40萬人真可說是「死亡新年」。
此次美國疫情失控很多學者都開始檢討西方價值觀對這次疫情蔓延的因素。其實也不是西方價值觀皆非而是西方價值觀裡某些元素如個人主義及其衍生的集體行為不足取。
這次美國新冠肺炎蔓延最主要是剛開始大家都不戴口罩台灣和亞洲人深受SARS的恐懼很早就戴上美籍亞洲人也很早就戴上還頻遭騷擾甚至暴力相向西方一向認為只有生病的人才戴口罩到了去年6月有些地方才規定在室內要戴口罩。但川普卻一直要表現英雄主義各種場合還是不戴口罩上行下效。
這些人認為戴口罩是私人行為自己應該有權利決定也成為大選的議題之一殊不知雙方都戴口罩可以避免傳染85%絕對不是個人行為而是公眾行為況且不戴口罩引發新冠肺炎必須用到公共健康資源也不是個人的事。
其實美國歷史上並不崇尚個人主義清教徒移民美國在英國出發之前就已設下嚴格規範有紀律過團隊生活才能抵抗印第安人。個人主義長久以來在歐美意味著自力更生不靠政府不靠父母這種精神擴展延續到第二次世界大戰60年代才開始步入自私的個人主義一如台灣的「只要我喜歡有什麼不可以」。
而這種自私的個人主義後來演變成西方文化的種種缺陷例如崇尚離經叛道摧毀傳統價值觀解構各種事務。甚至現今的贏者全拿導致國家分裂、財富分配不均也是去年美國無窮無盡的示威最關鍵的源頭。
這次假期美國人就不願犧牲血拚、出遊、與親友相聚的機會一定要及時行樂其實等明年大家都打了疫苗再來狂歡也不遲最悲哀的是青壯年人士在外面狂歡後把病原帶回家感染了父母及祖父母老人家體弱死亡率高縱使倖存身體健康也大打折扣造成一家的困擾。這種自私的個人主義台灣更應該避免。</t>
  </si>
  <si>
    <t>美國個人主義口罩甚至西方新年肺炎臺灣沒有父母去年價值觀醫院其實出遊</t>
  </si>
  <si>
    <t>父母主義美國醫院肺炎</t>
  </si>
  <si>
    <t>肺炎主義父母醫院美國</t>
  </si>
  <si>
    <t>通路茂綸電子雙增業績</t>
  </si>
  <si>
    <t>日商Macnica集團旗下專業IC通路商茂(6227)今日公告5月合併營收7億元月增34％年增91％主要在於資料中心及雲端服務相關應用產品出貨量持續成長加上東南亞國家陸續解封客戶拉貨力道明顯回溫。茂綸表示近</t>
  </si>
  <si>
    <t>明顯專業ic通路商今日公告合併客戶解封中心陸續雲端服務國家相關東南亞加上應用產品成長出貨量持續</t>
  </si>
  <si>
    <t>日商Macnica集團旗下專業IC通路商茂(6227)今日公告5月合併營收7億元月增34％年增91％主要在於資料中心及雲端服務相關應用產品出貨量持續成長加上東南亞國家陸續解封客戶拉貨力道明顯回溫。
茂綸表示近期全球新冠肺炎疫情延燒推升遠距辦公會議、線上教學及家庭娛樂等雲端服務市場快速成長帶動資料中心、雲端伺服器及高效能運算系統(HPC)需求持續增溫公司相關產品線在雲端運算及網路傳輸相關的高階解決方案出貨量均有明顯提升。
根據Cisco預估2016-2021年全球資料中心流量的年複合成長率可達25％而全球超大型資料中心數量建置明年將可達到628座年成長率約15%可見全球資料中心軟硬體市場成長動能十分強勁茂綸深耕網路通訊傳輸及資料中心運算等領域超過10年將可望持續受惠此波全球雲端服務商機。
茂綸進一步表示5月合併營收月增率及年增率均維持正成長除了資料中心需求強勁外亦受惠越南、馬來西亞、泰國等東南亞國家逐步解除封城令上下游產業供應鏈逐步恢復正常以目前訂單狀況來看下游系統大廠客戶的拉貨力道持續回溫上半年營運可望維持穩健成長。
此外茂綸第2季開始推出的大型商用AI自動清潔機器人預估今年內可望貢獻營收獲利表現將持續與其他軟硬體及系統整合廠廠商合作開發人臉辨識、AI機器人、智慧監控、物聯網、自駕車等高階終端應用產品期逐步從IC通路商轉型為軟硬體及服務全方位整合方案供應商。</t>
  </si>
  <si>
    <t>資料中心持續全球成長雲端服務逐步系統可望產品硬體運算ai相關機器人預估ic國家明顯通路商</t>
  </si>
  <si>
    <t>茂綸新冠肺炎高效能運算系統HPC資料中心</t>
  </si>
  <si>
    <t>高效能運算系統肺炎hpc資料中心茂綸</t>
  </si>
  <si>
    <t>大典放寬參加就職人數總統</t>
  </si>
  <si>
    <t>台灣昨再度0確診本土病例連續第28天沒有疫情中央流行疫情指揮中心表示代表台灣社區已經安全。不過指揮官陳時中指出國外疫情仍然嚴峻但若國內疫情持續穩定他會建議520總統就職大典放寬參加人數。台灣維持44</t>
  </si>
  <si>
    <t>疫情臺灣放寬病例就職大典本土連續總統建議穩定持續國外中心指出安全社區已經表示陳時中代表指揮官參加確診沒有中央流行國內嚴峻</t>
  </si>
  <si>
    <t>台灣昨再度0確診本土病例連續第28天沒有疫情中央流行疫情指揮中心表示代表台灣社區已經安全。不過指揮官陳時中指出國外疫情仍然嚴峻但若國內疫情持續穩定他會建議520總統就職大典放寬參加人數。
台灣維持440例新冠肺炎確診包括349例境外移入、55例本土病例、36例敦睦艦隊艦隊成員目前還未全體出院。指揮中心專家小組召集人張上淳說雖然官兵都很年輕但因仍需三採陰才能解除隔離還需要一點時間。
陳時中表示新冠肺炎在全球的康復率僅34％台灣維持440例、康復率高達83％都要感謝醫界努力但有鑒於國際還是有大規模流行邊境管理要持續加強台灣應該發起「樂活防疫」高高興興來抗疫。
台灣連續28天沒有新冠肺炎本土確診案例是否比照過去登革熱及SRAS經過2周潛伏期無確診就宣佈解除本土疫情警示？陳時中說因為登革熱不是全世界發生目前疫情境外情況仍然嚴峻因此仍要嚴守相關規範暫不會解除本土疫情警示但會持續放寬相關活動人數。
陳時中強調2個潛伏期過後代表台灣是一個安全的社區但還不需要全面篩檢高風險社區或是場所例如醫護人員他強調目前高風險的醫療人員若有症狀都會篩檢。
520總統就職大典即將到來陳時中表示如果疫情更穩定會建議總統就職典禮可以放寬參加人數。</t>
  </si>
  <si>
    <t>臺灣疫情本土確診目前表示持續陳時中解除社區肺炎總統人數放寬潛伏期強調中心流行登革熱</t>
  </si>
  <si>
    <t>社區陳時中本土病例台灣疫情</t>
  </si>
  <si>
    <t>臺灣陳時中病例本土疫情社區</t>
  </si>
  <si>
    <t>時中沒有旅館防疫必要</t>
  </si>
  <si>
    <t>新冠肺炎嚴重影響觀光產業旅客紛紛擔憂入住隔離者下榻的旅館旅館業者自製標籤區隔防疫旅館對此中央流行疫情指揮中心指揮官陳時中表示並沒有必要。臺北市旅館商業同業公會宣佈自製分流標章自救以綠標代表不接</t>
  </si>
  <si>
    <t>旅館自製影響觀光產業旅客紛紛擔憂嚴重入住宣佈隔離同業公會商業陳時中指揮官中心臺北市必要沒有自救表示指揮疫情流行中央防疫</t>
  </si>
  <si>
    <t>新冠肺炎嚴重影響觀光產業旅客紛紛擔憂入住隔離者下榻的旅館旅館業者自製標籤區隔防疫旅館對此中央流行疫情指揮中心指揮官陳時中表示並沒有必要。
臺北市旅館商業同業公會宣佈自製分流標章自救以綠標代表不接受居家檢疫或隔離者入住紅標代表是防疫旅館貼在大門及櫃檯處讓一般旅客可以清楚分辨。
稍早臺北市長柯文哲表示將一般旅客與有隔離需求的旅客分開是為了讓消費者安心入住但沒有綠標的旅館客流將受到嚴重影響甚至有標籤化的疑慮。
對此表示陳時中隔離者都在適當的安置場所並沒有公開防疫旅館的必要。</t>
  </si>
  <si>
    <t>旅館隔離旅客表示沒有防疫入住影響臺北市一般嚴重自製陳時中標籤代表必要觀光產業分辨可以流行</t>
  </si>
  <si>
    <t>防疫旅館陳時中隔離者旅客入住</t>
  </si>
  <si>
    <t>隔離陳時中旅客旅館防疫</t>
  </si>
  <si>
    <t>疫情預言發展確診連續不必社區</t>
  </si>
  <si>
    <t>疫情指揮中心昨日公佈新增1本土個案不過衛福部草屯療養院醫師沈政男表示該案是舊案對社區並沒有影響且台灣實質上已有34天零確診接下來的疫情發展會跟去年下半年一樣緩和並認為「不用急著搶打第二劑疫苗</t>
  </si>
  <si>
    <t>疫情不用認為緩和新增下半年公佈本土去年個案衛福部發展草屯療養院醫師沈政男接下來表示舊案確診社區沒有影響</t>
  </si>
  <si>
    <t>疫情指揮中心昨日公佈新增1本土個案不過衛福部草屯療養院醫師沈政男表示該案是舊案對社區並沒有影響且台灣實質上已有34天零確診接下來的疫情發展會跟去年下半年一樣緩和並認為「不用急著搶打第二劑疫苗」。
沈政男昨（19）日於個人臉書分析新增的本土也是舊案因此台灣實質上已有連續34天沒有新增確診個案疫情緩和程度等同於去年5月中旬接下來會持續穩定和去年下半年一樣「既然如此為什麼你要急著預約打第二劑？弄得網頁當機疫苗站大排長龍」疫苗一定打得到不必急到連幾天都不能等。
沈政男分享美國前國務卿鮑爾年紀高達80多歲曾打過兩劑BNT但仍確診新冠肺炎算突破性感染且重症死亡。美國在今年7月的研究顯示打兩劑BNT幾個月後保護力雖然僅剩下42%但預防重症還是相當有效但感染輕症的機會並不低。
沈政男呼籲若家中有長輩更應該讓他們去打保護力最好的疫苗因為這族群是突破性感染重症高危險群沈政男日前也在臉書分享疫苗保護力最高的組合依序為兩劑莫德納、AZ加莫德納、兩劑BNT、AZ加BNT最後才是兩劑AZ。
先前指揮中心也說不排除11月開放疫苗混打沈政男認為若莫德納到貨量夠的話也應該開放莫德納供民眾混打好讓民眾取得最好的保護力因為選擇保護力好的疫苗不僅僅是保護自己也是一種社會責任的展現。</t>
  </si>
  <si>
    <t>沈政男疫苗保護兩劑確診重症感染bnt莫德納疫情美國去年分享個案應該認為緩和沒有新增本土突破性</t>
  </si>
  <si>
    <t>混打新冠肺炎台灣零本土確診個案</t>
  </si>
  <si>
    <t>肺炎臺灣本土確診個案混打</t>
  </si>
  <si>
    <t>北市咖啡旅行社主管</t>
  </si>
  <si>
    <t>又是喝咖啡染疫！臺北市旅行社日前公告公司內某主管（案335）4月2日確診新冠肺炎中央流行疫情指揮中心證實他曾與案291曾一同喝了1小時的咖啡疑似因此中招。旅行社指出該員雖沒有業務也無與其他同事互動但3</t>
  </si>
  <si>
    <t>旅行社咖啡業務沒有該員指出流行疫情中央肺炎指揮確診日前主管臺北市公告</t>
  </si>
  <si>
    <t>又是喝咖啡染疫！臺北市旅行社日前公告公司內某主管（案335）4月2日確診新冠肺炎中央流行疫情指揮中心證實他曾與案291曾一同喝了1小時的咖啡疑似因此中招。旅行社指出該員雖沒有業務也無與其他同事互動但3月30日曾短暫到會議室介紹講課老師公司得知他確診後已進行全面消毒更宣佈暫停營業至4月13日14日才恢復上班。
根據旅行社公告經臺北市衛生局通報4月2日有同仁確診新冠肺炎經查此同仁為代理部主管因屬新成立部門該部僅該員1人該部完全沒業務與其餘同事更無互動但3月30日早上10時30分他有在會議室介紹講課老師約8分鐘後離開當時未有發燒症狀且全程配戴口罩。
衛生局也已於4月3日到旅行社場勘與瞭解初步認定被感染的風險很低公司也在2日實施辦公室全區消毒。該旅行社宣佈暫停開放辦公室及實施人員健康管理至4月13日4月14日恢復上班。
疫情指揮中心昨亦證實案335為50多歲男性因多日腹瀉不適曾至診所及醫院就醫3月20日與案291喝了1小時的咖啡3月23日發病曾2度就診未緩解因得知案291確診於31日再度就醫當天即收治負壓隔離病房採檢、4月2日確診相關接觸者居家隔離中。
外傳案335多次進出外交部可能與工作內容有關疫情指揮中心發言人莊人祥說經瞭解案335說與外交部「沒有什麼關係」。
交通部觀光局主祕的兒子（案277）日前從國外返台駐桃園機場主管帶著下屬（案269）前往接待等待時間也喝了半小時的咖啡導致下屬被傳染新冠肺炎還牽連到5歲的兒子。這回案335是此波疫情當中第二例因喝咖啡中鏢。</t>
  </si>
  <si>
    <t>旅行社確診咖啡疫情公司主管指揮肺炎中心小時日前沒有下屬該員兒子瞭解得知就醫公告</t>
  </si>
  <si>
    <t>喝咖啡咖啡肺炎疫情指揮中心互動</t>
  </si>
  <si>
    <t>肺炎疫情咖啡中心指揮互動</t>
  </si>
  <si>
    <t>境外本土百貨公司連兩天</t>
  </si>
  <si>
    <t>新冠肺炎疫情趨緩中央流行疫情指揮中心今公佈國內新增4例確定病例均為境外移入個案其中3人為突破性感染1人曾在印尼確診後復陽。復陽個案雙十連假曾有過北市某百貨公司足跡該百貨公司也為此進行清消不過</t>
  </si>
  <si>
    <t>個案疫情百貨公司指揮中心印尼足跡公佈國內新增確定病例境外北市中央曾有流行確診</t>
  </si>
  <si>
    <t>新冠肺炎疫情趨緩中央流行疫情指揮中心今公佈國內新增4例確定病例均為境外移入個案其中3人為突破性感染1人曾在印尼確診後復陽。復陽個案雙十連假曾有過北市某百貨公司足跡該百貨公司也為此進行清消不過由於Ct值32指揮中心研判對社區的影響低。另今日國內無新增染疫死亡案例。
今日新增4例境外移入個案為3男、1女介於20多歲至50多歲分別自菲律賓(案16420)、美國(2例案16421、案16422)及印尼(案16423)入境入境日介於今年9月17日至10月11日皆持有搭機前3日內檢驗陰性報告。
醫療應變組副組長羅一鈞表示4名境外移入個案都曾接種疫苗其中的案16420、16421、16422屬於突破性感染分別接種嬌生、BNT和嬌生都是接種後滿14天才確診。第4位案16423曾接種過2劑AZ但是中間都已經在印尼確診因此不屬於突破性感染。
對於今日有媒體報導北市明耀百貨宣佈停業1天進行消毒。羅一鈞表示案16423因工作需求自費採檢確診雙十連假去過北市的百貨公司因此需消毒不過從檢驗結果看來因個案7月曾確診屬於復陽Ct值32病毒量低IgM陰性、IgG陽性依照SOP還是需要清消。目前研判個案對社區的影響低但是相關的匡列仍會進行。
截至目前國內累計1萬6313例確診分別為1676例境外移入1萬4583例本土病例36例敦睦艦隊、3例航空器感染、1例不明及14例調查中；另累計110例移除為空號。去年至今累計846死其中834例本土居住縣市分佈為新北市412例、臺北市319例、基隆市29例、桃園市27例、彰化縣15例、新竹縣13例、台中市5例、苗栗縣3例、宜蘭縣及花蓮縣各2例新竹市、南投縣、雲林縣、台南市、高雄市、屏東縣及台東縣各1例；另12例為境外移入。
指揮中心呼籲民眾應落實手部衛生、咳嗽禮節及佩戴口罩等個人防護措施減少不必要移動、活動或集會避免出入人多擁擠的場所或高感染傳播風險場域並主動積極配合各項防疫措施共同嚴守社區防線。</t>
  </si>
  <si>
    <t>確診個案感染今日國內進行指揮中心境外北市措施接種印尼累計分別社區屬於陰性突破性檢驗</t>
  </si>
  <si>
    <t>新冠肺炎第12輪默德納AZBNT</t>
  </si>
  <si>
    <t>肺炎默德納azbnt</t>
  </si>
  <si>
    <t>關鍵原因轉彎海軍曝光</t>
  </si>
  <si>
    <t>海軍敦睦艦隊24位官兵原本拒絕疫調高雄市長韓國瑜下最後通牒才終於配合。如今海軍「轉彎」願意配調的關鍵內容也跟著曝光原來是高市府請來海軍軍官「坐鎮」直接到疫調中心幫忙打電話引導這才讓拒絕疫調官兵卸</t>
  </si>
  <si>
    <t>海軍拒絕官兵內容曝光原來關鍵配調願意轉彎如今最後通牒市府配合終於請來韓國瑜軍官原本市長高雄中心</t>
  </si>
  <si>
    <t>海軍敦睦艦隊24位官兵原本拒絕疫調高雄市長韓國瑜下最後通牒才終於配合。如今海軍「轉彎」願意配調的關鍵內容也跟著曝光原來是高市府請來海軍軍官「坐鎮」直接到疫調中心幫忙打電話引導這才讓拒絕疫調官兵卸下心防這回終於「接獲上方指示」乖乖服從配合疫調。
海軍敦睦艦隊高雄有12人染疫市府後續疫調追蹤第一時間有92人拒絕疫調事後降低為24人這些人拒絕疫調的理由竟是「未接獲上級指示」。衛生局強硬表示若拒絕疫調可依傳染病防治法罰6萬至30萬直到今天下午近4時才確定這24人願意接受疫調。
是什麼原因讓這24名改變心意？衛生局透露主要是透過中央流行疫情指揮中心協助與國防部溝通後今天海軍司令部立即派了兩名軍官到高市府1人留在市府疫調中心協助打電話循循善誘引導除了確認電話疫調真實性外也告知這24人事關重大及利害關係必須要配合疫調這才讓這些人卸下心防願意吐實。
衛生局指出其實電話疫調有制定SOP講話過程必須全程錄音存檔備查衛生局在疫調時會表明CDC已提供疫調資料或可請對方回撥電話增加可信度。另對話會引述「您好我是OO區衛生所OOO護理師請問你是OOO嗎？身分證字號ＸＸＸＸＸＸＸＸＸＸ嗎？」
疫調人員致電時也必須提到「因敦睦艦隊事件要向您進行疫情調查過程中您的陳述依行政程式法可進行錄音如有不實、拒絕或規避高市衛生局依傳染病防治法第36條或第43條開罰」。結束後才會開始進行疫調。</t>
  </si>
  <si>
    <t>衛生局拒絕海軍必須願意進行配合市府中心艦隊敦睦疫情終於過程錄音協助ooo</t>
  </si>
  <si>
    <t>海軍衛生局電話艦隊海軍</t>
  </si>
  <si>
    <t>海軍衛生局艦隊電話</t>
  </si>
  <si>
    <t>全球股市蘋果</t>
  </si>
  <si>
    <t>蘋果17日美股盤後發布營收預警稱新型冠狀病毒肺炎疫情將影響iPhone生產導致供貨不足且抑制大陸對蘋果產品的需求本季（1到3月）營收財測目標可能無法達標。這也是美國首家將受新冠肺炎影響而公告獲利預警的重</t>
  </si>
  <si>
    <t>影響肺炎蘋果預警達標無法可能大陸發佈抑制不足美國首家目標產品供貨導致需求生產</t>
  </si>
  <si>
    <t>蘋果17日美股盤後發布營收預警稱新型冠狀病毒肺炎疫情將影響iPhone生產導致供貨不足且抑制大陸對蘋果產品的需求本季（1到3月）營收財測目標可能無法達標。這也是美國首家將受新冠肺炎影響而公告獲利預警的重量級大型企業。
受此利空摜壓全球股市週二倒成一片亞股幾乎全面大跌日股收盤重挫14％韓股挫低15％港股下滑154％。新加坡股市跌勢較微緩和收跌051％而上證收盤則微漲005％。
歐洲股市也是慘綠。英股盤中下跌09％德股下挫07％法股下滑04％泛歐STOXX 600指數下跌05％。
18日美股早盤三大指數開黑蘋果股價下滑24％報3171美元台積電ADR挫跌321％報5636美元。
蘋果於1月底公佈業績時預估本季營收將介於630億至670億美元之間該公司17日並未更新財測數字僅說原財測營收目標恐難達成且大陸的情勢不斷變化將在4月發布業績時公佈更多消息。
蘋果指出代工廠回復生產的速度「比預期更慢」iPhone可能出現供貨吃緊暫時影響全球銷售。
此外大陸的蘋果商店和合作夥伴的門市關閉也將對產品銷售帶來衝擊。許多商店縮短營業時間而且客流量非常低。
不過蘋果亦表示公司將逐步重啟門市儘快回復營業而大陸以外市場對蘋果產品和服務的需求依然旺盛並且符合預期。
蘋果發布獲利預警凸顯新冠肺炎疫情對全球企業和市場引起連鎖反應衝擊手機銷售和大宗商品價格並造成各產業生產延誤。
此外蘋果示警營收無法達標意味著大陸是蘋果昔日的優勢如今也成為最大的挑戰之一。蘋果一方面倚重大陸充足、低成本的勞工一方面受惠於大陸消費者購買蘋果產品。新冠肺炎重創大陸蘋果對大陸的雙重依賴也讓公司面臨考驗。</t>
  </si>
  <si>
    <t>蘋果大陸生產下滑公司發佈影響肺炎預警產品衝擊股市銷售回復企業預期市場可能</t>
  </si>
  <si>
    <t>日美股蘋果大陸肺炎下滑</t>
  </si>
  <si>
    <t>大陸肺炎蘋果下滑</t>
  </si>
  <si>
    <t>利機今年登頂獲利通路電子業績成長</t>
  </si>
  <si>
    <t>利機(3444)通過上半年財報累計上半年稅後盈餘5877萬元每股稅後盈餘15元較去年同期成長16%毛利率達31%已連續五個半年度保持成長趨勢再次刷新歷史新高點表現優於市場預期。利機第二季單季營業毛利6940</t>
  </si>
  <si>
    <t>利機上半年預期市場優於表現高點去年同期歷史刷新連續再次成長趨勢半年度保持累計毛利率</t>
  </si>
  <si>
    <t>利機(3444)通過上半年財報累計上半年稅後盈餘5877萬元每股稅後盈餘15元較去年同期成長16%毛利率達31%已連續五個半年度保持成長趨勢再次刷新歷史新高點表現優於市場預期。
利機第二季單季營業毛利6940萬元較去年同期成長11%相較第一季成長4%第二季受到台幣升值影響評價認列兌換損失884萬元單季每股稅後盈餘072元。
利機表示今年上半年新冠肺炎蔓延全球除了對全球經濟帶來重大衝擊外也催化醫療、宅經濟、遠距辦公等商機發酵帶來強勁相關零組件及材料需求而宅經濟商機有助於推升筆電、伺服器、WIFI、遊戲網卡等需求利機的記憶體相關產品如FCCSP、SiP、eMMC/eMCP封測相關的QFN導線架、散熱片以及驅動IC相關的Chip Tray等產品下半年如穩定出貨今年逐季成長的趨勢仍然可期。利機7月單月合併營收7603萬元月增加7%年增加6%。
利機指出7月成長動能主要來自封測相關產品相較去年同期及6月成長23%及9%其中散熱片(Heat sink)成長動能最為強勁逐月成長跡象明顯利機兩年前開始佈局散熱片市場憑藉原廠擁有精密沖壓、電鍍等技術正積極開發較高階產品可廣泛運用3C個人裝置及資料中心等相關產業。</t>
  </si>
  <si>
    <t>相關成長產品利機經濟散熱片上半年市場帶來今年單季需求強勁趨勢商機去年同期動能</t>
  </si>
  <si>
    <t>利機FCCSPSiPeMMCeMCP</t>
  </si>
  <si>
    <t>fccspemcpsip利機emmc</t>
  </si>
  <si>
    <t>有助明年全球新廠</t>
  </si>
  <si>
    <t>為分散產能、擴大全球業務接單佈局石塑地板廠美喆-KY（8466）投資25億元的台南新廠12日舉行動土典禮董事長陳本源指出新廠2021年第一季可量產預估每月可貢獻營收超過3億元並有助公司強化全球接單佈局。美喆</t>
  </si>
  <si>
    <t>新廠全球佈局業務貢獻超過有助公司預估強化指出季可量陳本源董事長動土舉行石塑地板廠台南投資-ky典禮</t>
  </si>
  <si>
    <t>為分散產能、擴大全球業務接單佈局石塑地板廠美喆-KY（8466）投資25億元的台南新廠12日舉行動土典禮董事長陳本源指出新廠2021年第一季可量產預估每月可貢獻營收超過3億元並有助公司強化全球接單佈局。
美喆2019年合併營收3468億元年增164％稅後淨利402億元年增296％EPS 609元。董事會已在日前決議2020年每股將配發41元現金股利。
不過由於大陸市場的營收占比達1197％受到新冠肺炎疫情影響美喆2020年累計1～2月營收339億元年減3681％其中2月營收僅067億元大減714％。
美喆指出2月雖因疫情因素導致營收大減但訂單不但沒有縮減還在增加中預期3月出口成長幅度會很大全年營收還是會比2019年成長。
投資台南新廠陳本源指出早在數年前美喆已啟動投資大陸以外產能的評估2018年中美貿易戰開打後高額的關稅及中美兩強角力帶來市場高度不確定性更加堅定美喆分散產能的腳步和決心。2020年初新冠肺炎疫情蔓延引發大陸供應鏈一夕間斷鏈之風險更突顯分散產能實已刻不容緩。
陳本源表示台南新廠量產之後除了可以分散產能外也希望能夠分散市場。目前美喆的市場集中在歐洲未來希望加重力道在北美市場因此台南新廠很大的功能在於強化全球接單佈局。
美喆指出未來台南新廠量產後將可搭配大陸東莞廠調配產能及彈性接單有望推升SPC石塑地磚營收占比也將同步提升進而優化產品銷售結構並創造整體營運獲利的提升。</t>
  </si>
  <si>
    <t>產能新廠台南市場大陸分散指出投資疫情全球未來成長佈局提升</t>
  </si>
  <si>
    <t>台南新廠產能有助佈局陳本源</t>
  </si>
  <si>
    <t>新廠有助產能佈局陳本源台南</t>
  </si>
  <si>
    <t>牧師參加口出狂言染病集會禁令防疫無視</t>
  </si>
  <si>
    <t>南韓新冠肺炎疫情升溫首爾市政府日前宣佈禁止在市區內舉辦示威集會但前牧師、韓國基督教總聯合會代表會長全光勳竟無視規定在光化門前舉辦集會甚至口出狂言表示「我們就算參加集會而被感染也無所謂有病都</t>
  </si>
  <si>
    <t>集會舉辦疫情升溫市政府感染日前宣佈參加禁止肺炎市區甚至會長代表聯合會基督教門前示威韓國無所謂牧師就算</t>
  </si>
  <si>
    <t>南韓新冠肺炎疫情升溫首爾市政府日前宣佈禁止在市區內舉辦示威集會但前牧師、韓國基督教總聯合會代表會長全光勳竟無視規定在光化門前舉辦集會甚至口出狂言表示「我們就算參加集會而被感染也無所謂有病都會痊癒」之後在24日被逮捕。
綜合韓媒報導全光勳在22、23日不甩首爾市市長樸元淳的禁令在光化門舉行示威抗議還聲稱到場人數達8000人且全光勳甚至在舞臺上表示「感染（新冠肺炎）也沒關係參加集會的話病會好」。
不過首爾市政府已向警方舉報全光勳24日全光勳因為違反《選舉法》而遭到逮捕。
為了防止新冠肺炎擴散首爾市長樸元淳在日前才宣佈禁止在光化門、清溪川等廣場舉行集會遊行但全光勳卻領導「文在寅下臺泛國民鬥爭本部」強行在光化門廣場舉辦集會。而事實上全光勳過去就有不當言論紀錄早在韓國引起不少爭議。</t>
  </si>
  <si>
    <t>全光勳集會舉辦肺炎逮捕韓國市政府舉行甚至市長朴元淳參加感染禁止宣佈廣場日前表示紀錄</t>
  </si>
  <si>
    <t>新冠肺炎武漢肺炎全球COVID-19全光勳</t>
  </si>
  <si>
    <t>肺炎武漢全球covid-全光勳</t>
  </si>
  <si>
    <t>紓困成立振興貸款處理小組華南銀行</t>
  </si>
  <si>
    <t>新冠肺炎疫情擴散歐美成為重災區影響全球經濟甚劇。為因應疫情對台各產業的衝擊政府相關部會陸續推出紓困振興方案華南銀行為落實辦理各項紓困振興貸款要求各分行加強研讀相關規定更對各分行舉辦測驗以</t>
  </si>
  <si>
    <t>疫情相關振興紓困分行擴散歐美成為影響重災區全球加強經濟貸款因應要求推出台各產業衝擊政府陸續部會規定研讀辦理方案</t>
  </si>
  <si>
    <t>新冠肺炎疫情擴散歐美成為重災區影響全球經濟甚劇。為因應疫情對台各產業的衝擊政府相關部會陸續推出紓困振興方案華南銀行為落實辦理各項紓困振興貸款要求各分行加強研讀相關規定更對各分行舉辦測驗以瞭解第一線同仁是否足以專業妥善應對。
此外該行製作貸款措施「懶人包」置於官網「新冠肺炎紓困專區」詳列總行與分行諮詢視窗以即時協助客戶辦理相關貸款事宜。近日已接到不少詢問並以同理心誠懇關懷答覆客戶、協助快速申請。
總行企金部門也比照主管機關扮演「神祕客」抽查分行是否有拒絕受理客戶申請紓困貸款之情形。
為了落實加速辦理各項紓困振興貸款該行董事長張雲鵬要求各分行全力配合政府各部會所訂紓困振興方案並遵循「從寬、從速、從簡」原則辦理相關貸款成立「因應受新冠病毒疫情影響之企業紓困振興貸款處理小組」由總經理張振芳擔任召集人除了研議華南銀行推動企業紓困振興貸款業務之策略方向外並追蹤檢視全行辦理相關貸款的成效以有效協助受疫情影響之企業及民眾及時取得資金協助。</t>
  </si>
  <si>
    <t>貸款紓困分行相關振興辦理疫情協助影響客戶企業是否總行因應政府申請要求方案肺炎華南銀行詢問主管機關比照誠懇</t>
  </si>
  <si>
    <t>分行肺炎華南銀行振興協助</t>
  </si>
  <si>
    <t>肺炎華南銀行振興分行協助</t>
  </si>
  <si>
    <t>訂單新高</t>
  </si>
  <si>
    <t>長聖(6712)特管辦法細胞製備委託訂單排到明年3月今日股價開高後多空開始交戰股價在平盤附近遊移。長聖中特管辦法的細胞委託製造業務持續增加訂單已排程至明年3月6月單月營收3690萬元再創下新高年增加8</t>
  </si>
  <si>
    <t>明年訂單股價增加細胞辦法單月交戰平盤開高附近程至遊移今日持續排到業務製造製備</t>
  </si>
  <si>
    <t>長聖(6712)特管辦法細胞製備委託訂單排到明年3月今日股價開高後多空開始交戰股價在平盤附近遊移。
長聖中特管辦法的細胞委託製造業務持續增加訂單已排程至明年3月6月單月營收3690萬元再創下新高年增加88453%營收大爆發上半年度自結營收達14億元已超越了去年全年度的營收在營收持續加溫之下今年營收及獲利表現受到法人期待。
今年5月臺灣新冠疫情爆發時中國醫藥大學附設醫院即向衛福部申請對緊急重症新冠病患提供恩慈療法並獲衛福部核准使用以長聖新藥UMSC01治療四位病情非常嚴重的新冠肺炎的病患現今其中3位病患已成功出院1位病患肺部情況穩定此新藥可望成為治療重症新冠肺炎的明星藥物之一。
長聖目前在特管辦法中項目件數、核准件數、收案人數及合作醫院都領先同業在特管辦法的療效中DC治療第四期病患可達70%腫瘤控制率國內唯一通過的DC-CIK的細胞治療可達786%腫瘤控制率。長聖已向衛福部申請其他特管辦法癌症部分不需要取腫瘤組織有Gamma-Delta T(GDT)治療8種癌、DC-CIK (WT-1)治療大腸直腸癌與乳癌等新的細胞療法項目；另外在自體脂肪幹細胞ADSC治療慢性傷口主要族群為糖尿病的病患公司也預計今年第4季會通過這些產品。</t>
  </si>
  <si>
    <t>治療細胞辦法今年腫瘤醫院明年療法申請增加訂單新藥爆發核准股價專案dc-cik</t>
  </si>
  <si>
    <t>長聖特管法6月營收新冠重症</t>
  </si>
  <si>
    <t>管法重症</t>
  </si>
  <si>
    <t>專責陽性計程車成立北市確診升級裝備</t>
  </si>
  <si>
    <t>臺北市快篩陽性者數攀升臺北市副市長黃珊珊今宣佈市府將成立專責計程車隊後送快篩陽性、無症狀患者返家隔離以及協助檢測後Ct值仍小於30的確診病人至集中檢疫所由於風險較過往高因此司機裝備會有所升級</t>
  </si>
  <si>
    <t>司機過往風險檢疫所集中裝備病人確診黃珊珊小於市長宣佈市府臺北市ct成立專責檢測協助患者隔離</t>
  </si>
  <si>
    <t>臺北市快篩陽性者數攀升臺北市副市長黃珊珊今宣佈市府將成立專責計程車隊後送快篩陽性、無症狀患者返家隔離以及協助檢測後Ct值仍小於30的確診病人至集中檢疫所由於風險較過往高因此司機裝備會有所升級現有40位運將報名訓練後即可上線。
黃珊珊指出過往的防疫計程車是接送居家檢疫者去就醫或到其他住所無須太高規格的防護和訓練但新成立的專責計程車將載送恐為快篩陽性但不需要住院、去集中檢疫所的無症狀患者回家隔離因為市府不放心民眾獨自搭乘公共運輸。
黃指出今天開始只要是快篩陽性、沒症狀患者中央同意他們回家但要附上電子圍籬和居家隔離通知書讓民眾能在家裡隔離這段路程由計程車協助運送。
此外黃表示專責病房內的患者已有解隔離的條件只要是輕症、狀況不多即可參加後續檢測若Ct值大於30便可返家小於30則要送至集中檢疫所由於此種狀況的病人無須再使用救護車後送因此會由專責計程車協助。
黃承諾行駛途中計程車司機將著高級防護衣裝備比過往的防疫計程車更高級現已徵用40名勇敢的計程車司機接下來會進行訓練期望能在最近上線以便因應許多快篩陽性患者的陸續出現。</t>
  </si>
  <si>
    <t>計程車隔離患者訓練專責司機陽性檢疫所集中過往協助居家狀況黃珊珊返家市府即可症狀</t>
  </si>
  <si>
    <t>快篩陽性北市專責計程車隊快篩陽性</t>
  </si>
  <si>
    <t>陽性計程車專責北市</t>
  </si>
  <si>
    <t>痊癒婆婆葉克自責一家不孝女主播輕忽</t>
  </si>
  <si>
    <t>華視主播林彥汝上月底在臉書透露自己、老公和6歲兒子確診新冠肺炎所幸一家三口目前已返家不過林彥汝昨（19日）卻在網上透露她的婆婆、媽媽經歷了31天折磨雖然戰勝新冠病毒但卻因細菌進入血液引起敗血症</t>
  </si>
  <si>
    <t>透露林彥汝細菌上月病毒返家目前老公所幸肺炎一家兒子婆婆網上確診戰勝折磨媽媽經歷進入血液</t>
  </si>
  <si>
    <t>華視主播林彥汝上月底在臉書透露自己、老公和6歲兒子確診新冠肺炎所幸一家三口目前已返家不過林彥汝昨（19日）卻在網上透露她的婆婆、媽媽經歷了31天折磨雖然戰勝新冠病毒但卻因細菌進入血液引起敗血症最後接上葉克膜維生讓林彥汝自責不孝：「媽 對不起是我們輕忽」。
林彥汝心痛發文表示她的婆婆、媽媽歷經31天的折磨現在還在台大加護病房和病魔奮戰「媽 對不起是我們輕忽我們沒想到小小的咳嗽、腹瀉竟會演變成插管治療昨天醫生說妳已經擊敗新冠病毒了Ct值通過檢驗但細菌卻進入血液引起敗血症最後得接上葉克膜維生」。
林彥汝心繫長輩的病情她自責說：「我們真的很不孝讓妳獨自面對這些苦難拜託妳快點好起來 好嗎？」雖然林彥汝不能到醫院探視但她每天都為媽媽祈禱唸經也為所有的重症患者祈禱唸經。
同時林彥汝也寫下：「我真心的建議什麼樣的患者該送醫、誰該送檢疫所、誰該送防疫旅館政府必須更仔細的篩檢分配。尤其是有慢性病的老人家」林彥汝透露媽媽原本被送到防疫旅館隔離一早卻昏倒在門口還好被開門取餐的爸爸發現緊急送醫林彥汝回想當時情況仍心有餘悸「還有多少確診者在隔離房裡度過生死難關不得而知提醒所有的確診者家屬要多關心、多關注家人的情況」。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林彥汝媽媽防疫確診透露情況務必隔離送醫自責肺炎不孝折磨口罩</t>
  </si>
  <si>
    <t>林彥汝新冠病毒</t>
  </si>
  <si>
    <t>病毒林彥汝</t>
  </si>
  <si>
    <t>法院法制發放提出建議經濟部</t>
  </si>
  <si>
    <t>新冠肺炎疫情衝擊各產業行政院研擬待疫情趨緩後發放酷碰券刺激內需消費遭外界質疑誘因不足。立法院法制局研究報告提出3點建議包括應搭配其他補助措施或提高補助比例促進消費意願；同時考慮放寬適用店家及</t>
  </si>
  <si>
    <t>消費疫情補助衝擊意願產業促進包括提出建議報告研究發放法制法院不足誘因刺激質疑</t>
  </si>
  <si>
    <t>新冠肺炎疫情衝擊各產業行政院研擬待疫情趨緩後發放酷碰券刺激內需消費遭外界質疑誘因不足。立法院法制局研究報告提出3點建議包括應搭配其他補助措施或提高補助比例促進消費意願；同時考慮放寬適用店家及產業限制；並於政策實施前先評估現行電子支付普及率設計對消費者較友善便利的使用方式。
經濟部規畫酷碰券將以行動支付為主搭配實體之敬老卡回饋鼓勵民眾使用行動支付工具至特定店家消費可獲得25％優惠即民眾消費4千元優惠1千元。每人每月在每個電子支付平臺之優惠上限1千元最多可使用4個電子支付平臺。不過經濟部方案出爐後遭質疑受到疫情衝擊民眾及店家收入縮減卻要民眾先掏錢才能享有折扣與民意期待發放現金有落差。
立院法制局研究報告指出消費者使用酷碰券需要自行負擔購物金額的四分之三如果消費者連基本費用都難以支付根本無意願再支付額外的消費費用建議酷碰券設計必須適度搭配其他補助措施或考慮針對特殊弱勢民眾提高補助比例至超過四分之一促進民眾消費意願。
此外酷碰券需以電子支付工具使用越多不同電子支付平臺支付優惠金額越高最高每月達4千元但對於不習慣電子支付的人而言折扣優惠看的到吃不到法制局建議政策實施前應先評估現行電子支付普及率及民眾使用習慣以利設計對消費者較為便利的使用方式。
強制使用電子支付是酷碰券令人詬病之處主要是因為必須要到與指定行動支付平臺簽約合作店家消費才能使用但目前許多傳統攤商、店面不支援行動支付。而且經濟部規畫把電商、外送、與超市賣場等因疫情受惠產業排除適用酷碰券導致實際可以使用酷碰券店家或產業有限。
該報告認為疫情期間經濟低迷、消費不振此時應把酷碰券的目的反客為主以民眾使用的便利性為出發點；至於趁機鼓勵消費者及店家使用電子支付工具是否有振興電子支付產業急迫性有待商榷。</t>
  </si>
  <si>
    <t>支付使用民眾消費電子店家疫情產業消費者行動建議優惠法制報告搭配平臺設計經濟部補助衝擊發放折扣才能質疑</t>
  </si>
  <si>
    <t>新冠肺炎疫情紓困振興酷碰券立法院</t>
  </si>
  <si>
    <t>紓困振興疫情肺炎法院</t>
  </si>
  <si>
    <t>有成交流雅典娜中華</t>
  </si>
  <si>
    <t>新冠肺炎在今年重創國際體壇為了防疫無法出國開會、旅行代表台灣運動協會和國際體育單位溝通出國比賽事宜的中華奧會克服無法面對面交流的障礙透過開辦線上會議、研討會及網路線上課程受到國際奧會（IOC）</t>
  </si>
  <si>
    <t>國際無法出國重創開辦體壇受到透過防疫課程障礙交流運動協會開會面對面旅行臺灣體育單位克服溝通代表今年比賽事宜</t>
  </si>
  <si>
    <t>新冠肺炎在今年重創國際體壇為了防疫無法出國開會、旅行代表台灣運動協會和國際體育單位溝通出國比賽事宜的中華奧會克服無法面對面交流的障礙透過開辦線上會議、研討會及網路線上課程受到國際奧會（IOC）肯定未來會繼續辦理更多活動增加台灣在國際體壇能見度。
今年4月1日上任的中華奧會秘書長李玉芳表示雖然一上任就碰到新冠肺炎大流行中華奧會除了發函國際奧會、亞奧會、國家奧會聯合會及全球各國家奧會慰問期待團結度過難關也持續強化與國際及其他國家奧會的聯結例如邀請外賓以拍攝致詞影片、預錄課程影片及邀請參與中華奧會所主辦之線上課程等不同方式參與今年國內舉行的各項研習活動鞏固國際友誼及關係。
李玉芳表示中華奧會辦理奧林匹克研討會有成收到希臘奧會邀請獲頒對奧運教育活動有所貢獻的雅典娜獎「中華奧會是第5個獲獎的國家奧會也是第4個成立國家奧林匹克學院的奧會。」
李玉芳補充中華奧會也協助將國內體育活動訊息例如8月初的模擬東京奧運對抗賽、運動產業博覽會等成果獲各國際組織刊登相關新聞達25篇增加台灣能見度今年10月的東京奧運籌委會總領隊線上會議也預計邀請更多國內體育人士參與繼續為台灣宣傳。</t>
  </si>
  <si>
    <t>國際活動邀請今年臺灣中華奧運體育參與國家華奧國內課程李玉芳無法運動例如出國東京辦理繼續表示</t>
  </si>
  <si>
    <t>中華奧會國際國家奧會邀請體育</t>
  </si>
  <si>
    <t>國家國際邀請中華體育</t>
  </si>
  <si>
    <t>az不足莫德納疫苗</t>
  </si>
  <si>
    <t>台灣近日疫苗施打速度超快指揮中心27日重新開放民眾登記疫苗接種意願並新增國產高端疫苗的選項截至28日下午五點共有866萬多人完成意願登記其中仍有811萬人偏好打進口疫苗但如今我國僅剩AZ約1447萬劑、</t>
  </si>
  <si>
    <t>疫苗登記意願如今速度進口指揮中心偏好我國重新開放截至選項民眾完成下午共有施打接種僅剩新增高端</t>
  </si>
  <si>
    <t>疫苗預約登記az施打民眾意願速度莫德納狀況暫停指揮接種中心宣佈目前表示</t>
  </si>
  <si>
    <t>AZ莫德納疫苗新冠肺炎意願登記</t>
  </si>
  <si>
    <t>疫苗肺炎意願莫德納登記az</t>
  </si>
  <si>
    <t>增加富裕who人數政策死亡確診防疫非洲失敗</t>
  </si>
  <si>
    <t>「世界衛生組織」（WHO）25日舉行記者會會中WHO秘書長譚德賽警告隨著在印度發現的Delta變種病毒於全球快速傳播非洲因缺乏疫苗而岌岌可危。光上週新增確診數與死亡人數就較前1週增加近40%。相較於世界上最貧</t>
  </si>
  <si>
    <t>who相較增加秘書長譚德警告人數死亡世界確診印度新增發現上周delta變種岌岌可危病毒疫苗</t>
  </si>
  <si>
    <t>「世界衛生組織」（WHO）25日舉行記者會會中WHO秘書長譚德賽警告隨著在印度發現的Delta變種病毒於全球快速傳播非洲因缺乏疫苗而岌岌可危。光上週新增確診數與死亡人數就較前1週增加近40%。相較於世界上最貧窮的國家正缺乏疫苗富裕國卻開放社會並為低風險的年輕人接種疫苗正因為已開發國家錯誤的政策才導致全球防疫失敗。
譚德賽表示富有國家選擇為自己年輕族群施打疫苗卻不願提供疫苗給發展中國家這導致窮國手上根本沒有疫苗可以分配。「我們的世界正失敗作為全球社群我們正失敗中」
他以愛滋病與H1N1為例。當高收入國家爆發愛滋病的十多年後貧窮國才拿到抗人體免疫缺損病毒的藥物。2009年H10N1大流行這樣的事又重演一次「難道我們要重蹈覆轍」。
甚至當時還有人認為就算提供抗人體免疫缺損病毒的藥物非洲國家也沒有技術可以使用如此複雜的治療方式。「我的意思是這種態度必須成為過去式。目前防疫的關鍵就是供應問題給我們疫苗。窮人與富人之間的差距完全暴露我們世界的不公平、不公正與不平等讓我們面對他」。
WHO公共衛生緊急計畫執行主任萊恩（Michael Ryan）則解釋如果認為貧窮國家沒有技術接種疫苗那就大錯特錯了；事實上許多發展國家在大規模接種霍亂、小兒麻痺等傳染病疫苗上成果比工業化國家更好。
他強調「父權作風與殖民者的心態認為這東西我們不能給你因為害怕你不能更好的使用他；但我認真的問一句在大流行期間還要這樣？」
由WHO與全球疫苗免疫聯盟（GAVI）聯合運作的疫苗全球取得機制（COVAX）自2021年2月以來已提供132個國家9000萬劑的新冠疫苗；不過隨著印度陷入疫情高峰由於印度為疫苗生產大國導致供應成為重大問題。
世界衛生組織（WHO）高級顧問艾沃德（Bruce Aylward）證實「不論是AZ疫苗、輝瑞疫苗、嬌生疫苗我們這個月(指6月)1劑疫苗都沒拿到。每家供應商都表示無法提供現貨因為其他家廠商也同樣訂購這些產品還有部分供應商為低風險的年輕人接種疫苗。情況相當糟」。</t>
  </si>
  <si>
    <t>疫苗國家who全球提供認為世界接種導致貧窮沒有病毒失敗成為使用表示印度供應商防疫問題流行</t>
  </si>
  <si>
    <t>新冠肺炎疫苗WHO譚德賽發展中國家</t>
  </si>
  <si>
    <t>who疫苗肺炎譚德發展中國家</t>
  </si>
  <si>
    <t>終止研發藥廠默沙東疫苗</t>
  </si>
  <si>
    <t>美商默沙東藥廠（MSD）週一宣佈停止研發兩款實驗中的新冠肺炎疫苗因為初期臨床實驗顯示其防護力不佳。目前全球疫情持續擴散但已被批准使用的疫苗數量仍無法滿足大量接種需求因此默沙東退出疫苗研發讓人擔心</t>
  </si>
  <si>
    <t>疫苗研發默沙東msd週一停止宣佈目前全球疫情持續退出實驗防護力擴散顯示臨床實驗滿足批准初期中的肺炎使用數量</t>
  </si>
  <si>
    <t>美商默沙東藥廠（MSD）週一宣佈停止研發兩款實驗中的新冠肺炎疫苗因為初期臨床實驗顯示其防護力不佳。目前全球疫情持續擴散但已被批准使用的疫苗數量仍無法滿足大量接種需求因此默沙東退出疫苗研發讓人擔心疫苗不足問題更難解決。
默沙東表示該兩款疫苗注入人體後所產生的免疫反應不如新冠肺炎的康復者或已被多國批准使用疫苗的接種者。
默沙東是全球重要疫苗生產商之一因此原先有許多科學家和公共衛生專家對其疫苗寄予厚望。
但默沙東退出疫苗研發後代表能合符使用資格的潛在疫苗更少更無法解決目前龐大的接種需求來控制疫情。
根據世界衛生組織（WHO）資料目前約六十款新冠肺炎疫苗正進行人體實驗但只有包括輝瑞和莫德納等研發的少數疫苗獲得多國主管機關授權使用因此令疫苗供應量大受限制。
輝瑞和莫德納的疫苗在後期臨床階段實驗結果顯示防護力逾94％。阿斯特捷利康的疫苗在部份最後階段實驗結果顯示防護力至少62％。
默沙東停止研發疫苗後未來數周將等待兩款治療新冠肺炎藥物的試驗結果。若結果屬正面就會向各國主管機關申請使用的批准。
默沙東已跟美國政府簽下356億美元合約只要其治療藥物被批准使用就會向美國政府出貨。</t>
  </si>
  <si>
    <t>疫苗默沙東使用研發肺炎批准接種防護力實驗全球需求疫情目前停止治療輝瑞莫德納主管機關藥物多國美國政府退出</t>
  </si>
  <si>
    <t>實驗結果顯示被批疫苗肺炎研發</t>
  </si>
  <si>
    <t>研發肺炎實驗結果顯示疫苗</t>
  </si>
  <si>
    <t>武漢總領館關鍵強硬不再</t>
  </si>
  <si>
    <t>自美國新冠疫情惡化以來華府與北京雙邊關係齟齬加深美方除了不斷指責陸方隱瞞疫情更暗示病毒正是出於大陸實驗室加上最近因陸通過港版國安法而拉攏各國譴責北京。不過正當普遍認為雙邊關係惡化之際美方突然</t>
  </si>
  <si>
    <t>疫情北京惡化雙邊關係美方大陸出於實驗室加上最近正是病毒以來暗示港版國安法拉攏正當隱瞞譴責華府陸方普遍認為指責不斷齟齬加深之際</t>
  </si>
  <si>
    <t>自美國新冠疫情惡化以來華府與北京雙邊關係齟齬加深美方除了不斷指責陸方隱瞞疫情更暗示病毒正是出於大陸實驗室加上最近因陸通過港版國安法而拉攏各國譴責北京。不過正當普遍認為雙邊關係惡化之際美方突然宣佈將重啟美駐武漢總領事館格外引人關注但美國仍陷於疫情泥淖讓許多陸網民對此決定不太歡迎。
據美國有線電視新聞網報導主管立法事務的助理國務卿泰勒（Mary Elizabeth Taylor）向國會通知表示美國國務院計畫於22日左右重開美駐武漢總領事館但實際時間扔須根據具體情況決定。該通知也指出在美陸關係的關鍵時刻「美國在陸外交人員就位至關重要」。
1月新冠疫情於武漢擴散至陸全境時國務院下令非緊急人員與其家屬從武漢離境當時有上百名美國外交官與其家屬在包機之下從武漢返回美國。而根據給國會的通知中國務院指出「當強大陸疫情已改善至一定程度特別是武漢此時重啟總領館會是合適的」。
報導指出國務院準備重啟武漢總領事館的決定正值美方準備讓原先從世界各地撤回的外交人員重返原駐點。根據國務院發言人指出美國在全球的使領館都相繼進入復工階段97個城市處於復工第一階段（恢復40%工作人員）；35個城市處於第二階段（恢復40%-80%）。
美方要重啟武漢總領事館的消息也很快在陸傳開在陸社群網站微博已有850萬點閱不過多為網友吐槽的聲音如「我們不歡迎你們」、「從美國來大陸之前要先隔離兩周」、「武漢好不容易恢復了正常秩序他們又想把病毒送回武漢嗎？等自己好了再來吧？」。</t>
  </si>
  <si>
    <t>武漢美國疫情美方國務院指出總領事館決定通知恢復病毒大陸報導歡迎外交人員國會北京家屬惡化準備</t>
  </si>
  <si>
    <t>武漢總領事館美國國務院新冠病毒</t>
  </si>
  <si>
    <t>美國國務院總領事館武漢病毒</t>
  </si>
  <si>
    <t>曝光地圖最新確診激增變色</t>
  </si>
  <si>
    <t>台灣疫情爆發昨激增206例本土病例加上前天增加180例兩天內全台就增加386人確診。疾管署今日更新「本土病例地理分佈」以新北市217例佔最多、臺北市193例居次另外有3縣市因確診人數增加警示燈號一夜變色</t>
  </si>
  <si>
    <t>增加確診本土病例激增人數居次今日更新管署新北分佈地理警示天內臺北市全台加上前天爆發</t>
  </si>
  <si>
    <t>確診本土病例燈號疫情新竹分佈地理管署增加新增警示昨日基隆人數台中新北臺北市接觸指揮黃色史及旅遊</t>
  </si>
  <si>
    <t>新冠肺炎台灣確診疾管署地圖</t>
  </si>
  <si>
    <t>確診臺灣肺炎管署地圖</t>
  </si>
  <si>
    <t>意外就業</t>
  </si>
  <si>
    <t>市場就業推出及時資料加上政府商業活動傷害限制防疫嚴重疫情肺炎預期氣候就業人數連續中止嚴寒增加走勢顯示仍然</t>
  </si>
  <si>
    <t>經濟市場增加美國疫情開始就業人數措施振興人數認為資料衝擊就業推出外界減少復蘇限制勞動</t>
  </si>
  <si>
    <t>限制非農業就業人數外界顯示美國經濟</t>
  </si>
  <si>
    <t>外界美國顯示就業人數限制經濟</t>
  </si>
  <si>
    <t>面臨纏身臺灣窒息蟒蛇危機</t>
  </si>
  <si>
    <t>川普上臺後陸美對峙急遽升高加上新冠肺炎疫情催化維持逾70年的陸美台戰略三角結構面臨崩解前海基會副董長馬紹章出書提醒大家及早正視勿視兩岸和平為理所當然並提出5種崩潰模式希望台灣能在大國博奕的環</t>
  </si>
  <si>
    <t>對峙急遽臺灣希望升高模式加上崩潰提出理所當然肺炎疫情和平催化兩岸維持大國陸美正視陸美台及早戰略提醒三角</t>
  </si>
  <si>
    <t>川普上臺後陸美對峙急遽升高加上新冠肺炎疫情催化維持逾70年的陸美台戰略三角結構面臨崩解前海基會副董長馬紹章出書提醒大家及早正視勿視兩岸和平為理所當然並提出5種崩潰模式希望台灣能在大國博奕的環境中選擇對自身最有利的位置。
馬紹章擁有美國政治學博士學位曾任海基會副董事長兼副祕書長並參與規劃國民黨前主席連戰的兩岸和平之旅繼之前的《走兩岸鋼索》最近又出版《大崩潰：一次看懂美中台戰略三角》剖析他對兩岸前景的看法基本上馬紹章認為陸美台三角戰略必然崩潰民進黨正把自身的困境變成台灣的困局要跳脫當前的困境就必須先跳脫民進黨的困局。
他認為陸美台三角戰略必然崩潰並提出五種崩潰模式分別是一、抽身模式：美國出走；二、圓桌模式：兩岸簽署和平協定；三、蟒蛇模式：逐步窒息；四、烽火模式：武力統一；五、修昔底德模式：陸美軍事衝突。
抽身模式代表美國從戰略三角中抽身而出也可以說是美國出走說白一點就是棄台論。棄台論不時有人提出但並非美國的主流棄台論者認為大陸快速崛起取得台灣是早晚的事美國又不願為台灣與大陸兵戎相見與其被迫棄台不如趁還可以討價還價的時候棄台。
圓桌模式就是兩岸透過政治談判簽署和平協定但最困難的是兩岸彼此的定位問題也就是一個中國原則從李登輝、陳水扁到馬英九都曾提過但都是口頭說說從未進入實質協商。
蟒蛇模式大陸對台灣採取封鎖擠壓的戰略讓台灣逐步窒息也可以稱之為窒息模式。蟒蛇模式為兩岸關係的現在進行式外交封鎖、軍機繞台、縮減觀光客赴台都是對岸採取的窒息手段之一。
烽火模式：大陸以武力統一台灣簡單說就是武統雖然發生機率不高但不不代表不會發生特別是兩岸關係緊繃之際任何稍一不慎的擦槍走火都可能一發不可收拾。
修昔底德模式：陸美軍事衝突希臘史學家修昔底德曾如此寫道：「使戰爭不可避免的原因是雅典勢力的增長與其所造成斯巴達的恐懼。」這一句話只要把雅典換成中國大陸斯巴達換成美國即為近年來全球關切的陸美兩大強權的直接碰撞。</t>
  </si>
  <si>
    <t>模式美國臺灣兩岸大陸戰略陸美三角崩潰和平可以蟒蛇認為窒息提出海基會馬紹陸美台抽身中國</t>
  </si>
  <si>
    <t>模式台灣陸美兩岸美國</t>
  </si>
  <si>
    <t>模式臺灣陸美兩岸美國</t>
  </si>
  <si>
    <t>搶購疫苗南韓政府口服部署超前</t>
  </si>
  <si>
    <t>南韓政府超佛心表示將全額負擔新冠確診患者的新冠口服藥費用據推測每人平均藥費將超過90萬韓元（約新台幣21230元）。南韓防疫單位「中央應急處置本部」社會戰略組長孫映萊表示進口口服新冠藥物的經費將由國家</t>
  </si>
  <si>
    <t>表示南韓處置本部應急社會中央戰略組長單位防疫孫映萊口服口服藥進口台幣負擔全額平均費用藥費超過推測藥物</t>
  </si>
  <si>
    <t>南韓口服政府藥廠藥物防疫採購全額口服藥費用製藥使用今年疫苗預算目前承擔負擔表示孫映萊國家平均明年藥費</t>
  </si>
  <si>
    <t>口服南韓政府新冠全額口服藥</t>
  </si>
  <si>
    <t>政府南韓全額口服藥口服</t>
  </si>
  <si>
    <t>物資關懷團購</t>
  </si>
  <si>
    <t>新冠肺炎疫情嚴峻有感台灣許多社福團體面臨募款不易、資源捐助中斷但仍持續堅守崗位照顧弱勢族群台新銀行公益慈善基金會發起「防疫期間愛心不打烊」活動展開對社福團體的關懷不間斷、物資不停送、認購不缺席</t>
  </si>
  <si>
    <t>團體嚴峻有感不停臺灣族群台新弱勢照顧銀行堅守崗位公益慈善持續基金會中斷發起捐助物資防疫不間斷期間資源愛心關懷不易</t>
  </si>
  <si>
    <t>新冠肺炎疫情嚴峻有感台灣許多社福團體面臨募款不易、資源捐助中斷但仍持續堅守崗位照顧弱勢族群台新銀行公益慈善基金會發起「防疫期間愛心不打烊」活動展開對社福團體的關懷不間斷、物資不停送、認購不缺席及學習不中斷等行動。
台新集團常年號召同仁擔任愛心志工因應疫情問題台新志工近期雖無法實地探視社福團體但不斷透過各種關懷方式瞭解社福團體目前概況。
台新銀行公益慈善基金會日前依社福團體所需除積極媒合各界提供各種物資外亦發動台新員工參與各種關懷行動以利紓解社福團體困境。如提供抗疫物資抗菌皂、兒童口罩、醫療口罩及額溫槍以及募集兒童繪本、玩具、米糧及二手休旅車等讓物資不停送緩解燃眉之急。
有鑒於許多社福團體生產或製作的公益商品滯銷台新志工除內部定期發起團購外也邀請客戶及員工購買社福團體種植的有機無毒蔬菜及水果宅配到府讓愛心認購不缺席除幫助社福團體及農民外也能在家吃得健康安心防疫達到共好的公益循環。
為避免群聚素有口碑的微光課程則改以線上影音進行並輔以天使團資源定期於台新銀行公益慈善基金會的臉書粉絲團及YouTube影音頻道進行直播或錄影播出。
首波邀集陳永泰公益信託傳善獎、感恩社會福利基金會、萬海航運社會福利慈善基金會、安麗希望工場慈善基金會及度度客區塊鏈群眾募資分享各輔助型機構對社福團體徵件的重點之後也將陸續推出防疫心靈療育短片如瑜珈紓壓與台新銀行文化藝術基金會共同推出線上音樂會等主題讓社福團體能持續進修、精進學習不中斷而在身心靈部分也能充分得到慰藉。</t>
  </si>
  <si>
    <t>團體公益基金會慈善物資銀行防疫台新中斷關懷影音進行推出心靈資源定期兒童持續</t>
  </si>
  <si>
    <t>關懷台新銀行公益慈善基金會物資台新中斷</t>
  </si>
  <si>
    <t>慈善台新銀行物資基金會公益中斷關懷</t>
  </si>
  <si>
    <t>輕鬆疫苗至少近千人內幕曝光</t>
  </si>
  <si>
    <t>美國食品藥物管理局（FDA）尚未批准讓民眾施打追加疫苗（booster shot）不過當地已經爆發追打疫苗之亂超過900人已經完成第3劑疫苗接種有人只是告知沒打過疫苗就闖關成功。美聯社調查美國疾病管制暨預防中心</t>
  </si>
  <si>
    <t>疫苗美國已經調查fda尚未美聯社批准關成功民眾打過施打疾病追加接種完成boostershot當地爆發管理局告知管制</t>
  </si>
  <si>
    <t>疫苗接種民眾美國已經尚未藥局打過提供發現輝瑞cdcfda批准施打疾病研究病毒一直男子相關</t>
  </si>
  <si>
    <t>#新冠肺炎#全球美國第3劑追打疫苗接種</t>
  </si>
  <si>
    <t>全球美國肺炎疫苗接種</t>
  </si>
  <si>
    <t>引發蝙蝠共通研究傳染病台師大</t>
  </si>
  <si>
    <t>新型冠狀病毒被懷疑源自蝙蝠國立台灣師範大學生命科學學院教授吳忠信近日發表的跨國研究也顯示與新型冠狀病毒相似度高達96％的蝙蝠冠狀病毒引發動物感染腦心肌炎病毒後的臨床症狀跟新冠病毒引發人類的症狀有</t>
  </si>
  <si>
    <t>病毒蝙蝠引發冠狀症狀吳忠信近日生命科學學院教授發表臺灣師範大學心肌炎研究顯示相似高達臨床感染源自動物人類懷疑</t>
  </si>
  <si>
    <t>新型冠狀病毒被懷疑源自蝙蝠國立台灣師範大學生命科學學院教授吳忠信近日發表的跨國研究也顯示與新型冠狀病毒相似度高達96％的蝙蝠冠狀病毒引發動物感染腦心肌炎病毒後的臨床症狀跟新冠病毒引發人類的症狀有很多相似之處。由於蝙蝠可以跨物種將病毒感染給人類及其他動物他呼籲民眾應注意蝙蝠引發的人畜共通傳染疾病與農牧業損害。
吳忠信去年與日本名古屋大學教授本道榮一共同在《病毒學》國際期刊發表論文指出在台灣北部蝙蝠洞內採樣的東亞摺翅蝠糞便含有腦心肌炎病毒、腸道病毒F株、兔病毒、西班牙綿羊腦炎病毒等多種病毒核酸。其中腦心肌炎病毒主要宿主是老鼠且老鼠感染後沒有明顯病徵但老鼠或蝙蝠糞便若污染豬隻飼料可能造成豬隻繁殖障礙或腦心肌炎。
研究指出新冠病毒引發人類腦與心臟發炎的症狀與動物感染腦心肌炎病毒的臨床症狀類似。
研究也發現許多仔豬在生長過程中會因為罹患肺炎而導致肺部積水浸潤終致引發敗血休克死亡其症狀與死亡情形與新冠病毒肺炎有許多相似之處。
研究指出蝙蝠遍佈各大洲（僅南極洲沒有）可以跨物種傳播病毒與傳染病給人類及其他脊椎動物因此很容易引發人畜共通傳染病。奇怪的是身上感染了許多病毒的蝙蝠卻能無症狀與病毒和平共存？有研究推論蝙蝠在演化過程中可能發展出超強的DNA修復能力還能抑制病毒複製；蝙蝠體內的RNA病毒有很高的重組率因此容易造成人畜共通疾病。
雖然從蝙蝠體內可以分離或檢測到近千種病毒其中除狂犬病病毒、伊波拉病毒、SARS冠狀病毒、MERS冠狀病毒及最新爆發的新冠狀病毒被認為可能源自蝙蝠並引起人類和其他脊椎動物疾病外其他大多數蝙蝠身上的病毒目前證據並未顯示會引起人類和其他脊椎動物疾病。
不過吳忠信也強調大規模撲殺蝙蝠並非智舉。蝙蝠是陸地生態系的重要一環可幫助人類控制昆蟲數目讓人類減少使用化學殺蟲劑還可幫助植物授粉；蝙蝠的唾液或血液也可提取抗凝血藥物或特殊疾病抗體。</t>
  </si>
  <si>
    <t>病毒蝙蝠人類引發研究動物症狀疾病心肌炎指出吳忠信感染可能可以發表糞便肺炎幫助</t>
  </si>
  <si>
    <t>病毒蝙蝠人類研究症狀</t>
  </si>
  <si>
    <t>時間出院好轉個案未定確診</t>
  </si>
  <si>
    <t>中央流行疫情指揮中心12日表示11日國內新增53例武漢肺炎（COVID-19大陸稱新冠肺炎）通報個案目前累計通報1668例其中1505例已排除確診人數則維持18例。指揮中心表示目前除了首例確診個案已解除隔離其餘</t>
  </si>
  <si>
    <t>個案中心肺炎確診指揮表示目前通報covid-武漢首例維持大陸新增國內人數排除疫情解除累計流行隔離中央</t>
  </si>
  <si>
    <t>中央流行疫情指揮中心12日表示11日國內新增53例武漢肺炎（COVID-19大陸稱新冠肺炎）通報個案目前累計通報1668例其中1505例已排除確診人數則維持18例。
指揮中心表示目前除了首例確診個案已解除隔離其餘17名個案病況穩定持續住院隔離。其中狀況好轉的有10例醫師覺得需做準備計畫出院時間尚未確定。
確診個案的接觸者尚有409人持續居家隔離其中15人有症狀已通報（12人已排除、3人檢驗中）。另3日晚間自武漢返台的台商團除了4日確診個案外尚有2人在隔離住院其他244人仍在集中檢疫場所密切健康監測。醫福會執行長王必勝表示接受集中檢疫者目前狀況穩定。
除兩岸外國際間累計496例確診病例分佈於26個國家／地區病例數以國際運輸工具（日本鑽石公主號）174例、香港49例、新加坡47例、泰國33例及南韓28例為多；病例中2例死亡分別為香港及菲律賓各1例。全球已有72國實施大陸旅遊限制措施。
指揮中心強調民眾若經衛生單位通知為個案接觸者或自陸港澳入境都需依規定落實居家隔離或居家檢疫措施。違反居家隔離規定者可罰30萬元違反居家檢疫規定者可罰15萬元。
指揮中心提醒民眾應落實肥皂勤洗手、避免觸摸眼鼻口及做好咳嗽禮節。自國外入境時如有發燒、咳嗽等不適症狀應主動通報機場及港口檢疫人員並配合各項防疫措施；返國後14天內如出現疑似症狀可撥打免付費防疫專線1922戴口罩盡速就醫。</t>
  </si>
  <si>
    <t>個案確診檢疫隔離中心指揮症狀措施表示通報防疫目前病例國際入境落實大陸居家集中咳嗽武漢</t>
  </si>
  <si>
    <t>香港確診個案居家隔離肺炎檢疫</t>
  </si>
  <si>
    <t>居家個案隔離確診肺炎檢疫香港</t>
  </si>
  <si>
    <t>疫苗擴大開放民眾接種以上應戰嘉縣</t>
  </si>
  <si>
    <t>嘉義縣10日起開放65至70歲民眾接種新冠肺炎疫苗共29場擴大接種站應戰縣府指出相較1至5波逐齡調整接種第6波人口3萬8611人大幅提升因此自10日起除大埔、阿里山鄉外16鄉鎮市有29場疫苗擴大接種站提醒民眾</t>
  </si>
  <si>
    <t>接種擴大疫苗民眾開放相較大埔阿里山鄉提升人口指出鄉鎮大幅縣府應戰調整肺炎</t>
  </si>
  <si>
    <t>嘉義縣10日起開放65至70歲民眾接種新冠肺炎疫苗共29場擴大接種站應戰縣府指出相較1至5波逐齡調整接種第6波人口3萬8611人大幅提升因此自10日起除大埔、阿里山鄉外16鄉鎮市有29場疫苗擴大接種站提醒民眾依通知接種並鼓勵下一波第9及10類對象盡速上COVID-19疫苗預約系統意願登記。
縣長翁章梁說自6月15日疫苗開打以來10日將進入第6波接種服務對像是65至70歲鄉親原住民為50至60歲全縣開設29場次的疫苗擴大接種站依年齡分流通知也提醒鄉親記得多喝水充分休息下一波接種族群中央已開放預約制度提醒鄉親上疫苗施打意願登記系統登記。
衛生局長趙紋華表示全國COVID-19疫苗預約系統已於8日正式啟用供全國第9類及第10類對象意願登記至12日下午5時止嘉義縣也同步規畫18鄉鎮接種點因應上班族需求除假日場外也增設夜間接種站16日開始接種。</t>
  </si>
  <si>
    <t>接種疫苗鄉親物件登記預約提醒意願擴大系統鄉鎮全國開放民眾covid-通知義縣相較因應假日場外</t>
  </si>
  <si>
    <t>新冠肺炎台灣接種2910日</t>
  </si>
  <si>
    <t>臺灣接種肺炎</t>
  </si>
  <si>
    <t>啟動公出易物包租租戶壽險</t>
  </si>
  <si>
    <t>新冠肺炎疫情讓壽險包租公快收不到租金新光人壽決定自救已啟動「以物易物救租戶」行動即向承租的飯店等購買餐券或預訂大量外送餐點協助房客度過今年的難關。全台擁有數百棟大樓及房產的壽險業者今年要跟租</t>
  </si>
  <si>
    <t>今年壽險包租壽險業快收房產擁有租金新光人壽全台決定難關疫情自救啟動度過易物房客租戶協助行動</t>
  </si>
  <si>
    <t>新冠肺炎疫情讓壽險包租公快收不到租金新光人壽決定自救已啟動「以物易物救租戶」行動即向承租的飯店等購買餐券或預訂大量外送餐點協助房客度過今年的難關。
全台擁有數百棟大樓及房產的壽險業者今年要跟租客一起共度難關。據壽險業者公佈其帳上投資性不動產到去年底共達1兆1793億元比前年增加136％而去年全年租金收入近273億元增幅僅79％其中還含去年完工出租的南山廣場及新光人壽幾棟大樓今年又遇上新冠肺炎不少飯店承租戶快承受不住租金收益堪慮。
國泰人壽、富邦人壽、南山人壽及宏泰人壽透過壽險公會向金管會建議調整不動產租金收益率門檻及二年即時利用規定以降租金紓困金管會火速討論中預計清明假期後即有定論。
全台最大壽險包租公依舊是國泰人壽因為其不動產已採用市價開帳及列帳即真實反應其大樓、房產的價值所以國壽去年底計算租金的投資性不動產達4513億元全年租金收入104億元二項都是壽險業最高租金收入比2018年增加365億元。
去年租金增加最多的還是南山人壽因為其信義區南山廣場啟用租金收入比2018年增加1253億元南山人壽計算租金的投資性不動產有1550億元排名業界第三高全年租金收入392億元則是業界第四名。
租金收入第二名是新光人壽的4226億元因為新壽投資性不動產只有部分以市價開帳很多都用投資成本列帳因此新壽計算租金的不動產金額僅1330億元排名市場第四但實際棟數或加計市價後應可排名第二且近年有多棟陸續完工、開始收租去年租金即增295億元。
富邦人壽計算租金的投資性不動產有1890億元排名第二大去年租金收益4055億元排名第三富邦人壽還有許多地上權仍在開發中尚未有收益。
金管會正在評估如何調降壽險業投資性不動產最低收益率要求目前是中華郵政二年定儲機動利率加5碼即2095％壽險業者建議降2碼即降到1595％但金管會認為不是所有租戶都受新冠肺炎影響應限制範圍。
新壽雖是第二大地主但沒有參與「紓困」建議而採取自救方式以向承租戶以物易物訂餐、買餐券等方式變相降租。</t>
  </si>
  <si>
    <t>租金不動產壽險業投資性金管會去年排名收入今年新光人壽壽險建議人壽市價肺炎大樓收益計算南山人壽</t>
  </si>
  <si>
    <t>租金收入租金租戶壽險新壽</t>
  </si>
  <si>
    <t>壽險租戶租金收入</t>
  </si>
  <si>
    <t>治療合併中西醫曙光</t>
  </si>
  <si>
    <t>新冠肺炎疫情延燒全球醫學界加速尋找解決之道也針對中草藥在新冠肺炎的治療上進行研究。福建中醫藥研究院在本月中旬發表的「中西醫結合治療新型冠狀病毒肺炎經驗總結」研究報告中首度將台灣特有的牛樟芝列為實</t>
  </si>
  <si>
    <t>肺炎研究治療臺灣首度報告醫學界加速尋找全球經驗總結解決之道本月研究院中旬發表中醫藥中西醫福建結合病毒中草藥</t>
  </si>
  <si>
    <t>新冠肺炎疫情延燒全球醫學界加速尋找解決之道也針對中草藥在新冠肺炎的治療上進行研究。福建中醫藥研究院在本月中旬發表的「中西醫結合治療新型冠狀病毒肺炎經驗總結」研究報告中首度將台灣特有的牛樟芝列為實驗材料之一並以中西醫合併治療的方式進行在該案所收治的11位新冠肺炎患者均順利康復出院。
該研究報告指出現代藥理研究認為牛樟芝具有益胃整腸、強化免疫、抗過敏、抗癌、保護肝功能作用。醫院有五例新冠肺炎患者因使用多種抗病毒藥物出現肝損害配合牛樟芝在複方中使用可以產生預防肝損害調節免疫機能的作用。
康力生技副總經理孫中曾博士提醒消費者此份研究報告並非單一使用牛樟芝做為治療材料且僅11人的案例尚不足以證明其效果民眾若有疑似症狀應立即就醫切勿聽信坊間謠言或偏方勤洗手、戴口罩隨時做好防疫措施避免出入擁擠或密閉的公共場所降低被感染的風險。
長期與福建省中醫藥研究院進行牛樟芝產學合作的康力生技研發長、前國家中醫藥研究所長陳介甫博士指出已有多篇論文證實牛樟芝對於肝功能的活化及抗病毒均有良好的效果未來有望成為研究抗新型冠狀病毒極具潛力的材料。
孫中曾指出康力生技成立以來專注於牛樟芝產品的研究開發也獲得經濟部核定為生技新藥廠商；康力生技所使用的皿培式牛樟芝取得台灣、中國、美國、日本四地專利的牛樟芝萃取方法具有品質均一、成本合理、產量穩定的優點能將牛樟芝的有效成份提高二至六倍是做為牛樟芝植物新藥研發極具潛力的材料與技術。
康力生技現與福建中藥藥研究院進行合作也分別與工研院、中國中醫科學院進行牛樟芝植物的合作開發在初期階段均取得令人滿意的成果。</t>
  </si>
  <si>
    <t>樟芝研究康力生使用進行肺炎治療病毒材料指出中醫藥報告研究院免疫具有效果作用肝功能博士合作研發取得</t>
  </si>
  <si>
    <t>材料福建肺炎合作研究院</t>
  </si>
  <si>
    <t>福建肺炎材料合作研究院</t>
  </si>
  <si>
    <t>方攀國際專訪</t>
  </si>
  <si>
    <t>人稱中華電(2412)小金雞的是方(6561)目前中華電持股56%日前董事會通過未來幾年將砸重金投資逾20億元在內湖打造第四座機房預計2023年就會上線服務除看好市場潛在的成長力道外是方也希望將自身的基本功鍛</t>
  </si>
  <si>
    <t>中華方也道外成長看好服務上線市場預計日前機房打造董事會未來投資重金希望目前</t>
  </si>
  <si>
    <t>成長客戶idc產品雲端網路獲利未來劉耀元服務語音可以經濟後續四大毛利率中心機房方也</t>
  </si>
  <si>
    <t>是方FacebookAmazonMicrosoftGoogle</t>
  </si>
  <si>
    <t>facebookgooglemicrosoftamazon</t>
  </si>
  <si>
    <t>管委會當地預約黃山擠爆陸遊客民怨</t>
  </si>
  <si>
    <t>為了防疫已一段時間無法外出的大陸民眾快被憋壞紛紛趁著清明連假出外透氣；受到免門票政策刺激安徽黃山風景區出現報復性旅遊人潮4、5兩日迅速達到2萬人流上限當地管委會不得不採緊急限流措施要求民眾擇</t>
  </si>
  <si>
    <t>為了 防疫 已 一段時間 無法 外出 的 大陸 民眾 快 被 憋 壞 紛紛 趁 著 清明連 假 出外 透氣 受到 免 門票 政策 刺激 安徽黃山風景區 出現 報復 性 旅遊 人潮 45兩 日 迅速 達到 2萬 人流 上限 當地 管委會 不得不 采 緊急 限流 措施 要求 民眾 擇</t>
  </si>
  <si>
    <t>民眾外出大陸限流緊急不得不管委會當地紛紛上限人流清明連達到迅速出外透氣人潮受到旅遊門票報復</t>
  </si>
  <si>
    <t>為了防疫已一段時間無法外出的大陸民眾快被憋壞紛紛趁著清明連假出外透氣；受到免門票政策刺激安徽黃山風景區出現報復性旅遊人潮4、5兩日迅速達到2萬人流上限當地管委會不得不採緊急限流措施要求民眾擇期再訪或更改行程。對此有多位民眾表示未採預約制將大大降低遊客的滿意度未能達到刺激景區觀光、消費的政策美意。
為了盡快恢復景區的熱度大陸多地在三月底就陸續推出了一連串的觀光刺激政策；以黃山市來說分別於3月21日至4月3日和4月1日至14日分別推出了「大徽州串門遊」、「江淮大地串門遊」兩項旅遊方案而黃山風景區剛好重疊於兩個方案中因此連假期間前往黃山的遊客趨之若鶩。
黃山風景區管委會原於3日表示安徽省居民均享受包含黃山風景區在內的黃山市31個A級以上景區門票免費政策省內遊客出行意願較高4月3日進山遊客數量較前期有所增長；不過黃山風景區全天共接待遊客1萬0708人未達到2萬人的限制量。
不過管委會4日上午9時30分在景區網站和官方微信公眾號、微博即發出公告稱「景區進山人數已達到遊客流量限制2萬人的80％即將採取限流措施。」隨後在10時30分公佈「景區進山人數已達到遊客流量限制兩萬人停止售票。請遊客選擇其他旅遊路線或改日進山。」而這個公告一直持續到5日。
黃山導遊焦先生表示免門票再加上天氣好吸引了不少安徽省內遊客自駕而來黃山以前五一、十一、春節等高峰期接待4萬至5萬人都沒問題而疫情已讓遊客數大幅下滑。
他指出主要景點如迎客松、鰲魚峰等附近確實比較擁擠另外就是排隊等交通車、纜車時間相對較長「沒有預約制、黃山景區只開放了一個南大門這些因素使遊客得排隊兩三小時造成很多遊客滿意度大大降低。」
不過也有網友認為「留得青山在不怕沒柴燒等有空還可以出去玩還是老實待在家中為妙別自找煩惱」；另有網友稱「雖然清明想來是踏青好時節但是疫情還有個尾巴沒結束希望大家不要馬虎提前預訂安排好日程不要一窩蜂地出去遊玩。」
上海社會科學院研究員王泠一指出四月和五月是最好的春遊時節目前安徽省境內已無新冠肺炎確診人員黃山又是世界級的旅遊景點在缺乏國際遊客的前提下安徽旅遊部門激發消費和扶持產業的心情可以理解；但是人員如此高密度集聚疫情傳播的風險仍高；當局應明確預約制和更精確的限流措施來兼顧防疫與觀光。</t>
  </si>
  <si>
    <t>遊客景區黃山旅遊黃山風景區政策安徽省疫情民眾達到表示門票限流措施預約管委會刺激指出觀光可以進山</t>
  </si>
  <si>
    <t>黃山遊客景區旅遊風景區</t>
  </si>
  <si>
    <t>景區遊客黃山旅遊風景區</t>
  </si>
  <si>
    <t>體質強化有感宜蘭專案</t>
  </si>
  <si>
    <t>一場新冠肺炎年前年後兩樣情！觀光產業從航空、旅遊到飯店等都大受影響飯店業者更不得不提早備戰因應突如其來的變局。位於宜蘭五結鄉的「宜蘭綠舞觀光飯店」剛迎來兩周年面對疫情帶來的衝擊執行長藍心瑩表</t>
  </si>
  <si>
    <t>觀光飯店執行長衝擊帶來疫情面對迎來產業航空備戰提早因應不得不突如其來旅遊于宜蘭飯店業影響都大</t>
  </si>
  <si>
    <t>一場新冠肺炎年前年後兩樣情！觀光產業從航空、旅遊到飯店等都大受影響飯店業者更不得不提早備戰因應突如其來的變局。位於宜蘭五結鄉的「宜蘭綠舞觀光飯店」剛迎來兩周年面對疫情帶來的衝擊執行長藍心瑩表示2020年預估比2019年衰退兩成政府可利用這次機會正視觀光業稅負及利率調降在紓困之餘也幫助地方改造推動精緻旅遊文化以強化旅遊體質。
3月一般是度假飯店的淡季碰上疫情影響更雪上加霜綠舞的年度計畫與行銷策略是否改變目標客層又如何調整。
綠舞執行長藍心瑩表示2020年遇到疫情後主要是於品牌中建立安全意識要讓旅客知道綠舞用心做好防範新冠肺炎的基本功務必使同仁與顧客都獲得最安全保障能在綠舞引以為傲的日式庭園區感受大口深呼吸的暢快感這點是與City飯店完全不同。並藉由周年慶推出「2週年慶有你真好」、平日最高住房專案折抵2000元及搭配園區暢銷商品推399 DIY自由配等多元活動強化「一日遊」市場設計更多適合全家大小都有感的內容。
藍心瑩指出目前雖無法明確預估但如果疫情能在2020年6月獲得控制相信有助於提升第三季、暑假及第四季ITF的業績另也因上半年民眾受疫情影響無法出國國旅市場成了此時最好的選擇不過也得大家跟著政府腳步用心防疫才有機會漸入佳境。
觀光業受新冠肺炎疫情影響是不爭的現實現在影響層面更擴及全球台灣積極抗疫目前疫情仍控制在一定範圍。
藍心瑩表示基於業者的一分子希望政府能盡快擬定策略以利觀光振興可提供國內飯店、旅行社、餐廳、遊覽公司等營業稅緩繳或減稅等優惠補助措施等紓困以減少疫情對業者的衝擊。同時在此非常時期業者也應團結對內（國內旅遊）啟動市場提振消費者信心也鼓勵民眾多走出戶外接觸大自然綠舞飯店也會持續推更多住房及餐飲優惠讓我們一起養精蓄銳、迎接除疫後的觀光爆發反彈期！</t>
  </si>
  <si>
    <t>疫情飯店影響觀光旅遊市場政府業者肺炎住房優惠紓困策略</t>
  </si>
  <si>
    <t>觀光旅遊藍心瑩執行長肺炎</t>
  </si>
  <si>
    <t>藍心旅遊執行長觀光肺炎</t>
  </si>
  <si>
    <t>臨床tlc肺炎試驗方案納入首位台微受試者</t>
  </si>
  <si>
    <t>台微體（4152）14日宣佈其治療新冠肺炎（COVID-19）新方案-TLC19羥氯喹寧微脂體吸入懸浮劑第一期臨床試驗納入第一位受試者。TLC19為台微體獨家微脂體技術配方之微量羥氯喹寧（hydroxychloroquine HCQ）吸入式藥</t>
  </si>
  <si>
    <t>氯喹台微治療方案試驗-tlc臨床受試者納入懸浮劑tlc配方技術hydroxychloroquine肺炎covid-宣佈獨家hcq吸入式</t>
  </si>
  <si>
    <t>tlc藥物臨床hcq試驗吸入式肺炎受試者劑量臺灣台微劑型美國途徑病毒評估發表肺部</t>
  </si>
  <si>
    <t>微邦台微體TLC新冠肺炎受試者</t>
  </si>
  <si>
    <t>tlc台微肺炎受試者</t>
  </si>
  <si>
    <t>新希望警告知情人士不會侯友宜手軟</t>
  </si>
  <si>
    <t>本土疫情大爆發新北市市長侯友宜積極又鐵腕的作風成全台矚目焦點短時間內竄升成「藍營新希望」。桃園市議員謝美英表示從衛福部部長陳時中與民進黨立委羅致政的言語就可見民進黨帶風向、轉移焦點的能力對</t>
  </si>
  <si>
    <t>民進焦點新北市長侯友宜積極可見鐵腕作風羅致成全台黨立委矚目時間陳時中竄升部長新希望桃園謝美英</t>
  </si>
  <si>
    <t>本土疫情大爆發新北市市長侯友宜積極又鐵腕的作風成全台矚目焦點短時間內竄升成「藍營新希望」。桃園市議員謝美英表示從衛福部部長陳時中與民進黨立委羅致政的言語就可見民進黨帶風向、轉移焦點的能力對待政敵絕不會手軟疫情過後侯能否如此「神勇」就必須看侯能否挺過這關。
謝美英21日接受香港媒體《中評社》訪問表示雙北疫情大爆發侯友宜率先喊出「該封城就封城」、「準第四級警戒部署」、「建方艙醫院」霸氣的表現讓藍營看見希望陳時中則表示尚無升第四級必要羅致政甚至不客氣質疑新北市過去一年到底超前部署了什麼？侯「是瞎忙還是裝忙？」綠營的言論點燃政治煙硝。
謝美英直言防疫等同作戰這次本土疫情大作戰可以視為2024的前哨戰；現在政壇有幾支「紅牌」像是侯友宜、臺北市市長柯文哲、桃園市市長鄭文燦等人鄭礙於身為執政黨一員很多疫情政策也只能護航侯、柯兩人則擁有更多發揮的空間。她觀察目前政壇侯的戰鬥力最強侯提的建議就看陳時中怎麼接招一方面「地方領導中央」是陳所不樂見的一方面陳未來會不會選臺北市或新北市長也是值得思考的事。
面對侯友宜聲勢看漲謝美英警告國民黨不要因為看到侯這個新希望、新寄託就忘記民進黨擁有執政優勢他們很有辦法、很懂媒體操作、轉移焦點功力深厚先帶風向轉移接著整個覆蓋然後塗抹掉選民記憶這是慣用手法像現在大家緊盯疫情缺水、停電跟三階就都淡忘了。此外藍營內部尚有蠢蠢欲動者因此除了防外黨內也須謹慎以對。</t>
  </si>
  <si>
    <t>疫情謝美英侯友宜焦點陳時中市長表示新北轉移民進藍營部署現在政壇擁有新希望羅致風向</t>
  </si>
  <si>
    <t>侯友宜柯文哲新冠肺炎台灣陳時中</t>
  </si>
  <si>
    <t>肺炎柯文哲臺灣陳時中侯友宜</t>
  </si>
  <si>
    <t>苦戰客戶解約拒付租金wework</t>
  </si>
  <si>
    <t>受到新冠肺炎衝擊消息人士表示過去一個月來共用辦公室服務業者WeWork數千家客戶不是停付租金就是有意終止合約。在此同時WeWork正與大型房東洽談調降房租最高降低三成試圖減輕財務壓力。熟知內情人士透</t>
  </si>
  <si>
    <t>wework壓力衝擊財務消息人士減輕表示試圖過去降低最高共用房租熟知肺炎辦公室服務業洽談房東千家客戶合約停付</t>
  </si>
  <si>
    <t>wework客戶租金表示消息人士房東公司肺炎壓力停付協商未來財務透露郵輪租賃收入出租率現金租約共用</t>
  </si>
  <si>
    <t>付租金租金消息人士肺炎大型</t>
  </si>
  <si>
    <t>消息人士租金肺炎</t>
  </si>
  <si>
    <t>出新聯發大將聯網缺席科技</t>
  </si>
  <si>
    <t>自動駕駛、車聯網、電動車商機大好工研院預估2030年全球汽車電子與車聯網市場規模將達到8000億美元台系ICT業者也競相搶進包括台積電、聯發科、台達電以及鴻海等一線大廠也均名列其中也顯示出相關商機的誘</t>
  </si>
  <si>
    <t>聯網一線台達電電動車聯發台積電包括顯示競相工研院業者大好ict預估台系全球達到汽車電子</t>
  </si>
  <si>
    <t>自動駕駛、車聯網、電動車商機大好工研院預估2030年全球汽車電子與車聯網市場規模將達到8000億美元台系ICT業者也競相搶進包括台積電、聯發科、台達電以及鴻海等一線大廠也均名列其中也顯示出相關商機的誘人程度。
工研院分析指出在5G的大頻寬、低延遲也助長車載多媒體發展工研院預估2023年全球汽車電子與車聯網預估達4511億美元預估2030年全球汽車電子與車聯網市場規模將達到8000億美元2050年將出現7兆美元的搭乘者經濟。
台灣今年首度進入全球自動駕駛國際準備度排名第13名在法規與政策支持下2018年通過無人載具科技創新實驗條例2019年經濟部成立無人載具科技創新實驗辦公室2020年提供實證上路研發補助計畫不囿於現有法規的框架進行新創或自駕車在level 3以上的測試驗證與營運者服務驗證開發下世代智慧交通運輸自駕車的發展應用在2020年台灣通過7案申請沙箱科技創新例如在夜間自動接駁公車、觀光旅遊的區域共生、無人運輸物流小區域測試等。
工研院觀察指出環顧台灣車電產品導航、多媒體與車用影像項目發展居多隨著國際發展趨勢、政府政策支持下聯網、自動與電動車輛將帶出汽車電子成長動能預估2020年車電產值約為2590億元2025年台灣汽車電子產值接近3100億元帶動資通訊和車電零組件對車輛新興科技應用。
在大趨勢帶動下台灣ICT業者競相搶進電動車領域包括台積電(2330)、華邦(2344)、聯發科(2454)、淩陽(2401)、光寶(2301)、鴻海(2317)、為升(2231)、台達電(2308)、國際航電、勤崴(6516)、中華電(2412)等都已進入車電領域相較於國際廠商利用新創或併購儘速取得市場位置建議台灣發展車輛電子產品從點線面的合作模式運用法人研究單位與國內外業者建構其平臺讓不同層次的業者發展車電產品以應用到自動、聯網、電動、與運輸服務來建立自身優勢具備進入國際市場之發展潛力。</t>
  </si>
  <si>
    <t>臺灣發展車電國際自動工研院聯網科技業者進入應用市場電動車電子創新預估全球新創法規駕車車輛領域測試運輸帶動</t>
  </si>
  <si>
    <t>電動車5G工研院台積電華邦</t>
  </si>
  <si>
    <t>華邦台積電工研院電動車</t>
  </si>
  <si>
    <t>預約az接種否認莊人祥</t>
  </si>
  <si>
    <t>衛福部長陳時中日前公佈混打政策外界擔心第12輪出現棄打潮中央流行疫情指揮中心發言人莊人祥列舉第12輪第一階段3種疫苗預約接種率並澄清「沒有大家所想的情況」AZ第2劑從開打當天到現在接種率分別為96％、95</t>
  </si>
  <si>
    <t>接種公佈混打政策外界擔心出現日前現在指揮中央中心發言人流行莊人祥疫情列舉階段疫苗預約az澄清沒有當天</t>
  </si>
  <si>
    <t>衛福部長陳時中日前公佈混打政策外界擔心第12輪出現棄打潮中央流行疫情指揮中心發言人莊人祥列舉第12輪第一階段3種疫苗預約接種率並澄清「沒有大家所想的情況」AZ第2劑從開打當天到現在接種率分別為96％、958％、941％、929％皆超過9成；BNT接種率則分別是925％、908％、877％、872％。
第12輪第二階段陸續開放預約其中BNT第1劑和莫德納第2劑預約已於昨天上午開放而AZ第2劑於今天上午10點開放。今天下午1點為止共約1955萬人完成預約；3種疫苗預約都將在27日中午12點截止。
指揮中心統計今天下午1點前已有612萬人完成BNT預約；261萬人完成莫德納預約412萬人完成AZ預約。由於BNT第1劑尚有名額指揮中心今天宣佈加開「10月26日中午12點前意願登記的30歲以上民眾」可於本輪預約接種預約時間為今天下午4點至10月27日中午12時止。
昨（25日）全國接種41萬169劑目前國內疫苗人口涵蓋率6873％劑次人口比為9724（劑／每百人）意即2劑覆蓋率2851％。目前國內仍有3成民眾尚未接種第1劑莊人祥表示指揮中心正在思考如何提升民眾接種意願針對75歲以上長者通常需要子女或親友協助預約的確有比較不便另外像是移工族群讓他們能夠有便利的接種方式。
莊人祥舉例可能是在特定場所設置接種站隨到隨接種像過去雙北過去施打流感疫苗時常常在捷運站前面設接種站民眾只要在附近或搭車經過就可以打；另外像是一些優惠摸彩等措施的確都是可以往這方面思考。</t>
  </si>
  <si>
    <t>接種預約指揮中心民眾bntaz中午疫苗今天下午像是的確目前開放國內可以意願莊人祥</t>
  </si>
  <si>
    <t>AZ預約莊人祥BNT接種</t>
  </si>
  <si>
    <t>莊人祥接種azbnt預約</t>
  </si>
  <si>
    <t>洛杉磯開火男子接管醫療美軍懷疑</t>
  </si>
  <si>
    <t>美國海軍2艘醫療船前往洛杉磯港口協助救治新冠病患但一名加州火車駕駛員卻懷疑美軍準備接管洛杉磯竟故意讓火車脫軌意圖撞擊停在港口邊的醫療船。據《美聯社》報導美國司法部在一份新聞稿中說這輛火車頭週二</t>
  </si>
  <si>
    <t>洛杉磯火車港口醫療新聞稿美國司法部報導美聯社加州駕駛員救治準備協助接管懷疑撞擊意圖美軍脫軌故意</t>
  </si>
  <si>
    <t>美國海軍2艘醫療船前往洛杉磯港口協助救治新冠病患但一名加州火車駕駛員卻懷疑美軍準備接管洛杉磯竟故意讓火車脫軌意圖撞擊停在港口邊的醫療船。
據《美聯社》報導美國司法部在一份新聞稿中說這輛火車頭週二於港口邊脫軌衝出圍欄與數列障礙物後在距美海軍醫療船慈悲號(Mercy)230公尺處停下來後。事件沒有造成任何人受傷。
報導稱這位火車駕駛員莫雷諾(Eduardo Moreno)以破壞火車罪名遭到檢察官起訴司法檔中指出莫雷諾在偵訊中坦承他是故意讓火車脫軌去撞醫療船目的在引起全世界人們注意到這裡正在發生什麼事。
莫雷諾說他懷疑仁慈號是因為新冠病毒疫情要接管洛杉磯或其他類似目的他並且此事他獨自行動且是臨時起意非預謀行事。
洛杉磯港發言人桑菲爾德（Phillip Sanfield）表示該火車機車頭沒有靠慈悲號醫療船。機車頭與醫療船之間隔著一個大型停車場還要跨過一條水道才可能接近慈悲號。
桑菲爾德說火車駕駛並非受雇於洛杉磯港可能是處理貨運的太平洋港灣公司的工作人員。目前撞壞的機車頭有少部份燃油洩漏港口運作未受影響。
莫雷諾在肇事後逃離現場但遭加公路員警逮捕由於事出突然美聯邦調查局反恐小組和洛杉磯港警察局正聯合進行調查。
慈悲組織本週抵達洛杉磯港它將提供一千張病床協助處理快速增加的新冠病毒患者醫療工作。</t>
  </si>
  <si>
    <t>洛杉磯火車醫療莫雷諾港口機車頭脫軌慈悲號處理目的可能沒有懷疑報導駕駛員協助接管</t>
  </si>
  <si>
    <t>後市支撐看淡</t>
  </si>
  <si>
    <t>持續企業穩健基本表現不俗資料情緒恐慌反應帶動陸續市場疫情肺炎今年次數達到</t>
  </si>
  <si>
    <t>表現疫情預期fed持續消費獲利提供優於美國後市組合個股溫和機會政策影響市場寬鬆</t>
  </si>
  <si>
    <t>多優肺炎美股寬鬆表現</t>
  </si>
  <si>
    <t>表現寬鬆肺炎</t>
  </si>
  <si>
    <t>不明茶室感染確診影片曝光萬華</t>
  </si>
  <si>
    <t>中央流行疫情指揮中心12日公佈國內新增16例本土病例其中兩例在臺北市萬華區的茶藝館工作「萬華茶藝館」瞬間成為網路熱搜。根據臺北市前市議員童仲彥提供的YouTube影片完整揭露茶室超嗨玩法身材火辣的小姐只</t>
  </si>
  <si>
    <t>臺北市茶藝中心身材公佈國內茶室揭露完整影片指揮youtube提供華區童仲彥議員瞬間成為網路</t>
  </si>
  <si>
    <t>中央流行疫情指揮中心12日公佈國內新增16例本土病例其中兩例在臺北市萬華區的茶藝館工作「萬華茶藝館」瞬間成為網路熱搜。根據臺北市前市議員童仲彥提供的YouTube影片完整揭露茶室超嗨玩法身材火辣的小姐只穿一條丁字褲直接坐在男客身上磨蹭、熱舞。
指揮中心公佈萬華兩例確診者的工作地點分別在三水街的「鴻達茶藝館」及西園路一段的「楓香清茶館」。外界好奇俗稱「阿公店」的茶室到底長怎麼樣？裡面真的在賣茶嗎？童仲彥提供一段影片揭露茶室秘辛。
影片中清楚可見昏暗的包廂內霓虹燈閃爍一名身材火辣的小姐只穿一條丁字褲穿梭在多名男客間不僅勁歌熱舞、喝酒玩遊戲、坐在男客身上磨蹭甚至抓著客人的手在自己身上遊移畫面令人血脈賁張。
童仲彥向網友表示「你們認為茶室都在泡老人茶嗎？茶室、阿公店可以怎麼玩？阿童為什麼一再主張成立合法性專區因為對防疫很重要希望確診的女子沒有像影片中玩成這樣。」</t>
  </si>
  <si>
    <t>茶室影片童仲彥身上茶藝確診男客阿公店臺北市中心工作指揮公佈磨蹭坐在提供身材揭露</t>
  </si>
  <si>
    <t>新冠肺炎萬華茶室童仲彥</t>
  </si>
  <si>
    <t>茶室肺炎萬華童仲彥</t>
  </si>
  <si>
    <t>產品加速主力推進昱厚臨床進程</t>
  </si>
  <si>
    <t>專注以黏膜免疫調節技術平臺開發新藥的昱厚生技(6709)今日舉行股東會由董事長陳璧榮主持。由於旗下新藥尚處於研發與臨床試驗階段董事長陳璧榮在股東會上感謝董事及所有股東的支持承諾各項臨床試驗進度將依序進</t>
  </si>
  <si>
    <t>新藥臨床試驗股東會董事長陳璧榮技術平臺開發調節承諾厚生支持股東舉行董事今日感謝處於研發主持階段免疫進度</t>
  </si>
  <si>
    <t>專注以黏膜免疫調節技術平臺開發新藥的昱厚生技(6709)今日舉行股東會由董事長陳璧榮主持。由於旗下新藥尚處於研發與臨床試驗階段董事長陳璧榮在股東會上感謝董事及所有股東的支持承諾各項臨床試驗進度將依序進行並積極推動商務發展爭取與國內外大廠洽談授權或合作開發盼在最短時間內將目前開發藥品推上市引領公司營運邁向新里程碑。
陳璧榮表示在商務發展策略上昱厚採取雙軌策略一則與具銷售通路或擁有豐沛資金的大藥廠結盟以最有效的方式將藥品開發至上市；一則透過技術移轉將尚在開發中的產品進行授權收取授權金與權利金等。由於昱厚專注藥物開發與臨床試驗相關生產事宜則採與符合供貨地區法規代工廠進行合作以完善供應鏈。
總經理徐悠深進一步說明昱厚自行開發的黏膜免疫治療技術平臺擁有11國的專利佈局保護並可廣泛用於多項適應症具有龐大的開發潛力與商化價值是公司的核心競爭力目前以此平臺開發出的流感疫苗AD07030、過敏性鼻炎AD17002-AI、新冠免疫治療藥AD17002-SC等三大主力產品皆獲CDE納入專案指標性案件取得政策支持與肯定近一年並取得重大臨床進展。
其中鼻噴劑型流感疫苗在向CDE及TFDA諮詢與規劃III期臨床設計後獲得TFDA的鼓勵發展包括協助轉為四價抗原、受試對象擴展到全年齡層以及臨床試驗終點疫苗保護率不須與現行疫苗對照等接下來將伺機啟動三期臨床試驗。過敏性鼻炎黏膜免疫調節蛋白藥Ib/IIa期臨床試驗亦獲TFDA同意結案備查將繼續推進下一階段呼吸道過敏治療臨床試驗規劃。
據統計台灣有四分之一成人與三分之一孩童有過敏性鼻炎而過敏性鼻炎患者罹患氣喘的風險又比常人高出3-4倍流感則因傳染力強又易突變造成每年的反覆性流行這二項疾病皆具有長期且季節性的的藥物需求昱厚開發的產品皆為鼻噴劑型提升給藥方便性且無須處理廢棄針頭特別是在鼻腔投予藥物後能有效提升人體血清和黏膜免疫反應在口鼻腔或眼睛上形成保護可有效阻擋病毒在人體的進一步發展針對新冠病毒的預防感染更是如此具有龐大的藥物發展競爭力。
目前鼻噴新冠肺炎治療藥的動物攻毒試驗之組織切片結果顯示可明顯改善受新冠病毒感染動物之肺炎狀況並於7月獲TFDA核准執行AD17002-SC用於治療新冠病毒感染輕症患者IIa期人體臨床試驗預計收治30位元新冠病毒感染輕症患者以噴鼻方式內給予3次或5次劑量的藥物治療而後進行五週的追蹤觀察。另也提供AD17002-SC予教學醫院進行新冠肺炎輕、中症患者之恩慈治療。</t>
  </si>
  <si>
    <t>臨床試驗開發治療進行發展藥物tfda昱厚ad免疫患者有效具有黏膜人體過敏性目前鼻炎產品</t>
  </si>
  <si>
    <t>昱厚生技昱厚臨床試驗AD過敏性鼻炎</t>
  </si>
  <si>
    <t>臨床昱厚試驗ad過敏性厚生鼻炎</t>
  </si>
  <si>
    <t>首度重災區黑龍江</t>
  </si>
  <si>
    <t>大陸本輪疫情進入清零收尾階段北京已經連續8天無本土病例上海、河北、黑龍江也傳好消息。疫情最嚴重的黑龍江省6日宣告無新冠肺炎確診病例、無症狀感染者也無新增情況首度實現「雙零」之餘專家也預告本輪黑</t>
  </si>
  <si>
    <t>病例疫情收尾北京階段實現已經連續情況首度消息本土嚴重宣告黑龍江黑龍江省上海河北清零專家確診</t>
  </si>
  <si>
    <t>大陸本輪疫情進入清零收尾階段北京已經連續8天無本土病例上海、河北、黑龍江也傳好消息。疫情最嚴重的黑龍江省6日宣告無新冠肺炎確診病例、無症狀感染者也無新增情況首度實現「雙零」之餘專家也預告本輪黑龍江疫情處於一個收尾的階段；吉林省疾控中心副主任姚來順更表示目前當地疫情已進入「收尾清零」階段。
大陸31省區市6日新增確診病例11例其中境外輸入病例10例（上海3例北京2例江蘇2例廣東2例湖南1例）本土病例1例（在吉林）；無新增死亡病例；新增疑似病例2例均為境外輸入病例（均在上海）。
作為大陸首都北京疫情備受關注。據「健康北京」微信公眾號7日消息6日北京無新增本地確診、疑似病例和無症狀感染者；新增2例境外輸入確診病例無新增疑似病例治癒出院3例。上海、河北、黑龍江6日均無本土新增。
黑龍江省新冠肺炎救治中心6日也將最後4名新冠肺炎重型患者轉為普通型目前該省重症患者全部清零。黑龍江本輪疫情從1月10日第1個病例出現截至目前確診病例和無症狀感染者總數超過千人。到目前為止沒有一例死亡的病例。
黑龍江省疫情防控救治組組長、哈爾濱醫科大學附屬第一院院長于凱江表示按照流行病學的發展和一般的新冠肺炎疫情局部散發的特點來看本輪黑龍江疫情處於一個收尾的階段。如果說沒有一些其他的新的變化應該在未來一周左右有可能就會沒有新增的病例出現。
目前河北省在院治療的192名確診病例中普通型156例、輕型36例也已經沒有危重型和重型病例。
雖然各地相繼傳出無新增本土確診好消息但截至7日15時大陸現有高風險等級地區還有10個中風險地區也有40個。高風險地區中北京1個、河北1個、吉林1個、黑龍江7個。中風險地區中河北4個、吉林1個、黑龍江34個及上海1個。</t>
  </si>
  <si>
    <t>疫情病例黑龍江北京沒有目前確診肺炎階段大陸新增收尾上海本土消息黑龍江省表示河北中心感染者</t>
  </si>
  <si>
    <t>黑龍江大陸河北上海北京</t>
  </si>
  <si>
    <t>上海大陸河北北京黑龍江</t>
  </si>
  <si>
    <t>工廠逆勢觀光翻倍成長</t>
  </si>
  <si>
    <t>新冠肺炎疫情延燒旅宿、餐飲業一片愁雲慘霧桃園28家觀光工廠來客數和營業額平均少3成以上僅有桃園酒廠受惠於酒精營業額幾乎翻倍成長市府除會向中央反映將觀光工廠納入紓困方案也輔導籌備疫情後的千人</t>
  </si>
  <si>
    <t>工廠觀光疫情桃園營業額輔導方案紓困納入餐飲業愁雲慘霧市府成長翻倍反映幾乎中央籌備酒精受惠酒廠以上</t>
  </si>
  <si>
    <t>新冠肺炎疫情延燒旅宿、餐飲業一片愁雲慘霧桃園28家觀光工廠來客數和營業額平均少3成以上僅有桃園酒廠受惠於酒精營業額幾乎翻倍成長市府除會向中央反映將觀光工廠納入紓困方案也輔導籌備疫情後的千人手作、萬人DIY等行銷活動吸引遊客再度上門。
經發局長郭裕信指出工研院推估全台已有97家觀光工廠8成以上團體參觀被取消。桃園現有28家觀光工廠和產業文化館去年共有250萬人次參訪、創造近7億元產值。
但受疫情衝擊桃園前5大觀光工廠：桃園酒廠、雅聞魅力博覽館、義美食品觀光工廠、宏亞巧克力共和國、以及郭元益糕餅博物館來客數普遍少3至4成、營業額減少1至3成唯一僅有桃園酒廠受惠疫情增產酒精雖然來客數較去年同期少4成但營收卻幾乎翻倍成長、增加99％、約850萬元義美食品則有餐廳維持營業額僅略為下滑8％。
郭裕信說目前業者多將觀光工廠員工業務調整如從導覽員轉為生產線作業並改善設備設施等因應各觀光工廠也加強環境消毒、員工配戴口罩、工作人員與遊客體溫管控。
郭裕信提到經濟部振興抵用券政策和交通部的紓困方案都未將觀光工廠納入將函請中央補助經發局將在疫情後與桃園市觀光工廠協會、各家觀光工廠研擬促銷方案如千人手作、萬人DIY等體驗活動並請各級學校戶外參觀教學、社區團體觀摩活動多多選擇到觀光工廠參訪振興觀光工廠營運。</t>
  </si>
  <si>
    <t>觀光工廠疫情桃園郭裕信營業額活動方案來客遊客酒廠員工食品參訪義美團體參觀振興翻倍成長</t>
  </si>
  <si>
    <t>預估可信who南韓確診專家</t>
  </si>
  <si>
    <t>新冠肺炎疫情持續在全球肆虐中國宣稱已掌握疫情且確診人數不斷在下修世界衛生組織（WHO）還曾讚美中國政府的處理方式還要其他國家多學習。對此南韓傳染病專家、高麗大學九老醫院內科教授金宇周（音譯）卻</t>
  </si>
  <si>
    <t>疫情內科高麗大學九老醫院專家傳染病持續南韓全球對此學習肆虐國家宣稱還要處理方式教授中國政府掌握讚美who確診世界衛生組織人數不斷中國金宇周</t>
  </si>
  <si>
    <t>南韓金宇周who確診持續中國疫情國家處理以上全球肺炎數字人數增加地區病例報導宣稱</t>
  </si>
  <si>
    <t>WHO新冠肺炎武漢肺炎 COVID-19台灣</t>
  </si>
  <si>
    <t>肺炎武漢covid-who臺灣</t>
  </si>
  <si>
    <t>本土病例同寢室學生症狀確診嘉義</t>
  </si>
  <si>
    <t>嘉義縣某校1名家住彰化縣的男學生日前返鄉時接觸從桃園市返鄉的親人 3天前採檢確診今26日陸續傳出兩名同住室友也無症狀確診其中1人就是中央流行疫情指揮中心今天公佈戶籍在嘉義市的案6104嘉義市長黃敏惠</t>
  </si>
  <si>
    <t>確診嘉義返鄉學生日前公佈中心今天指揮疫情流行中央親人症狀室友傳出陸續</t>
  </si>
  <si>
    <t>嘉義縣某校1名家住彰化縣的男學生日前返鄉時接觸從桃園市返鄉的親人 3天前採檢確診今26日陸續傳出兩名同住室友也無症狀確診其中1人就是中央流行疫情指揮中心今天公佈戶籍在嘉義市的案6104嘉義市長黃敏惠稍早也透過直播公佈這名男學生足跡。
校方表示第1位確診男學生15、16日週末返回彰化住家曾與從桃園返鄉的親戚同住2天16日男學生返回宿舍17日因學校宣佈遠距教學當晚多數學生皆返家因桃園親戚22日確診男學生和家人被彰化縣衛生局要求採檢23日被通報確診當天學校馬上啟動因應並調查男學生接觸者包括教職員共通報70人名單給嘉義縣衛生局其中51人居家隔離、6人自主健康管理。
校方強調學校防疫工作落實學生返回宿舍都會手部消毒、量體溫並要求除了睡覺都要戴口罩接獲消息後第一時間學校也緊急開防疫會議並對全校發布防疫通報告知相關作業、通報流程至於目前傳確診學生同寢室共住5人已有3人確診但都沒有相關症狀。
黃敏惠稍早也在直播中公佈其中1名確診學生案6104的足跡指該名男性大專院校生在外縣市學校就讀因疫情關係該校停止實體課程個案17日返回家中遠距教學衛生局24日晚間接獲其他縣市衛生局通報案6104因同寢室室友確診列為居家隔離個案衛生局評估個案感染風險較高25日上午緊急安排採檢經檢驗為陽性目前已住院收治至今個案未出現症狀同時匡列4名同住家人進行居家隔離。
黃敏惠說案6104於 18日下午5點到5點半與家人到大潤發購物19日下午3點40分到4點至家樂福北門店購物21日晚上7點46分至8點到台灣之星垂楊店繳費22日早上9點到9點05分至至垂楊路天茂農產行買菜所經範圍都有戴口罩。
而接到衛生局緊急通知的店家大潤發及家樂福均於25日結束營業進行全面消毒天茂農產行於當日完成總消毒後今26日店休一天台灣之星垂楊店也決定店休3天進行全面總消毒。</t>
  </si>
  <si>
    <t>學生確診學校衛生局通報個案返回消毒症狀進行嘉義黃敏惠防疫桃園居家公佈隔離</t>
  </si>
  <si>
    <t>新冠肺炎台灣嘉義市無症狀確診</t>
  </si>
  <si>
    <t>嘉義臺灣肺炎症狀確診</t>
  </si>
  <si>
    <t>振興傅昆萁特別條例紓困提案肺炎優先疫苗採購</t>
  </si>
  <si>
    <t>立法院今（31）日修正「新冠肺炎紓困振興特別條例」提高預算上限至8400億元及延長時限至明年6月30日立法委員傅崐萁於朝野協商時提案爭取政府編列300億元採購BNT輝瑞疫苗及莫德納疫苗並於一個月內完成獲協商通</t>
  </si>
  <si>
    <t>協商疫苗修正採購紓困政府肺炎振興爭取特別提案條例提高預算上限延長朝野時限傅昆萁明年立法委員莫德納輝瑞</t>
  </si>
  <si>
    <t>立法院今（31）日修正「新冠肺炎紓困振興特別條例」提高預算上限至8400億元及延長時限至明年6月30日立法委員傅崐萁於朝野協商時提案爭取政府編列300億元採購BNT輝瑞疫苗及莫德納疫苗並於一個月內完成獲協商通過並於今日下午與特別條例修正一起完成三讀。
立委傅崐萁表示近日國內疫情嚴重每日都有數百例確診並有十數位國人同胞罹病死去累積已有一百二十餘同胞死於新冠肺炎全國民眾都在殷殷期盼有WHO認證的國外優良疫苗施打政府雖對外宣稱已購買將近3000萬劑新冠肺炎疫苗然迄今僅有87萬餘劑到貨眼看疫苗嚴重不足到貨進度緩慢加上疫苗品質疑慮百姓已經快對政府疫苗採購失去耐心及信心民怨已達沸騰！
傅崐萁強調目前國際上最優秀的新冠肺炎疫苗德國BNT輝瑞疫苗及美國莫德納疫苗保護力分別達95%及941%遠勝其他廠牌疫苗。政府為了民眾健康及戰勝疫情本應優先採購但因為政治考量及種種因素造成先前採購BNT輝瑞疫苗破局而莫德納疫苗又採購數量不夠現COVAX因印度供應商被限制出口加上國產疫苗尚未完成二期實驗且不進行三期實驗短期內我國將面臨無疫苗可施打的窘境民眾每天活在病毒威脅的恐懼之下。
傅崐萁指出現政府要追加紓困特別預算至8400億他於朝野協商時具體提案爭取政府在一個月內編列300億並完成採購4000萬劑保護力最佳的「莫德納」與「輝瑞」疫苗將可儘速解決疫情保障民眾健康更將帶動國內上兆元經濟成長及經濟效益收入很高興得到朝野黨團支持並於今日隨著特別條例修正三讀通過他將持續監督政府落實期盼讓民眾能有最佳疫苗施打免於病毒恐懼儘速回歸正常生活。</t>
  </si>
  <si>
    <t>疫苗政府採購民眾傅昆萁完成特別肺炎疫情朝野修正條例輝瑞協商國內莫德納bnt恐懼加上病毒</t>
  </si>
  <si>
    <t>特別條例傅崐萁採購新冠肺炎300億</t>
  </si>
  <si>
    <t>傅昆萁採購條例特別肺炎</t>
  </si>
  <si>
    <t>重來巴塞隆納噩夢民宅疫情在家</t>
  </si>
  <si>
    <t>西班牙是歐洲遭新冠肺炎蹂躪最慘的國家之一但因執行3個多月的嚴格封鎖令疫情終於緩和下來該國也在上月21日解封。不過隨著解封疫情也蠢蠢欲動近1個月來西班牙已爆發170起群聚感染16日更通報新增580確診</t>
  </si>
  <si>
    <t>疫情西班牙感染肺炎蹂躪最慘國家執行爆發嚴格封鎖終於蠢蠢欲動上月緩和下來解封</t>
  </si>
  <si>
    <t>西班牙是歐洲遭新冠肺炎蹂躪最慘的國家之一但因執行3個多月的嚴格封鎖令疫情終於緩和下來該國也在上月21日解封。不過隨著解封疫情也蠢蠢欲動
近1個月來西班牙已爆發170起群聚感染16日更通報新增580確診創下2個多月以來新高令人憂心是否第二波疫情將捲土重來。該國迄今已有超過2萬8千人死於新冠肺炎。
人口160萬的西國第二大城巴塞隆納上周起確診案例持續上升。為避免病毒擴散在不執行強制封城的情況下加泰隆尼亞自治區的衛生部長維加斯呼籲民眾最好待在家裡若無必要不要到處趴趴走；政府也將禁止10人以上的群聚「這是避免封城最好的方式。」
政府也呼籲民眾盡量透過線上購物另外文化與體育活動也將受限。</t>
  </si>
  <si>
    <t>疫情確診執行封城避免民眾最好呼籲肺炎政府西班牙體育購物若無待在家裡文化加泰隆尼亞</t>
  </si>
  <si>
    <t>解封疫情巴塞隆納新冠肺炎西班牙</t>
  </si>
  <si>
    <t>巴塞隆納疫情肺炎解封西班牙</t>
  </si>
  <si>
    <t>深夜黃珊珊憂心適用發文入境臺灣</t>
  </si>
  <si>
    <t>近日本土新冠疫情趨緩但卻因中研院確診事件讓疫調人員再度忙了起來就是要確保病毒不會進入社區而面對來勢洶洶的Omicron變異株臺北市副市長黃珊珊深夜有感而發指出今（14）日開始入境者可選用10+4與7+7專</t>
  </si>
  <si>
    <t>疫情開始指出中研院有感而發深夜確診黃珊珊事件市長臺北市變異入境者omicron人員再度來勢洶洶面對起來社區</t>
  </si>
  <si>
    <t>近日本土新冠疫情趨緩但卻因中研院確診事件讓疫調人員再度忙了起來就是要確保病毒不會進入社區而面對來勢洶洶的Omicron變異株臺北市副市長黃珊珊深夜有感而發指出今（14）日開始入境者可選用10+4與7+7專案讓她直言「不知道這個無法挽回的決策會讓台灣付出多大的代價！天佑台灣！」
黃珊珊深夜在臉書表示這次中研院事件最讓人擔心的是國家級的高階實驗室發生嚴重管理危機工作人員沒有按照SOP穿脫防護裝備造成環境污染。北市衛生局人員為了確認狀況前往實驗室做環境採檢結果發現環境呈陽性反應黃珊珊也要求同仁先做預防性隔離以免影響到家人與同事。
黃珊珊表示一個小小的疏忽付出如此大的社會成本我相信沒有人是故意染疫的但是處理如此高風險的專業人員真的容不得出一點差錯所以還是那句話「SOP很重要差一點點差很多！」
此外黃珊珊也提到今日入境者適用10+4或7+7專案但這兩個專案都是在Omicron肆虐前做的決策如今全世界被Omicron燒得頭昏腦脹我們的考驗才正要開始「因為防疫旅館都已經訂滿了再也轉不回14天了只是不知道這個無法挽回的決策會讓台灣付出多大的代價！天佑台灣！」</t>
  </si>
  <si>
    <t>黃珊珊人員omicron環境sop開始實驗室沒有中研院決策事件深夜表示專案入境者付出臺灣疫情知道</t>
  </si>
  <si>
    <t>新冠肺炎入境7+7黃珊珊防疫</t>
  </si>
  <si>
    <t>入境肺炎黃珊珊防疫</t>
  </si>
  <si>
    <t>中國病毒傳開</t>
  </si>
  <si>
    <t>世界衛生組織（WHO）最近派員前往中國調查新冠病毒起源且已結束在中國的查訪。該調查小組發現2019年12月於武漢爆發的新冠肺炎其疫情範圍恐較先前想像得更為廣泛傳播時間也可能更早。目前WHO調查團隊正急著尋</t>
  </si>
  <si>
    <t>調查who中國廣泛可能目前想像先前前往範圍疫情肺炎查訪爆發武漢結束小組團隊起源發現時間傳播</t>
  </si>
  <si>
    <t>中國武漢班恩巴瑞調查病毒可能who提供調查團確診病例出現檢測發現肺炎廣泛進一步樣本先前</t>
  </si>
  <si>
    <t>調查團中國調查調查團隊肺炎</t>
  </si>
  <si>
    <t>調查團隊中國調查團肺炎</t>
  </si>
  <si>
    <t>醫護企業家宜蘭打氣</t>
  </si>
  <si>
    <t>新冠肺炎本土病例在宜蘭縣至昨天已累計有16例也讓採檢量倍增宜蘭企業家郭子成捐贈10萬元給宜蘭市公所由公所協助慰勞醫護人員今天（17日）宜蘭市長江聰淵表示感謝郭子成的善款10萬元將用來購買飲品等餐點</t>
  </si>
  <si>
    <t>宜蘭郭子成病例善款昨天感謝表示累計江聰淵協助倍增今天市長醫護人員市公所公所本土慰勞</t>
  </si>
  <si>
    <t>新冠肺炎本土病例在宜蘭縣至昨天已累計有16例也讓採檢量倍增宜蘭企業家郭子成捐贈10萬元給宜蘭市公所由公所協助慰勞醫護人員今天（17日）宜蘭市長江聰淵表示感謝郭子成的善款10萬元將用來購買飲品等餐點分送給3家醫院的醫護人員感謝他們對城市、對國家的付出。
江聰淵表示醫護人員冒著風險守護國家看到有其他縣市的醫護人員在訂購飲料、餐點時有被拒絕的情形對此感到相當不捨郭子成因此與市公所接洽、轉交10萬元盼能鼓勵縣內3家醫護人員。
3家醫院分別是陽明交通大學附設醫院、羅東博愛醫院、羅東聖母醫院將由3家業者與醫院連繫配合院方的時間再送餐負責陽明交通大學附設醫院的85度C新月店也響應市公所再加碼5000元等值餐點贈送給醫院盼能給醫護人員最直接的肯定與支持。</t>
  </si>
  <si>
    <t>醫護人員醫院宜蘭市公所表示國家感謝郭子成交通大學附設陽明病例相當感到郭子昨天倍增成因情形</t>
  </si>
  <si>
    <t>醫護人員10萬元新冠肺炎餐點市公所</t>
  </si>
  <si>
    <t>肺炎市公所醫護人員</t>
  </si>
  <si>
    <t>政治留任戲碼道歉</t>
  </si>
  <si>
    <t>行政院長蘇貞昌本週四罕見地親自主持記者會笑容可掬、非常親切地對1萬元紓困金發放亂象道歉接著週五一大早總統蔡英文就打破慣例火速宣佈蘇貞昌留任繼續組閣這樣的政治戲碼要做給誰看？背後還有什麼盤算？</t>
  </si>
  <si>
    <t>蘇貞昌戲碼政治親自組閣記者會主持繼續笑容可掬留任非常親切紓困宣佈發放亂象慣例道歉打破蔡英文週五總統一大早</t>
  </si>
  <si>
    <t>行政院長蘇貞昌本週四罕見地親自主持記者會笑容可掬、非常親切地對1萬元紓困金發放亂象道歉接著週五一大早總統蔡英文就打破慣例火速宣佈蘇貞昌留任繼續組閣這樣的政治戲碼要做給誰看？背後還有什麼盤算？頗值得玩味。
民眾可能看不懂但是民進黨內一定懂這齣政治戲碼背後的意義。就是520在即但疫情尚未過去正值防疫紓困當頭且即將進入振興階段陣前換將不是好事。據側面瞭解防疫團隊暗自設下8月15日為解除疫情一級開設的關鍵時點若疫情安全全面解封邁向拚經濟就此開展一切以防疫為優先考量因此現階段欽點由蘇揆領導防疫國家隊清理疫情戰場自有其必要性。
蔡英文去年力拚選舉逆轉勝讓有「酷吏」形象的蘇貞昌打理內政。今年1月蔡英文以817萬票創下歷史紀錄勝選後立刻宣佈還會由蘇貞昌繼續組閣蔡蘇之間的關係完全不似過去兩人有心結時期。
這次新冠肺炎疫情期間蔡英文把疫情交給副總統陳建仁主導、紓困與振興交給行政院但兼具醫生與前行政院長資格的準副總統賴清德卻沒有空間發揮。520後會不會出現賴清德身在總統府心卻不能與蔡英文在同一陣線的情況？外界都在看。
另除了新冠肺炎疫情外目前政治上最大關鍵時間點不是520總統就職而是6月6日罷免高雄市長韓國瑜。如果罷免案不通過就繼續維持內閣微調但假使真的出現超過57萬張罷免票韓國瑜下臺後就要在9月13日前完成高雄市長補選行政院副院長陳其邁勢必返回高雄參選。
因此這次內閣改組粽子頭是陳其邁而不是蘇貞昌罷韓案若成功空出的行政院副院長會是由誰接任更關係到民進黨派系平衡與下次縣市長選舉佈局是更為重要的角力目標。</t>
  </si>
  <si>
    <t>疫情蔡英文蘇貞昌防疫總統紓困行政院政治高雄繼續選舉民進過去關係出現振興內閣陳其邁</t>
  </si>
  <si>
    <t>蘇貞昌賴清德肺炎蔡英文組閣</t>
  </si>
  <si>
    <t>組閣蔡英文肺炎賴清德蘇貞昌</t>
  </si>
  <si>
    <t>金門下去鄉親發聲</t>
  </si>
  <si>
    <t>新冠肺炎疫情一直燒不停國民黨金門縣議會黨團在今（16）日的「紓困發現金、防疫要口罩」記者會中呼籲執政黨不要再打腫臉充胖子應先讓國內人人有口罩可用再去搞口罩外交並主張直接發放現金才能紓解各行各</t>
  </si>
  <si>
    <t>口罩現金一直不停國民黨金門縣議會黨團發放疫情直接紓困主張外交防疫記者會不要應先打腫臉充胖子人人國內呼籲執政黨</t>
  </si>
  <si>
    <t>口罩紓困政府發放現金議會黨團民眾疫情百姓協商振興黨團指出歐陽儀現在議員各行各業</t>
  </si>
  <si>
    <t>新冠肺炎武漢肺炎疫情國民黨金門縣議會</t>
  </si>
  <si>
    <t>肺炎武漢疫情金門縣國民黨議會</t>
  </si>
  <si>
    <t>美國電動車廠特斯拉2019年第四季公佈財報相當亮眼帶動股價一路大漲2月4日最高衝上968美元等於是短短1個月以來暴漲逾112%但隨著新冠肺炎疫情爆發特斯拉股價劇烈震盪27日更是暴跌近百美元4天來股價大砍</t>
  </si>
  <si>
    <t>股價特斯拉四季公佈暴漲相當以來等於肺炎疫情近百爆發帶動最高暴跌</t>
  </si>
  <si>
    <t>美國電動車廠特斯拉2019年第四季公佈財報相當亮眼帶動股價一路大漲2月4日最高衝上968美元等於是短短1個月以來暴漲逾112%但隨著新冠肺炎疫情爆發特斯拉股價劇烈震盪27日更是暴跌近百美元4天來股價大砍逾24%。
特斯拉股價飆漲以被外界形容為「妖股」、「有輪子的比特幣」不少分析師也紛紛調高該公司目標價投資管理公司ARK Investment本月初更是發佈估值模型預測到了2024年特斯拉股價會漲到7000美元若美股持續牛市態勢甚至將達到15000美元。
特斯拉受財報及軋空效應帶動摩根士丹利分析師Adam Jonas當時認為特斯拉估值將從每股約650美元調至1200美元漲幅達 80%然而Adam Jonas卻指出正式目標價只從360美元提高到500美元仍給予「賣出」評級。
特斯拉「大空頭」Vertical 研究集團分析師Gordon Johnson也曾警告新冠肺炎將帶來災難拖累大陸車市需求特斯拉崛起只是個泡沫。據外國財經媒體報導指出最新消息來看特斯拉1月在大陸的新車註冊量較月減46%這與特斯拉上海超級工廠1月才剛交付新車的景象形成強烈對比。
特斯拉股價本周也跟著美股直直下墜從上週五收收盤價901美元至本週四的收盤價679美元短短4日重挫222美元或2463%特斯拉這兩個月來締造的華爾街神話幾乎破滅。</t>
  </si>
  <si>
    <t>特斯拉股價分析新車指出目標價更是大陸帶動adamjonas肺炎</t>
  </si>
  <si>
    <t>特斯拉美股新冠肺炎目標價</t>
  </si>
  <si>
    <t>肺炎特斯拉目標價</t>
  </si>
  <si>
    <t>公開時間足跡校方確診大學生南部暴動</t>
  </si>
  <si>
    <t>台灣新冠肺炎疫情17日一口氣新增10例國內累積達77例其中到德國拜訪教授8日返台的第75例南部某國立大學大四男大生自動向校方報告旅遊史後在家自主健康管理13日嗅覺喪失曾3度到診所就醫。校方17日晚間於臉書粉</t>
  </si>
  <si>
    <t>校方疫情一口氣新增就醫旅遊報告自動健康管理診所德國史後自主大生返台喪失南部嗅覺大學肺炎累積國內拜訪</t>
  </si>
  <si>
    <t>校方學生健康管理自主進行課程大學公開上課疫情南部防疫診所時間同學</t>
  </si>
  <si>
    <t>成大南部國立大學生確診來一波守一波防疫紀實大學生確診</t>
  </si>
  <si>
    <t>大學生確診防疫南部紀實成大</t>
  </si>
  <si>
    <t>馬國疫情工廠手套</t>
  </si>
  <si>
    <t>頂級手套的馬來西亞廠因大量工人感染新冠肺炎而影響生產公司預期供應短缺可能推升醫用手套價格上漲。■Top Glove expects some supply shortages that could push up prices of medical rubber gloves全球最大醫用</t>
  </si>
  <si>
    <t>手套rubbermedicalofpricesuppush感染couldthat肺炎shortages影響gloves生產supply公司some預期供應expectsglove短缺top可能價格上漲</t>
  </si>
  <si>
    <t>頂級手套的馬來西亞廠因大量工人感染新冠肺炎而影響生產公司預期供應短缺可能推升醫用手套價格上漲。
■Top Glove expects some supply shortages that could push up prices of medical rubber gloves
全球最大醫用手套製造商頂級手套（Top Glove）11月中因馬來西亞工廠出現數千工人感染新冠肺炎而被迫關閉部分廠房。儘管這導致手套供應受影響但由於其占全球供應量約四分之一而難被取代不但訂單沒有被取消甚至手套價格可能因供應減少而上漲。
馬來西亞的頂級手套自11月17日來在吉隆玻外圍地區巴生的20座工廠因將近3000名工人接受檢驗結果為陽性而分階段暫時關閉同地區的另外八座廠房仍然運作但產能持續低於20％工人被嚴密監控和隔離。
頂級手套在馬國、泰國、越南和中國合計有47座工廠雇用約16萬名工人。其中36座工廠專門生產橡膠手套每年共生產約900億雙供應195個國家逾2000個客戶。這次在巴生受影響的28座廠房占頂級手套整體橡膠手套產量約一半。
公司表示約6000名工人受監控並有數千工人持續接受檢驗。
頂級手套在巴生的廠房和工人宿舍所在地是馬國新冠肺炎疫情重災區之一。頂級手套在11月25日透過視訊會議方式舉行記者會當天巴生累計確診4036例當中大部分病例為頂級手套的工人。當天全國累計確診5萬9817例。
馬國疫情持續擴散
馬國單日新增確診數在11月24日達2188例創新高雖然到25日時已大減至970例但接下來馬國疫情仍持續擴散迄12月6日止累計確診數已上升至7萬2694例累計死亡382人。
頂級手套執行董事長林偉財在25日記者會上表示其公司做為全球重大醫用手套供應商供應情況將肯定會受到一定影響但這也可能令手套價格因供應減少而上漲。
該公司總經理李金謀在同一記者會上強調迄11月25日止沒有客戶取消訂單。在這段供應短缺的期間內公司會優先出貨給醫院和必須運作的政府部門。他有信心供應短缺問題將很快得到解決。
公司估計其部分訂單的出貨時間會延後兩周到四周之間其迄2021年8月底止會計年度銷售目標會因此減少3％。
林偉財強調就算有客戶取消訂單占公司整體訂單量也只會是很少數。之前在全球需求持續增加的帶動下該公司的橡膠手套出口金額過去十年來複合年均增長率94％。
由於巴生疫情嚴重讓人擔心該公司的當地廠房持續運作下所生產的醫用手套可能有污染問題。
對於外界的憂慮林偉財強調當地廠房的生產線完全自動化手套會經過高溫殺死新冠病毒而且工廠裡的工人不會直接接觸到所生產的手套。
頂級手套 股價自高檔重摔
儘管頂級手套高層不斷對外信心喊話但市場對其前景仍有疑慮其股價在12月7日收66馬幣。從10月19日收96馬幣創新高後開始拉回到現在已累計下跌逾三成。光11月份就下跌約17％。
由於輝瑞等多家藥廠陸續宣佈其新冠肺炎疫苗有效性達九成或以上並可望短期內就能陸續上市讓外界看好能控制疫情使各國醫療系統壓力將持續下降從而減少包括橡膠手套等醫療物資需求勢必影響頂級手套的業績表現。
專家認為頂級手套迄明年8月底的本年度業績表現是好是壞全視乎疫情的變化而定。</t>
  </si>
  <si>
    <t>手套公司工人持續供應疫情廠房影響工廠全球巴生累計生產訂單可能減少橡膠肺炎</t>
  </si>
  <si>
    <t>巴生手套馬國頂級肺炎</t>
  </si>
  <si>
    <t>手套馬國肺炎巴生</t>
  </si>
  <si>
    <t>放大檢測歷年同期新高</t>
  </si>
  <si>
    <t>普生（4117）受惠陸續完成印度、印尼等地區訂單出貨貢獻帶動旗下PCR核酸試劑、VTM病毒採集組、核酸萃取劑檢測產品需求1月營收54208萬元改寫歷史同期新高水準並較2020年的13301萬元大幅年增逾三倍。此外</t>
  </si>
  <si>
    <t>普生 4117 受惠 陸續 完成 印度 印尼 等 地區 訂單 出 貨 貢獻 帶動 旗 下 pcr 核酸 試劑 vtm 病毒 採集 組 核酸 萃 取 劑 檢測 產品 需求 1 月 營 收 54208萬 元 改寫 歷史 同期 新高 水準 並 較 2020 年 的 13301萬 元 大幅 年 增 逾 三 倍 此外</t>
  </si>
  <si>
    <t>核酸水準印度新高印尼同期地區歷史訂單改寫貢獻需求帶動pcr產品檢測完成試劑vtm病毒採集</t>
  </si>
  <si>
    <t>普生（4117）受惠陸續完成印度、印尼等地區訂單出貨貢獻帶動旗下PCR核酸試劑、VTM病毒採集組、核酸萃取劑檢測產品需求1月營收54208萬元改寫歷史同期新高水準並較2020年的13301萬元大幅年增逾三倍。
此外普生於新冠肺炎試劑產品線佈局再下一城可同時檢測新冠肺炎與A/B型流感病毒之三合一PCR核酸檢測試劑（GB SARS-CoV-2Influenza A/B Multiplex PCR）產品已順利獲得歐盟體外診斷醫療器材（CE-IVD）認證有助加速於歐盟CE認證之國家中展開銷售推廣並持續積極進行台灣、美國等地相關認證申請。
普生表示全球受新冠肺炎疫情肆虐各國加大疫情監管新冠肺炎系列產品出貨保持良好動能。目前各國已陸續施打新冠肺炎疫苗為追蹤抗體保護強弱程度勢必帶動抗體試劑檢測需求旗下GB SARS-CoV-2 Ab ELISA新冠肺炎抗體試劑已於1月取得台灣衛福部食藥署（TFDA）專案製造許可並已著手進行量產階段有助於創造新一波銷售動能。
普生強調新竹科學園區廠房面積約1100坪已開發完成80多種產品目前銷售至全球40多國。將持續投入新款試劑產品研發強化新冠肺炎試劑多元產品線之競爭優勢並積極針對旗下肺炎試劑產品完善多國國際相關認證申請拉升旗下竹科廠生產產能。</t>
  </si>
  <si>
    <t>肺炎試劑產品認證檢測銷售pcr抗體進行歐盟臺灣完成動能帶動全球積極核酸陸續目前持續需求</t>
  </si>
  <si>
    <t>普生全球新冠肺炎認證PCR</t>
  </si>
  <si>
    <t>肺炎全球認證pcr普生</t>
  </si>
  <si>
    <t>星期四全球股市熊市憂鬱</t>
  </si>
  <si>
    <t>美國新冠肺炎疫情快速升溫美國總統川普下令禁止由歐洲入境30天再度引爆全球市場恐慌情緒加上歐洲央行（ECB）意外未宣佈降息增添全球經濟急凍陷入衰退的可能性全球股市週四殺聲震天全面倒地歐股一度暴跌</t>
  </si>
  <si>
    <t>全球美國全面震天快速週四升溫全球股市總統可能性川普下令倒地衰退禁止陷入急凍歐洲入境經濟再度意外ecb引爆歐洲央行增添降息宣佈市場</t>
  </si>
  <si>
    <t>經濟全球市場股市指數方案週四美國恐慌川普振興成長疫情降息暴跌經濟學家衝擊引發</t>
  </si>
  <si>
    <t>暴跌逾降息川普美國肺炎</t>
  </si>
  <si>
    <t>美國降息川普肺炎暴跌</t>
  </si>
  <si>
    <t>中槍高嘉瑜臺北市鋪路林奕華</t>
  </si>
  <si>
    <t>陸委會11日對陸配子女能否來台政策一日三變昨疫情中心直接宣佈撤回陸配來台的政策堪稱「四度髮夾彎」。民進黨立委高嘉瑜不僅指控整個事件源頭是國民黨立委林奕華開的一場記者會並為閣揆蘇貞昌、副閣揆陳其邁</t>
  </si>
  <si>
    <t>政策林奕華國民黨源頭事件指控記者會高嘉瑜黨立委中心疫情民進直接宣佈髮夾撤回堪稱陸配來能否</t>
  </si>
  <si>
    <t>陸委會11日對陸配子女能否來台政策一日三變昨疫情中心直接宣佈撤回陸配來台的政策堪稱「四度髮夾彎」。民進黨立委高嘉瑜不僅指控整個事件源頭是國民黨立委林奕華開的一場記者會並為閣揆蘇貞昌、副閣揆陳其邁撇清責任。此說法隨後遭林打臉網友也對高作法不領情質疑莫非是在為自己2022臺北市長鋪路？
高嘉瑜在政論節目《新聞面對面》表示「小明的故事」整個源頭的開始就是從林奕華年後開了一場記者會。高更強調陸委會的決定不僅完全未經疫情指揮中心就連蘇貞昌、陳其邁等人都完全不知情就直接宣佈了這個政策。
林奕華嚴正駁斥高嘉瑜說法反問：「哪場記者會？」直言自己根本從未開過記者會也從未提到「小明」這個人更沒有聯繫過陸委會自己只有接到民眾陳情陸配子女現況本民代職責向移民署反映而已。痛批高所言是為執政黨護航在轉移焦點相關指控根本不正確最好出來說清楚、講明白。
雙方隔空交火網路討論熱烈。網友紛紛回應：「民進黨完全執政在野黨完全負責台灣價值！」「原來陸委會是林奕華下屬機關瞭解！」「第一天認識民進黨？」「髮夾再髮夾給我夾到麻花捲！」「看來1450真的相信陸委會可以自行暴衝」；也有網友質疑高嘉瑜：「已經急著在為2022年臺北市長選舉鋪路了？」</t>
  </si>
  <si>
    <t>陸委會高嘉瑜完全記者會網友民進政策髮夾指控源頭說法根本林奕華質疑中心疫情陳其邁配子直接宣佈</t>
  </si>
  <si>
    <t>武漢肺炎新冠肺炎高嘉瑜陸委會立委</t>
  </si>
  <si>
    <t>肺炎高嘉瑜陸委會武漢</t>
  </si>
  <si>
    <t>分區教育高雄風險分攤防疫</t>
  </si>
  <si>
    <t>高雄市政府教育局19日在路竹區蔡文國小舉辦國中、國小校長防疫會議教育局長吳榕峯說為了防疫在1月就做了一個校園防疫平臺請校長們上網吸收新資訊包含解惑等由業務單位與副局長透過平臺做說明；防疫就是</t>
  </si>
  <si>
    <t>防疫校長平臺國小路竹區會議蔡文解惑包含資訊局長業務吸收單位透過上網舉辦國教育局教育局長榕峰校園</t>
  </si>
  <si>
    <t>高雄市政府教育局19日在路竹區蔡文國小舉辦國中、國小校長防疫會議教育局長吳榕峯說為了防疫在1月就做了一個校園防疫平臺請校長們上網吸收新資訊包含解惑等由業務單位與副局長透過平臺做說明；防疫就是要分攤風險高雄教育局分6場舉辦防疫會議就是一例。
19日上午的會議共有大岡山區的國中、國小等55位校長參加由教育局做簡報宣導開學前後的防疫措施與注意事項。
吳榕峯表示防疫原則包含量體溫、戴口罩要進入校園的不特定對象需要戴上口罩避免感染。其次暫停3月底前的大型活動以及落實校園環境消毒工作。根據中央規定只要跟確診病例相處在距離兩公尺內超過15分鐘就得隔離請校長們要辦活動時要考慮這些因素。
他舉例像是舉辦宣導防疫會議分散6場舉辦就是降低風險每場約50人上下而東京馬拉松又是一例該馬拉松的主辦單位嚴格控管人數勸退去過大陸的日本或大陸的1800名跑者參加降低防疫風險。
吳榕峯笑稱至於畢業旅行也請校長們三思思考是否舉辦的必要性30幾個人做一台遊覽車「你不怕遊覽車司機還會怕呢」。</t>
  </si>
  <si>
    <t>防疫校長舉辦會議風險榕峰包含口罩國小參加降低校園平臺宣導教育局高雄馬拉松遊覽車大陸</t>
  </si>
  <si>
    <t>新冠肺炎台灣高雄市教育局校長大岡山</t>
  </si>
  <si>
    <t>高雄市教育局臺灣肺炎校長岡山</t>
  </si>
  <si>
    <t>政府呼籲洛杉基孬孬</t>
  </si>
  <si>
    <t>獨派的台灣社、台灣北社等社團昨（1）日發表共同聲明呼籲政府即刻下令暫時停飛所有與中國大陸的往返班機。對此作家洛杉基也呼籲兩岸必須立刻斷航禁止兩岸人民來往如果不配合獨派的要求只能說這個政府是</t>
  </si>
  <si>
    <t>呼籲政府獨派要求配合來往發表兩岸人民禁止共同聲明斷航往返大陸中國班機立刻必須兩岸即刻對此作家洛杉基下令暫時</t>
  </si>
  <si>
    <t>獨派的台灣社、台灣北社等社團昨（1）日發表共同聲明呼籲政府即刻下令暫時停飛所有與中國大陸的往返班機。對此作家洛杉基也呼籲兩岸必須立刻斷航禁止兩岸人民來往如果不配合獨派的要求只能說這個政府是小孬孬！
新冠肺炎疫情延燒根據中國時報記者報導獨派的台灣社、台灣北社等社團昨（1）日發表共同聲明呼籲政府即刻下令暫時停飛所有與中國大陸的往返班機。
台灣社、台灣北社、台灣中社、台灣南社、台灣東社(花蓮)、台灣東社(台東)、台灣客社在聲明中指出新冠肺炎自2019年12月爆發以來中國大陸已有近8萬名確診及近3千人死亡。
聲明中指出台灣在這波疫情中是站在第一線對病毒傳播的各項政策應以最為嚴謹的角度來思考。目前台灣與中國大陸北京、上海浦東、上海虹橋、廈門、成都等5處每週仍有班機往返。
本土社團呼籲政府應即刻下令暫時停飛所有與中國大陸之往返班機確實把來自中國大陸的新冠肺炎病毒最大傳播途徑與風險阻絕於境外。對於滯留中國大陸經第三地轉進台灣的台商也應予以嚴密追蹤與註記確保台灣疫情的可控性。
對此作家洛杉基也呼籲兩岸必須立刻斷航禁止兩岸人民來往以遏止新冠肺炎疫情擴散！既然民進黨已經完全執政、國會過半蔡英文又得到817萬人支持如果這時候再不配合獨派的要求只能說這個政府是小孬孬！</t>
  </si>
  <si>
    <t>臺灣大陸中國疫情肺炎呼籲班機政府往返獨派社團聲明指出配合來往對此兩岸人民作家要求禁止北社洛杉基</t>
  </si>
  <si>
    <t>《農業科技》瑞基新冠病毒肺炎檢測試劑開發中</t>
  </si>
  <si>
    <t>肺炎病毒檢測瑞基新試劑開發科技農業</t>
  </si>
  <si>
    <t>禽流感疫情擴大瑞基海洋美國試劑研發國家檢測生物相關平臺資訊技術pockitcovid-中心適用於進行全球共用積極序列基因病毒冠狀取得</t>
  </si>
  <si>
    <t>檢測持續豬瘟禽流感市場試劑非洲疫情積極海洋瑞基動物畜產相關下單取得擴大冠狀病毒基因基因庫序列組織倡議資料共用全球</t>
  </si>
  <si>
    <t>新冠肺炎疫情瑞基檢測試劑1月營數</t>
  </si>
  <si>
    <t>瑞基疫情檢測肺炎試劑</t>
  </si>
  <si>
    <t>民眾本月底打完緩步開放邊境專家</t>
  </si>
  <si>
    <t>國政基金會1日舉辦座談會談重啟邊境專家表示最快本月底最慢耶誕節前有7成民眾打完2劑現在正是談邊境開放的好時機；台灣應該緩步開放邊境管制「與病毒共存不是一昧追求加零！」國政基金會產業暨新創中心召</t>
  </si>
  <si>
    <t>邊境基金會開放國政追求耶誕節前座談會專家談重啟民眾打完共存病毒緩步管制現在正是產業本月底舉辦</t>
  </si>
  <si>
    <t>國政基金會1日舉辦座談會談重啟邊境專家表示最快本月底最慢耶誕節前有7成民眾打完2劑現在正是談邊境開放的好時機；台灣應該緩步開放邊境管制「與病毒共存不是一昧追求加零！」
國政基金會產業暨新創中心召集人簡榮宗表示目前台灣規定持居留證的外籍人士才能來台且來台之後還要在防疫旅館關14天。從邊境管制光譜來說台灣是最嚴格的禁止外國人入境全球只有7％國家如此；次嚴的是開放低風險國家入境打完2劑免檢疫泰國今天起實施；接著是不限國家打完2劑5到14天檢疫就可入境；最寬鬆是像美國不限國家打完2劑加上核酸檢測就可免隔離。
簡榮宗說台灣的邊境管制造成觀光旅遊停擺、工廠缺工、外國專家來不了。像法國在台協會就表示無法引進外國專家延宕離岸風電進程；歐盟認為會阻礙來台投資商機；新加坡駐臺北商務辦事處憂心會停止雙向交流。此外目前看來科技業接國外訂單情況大好但是內需服務業卻慘兮兮根據主計處統計8月薪資展場、遊樂園、健身中心等減薪1成以上。
簡榮宗說基金會的訴求是台灣緩步開放邊境管制「與病毒共存不是一昧追求加零！」很多國家已經這麼做：除了前述泰國之外新加坡10月已允許一些國家入境免隔離總量管制每天不超過3000人；南韓10月上旬、美國11月上旬外國人打完2劑就可入境免隔離。
台灣預防醫學學會理事長陳宜民說去年台灣防疫做得好很多外籍藝術人士來台表演台灣也引以為傲；今年情況翻轉台灣不准外籍人士入境所以今年獲得蕭邦音樂大賽首獎的加拿大華裔鋼琴家劉曉禹選擇去日本表演而不來台灣因為日本防疫泡泡只要隔離3天台灣還是14＋7。 美國媒體彭博日前公佈最新「全球防疫韌性排名」台灣節節敗退。外國人進不來需要出國學術或商務活動的民眾一想到回來要關14天也不想出去。
陳宜民推估疫苗第2劑普及率以最佳速度每天打30萬劑來算11月29日可達7成；另有其他網站以最近7天每天打22萬劑來算12月10日可達7成；就算最悲觀的最近30天每天打16萬劑來算12月23日可達7成。換句話說最快本月底最慢耶誕節前有7成民眾打完2劑耶誕節有很多商機春節很多民眾想返鄉因此現在正是談邊境開放的好時機。雖然有突破性感染但民眾也比較不會擔心因為台灣準備了單株抗體也訂購了默克口服藥物。</t>
  </si>
  <si>
    <t>臺灣入境國家邊境打完防疫民眾管制隔離表示開放簡榮宗外國人美國基金會目前外國專家中心</t>
  </si>
  <si>
    <t>台灣新冠肺炎耶誕節入境民眾</t>
  </si>
  <si>
    <t>耶誕節肺炎入境民眾臺灣</t>
  </si>
  <si>
    <t>柯文哲關鍵確診社區感染北市</t>
  </si>
  <si>
    <t>臺北市今日確診個案重回2位數臺北市長柯文哲表示北市個案比想像中還不嚴重因為個案在社區感染的不多反倒是回家後傳染給他人。北市副市長黃珊珊也舉1家9口全確診的個案為例強調家族有人確診後相關家人都</t>
  </si>
  <si>
    <t>個案確診北市臺北市反倒回家傳染給市長黃珊珊位數表示柯文哲家族強調社區感染想像中相關</t>
  </si>
  <si>
    <t>臺北市今日確診個案重回2位數臺北市長柯文哲表示北市個案比想像中還不嚴重因為個案在社區感染的不多反倒是回家後傳染給他人。北市副市長黃珊珊也舉1家9口全確診的個案為例強調家族有人確診後相關家人都會被匡列不會與外界接觸因此沒有擴散問題。
北市疫調策略近來屢成外界焦點黃珊珊表示大家每天都在看數字但北市是專注在個案上因為每個個案都是人因此今日會說明疫調狀況。同時也強調北市確診數字雖然乍看之下很多但很大部分皆為家戶感染。
黃舉例這個大家族共有9人一般來說都是有最先發病者像這案就是兄弟同住、於同公司上班各自有老婆和孩子但兄弟倆的媽媽是與另名兒子同住當家族一發生有人確診後家人陸續被居家隔離、採檢確診後會被認定為「居隔陽」這段時間也不會與外界接觸沒有擴散問題。
黃認為若能提早知道個案是居隔陽性就可以提早匡列職場、其他接觸者也就是做第2圈的匡列。此案可證實1人確診後若家戶沒做好防護措施仍可能互相傳染且居隔陽性者也必須清楚說明這並非新傳染源而是屬於家戶感染範圍。
「我們的案例比想像的還不嚴重。」柯也補充個案真正在社區感染的不多是回家後在家族傳染一堆也因為這樣北市才可以在一個程度下慢慢解封但從韓國、日本案例可看出一放開確診數就會飆回去因此要慢慢放反正這禮拜已到最後階段是否能殲滅疫情看這禮拜就知道會維持小心謹慎的態度。</t>
  </si>
  <si>
    <t>確診北市個案感染家戶家族禮拜慢慢外界知道案例可以黃珊珊居隔說明傳染</t>
  </si>
  <si>
    <t>北市個案確診社區感染匡列</t>
  </si>
  <si>
    <t>個案社區確診感染匡列北市</t>
  </si>
  <si>
    <t>感染超過確診美軍基地沖繩日本肺炎</t>
  </si>
  <si>
    <t>據日本媒體報導琉球沖繩美軍基地爆發群聚感染已經有超過60人確診感染新冠病毒。其中普天間基地有38人確診。據《沖繩時報》報導沖繩縣知事玉城丹尼11日表示已經要求關閉出現多人感染的普天間基地和漢森基地</t>
  </si>
  <si>
    <t>感染沖繩已經報導確診普天間基地知事玉城丹尼美軍基地沖繩縣表示出現要求爆發關閉琉球病毒超過媒體漢森日本</t>
  </si>
  <si>
    <t>據日本媒體報導琉球沖繩美軍基地爆發群聚感染已經有超過60人確診感染新冠病毒。其中普天間基地有38人確診。
據《沖繩時報》報導沖繩縣知事玉城丹尼11日表示已經要求關閉出現多人感染的普天間基地和漢森基地要求美軍提供詳細資訊公佈基地感染新冠病毒的人數並採取措施控制病毒擴散。
位於沖繩縣宜野灣市的美軍普天間基地在7日就發現多人感染新冠病毒包括士兵及軍屬。普天間基地是駐沖繩美國海軍陸戰隊的基地普天間機場是美海軍陸戰隊在日本最大規模的武裝直升機機場。</t>
  </si>
  <si>
    <t>感染普天間基地沖繩基地病毒沖繩縣已經要求日本美軍報導確診規模陸戰隊美海軍普天間機場武裝擴散美軍基地位於知事</t>
  </si>
  <si>
    <t>普天間基地新冠病毒基地沖繩美軍有超過</t>
  </si>
  <si>
    <t>基地沖繩病毒美軍普天間基地超過</t>
  </si>
  <si>
    <t>擴散山東疫情公佈肺炎嚴格防疫韓新冠措施</t>
  </si>
  <si>
    <t>南韓新冠肺炎疫情不斷擴散南韓總統文在寅將預警級別提升至最高的「嚴重」。距離南韓最近的山東省威海、青島、煙台等地政府今天（2月25日）都公佈最嚴格的防疫措施。距南韓直航僅534 公里的威海市透過公眾號「</t>
  </si>
  <si>
    <t>南韓直航不斷措施擴散防疫公佈嚴格總統今天政府煙臺文在寅級別青島威海預警山東省提升最近最高距離嚴重疫情威海市</t>
  </si>
  <si>
    <t>南韓新冠肺炎疫情不斷擴散南韓總統文在寅將預警級別提升至最高的「嚴重」。距離南韓最近的山東省威海、青島、煙台等地政府今天（2月25日）都公佈最嚴格的防疫措施。
距南韓直航僅534 公里的威海市透過公眾號「威海發布」宣佈即日起對於從日本、南韓等國家來威海的入境人員包括外籍人員和中方人員全部統一接到賓館免費集中居住隔離14天後才能自由活動。在機場、港口、車站以及進出威海的交通卡口也要嚴格落實來威人員體溫檢測、登記等措施發現發熱人員一律由疾控人員送專門的發熱門診進行專業處置。
另外針對2月10日至今已從日、韓入境的人員全部進行電話隨訪瞭解每個人的身體狀況對發熱人員和密切接觸者迅速進行專業處置。
煙臺部署防控境外疫情輸入工作
煙台市更為嚴格除了針對入境人員的檢疫、隔離外對貨物、行李等也要求進行嚴格規範的消毒、殺菌檢疫。
新冠肺炎疫情山東檢疫隔離青島威海煙台</t>
  </si>
  <si>
    <t>人員威海南韓嚴格進行隔離發熱入境疫情檢疫煙臺措施專業處置青島肺炎集中居住級別才能自由賓館活動機場</t>
  </si>
  <si>
    <t>人員威海南韓疫情入境</t>
  </si>
  <si>
    <t>疫情人員南韓威海入境</t>
  </si>
  <si>
    <t>健康智慧高雄加工區打造勞工市府受惠</t>
  </si>
  <si>
    <t>新冠肺炎疫情肆虐不少公司行號受到牽連職場健康更加受到重視。高市府與經濟部工業局合作結合民生醫院、國軍總醫院左營分院及企業力量以高雄加工區為示範場域提供勞工、企業、醫療三方完整健康方案打造出</t>
  </si>
  <si>
    <t>企業健康受到醫院肆虐公司行號醫療合作工業重視經濟部市府提供勞工高雄力量加工區疫情牽連完整民生結合更加國軍左營</t>
  </si>
  <si>
    <t>健康企業勞工管理健檢計畫服務醫療公司資料聯網透過共同有效醫院健康狀況高雄智慧合作目標分析整合防疫作業結合</t>
  </si>
  <si>
    <t>新冠肺炎高雄職場健康健檢</t>
  </si>
  <si>
    <t>高雄肺炎健康健檢</t>
  </si>
  <si>
    <t>學者對抗連署發起歧視</t>
  </si>
  <si>
    <t>新冠肺炎爆發以來政府一連串的防疫措施備受爭議從針對陸生與大陸旅客採取關門措施到武漢包機問題等仇陸氣氛到達了高峰。為了減緩仇恨台灣各界學者發起「救無別類應物無傷」連署呼籲社會對抗歧視不該</t>
  </si>
  <si>
    <t>措施呼籲以來政府一連串發起學者防疫社會臺灣仇恨減緩備受高峰到達爭議氣氛仇陸陸生爆發旅客問題採取包機關門武漢</t>
  </si>
  <si>
    <t>新冠肺炎爆發以來政府一連串的防疫措施備受爭議從針對陸生與大陸旅客採取關門措施到武漢包機問題等仇陸氣氛到達了高峰。為了減緩仇恨台灣各界學者發起「救無別類應物無傷」連署呼籲社會對抗歧視不該放縱歧視的言論與政策讓台灣恢復「良善有禮」的風氣。
為讓台灣恢復平靜多位學者合力發起連署呼籲政府勿以防疫包裝歧視、正視台灣對兩岸四地的責任。發起人與連署人包括中研院歐美所副研究員王智明、政治大學法學院副教授廖元豪、淡江大學中文系副教授黃文倩、作家楊渡等。
有戶籍者回台是權利
連署發起人之一廖元豪表示在大陸工作的台灣人也是在為自己的家園打拚是我們的同胞而且依照台灣憲法跟大法官的解釋只要是在台灣有戶籍的人回台灣是不需要許可的這是一個絕對的權利既然不需要許可又憑什麼去限制他們雖然兩岸存在一些問題但政府還是應該想辦法盡可能的讓滯留湖北的台人回來。
他續指大部分的陸配將來都會拿台灣的身分證他們的孩子也有可能在台灣繼續工作。他們原是促進兩岸和平、民間交流最好的資產結果台灣政府讓這一批人心裡懷著怨恨覺得不被尊重受到歧視是非常不好的。
有關台灣當局至今仍直呼新冠病毒為「武漢肺炎」廖元豪表示世界各國普遍都使用正式名稱「新型冠狀病毒」武漢肺炎是最早期的粗淺直覺的稱呼有關人士想汙名化大陸對台灣完全沒有幫助不必要製造這種敵對。兩岸現在關係不好現在更應該是把握契機展現相互合作的態度才能化解掉緊張的關係。
滯鄂台人應盡力接回
廖元豪強調接受包機是最好的方式政府現在要面子、擺架子害滯留湖北台人無法回來如果政府沒辦法派檢疫人員過去那就在包機抵台時加強檢疫工作不應該用技術問題卡住真正需要救援的人飛機從大陸出發當然須尊重大陸主權跟權力政府應該要盡最大的努力將滯留湖北台人接回。</t>
  </si>
  <si>
    <t>臺灣政府大陸兩岸應該歧視包機工作廖元豪問題武漢肺炎滯留需要湖北現在呼籲有關關係台人最好連署辦法</t>
  </si>
  <si>
    <t>工作廖元豪大陸歧視肺炎</t>
  </si>
  <si>
    <t>廖元豪大陸肺炎工作歧視</t>
  </si>
  <si>
    <t>疫情古都影響國際肺炎半程馬拉松如期舉行不受</t>
  </si>
  <si>
    <t>新冠肺炎疫情連帶使得許多活動、行程紛紛取消每年吸引上萬人報名的國際古都馬則宣佈如期舉行。台南市政府指出台灣目前尚無社區群聚感染經徵詢衛生專業單位意見後3日1日如期辦理古都馬鼓勵全民走出戶外強身</t>
  </si>
  <si>
    <t>古都連帶使得活動全民行程鼓勵紛紛取消專業衛生徵詢吸引感染疫情社區尚無目前臺灣報名指出市政府國際台南如期舉行</t>
  </si>
  <si>
    <t>新冠肺炎疫情連帶使得許多活動、行程紛紛取消每年吸引上萬人報名的國際古都馬則宣佈如期舉行。台南市政府指出台灣目前尚無社區群聚感染經徵詢衛生專業單位意見後3日1日如期辦理古都馬鼓勵全民走出戶外強身健體抗疫不要放棄安全戶外活動但鑒於仍有參賽者可能未能參賽2月16日前受理退賽民眾全額退費申請。
古都國際半程馬拉松為台南市一年一度的重要體育賽事今年古都國際半程馬拉松賽事共有2萬119人報名參賽其中298名為外籍人士有104名為境外選手為落實阻絕傳染風險於境外的防疫目標已婉退所有境外中港澳籍及預計2月15日後自中港澳入境（包括由各國家經中港澳轉機）選手。主辦單位也密切留意中央疫情指揮中心資訊辦理各項防疫措施邀請所有參賽選手及民眾共同配合齊力打造安全運動賽事。
教育局表示2月5日已通知所有選手填報自主健康調查表拒絕須居家隔離、居家檢疫者、有被衛生單位健康追蹤或要求自主健康管理之民眾參賽主辦單位會全額退費；對2月16日前已報名選手如果欲申請退賽主辦單位也會全額退費如果已事先申請退費的選手大會將主動補匯差額。
有參賽的選手參賽物資將在2月17日開始寄送；已繳費但當天未能前來者主辦單位也會於賽後2周寄送完賽物資給當事人相關郵寄費用由大會負擔。
教育局重申為落實防疫工作確保參賽選手的健康當日活動現場將取消起跑前健康操改由選手自行暖身並於活動現場規畫管制動線及實施體溫量測、手部清潔消毒、填寫健康聲明卡等防疫措施落實防疫阻絕傳染風險於境外的目標同時對賽會工作人員也會強化防疫衛教宣導訓練。
為顧及跑友健康及共同防疫主辦單位已依中央疫情指揮中心提供之各項防疫參考措施審慎規劃相關防疫作為並提醒跑友及親屬若有身體不適也請勿勉強參賽敬請跑友共同響應配合。主辦單位後續將持續關注疫情發展相關賽事及退費等資訊請密切留意活動粉絲專頁「台南古都國際半程馬拉松」。</t>
  </si>
  <si>
    <t>防疫選手主辦單位參賽健康活動古都疫情退費相關賽事國際報名民眾台南境外共同措施落實安全衛生現場</t>
  </si>
  <si>
    <t>防疫選手參賽單位健康</t>
  </si>
  <si>
    <t>參賽選手健康防疫單位</t>
  </si>
  <si>
    <t>劉寶傑不務正業政府炮轟吳子嘉假新聞</t>
  </si>
  <si>
    <t>行政院長蘇貞昌昨（9）日在立法院以雞腿沒出貨難道要罵自己回應立委質詢疫苗到貨時間跳票的質疑。對此吳子嘉不滿表示雞腿跟疫苗有什麼關係？不務正業每天查假新聞。劉寶傑驚訝說又要查假新聞？國民黨立委</t>
  </si>
  <si>
    <t>疫苗假新聞法院質疑對此吳子嘉時間劉寶傑到貨不滿表示質詢沒出不務正業回應難道關係</t>
  </si>
  <si>
    <t>行政院長蘇貞昌昨（9）日在立法院以雞腿沒出貨難道要罵自己回應立委質詢疫苗到貨時間跳票的質疑。對此吳子嘉不滿表示雞腿跟疫苗有什麼關係？不務正業每天查假新聞。劉寶傑驚訝說又要查假新聞？
國民黨立委楊瓊瓔昨（9）日質詢表示蘇貞昌在今年2月說已採購AZ疫苗1000萬劑、莫德納505萬劑會在第2季前到貨結果自購部分到現在只取得26萬劑又改口8月底前會有1000萬劑「蘇貞昌騙了神明不要又騙人民。」蘇揆在備詢台看完影片面無表情。楊瓊瓔說全台灣的民眾每天都在問何時能打到疫苗是蔡總統、蘇揆或衛福部長陳時中要負責？
蘇揆說「這就像訂冷凍雞腿廠商跟你說何時到貨結果沒生產出來要罵訂貨的人嗎？我們也急得不得了我們要罵自己嗎？
美麗島電子報董事長吳子嘉昨（9）日在政論節目《關鍵時刻》表示台灣疫情現在天天有人過世政府有沒有良心？徐國勇還叫警政署追查假新聞這是什麼國家？蘇貞昌講這些話都沒有用只要告訴人民「疫苗甚麼時候來？」一句話就好。
劉寶傑也質疑又要查假新聞？蘇貞昌有講疫苗什麼時候來嗎？就像他講的雞腿也要包裝運輸包裝運送有問題能怪自己嗎？
吳子嘉不滿表示雞腿跟疫苗什麼關係？當他解決不了問題、不能面對問題他就開始扯疫苗扯到雞腿疫苗跟雞腿什麼關係？
劉寶傑恍然大悟說疫苗跟雞腿沒關係嗎？「我被唬了」！
吳子嘉直言當然被唬了這個行政院長有本事就跟立委說有多少疫苗到貨或是說很不好意思沒疫苗、對不起台灣老百姓可不可以？</t>
  </si>
  <si>
    <t>疫苗蘇貞昌表示到貨臺灣假新聞蘇揆問題劉寶傑現在吳子嘉沒有</t>
  </si>
  <si>
    <t>新冠肺炎台灣劉寶傑蘇貞昌吳子嘉</t>
  </si>
  <si>
    <t>肺炎臺灣劉寶傑蘇貞昌吳子嘉</t>
  </si>
  <si>
    <t>柯文哲時中病毒公文</t>
  </si>
  <si>
    <t>華航諾富特群聚感染事件擴大但在2月就有民眾檢舉諾富特飯店一館「混住」指揮官陳時中坦言公文確實不會跑得比病毒快。對此臺北市長柯文哲酸公文跑得比病毒慢「是我們的錯嗎？」柯文哲今前往北投農禪寺出</t>
  </si>
  <si>
    <t>柯文哲公文富特病毒事件前往擴大民眾檢舉飯店混住指揮官陳時中坦言感染確實</t>
  </si>
  <si>
    <t>華航諾富特群聚感染事件擴大但在2月就有民眾檢舉諾富特飯店一館「混住」指揮官陳時中坦言公文確實不會跑得比病毒快。對此臺北市長柯文哲酸公文跑得比病毒慢「是我們的錯嗎？」
柯文哲今前往北投農禪寺出席法鼓山舉辦的心靈環保家庭日活動致詞時提及現在新冠肺炎疫情相當嚴重用聖嚴法師的話面對它、接受它、處理它、放下它希望疫情早點過去讓大家恢復正常生活。
中央流行疫情指揮中心日前自行揭露早在2月就有民眾檢舉諾富特飯店一館有混住衛福部發文給桃園市府桃園再行文給民航局、民航局再行文給諾富特公文旅行過程中就爆發疫情。
專家批評公文往來拖了將近2個多月讓諾富特這個這顆不定時炸彈釀出疫情陳時中則稱公文確實不會跑得比病毒快。柯文哲回酸「公文跑得比病毒慢這是我們的錯的嗎？」
針對指揮中心表示AZ疫苗打1劑就有8成6的保護力柯文哲認為疫苗不夠就打一次但要看疫苗夠不夠8成6的保護力但有效期會縮短而打第二劑效期比較長。
此外北市觀傳局原定開齋節活動的防疫將比照跨年晚會會設置舞臺管制區上限900人而疫情持續延燒北市府開齋節活動是否停辦柯文哲強調將在週三、週四再決定。</t>
  </si>
  <si>
    <t>疫情柯文哲富特公文活動市府開齋節病毒指揮中心疫苗陳時中混住保護</t>
  </si>
  <si>
    <t>柯文哲公文新冠肺炎病毒陳時中</t>
  </si>
  <si>
    <t>肺炎病毒公文陳時中柯文哲</t>
  </si>
  <si>
    <t>專欄疫情趨勢再起期貨走軟匯率</t>
  </si>
  <si>
    <t>受到 二 次 疫情 擔憂 經濟 前景 仍 不明朗 美國 各州 延 後 復工 密西 根 大學 消費者 信心 指數 自 高點 滑落 且 市場 情緒 受到 財 報 陸續 公佈 所 牽引 消費 信心 疲軟 不 確定性 支撐 黃金 站上 1810 美元 從 已 公佈 部分 資料 來看 全球 經濟</t>
  </si>
  <si>
    <t>公佈信心受到經濟前景不明朗部分美國復工密西站上大學黃金消費者確定性指數情緒高點支撐滑落市場疲軟消費</t>
  </si>
  <si>
    <t>經濟美國全球疫情公佈信心市場復蘇期貨人數肺炎利率確診受到操作部位變數死亡數歐洲情緒研發疫苗震盪</t>
  </si>
  <si>
    <t>操作肺炎走揚疫苗研發全球經濟</t>
  </si>
  <si>
    <t>疫苗研發全球肺炎操作經濟</t>
  </si>
  <si>
    <t>販賣口罩臺灣嫌犯仿冒獲准</t>
  </si>
  <si>
    <t>橋頭地檢署日前接獲警方情資指有業者仿冒知名口罩品牌對外販賣口罩。檢警循線到高雄市阿蓮區與台南市新市區等地搜查查獲一批口罩與標籤等證物。檢方訊後向橋頭地院聲請羈押黃姓負責人獲准。檢方9日說目前</t>
  </si>
  <si>
    <t>口罩橋頭警方知名仿冒業者負責人阿蓮台南羈押高雄市新市區搜查黃姓循線</t>
  </si>
  <si>
    <t>橋頭地檢署日前接獲警方情資指有業者仿冒知名口罩品牌對外販賣口罩。檢警循線到高雄市阿蓮區與台南市新市區等地搜查查獲一批口罩與標籤等證物。檢方訊後向橋頭地院聲請羈押黃姓負責人獲准。
檢方9日說目前是防疫期間為避免仿冒口罩影響民眾健康造成防疫破口因此接獲情資後高雄與台南檢警、保二總隊、衛生局等單位組成專案小組全力偵辦。
專案小組於9月8日搜索高雄市阿蓮區、大社區2處販售據點後查出疑似仿冒口罩是由台南市新市區一家材料行供貨因此前往該處搜索在該住倉庫內起出仿冒台灣製醫用口罩15萬片、仿冒口罩盒500盒以及標籤貼紙2000張等證物並通知黃姓負責人到案說明。
專案小組調查黃姓負責人從今年上半年陸續從大陸與越南等地取得非醫用口罩分別仿冒知名品牌的台灣製醫療口罩以及自行印製三層防塵口罩字樣裝入非台灣製的一般非醫用口罩對外販售。
經專案小組初步清查仿冒的知名口罩已經約有200餘盒流入市面。檢察官訊問後認為黃姓負責人違反商標法、刑法詐欺罪且有滅證之虞因此向法院聲請羈押禁見獲准。檢警將擴大追查仿冒口罩的來源與流向。</t>
  </si>
  <si>
    <t>口罩仿冒負責人黃姓專案小組台南搜索防疫羈押臺灣阿蓮高雄市證物對外新市區知名</t>
  </si>
  <si>
    <t>仿冒口罩橋頭地檢署高雄台南新冠肺炎</t>
  </si>
  <si>
    <t>高雄台南橋頭口罩仿冒肺炎</t>
  </si>
  <si>
    <t>有錢鄉下逃難荒唐歐洲行徑城市</t>
  </si>
  <si>
    <t>新冠肺炎蔓延全球歐洲各國相繼祭出封城令此一措施也催生出大批逃難潮當中一部分是城市好野人他們趕在封城令生效前打包行李驅車前往郊區別墅不過他們不待在家中行徑猶如渡假甚至無意間將病毒帶至當地</t>
  </si>
  <si>
    <t>無意間甚至渡假全球猶如行徑歐洲各國家中不待相繼別墅郊區前往祭出驅車行李蔓延打包當中措施逃難城市生效</t>
  </si>
  <si>
    <t>新冠肺炎蔓延全球歐洲各國相繼祭出封城令此一措施也催生出大批逃難潮當中一部分是城市好野人他們趕在封城令生效前打包行李驅車前往郊區別墅不過他們不待在家中行徑猶如渡假甚至無意間將病毒帶至當地惹毛在地人痛罵他們「自私」。
《紐約時報》（New York Times）報導歐洲各國祭出封城令前夕多個國家都出現了城市人湧入郊區渡假別墅的情形由於政府呼籲在家辦公、甚至頒出禁足令城市好野人受不了被關在自家狹窄的空間才決定連夜打包行李坐上末班火車或自行開車往山邊、海邊渡假勝地逃難去。
以距離巴黎5小時車程的大西洋小島努瓦爾穆蒂耶島（Noirmoutier）為例法國封城前夕大批巴黎人擠上火車使的小島總人口一夜倍增成長至2萬人。不過就在封城後2周努瓦爾穆蒂耶島的新冠疑似病例也激增至70例。
來到這裡的部分巴黎人更被目擊沒有待在家中反而直奔海邊他們野餐、放風箏、慢跑、騎腳踏車行徑猶如渡假。
當地居民氣炸了47歲的布夏（Frédéric Boucard）表示無法接受他們的行徑看起來就好像來渡假一樣。島上醫生瓦塔尼（Dr Cyrille Vartanian）痛批巴黎人「不負責任」和「自私」當地努瓦爾穆蒂耶島市長佛謝（Noël Faucher）則指「被入侵了」。
當地居民的擔憂是有道理的除了可能帶來病毒島上醫療資源相當匱乏僅有6名內科醫生也沒有可以處理嚴重情況的設施最近的急診室在25英里（約40公里）外。
除了法國歐洲其他國家也都有類似情形。義大利疫情最嚴峻的義北地區封城前夕大批居民逃往南部西西里島議員拉劄（Ruggero Razza）日前公開表示當地病例激增主要和其他城市的人湧入有關。在希臘數千城市人無視政府「待在家中」的建議紛紛前往鄉下和海島逼得總理米佐塔基斯（Kyriakos Mitsotakis）宣佈全國封城。</t>
  </si>
  <si>
    <t>當地渡假城市居民家中巴黎人封城前夕行徑瓦爾穆蒂耶海邊表示島上火車小島病毒逃難自私甚至情形政府</t>
  </si>
  <si>
    <t>決斷延期東奧</t>
  </si>
  <si>
    <t>東京奧運今年大概辦不成了繼美國奧會、澳洲政府發聲之後英國奧會也要向國際奧會(IOC)請求延期。上屆奧運3國總和超過200面獎牌了這些指標性的會員國足以壓迫IOC放棄7月續辦的選項但是已無退路的IOC為何要拖這</t>
  </si>
  <si>
    <t>ioc奧運辦不成美國放棄壓迫獎牌足以超過會員國指標性國總請求延期大概英國澳洲政府退路選項今年之後發聲</t>
  </si>
  <si>
    <t>東京奧運今年大概辦不成了繼美國奧會、澳洲政府發聲之後英國奧會也要向國際奧會(IOC)請求延期。上屆奧運3國總和超過200面獎牌了這些指標性的會員國足以壓迫IOC放棄7月續辦的選項但是已無退路的IOC為何要拖這麼久？
英媒BBC指出IOC起初在等待主辦方日本的態度雖然決定權不在日本但承受損失的是日本政府光是處理旅館退房就夠麻煩了場館與選手村建設的成本也無法在時程內回收。因此IOC還是有所顧忌。
其次是世界衛生組織(WHO)目前對此還沒有指示以及東奧運背後牽扯的諸多贊助商。例如「可口可樂」就表明了希望IOC自己衡量後做出決定不要輕易屈服於國際壓力。
再來是延後1年會卡到其他國際賽事例如世界田徑錦標賽是在奇數年夏季舉辦頭一個就會撞期。如果改到今年秋季或冬季又會輪到歐洲足球、美國籃球跳出來抗議。
其實1964年東京奧運、1968年墨西哥城奧運都是在10月舉行的而且當時世界沒有重大災變只是因為夏天太熱了。現今職業賽事愈來愈多奧運改動時程的難度也更大但是面對肆虐全球的疫情IOC不該再猶豫下去。</t>
  </si>
  <si>
    <t>ioc奧運國際沒有賽事例如美國時程世界今年日本東京疫情全球主辦等待起初承受指出肆虐放棄損失</t>
  </si>
  <si>
    <t>IOC奧會奧運英國東京奧運</t>
  </si>
  <si>
    <t>英國奧運ioc東京</t>
  </si>
  <si>
    <t>王麗莎上場陳時中經濟</t>
  </si>
  <si>
    <t>雖然新冠肺炎的疫情仍然持續肆虐但在歐洲各國似乎已經出現了疫情趨緩的情況。就統計數字來看原本疫情最嚴重的義大利死亡人數的曲線也進入「高原期」也就是累積總數雖多但每天增長的幅度逐漸趨緩。美國雖然</t>
  </si>
  <si>
    <t>疫情仍然持續肆虐人數幅度死亡似乎大利累積已經嚴重總數出現增長原本來看統計數字情況歐洲各國曲線逐漸進入</t>
  </si>
  <si>
    <t>雖然新冠肺炎的疫情仍然持續肆虐但在歐洲各國似乎已經出現了疫情趨緩的情況。就統計數字來看原本疫情最嚴重的義大利死亡人數的曲線也進入「高原期」也就是累積總數雖多但每天增長的幅度逐漸趨緩。美國雖然目前是全球疫情最危急的國家不過在4月8日白宮醫療顧問、國家過敏與傳染病研究院院長佛奇也指出美國的新冠肺炎死亡病例持續下降並說這是美國人民共同努力的成果。
既然疫情逐漸趨緩現在各國政府馬上要面臨的下一個挑戰就是怎麼復甦經濟並讓老百姓的生活回歸正軌。在歐洲疫情比較樂觀的奧地利和丹麥就宣佈要有限度地解除封城。雖然現階段還是禁止大型集會而且出門還是要保持社交距離但至少會讓一部分的小商家陸續開業並分階段解除管制。
奧地利在這次的疫情表現是個有趣的例子。雖然一開始確實比較後知後覺但開始動起來時全國上下很快進入狀態。就拿口罩這件事來說奧地利因為有防堵恐怖分子和恐攻的《反蒙面法》所以不是想不想戴口罩的問題是根本不准戴戴了犯法會被罰。疫情大爆發後3月30日在總理一聲令下政策大轉彎全國百姓如果要出門都必須戴口罩。這些所謂「西方先進國家」雖然一開始好像慢半拍但他們回過神來處理公共行政事務時確實知道該注意的細節是什麼。
台灣因為17年前SARS的慘痛經驗所以初新冠肺炎爆發至今在防疫方面的工作都做得很好。但是當疫情趨緩現在坐在疫情指揮中心這一群以公衛、醫學為專業的長官們有沒有讓經濟復甦、百姓生活回歸常軌的因應措施？
經濟復甦和防堵疫情應該是兩條不衝突可並行的道路。在疫情初期我們將重心放在圍堵疫情所以犧牲了經濟無可厚非。但是當全世界都在為疫情過去的經濟活絡做準備我們依然只專注在防疫而忽略其他民生消費的現實壓力對比其他國家反而是「先發後至」了。
武漢封城76天後終於解封。大陸官方隨即宣佈五一假期連休5天是近十年來最長的勞動節假期原因就是要「促進國內旅遊業復甦並拉動消費」。大家在疫情期間被限制、被悶了這麼久肯定有許多社會壓力要宣洩。就像台灣剛過去的清明連假為什麼會有這麼多人出遊？不也是一種「報復性觀光」嗎？防疫雖然還是大事、不能鬆懈但老百姓在防疫之外的其他生活層面尤其是經濟目前台灣的主事者有沒有能力延續防疫時的精準表現繼續為我們好好把關、好好規畫不要「開高走低」？
套一句川普想要放寬防疫限制救經濟的一條推特：「我們的防疫政策不能比新冠肺炎造成的影響更糟糕。」當時的美國社會能不能套用這句話不好說但現在的台灣社會可能就要好好思考了。
（作者為口譯工作者）</t>
  </si>
  <si>
    <t>疫情防疫經濟國家美國臺灣復蘇肺炎不能奧地利社會口罩開始現在好好</t>
  </si>
  <si>
    <t>疫情防疫經濟新冠肺炎國家</t>
  </si>
  <si>
    <t>經濟肺炎防疫疫情國家</t>
  </si>
  <si>
    <t>連續成功確診路橋擺攤基隆</t>
  </si>
  <si>
    <t>基隆市今增14例土本確診個案其中5例護理之家、8例家庭群聚、1例仁愛市場攤商目前基隆累計262例此外市長林右昌表示昨天確診仁愛市場賣魚攤商5月28日至6月9日早上6點半到7點曾到成功陸橋下擺攤。林右昌指出</t>
  </si>
  <si>
    <t>確診林右昌仁愛市場基隆成功市長累計昨天表示目前擺攤橋下早上個案護理家庭</t>
  </si>
  <si>
    <t>基隆市今增14例土本確診個案其中5例護理之家、8例家庭群聚、1例仁愛市場攤商目前基隆累計262例此外市長林右昌表示昨天確診仁愛市場賣魚攤商5月28日至6月9日早上6點半到7點曾到成功陸橋下擺攤。
林右昌指出5例護理之家確診其中1工作人員、4住民6月3日PCR採檢陰性執行護理機構加強版管理準則12日定期監測採檢確診個案皆無症狀並已收治醫院；8例家庭群聚來自4個家庭皆為居家隔離者採檢確診；1例仁愛市場賣菜攤商擴大篩檢確診無症狀已收治醫院。
林右昌進一步公佈確診者足跡案12859仁愛市場賣魚攤商5月28日至6月9日早上6點半到7點曾到成功陸橋下擺攤；案12858與案11708是親戚關係6月9日下午2點至3點至安樂區安和一街4巷2號的好康蘇果行採購他呼籲民眾若與確診者足跡重疊需特別注意健康狀況也鼓勵至篩檢站聯絡進行採檢。
林右昌說目前成功市場密切接觸者均已匡列仁愛市場則採檢188人其中7人確診包括攤商、家人等目前疫調認為成功、仁愛市場之間關聯性不強感染源可能來自社區或家庭群聚延伸相關單位正與感控專家持續釐清中。</t>
  </si>
  <si>
    <t>確診市場仁愛林右昌成功家庭護理目前足跡來自個案醫院收治擺攤基隆</t>
  </si>
  <si>
    <t>新冠肺炎台灣攤商仁愛市場基隆</t>
  </si>
  <si>
    <t>臺灣肺炎仁愛市場基隆</t>
  </si>
  <si>
    <t>補償防疫隔離</t>
  </si>
  <si>
    <t>因應新冠肺炎行政院會27日將通過600億元特別預算案目前規模600億元朝野多數支持明天（24日）將在立院朝野協商可望取得共識。至於振興抵用券會外加藝文展演範疇經費逾22億元。而防疫隔離假補償金額衛福部初步</t>
  </si>
  <si>
    <t>隔離防疫經費範疇補償展演行政院外加振興共識取得至於可望協商朝野立院特別明天支持元朝目前</t>
  </si>
  <si>
    <t>因應新冠肺炎行政院會27日將通過600億元特別預算案目前規模600億元朝野多數支持明天（24日）將在立院朝野協商可望取得共識。至於振興抵用券會外加藝文展演範疇經費逾22億元。而防疫隔離假補償金額衛福部初步構想每人每日約800元總經費不到10億元但仍待蘇揆最後拍板。
行政院主計長朱澤民表示特別預算細目將待25日立法院通過特別條例後最後盤點27日院會通過後才對外公佈。至於防疫隔離假補償對象、金額也仍待特別條例通過後再確認但會溯及既往也會高於SARS時的每日500元。
知情人士說以基本工資23800元換算為日薪每天也不到1000元因此傾向低於千元並與勞保脫勾不限身份、職業及年齡。衛福部規劃構想每人每日約給800元防疫隔離補償以被政府認定應居家或集中隔離、檢疫者為對象並放寬至照顧者都給予防疫隔離補償若寬列7萬人次隔離14天計經費不到10億元。官員說補償額度、人數等仍有待蘇揆拍板。
行政院會27日將通過600億元的特別預算案至於細節經濟部規劃包含服務業、製造業20076億元交通部規劃觀光旅遊業1968億元農委會規劃農業3、40億元。
另文化部提出短期電影娛樂、藝文展演等紓困、振興經費20億但部分將改列中長期計畫因此政院核給紓困及振興規模約10億上下而衛福部提出防疫採購及隔離假補償經費約187億。
知情官員說這些額度已逾600億元屆時經濟部及交通部經費動支特別預算經費會再下修以容納文化部及衛福部預算至於振興抵用券外加文化表演範疇逾22億元。
至於工商團體訴求減免稅費官員說特別條例已納防疫假支薪寬列營所稅加倍減除其餘企業虧損可分十年攤提營所稅虧損營業稅也可少繳。據悉財政部擔心明年稅收恐受疫情衝擊不小不贊成特別條例再新增其他稅費減免項目。</t>
  </si>
  <si>
    <t>特別經費至於防疫隔離補償振興衛福部條例規劃預算行政院官員文化部</t>
  </si>
  <si>
    <t>新冠肺炎新型冠狀病毒NCP台灣大陸</t>
  </si>
  <si>
    <t>病毒冠狀肺炎ncp臺灣大陸</t>
  </si>
  <si>
    <t>北京態度關鍵</t>
  </si>
  <si>
    <t>新冠肺炎（COVID-19）疫情日益嚴峻抗疫已成為國際社會主流。但疫情之下的政治鬥爭並未停止其他國家之間爆發的大都是互相截留物資的事務性糾紛而中美之間上演的爭鬥話題則豐富到了令人眼花撩亂的地步。蔡英文</t>
  </si>
  <si>
    <t>疫情之間豐富日益話題嚴峻爭鬥上演令人成為國際社會主流物資之下截留糾紛政治事務性互相大都停止</t>
  </si>
  <si>
    <t>美國中國大陸北京疫情矛盾中共臺灣國際大國政治國家崛起西方政府習近平持續川普中美關係</t>
  </si>
  <si>
    <t>新冠肺炎COVID-19美國中美中國</t>
  </si>
  <si>
    <t>美國covid-肺炎中國</t>
  </si>
  <si>
    <t>美國預估疫情感染最慘</t>
  </si>
  <si>
    <t>美國疾病管制暨預防中心（US Centers for Disease Control and PreventionCDC）及全球各大學專家2月預估若新冠肺炎疫情席捲美國最慘的情況是超過21億美國人會感染當中170萬人可能病死。《紐約時報》（N</t>
  </si>
  <si>
    <t>美國可能中心centersfordiseasecontrol席捲andprevention疫情cdc全球大學肺炎專家預估當中感染預防超過情況</t>
  </si>
  <si>
    <t>美國疫情專家cdc預估減緩會議模型病毒情況感染可能最慘表示對外開始醫療肺炎研究行動</t>
  </si>
  <si>
    <t>放映市場常態電影</t>
  </si>
  <si>
    <t>放映肺炎疫情爆發原本欣欣向榮播放電影平臺行業影音暫停轉向樂觀大陸啟信寶持續資料情形顯示復工至今已有影院</t>
  </si>
  <si>
    <t>電影春潮復工大陸影院放映轉到全年票房問題預計肺炎疫情原本爆發欣欣向榮啟信寶資料</t>
  </si>
  <si>
    <t>電影放映新冠肺炎新型冠狀病毒武漢肺炎</t>
  </si>
  <si>
    <t>肺炎冠狀放映病毒武漢電影</t>
  </si>
  <si>
    <t>政治峰會健康全球</t>
  </si>
  <si>
    <t>大陸國家主席習近平於21日晚上在北京以視訊方式出席全球健康峰會並發表題為《攜手共建人類衛生健康共同體》的講話。他在會上強調搞政治操弄絲毫無助抗疫只會給世界各國人民帶來更大傷害。習近平並同時宣佈了中方</t>
  </si>
  <si>
    <t>健康習近平晚上帶來人民北京世界無助方式政治出席全球強調峰會會上發表講話</t>
  </si>
  <si>
    <t>大陸國家主席習近平於21日晚上在北京以視訊方式出席全球健康峰會並發表題為《攜手共建人類衛生健康共同體》的講話。他在會上強調搞政治操弄絲毫無助抗疫只會給世界各國人民帶來更大傷害。習近平並同時宣佈了中方繼續支持全球團結抗疫的五項新舉措將向發展中國家提供30億美元的國際援助及疫苗技術移轉。
習近平在會上表示這場疫情再次昭示人類榮辱與共、命運相連。我們要秉持人類衛生健康共同體理念團結合作、共克時艱堅決反對各種政治化、標籤化、汙名化的企圖。搞政治操弄絲毫無助於本國抗疫只會擾亂國際抗疫合作給世界各國人民帶來更大傷害。
習近平強調要堅持公平合理彌合免疫鴻溝。當前疫苗接種不平衡問題更加突出要摒棄「疫苗民族主義」增強發展中國家的可及性和可負擔性。大國要負起責任多提供一些疫苗給有急需的發展中國家。
習近平宣佈中方繼續支持全球團結抗疫的五項新舉措。第一中國將在未來3年內再提供30億美元國際援助用於支援發展中國家抗疫和恢復經濟社會發展；第二中國已向全球供應3億劑疫苗將盡己所能對外提供更多疫苗。
第三中國支持本國疫苗企業向發展中國家進行技術轉讓開展合作生產；第四中國已宣佈支持新冠肺炎疫苗知識產權豁免也支持世界貿易組織等國際機構早日就此作出決定；第五中國倡議設立疫苗合作國際論壇由疫苗生產研發國家、企業、利益攸關方一道探討如何推進全球疫苗公平合理分配。</t>
  </si>
  <si>
    <t>疫苗中國國際習近平發展中國家支持全球提供健康人類合作會上強調生產共同體國家衛生企業公平合理政治援助傷害</t>
  </si>
  <si>
    <t>新冠肺炎大陸發展中國家抗疫習近平</t>
  </si>
  <si>
    <t>發展中國家大陸肺炎習近平</t>
  </si>
  <si>
    <t>國家施打疫苗排行曝光莫德納</t>
  </si>
  <si>
    <t>台灣新冠疫苗接種突破千萬人次至昨天(21日)為止覆蓋率達3956％疫苗品牌除了AZ與莫德納外明天(23日)將開打國產高端疫苗另輝瑞/BNT也有望中秋節前到貨但到底哪支疫苗在全球最多國家使用？奇美醫院加護病房</t>
  </si>
  <si>
    <t>疫苗使用國家全球接種奇美醫院到底突破到貨昨天有望中秋節bnt覆蓋率輝瑞品牌明天高端az莫德納</t>
  </si>
  <si>
    <t>台灣新冠疫苗接種突破千萬人次至昨天(21日)為止覆蓋率達3956％疫苗品牌除了AZ與莫德納外明天(23日)將開打國產高端疫苗另輝瑞/BNT也有望中秋節前到貨但到底哪支疫苗在全球最多國家使用？奇美醫院加護病房重症醫師陳志金指出第一名是AZ全球有183個國使用其次是輝瑞/BNT有114國以歐美為主第三名才是莫德納66個國家使用。
陳志金日前在臉書分析全球疫苗施打情況根據紐約時報報導AZ是最多國家施打的新冠疫苗總共有183國除了大陸跟美國以外遍佈各大洲第二名是輝瑞/BNT有114國歐美為主非洲和亞洲相對較少莫德納則是排第三有66國施打歐美為主而大陸的國藥疫苗緊追在莫德納之後有65國使用以亞洲、非洲、南美洲為主。
陳志金表示俄羅斯衛星5號有49國施打以亞洲為主；嬌生則有44國使用集中在美洲、歐洲、非洲；大陸科興有39國大多是亞洲、非洲、南美洲國家使用。
至於疫苗打完2劑完整施打率最高的前三名國家第一名是馬爾他81%、第二是阿聯酋74%、第三名是新加坡73%而大陸的完整施打率也達到了56%。並指出國家貧富和疫苗的施打率有很懸殊的對比以每100人接種劑數來看歐洲接種最多每100人中有94人接種過疫苗北美洲則為90人南北洲72人接著是亞洲67人、大洋洲44人非洲最低僅62人接種。
對此網友紛紛留言：「怎麼可能明明有人一直宣傳AZ被許多國家禁止」、「看來大陸的疫苗很偉大專門供應給後段國家最多如非洲南美等厲害」但也有人表示「看疫苗前幾名國家的疫情控制唉」。</t>
  </si>
  <si>
    <t>疫苗國家大陸非洲使用施打az接種莫德納亞洲為主全球輝瑞指出bnt陳志金歐美歐洲</t>
  </si>
  <si>
    <t>莫德納輝瑞BNTAZ高端</t>
  </si>
  <si>
    <t>高端azbnt莫德納輝瑞</t>
  </si>
  <si>
    <t>保護中央縣府不能撤銷全面阻礙不要</t>
  </si>
  <si>
    <t>澎湖宣佈1日起機場全面強制快篩中央流行疫情指揮中心打臉要求撤銷公告縣府痛陳「如果中央不能保護澎湖請不要阻礙澎湖自我保護」澎湖機場仍將全面快篩。縣府表示5月31日立法院三讀通過《嚴重特殊傳染性肺炎</t>
  </si>
  <si>
    <t>縣府中央全面機場保護三讀通過法院日立嚴重表示要求撤銷中心公告指揮疫情不能流行強制</t>
  </si>
  <si>
    <t>澎湖宣佈1日起機場全面強制快篩中央流行疫情指揮中心打臉要求撤銷公告縣府痛陳「如果中央不能保護澎湖請不要阻礙澎湖自我保護」澎湖機場仍將全面快篩。
縣府表示5月31日立法院三讀通過《嚴重特殊傳染性肺炎防治及紓困振興特別條例》修正案並附帶決議中央有責任協助離島阻絕疫情入侵金馬澎要求中央於1周內在台灣本島的機場及港口設置快篩站針對入境離島所有民眾進行全面篩檢。
縣府強調台灣本島機場全面快篩是金馬澎離島3縣共同主張中央應尊重離島訴求並落實立法院附帶決議而非撤銷澎湖縣政府的防疫措施。
尤其澎湖醫療資源有限經不起確診者一再進入縣府有責任保護澎湖民眾將持續執行入境旅客全面強制快篩。
縣府強調離島醫療量能遠不如台灣本島如果沒有全面快篩一旦感染者侵入澎湖擴散蔓延屆時勢不可擋將嚴重癱瘓離島醫療縣府嚴守高強度的全面快篩防疫絕不能讓澎湖失守。
縣府重申1日起入境澎湖全面強制快篩同時填寫健康聲明書拒絕配合者將依法重罰3000元以上至1萬5000元以下罰鍰。</t>
  </si>
  <si>
    <t>縣府中央全面醫療機場入境臺灣嚴重保護法院撤銷本島要求強制附帶決議疫情責任金馬澎民眾強調</t>
  </si>
  <si>
    <t>新冠肺炎台灣澎湖快篩離島</t>
  </si>
  <si>
    <t>美國警示香港旅遊陸同列上調</t>
  </si>
  <si>
    <t>陸美關係緊張之際美國國務院週一（14日）更新對大陸及香港的旅遊警示指因應新冠肺炎疫情和肆意執法情況將兩地同列為第3級「重新考慮是否前往」（Reconsider Travel）。據報導美國對上一次對香港更新旅遊警示</t>
  </si>
  <si>
    <t>香港更新旅遊警示週一大陸兩地情況列為執法重新考慮肆意是否疫情前往肺炎reconsidertravel報導美國因應美國國務院之際關係緊張</t>
  </si>
  <si>
    <t>陸美關係緊張之際美國國務院週一（14日）更新對大陸及香港的旅遊警示指因應新冠肺炎疫情和肆意執法情況將兩地同列為第3級「重新考慮是否前往」（Reconsider Travel）。
據報導美國對上一次對香港更新旅遊警示為今年6月初當時香港被列為第2級「提高警惕」（Exercise Increased Caution）今次則上調至第3級。
警示內容提到自今年7月1日實施《香港國安法》以來（註：該法實際上是6月30日深夜11時生效）大陸政府單方面及任意地在香港行使警方和國安人員的權力並意圖利用這權力針對一些被視為分裂國家、顛覆國家、恐怖主義及勾結外國勢力的活動涵蓋範圍包括身在香港以外的非香港居民或團體增加了曾公開批評大陸的美國人被拘捕、拘留、驅逐及檢控的風險。
大陸方面就由原本第4級「切勿前往」下調至第3級。警示內容提到中國的新冠肺炎疫情有所改善因此下調級別惟亦指中國政府會任意地利用法律令美國及其他國家公民不能離境或被錯誤拘禁。</t>
  </si>
  <si>
    <t>香港美國大陸警示國家任意列為前往下調內容提到更新疫情肺炎今年旅遊權力公民外國活動勢力涵蓋範圍包括國安週一</t>
  </si>
  <si>
    <t>陸美關係旅遊警示新冠肺炎</t>
  </si>
  <si>
    <t>旅遊警示關係陸美肺炎</t>
  </si>
  <si>
    <t>論文奧斯卡賴清德出席學界盛讚管理</t>
  </si>
  <si>
    <t>由台灣管理學會主辦及崇越科技（5434）贊助的「崇越論文大賞」素有「管理學界奧斯卡」美譽也是國內管理學界最具公信力及規模最大的碩博士論文競賽9日於圓山大飯店舉行第13屆頒獎典禮副總統賴清德也受邀出席</t>
  </si>
  <si>
    <t>管理學界賴清德總統頒獎典禮崇越圓山大飯店舉行科技贊助競賽博士論文論文規模奧斯卡素有國內主辦美譽</t>
  </si>
  <si>
    <t>由台灣管理學會主辦及崇越科技（5434）贊助的「崇越論文大賞」素有「管理學界奧斯卡」美譽也是國內管理學界最具公信力及規模最大的碩博士論文競賽9日於圓山大飯店舉行第13屆頒獎典禮副總統賴清德也受邀出席。
賴清德於開幕致詞表示人才培育是台灣經濟發展的基礎崇越論文大賞功不可沒尤其在政治圈近期傳出抄襲風波下更彌足珍貴。當全球環境快速變遷無論個人或企業都必須「唯快不敗」、「唯創新不敗」讓創新成為台灣經濟發展的動能引擎以因應新時代的考驗。
參賽踴躍 量、質皆增
今年參賽論文總數達832件較去年足足多出75件參賽比往年更加熱烈台灣管理學會秘書長汪志堅指出今年論文在數量與質量上同步成長832位同學來自19個國家經過四輪嚴謹的書面與口頭報告審查過五關斬六將最終篩選出107篇論文再自其中精選6篇特優論文而特優組同學13日也將接受總統府接見。
特優論文
呼應產業趨勢
崇越論文大賞為因應快速的產業變遷歷年皆因應時勢調整競賽主題讓學術論文更貼近實務成為企業營運管理的解決方案今年獲頒特優的6篇論文同樣呼應產業趨勢面向包含純網銀、直播拍賣、線上評論、Bank 40等。
其中在「外籍生學位論文」組裡來自印尼的依丁默（Muhammad Izharuddin）因研究環境變動及輿論對於健康資訊系統的漸進優化模式被評審團一致認為在新冠肺炎尚未獲得有效控制之前該研究極具實務參考價值最終榮獲特優殊榮。
崇越集團董事長郭智輝認為崇越集團成立至今適逢30周年恰好遭幾十年難得一見的新冠肺炎大疫情儘管嚴重衝擊全球景氣但在全球產經情勢快速變動下也為台灣帶來發展機遇。
郭智輝表示透過辦理崇越論文大賞積極鼓勵產學合作讓碩博士生在研究期間便培養獨立思考、研究的能力不僅能發現問題更有預防問題、解決問題以及問題發生後的處理能力在快速變遷的新時代裡具有舉足輕重的作用。</t>
  </si>
  <si>
    <t>論文管理研究臺灣快速崇越今年變遷參賽因應發展產業來自變動全球環境</t>
  </si>
  <si>
    <t>賴清德台灣經濟快速因應崇越論文大賞</t>
  </si>
  <si>
    <t>因應快速崇越論文經濟臺灣賴清德</t>
  </si>
  <si>
    <t>透露時間出國不用提心吊膽</t>
  </si>
  <si>
    <t>新冠疫情肆虐全球出國玩變得遙不可及振興醫院急診重症醫學部主治醫師蔡賢龍認為要一直到2023年疫情過後才可以放心出國旅遊不用提心吊膽提防病毒。日前日本政府贈與的第二批113萬劑AZ疫苗8日抵達台灣加上</t>
  </si>
  <si>
    <t>出國疫情疫苗az贈與日本政府日前病毒全球提防提心吊膽不用急診醫院重症醫學主治醫師旅遊蔡賢龍遙不可及振興認為一直放心可以</t>
  </si>
  <si>
    <t>新冠疫情肆虐全球出國玩變得遙不可及振興醫院急診重症醫學部主治醫師蔡賢龍認為要一直到2023年疫情過後才可以放心出國旅遊不用提心吊膽提防病毒。
日前日本政府贈與的第二批113萬劑AZ疫苗8日抵達台灣加上次送的124萬劑AZ已經捐給台灣237萬劑疫苗比台灣自購的疫苗到貨數量還多讓台灣有疫苗度過疫情爆發的時刻為了報答恩情許多人發願要在解封後玩爆日本。
蔡賢龍日前在臉書發文感謝日本捐贈疫苗但他個人認為可以放心出國旅遊至少都要等到2023年才不用提心吊膽處處提防「有些朋友說要解封爆刷日本還是覺得減少接觸比較好」。目前日本疫情回升連日確診破2000例12日起將實施第四次緊急事態宣言同時奧運不開放觀眾入場。
與其等待遙遙無期的出國玩來感謝日本蔡賢龍表示其實可利用無接觸的醫療項目開始互相幫忙像是從全球捐贈網「global giving」實質回饋日本相關新冠肺炎的醫療項目透過小額捐款馬上回報日本恩情也是不錯選擇。</t>
  </si>
  <si>
    <t>日本疫情疫苗出國蔡賢龍臺灣恩情全球捐贈專案醫療接觸日前認為感謝提防提心吊膽az解封放心可以旅遊</t>
  </si>
  <si>
    <t>日本捐疫苗出國玩安全蔡賢龍</t>
  </si>
  <si>
    <t>出國疫苗安全日本蔡賢龍</t>
  </si>
  <si>
    <t>輸出單次新高臺灣</t>
  </si>
  <si>
    <t>「台灣輸出」新冠肺炎昨天一口氣增加19例再創單次新高！中央流行疫情指揮中心昨天表示近期又分別接獲18名菲律賓、1名日本民眾自台灣返該國後確診新冠肺炎指揮官陳時中表示菲律賓對台陽性率異常的高應該</t>
  </si>
  <si>
    <t>菲律賓表示昨天肺炎臺灣中央新高流行再創疫情指揮中心陳時中日本近期民眾增加分別指揮官一口氣確診</t>
  </si>
  <si>
    <t>「台灣輸出」新冠肺炎昨天一口氣增加19例再創單次新高！中央流行疫情指揮中心昨天表示近期又分別接獲18名菲律賓、1名日本民眾自台灣返該國後確診新冠肺炎指揮官陳時中表示菲律賓對台陽性率異常的高應該是檢驗的問題同時今起也調整自菲國入境旅客的採檢策略取消無症狀者於機場篩檢改為集中檢疫14天後進行全採。
陳時中指出自6月以來從台灣返菲的確診人數累積達25人雖然可能是菲國當地的檢驗問題但仍視為本土確診看待並進行疫調目前在台灣的接觸者共匡列372人初步採檢202人核酸與血清抗體皆是陰性。
陳時中認為檢驗有問題
至於新增日本籍個案則是在入境日本時抗原採檢呈陽性因而通知我國但後來接獲通知該個案日本政府於9月20日及21日以核酸檢測複驗結果為陰性其在台接觸者匡列1人經核酸及血清抗體檢驗結果均為陰性。
至於菲律賓自台輸出新冠肺炎部分則是一口氣再增18人其中有13人搭乘9月11日同班機返回菲律賓另有4例則是9月10日同班機返菲旅客。發言人莊人祥表示該2班機陽性率異常偏高雖然之前臺灣也有「最毒班機」同班機就有12人確診但旅客都是來自高風險的紐約台灣並非高風險國家陽性率這麼高不太可能發生。
已向菲國詢問瞭解細節
莊人祥說從6月1日至9月20日自我國出境至鄰近國家檢驗陽性率菲律賓累計檢出25例陽性率048％明顯高於其他國家如大陸0005％及日本0055％為何陽性率這麼高？指揮中心已透過正式管道向菲國瞭解細節。
至於自菲律賓入境旅客的採檢策略陳時中表示原本都是入境時在機場全面採檢但經一段期間實施後發現只能抓出07％的無症狀感染者效益偏低因此改為集中檢疫14天期滿前進行採檢但機場仍會針對有症狀者進行採檢。</t>
  </si>
  <si>
    <t>菲律賓臺灣陽性率檢驗菲國確診表示旅客進行入境班機日本國家至於問題陰性機場</t>
  </si>
  <si>
    <t>菲國採檢陳時中肺炎菲律賓</t>
  </si>
  <si>
    <t>陳時中肺炎菲律賓菲國</t>
  </si>
  <si>
    <t>林靜儀聲明回擊who</t>
  </si>
  <si>
    <t>《紐約時報》今刊登台灣民眾募資的廣告文中為台灣被WHO拒於門外抱屈。WHO立即發表13點聲明強調數十年來一直與台灣衛生部門保持技術交流。對WHO的13點聲明林靜儀醫師在臉書一一註解打臉WHO。林靜儀醫師表示WH</t>
  </si>
  <si>
    <t>who臺灣聲明林靜儀醫師民眾文中為立即發表一直強調衛生部門保持技術交流廣告門外一一注解抱屈刊登表示紐約時報</t>
  </si>
  <si>
    <t>《紐約時報》今刊登台灣民眾募資的廣告文中為台灣被WHO拒於門外抱屈。WHO立即發表13點聲明強調數十年來一直與台灣衛生部門保持技術交流。對WHO的13點聲明林靜儀醫師在臉書一一註解打臉WHO。
林靜儀醫師表示WHO提了13個例子回覆中央社說他們「一直有跟台灣聯絡」看完笑了。並一一註解打臉WHO的聲明：
1 台灣成立2005年國際衛生條例（IHR 2005）聯繫窗口透過它接收IHR的通訊向WHO總部直接提供IHR相關更新資訊並可進入IHR活動資訊網站（EIS）系統。
12 為支援IHR的工作一位台灣的專家已被列入IHR專家名單。
林靜儀指出我們2019年12月31日透過IHR提醒你們中國有奇怪疫情可能人傳人要注意哦如果有資料拜託給我們喔結果你們 已讀未回啊
2 WHO在2020年1月成立多個支援WHO在全球因應COVID-19工作的重要網路台灣的衛生專家參加了其中兩個。
3 兩位台灣的專家參與了WHO在2020年2月11日至12日主辦的全球研究與創新論壇
林靜儀指出當時全球疫情已經延燒讓我們參加討論不合理嗎？啊嗯丟金多謝哦
4 台灣的衛生調查訓練班是流行病學與公共衛生防治訓練網（簡稱TEPHINET）的成員。WHO會與TEPHINET分享全球疫情警報與因應。
5 WHO透過技術領導單位曾向台灣衛生當局提供簡報。
林靜儀指出「我有叫別人給你講義哦。」
6 台灣的專家與當局可自由前往WHO官網及其他數位平臺取得最新發展、指引及其他材料。他們也可以進入網站平臺那裡有提供給全球決策官員及疫情因應人員的公開線上課程。
林靜儀指出我覺得這個最扯。「你們自己可以上網看啊。」
7 對台灣駐日內瓦辦事處有指定的聯絡視窗。透過這個管道可處理一般性的問題
林靜儀指出大概是「我有給你客服電話號碼」的意思。
8 WHO透過歐洲疾病預防暨管制中心與台灣衛生當局互動。
林靜儀指出「我有叫我朋友跟你一起玩啊。」
9 在2019年全年台灣專家獲得9場WHO技術會議的邀請。他們參加了其中8場
林靜儀指出可是2009至2019年間我們申請參與187場技術性會議最後只准出席57場誒。
10 在流感方面台灣的疫苗製造廠國光生技對WHO流感全球大流行因應準備架構（PIP Framework）做出貢獻。
林靜儀指出呃所以？
11 在對抗癌症方面台灣的專家曾供稿給WHO國際癌症研究署出版的重要刊物。
林靜儀指出呃不然咧？
13在許多其他議題方面從WHO藥廠產品檢驗合格之前的做法到瘧疾我們在各種做法與技術問題上也有交流。
林靜儀指出同學你已經在湊字數了吧。</t>
  </si>
  <si>
    <t>who臺灣林靜儀指出衛生ihr全球專家透過疫情因應提供方面參加技術聲明當局流感平臺可以會議問題一直重要</t>
  </si>
  <si>
    <t>WHO林靜儀台灣IHR新冠肺炎</t>
  </si>
  <si>
    <t>ihr臺灣林靜who肺炎</t>
  </si>
  <si>
    <t>上午開始施打外勤az苗栗縣疫苗</t>
  </si>
  <si>
    <t>衛福部第3批進口的40餘萬劑AZ疫苗其中苗栗縣獲發1800劑苗栗縣長徐耀昌為考量第1線員警執勤防護需求特別撥發其中部分疫苗給苗栗縣警局外勤警力300人次施打由於疫苗數量有限所以剩餘警局人員將待日後疫苗撥</t>
  </si>
  <si>
    <t>疫苗苗栗縣考量員警徐耀昌執勤防護縣長需求苗栗特別撥發人員部分數量施打有限警力az外勤日後</t>
  </si>
  <si>
    <t>衛福部第3批進口的40餘萬劑AZ疫苗其中苗栗縣獲發1800劑苗栗縣長徐耀昌為考量第1線員警執勤防護需求特別撥發其中部分疫苗給苗栗縣警局外勤警力300人次施打由於疫苗數量有限所以剩餘警局人員將待日後疫苗撥發下來後再安排施打。
31日上午縣警局外勤員警開始分赴部立苗栗醫院以及各地衛生所接受疫苗注射首日共有90餘名員警施打完畢包括有北苗、後龍、銅鑼、獅潭、三灣、公館、竹南等分駐所、派出所員警。縣警局長周煥興特別帶著咖啡到部立苗栗醫院感謝醫護人員為外勤員警施打疫苗辛勞並關心同仁施打的情形院長李明輝也給予同仁正確的疫苗施打觀念及關懷指引讓基層執勤時無後顧之憂！
縣警局表示員警每日在外執行治安及協助防疫稽查等相關勤務接觸外界的不確定因素及風險較高縣警局所屬外勤員警約有805人第一梯次300人接受施打後可達外勤警力的3分之1強後續待有新疫苗發下時再持續擴大施打範圍。</t>
  </si>
  <si>
    <t>疫苗施打外勤員警執勤特別苗栗縣同仁撥發接受警力醫院勤務接觸相關外界稽查</t>
  </si>
  <si>
    <t>施打外勤員警疫苗苗栗縣警局新冠肺炎</t>
  </si>
  <si>
    <t>苗栗縣疫苗外勤施打肺炎</t>
  </si>
  <si>
    <t>智邦營突破</t>
  </si>
  <si>
    <t>儘管新冠肺炎肆虐但智邦科技首季業績卻不受影響3月及首季營收同創歷年同期新高且單季營收也再度站上百億關卡等於連七季營收守穩百億水準。智邦7日公佈3月營收4652億元創下歷年同期新高除較去年同期的43</t>
  </si>
  <si>
    <t>智邦首季歷年新高同期科技創下肆虐等於再度連七季同創單季公佈業績不受影響關卡站上水準肺炎</t>
  </si>
  <si>
    <t>智邦今年創下新高去年現金歷史首季投資派發股利成績年度業績eps成長</t>
  </si>
  <si>
    <t>業績四樓智邦百億關卡投資</t>
  </si>
  <si>
    <t>投資關卡業績智邦</t>
  </si>
  <si>
    <t>補償請假家長停課全校</t>
  </si>
  <si>
    <t>依立法院三讀通過的「嚴重特殊傳染性肺炎防治及紓困振興特別條例」明定接受居家隔離、居家檢疫、集中隔離或集中檢疫受僱者可以請不強制雇主給薪的防疫隔離假並領取「防疫補償」但若遇到全班停課或全校停課14</t>
  </si>
  <si>
    <t>隔離防疫嚴重特殊補償傳染性肺炎防治紓困振興特別條例檢疫三讀通過可以雇主強制遇到領取居家接受</t>
  </si>
  <si>
    <t>依立法院三讀通過的「嚴重特殊傳染性肺炎防治及紓困振興特別條例」明定接受居家隔離、居家檢疫、集中隔離或集中檢疫受僱者可以請不強制雇主給薪的防疫隔離假並領取「防疫補償」但若遇到全班停課或全校停課14天家長可請假並領取補償嗎？
勞動部官員表示已與教育部向中央流行疫情指揮中心反映希望如果遇到全班停課或全校停課未領有「居家隔離通知書」的家長可以請「防疫照顧假」如同日前勞動部部長許銘春在立法院所提「不排除有第二波的防疫照顧假」但防疫照顧假不強制雇主給薪依特別條例也無法領取防疫補償。
但勞動部官員說但如果有學生收到「居家隔離通知書」則家長可以請「居家隔離假」來照顧生活不能自理的受隔離者事後可以申請「防疫補償」。
台灣家長聯盟理事長謝國清表示如果之後全校停課或全班停課採先前的不強制給薪的「防疫照顧假」一定會對家長造成生計上的困難畢竟等於半個月沒有薪水勞動部應該釋出一些利多鼓勵雇主給薪；至於全校停課時如果還要區分誰可以領防疫補償、誰不能領防疫補償「的確有點怪怪的」。</t>
  </si>
  <si>
    <t>防疫隔離勞動部家長補償可以全校照顧居家停課雇主領取表示全班特別條例立法強制官員不能遇到通知書</t>
  </si>
  <si>
    <t>防疫停課補償家長隔離</t>
  </si>
  <si>
    <t>隔離停課補償防疫家長</t>
  </si>
  <si>
    <t>支隊長懲處解放軍理由</t>
  </si>
  <si>
    <t>海軍敦睦艦隊染疫30人國防部為釋眾疑每天開記者會最新進度是認定沒隱匿、只有回報問題同時支隊長陳道輝也改口說沒有回報有人員發燒且是他下令放行下船。對此宅神朱學恒說既然當事人已扛責他本已不想</t>
  </si>
  <si>
    <t>回報當事人國防部釋眾疑朱學記者會對此最新下船進度放行下令認定發燒沒有改口說支隊長</t>
  </si>
  <si>
    <t>海軍敦睦艦隊染疫30人國防部為釋眾疑每天開記者會最新進度是認定沒隱匿、只有回報問題同時支隊長陳道輝也改口說沒有回報有人員發燒且是他下令放行下船。對此宅神朱學恒說既然當事人已扛責他本已不想多講但處罰艦隊長竟是因為沒回報發燒他怒嗆他✕✕要笑死解放軍嗎？
朱學恒在臉書上說一想到人家人家遼寧號跟六艘護衛艦繞台示威人民解放軍回去可能還會有功有賞結果我們敦睦艦隊都還沒休息就又出去監視遼寧艦任務成功圓滿達成。最後中華民國的艦隊長被懲處你處罰艦隊長的原因是沒回報發燒。是他✕✕要笑死解放軍嗎?
他在文中引述一位感染科醫師的說法「只以回報這點來說是表格設計的問題比較大不是醫官也不是支隊長的問題。」
一位網友則認為其實三方有責任一個是誰准出船？這是行政院以上要扛；一個是設定海軍沒照鑽石公主號規格這是防疫指揮官的問題；一個是下船放人這是海軍責任。</t>
  </si>
  <si>
    <t>艦隊回報問題遼寧發燒海軍朱學下船支隊長解放軍處罰敦睦責任示威回去任務</t>
  </si>
  <si>
    <t>支隊長海軍解放軍回報發燒</t>
  </si>
  <si>
    <t>解放軍海軍發燒回報支隊長</t>
  </si>
  <si>
    <t>重症氣氣沈榮津投入經部經濟原型機</t>
  </si>
  <si>
    <t>台灣新冠肺炎疫情控管有成國家口罩隊功不可沒一手規劃口罩國家隊的經濟部長沈榮津今(29)日表示經濟部將會編列5000萬投入重症呼吸器原型機開發可說是打造「呼吸器國家隊」的第一步。經濟部長沈榮津今出席</t>
  </si>
  <si>
    <t>國家隊口罩經濟部長沈榮津呼吸器疫情控管有成國家肺炎重症投入經濟部表示功不可沒一手規劃原型機開發打造臺灣</t>
  </si>
  <si>
    <t>台灣新冠肺炎疫情控管有成國家口罩隊功不可沒一手規劃口罩國家隊的經濟部長沈榮津今(29)日表示經濟部將會編列5000萬投入重症呼吸器原型機開發可說是打造「呼吸器國家隊」的第一步。
經濟部長沈榮津今出席立院財委會特別預算報告他表示經濟部將編列5000萬預算投入研發重症呼吸器原型機開發也會整合國內相關業者預計將會先將開發100台原型機進行測試可說是打造「呼吸器國家隊」的第一步。
有鑑於本次新冠肺炎爆發全球急重症呼吸器告急只是因為相關重症呼吸器的生產多由歐美大廠所掌握故經濟部本次特別編列5000萬預算投入研發重症呼吸器原型機開發預計先開發100台原型機。</t>
  </si>
  <si>
    <t>呼吸器重症國家隊開發原型機經濟部肺炎特別預算口罩經濟部長相關沈榮津表示打造預計投入國家有成疫情控管全球</t>
  </si>
  <si>
    <t>沈榮津新冠肺炎重症呼氣器口罩立法院</t>
  </si>
  <si>
    <t>重症肺炎口罩沈榮津法院</t>
  </si>
  <si>
    <t>實體演唱會林俊傑暌違慈善</t>
  </si>
  <si>
    <t>林俊傑（JJ）下月27、28日將在新加坡舉辦實體演唱會是他繼2019年12月在新加坡國家體育館後相隔736天再辦大型實體個唱；由於新加坡防疫規範每場演唱會僅能容納1000位觀眾入場為了讓更多人共襄盛舉JJ這2天演</t>
  </si>
  <si>
    <t>林俊傑 jj 下月 2728 日 將 在 新加坡 舉辦 實體 演唱會 是 他 繼 2019 年 12 月 在 新加坡 國家 體育館 後 相隔 736 天 再 辦 大型 實體 個唱 由於 新加坡 防疫 規範 每場 演唱會 僅 能 容納 1000 位 觀眾 入場 為了 讓 更 多 人 共襄盛舉 jj 這 2 天 演</t>
  </si>
  <si>
    <t>新加坡演唱會實體jj入場觀眾容納舉辦規範體育館防疫國家相隔個唱共襄盛舉下月林俊傑</t>
  </si>
  <si>
    <t>林俊傑（JJ）下月27、28日將在新加坡舉辦實體演唱會是他繼2019年12月在新加坡國家體育館後相隔736天再辦大型實體個唱；由於新加坡防疫規範每場演唱會僅能容納1000位觀眾入場為了讓更多人共襄盛舉JJ這2天演出將採現場與線上直播同步進行門票等收益全數捐助慈善團體。
他日前錄製新加坡節目受訪時坦言疫情爆發以來最想念的就是演唱會當場請一同上節目的新加坡衛生部長幫忙籌辦演出。對於台灣近來疫情趨緩、大型演唱會陸續開放JJ明年上半年有機會來台舉辦實體演唱會？他的經紀人徐佩雲25日未置可否表示：「目前都還沒有定耶計劃趕不上變化所以我們靜待。」
JJ飛返新加坡已3個半月即便上個月已完成第二劑疫苗接種心裡仍害怕新冠肺炎他說：「身為創作人最怕沒靈感我很清楚自己的靈感來自於自由狀態飛到各地工作、生活點滴累積而來疫情讓我覺得創作被綑綁住很怕這種感覺。」開玩笑如果疫情持續下去自己會忘了怎麼唱歌。
JJ認為疫情重創各行各業經濟生意不能做、演唱會不能辦等雖然損失慘重但另一個沒被看見的層面是疫情對大眾身心靈的影響包括辛苦的醫護人員也是他籌辦下個月公益演唱會的原因之一。</t>
  </si>
  <si>
    <t>疫情演唱會新加坡jj實體創作籌辦演出節目舉辦靈感不能心裡接種害怕定耶沒有</t>
  </si>
  <si>
    <t>演唱會JJ實體新加坡疫情</t>
  </si>
  <si>
    <t>疫情演唱會新加坡實體jj</t>
  </si>
  <si>
    <t>居家檢測目標質疑</t>
  </si>
  <si>
    <t>台灣至今未對COVID-19（新冠肺炎、一稱武漢肺炎）採取普篩政策不過包括南韓、德國都成功以普篩趨緩病例新增速度、降低死亡率就連一度採取「佛系抗疫」的英國也大轉彎宣佈要在4月底前每日篩檢10萬例推出像驗</t>
  </si>
  <si>
    <t>採取肺炎月底轉彎宣佈英國一度速度都成功死亡率降低政策病例</t>
  </si>
  <si>
    <t>台灣至今未對COVID-19（新冠肺炎、一稱武漢肺炎）採取普篩政策不過包括南韓、德國都成功以普篩趨緩病例新增速度、降低死亡率就連一度採取「佛系抗疫」的英國也大轉彎宣佈要在4月底前每日篩檢10萬例推出像驗孕一樣簡便的居家檢測。而台灣清明連假各景區遊客爆增台大公衛學院院長詹長權再次呼籲擴大檢測範圍。
一個月前英國還說找出每起病例不是第一要務但在英國新冠肺炎病例超過4萬例、首相強森都確診還得入院檢查之際強森改口：「篩檢很重要。」承諾要達到每日檢測10萬例的遠大目標對比目前日檢1萬例足足擴大10倍。
官方態度急轉彎關鍵原因之一是連醫療人員都無法確定自己是否染病而不敢輕易踏進醫院導致人手大缺。英國官方已購入1750萬份居家抗體檢測這種像驗孕棒的試劑標榜只要15分鐘、從手指取一滴血滴入試劑就知道結果不需要任何專業訓練。一旦測出血液中有抗體就能恢復上班、回歸正常生活。
居家檢測像驗孕一樣簡便可靠嗎？
其實早在3月初就有科學家發表這類驗孕棒式試劑的研究成果預計上市後每份售價將低於1英鎊（約台幣37元）。但當時表示仍在早期研發階段至少需要6個月才能正式使用。現在英國政府卻急著要用準確度立刻遭到英國媒體質疑《衛報（The Guardian）》引述參與試劑效果驗證的科學家說法表示市面上販售的居家試劑還沒有任何一種完全可靠即使有90％的準確度也是在醫院針對有明顯症狀的病人使用才這麼有效。
英國官方一度信心滿滿表示民眾幾天內就能在網路和實體藥妝店買到這些試劑但衛生大臣漢考克（Matt Hancock）隨後坦承驗孕棒式試劑「還不夠好」淡化驗孕棒式試劑的重要性。其實英國民眾現在能自費購買的試劑不只於此但恐怕所費不貲。
倫敦企業Rightangled研發出的居家試劑可直接寄送到府採用的是傳統的咽喉擦拭液採檢使用者跟著影片示範將棉棒深入咽喉再將檢體放入滅菌袋中寄回3天後就能知道檢測結果。
只是每份要價200英鎊（約台幣7400元）即使以半價提供給醫護人員也要台幣3000多元恐怕不是人人負擔得起但CEO賽博亞（Abdullah Sabyah）表示短短一週內就有數千份訂單湧入。
另一家Diagnostics for the Real World則研發了檢測機器森巴2號（Samba II）研發人Helen Lee強調使用方式「像煮飯一樣簡單」同樣以棉棒採檢90分鐘就能知道結果收費38美元（約台幣1100元）。但Helen Lee表示大量生產仍有困難並不是資金不夠而是原物料不足。
她直言目前全球都受限於試劑原物料的供應「就好像海嘯侵襲全世界但不是人人有救生衣。」
除了原物料不夠普篩也要和時間賽跑。根據《紐約時報》報導德國一週可篩35萬例尤其感染風險最高的醫護人員更進行常規性篩檢為了簡化流程有些醫院將醫護每10人分為一組進行「區塊篩檢」。
方法是將10份檢體都混合在同一份保存液中再檢驗這份保存液中是否帶有新冠病毒一旦發現病毒就表示10人中至少1人確診。接著一個一個採檢、確定到底是誰染病即可。反過來說只要這份保存液不帶新冠病毒一次就能排除10人的染病可能等於瞬間將檢驗量能擴大10倍。
新冠肺炎目前在德國的致死率只有14％遠低於義大利的12％以及英、法的10％及美國的25％。即使是同樣實行普篩的南韓17％的致死率仍略高於德國。
清明連假後恐出現破口台灣需要普篩嗎？
至於台灣中央流行疫情指揮中心指揮官陳時中仍表示以居家檢疫優先表示只有當疫情到「社區個案人數暴增」和「感染源不明者」如雨後春筍般出現時才會考慮普篩。
不過清明連假期間各景區遊客爆增各界都擔心已出現破口。台大公衛學院院長詹長權再次建議擴大檢測範圍他認為政府目前採用被動檢測方式無法有效掌握人群中誰是感染者、誰是未感染者建議優先檢測3類人員：
1醫院重症病人、長照機構長者
2廣泛接觸群眾的超商店員、送貨員、司機
3確診個案的所有接觸者以及所在地區的抽樣民眾
詹長權也呼籲政府對入境者採取全面檢測。台灣能不能像德國一樣超前部署、維持抗疫成果清明連假後或許就是分野。
資料來源：CNN、Daily Mail、The Guardian、New York Times</t>
  </si>
  <si>
    <t>試劑檢測英國表示居家德國醫院臺灣the</t>
  </si>
  <si>
    <t>小時英人可悲麥當勞下場</t>
  </si>
  <si>
    <t>英國新冠肺炎疫情趨緩原本全面關閉的麥當勞近期重新開放部分店家得來速服務開店後大批車潮湧入長長排隊車潮看不到盡頭擾亂當地交通路人笑稱為了區區幾個雞塊排隊2小時許多網友看到畫面後直呼太可悲</t>
  </si>
  <si>
    <t>排隊車潮疫情原本全面關閉麥當勞畫面近期重新肺炎開放部分看到店家得來網友服務小時交通當地稱為</t>
  </si>
  <si>
    <t>英國新冠肺炎疫情趨緩原本全面關閉的麥當勞近期重新開放部分店家得來速服務開店後大批車潮湧入長長排隊車潮看不到盡頭擾亂當地交通路人笑稱為了區區幾個雞塊排隊2小時許多網友看到畫面後直呼太可悲也有網友表示「難怪英國人有肥胖問題」。
英國《太陽報》（The Sun）報導英國疫情趨緩開始分階段解封麥當勞也宣佈重新開放部分、共39間分店的得來速服務重新營業後英國各地麥當勞湧入大量排隊車潮。
一名路人就提供一段開車經過麥當勞時看到的驚人畫面長長的車龍自麥當勞得來速車道綿延下去看不到盡頭這名路人邊看邊驚呼「這是為了幾塊雞塊排隊2小時啊！」
排隊車潮甚至影響到當地交通逼得麥當勞出面表示如果車潮繼續他們可能會考慮重新關閉部分分店。
影片曝光後也引發英國網友一面倒回應許多人評論這些人「真可悲」、「真是個笑話」「真不敢相信居然還有人吃這東西」也有人說「難怪英國人有肥胖問題」。</t>
  </si>
  <si>
    <t>麥當勞英國車潮排隊重新路人網友得來部分關閉交通表示疫情可悲當地盡頭看到看不到畫面分店小時</t>
  </si>
  <si>
    <t>不要店員傻眼貓咪</t>
  </si>
  <si>
    <t>新冠肺炎的疫情持續升溫讓民眾十分憂心許多店家也有積極配合戴口罩和勤消毒、洗手等防疫措施沒想到一名超商店員日前在幫客人結帳的時候竟然被對方嫌手髒還口氣很差的大喊：「不要碰我！」讓該名店員傻眼之</t>
  </si>
  <si>
    <t>持續升溫不要大喊民眾十分口氣憂心店家方嫌積極竟然配合時候口罩客人消毒日前</t>
  </si>
  <si>
    <t>新冠肺炎的疫情持續升溫讓民眾十分憂心許多店家也有積極配合戴口罩和勤消毒、洗手等防疫措施沒想到一名超商店員日前在幫客人結帳的時候竟然被對方嫌手髒還口氣很差的大喊：「不要碰我！」讓該名店員傻眼之餘也忍不住生氣直呼「你當我也會死亡之握是不是」。
一名在超商工作的網友在臉書社團「爆怨公社」發文表示日前遇到一個結帳的客人找錢的時候對方突然口氣很差的說：「不要碰我！」讓該名網友瞬間傻眼客人接著說：「一直收錢一直收錢你的手很髒。」網友聽了趕緊回說他剛剛有用酒精消毒雙手沒想到客人聽了還是怒嗆：「一樣啦！碰到然後確診你要付我醫藥費是不是？」最後網友只好將找零的錢放在櫃台客人竟然還得理不饒人的質疑他態度很差。
種種行徑讓該名網友無奈表示「難道你要我用筷子夾給你你才滿意嗎我無時無刻都在洗手消毒手都裂了。原來被我碰過的人都一定確診？你當我也會死亡之握是不是」。文章引起熱議不少網友都留言回應「他的意思是不用找了」、「他其實想給你小費但是又不好意思說」、「死亡之握整個笑出來」、「直接客人說：你的錢比我的手還髒。。。」、「你應該問他：那要找給你的錢我都摸過了你還要嗎?」也有網友建議「現在很多地方都利用小盤子放錢交易。」、「放個盤子讓客人放錢 跟放找的錢 ~」。</t>
  </si>
  <si>
    <t>網友客人消毒死亡是不是表示確診洗手日前傻眼時候竟然</t>
  </si>
  <si>
    <t>網友客人結帳新冠肺炎死亡之握</t>
  </si>
  <si>
    <t>肺炎死亡客人網友</t>
  </si>
  <si>
    <t>暴跌連續狂瀉超過</t>
  </si>
  <si>
    <t>受到新冠肺炎疫情不斷惡化的影響全球股市一片恐慌投資人對近期經濟回暖失去信心繼黑色星期一血洗美股道瓊指數單日狂瀉1000多點之後星期二開盤短暫出現了一點反彈力道卻又再次墜入深淵週二收盤時再跌3</t>
  </si>
  <si>
    <t>疫情週二深淵不斷墜入惡化影響再次全球股市恐慌投資人反彈力近期出現經濟短暫開盤回暖收盤肺炎失去星期二之後信心狂瀉黑色指數</t>
  </si>
  <si>
    <t>受到新冠肺炎疫情不斷惡化的影響全球股市一片恐慌投資人對近期經濟回暖失去信心繼黑色星期一血洗美股道瓊指數單日狂瀉1000多點之後星期二開盤短暫出現了一點反彈力道卻又再次墜入深淵週二收盤時再跌315%以27081點作收。這已經是連續第四天下跌道瓊累計跌幅66%相較上周已經跌了超過1900點。
美股的其他指數也都慘綠收場S&amp;P 500指數以3128點作收跌了97點跌幅303%；科技類股那斯達克綜合指數收在8965點相較週一跌了256點跌幅277%。
本週一的全球股災中市值總共蒸發了17兆美元。安聯經濟顧問認為這次受到全球重大疫情的影響造成的經濟停擺完全復甦需要很長一段時間。
美股中受創嚴重的個股遍及製造業及零售業連電子商務也都受創。萬事達卡(Master Card)曾警告新冠疫情將會全面影響境內及境外的消費週二股價重跌676%損失慘重。</t>
  </si>
  <si>
    <t>指數經濟影響疫情跌幅週二全球已經相較受到反彈力出現遍及短暫電子商務零售業再次</t>
  </si>
  <si>
    <t>首例倫敦出現英國確診</t>
  </si>
  <si>
    <t>英國首都倫敦12日出現新冠肺炎第一起確診病例也是全英第9起。這名患者是來自大陸的女性數天前搭機抵達倫敦在希斯羅機場降落後出現症狀隨後確診。英格蘭首席醫療官惠提表示病患在大陸感染目前已經被送往</t>
  </si>
  <si>
    <t>大陸出現確診倫敦表示官惠醫療首席女性來自抵達英格蘭肺炎希斯羅隨後機場降落症狀感染</t>
  </si>
  <si>
    <t>英國首都倫敦12日出現新冠肺炎第一起確診病例也是全英第9起。這名患者是來自大陸的女性數天前搭機抵達倫敦在希斯羅機場降落後出現症狀隨後確診。
英格蘭首席醫療官惠提表示病患在大陸感染目前已經被送往倫敦市中心聖托馬斯醫院治療。英國公共衛生部門柯斯福德教授表示英國「極有可能」出現更多感染病例其率領的團隊正盡最大努力控制疫情蔓延。
華瑞克大學流行病學教授提爾茲利表示這名患者從大陸把病毒帶到倫敦但尚未發現人傳人的案例。英國南安普敦大學全球衛生專家海德表示倫敦人口多達1000萬人還有多個主要國際機場因此出現首起病例不意外。不僅是倫敦英國未來都可能出現更多病例只能希望是零星個案。
此外新加坡2月11日公佈一例新冠肺炎確診個案為聖淘沙名勝世界賭場（Resorts World Sentosa Casino）員工。中央流行疫情指揮中心表示該員工2月5日發病2月9日就醫隔離。台灣民眾若2月4日至9日造訪該賭場2周內出現疑似症狀請撥打1922協助就醫就醫時應告知醫師相關旅遊史。</t>
  </si>
  <si>
    <t>倫敦出現表示英國病例大陸確診就醫疫情症狀賭場感染個案教授員工患者肺炎可能告知時應控制</t>
  </si>
  <si>
    <t>員工肺炎大學教授英國</t>
  </si>
  <si>
    <t>大學肺炎員工英國教授</t>
  </si>
  <si>
    <t>陳時中圖表嚴重證明疫情臺灣日本差不多</t>
  </si>
  <si>
    <t>中央流行疫情指揮中心指揮官陳時中指出日本疫情算是比較平穩雙方往來比較密切將加強邊境日本返國者請醫師特別加強若有症狀就要去醫院採檢。團客部分要加重領隊責任把該團自主健康管理做確實每天量</t>
  </si>
  <si>
    <t>日本加強疫情比較健康自主責任領隊加重中心部分管理指出醫院就要算是症狀特別密切醫師</t>
  </si>
  <si>
    <t>中央流行疫情指揮中心指揮官陳時中指出日本疫情算是比較平穩雙方往來比較密切將加強邊境日本返國者請醫師特別加強若有症狀就要去醫院採檢。團客部分要加重領隊責任把該團自主健康管理做確實每天量體溫、戴口罩、手部清潔、環境衛生等。
鑽石公主號一名70歲女性在日本確診轉陰性出院後返台又驗出陽性加上案33有日本大阪旅遊史各界都很好奇什麼時候會提高日本旅遊警示到第三級？
陳時中提出過去一個月的各國確診案例數圖表指出 為什麼有些單位（國家）升級有些單位沒有升？統計圖表尾巴翹越快越高的會升級表示出現內部無法控制的情形。
陳時中強調日本是很平穩的線拉很長依據人口數比例來看跟台灣現況差不多沒有特殊變化持續觀察中。
不過因為與日本交流比較密切會加強邊境管理自日本返國者請醫師特別加強若有症狀就要去醫院採檢。團客要加重領隊責任把該團自主健康管理做確實每天量體溫、戴口罩、手部清潔、環境衛生等。</t>
  </si>
  <si>
    <t>日本加強指出管理確診沒有升級比較時中旅遊平穩疫情密切單位加重責任領隊邊境口罩</t>
  </si>
  <si>
    <t>陳時中新冠肺炎武漢肺炎 COVID-19台灣</t>
  </si>
  <si>
    <t>肺炎武漢covid-陳時中臺灣</t>
  </si>
  <si>
    <t>sars全面比照國防部國軍規劃</t>
  </si>
  <si>
    <t>包含大陸與南韓的軍方部隊近來已經傳出多起新冠肺炎群聚感染事件國防部長嚴德發已做好做壞打算下達「防疫視同作戰」命令除了要求部隊做好區隔管理外有媒體報導也將比照國軍SARS期間做法擬全面停止官兵休假</t>
  </si>
  <si>
    <t>部隊做法期間sars近來比照已經國防部長感染事件傳出肺炎下達全面報導防疫媒體視同作戰</t>
  </si>
  <si>
    <t>包含大陸與南韓的軍方部隊近來已經傳出多起新冠肺炎群聚感染事件國防部長嚴德發已做好做壞打算下達「防疫視同作戰」命令除了要求部隊做好區隔管理外有媒體報導也將比照國軍SARS期間做法擬全面停止官兵休假避免營外感染後造成群聚感染國防部表示目前並無此規劃但會因應疫情發展有相關作為。
國防部軍事發言人史順文表示防疫視同作戰國防部以如臨深淵如履薄冰的態度以最壞的打算完成最好的準備維護部隊戰力與國防安全。國軍會隨著疫情的發展採取相關因應措施惟目前並沒有要求官兵全面停止休假。
嚴德發表示周邊國家已有肇生部隊內感染案例國軍必須引以為鑑尤其面對疫情可能肇生的影響戰備任務絕對不能有空窗與罅隙包括高山月臺、外離島、海軍艦艇等各部隊戰備任務都必須進行完善的規劃用「最壞的打算與最好的準備」密切分工、相互支援。
嚴德發強調「國軍任何單位、營區絕對不能發生群聚感染事件防疫就是作戰」面對疫情愈來愈嚴峻當前最重要的就是部隊的防疫工作因為部隊是群聚的團體稍有不慎就可能造成群聚感染傷害部隊整體戰力。
嚴德發要求各部隊應事先研擬「肇生案例後」的營區防疫應變辦法除針對個案進行應處、區隔管理及醫療處置等措施外營區內也必須進行區隔管理措施包括獨棟營舍、獨立樓層的安排以及部隊生活管理動線安排、訓場分配等避免交叉感染以維繫部隊戰力讓民眾放心也讓國人對國軍有信心。</t>
  </si>
  <si>
    <t>部隊感染防疫疫情管理營區嚴德發要求國防部措施國軍作戰必須打算進行戰力區隔包括規劃避免任務絕對</t>
  </si>
  <si>
    <t>國防部三軍部隊南韓軍種新冠肺炎</t>
  </si>
  <si>
    <t>軍種南韓部隊三軍國防部肺炎</t>
  </si>
  <si>
    <t>生產商fda口罩</t>
  </si>
  <si>
    <t>由於口罩嚴重短缺美國從上個月開始進口一度引起爭議的KN95口罩但是美國食品藥物管理局(FDA)發出新的禁令稱有66家正在向美國出售醫療用口罩的中國大陸口罩製造商已被禁止在美國銷售因為專家稱這些口罩品質不</t>
  </si>
  <si>
    <t>美國口罩開始專家上個月銷售進口出新引起爭議禁止kn出售禁令fda藥物食品管理局正在大陸中國製造商一度醫療短缺品質嚴重</t>
  </si>
  <si>
    <t>由於口罩嚴重短缺美國從上個月開始進口一度引起爭議的KN95口罩但是美國食品藥物管理局(FDA)發出新的禁令稱有66家正在向美國出售醫療用口罩的中國大陸口罩製造商已被禁止在美國銷售因為專家稱這些口罩品質不佳。
據《美國之音》指出醫生、護士和醫院非常需要N95口罩因為它比常規的外科口罩或布制口罩更加有效。在實驗室測試中口罩對非油性微粒（包括新冠病毒等微生物）的過濾效率需達到95%以上。
不過美國食品藥品監督管理局（FDA）週四表示中國大陸生產的名為KN95的口罩只能過濾掉24%的非油性顆粒物其中有一批口罩僅阻擋了1%的顆粒物。由於口罩品質不佳已有66家大陸口罩生產商被禁止在美國銷售醫用口罩此一禁令使獲准向美國醫務工作者提供口罩的大陸企業從80家減少到14家。
報導說由於供應短缺美國從上個月開始從中國大陸購買N95口罩而大陸製N95口罩曾在美國引發品質不佳的爭議。
FDA還提醒已經向涉嫌兜售假冒甚至是危險的新冠治療方案的公司發出了42封警告信。警告信涉及了數百種假冒的新冠治療藥物、檢測工具和防護設備。
FDA表示美國聯邦法院已經介入並阻止一款危險產品的銷售此項名為「神奇礦物溶液」（Miracle Mineral Solution）的產品無視FDA警告仍持續銷售。FDA說這種產品不過是一種類似工業強度漂白劑的溶液。</t>
  </si>
  <si>
    <t>口罩fda美國大陸銷售產品中國品質危險已經表示過濾藥物治療kn假冒油性禁令溶液</t>
  </si>
  <si>
    <t>新冠肺炎武漢肺炎新型冠狀病毒COVID-19口罩</t>
  </si>
  <si>
    <t>肺炎武漢冠狀病毒covid-口罩</t>
  </si>
  <si>
    <t>海軍偷溜磐石改口</t>
  </si>
  <si>
    <t>我國出訪帛琉敦睦艦隊中的磐石艦已有24人確診新冠肺炎傳出在16日放行下船前已有人先偷跑還被高雄巿抓包到過超商對此海軍司令部副司令梅家樹今天在中央流行疫情指揮中心記者會上坦言14日就解除針對出訪艦艇的</t>
  </si>
  <si>
    <t>出訪敦睦坦言指揮今天疫情中央流行梅家樹司令艦隊海軍司令部對此記者會中心過超中的高雄市磐石</t>
  </si>
  <si>
    <t>我國出訪帛琉敦睦艦隊中的磐石艦已有24人確診新冠肺炎傳出在16日放行下船前已有人先偷跑還被高雄巿抓包到過超商對此海軍司令部副司令梅家樹今天在中央流行疫情指揮中心記者會上坦言14日就解除針對出訪艦艇的人員上下艦管制如今正清查相關人員上下艦情況中。
梅家樹表示4月13日晚上三艘出訪軍艦已完成出訪起算30天日期14日早上由支隊部下達統一船舶與碼頭梯口搭設架設後實施人員梯口管制早上七點半派人登艦實施檢疫八點半檢疫小組完成檢疫工作包括體溫量測、病史詢問等隨即解除人員上下船管制所以14日後人員登艦離艦情況正針對出訪七百多人的足跡調查希望能完整查出。中央流行疫情指揮中心指揮官陳時中也表示要對三艘出訪艦艇的七百多人以外的接觸者高度注意。
對於傳出14日就有艦上官兵下船買東西梅家樹坦言14日就有實施人員放假而對於傳出15日就有人員被召回他強調是在17號起因應確診疫情才將人員加以召回。
另外國防部副部長張哲平今天說出訪前有根據指揮中心指導做必要調整但昨天指揮中心卻說艦隊只有回程時才有請教指揮中心入港時程相關規定對此梅家樹解釋任務出航前並未向指揮中心請教但一定會參考國際疫情狀況回程時有評估也請教指揮中心過。
對於艦隊傳出於4月9日到14日間靠港隔離期間曾有包商登艦海軍司令部副司令梅家樹表示14日之前絕對沒有任何檢疫以外人員上船。
梅家樹說如果有人能提供更精準的包商上船人事時地相信對於疫調有幫助希望能提供。另外政戰學院有兩人確診卻未全校停課對此國防部發言人史順文表示因為確診者都在生活區活動請了臺北市衛生局人員去現場評估後認為交叉感染機率較低學校也經過消毒。</t>
  </si>
  <si>
    <t>人員出訪指揮中心確診表示疫情梅家樹對此對於傳出實施艦隊下船請教檢疫管制評估</t>
  </si>
  <si>
    <t>磐石艦海軍出訪14指揮中心</t>
  </si>
  <si>
    <t>出訪海軍指揮中心磐石</t>
  </si>
  <si>
    <t>最新施打物件順序疫苗</t>
  </si>
  <si>
    <t>中央流行疫情指揮中心今(9)日公佈最新疫苗接種順序第七類的「維持國家安全及社會機能正常運作者」從原本的5萬人左右變成86萬人有網友不滿表示爸媽不停被插隊不知道何時才能打到想詢問大家對第七類施打對</t>
  </si>
  <si>
    <t>才能中心知道插隊公佈不停最新表示疫苗不滿接種順序正常維持社會機能安全國家打到指揮網友變成原本</t>
  </si>
  <si>
    <t>中央流行疫情指揮中心今(9)日公佈最新疫苗接種順序第七類的「維持國家安全及社會機能正常運作者」從原本的5萬人左右變成86萬人有網友不滿表示爸媽不停被插隊不知道何時才能打到想詢問大家對第七類施打對象暴增有何看法引起網友熱議。
原PO在網路論壇《PTT》表示第七類施打對象從5萬暴增到86萬質疑運輸、倉儲、幼兒園老師人數會爆增嗎？有比65歲長者、嚴重疾病人員還重要？不解突然多了81萬的名額是在掩蓋什麼？
貼文一出引起眾多討論有網友不滿表示明明60歲以上的老人死最多但爸媽卻不停被插隊不知道何時才能打到。網友則紛紛回應「問陳時中」、「我排在第12類要等多久？」、「爸媽都打不到何況我們年輕人」、「我們全家大概年底才打得到了」。
根據指揮中心今公佈的前七類優先接種人員累積共3535萬人其中第五類人員除了原有的機構、社福照顧系統之外還納入洗腎患者更新增第六類的75歲以上長者；第七類人員也將未執行防疫相關任務的員警、運輸及倉儲業者、高中職以下學校教職員工與校內工作人員、幼兒園托育人員及托育機構專業人員納入不過都需經過指揮中心同意。</t>
  </si>
  <si>
    <t>人員網友表示指揮中心運輸納入接種以上幼稚園長者引起機構物件施打公佈不滿才能打到知道插隊</t>
  </si>
  <si>
    <t>疫苗第七類好心肝診所BMI施打順序</t>
  </si>
  <si>
    <t>診所bmi心肝施打順序疫苗</t>
  </si>
  <si>
    <t>填息世代交替首日雄獅突圍觀光</t>
  </si>
  <si>
    <t>旅遊業者雄獅（2731）股東常會通過配息2元今（1）日進行除息交易每股參考價76元。面對疫情寒冬集團啟動世代交替計畫力拚轉型突圍今日股價開高穩揚最高上漲196％至78元填息率達75％盤中維持逾1％漲幅</t>
  </si>
  <si>
    <t>上漲進行最高除息交易參考價開高面對股價疫情今日寒冬常會盤中突圍集團轉型啟動力拼世代計畫交替</t>
  </si>
  <si>
    <t>旅遊業者雄獅（2731）股東常會通過配息2元今（1）日進行除息交易每股參考價76元。面對疫情寒冬集團啟動世代交替計畫力拚轉型突圍今日股價開高穩揚最高上漲196％至78元填息率達75％盤中維持逾1％漲幅在填息路上穩健前行。
雄獅2019年合併營收創3016億元新高年增182％惟遭逢國際局勢動盪、航空業罷工等亂流幹擾毛利率1066％、營益率044％雙創新低。歸屬母公司稅後淨利219億元年減1426％每股盈餘（EPS）314元雙創近7年低點。
面對新冠肺炎疫情自春節起延燒全球重創觀光旅遊業營運雄獅2020年1～5月自結合併營收4614億元年減6308％續創同期新低。由於全球疫情未見緩和、再度出現復燃跡象觀光局已4度延長旅行團出入境禁令至7月底嚴峻考驗公司持續經營能耐。
面對疫情寒冬雄獅率先成立防疫指揮中心、啟動異地上班並積極與供應商協商成本及費用條件配合政府紓困振興方案爭取補助。董事長王文傑認為今年將是雄獅上市以來最具挑戰、也是最有機會順勢轉型的一年。
王文傑表示旅遊產業預期最快2022年、甚至可能2024年才會復甦今年將是雄獅上市以來最具挑戰、也是最有機會順勢轉型的一年。集團將由旅遊產業轉型生活產業儲備實力等待產業復甦目標將集團每年內需市場營收自20億元倍增至60億元。
而雄獅在交通部推動下攜手基隆市府及雲頂遊輪集團推出星夢遊輪「探索夢號」國內跳島4天行程成為全球首艘復航的國際郵輪。5航次行程昨（30）日下午於官網上線後不到2小時已有6千人報名可望為嚴峻營運注入活水。
此外雄獅也公告任職達30年的總經理暨發言人裴信祐屆齡退休未來將專任公司董事總經理職務由王文傑暫代。裴信祐在集團內部刊物中以「一粒芥菜種子的美好」發表退休感言表示欣見壯青一代已準備就緒因此在此時主動提出退休。
裴信祐表示雖然目前黑暗滿布、愁雲環伺但反向思考在力拚集團轉型應戰之時也是個讓新世代接棒、打美好一仗的契機。雖然從日常營運的職務退休但未來仍將繼續擔任公司董事參與董事會重大決策、財務規劃、薪酬審計等公司治理事項協助代代相傳。</t>
  </si>
  <si>
    <t>雄獅集團公司疫情退休轉型全球營運表示裴信右面對文傑啟動產業美好世代</t>
  </si>
  <si>
    <t>雄獅除息參考價股價填息率</t>
  </si>
  <si>
    <t>股價除息填息參考價雄獅</t>
  </si>
  <si>
    <t>今年新高成長可期</t>
  </si>
  <si>
    <t>八貫(1342)8月營收月成長1849%創下今年單月新高。八貫表示下半年因疫情受益的產業訂單會持續成長看好全年營運審慎樂觀以待。八貫8月營收149億元月增1849%、年減1442%；累計前8月營收997億元年增266%。</t>
  </si>
  <si>
    <t>持續成長訂單產業看好全年受益疫情營運下半年表示審慎樂觀以待創下單月今年累計</t>
  </si>
  <si>
    <t>八貫(1342)8月營收月成長1849%創下今年單月新高。八貫表示下半年因疫情受益的產業訂單會持續成長看好全年營運審慎樂觀以待。
八貫8月營收149億元月增1849%、年減1442%；累計前8月營收997億元年增266%。
八貫表示公司深耕高端醫療之機能性布料與成品今年因新冠疫情肆虐歐美醫療資源需求持續強勁推升公司醫療產品出貨向上成長；另一方面隨各國疫情解封對戶外休閒管制開放歐美民眾崇尚戶外休閒活動而逐漸回復常態亦帶動戶外產品訂單逐步回溫；8月份在醫療及戶外兩大產品線出貨暢旺下推升8月營收149億元創下今年單月新高以目前的市場狀態來看預期下半年因疫情受益的產業訂單會持續成長加上部分遞延出貨的訂單漸恢復出貨看好全年營運審慎樂觀以待。
此外八貫為全球少數擁有TPU研發、並具有二次/三次加工的技術能力專攻與醫療、救生、戶外有關之高階產品客戶多為歐美知名一線品牌大廠所研發之逃生滑梯布料歷經2年通過原廠嚴格驗證上月已接獲正式訂單將於第四季陸續出貨對下半年業績將有明顯挹注。
另外八貫產品全在台灣宜蘭製造TPU機能性布料應用愈來愈廣泛因應市場規模及應用領域持續成長已斥資近4億元在宜蘭龍德工業區興建占地3千坪新廠區並已取得經濟部「根留台灣企業」資格核定及ISO 14001認證規劃導入智慧化高周波產線預計明年第二季量產將為公司中長期營運再添動能。</t>
  </si>
  <si>
    <t>醫療產品戶外訂單疫情持續布料歐美公司今年成長下半年臺灣營運研發tpu市場機能性</t>
  </si>
  <si>
    <t>八貫新冠肺炎TPU高端醫療機能布料</t>
  </si>
  <si>
    <t>tpu肺炎高端醫療機能布料</t>
  </si>
  <si>
    <t>肺炎帶來全球經濟衰退</t>
  </si>
  <si>
    <t>資誠（PwC）會計師事務所9日發布《新冠時代資誠臺灣企業領袖調查報告》調查發現83％台灣企業深恐疫情將帶來全球性經濟衰退但只要確定疫情影響程度與範圍台灣企業具有高度應變能力可快速復甦。資誠聯合會計師</t>
  </si>
  <si>
    <t>企業臺灣疫情會計師全球性確定發佈事務所帶來復蘇快速深恐影響高度程度具有領袖範圍應變能力時代</t>
  </si>
  <si>
    <t>資誠（PwC）會計師事務所9日發布《新冠時代資誠臺灣企業領袖調查報告》調查發現83％台灣企業深恐疫情將帶來全球性經濟衰退但只要確定疫情影響程度與範圍台灣企業具有高度應變能力可快速復甦。
資誠聯合會計師事務所所長暨聯盟事業執行長周建宏指出「彈性」、「快速應變」向來為台灣企業的強項再加上台灣疫情防範得宜讓台灣企業不僅有機會早於其他國家恢復常規營運在全球供應鏈大幅洗牌之際率先卡位、爭取轉單契機。
周建宏認為經過疫情洗禮多數台灣企業增加「技術創新與研發」投資以厚植中長期競爭力並在中、美之外尋求更多元的市場或生產基地佈局同時也看到更多台灣企業領袖願意張開雙臂與新創企業或創業家合作尋求外部創新。
雖然中國大陸、美國向來被台灣企業視為影響整體成長最重要的前兩大國家但其重要性持續呈下滑趨勢這說明台灣企業在中美兩強之間找出更多的替代道路擺脫選邊站的風險。
而越南、德國、印尼等其他國家市場對台灣企業的重要性持續上升其中又以越南的成長幅度最受矚目重要性從2018年的9％一路爬升至27％一舉超過日本、德國越南已成為台灣企業領袖眼中第三重要的市場國家。
德國的重要性則從半年前的12％快速竄升至24％；印尼的成長幅度也不容小覷重要性從2017年的2％一路爬升至14％。</t>
  </si>
  <si>
    <t>企業臺灣疫情重要性國家快速越南成長領袖市場德國尋求事務所印尼影響幅度會計師重要</t>
  </si>
  <si>
    <t>創業家台灣企業重要性周建宏資誠</t>
  </si>
  <si>
    <t>重要性周建宏企業臺灣創業</t>
  </si>
  <si>
    <t>力守聯發導體大關</t>
  </si>
  <si>
    <t>聯發科(2454)4月營收受到新冠肺炎衝擊導致終端消費減緩4月合併營收20546億元月減少998%、年減少467%但已經連續第2的月單月營收站上200億元大關。聯發科4月合併營收20546億元月減少998%、年減少467%</t>
  </si>
  <si>
    <t>合併減少肺炎衝擊導致單月終端消費減緩聯發站上收受連續大關已經</t>
  </si>
  <si>
    <t>聯發科(2454)4月營收受到新冠肺炎衝擊導致終端消費減緩4月合併營收20546億元月減少998%、年減少467%但已經連續第2的月單月營收站上200億元大關。
聯發科4月合併營收20546億元月減少998%、年減少467%；累計前4月營收81409億元、月增加96%。
展望第二季以美元對新台幣匯率1比30計算聯發科預估第二季營收預估在621億元~669億元之間與前一季相比約增加2%到10%與去年相比增加1%到9%第二季營業毛利率預估為425%正負15個百分點含員工分紅之營業費用率預估為325%正負2個百分點。
聯發科先前法說會中看好儘管在新冠肺炎疫情衝擊下今年整體營運還是會力拚合理成長且維持今年全球以及大陸市場的智慧型手機出貨預估全球在17億至2億支之間至於大陸市場會佔其中的1億至12億支的預估。
另外聯發科也在昨日發表最新5G旗艦晶片升級版天璣1000+盼透過完整的5G產品佈局搶下更多市佔率。</t>
  </si>
  <si>
    <t>預估聯發今年全球市場之間衝擊肺炎大陸正負百分點增加合併減少透過天璣</t>
  </si>
  <si>
    <t>聯發科財測毛利率新冠肺炎5G</t>
  </si>
  <si>
    <t>毛利率肺炎聯發</t>
  </si>
  <si>
    <t>縣長後盾表揚衛生保健醫護肆虐疫情</t>
  </si>
  <si>
    <t>彰化縣衛生局27日上午於員林演藝廳辦理「109年衛生保健績優志工與團隊暨社區衛生促進委員會績優委員表揚大會」彰化縣長王惠美親自頒獎她說今年新冠肺炎來襲所有志工、委員們都堅守崗位為彰化防疫工作盡心</t>
  </si>
  <si>
    <t>委員員林演藝上午今年頒獎辦理親自衛生保健肺炎惠美堅守崗位有志縣長團隊社區衛生表揚大會</t>
  </si>
  <si>
    <t>彰化縣衛生局27日上午於員林演藝廳辦理「109年衛生保健績優志工與團隊暨社區衛生促進委員會績優委員表揚大會」彰化縣長王惠美親自頒獎她說今年新冠肺炎來襲所有志工、委員們都堅守崗位為彰化防疫工作盡心盡力感謝大家的認真與努力一起守護彰化人的健康。
彰化縣衛促會委員有7百位委員超過1700位的衛生保健志工長期默默守護在彰化各縣市的衛生局、及醫療院所協助推廣衛生保健工作始終保持微笑、耐心與愛心親切的為民眾來解答還能化身成患者及家屬的心靈老師不管是陪伴或照料成為他們最堅強的後盾。
王惠美表示今年算是相當艱難的1年感謝全縣各醫療院所及衛生所的志工夥伴今年選出15個績優單位表揚134位績優志工；也要特別感謝衛生局、衛生局葉局長專業的判斷與領導能力攜手讓彰化能夠挺過這波疫情。
王惠美說今天活動可以算是醫護一家團聚的溫馨時光這陣子大家戰戰競競的面對疫情絲毫沒有喘息的時間利用表揚的機會得以稍微喘息希望未來能夠有更多的志工夥伴加入這個大家庭一起為彰化的健康努力讓彰化更美。</t>
  </si>
  <si>
    <t>委員今年衛生局衛生保健惠美疫情算是工作能夠表揚感謝喘息醫療院所夥伴守護一起努力家屬</t>
  </si>
  <si>
    <t>衛生保健志工王惠美新冠肺炎</t>
  </si>
  <si>
    <t>惠美保健衛生肺炎</t>
  </si>
  <si>
    <t>臺灣爵士傻眼轉播</t>
  </si>
  <si>
    <t>NBA爵士與雷霆之戰在開打前喊卡隨後才宣佈爵士中鋒戈貝爾（Rudy Gobert）確診新冠病毒、全聯盟停賽。在台灣直播此役的《Eleven Sports》主播黃奕傑表示看到爵士先發五人沒有戈貝爾就覺得不太對勁也猜測莫非</t>
  </si>
  <si>
    <t>爵士戈貝爾覺得臺灣停賽直播聯盟eleven對勁sports病毒沒有隨後黃奕傑確診表示</t>
  </si>
  <si>
    <t>NBA爵士與雷霆之戰在開打前喊卡隨後才宣佈爵士中鋒戈貝爾（Rudy Gobert）確診新冠病毒、全聯盟停賽。在台灣直播此役的《Eleven Sports》主播黃奕傑表示看到爵士先發五人沒有戈貝爾就覺得不太對勁也猜測莫非是新冠所致收播後才獲得證實。
「我們在錄音室裡其實沒有什麼特別感覺啊如果在美國現場才會震驚吧！」黃奕傑表示賽前看到爵士先發中鋒是布萊德利（Tony Bradley）就覺得奇怪因為戈貝爾沒有受傷不知道是不是感冒才這樣安排。
接著3位裁判找雙方總教練講了大概5分鐘的話隨後兩隊隊職員就進入休息室了再5分鐘連裁判也閃人雷霆還把負責中場表演的歌手請出來唱了兩首歌唱完就宣佈延賽了。
黃奕傑指出轉播單位主播球評表示因戈貝爾感冒致使球賽延期但正值疫情非常時期聽到感冒難免擔憂是新冠病毒。最終得知NBA全面停賽的決策黃奕傑只好自我安慰說：「暫時不用早起囉因為上禮拜天開始日光節約時間取消球賽都要早一小時開打其他的影響還不曉得。」</t>
  </si>
  <si>
    <t>黃奕傑戈貝爾感冒爵士沒有表示球賽裁判停賽隨後宣佈雷霆中鋒病毒覺得nba</t>
  </si>
  <si>
    <t>戈貝爾黃奕傑爵士新冠肺炎NBA</t>
  </si>
  <si>
    <t>爵士黃奕肺炎戈貝爾nba</t>
  </si>
  <si>
    <t>機台pcr檢測引進長庚醫院基隆</t>
  </si>
  <si>
    <t>基隆市長庚醫院引進全自動新冠病毒檢測機台採檢量能1天可多700例時間也能從3天縮短至3小時市政府宣佈由於量能大幅提升今天開始民眾只要自覺有症狀疑慮可以上網預約篩檢將由衛生局安排、通知。基隆市長</t>
  </si>
  <si>
    <t>市長基隆引進衛生局疑慮症狀預約上網自覺可以民眾病毒檢測縮短開始機台大幅今天提升醫院安排</t>
  </si>
  <si>
    <t>基隆市長庚醫院引進全自動新冠病毒檢測機台採檢量能1天可多700例時間也能從3天縮短至3小時市政府宣佈由於量能大幅提升今天開始民眾只要自覺有症狀疑慮可以上網預約篩檢將由衛生局安排、通知。
基隆市長林右昌表示長庚醫院3日引進新冠病毒檢測機台採取全自動檢測流程未來PCR檢測量能將大增5倍他指出以前1天採檢140例有了新機台每天可以多採700例1天總量能達840例篩檢時間也從原本3天縮短至3小時。
林右昌說這座機台不僅便民也有利衛生單位即時掌握疫情狀況能有效管控病毒傳播情形必要時還能支援雙北他提及要特別感謝醫護人員沒日沒夜的努力其中醫檢人員是幕後英雄在防疫戰鬥裡扮演最重要角色為大家掌握病毒所在。
基隆長庚醫院長賴旗俊表示這次疫情除了加強版的防疫新生活外最重要的是擴大篩檢及施打疫苗而這次投資超過500萬元的經費購入新機台不僅可迅速提升基隆PCR檢測量能、有效節省醫檢人力還可降低偽陰性偵測結果發生大幅提升整體防疫效率。
衛生局長吳澤誠補充說明目前本市進行擴大篩檢機制把匡列的範圍增大疫調仍然追蹤到發病前14天的接觸者進行PCR檢測；另外由於篩檢量能提升以往只接受曾有萬華及基隆足跡接觸史民眾預約篩檢即日起只要市民自覺需要採檢可以上網或打電話預約將由衛生局安排檢測。</t>
  </si>
  <si>
    <t>基隆機台提升防疫檢測pcr掌握預約疫情接觸大幅民眾重要有效擴大林右昌</t>
  </si>
  <si>
    <t>新冠肺炎台灣PCR檢測量能長庚醫院</t>
  </si>
  <si>
    <t>pcr檢測臺灣肺炎長庚醫院</t>
  </si>
  <si>
    <t>換上台東熱血泳裝抵抗景氣近百寒冬</t>
  </si>
  <si>
    <t>新冠肺炎疫情在全球升溫許多國內外旅遊團體都取消首當其衝的觀光業哀鴻遍野有旅行社業者號召近百名網紅進行2天1 夜的台東之旅24日下午網美、網帥們穿上泳裝參加「泳池趴」用他們的熱情抵抗景氣寒冬。</t>
  </si>
  <si>
    <t>全球泳池升溫參加國內外泳裝旅遊團體取消首當其衝觀光業熱情疫情哀鴻遍野旅行社進行業者號召近百名</t>
  </si>
  <si>
    <t>新冠肺炎疫情在全球升溫許多國內外旅遊團體都取消首當其衝的觀光業哀鴻遍野有旅行社業者號召近百名網紅進行2天1 夜的台東之旅24日下午網美、網帥們穿上泳裝參加「泳池趴」用他們的熱情抵抗景氣寒冬。
「網紅帶你去旅行」活動23、24日帶領近百位網紅遊台東除了在熱門打卡景點認台東的人文與風光以外24日下午在娜路彎大酒店舉辦「泳池趴」網美、網帥換上比基尼及泳裝大方秀身材不畏景氣寒冬。
面對新冠肺炎疫情的威脅直播主晨琀說一開始有點擔心不過來了以後就覺得很放心；網帥大師林說受疫情影響沒什麼人潮反而更好玩。
從事保險業務的主持人評姐兒說現在來台東玩不會人擠人也不必擔心受感染這次在台東體驗了採茶姑娘、騎單車、躺在馬路上看不一樣的台東還到了黑孩子咖啡館完全是1場知性之旅歡迎大家來台東；另一位直播主糖小Q則對超熱情的原住民留下深刻象。
主辦的紅牛旅行社總經理李恩承說受疫情影響旅遊業氣氛低迷其實在台灣本島防疫做得非常好而且台東空氣好、水質好根本沒有疫情的問題網紅經濟正盛行希望藉此讓大家有信心走到戶外把台東的美好當成火車頭帶動台灣觀光產業。
他說去年台東出差就已經感受到台東被邊緣化的無奈這次的疫情重創整個旅遊產業無疑是雪上加霜因此便火速再度召集上百位網紅希望能在低迷的氣氛中為同業打氣、更能幫助地方的觀光、振興台東的旅遊市場。
娜路彎集團則表示過完年後散客訂房比起暑假明顯增加推測主要原因為寒假開學延期加上各地的民眾想轉換空間消除緊張的心情及蘇花改及新南迴開通希望透過與旅行社的活動化危機為轉機。</t>
  </si>
  <si>
    <t>台東疫情旅行社希望旅遊擔心熱情臺灣產業泳裝寒冬景氣活動低迷氣氛</t>
  </si>
  <si>
    <t>台東網紅疫情新冠肺炎　新冠肺炎</t>
  </si>
  <si>
    <t>疫情台東肺炎</t>
  </si>
  <si>
    <t>口罩豪放公園國辣模裸照歐洲</t>
  </si>
  <si>
    <t>暴露狂「台中米娜」日前闖入IKEA、二井OUTLET等大賣場拍攝露三點裸照引起社會大眾嘩然照片流出後引起台中警力主動介入調查不久就將主職是廚師38歲掌鏡人與36歲裸拍女主角約談到案後送辦恐吃下妨害風化罪官</t>
  </si>
  <si>
    <t>台中引起日前闖入ikeaoutlet談到廚師主角拍攝</t>
  </si>
  <si>
    <t>暴露狂「台中米娜」日前闖入IKEA、二井OUTLET等大賣場拍攝露三點裸照引起社會大眾嘩然照片流出後引起台中警力主動介入調查不久就將主職是廚師38歲掌鏡人與36歲裸拍女主角約談到案後送辦恐吃下妨害風化罪官司；不只是台灣民風較開放的歐洲日前也傳出有辣模大白天無視周遭還有遊客在公園裡一絲不掛裸拍唯一差別只有歐洲疫情嚴重辣模拍照時都戴著口罩。
來自羅馬尼亞的裸模「Catia A」在公園裡全身沒有和任何衣物蔽體當時公園裡還有不少遊客來來去去但她一點也不在意別人的眼光自在的擺出各種火辣動作讓拍攝者拍照。
網友從照片中認出這位辣模的真實身分原來她以藝名「Rebecca Volpetti」拍過不少謎片這次的裸拍是受邀為EuroNudes拍攝寫真嘗試戶外的全裸拍攝戴上口罩也是為了防疫宣傳。</t>
  </si>
  <si>
    <t>拍攝公園日前口罩台中照片拍照歐洲引起遊客闖入ikea調查介入</t>
  </si>
  <si>
    <t>辣模拍攝裸拍公園歐洲</t>
  </si>
  <si>
    <t>拍攝公園歐洲</t>
  </si>
  <si>
    <t>聯合公平哄抬肺炎懲處</t>
  </si>
  <si>
    <t>新冠肺炎疫情持續延燒民眾連一般的口罩、酒精等也難買到甚至還有價格上漲等問題對此公平會主委黃美瑛在今天業務報告時表示從春節前就派人至各地通路訪查口罩市況目前也受理包括口罩、耳溫槍、酒精等檢舉</t>
  </si>
  <si>
    <t>口罩酒精持續民眾今天業務黃美瑛報告主委一般表示公平春節對此疫情問題價格上漲包括通路還有甚至</t>
  </si>
  <si>
    <t>新冠肺炎疫情持續延燒民眾連一般的口罩、酒精等也難買到甚至還有價格上漲等問題對此公平會主委黃美瑛在今天業務報告時表示從春節前就派人至各地通路訪查口罩市況目前也受理包括口罩、耳溫槍、酒精等檢舉案件。依公平交易法如有查獲未更正最高可處1億元罰鍰。
立法院經濟委員會今天邀請公平會業務報告。
黃美瑛指出將持續關壑新冠病毒引發的防疫物資、衛生紙等民生用品市場供需變化如果有業者趁防疫期間聯合哄抬口罩、衛生紙等將依公平交易法嚴處。
黃美瑛說將透過「防制人為操縱物價專案小組」及行政院「穩定物價小組」掌握各類民生物資市場動態如有價格異常情形將會立案調查；也發函警示相關業者及公會不得有共同調漲價格等違反公平交易法行為預先防範不法。</t>
  </si>
  <si>
    <t>口罩公平交易黃美瑛價格防疫衛生紙業者酒精民生物資持續報告今天公平業務專案小組物價</t>
  </si>
  <si>
    <t>口罩價格公平交易法交易公平交易</t>
  </si>
  <si>
    <t>公平交易法價格交易口罩公平交易</t>
  </si>
  <si>
    <t>幹細胞對抗利用人員研究肺炎大陸</t>
  </si>
  <si>
    <t>新冠病毒(COVID-19)是全球各個醫療團隊的挑戰來自北京大學的金昆林博士(Kunlin Jin)與國際研究人員試著利用幹細胞來抗擊這種難纏的疾病。醫療訊息(MedicalxPress)報導幹細胞是各種組織細胞的原型不管是皮膚</t>
  </si>
  <si>
    <t>醫療幹細胞全球報導團隊金昆林博士kunlin來自jin挑戰國際研究北京大學medicalxpress人員疾病利用訊息抗擊covid-病毒組織細胞</t>
  </si>
  <si>
    <t>新冠病毒(COVID-19)是全球各個醫療團隊的挑戰來自北京大學的金昆林博士(Kunlin Jin)與國際研究人員試著利用幹細胞來抗擊這種難纏的疾病。
醫療訊息(MedicalxPress)報導幹細胞是各種組織細胞的原型不管是皮膚細胞、心肌細胞、肺部細胞都是從幹細胞分化而來的因此理論上而言幹細胞可以克服任何的器官缺損的問題包括組織壞死、機能癱瘓等。從西元2000年以來幹細胞就成為醫療研究的顯學。
金昆林博士研究幹細胞已經20多年了他的主要研究領域是老齡化研究試著以幹細胞治療中風。現在他與北德州大學健康科學中心的實驗室合作成立一個美國與中國專家合組的研究團隊。
雖然他的研究領域看似與新冠病毒無關但是他認為幹細胞可以增強人體的免疫系統以抵禦新冠肺炎。
他們以靜脈注射將幹細胞送到北京的7名重病患者的血液中其中3名是安慰劑。在這個初期臨床實驗當中7名幹細胞療法的患者都有所好轉並在14天內出院。至於只接受安慰劑的患者中2名死亡1名仍有急性呼吸窘迫綜合症(ARDS)。
接受測試的患者來自北京佑安醫院測試於1月30日開始。
金博士說：「研究表明臨床級別的幹細胞靜脈輸注法是有效的而且他們的臨床對像是嚴重肺炎的老年患者這對於死亡率較高的65歲以上患者而言很可能是最有效的療法。」
不過這種療法還不能引進到美國在此之前必須先在美國進行臨床試驗並獲得美國食品和藥物管理局的批准。</t>
  </si>
  <si>
    <t>幹細胞患者研究臨床醫療美國療法肺炎可以接受團隊來自林博士安慰北京有效測試病毒領域細胞進行</t>
  </si>
  <si>
    <t>幹細胞新冠病毒金昆林</t>
  </si>
  <si>
    <t>病毒金昆幹細胞</t>
  </si>
  <si>
    <t>澳門收入衝擊肺炎</t>
  </si>
  <si>
    <t>雖然澳門至今沒有新冠肺炎的病例但是依然受到巨大衝擊由於防疫管制賭場關閉了兩個星期使得澳門在2月的博彩收入比以往同時期大跌了878％。路透社報導澳門是世界最大的賭場中心澳門的收入超過80％也來</t>
  </si>
  <si>
    <t>澳門賭場收入肺炎病例依然受到巨大衝擊防疫管制關閉星期使得時期報導世界路透社中心以往超過</t>
  </si>
  <si>
    <t>雖然澳門至今沒有新冠肺炎的病例但是依然受到巨大衝擊由於防疫管制賭場關閉了兩個星期使得澳門在2月的博彩收入比以往同時期大跌了878％。
路透社報導澳門是世界最大的賭場中心澳門的收入超過80％也來自娛樂場但當局為了防止疫病採取了一系列措施來阻止遊客進入澳門2月份的賭場營收僅有3104億澳門元（114億新台幣）跌幅達到878%比不及分析師預期的下降約80％。
儘管澳門當局在2月20日重新開放了賭場與娛樂場所但是疫期還未結束仍然有嚴格的遊客入境規定與健康調查使得41家賭場以及依賴它們的企業的收入仍將受到嚴重影響。</t>
  </si>
  <si>
    <t>澳門賭場收入遊客受到當局使得肺炎病例依然巨大衝擊不及分析疫病防疫達到防止採取結束仍然措施企業</t>
  </si>
  <si>
    <t>澳門賭場新冠肺炎大跌</t>
  </si>
  <si>
    <t>肺炎賭場澳門</t>
  </si>
  <si>
    <t>確診病例本土新增黑龍江</t>
  </si>
  <si>
    <t>大陸昨天（11月1日0—24時）31個省（自治區、直轄市）和新疆生產建設兵團報告新增新冠肺炎確診病例71例。其中本土病例54例（黑龍江27例其中黑河市26例、哈爾濱市1例；河北8例其中石家莊市4例辛集市4例；甘肅8例</t>
  </si>
  <si>
    <t>病例肺炎自治區直轄市新疆生產建設兵團新增報告確診石家莊市河北哈爾濱市黑河市黑龍江本土昨天辛集市大陸甘肅</t>
  </si>
  <si>
    <t>大陸昨天（11月1日0—24時）31個省（自治區、直轄市）和新疆生產建設兵團報告新增新冠肺炎確診病例71例。其中本土病例54例（黑龍江27例其中黑河市26例、哈爾濱市1例；河北8例其中石家莊市4例辛集市4例；甘肅8例均在天水市；山東3例均在日照市；內蒙古2例均在阿拉善盟；江西2例均在上饒市；青海2例均在西寧市；北京1例在昌平區；寧夏1例在銀川市）含5例由無症狀感染者轉為確診病例（山東3例江西2例）。
★上海迪士尼66460人次核酸檢測結果均陰性
另據上海市新冠肺炎疫情防控工作領導小組辦公室消息10月30日、31日期間進入上海迪士尼樂園和迪士尼小鎮的相關人員以及場所防疫排查工作推進順利。截至今天（11月2日）上午8時共篩查相關人員66460人次採集相關環境等樣本1016份核酸檢測結果均為陰性。
★河北晉州市緊急封城　全員核酸檢測
河北省晉州市疫情防控指揮部辦公室今天（11月2日）通告稱現已對晉州各出入市口實行應急交通管控措施。除運輸涉及生產生活物資車輛及因病外出就醫等特殊情況外其他人員和車輛予以勸返。
從今天（11月2日）起晉州公共汽車、晉州至石家莊定期客運、城際拼車暫停運營。即日起晉州市將進行全員核酸檢測。
官方稱此舉是為有效防範疫情傳播風險並沒有確診病例透露。目前坊間流傳尚未經過官方證實的消息稱該市田村、小焦、東西曹發現疫情。</t>
  </si>
  <si>
    <t>疫情檢測人員今天核酸病例確診晉州市晉州車輛相關消息官方迪士尼肺炎河北山東防控江西上海全員結果陰性</t>
  </si>
  <si>
    <t>新冠肺炎大陸11月核酸檢測確診病例</t>
  </si>
  <si>
    <t>核酸大陸檢測肺炎確診病例</t>
  </si>
  <si>
    <t>陸抗就業重於報告增長編輯</t>
  </si>
  <si>
    <t>新冠肺炎（COVID-19）疫情在全球擴大蔓延疫情之毒與猛已橫掃全球金融、工業及服務業市場。與此同時專家表示只要做好嚴防境外輸入作為新肺疫情爆發中心的武漢可望在數日後接近「清零」。大陸在抗疫方面取得</t>
  </si>
  <si>
    <t>疫情全球大陸接近日後可望武漢中心爆發表示做好專家嚴防境外市場服務業工業作為金融輸入橫掃</t>
  </si>
  <si>
    <t>疫情大陸經濟中國防控境外輸入重點國家增速李克強上海全球新增帶來表示就業國務院衝擊</t>
  </si>
  <si>
    <t>大陸中國疫情防控上海輸入</t>
  </si>
  <si>
    <t>上海中國疫情防控大陸輸入</t>
  </si>
  <si>
    <t>動怒感染隋棠罕自私境外荒唐</t>
  </si>
  <si>
    <t>台灣境外移入個案大爆發今（16日）公佈新增8例加上15日的6例14例全為境外感染引發外界討論。女星隋棠看到新聞也罕見動怒開轟非常時期硬要出國的人荒唐又自私。隋棠在臉書分享衛服部16日新增病例的公告寫下</t>
  </si>
  <si>
    <t>隋棠新增境外個案爆發時期非常衛服部動怒引發外界罕見分享女星討論新聞荒唐看到</t>
  </si>
  <si>
    <t>台灣境外移入個案大爆發今（16日）公佈新增8例加上15日的6例14例全為境外感染引發外界討論。女星隋棠看到新聞也罕見動怒開轟非常時期硬要出國的人荒唐又自私。
隋棠在臉書分享衛服部16日新增病例的公告寫下：「國家如此辛辛苦苦守著防疫大門自私的人到底如何視而不見 聽而不聞的？」語氣間盡是憤怒和無奈。
同時隋棠也不忘呼籲：「請大家正視政府的辛勞、正視檢疫人員醫護人員的安全、正視全民的健康。」更斥責：「現在是出國玩的時候嗎？荒唐。」難得動怒引發許多共鳴網友紛紛留言「真的~一點危機意識都沒有」、「我們在國內堅持的這麼辛苦是在心酸什麼的」、「完全同感！超級荒唐真的要重罰才行」。</t>
  </si>
  <si>
    <t>隋棠荒唐引發動怒正視自私新增境外個案爆發全民健康斥責呼籲現在國家寫下堅持</t>
  </si>
  <si>
    <t>隋棠動怒荒唐自私新冠肺炎</t>
  </si>
  <si>
    <t>自私荒唐動怒隋棠肺炎</t>
  </si>
  <si>
    <t>疫苗第一線莫德納人員施打</t>
  </si>
  <si>
    <t>桃園機場21日在第二航廈南擴5樓設立疫苗接種站針對未施打過疫苗的機場第一線工作人員施打莫德納（Moderna）疫苗桃園市長鄭文燦也到桃園機場視察莫德納疫苗接種站並感謝部立桃園醫院前來協助接種疫苗的醫護人</t>
  </si>
  <si>
    <t>疫苗桃園接種機場莫德納協助廈南前來設立moderna打過醫院感謝視察市長鄭文燦工作人員施打醫護</t>
  </si>
  <si>
    <t>桃園機場21日在第二航廈南擴5樓設立疫苗接種站針對未施打過疫苗的機場第一線工作人員施打莫德納（Moderna）疫苗桃園市長鄭文燦也到桃園機場視察莫德納疫苗接種站並感謝部立桃園醫院前來協助接種疫苗的醫護人員。
桃園機場21日下午1時30分由立桃園醫院的醫護人員支援在第二航廈南擴5樓設立臨時疫苗接種站針對尚未拖打過新冠疫苗的桃機第一線工作人員接種施打莫德納（Moderna）疫苗。將在5日期間分批將已登計人員分梯次接種共有2500人次可施打。
鄭文燦親自到桃機視察他表示機場和民航業是防疫的第一線這次莫德納疫苗爭取了5000劑給全國機場人員另5000劑給航空業的第一線人員還有AZ的第二劑。
鄭文燦指出中央疫情指揮中心指定部立桃園醫院為執行單位部立桃園醫院也組織團隊在機場負責機場和華航人員施打另外長榮航空的部分會在長榮總部施打松山機場的部分也會在松山機場內施打。桃園機場施打疫苗一天最高可以打800人希望用一個禮拜的時間將疫苗施打完另外會再安排時間施打第二劑AZ疫苗。
他強調機場的施打範圍包括CIQS和機場服務人員（清潔人員、免稅店人員、機場公司人員）經計算後發現疫苗還是不太夠希望能再跟中央爭取多一點的疫苗但目前疫苗有限按照風險高低分級來施打。
鄭文燦說航空業的疫苗還是不太夠華航和長榮的各個子公司也還沒辦法完全施打市府希望單位先造冊將風險高的優先施打接著在爭取第二輪的疫苗擴大施打範圍。</t>
  </si>
  <si>
    <t>疫苗施打機場桃園人員接種鄭文燦希望醫院爭取莫德納航空中央風險醫護人員az時間</t>
  </si>
  <si>
    <t>新冠肺炎台灣施打疫苗桃園機場</t>
  </si>
  <si>
    <t>施打臺灣疫苗肺炎桃園機場</t>
  </si>
  <si>
    <t>勞動部補助符合資格營業</t>
  </si>
  <si>
    <t>針對疫情紓困勞動部提供自營作業者或無一定雇主的勞工生活補貼將發出3萬元補助20日開放受理截至本週五預計將會有10萬人領取到3萬元補助。政府針對無雇主的自營業者提出補貼紓困方案只要符合在職業工會投</t>
  </si>
  <si>
    <t>補助補貼紓困雇主自營作業者提出一定預計週五營業截至開放受理政府勞工領取方案發出生活提供符合</t>
  </si>
  <si>
    <t>針對疫情紓困勞動部提供自營作業者或無一定雇主的勞工生活補貼將發出3萬元補助20日開放受理截至本週五預計將會有10萬人領取到3萬元補助。
政府針對無雇主的自營業者提出補貼紓困方案只要符合在職業工會投保投保薪資2萬4000元以下、2018年收入未達到課稅標準、且未領取其他補貼等條件就可以領取補助金1個月1萬元補貼共計3個月3萬元一次發放。
根據勞動部最新消息20日公告受理自20日至21日累積受理83785件經審核符合資格並已撥款有63141件；需更正帳號及格式有12386件；不符合排富資格者有8258件資格不符者僅占申請件數不到1成其餘超過9成皆符合資格。
勞動部指出所有符合資格者皆會陸續進行撥款部分案件因勞工帳號誤植或格式不正確各職業工會也積極協助更正資料內容預計本週五（24日）將有10萬人領取3萬元生活補助。</t>
  </si>
  <si>
    <t>符合補貼資格領取勞動部勞工撥款受理職業工會補助更正格式雇主紓困預計週五生活投保補助金共計</t>
  </si>
  <si>
    <t>紓困補助生活費自營業者勞動部</t>
  </si>
  <si>
    <t>生活費營業補助紓困勞動部</t>
  </si>
  <si>
    <t>砍價外資電子零件黑臉</t>
  </si>
  <si>
    <t>歐美新冠肺炎疫情大爆發亞系外資保守看待軟板廠-台郡(6269)前景認為台郡將是此波疫情主要受害者將台郡今年及明年每股盈餘預估調降22%及33%評等降至「劣於大盤表現」目標價更大砍至94元致使今天台郡股價</t>
  </si>
  <si>
    <t>台郡疫情大盤表現目標價爆發保守明年外資軟板看待今年劣於致使預估認為</t>
  </si>
  <si>
    <t>歐美新冠肺炎疫情大爆發亞系外資保守看待軟板廠-台郡(6269)前景認為台郡將是此波疫情主要受害者將台郡今年及明年每股盈餘預估調降22%及33%評等降至「劣於大盤表現」目標價更大砍至94元致使今天台郡股價逆勢收跌。
新冠肺炎持續在全球延燒尤其是歐美地區疫情嚴重重創消費市場外資紛紛下調iPhone等智慧型手機今年全球銷售量而亞系外資今天在最新報告更指出由於高利潤的NFC天線設計改變影響到台郡的訂單因而大砍台郡目標價。
台郡前2月合併營收為2457億元年減1457%。
儘管智慧型手機銷售因全球新冠肺炎疫情延燒遭到重創但蘋果及華為等各大手機品牌廠持續進行5G手機新機開發台郡公司自2018年開始用MPI跨入天線模組領域2019年再切入多層板技術今年除MPI天線外亦會跨入用於更高頻傳輸的全新LCP材料天線領域且公司與客戶在手機、平板及NB合作都有天線產品也成為推升台郡營運成長重要動能。
2018年天線產品佔台郡營收比重約4%到8%2019年佔比約13%到18%其中2018年第4季天線產品佔比已達25%至30%台郡在日前法說會表示如果新冠肺炎疫情過去市場需求恢復公司可以趕產能補回來今年天線營收佔比可望達20%到30%。
亞系外資在最新出爐報告中表示由於需求的不確定性且與蘋果相關的收入將進一步下降讓台郡成為美國及歐洲地區新冠肺炎疫情擴散的主要受害者加上根據我們調查台郡因高利潤的NFC天線設計改變恐失去訂單在新的mmWave天線供應鏈中亦未見到公司決定下修台郡今年及明年每股盈餘預估降幅分別為22%及33%將台郡評等由原先的「買進」降至「劣於大盤表現」目標價由155元大幅下修至94元。</t>
  </si>
  <si>
    <t>台郡天線今年手機疫情公司外資肺炎產品全球目標價蘋果表示領域成為mpi</t>
  </si>
  <si>
    <t>台郡天線新冠肺炎外資5G手機</t>
  </si>
  <si>
    <t>肺炎外資天線台郡手機</t>
  </si>
  <si>
    <t>下月價格原料nono自行吸收唐從聖成本</t>
  </si>
  <si>
    <t>新冠肺炎疫情大爆發餐飲業首當其衝也間接影響到藝人經營的雞排店。唐從聖投資的唐門潮雞排2月透過促銷活動讓業績不降反升在地客人成長許多然而到了3月「過路客少很多企業訂單量從多轉少。」他表示近月</t>
  </si>
  <si>
    <t>爆發餐飲業首當其衝過路客影響成長疫情客人經營藝人不降反升透過業績促銷活動訂單企業唐門潮肺炎唐從聖</t>
  </si>
  <si>
    <t>新冠肺炎疫情大爆發餐飲業首當其衝也間接影響到藝人經營的雞排店。唐從聖投資的唐門潮雞排2月透過促銷活動讓業績不降反升在地客人成長許多然而到了3月「過路客少很多企業訂單量從多轉少。」他表示近月底時餐飲店基本上營收都較為吃緊加上失業潮帶來的衝擊「長庚店業績掉了5成信義和南港店則是少1成。」
他誇讚店內都是素質優良的員工「大家默契十足、向心力高也不能亂裁員啦！員工訓練很辛苦的。」目前店家也與2家外送平臺合作「可打知名度但外送利潤低平臺抽成近30至40％。」
他表示雞肉供應商也是股東之一米其林等級的雞肉目前減產原物料漲近30%「光是這周就漲了18%要是不漲價扣掉員工薪水、房租等固定成本再加上外送利潤低根本是賣一片賠一片我們會在4月1日愚人節調整售價。」
NONO投資的連鎖店艋舺雞排旗下的正職員工工作仍安穩「總不能因為生意不好就把人fire掉呀！還有外送和發傳單可以做呢！」他笑說好險有跟外送配合能補足現場營業額「算是不幸中的大幸。」
他在這段時期察覺了顧客行為的轉變「台中以北的民眾多以手機訂餐若現場客人較少台中以南的員工就會親自上府送餐。」他強調國內的雞肉採用的是進口原物料「雞肉成本有調漲店家自行吸收成本暫時不會調整售價。」
艋舺雞排的董事長劉明道透露位在菲律賓的雞排分店生意全面暫停「員工改作便當提供給第一線照護的醫療人員。」至於英國、加拿大、港澳等分店營運「影響其實都蠻大的正努力將台灣『外送』為主的模式引進當地。」</t>
  </si>
  <si>
    <t>員工雞肉影響現場分店台中業績加上生意表示客人目前</t>
  </si>
  <si>
    <t>唐從聖NONO新冠肺炎武漢肺炎新冠狀病毒</t>
  </si>
  <si>
    <t>肺炎nono武漢唐從聖病毒</t>
  </si>
  <si>
    <t>冰河業者自救行業高雄旅國旅</t>
  </si>
  <si>
    <t>中央宣佈境管後高雄旅行業宛如進入「冰河期」幾乎沒生意可出團。高市旅行公會指出最主要受影響為中型以上旅行社中型1個月光是人事、管銷費得燒掉300至600萬不等也有業者自力救濟推出國旅團喋血價高雄</t>
  </si>
  <si>
    <t>高雄旅行業宛如進入國旅冰河推出幾乎自力救濟業者生意管後不等可出費得人事光是高市旅行社以上影響</t>
  </si>
  <si>
    <t>中央宣佈境管後高雄旅行業宛如進入「冰河期」幾乎沒生意可出團。高市旅行公會指出最主要受影響為中型以上旅行社中型1個月光是人事、管銷費得燒掉300至600萬不等也有業者自力救濟推出國旅團喋血價高雄到花蓮3天2夜機加酒4000元有找。
高市旅行公會理事長吳盈良指出高雄有480家旅行社2月迄今0收入甚至還要先代墊郵輪、機票退款費用若再不提出完善紓困計畫業者恐怕沒法撐預估4月會有一波倒閉潮。
吳盈良建議旅行社先別停業及裁員公會將協助爭取轉型培訓、員工薪資補貼以求度過這段難關。他昨也與交通部長林佳龍開會提出對旅行社管銷費用補助林也允諾將研議。
為搶救國旅市場統茂旅館集團、華信航空與捷利旅行社聯合宣佈「2人輕鬆遊花蓮」幸福專案平日2人成行、每人3999元起可享花蓮統茂度假莊園田園雙人房住宿2晚、自助早餐2客、野菜火鍋1次及2張高雄花蓮來回機票不用開車6、7小時只要飛機落地就可以拿掉口罩呼吸東部新鮮空氣享受純樸美景。
華信航空營業部南區主任楊晴雯說目前華信每天1班從高雄來回花蓮由於花東尚未有肺炎疫情華信航空高規格作飛機全面清潔消毒旅客下機後由臺勤公司執行清艙華信機務人員全程監督每日以75％酒精全面消毒、清潔旅客會接觸到的扶手、餐桌、置物櫃等確保沒有病菌殘留。
吳盈良形容這是「殺手級方案」比原價機票4340元還便宜但他說現在推國旅不是為了賺錢而是讓員工及相關觀光產業能繼續動起來高雄旅行社除繼續推澎湖、台東、嘉義、台中等國旅專案外也將與其他縣市公會討論「遊客互送」促進國旅市場。
受到疫情衝擊高雄觀光客進不來旅宿業叫苦連天市府觀光局網羅特色景點號稱不用去國外就可以享受到媲美國外的美景另外也推動「東高雄慢食旅」觀光品牌積極搶攻國旅市場。</t>
  </si>
  <si>
    <t>中央 宣佈 境 管後 高雄旅 行業 宛如 進入 冰河 期 幾乎 沒 生意 可出 團 高市 旅行 公會 指出 最 主要 受 影響 為 中型 以上 旅行社 中型 1 個 月 光是 人事 管 銷 費得 燒 掉 300 至 600萬 不等 也 有 業者 自力救濟 推出 國旅 團 喋血 價 高雄 到 花蓮 3 天 2 夜機 加 酒 4000 元有 找 高 市 旅行 公會 理事長 吳盈良 指出 高雄 有 480 家 旅行社 2 月 迄今 0 收入 甚至 還 要 先 代 墊 郵輪 機票 退款 費用 若 再 不 提出 完善 紓困 計 畫 業者 恐怕 沒法 撐 預估 4 月 會 有 一 波 倒閉 潮 吳 盈 良 建議 旅行社 先 別 停業 及 裁員 公會 將 協助 爭取 轉型 培訓 員工 薪資 補貼 以求 度過 這 段 難關 他 昨 也 與 交通部長 林佳龍 開會 提出 對 旅行社 管 銷 費用 補助 林也 允諾 將 研議 為 搶救 國旅 市場 統 茂 旅館 集團 華信 航空 與 捷利 旅行社 聯合 宣佈 2 人 輕鬆 遊花蓮 幸福 專案 平日 2 人 成行 每人 3999 元 起 可 享 花 蓮 統 茂 度假 莊園 田園 雙人 房 住宿 2 晚 自助 早餐 2 客 野菜 火鍋 1 次 及 2 張高 雄花 蓮 來回 機票 不用 開車 67 小時 只要 飛機 落地 就 可以 拿 掉 口罩 呼吸 東部 新鮮空氣 享受 純樸 美景 華 信 航空 營業部 南區 主任 楊 晴雯 說 目前 華信 每天 1 班從 高雄 來回 花蓮 由於 花東 尚未 有 肺炎 疫情 華信 航空 高 規格 作 飛機 全面 清潔 消毒 旅客 下機 後 由 台勤 公司 執行 清 艙 華信 機務人員 全程 監督 每日 以 75 酒精 全面 消毒 清潔 旅客 會 接觸 到 的 扶手 餐桌 置 物 櫃 等 確保 沒有 病菌 殘留 吳 盈 良 形容 這 是 殺手 級 方案 比 原價 機票 4340 元 還 便宜 但 他 說 現在 推 國旅 不是 為了 賺錢 而是 讓 員工 及 相關 觀光 產業 能 繼續 動 起 來 高雄 旅行社 除 繼續 推 澎 湖 台東 嘉義 台中 等 國旅 專案 外 也 將 與 其他 縣 市 公會 討論 遊客 互 送 促進 國旅 市場 受到 疫情 衝擊 高雄 觀光客 進不來 旅 宿業 叫苦連天 市府觀光局 網羅 特色 景點 號稱 不用 去 國外 就 可以 享受 到 媲美 國外 的 美景 另外 也 推動 東 高雄 慢 食 旅 觀光 品牌 積極 搶攻 國旅 市場</t>
  </si>
  <si>
    <t>旅行社高雄國旅華信公會機票航空市場員工不用觀光業者來回飛機疫情專案</t>
  </si>
  <si>
    <t>國旅新冠肺炎高雄花蓮旅行社</t>
  </si>
  <si>
    <t>高雄肺炎花蓮旅行社國旅</t>
  </si>
  <si>
    <t>援助村長口罩政府中肯</t>
  </si>
  <si>
    <t>台灣捐贈委內瑞拉1千個口罩上面印有我國國旗還用英文寫著「台灣可以幫忙」的字樣。外號「村長」的桃園市議員詹江村對此酸說用自己錢捐口罩的藝人被罵慘用我們稅金捐口罩就叫做外交。詹江村在臉書貼文質疑</t>
  </si>
  <si>
    <t>口罩江村臺灣印有上面我國還用英文國旗可以幫忙字樣外交外號藝人村長叫做桃園錢捐議員對此</t>
  </si>
  <si>
    <t>台灣捐贈委內瑞拉1千個口罩上面印有我國國旗還用英文寫著「台灣可以幫忙」的字樣。外號「村長」的桃園市議員詹江村對此酸說用自己錢捐口罩的藝人被罵慘用我們稅金捐口罩就叫做外交。
詹江村在臉書貼文質疑台灣疫情穩定了嗎？竟然可以大量的口罩援助其他國家！不是說好台灣優先嗎？不是說「青吃都不夠還能曬乾」嗎？用自己錢捐口罩的藝人被罵到狗血淋頭用我們稅金捐口罩就叫做外交！
詹江村還不滿說817就會凹被戳破了就惱羞成怒就說2024讓國民黨再輸一次這番說詞他耳朵都聽到長繭了！
網友紛紛回應：「為什麼你講話都可以這麼中肯。」、「村長罵得好。」、「他們就是所謂的民進黨呀不意外。」、「病例一直爆發已經138例還有能力捐口罩那每天排隊領口罩領3片的人真的都像傻瓜一樣。」
我國贈與巴拉圭口罩引發部分網批評「出口援贈巴拉圭口罩」外交部今嚴正澄清表示此批口罩是在當地所採購非由國內出口另外也提供款項給另一友邦委內瑞拉購買口罩及酒精等防疫物品。</t>
  </si>
  <si>
    <t>口罩臺灣可以出口江村巴拉圭我國村長委內瑞拉錢捐藝人外交購買意外病例提供友邦一直爆發</t>
  </si>
  <si>
    <t>口罩詹江村村長台灣委內瑞拉</t>
  </si>
  <si>
    <t>臺灣村長江村口罩委內瑞拉</t>
  </si>
  <si>
    <t>川普經濟刺激法案紓困</t>
  </si>
  <si>
    <t>美國總統川普27日在白宮簽署22兆美元經濟刺激法案以因應新冠肺炎疫情。這份美國歷史上規模最大的經濟援助法案生效之際美國新冠肺炎確診人數剛突破10萬。川普並宣佈美國將在100天內製造10萬台呼吸器。川普簽署</t>
  </si>
  <si>
    <t>美國川普法案肺炎簽署宣佈白宮經濟突破刺激經濟援助人數歷史上規模因應疫情生效確診之際天內製造呼吸器總統</t>
  </si>
  <si>
    <t>美國總統川普27日在白宮簽署22兆美元經濟刺激法案以因應新冠肺炎疫情。這份美國歷史上規模最大的經濟援助法案生效之際美國新冠肺炎確診人數剛突破10萬。川普並宣佈美國將在100天內製造10萬台呼吸器。
川普簽署的經濟援助法案先前在參議院獲得一致通過27日在眾議院以口頭表決方式通過後隨即送交川普簽署生效。根據這項紓困計畫美國將在3周內向中低收入家庭發放現金；5000億美元用於幫助遭受重創的行業3500億美元為小企業提供貸款並至少為相關衛生系統提供1000億美元。
據美聯社報導自九一一恐攻以來華盛頓從未像現在這樣團結一致下定決心採取緊急行動阻止經濟如自由落體般下滑。22兆美元相當於美國現有經濟規模的10％、美國2021財年聯邦政府預算總額的近一半。此一數字也已遠超2008年金融危機時期美國推出的7000多億美元刺激計畫。
但這項美國史上最貴的財政刺激計畫是否真能挽救瀕臨衰退的美國經濟和陷入混亂的金融市場？不少分析人士認為刺激計畫對提振經濟是「杯水車薪」如果短期內新冠肺炎疫情無法得到有效控制將很快需要後續措施補強。
川普當天也宣佈動用《國防生產法》所授予總統的權力要求通用汽車公司（GM）立即生產治療新冠肺炎重症患者所需呼吸器。他同時任命白宮貿易貿易顧問納瓦羅為《國防生產法》政策協調官。
川普表示美國未來100天內擬透過製造或其他方式獲得10萬台呼吸器。這一數量將是美國年均呼吸機分配量的3倍多。納瓦羅則指出美國正在進行二戰以來最重要的產業動員美國需要在短時間內盡快生產足夠的呼吸器以幫助紐約等地的重症患者呼吸器可以說是「人們的生命線」。</t>
  </si>
  <si>
    <t>美國川普經濟呼吸器生產刺激肺炎簽署法案以來一致説明需要方式獲得納瓦羅提供宣佈白宮經濟援助</t>
  </si>
  <si>
    <t>川普美國天內肺炎重症患</t>
  </si>
  <si>
    <t>天內肺炎美國重症川普</t>
  </si>
  <si>
    <t>關心堅強劉美芳第一線防疫劉炳偉人員父親福利</t>
  </si>
  <si>
    <t>前臺灣省議會議長、前立法委員劉炳偉21日淩晨2時許於板橋中興醫院過世享壽67。劉炳偉女兒劉美芳21日仍堅強出席在新北市議會舉行的「爭取新北市防疫公務人員加發防疫獎金」記者會關心疫情與第一線公務人員福利；</t>
  </si>
  <si>
    <t>劉炳偉公務人員議會新北防疫關心立法委員出席疫情淩晨堅強醫院過世時許劉美芳於板橋中興女兒享壽記者會獎金加發爭取議長舉行</t>
  </si>
  <si>
    <t>前臺灣省議會議長、前立法委員劉炳偉21日淩晨2時許於板橋中興醫院過世享壽67。劉炳偉女兒劉美芳21日仍堅強出席在新北市議會舉行的「爭取新北市防疫公務人員加發防疫獎金」記者會關心疫情與第一線公務人員福利；劉美芳會後指出因為事情才剛發生目前先移靈等靈堂設置好再向各界告知感謝大家關心。
劉家在板橋深根基層劉叱吒政壇20餘年在地方影響力頗深去年女兒劉美芳本有意參選板橋東區立委不過因劉炳偉罹癌開刀後身體狀況不理想去年檢查報告出爐確定癌細胞移轉至其他部位她希望有更多時間陪伴父親接受治療。
今日記者會劉美芳仍堅強與其他議員同僚出席記者會為第一線防疫公務人員請命建請新北市長侯友宜向中央爭取經費並以新北市第二預備金約362億元先行墊付加發防疫獎金以慰勞他們的辛苦</t>
  </si>
  <si>
    <t>劉美芳劉炳偉防疫新北記者會公務人員去年板橋關心女兒出席加發獎金堅強議會爭取希望部位轉至時間靈堂設置</t>
  </si>
  <si>
    <t>劉美芳劉炳偉公務人員新北市侯友宜</t>
  </si>
  <si>
    <t>新北公務人員劉炳偉劉美芳侯友宜</t>
  </si>
  <si>
    <t>旅外天后級明星抛磚引玉陳銳台抗陳凱倫</t>
  </si>
  <si>
    <t>陳凱倫兒子陳銳經營眼鏡品牌有成雖然因疫情大受影響他仍不忘跟著紀寶如做公益已捐出上千付護目鏡及防疫包給「台灣優質生命協會」獨居長者。陳凱倫得知兒子善行義舉他一通電話找回昔日合作拍檔、70年代玉女紅</t>
  </si>
  <si>
    <t>兒子陳凱倫合作昔日找回通電話義舉善行有成疫情品牌影響紀寶如眼鏡公益出上得知護目鏡防疫</t>
  </si>
  <si>
    <t>陳凱倫兒子陳銳經營眼鏡品牌有成雖然因疫情大受影響他仍不忘跟著紀寶如做公益已捐出上千付護目鏡及防疫包給「台灣優質生命協會」獨居長者。
陳凱倫得知兒子善行義舉他一通電話找回昔日合作拍檔、70年代玉女紅星陳明利及金鐘歌後王芷蕾共襄盛舉她們盡綿薄之力各自認購上千付護目鏡2位海外的台灣女兒心繫家鄉盼藉此拋磚引玉。
陳凱倫2日主持《星心頌》網路直播節目節目中播放陳銳跟著紀寶如做公益及「防疫不防愛」短片分別在新加坡的陳明利及美國的王芷蕾空中獻聲默默支持。陳明利曾獲首屆閩南語影片女童星獎昔日也是中視午間連續劇當家女主角嫁到新加坡從事保險業已41年。
陳明利有新坡「保險天后」之稱陳凱倫說：「對我來說她像是保險界的孫翠鳳。」陳明利和陳銳雖沒見過面但看到他捐給獨居老人的影片很感動找了連自己在內4位「新加坡阿姨」直接下單響應這次善行她對陳凱倫說：「最大希望是給你兒子一個最直接鼓勵的力量上帝會送一個人給他的。」
80年代台灣金鐘歌後王芷蕾的經典歌〈臺北的天空〉傳唱度高大家耳熟能詳她上次回台是2019年歲末回到美國華盛頓就遇上新冠疫情。她因為陳凱倫的一通電話加上看到短片很感動感慨說：「在美熬過1年半每天都是未知數的日子看著家鄉台灣正在疫情嚴峻其中心裡非常難過。」
提起與王芷蕾的淵源陳凱倫當年首張唱片還是王芷蕾為他引薦到東南亞的唱片公司圓了他的歌星夢。「那個時候我們都在西門町唱歌她在歌廳我在西餐廳～沒想到有一天我唱完費玉清〈白雲長在天〉就接到一個字條叫我去台下好像坐檯一樣去了才知道原來王芷蕾帶著星馬最大唱片公司老闆來聽我唱歌當下敲定了我的第一張唱片」。
當年陳銳出事時一次教會小型「福音演唱會」王芷蕾特別指定除非陳凱倫主持否則不去因為這麼一個緣份才讓陳凱倫再次「受洗」成為基督徒。
提到疫情王芷蕾說：「你們現在就像在前線作戰的戰士非常辛苦我的心情跟著家鄉同胞一樣的起伏不定。」儘管美國現在沒有硬性規定要戴口罩她說前兩天一家人去餐廳看著服務人員不戴口罩她的心裡還是覺得怪怪的她呼籲國人還是要繼續戴口罩千萬別鬆懈。</t>
  </si>
  <si>
    <t>陳凱倫陳明利王芷蕾疫情陳銳臺灣美國新加坡家鄉口罩兒子唱歌昔日影片心裡</t>
  </si>
  <si>
    <t>陳凱倫王芷蕾陳銳新冠肺炎台灣</t>
  </si>
  <si>
    <t>陳銳肺炎王芷蕾臺灣陳凱倫</t>
  </si>
  <si>
    <t>確診病例肺炎密切接觸新增北京</t>
  </si>
  <si>
    <t>據北京市衛生健康委18日消息指出2月17日0時至24時北京市新增6例新冠肺炎確診病例均為確診病例的密切接觸者已送至定點醫療機構進行救治。新增疑似病例49例現有疑似病例128例；新增密切接觸者47例累計確定</t>
  </si>
  <si>
    <t>新增密切接觸北京市病例確診救治送至疑似病例醫療機構進行定點消息指出時至肺炎健康衛生累計現有確定</t>
  </si>
  <si>
    <t>據北京市衛生健康委18日消息指出2月17日0時至24時北京市新增6例新冠肺炎確診病例均為確診病例的密切接觸者已送至定點醫療機構進行救治。
新增疑似病例49例現有疑似病例128例；新增密切接觸者47例累計確定密切接觸者1967例其中1273例已解除醫學觀察。</t>
  </si>
  <si>
    <t>新增密切接觸北京市病例確診救治送至疑似病例醫療機構進行定點消息指出時至肺炎健康衛生累計現有解除確定</t>
  </si>
  <si>
    <t>病例接觸北京市肺炎機構</t>
  </si>
  <si>
    <t>機構病例北京市接觸肺炎</t>
  </si>
  <si>
    <t>至少嚴重疫情人口感染美國</t>
  </si>
  <si>
    <t>據路透社統計美國新冠肺炎Covid-19感染人數超過250萬人超過125萬人喪命已是全球疫情最嚴重的國家。然而美國疾管中心(Centers for Disease Control and PreventionCDC )認為實際感染人數可能是已知確診患者</t>
  </si>
  <si>
    <t>美國感染人數可能全球肺炎疫情超過嚴重實際covid-國家andfor認為controldisease中心preventioncenterscdc已是</t>
  </si>
  <si>
    <t>據路透社統計美國新冠肺炎Covid-19感染人數超過250萬人超過125萬人喪命已是全球疫情最嚴重的國家。然而美國疾管中心(Centers for Disease Control and PreventionCDC )認為實際感染人數可能是已知確診患者的10倍也就是至少2640萬人以上約略是美國總人口數的8%。
科學警報(Science Alert)引述法新社的報導CDC的估計是基於抗體測試調查得出的數字據估計美國人口為3298億實際曾被感染的人數在165萬~2640萬人之間。
美國目前已經不少州正在開放經濟活動與交通往來然而美國近期又出一波新冠疫情的上升根據約翰·霍普金斯大學（Johns Hopkins University）的統計美國新的冠狀病毒感染數量又以每天幾萬人的數字上升上週三記錄了35900例顯然疫情沒有像過去SARS、MARS那樣自行消失。
德州看到重新復燃的疫情決定暫緩中止了重新開放經濟的步驟。
美國疾管中心主任羅伯特‧雷德菲德（Robert Redfield）說美國的感染率各地都不一致這和各州人口密度不同有關。從血清調查來看感染人數好像占了美國公眾的5％至8％這些人有些有抗體但有些人仍會帶原。
疾管中心還有一份新報告發現遭感染的孕婦是高風險病患進入重症監護和配戴呼吸器的比例更高。幸好未發現孕婦死亡風險較高。</t>
  </si>
  <si>
    <t>美國感染疫情人數中心cdc發現上升數字孕婦開放調查重新經濟估計抗體實際統計比例呼吸器</t>
  </si>
  <si>
    <t>美國感染人數疾管中心新冠病毒</t>
  </si>
  <si>
    <t>中心人數感染病毒美國</t>
  </si>
  <si>
    <t>接種民眾蘇揆開放禮拜三中午bnt高端登記</t>
  </si>
  <si>
    <t>行政院長蘇貞昌今日於臉書發文表示即日起公費疫苗預約系統開放要接種第二劑高端、第一劑BNT的民眾預約接種請大家記得在 禮拜三中午前上公費疫苗預約系統(網址https：／／1922GOVTW)預約。蘇貞昌說只要民眾</t>
  </si>
  <si>
    <t>預約公費疫苗系統蘇貞昌接種民眾發文表示即日起tw中午記得禮拜三開放於臉書govhttps網址bnt高端今日行政院長</t>
  </si>
  <si>
    <t>行政院長蘇貞昌今日於臉書發文表示即日起公費疫苗預約系統開放要接種第二劑高端、第一劑BNT的民眾預約接種請大家記得在 禮拜三中午前上公費疫苗預約系統(網址https：／／1922GOVTW)預約。
蘇貞昌說只要民眾在9月28日（含）以前接種高端疫苗間隔滿四個禮拜以及登記BNT的「18至22歲及65歲以上民眾40歲以上第9類民眾」都可以預約在 9月27日至10月2日間接種。</t>
  </si>
  <si>
    <t>預約疫苗接種民眾蘇貞昌高端公費系統bnt發文表示即日起以上tw中午禮拜三記得禮拜間隔於臉書以前開放</t>
  </si>
  <si>
    <t>BNT接種台灣新冠肺炎蘇貞昌</t>
  </si>
  <si>
    <t>臺灣肺炎接種bnt蘇貞昌</t>
  </si>
  <si>
    <t>防疫船員有功公主鑽石感謝肺炎</t>
  </si>
  <si>
    <t>鑽石公主號郵輪因為受到新冠肺炎疫情影響目前正停靠在橫濱港進行隔離管制船上的3700人中有218人確定感染新冠肺炎而鑽石公主號的母公司嘉年華郵輪表示為了感謝員工在危機時刻挺身而出幫助防疫渡過危機後將</t>
  </si>
  <si>
    <t>肺炎危機郵輪時刻公主鑽石員工感謝管制隔離進行防疫渡過表示橫濱停靠在幫助目前嘉年華感染影響疫情挺身而出母公司船上</t>
  </si>
  <si>
    <t>鑽石公主號郵輪因為受到新冠肺炎疫情影響目前正停靠在橫濱港進行隔離管制船上的3700人中有218人確定感染新冠肺炎而鑽石公主號的母公司嘉年華郵輪表示為了感謝員工在危機時刻挺身而出幫助防疫渡過危機後將給予2個月的有薪假期。
到13日為止鑽石公主號上面有218名的新冠肺炎確診病例而其中包含10名船員及1名檢疫官是中國大陸之外最多確診病例的地方日本厚生勞動省表示現在仍在繼續擴大檢驗工程接下來預計讓80歲以上長者、慢性疾病患者和住在無窗艙房的旅客優先下船。
而鑽石公主號的擁有者嘉年華郵輪公司表示將會退還旅客本次航程的所有費用其中還包含工作人員的小費此外還會贈送一次免費航程而對於員工站在第一線幫助防疫公司也表示很感謝會在渡過危機後給予2個月的有薪休假。
嘉年華郵輪公司發言人Roger Frizzell表示第一線的船員對於防疫作業非常重要若是沒有他們防疫絕對不會成功。
更多 CTWANT 報導</t>
  </si>
  <si>
    <t>表示防疫郵輪肺炎鑽石公司公主嘉年華旅客船員病例確診包含危機對於員工航程第一線感謝幫助渡過給予</t>
  </si>
  <si>
    <t>防疫鑽石公主號新冠肺炎感謝船員</t>
  </si>
  <si>
    <t>肺炎公主鑽石感謝船員防疫</t>
  </si>
  <si>
    <t>北市議員bnt入校打的校園留給入侵校內delta人士嚴防接種</t>
  </si>
  <si>
    <t>臺北市22日起將入校為12歲至17歲的青少年施打BNT疫苗國民黨北市議員王欣儀批評後續可能產生的「疫苗殘劑」仍無解方目前僅知會一律「帶回醫院」但途中若有差錯恐導致失效不如就地在校園內讓未接種疫苗的</t>
  </si>
  <si>
    <t>疫苗入校青少年施打就地園內不如bnt失效導致差錯途中醫院帶回國民黨一律知會北市目前議員解方王欣儀批評後續</t>
  </si>
  <si>
    <t>臺北市22日起將入校為12歲至17歲的青少年施打BNT疫苗國民黨北市議員王欣儀批評後續可能產生的「疫苗殘劑」仍無解方目前僅知會一律「帶回醫院」但途中若有差錯恐導致失效不如就地在校園內讓未接種疫苗的教職員、志工施打殘劑建立完整的校園防護網。
王欣儀指出疫苗有運送、存放條件及時效性問題如在校內未施打完的疫苗殘劑於帶回醫院的途中發生狀況造成疫苗失效豈不浪費？相關問題和責任又由誰來承擔？因此她認為入校接種疫苗後產生為數極少的殘劑應直接在校園內運用掉才能確保疫苗安全、不會浪費。
王欣儀認為Delta病毒已入侵新北幼兒園並波及北市學校即便教師施打疫苗也有染疫、傳染風險；何況現在仍有部份教師因身體狀況或醫囑規定無法接種AZ疫苗也有許多必須入校協助校園防疫、站在第一線的志工因未獲造冊安排至今仍在苦等第一劑疫苗因此大家無不關心BNT殘劑未來可如何運用！
王欣儀要求北市府應儘速向中央爭取「入校接種BNT疫苗之少量殘劑」可直接運用於校園內並訂定公開、透明、清楚的SOP處理流程及造冊的優先順序讓各校有所依循。讓全體教職員工、志工們也能有機會接種疫苗將校園防疫漏洞補起來建立完整的防護網。</t>
  </si>
  <si>
    <t>疫苗接種王欣儀入校園內校園施打bnt運用造冊問題認為失效浪費教師防疫北市醫院帶回產生途中</t>
  </si>
  <si>
    <t>新冠肺炎台灣殘劑入校BNT</t>
  </si>
  <si>
    <t>臺灣肺炎入校bnt</t>
  </si>
  <si>
    <t>症狀感冒比例過敏特別分辨確診</t>
  </si>
  <si>
    <t>新冠疫情在國內引爆隨著確診人數持續攀升社區氣氛也變得人心惶惶許多民眾就算乖乖待在家中也擔心染疫。兒科醫師徐嘉賢坦言新冠病毒千變萬化很多症狀容易和感冒、氣喘混淆不過新冠肺炎患者有一個症狀比</t>
  </si>
  <si>
    <t>症狀確診人數持續攀升社區氣氛引爆人心惶惶民眾乖乖就算在家擔心兒科醫師混淆徐嘉賢坦言氣喘</t>
  </si>
  <si>
    <t>新冠疫情在國內引爆隨著確診人數持續攀升社區氣氛也變得人心惶惶許多民眾就算乖乖待在家中也擔心染疫。兒科醫師徐嘉賢坦言新冠病毒千變萬化很多症狀容易和感冒、氣喘混淆不過新冠肺炎患者有一個症狀比例特別高同時也是確診初期的相關指標。
徐嘉賢在臉書「黑眼圈奶爸Dr 徐嘉賢醫師」上分享門診常遇到許多病患身體出現流鼻水鼻塞症狀卻不知道到底是過敏還是感冒甚至擔心染上新冠肺炎。在疫情期間的確有許多症狀容易和新冠肺炎混淆。
徐嘉賢透露過敏發作的時間較固定症狀不太會改變、沒有發燒沒有味覺改變。不過長期鼻子過敏、鼻竇炎也會有嗅覺上師或嗅覺異常；而氣喘患者有些也會咳嗽還會有痰音。但總括來說「過敏是不會發燒。」
至於一般感冒症狀就會隨時間變化可能剛開始打噴嚏、隔天流鼻水、喉嚨痛也可能會發燒。徐嘉賢表示新冠肺炎症狀千變萬化很像一般的感冒甚至還有無症狀感染者要分辨確實困難唯一能夠確定的方法就是做篩檢。
但他指出若出現「味覺和嗅覺異常」症狀時需要特別留意雖然這並不是新冠肺炎獨有的症狀其他普通的感冒病毒也會發生但是新冠肺炎的比例特別高確診者中有68％至85%嗅覺異常71％至888%味覺異常。而且出現嗅、味覺異常症狀是在確診初期病毒沒有進入肺部之前的一個徵兆。
徐嘉賢提醒除非醫生有強烈懷疑或是有接觸史、足跡和確診者重疊的民眾千萬別沒事去湊熱鬧「篩檢看看」去篩檢站、急診、大醫院感染病毒的風險可能更高而且防疫的醫護人員也已經很忙了不要增加他們額外不必要的工作。徐嘉賢說最好的方法是等疫苗開放就趕快去預約施打「疫苗施打率有普及的話疫情才有停止的一天」。</t>
  </si>
  <si>
    <t>症狀徐嘉賢確診感冒肺炎病毒過敏可能異常發燒疫情出現民眾味覺嗅覺沒有</t>
  </si>
  <si>
    <t>症狀台灣新冠肺炎過敏感冒</t>
  </si>
  <si>
    <t>肺炎過敏臺灣感冒症狀</t>
  </si>
  <si>
    <t>文旅軍事古跡</t>
  </si>
  <si>
    <t>新冠肺炎嚴重衝擊觀光澎湖縣政府展開搶救觀光大作戰配合今年澎湖文旅年活動主打軍事古蹟文化之旅帶領遊客揭開澎湖神祕軍事面紗。四面環海澎湖島位於東亞航線要衝翻開中外歷史澎湖扮演重要戰略據點昔日古</t>
  </si>
  <si>
    <t>軍事觀光重要衝擊扮演中外歷史翻開文化古跡搶救東亞航線要衝作戰戰略位於配合遊客今年帶領神秘</t>
  </si>
  <si>
    <t>新冠肺炎嚴重衝擊觀光澎湖縣政府展開搶救觀光大作戰配合今年澎湖文旅年活動主打軍事古蹟文化之旅帶領遊客揭開澎湖神祕軍事面紗。
四面環海澎湖島位於東亞航線要衝翻開中外歷史澎湖扮演重要戰略據點昔日古戰場歷經歲月變遷遺留下許多珍貴戰地遺跡深具觀光發展潛力。
縣府明定2020年澎湖文旅年大力行銷文化結合觀光新形態相中軍事之旅新亮點詎料一場肺炎疫情席捲而來打亂了澎湖觀光行銷步調。
縣府團隊一級主管聯袂走讀拱北山砲台、金龜頭砲台等澎湖軍事古蹟號召地方旅遊業者攜手合作殺出疫情困境振興觀光。
文化局指出澎湖擁有荷蘭、清末及現代各式砲台尤其中法戰爭後台灣巡撫劉銘傳看中台灣戰略位置重要全台各地興建10座砲台加強軍備防務澎湖島有拱北、金龜頭、東台、西台4座砲台。
文化局表示拱北砲台是清光緒年間建築的新式砲台內陸砲台有砲位、藏兵洞、大兵房、小彈藥庫、彈藥總庫、方池等空間範圍擴及拱北山第一砲台、第二砲台等軍事設施目前仍是軍事管制區未對外開放。
金龜頭砲台座落於澎湖西南岬角砲台門額題字「天南鎖鑰」與風櫃尾蛇頭山砲台隔海相望共扼馬公灣海口這是座城垛式外型堡壘內有坑道通達各海岸射口。</t>
  </si>
  <si>
    <t>炮臺觀光軍事拱北戰略疫情重要文化文化局古跡縣府文旅行銷肺炎臺灣金龜山炮堡壘隔海相望蛇頭</t>
  </si>
  <si>
    <t>砲台肺炎軍事文化局澎湖島</t>
  </si>
  <si>
    <t>文化局軍事肺炎炮臺</t>
  </si>
  <si>
    <t>疫情幼稚園全市中小學本土明起出現暫停面授莆田市課程福建</t>
  </si>
  <si>
    <t>大陸今（12日）通報新增46例新冠確診病例其中本土病例20例（均在福建其中莆田市19例、泉州市1例）莆田市隨即宣佈明（13日）起全市中小學、幼兒園暫停面授課程改為線上教學。據瞭解根據9月12日《莆田市應對</t>
  </si>
  <si>
    <t>莆田市新增病例教學改為課程面授暫停幼稚園宣佈中小學全市通報本土瞭解隨即確診福建泉州市大陸</t>
  </si>
  <si>
    <t>大陸今（12日）通報新增46例新冠確診病例其中本土病例20例（均在福建其中莆田市19例、泉州市1例）莆田市隨即宣佈明（13日）起全市中小學、幼兒園暫停面授課程改為線上教學。
據瞭解根據9月12日《莆田市應對新型冠狀病毒感染肺炎疫情工作指揮部通告》指出莆田全市中小學（有住宿條件和全封閉管理條件的高三年級除外）、幼兒園、各類教育培訓機構從2021年9月13日起暫停面授課程。
通告要求在暫停面授課程期間全市幼兒園、小學一、二年級展開居家生活指導各地各校在線上教學期間要加強對學生學習、生活的指導要求居家不外出、不聚會、不舉辦和參加聚集性活動。此外也要求各地各校要搭建網路課堂實現教師和學生線下課程到線上課程的有序銜接為學生做到「停課不停學、學習不掉線」認真做好線上教學實施與管理。</t>
  </si>
  <si>
    <t>學生課程全市要求教學幼稚園莆田市學習中小學年級期間指導暫停生活通告面授居家條件管理新增病例</t>
  </si>
  <si>
    <t>大陸幼兒園新冠肺炎面授中小學</t>
  </si>
  <si>
    <t>肺炎面授幼稚園大陸中小學</t>
  </si>
  <si>
    <t>危機幸工作人員機構pcr市長陰性</t>
  </si>
  <si>
    <t>高雄市才宣佈長照機構工作人員1日起全面快篩2日深夜就驚傳前鎮區某一棟大樓、8間長照機構多位工作人員快篩驗出陽性事件總人數不明。衛生局第一時間出動遊覽車、載送相關人員前往醫院進行PCR採檢。採檢結果3日中</t>
  </si>
  <si>
    <t>機構工作人員醫院前往人員相關進行遊覽車出動第一時間衛生局不明人數事件陽性前鎮區大樓</t>
  </si>
  <si>
    <t>高雄市才宣佈長照機構工作人員1日起全面快篩2日深夜就驚傳前鎮區某一棟大樓、8間長照機構多位工作人員快篩驗出陽性事件總人數不明。衛生局第一時間出動遊覽車、載送相關人員前往醫院進行PCR採檢。採檢結果3日中午出爐全數人員全為陰性危機暫時解除。
衛生局強調高雄市為低度盛行率目前快篩偽陽性比率甚高疫情公佈以流行疫情指揮中心為準。
據瞭解該棟大樓有9家長照中心其中約有一半的人力是外籍人員部分快篩陽性工作人員先被防疫計程車載走但沒想到後續驗出更多陽性工作人員衛生局深夜緊急調度防疫遊覽車多名防疫人員穿著隔離衣協助將工作人員一次送往醫院做PCR採檢。
衛生局表示昨晚檢驗發現該同棟、8家長照中心、多位工作人員快篩有偽陽性問題隨即依SOP進入通報流程針對快篩呈陽性反應者、照顧對象、足跡、接觸史、場域等一一釐清。至於快篩呈陽性的工作人員昨晚在醫院做完PCR檢驗後就讓其在指定處所進行健康自主管理在PCR檢驗結果揭曉前嚴格要求再固定定點自我隔離不得再於機構內活動也不得出入人潮眾多處更不能搭乘公共交通運輸工具。
衛生局表示目前台灣北部已有長照機構染疫危機高市府1日才宣告長照機構加強防疫作為包含限制訪客探視、禁止院際間工作人員支援與交流、每日稽核機構防疫作為、新入住的住民入住機構或出院轉入及返回機構均需核酸檢測陰性、長照機構工作人員全面快篩檢測。</t>
  </si>
  <si>
    <t>機構工作人員衛生局陽性防疫人員檢驗pcr中心隔離醫院陰性危機目前深夜昨晚表示結果</t>
  </si>
  <si>
    <t>高雄長照機構快篩PCR新冠肺炎</t>
  </si>
  <si>
    <t>pcr機構高雄肺炎</t>
  </si>
  <si>
    <t>大利全球武漢瘟疫專家開始</t>
  </si>
  <si>
    <t>德國病毒專家科庫勒（Alexander Kekule）日前接受專訪時表示義大利才是「全球新冠瘟疫的開始並非武漢」不過他強調新冠病毒仍源自武漢只是傳播到義大利後出現變種病毒變得更具傳染力之後進一步傳播全世</t>
  </si>
  <si>
    <t>病毒大利傳播武漢alexander日前kekule更具傳染接受專訪變種表示出現強調瘟疫科庫勒之後全球</t>
  </si>
  <si>
    <t>德國病毒專家科庫勒（Alexander Kekule）日前接受專訪時表示義大利才是「全球新冠瘟疫的開始並非武漢」不過他強調新冠病毒仍源自武漢只是傳播到義大利後出現變種病毒變得更具傳染力之後進一步傳播全世界因此目前散佈全球的新冠病毒是源自於義大利的突變種。
綜合德國之聲、科學網站「Pledge Times」報導德國哈勒大學醫院（University Hospital Halle）病毒學家科庫勒上月26日接受德國電視二台（ZDF）談話節目專訪時被主持人問及他在新書中指出「目前肆虐全球的新冠病毒並非來自武漢、而是來自義大利北部」這句話的意思以及是否和北京官方說法雷同科庫勒指出義大利實際上才是「全球瘟疫的開始」「而非武漢。」
他強調自己的說法和北京官方的宣傳不同說明現在蔓延全球的新冠病毒實際上是一種只出現在義大利北部的突變種稱為「G變異體」（G-Variante）病毒來到義大利後基因結構經過改造變得比原來的武漢病毒株更具傳染性之後再擴散至全世界因此他才會說義大利才是新冠病毒大流行的發源地而非武漢。
科庫勒說義大利北部爆發疫情時多達數周外界都沒有發現最早可能在1月就爆發直到2月底才被辨識出來不過這段時間病毒已經變異有足夠時間「優化」自己因此創造出傳染力更強的變異種並且從義大利散佈全世界科庫勒甚至指出目前在大陸看到的病例都是義大利的變種病毒再輸入。
節目中主持人追問病毒最初是否源自於武漢科庫勒強調病毒「當然來自中國」只不過從中國輸入義大利後在義大利發生突變。另外根據中新社報導科庫勒在節目中說目前在全球蔓延的995%新冠變異病毒株均可追溯至義大利北部的突變種。
科庫勒也指出這類高傳染性病毒將無可避免地在全球蔓延但是他特別點出武漢情況和其他地方不同武漢會爆出疫情是因為「面對病毒時一無所知」歐洲卻在收到警告後「長時間內不夠重視導致大流行」。</t>
  </si>
  <si>
    <t>病毒大利科庫勒武漢全球指出德國北部時間變異目前節目突變蔓延變種爆發強調全世界報導接受</t>
  </si>
  <si>
    <t>新冠病毒新冠肺炎義大利武漢德國專家</t>
  </si>
  <si>
    <t>肺炎大利武漢德國病毒專家</t>
  </si>
  <si>
    <t>總統府提醒徹底檢討坦承海軍</t>
  </si>
  <si>
    <t>敦睦艦隊磐石艦24人確診新冠肺炎國軍防疫疑出現漏洞4月15日參謀總長黃曙光主持結訓典禮隔日赴官邸與總統蔡英文開會是否有疑慮也引發關注。對此總統府也出面說明要求國軍檢討疏失並務必配合指揮中心規</t>
  </si>
  <si>
    <t>國軍務必確診疏失檢討肺炎要求說明出面防疫疑慮蔡英文參謀總長結訓隔日出現典禮總統黃曙光主持官邸</t>
  </si>
  <si>
    <t>敦睦艦隊磐石艦24人確診新冠肺炎國軍防疫疑出現漏洞4月15日參謀總長黃曙光主持結訓典禮隔日赴官邸與總統蔡英文開會是否有疑慮也引發關注。對此總統府也出面說明要求國軍檢討疏失並務必配合指揮中心規範。
總統府發言人丁允恭表示第一點國軍除向社會致歉承擔應有責任外更以此為鑑徹底檢討防疫管理。
第二點國軍除全力配合疫調外國防部調查小組也因詳細釐清過程既然已造成防疫缺口就要坦承以對不能再有疏漏這攸關國內疫情管控也關乎民眾對國軍的信任沒有絲毫鬆懈空間。
第三點所有涉及國軍人員需嚴格遵守疫情中心的指引及規定做好個人隔離及管理措施也請軍方及醫療體系全力照顧染疫官兵務必做好國軍整體健康跟戰力維繫。
對於參謀總長黃曙光曾與總統開會丁允恭表示當天會議都依相關規範與指引也有戴口罩、消毒且會議場所也已加強消毒是沒有問題的總統的健康狀況也會以最嚴格標準關注。</t>
  </si>
  <si>
    <t>國軍防疫總統疫情沒有做好管理中心指引參謀總長會議黃曙光規範全力檢討開會務必總統府表示丁允恭嚴格配合消毒關注</t>
  </si>
  <si>
    <t>海軍國軍總統府總統蔡英文</t>
  </si>
  <si>
    <t>蔡英文國軍總統海軍總統府</t>
  </si>
  <si>
    <t>維持社交議會距離高市傷腦筋</t>
  </si>
  <si>
    <t>海軍群聚感染其中300多名官兵設籍高雄疫情嚴重升溫眼看22日將開為期3天的臨時會議員、官員、記者室內群聚高市議會忙著全面消毒但針對議事廳內恐有大批議員湧入如何維持15公尺社交距離議會正在傷腦</t>
  </si>
  <si>
    <t>議員議會高雄距離疫情嚴重升溫社交眼看維持湧入為期消毒全面議事廳高市官員記者</t>
  </si>
  <si>
    <t>海軍群聚感染其中300多名官兵設籍高雄疫情嚴重升溫眼看22日將開為期3天的臨時會議員、官員、記者室內群聚高市議會忙著全面消毒但針對議事廳內恐有大批議員湧入如何維持15公尺社交距離議會正在傷腦筋。
高市議會表示20日至22日召開第三次臨時會採取高規格防疫措施進入議會不僅要過酒精消毒、紅外線體溫量測、實名登記「三關」21日還請工作人員針對議事廳進行全面消毒特別加強麥克風消毒以長效鋅物理性方式維持48小時以上消毒效果。
由於海軍敦睦艦隊群聚感染高雄疫情轉為嚴峻高市議會為遵守中央流行疫情指揮中心「停辦室內超過100人以上集會及擴大社交距離」相關規範用盡心思由於是臨時會專案報告只有市長、副市長及相關局處首長需要出席官員席錯開坐尚可維持15公尺社交距離。
此外議會嚴格控管媒體人數預先登記採訪2樓記者席控制在32人加上少數工作人員每家媒體僅限1人進入其他記者可至3樓旁聽席並採梅花座拉開距離臨時會期間為了防疫旁聽席不開放一般民眾進入可透過公益頻道或議會官網觀看臨時會直播議程。
然而據瞭解議員人數如何管控才令議會傷透腦筋高市66席議員專案報告時可先登記輪到質詢才進入議事廳但臨時會開議、確認議事日程表時可能趨近於全部出席議場內座位距離小於15公尺屆時如何確保符合中央規定的社交距離議會目前還在研究。</t>
  </si>
  <si>
    <t>議會距離消毒進入議員社交登記疫情議事廳高市維持出席以上人數官員相關室內中央記者防疫工作人員媒體高雄</t>
  </si>
  <si>
    <t>高市議會社交距離消毒臨時會新冠肺炎</t>
  </si>
  <si>
    <t>消毒距離社交議會肺炎高市</t>
  </si>
  <si>
    <t>大生一行驚喜感動口罩驕傲</t>
  </si>
  <si>
    <t>由於新冠肺炎（COVID-19）爆發全球都鬧口罩荒為瞭解決口罩需求我國動員大量人力加開產線並配合「口罩實名制」的政策實施確保民眾都能夠能夠領到。有位女大生在網路上分享她看到實名制口罩「一行字」馬上</t>
  </si>
  <si>
    <t>口罩爆發全球能夠網路上我國動員covid-看到分享加開人力實施政策配合一行領到解決大生需求民眾確保</t>
  </si>
  <si>
    <t>由於新冠肺炎（COVID-19）爆發全球都鬧口罩荒為瞭解決口罩需求我國動員大量人力加開產線並配合「口罩實名制」的政策實施確保民眾都能夠能夠領到。有位女大生在網路上分享她看到實名制口罩「一行字」馬上感動萬分而眾人直呼「屬於我們的驕傲」！
一名女大生在網路論壇《Dcard》上分享表示在一大早去領實名制口罩上發現了平常都沒注意到的驚喜原來是口罩的正面印有一行字上面寫著「Made In Taiwan」讓她很感動。原PO指出「雖然只是簡短的一行字卻是大家一起努力的結果謝謝MIT口罩隊！」
看到這口罩上面的驚喜後不少網友紛紛表示「屬於我們的驕傲」、「謝謝我們國家的口罩隊！」、「我用MIT口罩我驕傲」。有人更提醒在這疫情期間大眾別忘了在領口罩之外也要想到在工廠趕工的員工以及在前線支援的醫療團隊都是台灣防疫的幕後推手真的辛苦了！</t>
  </si>
  <si>
    <t>口罩驕傲一行感動分享大生驚喜屬於上面看到謝謝mit爆發防疫全球臺灣員工工廠前線團隊</t>
  </si>
  <si>
    <t>口罩驕傲驚喜女大生感動</t>
  </si>
  <si>
    <t>感動口罩驕傲驚喜大生</t>
  </si>
  <si>
    <t>一般肺炎院士造成科學院大陸後遺症</t>
  </si>
  <si>
    <t>大陸科學院院士王福生在21日新聞發布會上表示自限性疾病臨床症狀一般一周消失具體到新冠肺炎輕型和普通型患者臨床上佔比超過80％以上。輕症患者如果身體狀況比較好、休息充裕、保持良好心情、飲食得當發病以</t>
  </si>
  <si>
    <t>患者臨床保持良好充裕休息新聞發佈會比較心情身體狀況表示自限性王福生疾病症狀具體一般消失以上超過</t>
  </si>
  <si>
    <t>大陸科學院院士王福生在21日新聞發布會上表示自限性疾病臨床症狀一般一周消失具體到新冠肺炎輕型和普通型患者臨床上佔比超過80％以上。輕症患者如果身體狀況比較好、休息充裕、保持良好心情、飲食得當發病以後人體免疫整體上佔有優勢就有可能逐漸康復即使是比較重的病人如果能得到及時專業的治療適當用些藥物必要時吸氧就能維持一個好的人體免疫狀態最重要的是「縮短發病期就能較快進入到康復期」病癒後一般也不會造成後遺症。</t>
  </si>
  <si>
    <t>一般患者比較臨床發病人體免疫新聞發佈會病癒表示王福生自限性康復期症狀疾病適當具體藥物</t>
  </si>
  <si>
    <t>免疫後遺症臨床人體患者</t>
  </si>
  <si>
    <t>後遺症免疫患者臨床人體</t>
  </si>
  <si>
    <t>登頂今年營利通信網成長</t>
  </si>
  <si>
    <t>中華電(2412)轉投資是方(6561)1月營收23億元年增1511%創下歷史新高全球雲端趨勢未來幾年持續穩成長是方營運動能樂觀法人也看好是方今年營利將挑戰2位數成長。是方2020年在新冠肺炎衝擊全球影響帶動宅</t>
  </si>
  <si>
    <t>全球成長衝擊肺炎創下歷史新高看好雲端今年趨勢動能營運未來持續法人挑戰營利樂觀影響</t>
  </si>
  <si>
    <t>中華電(2412)轉投資是方(6561)1月營收23億元年增1511%創下歷史新高全球雲端趨勢未來幾年持續穩成長是方營運動能樂觀法人也看好是方今年營利將挑戰2位數成長。
是方2020年在新冠肺炎衝擊全球影響帶動宅經濟、居家辦公以及遠距教學等需求大增加上香港問題更使得國際雲端大廠在台灣業務量飆升持續帶動是方雲端應用服務的營運動能；是方去年前三季稅後盈餘445億元年增1069%每股盈餘達63元。
是方總經理劉耀元表示去年雲端事業出現高成長主要受惠疫情帶動加上遠距離上班、視訊等需求帶動雲端總機、資安等需求進入今年後疫情時代預估業績持續成長此外是方可提供亞馬遜、微軟、穀歌、IBM、阿裡巴巴等五大公有雲網路直連服務滿足企業混和雲應用需求。
是方去年前三季每股盈餘63元是方預期今年成長動能可能和過去2~3年相似法人也預估是方今年營收成長6~8%獲利預估會有兩位數成長。
不僅如此是方日前跨足健康照護領域推出「是方i健康APP」長期也將看好成為營運新動能。</t>
  </si>
  <si>
    <t>雲端成長帶動需求今年持續去年預估動能全球營運疫情加上健康看好法人網路</t>
  </si>
  <si>
    <t>是方雲端新冠肺炎 是方i健康APP亞馬遜</t>
  </si>
  <si>
    <t>肺炎健康app雲端亞馬遜</t>
  </si>
  <si>
    <t>林右昌確診基隆疫情</t>
  </si>
  <si>
    <t>新冠肺炎疫情持續延燒中央公佈28例新冠肺炎病例地理分佈確診病例數中臺北市占7例新北市5例桃園市1例大臺北地區目前僅有基隆市未傳出確診案例基隆市長林右昌於24日指出市府團隊隨時都緊盯疫情發展</t>
  </si>
  <si>
    <t>確診基隆疫情肺炎病例團隊隨時市府指出林右昌市長地區案例臺北市持續中央公佈大臺北</t>
  </si>
  <si>
    <t>新冠肺炎疫情持續延燒中央公佈28例新冠肺炎病例地理分佈確診病例數中臺北市占7例新北市5例桃園市1例大臺北地區目前僅有基隆市未傳出確診案例基隆市長林右昌於24日指出市府團隊隨時都緊盯疫情發展隨時回報狀況後續防疫工作會繼續努力做好請市民安心。
林右昌上午赴校園視察防疫進度時指出基隆沒有確診個案絕對是好事在地所有居家隔離和居家檢疫人員每天都要向自己回報狀況如出現疑似案例市府也依中央指令進行相關處置到目前為止基隆零確診他真的感到很慶幸。
針對國中小學即將於24日開學林右昌指出戴口罩的時機已有清楚的指引若有上呼吸道徵狀等建議民眾還是把口罩戴著若是健康學童不一定要戴口罩他也特別提醒各校校長學生入校時若發現發燒需觀察立即請家長陪同就醫萬一家長無法及時到校經徵求家長同意後由校方醫護人員陪同學生盡速就醫。</t>
  </si>
  <si>
    <t>確診基隆林右昌口罩指出家長陪同學生中央防疫案例市府回報狀況疫情隨時肺炎就醫</t>
  </si>
  <si>
    <t>狀況基隆緊盯肺炎林右昌</t>
  </si>
  <si>
    <t>基隆肺炎林右昌狀況</t>
  </si>
  <si>
    <t>英國重症患者研究找到關鍵年輕原因</t>
  </si>
  <si>
    <t>新冠病毒不只攻擊肺更會攻擊人類的腎臟、心臟、循環系統、甚至是免疫系統讓能主動消滅外來病毒的T細胞無法運作英國研究找到T細胞無法運作的關鍵原因指出新冠患者體內的IP10分子數值飆高造成T細胞無法有效</t>
  </si>
  <si>
    <t>細胞無法病毒攻擊運作人類腎臟心臟甚至循環系統免疫系統分子造成數值ip體內主動患者消滅指出原因</t>
  </si>
  <si>
    <t>新冠病毒不只攻擊肺更會攻擊人類的腎臟、心臟、循環系統、甚至是免疫系統讓能主動消滅外來病毒的T細胞無法運作英國研究找到T細胞無法運作的關鍵原因指出新冠患者體內的IP10分子數值飆高造成T細胞無法有效作用這個現象可能是年輕患者比起中高齡患者更不容易發展為重症的關鍵。
《紐約時報》（New York Times）愈來愈多臨床研究指出新冠病毒會嚴重消耗人體內重要的免疫細胞。就像上海復旦大學及紐約血液中心的科學家4月刊登的研究成果指出新冠病毒的作用方式與愛滋病毒相當類似會獵食人體的免疫軍團T細胞讓T細胞無法消滅病毒。
5月美國賓州大學的免疫學專家惠裡博士（Dr John Wherry）和同事聯合發表研究成果羅列重症患者體內一系列免疫系統缺失。另外一份研究則顯示近半患者體內的T細胞及B細胞都沒有發揮作用。
6月初英國倫敦國王學院（King&amp;apos;s College London）免疫學家赫碟博士（Dr Adrian Hayday）領導的團隊在《自然醫學雜誌》（Nature Medicine）刊登最新研究他們比對63名新冠患者以及55名健康人士假定患者會對新冠病毒產生強烈的免疫反應因此多數輕症患者最終都存活了下來。
不過重症患者就像敗血症患者身體出現過度免疫反應導致免疫系統受損這些患者的免疫系統可能竭盡所能地作戰但是最後卻無法有效地對抗病毒。
倫敦研究在新冠患者體內發現重大異常情形患者體內的細胞分子IP10數值顯著增加這種分子能夠調度T細胞至需要作戰的地方。
研究指出一般時候IP10發出訊號、調度T細胞時數值只會些微上升不過新冠患者體內的IP10數值就和SARS患者、MERS患者一樣直線上升、並且維持在高水準。
赫碟博士表示這種情況就像是田徑選手聽到鳴槍後全力衝刺向前跑之後又有人不斷鳴槍「他會怎麼辦？他會停下來然後困惑、失去方向。」
研究指出結果顯示人體可能不斷隨機地對T細胞發出訊號讓免疫反應出現混亂有些T細胞已經準備好要消滅病毒但卻無法下定決心因此行為失常。很多T細胞明顯死亡患者體內原本的儲備量逐漸消耗掉報導說這種情況在40歲以上的患者身上尤其明顯因為胸線是人體製造T細胞的主要器官但是40歲以上人士胸線的效率已經降低。
報導指出這也是為何孩童較不易染上新冠病毒因為孩童的胸腺作用非常活躍製造T細胞的速度比新冠病毒破壞他們的速度還要快。</t>
  </si>
  <si>
    <t>患者細胞病毒研究指出免疫體內無法人體博士免疫系統數值可能作用ip反應dr情況鳴槍</t>
  </si>
  <si>
    <t>az疫苗長者以上歐盟停止官員澄清</t>
  </si>
  <si>
    <t>歐盟藥品管理局疫苗部門負責人卡瓦列裡（Marco Cavaleri）昨（13）日受訪時指稱礙於血栓風險建議各國避免讓60歲以上長者接種阿斯特捷利康（AZ）的新冠疫苗不過當天稍晚他澄清是媒體誤解他的話強調AZ疫苗對所</t>
  </si>
  <si>
    <t>疫苗az部門負責人卡瓦列裡cavalerimarco受訪指稱礙於血栓風險建議避免以上長者澄清接種媒體阿斯特稍晚捷利康當天</t>
  </si>
  <si>
    <t>歐盟藥品管理局疫苗部門負責人卡瓦列裡（Marco Cavaleri）昨（13）日受訪時指稱礙於血栓風險建議各國避免讓60歲以上長者接種阿斯特捷利康（AZ）的新冠疫苗不過當天稍晚他澄清是媒體誤解他的話強調AZ疫苗對所有年齡層的險益評估都是正面的特別是60歲以上族群。
義大利媒體《新聞報》（La Stampa）昨日引述卡瓦列裡的說法指出全球新冠肺炎疫情趨緩加上考量到年輕人染新冠後的相關風險較低現在也有了以mRNA為技術基礎的莫德納、輝瑞/BNT新冠疫苗認為讓年輕人施打這些疫苗比較恰當。
卡瓦列裡也被問及是否應該避免讓60歲以上長者接種AZ疫苗？他回答「是」指出法國、德國等因為能夠取得更多mRNA疫苗因此都在考慮這麼做。
這篇報導引發許多外媒跟進報導以為歐盟將對AZ疫苗的使用年齡新增限制不過卡瓦列裡後續回應路透社的詢問時澄清指出自己的專訪被錯誤解讀強調AZ疫苗對所有年齡組來說險益評估（risk-benefit profile）都是正面的「尤其是對60歲以上的族群。」
目前歐盟藥品管理局（EMA）對AZ疫苗的立場是認定AZ疫苗安全適用於18歲以上族群不過考量到血栓發生在年輕人身上的風險較高許多歐盟國家已經停止讓特定年紀以下族群接種AZ疫苗多數限制只讓50至65歲以上族群接種。</t>
  </si>
  <si>
    <t>疫苗az卡瓦列裡以上族群指出歐盟風險年輕人mrna媒體接種血栓考量年齡限制強調報導避免管理局</t>
  </si>
  <si>
    <t>#新冠肺炎#全球AZ疫苗60歲以上停止</t>
  </si>
  <si>
    <t>全球az疫苗肺炎以上停止</t>
  </si>
  <si>
    <t>累計不明感染結案本土</t>
  </si>
  <si>
    <t>台灣累計10例感染源不明的本土個案其中1例案268（工作室老闆）今天結案目前還剩3例追查中分別是案322（師大學生）、案336（高級社區女保全）與案379（酒店女公關）據指揮中心資料顯示前3人都有肺炎症狀</t>
  </si>
  <si>
    <t>顯示資料中心指揮公關酒店本土個案例案工作室分別老闆今天結案目前追查感染保全社區大學生</t>
  </si>
  <si>
    <t>台灣累計10例感染源不明的本土個案其中1例案268（工作室老闆）今天結案目前還剩3例追查中分別是案322（師大學生）、案336（高級社區女保全）與案379（酒店女公關）據指揮中心資料顯示前3人都有肺炎症狀案268更是在確診隔天就轉重症。
中央流行疫情指揮中心發言人莊人祥表示3月28日確診的案268（工作室老闆）為50歲男性曾於2/29去過金山、3/15去烏來老街確診症狀有咳嗽、喉嚨痛、頭痛、發燒、呼吸喘、腹瀉、肺炎匡列的接觸者採檢都是陰性宣佈結案。
莊人祥指出目前國內感染源不明還有3例分別是案322(師大學生)、案336(高級社區女保全)、案379(酒店女公關)。其中酒店女公關採檢21位接觸者17人篩檢結果是陰性4人仍在檢驗當中。</t>
  </si>
  <si>
    <t>確診肺炎目前結案症狀指揮老闆工作室中心感染陰性接觸公關分別酒店頭痛發燒呼吸喉嚨</t>
  </si>
  <si>
    <t>本土感染源不明結案莊人祥接觸者酒店女公關</t>
  </si>
  <si>
    <t>莊人祥結案接觸不明感染酒店公關本土</t>
  </si>
  <si>
    <t>海嘯金融肺炎sars團體</t>
  </si>
  <si>
    <t>社福團體營運受疫情重創頂新和德文教基金會今天（16日）公佈最新調查逾8成5的受訪社福團體認為這波疫情造成的衝擊為17年來最嚴重；有7成因此被迫中斷或暫停服務逾半數預估要一年以上才能恢復營運。基金會特</t>
  </si>
  <si>
    <t>疫情基金會營運團體才能預估以上今天嚴重衝擊服務暫停中斷文教被迫造成頂新公佈最新重創</t>
  </si>
  <si>
    <t>社福團體營運受疫情重創頂新和德文教基金會今天（16日）公佈最新調查逾8成5的受訪社福團體認為這波疫情造成的衝擊為17年來最嚴重；有7成因此被迫中斷或暫停服務逾半數預估要一年以上才能恢復營運。基金會特別以創辦人魏應充的墨寶及樂山教養院院生「畢卡平」的畫作樣式印製象徵滿載愛與共好心願的「公益共好包」首波將送500個鼓勵民眾捐款給社福團體。
疫情下國人先砍公益捐款　逾8成5社福團體表示慘過SARS和金融海嘯
根據網路媒體《DailyView網路溫度計》的調查發現許多網友在疫情期間首要減少的項目就是公益捐款。疫情期間一般民眾捐款意願下降仰賴企業及民眾捐款的社福團體又因避免群聚取消實體募款活動曝光、宣傳資源不足嚴重衝擊今年善款收入。
頂新和德文教基金會本月進一步針對今年紓困專案捐助的社福團體進行「2020年社福團體困境大調查」以深入瞭解他們在疫情期間面臨的困境。結果顯示8成5的社福團體認為與2003年的SARS、2008年的金融海嘯期間所受的影響相比今年新冠肺炎疫情影響他們的程度最大堪稱17年來最嚴重。
參與調查的社福團體認為疫情下受到最大的影響是「義賣收入」有超過9成的社福團體受到衝擊。這段期間有7成因為政府政策或經費不足被迫中斷或暫停部分服務然而也有超過3成的社福團體因為提供全天收容、安置服務不能斷只能咬緊牙根、勉強度日。超過5成的社福團體認為疫情造成的傷害需要1年以上才能回復更有1成5表示可能數年內都無法修復。
避免群聚社福團體人力更少　照顧對象情緒受打擊
天主教白永恩神父社會福利基金會執行長宗景宜說防疫期間除了讓社福團體減少收入外受限於不能群聚志工沒辦法去幫忙、服務對象的家人也不能去探訪；他們許多服務的老人、身心障礙者許久不見家人情緒受到打擊不間斷服務除了需要錢也缺紙尿褲、營養品等物資。
勵馨社會福利事業基金會董事長林靜文表示該會協助弱勢婦幼重建生活捐款比去年同期少3成受贈物資也減少他們服務的許多個案面臨排班減少或失業這段期間光是經濟扶助、協助就業就花掉562％的資源。樂山教養院院長張嘉芳說今年4月最慘每週都要看錢夠不夠有些照護的孩子不明白為何不能回家情緒反應大有教師無法負荷而離職。花蓮縣老人暨家庭關懷協會執行長蔡智全也說他們的捐款比往年下降3成。
善慧恩社會慈善基金會董事長彭春貴指出疫情之下他們每個月都虧錢但感謝頂新和德文教基金會伸出援手他們收到的不只是足以支應2個月的薪資經費更是一份溫暖、一份愛讓他們給沒辦法選擇原生家庭又被學校排斥的青少年們一點愛、一點信賴。
頂新和德文教基金會捐助逾5000萬元　推「共好包」邀您助社福團體
頂新和德文教基金會魏應充創辦人憂心社福團體長期支撐弱勢者的力量中斷連月來已累積捐助逾5000萬元協助40多個社福團體紓困統計逾10萬人次受惠然而對全台社福團體的困境來說仍是杯水車薪。
為帶動民眾關心社福團體困境並伸出援手頂新和德文教基金會今天也宣佈推出「公益共好包」鼓勵捐款活動。民眾透過基金會紓困專區網頁連結至各個社福團體的捐款頁面捐款並登錄資料即有機會抽中「公益共好包」單筆捐款達3000元不必抽獎可直接獲贈限量「公益共好包」組合內含基金會加碼回饋的社福團體義賣產品。
頂新和德文教基金會副執行長蕭巧怡表示「公益共好包」外印製的圖樣由創辦人魏應充的墨寶「共好」二字及唐氏症患者「畢卡平」的畫作《好朋友》所組成象徵基金會攜手民眾以愛邁向「台灣共好」。
蕭巧怡表示創辦人魏應充習字39年隸書作品自成一格去年還曾與國寶級書法大師周良敦同框揮毫。魏應充先生一生行善卻飽受外界誤解內心極艱困的情況下從未放棄以公益志業促成「台灣共好」的心願。
這次使用的「共好」字樣取自魏應充今年1月7日所寫的書法作品他被迫失去自由的前夕寫下「以誠待人以正做事；上天淬鍊逆增上緣；善愛為寶台灣共好」24字表明心跡此後與外隔絕、仍持續隔空送暖給社福團體。
《好朋友》畫作則由樂山教養院內號稱「畢卡平」的院生劉樂平與朋友「小卿」的共同創作。劉樂平是唐氏症合併自閉症患者平日很少跟外人說話。魏應充過去從事公益曾兩度造訪樂山基金會因此獲悉「畢卡平」的故事與天分這次特別商請院方授權盼《好朋友》畫作與「共好」二字象徵的意涵讓滿載愛與願的「公益共好包」為社福團體的寒冬帶來暖流。
頂新和德文教基金會邀請您伸出援手支持社福團體一起成就公益、共好理念助他們度過疫情難關。活動網址 https://tinyurlcom/y3o6ug2n。</t>
  </si>
  <si>
    <t>團體基金會疫情公益捐款期間服務今年魏應文教頂新表示民眾不能樂山減少朋友</t>
  </si>
  <si>
    <t>社福團體共好公益頂新和德文教基金會捐款</t>
  </si>
  <si>
    <t>頂新公益文教團體基金會捐款</t>
  </si>
  <si>
    <t>台南亂跑檢疫居家首例</t>
  </si>
  <si>
    <t>新冠肺炎疫情蔓延台南市佳裡區21歲女子花淑珍不顧規定還在居家檢疫期間竟在16日晚偷跑到新竹關西訪友成為在這次新冠肺炎防疫期間第一個遭台南市政府公佈姓名協尋的民眾警方17日晚間查獲行蹤連夜開警車</t>
  </si>
  <si>
    <t>期間肺炎查獲晚間警方民眾尋的姓名女子佳裡淑珍不顧公佈行蹤規定台南政府居家蔓延新竹</t>
  </si>
  <si>
    <t>新冠肺炎疫情蔓延台南市佳裡區21歲女子花淑珍不顧規定還在居家檢疫期間竟在16日晚偷跑到新竹關西訪友成為在這次新冠肺炎防疫期間第一個遭台南市政府公佈姓名協尋的民眾警方17日晚間查獲行蹤連夜開警車北上要將她帶回家。
花淑珍是台灣人母親是陸配花母離婚後帶著女兒住在佳裡區母女兩先前一同回大陸廈門探親本月4日返台依《傳染病防治法》規定小三通回台者需居家檢疫14天不得無故失聯花女依規定必須居家檢疫至19日才解禁想不到17日上午卻突然失蹤區公所人員聯繫不上花女的母親也不知女兒行蹤。
台南市民政局追查一天無果晚間決定公佈姓名請全民協尋並請警方追查警方查出她16日晚間7時許搭計程車到台南市火車站再搭火車跑到新竹造訪男性友人。警方17日晚8時許派警員開警車載著區公所人員連夜北上將她帶回防疫人員說花女稱搭客運到關西找朋友未說明何時抵達及接觸哪些人。
據瞭解花女回台居家檢疫之初就曾出外購物讓防疫人員撲空居家期間未滿又消失令人頭痛台南市衛生局將依傳染病防治法開罰最重可罰15萬元。
台南市公佈第1個居家檢疫失聯者使民眾陷入恐慌不少人打電話到市府詢問花女住處、搭乘何種交通工具等問題。台南市民政局強調現階段最重要的事是把人找到帶回來完成居家檢疫期花女目前仍算是個健康者不是病患民眾不要過度憂慮。</t>
  </si>
  <si>
    <t>居家台南檢疫花女人員民眾防疫期間公佈規定警方晚間女兒關西行蹤佳裡</t>
  </si>
  <si>
    <t>檢疫警方台南市居家失聯</t>
  </si>
  <si>
    <t>居家南市警方檢疫</t>
  </si>
  <si>
    <t>申請暫停外國人宣佈川普移民</t>
  </si>
  <si>
    <t>美國總統川普21日表示為了保障國人工作權他將於22日簽署暫停受理外國人申請移民60天的行政命令申請永久居留的綠卡者將暫時無法搬來美國但不會影響短期申請入境的臨時工並於60天後重新評估此一命令。據路透</t>
  </si>
  <si>
    <t>申請美國臨時工入境影響表示保障重新綠卡暫時受理無法暫停簽署國人行政命令評估移民工作外國人居留</t>
  </si>
  <si>
    <t>美國總統川普21日表示為了保障國人工作權他將於22日簽署暫停受理外國人申請移民60天的行政命令申請永久居留的綠卡者將暫時無法搬來美國但不會影響短期申請入境的臨時工並於60天後重新評估此一命令。
據路透社報導川普在白宮疫情記者會上表示如果美國人因新冠疫情遭資遣原有職缺卻被新的外國勞工所取代這將是重大錯誤且對美國人民不公我們必須首先照顧美國工人。不過他也表示這項命令將有部分人士豁免且將於60天後再次檢視是否有需延長。
報導指出這項行政命令已包含部分因應新冠疫情爆發而申請入境的臨時工例如農場員工或者其他確保美國糧食供給的臨時工。官方也強調美國即將重啟經濟預計移民流入將大幅增長行政部門希望確保雇主優先雇用受疫情衝擊而遭開除的員工而非先給較低薪資需求的外籍移民勞工。
美國國務院2019年財政年度中發行大約46萬份外國移民簽證該簽證允許外國移民獲得合法永久居留權為外界通常所熟知的「綠卡」並允許獲得該簽證的外國人民可在美國境內生活且工作並於5年後即可申請公民權。
報導指出目前申請專業性職業工作人員簽證（H-1B）的人也必須更新相關證明向美政府表示不會取代美國勞工。不過批評也指出H-1B簽證早就由取代美國人的人力資源公司所獨佔他們多為申請公司後勤的科技類職缺。</t>
  </si>
  <si>
    <t>美國申請移民表示疫情外國勞工報導指出簽證取代臨時工員工綠卡確保命令人民行政命令工作必須部分川普</t>
  </si>
  <si>
    <t>機能甲狀腺引發亢進疫情男子無力</t>
  </si>
  <si>
    <t>新竹2位男性民眾因新冠肺炎疫情壓力及心情起伏突然無力起身緊急送至中醫大新竹附設醫院就醫經過急診醫師與腎臟科醫師林信宏診斷發現都是「甲狀腺機能亢進」引起「低血鉀」惹的禍 !林信宏指出 正常人的血</t>
  </si>
  <si>
    <t>林信宏新竹醫師肺炎疫情壓力心情起伏突然無力起身醫院緊急引起中醫大甲狀腺送至附設亢進機能發現</t>
  </si>
  <si>
    <t>新竹2位男性民眾因新冠肺炎疫情壓力及心情起伏突然無力起身緊急送至中醫大新竹附設醫院就醫經過急診醫師與腎臟科醫師林信宏診斷發現都是「甲狀腺機能亢進」引起「低血鉀」惹的禍 !
林信宏指出 正常人的血中鉀離子在35至50第1位50多歲男性患者從大陸返回居家檢疫後某日清晨突然感到四肢無力無法起身檢查發現血中鉀離子只有21。另30多歲將升格當爸爸的患者過去從未發生肌無力也突然無力不能行走檢查發現鉀離子只有19。
林信宏指這2名患者都有尚未被診斷出的「甲狀腺機能亢進」發現都因新冠肺炎疫情的壓力與情緒起伏誘發了低血鉀的「週期性肌無力」2人經補充鉀離子並服用控制甲狀腺藥物後都已恢復正常生活。
林信宏指出血中鉀離子過低會引起人體肌肉無力或心律不整多數低血鉀症是長期未進食或鉀離子從腎臟流失所致但少數也和甲狀腺疾病有關可經由尿液和血液檢查找出原因並加以治療。
林信宏並說一般甲狀腺亢進以女性較多易有失眠、焦慮、多汗、體重減輕、心悸、大脖子、眼球突出等症狀但也可能週期性使血中的鉀離子急速減少造成肌肉無力或心律不整這種突發性症狀在亞洲年輕男性的比例特別高。
林信宏提醒甲狀腺疾病的患者一定要按時服藥及門診追蹤維持穩定的生活作息民眾如曾無緣無故突然四肢無力也要小心是否為潛在著甲狀腺疾病造成低血鉀相關的週期性肌無力症。</t>
  </si>
  <si>
    <t>甲狀腺無力離子患者突然發現疾病男性檢查生活症狀週期性起身民眾診斷四肢造成</t>
  </si>
  <si>
    <t>甲狀腺鉀離子肌無力新冠肺炎</t>
  </si>
  <si>
    <t>無力離子肺炎甲狀腺</t>
  </si>
  <si>
    <t>疫苗危機政治島國角力太平洋cnn戰場</t>
  </si>
  <si>
    <t>中澳外交僵局不斷加深如今又在新冠疫情肆虐下開闢了另一個戰場。據CNN新聞網19日報導北京說坎培拉正阻撓它在太平洋島國巴布亞紐幾內亞（Papua New Guinea）推出中國疫苗。而澳洲太平洋事務部長賽索嘉（Zed S</t>
  </si>
  <si>
    <t>太平洋不斷加深如今事務部長疫情澳洲肆虐僵局開闢疫苗戰場cnn中國新聞網guinea報導推出new北京papua幾內亞坎培拉巴布亞紐</t>
  </si>
  <si>
    <t>中澳外交僵局不斷加深如今又在新冠疫情肆虐下開闢了另一個戰場。
據CNN新聞網19日報導北京說坎培拉正阻撓它在太平洋島國巴布亞紐幾內亞（Papua New Guinea）推出中國疫苗。而澳洲太平洋事務部長賽索嘉（Zed Seselja）說他們支持巴紐根據主權做決定。可是北京並不那麼認為7月初時中方官媒《環球時報》指控澳洲妨害中國疫苗在太平洋推出疫苗。1名中國外交部發言人痛批澳洲說它破壞亞太地區的疫苗合作。
多年來中澳不斷在太平洋較勁而相關區域對兩國都有戰略優勢的重要性。而巴紐位於美國和亞洲之間無論對澳洲或中國來說都是關鍵軍事集結地也是未來可能的防禦設施設置點。
澳洲和太平洋有長期的經濟和文化關係對坎培拉的國家安全來說確保北京不在亞太佔有重要地位至關重要。而對北京來說相關區域則象徵擴張影響力的機會如今種種政治運作都使巴紐的新冠疫情成為中澳另一個角力場。
雖然巴紐逃過了2020年最嚴重的新冠疫情但今年病例卻飆升至今有超過17萬人確診179人喪生。就在當地病例2月攀升時北京宣佈將提供疫苗。但巴紐直到5月才批准而《環球時報》認為這是澳洲從中作梗的結果。報導中直指澳洲在破壞並幹擾太平洋島國和中方在疫苗和防控措施上的合作。
不過賽索嘉說儘管澳洲在新冠肺炎大流行時有派衛生專家到巴紐以加強政府相關系統並提供第一線的後勤支援但並未就中方疫苗的效用提供建議。此外他強調早在新冠大流行前澳洲就對巴紐的醫療衛生專業有廣泛貢獻因此任何暗示坎培拉這麼做是針對其他國家的說法是沒有根據的。
事實上自從去年澳洲政府公開要求調查新冠病毒起源開始中澳關係就跌入穀底。隨著中澳在太平洋競相爭取影響力北京重新聚焦亞太或許意味著更多金援也將賦予太平洋島國更大的談判權。</t>
  </si>
  <si>
    <t>澳洲巴紐太平洋北京疫苗相關提供中方島國坎培拉疫情中國病例影響力如今亞太關係認為區域</t>
  </si>
  <si>
    <t>新冠肺炎疫苗澳洲中國巴布亞紐幾內亞</t>
  </si>
  <si>
    <t>疫苗澳洲肺炎中國巴布亞紐幾內亞</t>
  </si>
  <si>
    <t>以來月中破百首度確診新疆陸增</t>
  </si>
  <si>
    <t>大陸昨（28日）新增新冠肺炎確診病例101例其中98例為本土病例（新疆89例遼寧8例北京1例）再破本輪疫情最高記錄也是自4月中旬以來確診數字首次破百。當中新疆新增89例（其中43例為無症狀感染者轉確診病</t>
  </si>
  <si>
    <t>確診新增新疆病例疫情記錄最高中旬以來數字破百症狀肺炎當中感染者遼寧北京本土大陸</t>
  </si>
  <si>
    <t>大陸昨（28日）新增新冠肺炎確診病例101例其中98例為本土病例（新疆89例遼寧8例北京1例）再破本輪疫情最高記錄也是自4月中旬以來確診數字首次破百。當中新疆新增89例（其中43例為無症狀感染者轉確診病例）均在烏魯木齊市。
據國家衛健委7月28日31個省（自治區、直轄市）和新疆生產建設兵團報告新增確診病例101例其中境外輸入病例3例（廣東2例上海1例）本土病例98例（新疆89例遼寧8例北京1例）；無新增死亡病例；無新增疑似病例。當日新增治癒出院病例10例。
截至7月28日止中國現有確診病例482例（其中重症病例25例）累計治癒出院病例78944例累計死亡病例4634例累計報告確診病例84060例現有疑似病例1例。
新增無症狀感染者27例（境外輸入8例）；當日轉為確診病例51例（無境外輸入）；當日解除醫學觀察9例（境外輸入5例）；尚在醫學觀察無症狀感染者273例（境外輸入91例）。
另據新疆維吾爾自治區衛生健康委最新通報7月28日0時至24時新疆報告新增新冠肺炎確診病例89例（其中43例為無症狀感染者轉確診病例）新增無症狀感染者15例均在烏魯木齊市。
截至7月28日24時新疆（含兵團）現有確診病例322例（危重症3例、重症16例）其中烏魯木齊市320例、喀什地區1例（烏魯木齊市移入病例）、兵團1例；現有無症狀感染者133例其中烏魯木齊市130例、兵團1例、昌吉州2例（烏魯木齊市移入）。</t>
  </si>
  <si>
    <t>病例確診新增新疆烏魯木齊市報告現有症狀感染者輸入境外兵團當日截至疑似病例記錄最高治癒北京出院</t>
  </si>
  <si>
    <t>新疆感染者烏魯木齊市症狀</t>
  </si>
  <si>
    <t>烏魯木齊市感染者新疆症狀</t>
  </si>
  <si>
    <t>棋局疫情計謀背後楊忠衡</t>
  </si>
  <si>
    <t>【愛傳媒楊忠衡專欄】郭董要見蔡總統結果同時請來了台積電的劉董好像各路人馬進了龍門客棧笑容底下不知打什麼算盤。一到晚上各路電視名嘴早已養足精神迫不及待各自表述。從他們眉飛色舞、口若懸河的表演</t>
  </si>
  <si>
    <t>郭董迫不及待精神總統早已結果電視晚上台積電算盤表述專欄好像不知各路人馬底下笑容</t>
  </si>
  <si>
    <t>【愛傳媒楊忠衡專欄】郭董要見蔡總統結果同時請來了台積電的劉董好像各路人馬進了龍門客棧笑容底下不知打什麼算盤。
一到晚上各路電視名嘴早已養足精神迫不及待各自表述。從他們眉飛色舞、口若懸河的表演打敗所有職業說書、相聲、講古藝人。
內容從醫學講到科技從經濟扯到政治；精彩勝過三國混西遊甄環配水滸。把小小一張會議桌解讀成國內三教九流、海峽兩岸、世界列強的角力桌。
這讓我想到小時讀的成語故事「二桃殺三士」。春秋時代的齊景公為了收伏手下三員大將採用晏子獻策賞賜三個人兩顆桃子。
結果三個大將在各自想太多的情況下先後自盡。齊景公除掉三個心腹大患只用了兩顆桃子堪稱史上CP值最高的平亂計謀。
我當時年紀雖小卻自許聰明打從心底不信。三個功業彪炳的大將軍什麼世面沒有見過？怎麼可能為了兩顆桃子自尋絕路呢？又不是三歲小孩？
一直到好不容易活了那麼大歲數才明白「人世」是怎麼回事。每個人就像棋盤上的一枚棋子。
表面上各自平靜的杵著其實彼此間存在無形的聯動厲害關係。隨著棋局進行棋子間的壓力愈絞愈緊。看不懂的只看見棋子挪移看得懂的高手則可能在數著之前就悟到對方的「殺機」。
輕輕放下的兩顆桃子可能已經註定三名武將的死棋。第一位懂的將軍選擇自殺他的死造成新的壓力迫使第二位不得不跟著自殺。
那麼第三位有可能帶著兩顆桃子獨自安然微笑離開現場嗎？那兩個枉死的仇家勢力會放過他嗎？他這麼白目皇帝又可能獨厚他嗎？除了自殺沒有別的選項。小小的動作背後力道萬鈞。
同樣的看似平淡無奇的安排誰知道棋局背後的計謀是什麼？也難怪名嘴們要興緻勃勃的捕風捉影了。
自古有明訓人類最大的對手還是人類自己；疫苗是焦點在這幕戲裡反而靜靜成為配角就像關鍵的兩顆桃。事情將如何發展？搬張椅子看下去。
作者為廣藝基金會執行長
照片來源：作者臉書。
●更多文章見作者臉書經授權刊載。
●專欄文章不代表i-Media 愛傳媒立場。</t>
  </si>
  <si>
    <t>桃子可能棋子自殺作者計謀結果背後棋局齊景公專欄沒有壓力人類文章</t>
  </si>
  <si>
    <t>新冠肺炎台灣兩顆桃子背後</t>
  </si>
  <si>
    <t>桃子肺炎臺灣</t>
  </si>
  <si>
    <t>失業率重創翻倍經濟</t>
  </si>
  <si>
    <t>新冠肺炎疫情延燒衝擊就業市場高盛警告美國本周初領失業救濟金人數恐突破200萬人將超越1982年10月2日該周的紀錄。經濟學家警告未來情況恐怕更加嚴峻美國失業率恐翻倍至8％。勞工部19日報告顯示上周（迄至3</t>
  </si>
  <si>
    <t>警告衝擊就業市場勞工疫情高盛翻倍失業率美國嚴峻恐怕國本情況更加未來失業經濟學家突破救濟金紀錄初領人數</t>
  </si>
  <si>
    <t>新冠肺炎疫情延燒衝擊就業市場高盛警告美國本周初領失業救濟金人數恐突破200萬人將超越1982年10月2日該周的紀錄。經濟學家警告未來情況恐怕更加嚴峻美國失業率恐翻倍至8％。
勞工部19日報告顯示上周（迄至3月14日）初次請領失業救濟金人數為281萬人遠高於前一周的211萬人與市場預期的22萬人。
此人數為2017年9月2日以來最高單周增幅33％則超越2008年金融危機期間的14％。
但高盛銀行經濟學家警告隨著美國確診病例增加全國進入緊急狀態並採取封城等措施運動賽事等經濟活動紛紛取消就業市場恐承受更大衝擊。
高盛預估本周初次請領失業救濟金人數恐暴增至225萬人這將是上周數量八倍並改寫史上新高。而即使是最保守估計也會超過100萬人超越1982年10月2日該周的紀錄當時申請失業救濟人數約695萬人。
正大聯合會計師事務所（Grant Thornton）首席經濟學家史旺克（Diane Swonk）如今預測美國失業率將從50年低點的35％大幅攀升至8％。
受到新冠肺炎疫情影響許多民眾擔憂染病足不出戶航空業首當其衝、營收銳減餐廳、旅館與零售商店生意一落千丈部分商家被迫實施裁員或直接宣佈歇業。
以俄亥俄州為例光本周前兩天便有超過48萬人申請失業救濟金遠高於上周同期的1825人。賓夕凡尼亞的情況也好不到哪去週二申請失業補助高達7萬人比起三月首周整個禮拜12萬人高出許多。
佛州經濟機會部門（Department of Economic Opportunity）表示他們本週一至週三接獲76萬通詢問就業補助的電話遠高於上周整個禮拜總數28萬通。該機構計劃增聘逾100名人手藉此因應如此龐大需求。</t>
  </si>
  <si>
    <t>失業上周人數經濟學家就業美國市場高盛警告申請超越經濟救濟金萬通高於情況補助禮拜衝擊失業率疫情</t>
  </si>
  <si>
    <t>請領失業救濟金肺炎經濟學家警告申請美國失業率</t>
  </si>
  <si>
    <t>經濟學家肺炎警告救濟金申請美國失業請領失業率</t>
  </si>
  <si>
    <t>防疫中央強制明起機場金門</t>
  </si>
  <si>
    <t>立院今天上午朝野協商通過7天內在赴離島的機場、港口設置快篩站入境離島者均需全面接受篩檢但中央疫情指揮中心下午公佈的辦法卻是過去14天內無症狀者可以直接登機導致離島防疫淪為做「半套」防堵效果預期打</t>
  </si>
  <si>
    <t>天內淪為防疫下午中心公佈辦法卻是指揮疫情中央過去症狀導致接受可以登機直接全面港口</t>
  </si>
  <si>
    <t>立院今天上午朝野協商通過7天內在赴離島的機場、港口設置快篩站入境離島者均需全面接受篩檢但中央疫情指揮中心下午公佈的辦法卻是過去14天內無症狀者可以直接登機導致離島防疫淪為做「半套」防堵效果預期打折扣。縣府晚間緊急宣佈明天起機場全面強制實聯制同時現有快篩站持續運作希望起到「補破網」的防堵作用。
楊鎮浯在今天下午的全縣災害應變中心會議中下令明天起搭機抵金的旅客均需全面強制實聯制並協調金門民航站協助執行。同時也要求民政、警政單位加強每日關懷工作降低因中央未能強制全面採檢可能出現防疫破口的風險。
楊鎮浯強調疫情持續嚴峻連江、澎湖2離島縣相繼出現確診個案在金門地區尚未達到一定程度的疫苗覆蓋率之前中央、地方單位應通力合作強化橫向聯繫防疫作為。
楊鎮浯表示因應疫情擴散的可能緊接將進行防疫編組讓各自任務更加明確化。同時針對部分鄉親關心疫苗施打效率縣府也已要求各鄉鎮衛生所協助施打以提高施打量能。</t>
  </si>
  <si>
    <t>防疫中央全面疫情施打強制天內疫苗單位縣府中心金門要求持續出現機場明天</t>
  </si>
  <si>
    <t>新冠肺炎台灣強制實聯制離島金門</t>
  </si>
  <si>
    <t>強制臺灣肺炎金門</t>
  </si>
  <si>
    <t>遊盈隆執政內容拍案叫絕友人</t>
  </si>
  <si>
    <t>新北市長侯友宜昨(14日)表示自己最討厭政治口水近期接獲蔡英文總統致電時特別向總統善意提醒「國難當頭請總統約束底下的人一起團結抗疫」。對此台灣民意基金會董事長游盈隆認為硬漢如侯友宜也有受不</t>
  </si>
  <si>
    <t>侯友宜總統表示硬漢認為討厭遊盈隆政治董事長口水基金會民意臺灣蔡英文近期對此約束團結底下一起</t>
  </si>
  <si>
    <t>新北市長侯友宜昨(14日)表示自己最討厭政治口水近期接獲蔡英文總統致電時特別向總統善意提醒「國難當頭請總統約束底下的人一起團結抗疫」。對此台灣民意基金會董事長游盈隆認為硬漢如侯友宜也有受不了被攻擊的時候也或許這種「示弱」或「求饒」是一種高明的政治動作。
雙北市疫情嚴峻對於侯友宜向蔡總統提醒「約束底下的人」媒體今（14日）再度追問是哪些人需要被約束？侯回應「只是媒體在詢問的時候還原當時候整個談話的內容最重要是團結在一起、努力防疫」。
遊盈隆14日在臉書表示硬漢如侯友宜也有受不了被攻擊的時候也或許這種「示弱」或「求饒」是一種高明的政治動作是好是壞民眾心中自有一把尺。
此外遊盈隆也提到「今年過一個百年一遇的端午節友人昨天傳來一首詞作者不詳仿宋朝蘇軾《江城子》讀之令人拍案叫絕作者文采之好讓我眼睛為之一亮」。內容如下「端午生死兩茫茫禁返鄉虛解盲。萬人染疫無處話淒涼。縱使相逢應不識罩遮面人心慌。五漢廢言擺爛王普篩擋高端放。相顧無言唯有淚千行。料得來年腸斷處悼國觴怨女皇」。
過一個百年一遇的端午節
-----------------------
今天是端午節去年此時台灣人正興高采烈過端午因6月7</t>
  </si>
  <si>
    <t>侯友宜總統端午節約束作者政治遊盈隆百年一遇時候內容團結一起媒體表示端午提醒底下硬漢</t>
  </si>
  <si>
    <t>侯友宜蔡英文新冠肺炎台灣民進黨</t>
  </si>
  <si>
    <t>肺炎臺灣蔡英文民進侯友宜</t>
  </si>
  <si>
    <t>竹市安心全國部門生力軍即時招募上工就業國家隊防疫博覽會</t>
  </si>
  <si>
    <t>全國首場安心即時上工就業博覽會竹市登場徵求「防疫國家隊」隊員！勞動部13日推出安心即時上工計畫新竹巿政府率全國之先釋出326個計時工作協助各局處的防疫物資整備、量測體溫等防疫相關工作3天內上工首日</t>
  </si>
  <si>
    <t>防疫上工工作全國即時安心相關協助釋出計時國家隊徵求市政府隊員登場新竹勞動部推出竹市就業博覽會測體溫整備</t>
  </si>
  <si>
    <t>全國首場安心即時上工就業博覽會竹市登場徵求「防疫國家隊」隊員！勞動部13日推出安心即時上工計畫新竹巿政府率全國之先釋出326個計時工作協助各局處的防疫物資整備、量測體溫等防疫相關工作3天內上工首日就有人謀得工作。
市長林智堅指出打工族、契約工等非典型勞工受到新冠肺炎疫情衝擊影響生計市府配合中央「安心即時上工」政策迅速盤點出326個工作提供這些打工族計時工作機會協助市府防疫工作錄取者將加入衛生局、環保局、社會處、行政處及民政處等單位協助為洽公民眾量測體溫、環境清潔、防疫宣導、防疫物資整備及相關文書等工作為防疫工作添人手也提供更多職缺盼協助受衝擊的勞工朋友增加額外的收入達到雙贏。
勞工處長黃錦源表示今天的就業博覽會中勞工處聯合新竹就業中心提供1對1專人服務從提出申請、資格審核、提供職缺、現場面試1次完成讓民眾省去跑3、4個單位的麻煩。
且活動現場媒合也特別選在戶外幸福廣場進行以維持室外通風、社交距離超過1公尺順利完成首場典範就業博覽會。
黃錦源說「安心即時上工計畫」適用對像是最近1次的月投保薪資在2萬3800元以下的勞工：另有投保勞工保險或就業保險於申請登記當日前6個月內保險年資合計滿2個月以上者。
符合資格的勞工經錄取後每小時按基本工資158元核給工作津貼每月最高工作80小時每月最多核給1萬2640元每人最長以補助6個月為限目的是協助穩定勞工經濟生活。
而「安心即時上工計畫」由全國各公立就業服務機構受理民眾申請登記公立就業服務機構將推介符合資格的民眾至各政府機關用人單位由用人單位通知錄用及上工。
此外為方便竹巿勞工朋友查詢參加此方案的身分資格巿府也與勞動力發展署桃竹苗分署推出「安心即時上工─線上報名服務單」民眾將可線上查詢是否符合計畫適用對象並協助面談及上工等後續的工作。</t>
  </si>
  <si>
    <t>勞工工作上工協助就業防疫資格即時安心民眾提供市府服務符合博覽會申請現場衝擊單位查詢朋友新竹全國竹市打工族</t>
  </si>
  <si>
    <t>新冠肺炎新型冠狀病毒武漢肺炎covid-19台灣</t>
  </si>
  <si>
    <t>肺炎病毒武漢冠狀covid-臺灣</t>
  </si>
  <si>
    <t>衝擊翻白眼診所疫苗優勢全聯</t>
  </si>
  <si>
    <t>國內莫德納疫苗打氣低迷為提升疫苗涵蓋率中央流行疫情指揮中心宣佈本周起將在全聯174家門市設立疫苗接種站對於賣場開打疫苗會不會影響到診所業務財經網美胡采蘋表示她問了開診所的弟弟結果弟弟翻了一</t>
  </si>
  <si>
    <t>疫苗診所涵蓋疫情中央指揮中心流行宣佈表示財經業務胡采蘋全聯設立門市接種低迷提升</t>
  </si>
  <si>
    <t>國內莫德納疫苗打氣低迷為提升疫苗涵蓋率中央流行疫情指揮中心宣佈本周起將在全聯174家門市設立疫苗接種站對於賣場開打疫苗會不會影響到診所業務財經網美胡采蘋表示她問了開診所的弟弟結果弟弟翻了一個白眼後點出診所有先發優勢並說一家診所如果會怕全聯根本就不要混了。
胡采蘋在粉專《Emmy追劇時間》轉述她弟弟的話說他們診所平常在地方經營那麼久熟悉的病人那麼多而且在診所打完疫苗有休息室當場也有醫生在旁邊隨時支援照顧後續若有不舒服打電話來還有醫生提供諮詢反問若要來複診、開藥追溯打疫苗當天的情況「你是可以去全聯喔？」
此外他強調診所早就幫很多病人打了第一劑、第二劑根本有先發優勢了去賣場打沒人認識你也不知道你以前生過什麼病因此病人還是會傾向到原本的診所打疫苗揚言在這些優勢前提下如果還打不過全聯這個診所是要怎麼混下去？
胡采蘋聽完也頗表認同表示乍聽之下會覺得全聯的零售點又多又有人流一星期去全聯兩、三次的大有人在所以才會感覺全聯一來診所都要完蛋了。不過經過分析後發現道理跟零售商做品牌是一樣的包括提供試用品、銷售人員的訓練以及後續的客服、退換貨服務都是要長期投資培養的品牌一旦形成就不容易被打敗做診所也是一樣的道理。</t>
  </si>
  <si>
    <t>診所疫苗全聯病人優勢弟弟後續表示醫生品牌提供根本</t>
  </si>
  <si>
    <t>全聯疫苗Omicron診所胡采蘋</t>
  </si>
  <si>
    <t>omicron全聯胡采蘋診所疫苗</t>
  </si>
  <si>
    <t>存在省長江蘇漏洞展開輪普確診揚州</t>
  </si>
  <si>
    <t>大陸官方「健康江蘇」微信公眾號11日消息大陸10日0-24時新增本土確診病例83例其中江蘇占54例全部在揚州（13例輕型41例普通型）江蘇省長坦承仍有感染者是透過社會篩查發現顯示揚州管控還存在漏洞。揚州</t>
  </si>
  <si>
    <t>江蘇揚州大陸顯示發現篩查社會透過感染者確診坦承新增本土管控公眾微信病例消息省長健康普通型存在</t>
  </si>
  <si>
    <t>大陸官方「健康江蘇」微信公眾號11日消息大陸10日0-24時新增本土確診病例83例其中江蘇占54例全部在揚州（13例輕型41例普通型）江蘇省長坦承仍有感染者是透過社會篩查發現顯示揚州管控還存在漏洞。揚州市新冠肺炎疫情防控工作指揮部已自11日清晨6：30起展開主城區第六輪大規模核酸檢測。
大陸國家衛健委統計10日0-24時新增確診本土病例83例（江蘇54例湖北14例河南7例湖南5例雲南2例北京1例）；無症狀感染者本土7例（湖北5例河南2例）。
江蘇7月20日至昨全省累計報告本土確診病例696例（南京市233例淮安市12例揚州市448例宿遷市3例）。隔離治療中確診病例685例其中本土確診病例666例（輕型122例、普通型509例、重型23例、危重型12例）。無症狀感染者8例其中本土無症狀感染者1例。
江蘇省長吳政隆10日下午在大陸國家省揚州市疫情防控三級對接會說：「從核酸檢測情況看還有部分感染者是通過社會篩查發現的表明在社區和城中村管控、應隔盡隔、應隔快隔上還存在薄弱環節和漏洞疫情防控形勢非常嚴峻複雜。」
吳政隆要求進一步研究細化形成當天的任務清單、工作清單加快落地見效。
他指出隔離管控必須更加徹底更加快速必須刻不容緩將密接、次密接以及重點人員全部轉運隔離到位嚴格隔離點安全、消防、防疫的管理。流調溯源必須更全面再提速在做好陽性感染者流調工作的同時加強前期流調「回頭看」。大規模核酸檢測必須更加科學高效加強全流程品質控制；目標人群必須應檢盡檢不漏一戶、不漏一人；加密佈點、就近布點、精心組織、分區分時實施避免人員聚集有序快速安全採樣；不斷提升採送檢的匹配度切實做到一天出結果。
澎湃新聞報導揚州市新冠肺炎疫情防控工作指揮部已於11日清晨6：30開展主城區第六輪大規模核酸檢測。</t>
  </si>
  <si>
    <t>必須感染者江蘇隔離揚州市大陸防控工作檢測核酸疫情本土確診人員病例安全更加快速管控加強漏洞存在</t>
  </si>
  <si>
    <t>新冠肺炎大陸江蘇核酸檢測揚州</t>
  </si>
  <si>
    <t>江蘇大陸核酸肺炎檢測揚州</t>
  </si>
  <si>
    <t>建議劉美芳經濟防疫衝擊振興疫情</t>
  </si>
  <si>
    <t>全國進入三級警戒新北市議員劉美芳今（21）日提出政府持續宣導民眾待在家中抗疫衍生學童停課防疫照顧假不強制雇主支薪、攤商夜市暫停營業、政府列管特殊行業停業等問題民眾的經濟面受衝擊她建議行政院疫情</t>
  </si>
  <si>
    <t>民眾政府議員劉美芳經濟問題新北提出照顧停業防疫停課強制學童雇主衍生持續行業列管家中</t>
  </si>
  <si>
    <t>全國進入三級警戒新北市議員劉美芳今（21）日提出政府持續宣導民眾待在家中抗疫衍生學童停課防疫照顧假不強制雇主支薪、攤商夜市暫停營業、政府列管特殊行業停業等問題民眾的經濟面受衝擊她建議行政院疫情期間每位國民發放2萬元「防疫振興金」以2357萬人口計算共4714億元讓民眾安心在家防疫。
劉美芳表示行政院5月13日院會通過《嚴重特殊傳染性肺炎防治及紓困振興特別條例》第11條及第19條條文修正草案提高紓困振興特別預算上限至6300億元並將特別條例期限延至2022年6月30日可見政府早已對於疫情衝擊經濟部分有所準備但政府政策從規畫到執行總曠日廢時就怕許多小老百姓已經撐不下去。
劉美芳舉例美國今年3月通過的紓困金方案多數美國人已領取39萬元新台幣的紓困金因此她建議行政院在疫情期間每位國民發放2萬元「防疫振興金」以安民心。
劉美芳表示這波疫情讓許多自營商及勞工、低收入族群無法滿足基本生活所需勢必會影響未來防疫配合及需要更嚴重是產生治安上的隱憂這是政府限階段必須整體考量的事有全面的配套政府做人民經濟上的後盾才不會造成民眾過度恐慌台灣也才能通過這波疫情的考驗。</t>
  </si>
  <si>
    <t>政府防疫民眾劉美芳疫情紓困振興經濟行政院嚴重特別特殊條例表示衝擊美國建議曠日</t>
  </si>
  <si>
    <t>新冠肺炎台灣劉美芳防疫振興金民眾</t>
  </si>
  <si>
    <t>劉美芳臺灣防疫振興肺炎民眾</t>
  </si>
  <si>
    <t>宣佈回溯陳時中流行旅客防範</t>
  </si>
  <si>
    <t>有鑒於境外移入的新冠肺炎確診案例數快速增加今（17）日更一口氣爆增10例確診衛福部長陳時中表示新冠肺炎正在全球大流行為避免民眾赴國外旅遊不幸染病造成國內社區防疫壓力將往回追溯「3月3～14日期間所</t>
  </si>
  <si>
    <t>確診肺炎防疫壓力社區國內造成染病不幸旅遊國外民眾避免流行全球一口氣增加衛福</t>
  </si>
  <si>
    <t>有鑒於境外移入的新冠肺炎確診案例數快速增加今（17）日更一口氣爆增10例確診衛福部長陳時中表示新冠肺炎正在全球大流行為避免民眾赴國外旅遊不幸染病造成國內社區防疫壓力將往回追溯「3月3～14日期間所有自歐洲入境者」並針對其中可能之對象進行「COVID-19(新冠肺炎)病毒之檢驗」。
指揮中心進一步表示將依據3月3～14日間之「入境健康聲明卡(含線上填報系統)」蒐集所有自歐洲入境者資料及聯絡方式指揮中心已主動勾稽健保系統調查這段期間曾就醫並有肺炎或上呼吸道症狀者將透過簡訊通知上述民眾配合相關採檢措施；針對所有入境者後續將安排call center進行電話關懷提醒有症狀要戴上口罩儘速就醫並應說明旅遊史。
指揮中心呼籲3月3～14日間自歐洲入境者返國後務必落實14天自主健康管理若仍在學建議暫時不要上課工作人士建議暫時在家上班。</t>
  </si>
  <si>
    <t>入境者肺炎中心指揮歐洲健康民眾確診旅遊系統就醫表示日間進行症狀期間建議暫時人士在學管理</t>
  </si>
  <si>
    <t>系統入境者新冠肺炎歐洲指揮中心</t>
  </si>
  <si>
    <t>肺炎歐洲指揮入境者中心系統</t>
  </si>
  <si>
    <t>留學生波蘭再度出境境外確診新增</t>
  </si>
  <si>
    <t>中央流行疫情指揮中心今(28)日公佈國內新增1例境外移入COVID-19確定病例為本國籍20多歲男性(案956)去(2020)年9月至波蘭就學今(2021)年1月28日返臺持有搭機前3日內檢驗陰性報告入境後獨自於親戚家檢疫檢</t>
  </si>
  <si>
    <t>入境報告陰性檢驗中心日內獨自公佈covid-境外確定病例持有國籍男性國內返台新增就學</t>
  </si>
  <si>
    <t>中央流行疫情指揮中心今(28)日公佈國內新增1例境外移入COVID-19確定病例為本國籍20多歲男性(案956)去(2020)年9月至波蘭就學今(2021)年1月28日返臺持有搭機前3日內檢驗陰性報告入境後獨自於親戚家檢疫檢疫期間皆無症狀。
指揮中心表示個案於2月12日檢疫期滿後返回住家進行自主健康管理因預定回波蘭就學2月26日至醫院自費採檢於今日確診(Ct值31次日再採驗核酸為陰性血清抗體IgM為陰性、IgG為陽性)。個案迄今仍無症狀已掌握接觸者2人列居家隔離。
指揮中心統計截至目前國內累計174659例新型冠狀病毒肺炎相關通報(含172595例排除)其中955例確診分別 為839例境外移入77例本土病例36例敦睦艦隊、2例航空器感染及1例不明；另1例(案530)移除為空號。確診個案中9人死亡、919人解除隔離、27人住院隔離中。
中央流行疫情指揮中心發言人莊人祥表示研判這名個案是在波蘭感染多時屬於後期時陰時陽的狀況密切接觸者兩人其中一名家人有密切接觸已經先做核酸檢測為陰性血清檢驗也是陰性目前沒有任何的感染風險。</t>
  </si>
  <si>
    <t>陰性個案指揮中心波蘭確診感染目前隔離檢疫核酸檢驗就學國內症狀病例密切接觸表示血清</t>
  </si>
  <si>
    <t>境外移入疫苗新冠肺炎指揮中心莊人祥</t>
  </si>
  <si>
    <t>肺炎疫苗指揮中心境外莊人祥</t>
  </si>
  <si>
    <t>俐落營運瓦城觀光向上</t>
  </si>
  <si>
    <t>連鎖餐飲集團瓦城（2729）受新冠肺炎疫情衝擊2020年首季歸屬母公司稅後淨利驟減至028億元新低、每股盈餘（EPS）125元但營運仍維持獲利表現優於市場。隨著疫情逐漸趨緩5月業績已見回溫曙光公司將續拚維持</t>
  </si>
  <si>
    <t>疫情維持曙光公司肺炎回溫衝擊首季業績淨利歸屬減至新低瓦城母公司eps營運</t>
  </si>
  <si>
    <t>連鎖餐飲集團瓦城（2729）受新冠肺炎疫情衝擊2020年首季歸屬母公司稅後淨利驟減至028億元新低、每股盈餘（EPS）125元但營運仍維持獲利表現優於市場。隨著疫情逐漸趨緩5月業績已見回溫曙光公司將續拚維持獲利、對下半年逐步向上審慎樂觀。
瓦城2020年首季合併營收1097億元季減412％、年減123％降至1年低點。毛利率4987％、營益率356％分創5年及歷史新低。歸屬母公司稅後淨利028億元季減3819％、年減7377％亦創歷史新低每股盈餘（EPS）125元。
新冠肺炎疫情於春節時期爆發3月進一步延燒全球在疫情日益嚴峻情況下消費者外出用餐意願降低瓦城集團台灣門市自2月底起開始受到疫情衝擊。而率先採取封城措施防疫的中國大陸門市至4月才部份復工使瓦城首季整體營運動能急凍。
瓦城表示集團在疫情爆發後即啟動危機應變小組擬定三大方針因應首要落實餐飲細節管理保障員工安全及全面守護顧客強化品牌安心美味信賴感其次為樽節成本、並積極創新開源。在三大方針救援下首季營運雖驟降、但仍維持獲利表現。
瓦城自3月起佈局外送外帶市場目前旗下全品牌已全面提供外帶外送服務外送業績逐月成長。展望後市隨著台灣已超過1個月無新增本土確診病例疫情已見趨緩跡象配合政府鼓勵逐漸恢復正常生活使5月業績已見回溫曙光。
瓦城指出5月起來店用餐人數已明顯回溫母親節期間午晚餐期皆客滿部份分店的候位等待時間超過1小時業績已逐漸回穩。集團將在3大方針基礎持續挺進本季力拚維持獲利表現並對下半年營運動能逐步回升審慎樂觀看待。</t>
  </si>
  <si>
    <t>疫情瓦城首季集團方針業績維持營運獲利逐漸回溫新低表現品牌三大全面臺灣爆發門市用餐超過</t>
  </si>
  <si>
    <t>瓦城營收毛利率營益率獲利</t>
  </si>
  <si>
    <t>營益毛利率瓦城獲利</t>
  </si>
  <si>
    <t>黃珊珊口罩北市</t>
  </si>
  <si>
    <t>新冠肺炎疫情延燒北市府近期規畫「裡鄰數位建設」希望透過臺北卡、敬老卡或身分證在裡辦「嗶一下」就能購買額度內的口罩並設置智慧販賣機透過學生悠遊卡認證還可在校買口罩。北市副市長黃珊珊說資訊局</t>
  </si>
  <si>
    <t>口罩透過市長北市市府近期疫情遊卡認證數位購買學生額度黃珊珊</t>
  </si>
  <si>
    <t>北市希望防疫中央旅館口罩建置資訊衛生局公文黃珊珊系統相關疫情協助東西</t>
  </si>
  <si>
    <t>新冠肺炎北市中央買口罩黃珊珊</t>
  </si>
  <si>
    <t>中央北市肺炎口罩黃珊珊</t>
  </si>
  <si>
    <t>後首發言公開暗示政府可能川普交替</t>
  </si>
  <si>
    <t>自從CNN等各大媒體5日稱美國總統川普敗選後他13日首度在白宮玫瑰花園公開發表談話。雖然川普仍不認輸但已鬆口暗示政府可能交替。據CNN與BBC新聞網報導川普在誓言他的政府絕不會下令進行新冠新封城之際隱</t>
  </si>
  <si>
    <t>川普政府cnn絕不會誓言美國進行鬆口總統白宮首度報導暗示公開交替可能發表談話認輸花園玫瑰</t>
  </si>
  <si>
    <t>自從CNN等各大媒體5日稱美國總統川普敗選後他13日首度在白宮玫瑰花園公開發表談話。雖然川普仍不認輸但已鬆口暗示政府可能交替。
據CNN與BBC新聞網報導川普在誓言他的政府絕不會下令進行新冠新封城之際隱約透露1月20日後他可能已不在位。「我不會——這政府不會封城。希望未來不管發生甚麼事—誰知道會是哪個政府？我想時間會決定——但我能告訴你們這個政府不會封城。」
而根據美國各大媒體最新預測民主黨對手拜登贏得喬治亞州川普贏得北卡羅萊納州由拜登以306：232張選舉人票擊敗川普。雖然川普仍在質疑計票結果但他願意暗示明年可能有不同的政府已經是能力所及的最大極限。而這也是他首度承認有些事確實已改變。
BBC指出儘管川普不肯認輸但隨著時間流逝這位白宮主人對拜登勝選的法律挑戰有許多不是撤訴就是被法院駁回他在位已逐漸接近尾聲。
另一方面川普強調雖然現政府在任何狀況下都不會封城但會十分警覺並非常小心。同時他也承諾最快下個月就能提供全美民眾數百萬計疫苗可是還是忍不住痛戳紐約州長古莫（Andrew Cuomo）說由於民主黨懷疑疫苗安全因此不會提供給紐約州。
美國已連續10天1天都出現超過10萬宗新冠病例週四甚至超過153萬宗而有關專家說1天新病例將達20萬宗的預言或許很快就會成真。</t>
  </si>
  <si>
    <t>川普政府可能拜登美國民主黨紐約州首度疫苗白宮時間提供暗示bbc認輸</t>
  </si>
  <si>
    <t>川普拜登敗選新冠肺炎美大選</t>
  </si>
  <si>
    <t>肺炎拜登大選川普</t>
  </si>
  <si>
    <t>外國人安全防疫全世界臺灣學習</t>
  </si>
  <si>
    <t>新冠肺炎疫情全球蔓延台灣防疫作為近日受國際矚目世界衛生組織(WHO)秘書處29日發布聲明肯定台灣的防疫成效並正視將臺灣納入全球對抗新冠病毒疫情工作的重要性。有20名住在台灣的外國朋友特別拍下影片感謝防</t>
  </si>
  <si>
    <t>臺灣防疫疫情全球特別朋友外國秘書處who世界衛生組織矚目拍下國際發佈聲明肯定重要性近日工作作為納入病毒對抗蔓延</t>
  </si>
  <si>
    <t>新冠肺炎疫情全球蔓延台灣防疫作為近日受國際矚目世界衛生組織(WHO)秘書處29日發布聲明肯定台灣的防疫成效並正視將臺灣納入全球對抗新冠病毒疫情工作的重要性。有20名住在台灣的外國朋友特別拍下影片感謝防疫英雄直呼「全世界應該將台灣防疫措施視為楷模並向台灣學習」強調「住在台灣很安全」。
近期全球受到疫情影響造成民眾恐慌20名在台的外國朋友分享對台灣防疫成果的看法John 陽昊恩表示「住在台灣是一件非常安全的事所以我找了一些外國朋友想對台灣傳達愛與正向的力量。」
來自美國的賈斯汀表示「我想要給台灣一個大大的感謝大聲說出來你們在控制疫情方面做得很好！」來自瑞典的方馬丁表示「台灣人大家的努力全台灣不分晝夜的工作包括醫療人員、大眾運輸工作人員、超市店員甚至是外送人員所有人都在努力防堵疫情」。
法國Ric說他去到任何地方都能看到乾洗手現在捷運站還有熱像儀來量體溫以防堵發燒患者這真的讓他感到很不可思議。
來自德國的賀少俠則指出「我希望全世界將台灣視為楷模並且從台灣身上學習全世界加油台灣加油！」20名外國朋友稱讚台灣的各種管制措施還大讚「住在台灣很安全」、「台灣是我們的家園謝謝辛苦的防疫人員大家一起加油」。</t>
  </si>
  <si>
    <t>臺灣防疫疫情外國朋友來自人員表示全球全世界安全努力感謝工作措施加油還有熱像儀現在</t>
  </si>
  <si>
    <t>台灣台灣防疫住台灣很安全外國人全世界</t>
  </si>
  <si>
    <t>臺灣安全外國人防疫全世界</t>
  </si>
  <si>
    <t>人類陰謀論很快堅持沙皇植入網球</t>
  </si>
  <si>
    <t>新冠肺炎陰謀論甚囂塵上曾經來過台灣打表演賽的前網球球王沙芬(Marat Safin)也參一腳語出驚人稱新冠病毒只是個托詞為的是在以後對人類大規模植入晶片。綽號沙皇的沙芬生涯贏得兩屆大滿貫賽事現年40歲的</t>
  </si>
  <si>
    <t>贏得生涯沙芬沙皇綽號植入人類以後臺灣表演賽網球曾經托詞球王maratsafin甚囂塵上</t>
  </si>
  <si>
    <t>新冠肺炎陰謀論甚囂塵上曾經來過台灣打表演賽的前網球球王沙芬(Marat Safin)也參一腳語出驚人稱新冠病毒只是個托詞為的是在以後對人類大規模植入晶片。
綽號沙皇的沙芬生涯贏得兩屆大滿貫賽事現年40歲的他外型俊挺在全球擁有無數球迷。沙芬在2009年退休之後轉換跑道投身政壇2011年第一次出馬就當選俄羅斯下議院國會議員。
沙芬透過社群告訴媒體「2015年(微軟創辦人)比爾蓋茲就說過我們將會遭遇流行病下一個敵人是病毒不是核戰。他們在達沃斯(經濟論壇)進行了模擬之類的。我不認為蓋茲會預言他就是知道(會有病毒)。」
沙芬說他認為這次病毒造成的情況和過去人們的認知不一樣就像電視上播的恐怖故事大家都會相信。「我不相信人類文明會終結我們只是很快就會植入晶片。」</t>
  </si>
  <si>
    <t>病毒沙芬認為植入型俊現年賽事相信全球滿貫擁有曾經臺灣球迷</t>
  </si>
  <si>
    <t>沙芬俄羅斯網球陰謀論新冠肺炎</t>
  </si>
  <si>
    <t>網球陰謀論俄羅斯沙芬肺炎</t>
  </si>
  <si>
    <t>援手外交官大陸爆炸目的防疫成分疫情居多印度</t>
  </si>
  <si>
    <t>印度疫情近日開始失控大爆發以每日新增30-40萬例確診的速度快速飆升引起世界各國高度關注。而前駐紐西蘭大使介文汲認為日前大陸外交部長王毅表態願意協助印度抗疫應該是出自真心希望印度能控制住疫情並</t>
  </si>
  <si>
    <t>印度疫情爆發希望新增失控確診速度快速真心引起世界高度關注紐西蘭大使介文出自認為日前大陸應該</t>
  </si>
  <si>
    <t>印度疫情近日開始失控大爆發以每日新增30-40萬例確診的速度快速飆升引起世界各國高度關注。而前駐紐西蘭大使介文汲認為日前大陸外交部長王毅表態願意協助印度抗疫應該是出自真心希望印度能控制住疫情並避免疫情擴散同時他也指出印度政府自我感覺良好且對社會控制力度較弱若無國際社會援助面對疫情爆炸印度政府恐束手無策。
介文汲1日在中天新聞《前進戰略高地》節目中表示若印度疫情失控周邊國家首當其衝所以疫情剛開始爆發時王毅就召集印度周邊六個國家開會而他判斷開會的原因是要討論是大家如何結合起來讓印度疫情不要擴散出來因為這六個國家剛好把印度包起來。
介文汲指出雖然中國大陸和印度有非常長的邊境但人員很難越過兩國交界的喜馬拉雅山脈可是印度和其他國家都有相對容易穿越的邊境所以必須把印度的疫情控制在印度國內從策略上來講應該先把周邊防線像長城一樣鞏固好加強這些國家的防堵意識。
介文汲認為事實上大陸行有餘力的話也會先幫這些國家堵起來這是很重要的因為疫情如果蔓延到東南亞或中東影響就太大了從地緣或經濟來看這些地方對大陸非常重要「我覺得這是一個很重要超前部署的階段」。
介文汲分析目前王毅聯繫上印度當局主要是要協助印度控制疫情因為疫情不分人種、不分國家若真的失控鄰近國家首當其衝「所以我覺得大陸是出於真心希望印度政府拿出辦法控制住疫情」這是人類社會共同的挑戰大陸掌握這個原則而大陸的考量中政治成分很低防疫成分非常高這個措施是正確的現在最重要的是疫情發生在哪裡就要把它控制在那個地方不要擴散。
介文汲也說印度政府自我感覺良好但對印度社會的管控能力相當差這時若沒有國際社會若沒有其他能力比較高的國家協助印度政府面對這個挑戰是束手無策。</t>
  </si>
  <si>
    <t>印度疫情國家介文大陸控制社會印度政府王毅重要非常失控協助爆發應該指出起來認為</t>
  </si>
  <si>
    <t>介文汲印度大陸疫情新冠肺炎</t>
  </si>
  <si>
    <t>疫情大陸印度介文肺炎</t>
  </si>
  <si>
    <t>《營建股》鄉林賴正鎰：成都重啟樓盤登記熱集團當地推案有信心</t>
  </si>
  <si>
    <t>當地集團樓盤登記成都林賴正鎰信心營建</t>
  </si>
  <si>
    <t>鄉林(5531)集團董事長賴正鎰指出觀察青島、南京與成都2月底復工情況沒有受到太大的影響昨日成都更傳來消息當地政府單位在3月4日就重啟樓盤的搖號登記這幾天陸續公佈搖號結果其中最低的中籤率僅有062％</t>
  </si>
  <si>
    <t>成都中簽賴正鎰最低結果指出觀察青島樓盤南京單位董事長月底復工當地政府消息受到情況傳來沒有昨日</t>
  </si>
  <si>
    <t>鄉林(5531)集團董事長賴正鎰指出觀察青島、南京與成都2月底復工情況沒有受到太大的影響昨日成都更傳來消息當地政府單位在3月4日就重啟樓盤的搖號登記這幾天陸續公佈搖號結果其中最低的中籤率僅有062％平均中籤率為133％可見成都房產的剛性需求持續火熱他對集團5、6月要進場銷售的成都案深具信心。
鄉林今年成都「涵碧天下」地產案總銷金額將高達人民幣250億元(約台幣1075億元)R4、R6兩區分批推案。賴正鎰說這筆個案是由自已主導整體規劃設計在成都案的接待中心就佔地1萬坪每週都跟設計師修正接待中心設計就是要給成都賞屋者耳目一新的感覺希望能夠成功吸睛搶客。他說此案將讓鄉林打開近年來業績緩慢成長的格局可望有機會呈現爆發式的成長。
賴正鎰指出大陸新冠肺炎疫情其實在三月初就控制下來治癒人數也增加全球疫情只是短期對Q2後的經濟表現仍深具信心房地產與消費力將會在下半年有爆發性的突破彌補Q1的業績。歐美亞股表現高低起伏但大家只是觀望對台灣控制疫情能力有信心尤其台商資金回流推升產業與消費動能台股算是比較穩定的大家要對台灣有信心。
賴正鎰說除了先前在談判的江蘇南京江北區、山東濰坊與青島膠州、黃島市南區等地塊最近還會有幾處新開發的投資計畫像是湖北武當山的土地為300畝(20萬平方米)將規劃涵碧樓酒店與住宅；江蘇無錫的土地面積約470畝地(32萬平米)將規劃涵碧樓酒店酒店式公寓及集中式商業區等這些土地都會加速取得以利規畫整體開發計畫。</t>
  </si>
  <si>
    <t>成都賴正鎰信心疫情土地涵碧控制業績江蘇消費青島南京表現指出臺灣成長</t>
  </si>
  <si>
    <t>鄉林成都青島復工新冠肺炎</t>
  </si>
  <si>
    <t>復工青島成都肺炎</t>
  </si>
  <si>
    <t>南韓身亡熬夜年輕人bnt打完猝死大生案例</t>
  </si>
  <si>
    <t>南韓26日起擴大開放年輕族群接種新冠疫苗不過近期卻陸續傳出年輕人接種輝瑞/BNT後猝逝案例引發社會擔憂。南韓政府於26日起向下開放18至49歲民眾接種新冠疫苗不過南韓《中央日報》24日報導最近卻陸續傳出20多</t>
  </si>
  <si>
    <t>接種南韓疫苗陸續傳出案例引發bnt社會輝瑞擔憂政府年輕人開放報導近期中央日報年輕族群民眾最近</t>
  </si>
  <si>
    <t>南韓26日起擴大開放年輕族群接種新冠疫苗不過近期卻陸續傳出年輕人接種輝瑞/BNT後猝逝案例引發社會擔憂。
南韓政府於26日起向下開放18至49歲民眾接種新冠疫苗不過南韓《中央日報》24日報導最近卻陸續傳出20多歲年輕人接種BNT疫苗後不幸猝逝案例。
23日忠清南道（South Chungcheong）一名21歲女大生在接種BNT疫苗一周後猝逝家屬說她本身並沒有健康問題。
女大生是在16日接種第1劑BNT疫苗家屬說她並沒有出現明顯的副作用23日當天女大生熬夜讀書淩晨2時還被監視器拍到和友人去便利商店不過之後家屬就聯繫不上下午2時25分被房東發現陳屍住處。
女大生遺體上出現紫色斑點家屬及警方已經要求進行解剖。
家屬指出女大生近期正在準備教師資格考家人相當擔心她的身體狀況在她打完疫苗後每隔幾小時就聯繫一次女大生也沒有壓力過大等自縊傾向。
濟州島一名20多歲男性也在接種BNT疫苗20多天後過世男子因為在機場工作因此優先在2日接種疫苗之後出現胸痛症狀他在22日就醫後症狀惡化死亡。
濟州島官員指出男子本身沒有健康問題。
另一名25歲男郵差則是在接種第2劑BNT疫苗後3天喪命。男子於10日接種疫苗之後出現肌肉痠痛症狀10日清晨5時被家人發現身亡。
家屬隨後向青瓦台請願男子的姐姐表示男子7月才進行過健康評估除了肝酵素（Liver Enzymes）偏高外其他正常家屬懷疑死因和疫苗有關由於男子的第一份屍檢報告並未判斷死因韓國疾病管理廳（KDCA）及國家法醫中心（National Forensic Service）將進一步調查預計1至2個月後才會有結果。
目前韓國政府僅承認3種類型的症狀為接種疫苗後的副作用包括過敏性反應或嚴重過敏反應、由AZ或嬌生疫苗引起的不尋常血栓伴隨血小板低下、以及接種BNT、莫德納疫苗後出現的心肌炎或心包膜炎。
至今韓國政府證實2例死亡案例為疫苗副作用致死案例包括一名接種AZ疫苗後誘發罕見血栓的30多歲男子另一名20多歲男子接種BNT疫苗後死於心肌炎。
疫苗引發的副作用讓南韓年輕人愈來愈感到擔憂南韓官員強調接種疫苗利大於弊呼籲民眾不要過度恐慌。
梨花女子大學木洞醫院教授權恩美（Chun Eun-mi音譯）強調在20多歲年輕人身上出現的疫苗副作用多數不會致死不過也認為應該進一步檢查及公佈死因降低民眾焦慮。</t>
  </si>
  <si>
    <t>疫苗接種家屬大生男子出現bnt副作用死因沒有南韓年輕人症狀案例民眾健康進一步之後韓國政府家人進行近期指出強調死亡</t>
  </si>
  <si>
    <t>#新冠肺炎#全球南韓BNT疫苗猝死</t>
  </si>
  <si>
    <t>全球南韓肺炎bnt疫苗猝死</t>
  </si>
  <si>
    <t>曝光原因出海一再公主鑽石知識</t>
  </si>
  <si>
    <t>目前停泊在日本橫濱的郵輪「鑽石公主號」全船3700多人中已經有218人確診新冠肺炎所有乘客都必須在船上隔離不得下船宛如海上監獄但為何鑽石公主號三不五時就離開港口出海繞圈後又返港？旅遊達人給出了專業</t>
  </si>
  <si>
    <t>鑽石公主郵輪出海港口旅遊離開肺炎乘客全船必須時就確診船上隔離不得人中三不下船已經</t>
  </si>
  <si>
    <t>目前停泊在日本橫濱的郵輪「鑽石公主號」全船3700多人中已經有218人確診新冠肺炎所有乘客都必須在船上隔離不得下船宛如海上監獄但為何鑽石公主號三不五時就離開港口出海繞圈後又返港？旅遊達人給出了專業解答。
臉書旅遊粉專《傑水 輕喃》指出不少人好奇為何鑽石公主號不好好停泊在橫濱非要出海繞圈圈後再駛回港內有網友猜日本政府不敢讓確診者停留在港口太久也有人猜是要省下碼頭停泊費用。對此《傑水 輕喃》表示其實郵輪這樣做的原因只有一個那就是補充淡水。
《傑水 輕喃》表示郵輪上的淡水來源主要是船上的海水淡化系統。但港區的水質沒那麼好不適合在港內取水給客人用因此郵輪每兩三天就得出海一次否則船上的淡水會耗盡。有些被隔離者反映房間洗手間的水質惡化甚至帶有些許顏色那就是淡水供應品質下降。
《傑水 輕喃》補充說這種大型郵輪本身的設計上是要載著人們邊玩邊住的：白天讓乘客登岸遊玩、夜晚趕路航行（甚是日夜航行）。一般情況下大概沒有滿載客人停在碼頭內超過48小時的情況。但如果像現在這樣載著客人們停在原處不動那跟原本的設計需求不同對郵輪來說有先天無法克服的障礙除非要從岸上不斷為郵輪注入淡水否則鑽石公主號出海繞圈返港是必要的。</t>
  </si>
  <si>
    <t>郵輪淡水出海鑽石公主客人船上停泊乘客水質情況確診港口隔離碼頭</t>
  </si>
  <si>
    <t>郵輪鑽石公主號傑水 輕喃出海新冠肺炎</t>
  </si>
  <si>
    <t>出海公主鑽石肺炎郵輪</t>
  </si>
  <si>
    <t>保護疫苗大廠</t>
  </si>
  <si>
    <t>台灣疫苗覆蓋率破50％但多數民眾只打一劑疫苗讓不少人擔憂保護力到底夠不夠？對此胸腔科醫師蘇一峰分享加拿大研究指出在Alpha病毒流行的狀況下只打一劑疫苗BNT可提供75%的保護力莫德納可提供82%保護力</t>
  </si>
  <si>
    <t>疫苗保護分享加拿大蘇一峰研究醫師指出alpha胸腔病毒對此夠不夠流行到底狀況提供擔憂bnt民眾</t>
  </si>
  <si>
    <t>疫苗保護蘇一峰研究病毒民眾delta當時加拿大az面對alpha目前bnt提供發現流行變異實際效果</t>
  </si>
  <si>
    <t>疫苗保護力打一劑蘇一峰AZ</t>
  </si>
  <si>
    <t>保護蘇一峰az疫苗</t>
  </si>
  <si>
    <t>侯友宜公告烏來生金山紓困</t>
  </si>
  <si>
    <t>新冠肺炎疫情不止觀光業生意大受影響尤其傳出確診個案第268例曾到過新北市金山老街和烏來老街2地業者擔憂雪上加霜新北市長侯友宜今（31）日表示一開始就對商圈給予補助公有租金打8折現在則已經打5折；</t>
  </si>
  <si>
    <t>新北不止觀光業租金生意補助給予商圈影響尤其開始傳出表示疫情確診個案侯友宜市長擔憂</t>
  </si>
  <si>
    <t>新冠肺炎疫情不止觀光業生意大受影響尤其傳出確診個案第268例曾到過新北市金山老街和烏來老街2地業者擔憂雪上加霜新北市長侯友宜今（31）日表示一開始就對商圈給予補助公有租金打8折現在則已經打5折；對地上權參與BOT的案子地上的租金全部打5折包括權利金可以最高可以短縮35％所以這部分的紓困已在這個月公告。
侯友宜說烏來商圈也好金山老街商圈也好其實大家不用恐慌因為他們每天都做好消毒衛生；尤其268的案子已經發生1個多月了所以除了再度消毒安民心以外更重要的是期限都過了也沒有發生商家的客人或商家本身有發燒的情形所以民眾大可不用恐慌。
侯友宜表示預估再一段時間後商圈只要保持好整個環境的衛生相信遊客還是會再回來的。</t>
  </si>
  <si>
    <t>商圈侯友宜尤其恐慌發生新北衛生表示租金消毒案子烏來已經金山老不止可以觀光業商家生意疫情</t>
  </si>
  <si>
    <t>新冠肺炎烏來老街金山老街新北市侯友宜</t>
  </si>
  <si>
    <t>金山老肺炎烏來新北侯友宜</t>
  </si>
  <si>
    <t>加開接種預約首日今晚az</t>
  </si>
  <si>
    <t>第七輪AZ疫苗接種昨（3日）開打昨單日疫苗接種人次23萬7233其中AZ打了22萬9189人次；目前疫苗人口涵蓋率4377％劑次人口比4790％。另外第七輪加開預約從昨天上午10點開放至今天下午1點共有42萬6718人完成</t>
  </si>
  <si>
    <t>疫苗人口開放上午昨天今天下午預約接種加開az目前共有涵蓋完成</t>
  </si>
  <si>
    <t>預約疫苗az接種今天下午加開人口今天陳時中莫德納輪到是否相當好奇外界表示擬定到貨指揮中心發言人</t>
  </si>
  <si>
    <t>AZ第七輪加開預約台灣</t>
  </si>
  <si>
    <t>臺灣az加開預約</t>
  </si>
  <si>
    <t>行情資金留意心法國際變數操盤</t>
  </si>
  <si>
    <t>國際經濟情勢：　新冠肺炎二次疫情風險提高不僅美國多州確診人數明顯增加原先趨緩的日、韓也開始生變而北京更是連環爆出感染案例進入半封城狀態讓市場相當憂慮疫情恐出現大爆發狀況。於此同時全球地緣風</t>
  </si>
  <si>
    <t>疫情爆發肺炎出現風險提高憂慮美國相當確診人數市場明顯狀態增加原先封城進入案例感染韓也開始</t>
  </si>
  <si>
    <t>市場風險疫情出現可能持續預期導致目前美國個股狀況相對資金指數感染復蘇政策</t>
  </si>
  <si>
    <t>部份狀況美國謹慎新高</t>
  </si>
  <si>
    <t>狀況新高謹慎美國</t>
  </si>
  <si>
    <t>保護delta優於莫德納bnt研究</t>
  </si>
  <si>
    <t>美國有研究指出莫德納疫苗對於Delta病毒株的保護力優於BNT疫苗中央流行疫情指揮中心醫療應變組副組長羅一鈞說明這篇研究是來自美國梅約診所最近針對年初和七月份兩波不同的流行（Alpha和Delta）做了莫德納</t>
  </si>
  <si>
    <t>流行疫苗研究delta美國莫德納最近診所七月不同羅一鈞梅約來自組長應變年初說明醫療中心指揮疫情中央bnt病毒對於優於alpha</t>
  </si>
  <si>
    <t>美國有研究指出莫德納疫苗對於Delta病毒株的保護力優於BNT疫苗中央流行疫情指揮中心醫療應變組副組長羅一鈞說明這篇研究是來自美國梅約診所最近針對年初和七月份兩波不同的流行（Alpha和Delta）做了莫德納和BNT兩種疫苗的保護效果比較結果顯示莫德納對於Delta的保護力僅76％而BNT對於Delta的保護力僅有42％。
他進一步指出該研究的結論是打莫德納的保護效果對於Delta病毒的保護效果雖然有些打折扣但都還是優於BNT；研究團隊的解釋是打莫德納產生保護抗體的力價比較高。
儘管打莫德納產生的保護抗體比較高但羅一鈞表示BNT對於Delta病毒侵襲還是有一定的保護力並沒有說因為這樣就建議大家都去打莫德納、不要打BNT。
羅一鈞說這是第一次在研究結果上看到莫德納在應付Delta上有優於BNT的效果會再看有沒有其他國家相關研究來佐證。羅一鈞強調目前還是鼓勵大家去接種疫苗不管是哪一種疫苗對Alpha和Delta都有一定的保護效果。</t>
  </si>
  <si>
    <t>莫德納bnt研究保護delta疫苗羅一鈞效果優於對於流行沒有比較alpha病毒指出美國一定最近年初七月診所醫療</t>
  </si>
  <si>
    <t>Delta莫德納BNT保護力羅一鈞</t>
  </si>
  <si>
    <t>莫德納bnt保護delta羅一鈞</t>
  </si>
  <si>
    <t>部署提早工程發包超前</t>
  </si>
  <si>
    <t>新冠肺炎疫情全球擴散造成市場恐慌連帶引發全球股災。交通部長林佳龍昨日在臉書表示承接下墜的經濟交通重大建設工程提早發包至少700億資金搶先投資台灣。消基會交通組副召集人李克聰說目前聽起來是一個</t>
  </si>
  <si>
    <t>交通全球擴散李克聰造成召集人連帶引發股災消基會交通部長臺灣林佳龍昨日投資資金至少搶先表示承接發包下墜提早建設工程經濟重大目前</t>
  </si>
  <si>
    <t>新冠肺炎疫情全球擴散造成市場恐慌連帶引發全球股災。交通部長林佳龍昨日在臉書表示承接下墜的經濟交通重大建設工程提早發包至少700億資金搶先投資台灣。
消基會交通組副召集人李克聰說目前聽起來是一個政策宣示要等評估有哪些公共建設要提前發包再來評估檢視是否有急迫性等較為具體。
林佳龍表示面對新冠肺炎疫情台灣第一波雖然守得不錯但可預期未來的抗戰工作會更加艱辛。近期股市跌跌不休新冠肺炎讓全球經濟陷入泥沼因此在防疫、紓困之外還要再超前部署接住下墜中的經濟擔任經濟成長動能的推手傾一切的力量對抗衰退。
林佳龍指出交通部已經盤點國道、公路、鐵道、航海、航空等計畫中的工程全面加速辦理。投資台灣越快越好。
林佳龍提到交通部未發包的重大工程原訂6月底前發包者提前發包下半年度全部提早3個月發包後1個月內開工、逾60件提早發包預算規模超過700億元。
執行中的重大工程林佳龍說將增加工作面提前1個月完工、提早辦理原2021年工項；可提早完工59件、116億元明年工項提早辦理46件、35億元。
外界關心有哪些重大建設會先提前發包？交通部官員表示目前尚未有具體項目還需要兩周時間彙整資料。官員解釋因為行政院於3月18日通過「109年度加速公共建設計畫執行成效措施」要求所有部會將所有公共建設加速執行這是通案並非針對交通部接著交通部開例會部長立即作出指示所以目前尚未有具體細項。
交通部官員指出目前分成兩階段如果預定是上半年要發包的案子距離6月底只剩3個月有一定程式要走只能盡量往前提如果預計是下半年要發包的案子在條件許可下會提前到6月底執行。</t>
  </si>
  <si>
    <t>發包林佳龍交通部重大提前提早經濟目前建設執行臺灣中的表示工程官員全球加速具體月底辦理肺炎交通指出</t>
  </si>
  <si>
    <t>執行肺炎交通部發包辦理</t>
  </si>
  <si>
    <t>肺炎執行交通部發包辦理</t>
  </si>
  <si>
    <t>崩潰教育部暑假家長提早停課延長開學</t>
  </si>
  <si>
    <t>台灣新冠肺炎疫情持續延燒全國三級警戒將延長到6月14日教育部長潘文忠也在今（25）日記者會上宣佈全台停課也會同步延長然而消息曝光後不少家長都感到相當崩潰紛紛湧入教育部臉書留言更有人希望能夠「</t>
  </si>
  <si>
    <t>延長疫情留言持續教育部湧入紛紛崩潰全國相當感到肺炎警戒家長曝光消息記者會宣佈</t>
  </si>
  <si>
    <t>台灣新冠肺炎疫情持續延燒全國三級警戒將延長到6月14日教育部長潘文忠也在今（25）日記者會上宣佈全台停課也會同步延長然而消息曝光後不少家長都感到相當崩潰紛紛湧入教育部臉書留言更有人希望能夠「先放暑假再提早開學」。
截至本月24日下午5點30分為止全台學生共有145人確診其中包含大專院校70人、國小24人、高中生22人、國中生17人、幼兒園12人由於疫情尚未緩解因應全國三級延長教育部也宣佈將停課日期延長至6月14日。
延長停課的消息也同步在教育部臉書粉專發布不少網友看到後都忍不住哀號：「無後援的父母要吃土了！」、「家裡兩個國小生崩潰中…」、「天啊…晴天霹靂」、「媽媽已崩潰到極點了」、「職業媽媽好阿雜（台語）沒有這麼多假可以請」、「雖然很不想面對家中2隻惡魔可疫情那麼嚴重我也寧願請假讓他們在家」。
另外也有許多家長和老師提出建議認為可以先讓學生們放暑假之後再提早開學或進行補課「我覺得提早暑假比較適當這樣老師跟學生眼睛會壞掉家長會崩潰我說真的！」、「拜託直接放暑假之後視情況提早開學或補課好嗎？媽媽在家照顧小孩還要兼教學成效很差啊」、「建議乾脆停課也停學提早放暑假提早開學！線上教學在台灣不是很成熟我身為國高中的數學老師實在對教學成效很憂慮」。</t>
  </si>
  <si>
    <t>崩潰暑假提早疫情學生延長開學教育部教學媽媽停課可以家長建議老師在家全台全國</t>
  </si>
  <si>
    <t>新冠肺炎台灣停課延長教育部</t>
  </si>
  <si>
    <t>停課肺炎臺灣延長教育部</t>
  </si>
  <si>
    <t>必要接種疫苗科學家副作用風險全球</t>
  </si>
  <si>
    <t>十多名全球頂尖科學家昨（13）日聯合刊登建言指出現在不是大規模施打第3劑加強針的時刻強調2劑疫苗仍能有效防止民眾變成新冠重症。他們警告由於支持接種加強針的科學證據不足過早讓民眾接種第3劑可能反而增</t>
  </si>
  <si>
    <t>民眾加強接種聯合刊登指出現在施打第有效防止時刻變成強調疫苗過早重症警告支持科學證據不足</t>
  </si>
  <si>
    <t>疫苗科學家可能加強接種保護民眾重症變異對抗現在強調指出免疫效果誘發下降研究反應</t>
  </si>
  <si>
    <t>#新冠肺炎#全球疫苗第3劑加強針科學家</t>
  </si>
  <si>
    <t>全球疫苗肺炎加強科學家</t>
  </si>
  <si>
    <t>國泰女將登場季初嚇人wsbl</t>
  </si>
  <si>
    <t>由於季前練球時不慎扭傷左腳踝讓國泰後衛吳宜庭整整養傷1個多月直到女子超級籃球聯賽(WSBL)第15季都打一半了才總算回到場上拚戰沒想到吳宜庭一回來就有夠準全場投6中4含三分球投4中3更貢獻11分、4助攻</t>
  </si>
  <si>
    <t>吳宜庭扭傷左腳全場國泰後衛不慎回來整整籃球聯賽養傷wsbl季都總算回到場上直到想到女子</t>
  </si>
  <si>
    <t>由於季前練球時不慎扭傷左腳踝讓國泰後衛吳宜庭整整養傷1個多月直到女子超級籃球聯賽(WSBL)第15季都打一半了才總算回到場上拚戰沒想到吳宜庭一回來就有夠準全場投6中4含三分球投4中3更貢獻11分、4助攻。
繼續瞄準10連霸的國泰人壽最後以91比60橫掃台灣電力除摘開季9連勝更是跨季35連勝只是都打完前3循環賽事吳宜庭才重新回到場上打球讓她不禁坦承「事實上我一直很著急多虧因為新冠疫情影響比賽延期了。」
「假如照著原定計畫今年3月開打我一定更加急迫想要回來」吳宜庭說「其實在我心裡從來沒想過要在哪場回來一切就看鄭慧芸教練的安排沒想到今天賽前熱身時慧芸姊突然告訴我今天上場讓我心情確實有點開始緊張。」
不過吳宜庭本季的初登板表現算是可圈可點尤其是手感相當火燙問她為何這麼準？她回答「就是別想太多畢竟我才剛回來只想努力別成大家太大的負擔目前我對自己防守較不滿意很多時候沒跟隊友協調好也缺少溝通。」
由於國泰本季從大陸回來3名「學姊」分別是黃凡珊、陳鈺君與王維琳勢必壓縮到吳宜庭上場時間但她表示「有了她們回來我就是抱持學習心態努力學習不一樣的經驗就算待在場下看也有幫助反正我現在就是隨時準備好。」</t>
  </si>
  <si>
    <t>吳宜庭回來國泰今天上場想到回到場上連勝</t>
  </si>
  <si>
    <t>吳宜庭回來國泰本季WSBL</t>
  </si>
  <si>
    <t>吳宜庭國泰回來wsbl</t>
  </si>
  <si>
    <t>總經理確診氣炸員工看報莊豐嘉司機內部公務華視曝光</t>
  </si>
  <si>
    <t>台灣疫情持續升溫民眾人心惶惶華視總經理莊豐嘉今(20)下午在透過臉書證實一名公務車員工曾至萬華地區經採檢後確診消息一出也引發員工不滿因為有傳大多數員工還是看了新聞才知道此事甚至有人直接在新聞部</t>
  </si>
  <si>
    <t>員工新聞民眾人心惶惶華視總經理莊豐嘉下午升溫透過知道證實公務確診曾至地區經采檢消息</t>
  </si>
  <si>
    <t>台灣疫情持續升溫民眾人心惶惶華視總經理莊豐嘉今(20)下午在透過臉書證實一名公務車員工曾至萬華地區經採檢後確診消息一出也引發員工不滿因為有傳大多數員工還是看了新聞才知道此事甚至有人直接在新聞部群發難質問公司有什麼相關配套措施？對此莊豐嘉稍早也發出一封內部信強調公司絕非隱匿疫情盼員工安心不要自己嚇自己。
華視證實一公務車駕駛確診引發許多看新聞才知道的員工相當不滿甚至有記者在新聞部群組發難只想問關於駕駛確診後續公司會即時公佈後續結果嗎？雖然採訪車駕駛休息室不同於公司駕駛但公司駕駛也有來支援採訪班他們沒有染疫風險嗎？有進一步採檢嗎？相關資訊可以詢問什麼單位呢？
對此目前正在自主隔離中的總經理莊豐嘉稍早也發出內部信強調華視絕非隱瞞而是在當時的情況下還找不到公佈的適當時機；他更透露確診司機是16號致電告知自己曾在8號去萬華餐敘雖無任何症狀仍被他要求立刻前往篩檢。
莊豐嘉再度強調華視絕非隱瞞疫情「根據疾管法規定確診必須由政府部門統一公佈我們自己不能這樣宣稱何況結果都還沒出來我們當然不能自行宣佈有人確診而是靜待結果。但是內部有人開始外傳各種消息讓媒體也緊緊跟進造成公司困擾也讓同仁感到害怕。我要再次強調這絕非隱瞞而是遵守相關法規的必然結果。」同時他也為溝通不良造成同仁誤解與恐慌道歉盼大家諒解。
華視內部信如下：
各位同仁平安：
有關本公司公務車司機今天被通知確診及公司在這件事上的防疫處理因為之前公報並沒有說得很清楚在此我做一個簡單而完整的說明請大家安心。
整件事一開始是司機在五月十六日晚上約六點來電告知他在五月八日去過萬華和朋友餐敘雖然沒有任何症狀但必須跟我報告這件事。當時他並未去做篩檢因此獲知後我立即要求他必須馬上去進行篩檢他也在當天晚上很幸運也很快的在新北署立醫院做了檢查。
他的通報就如我們每週各部門提供同仁足跡疫調一樣就是一個疫調主管也都知道是那些人。當時他既非確診者也沒有被匡列為接觸者只是主動通報而已。像這樣的足跡疫調者在公司就有八十幾個人；請大家思考是否現在就要全部公佈這些人的名單？會不會弄得人心惶惶而自己嚇自己？
其實同仁近日也都有人自行去做篩檢這些人都還不是確診者或準確診者。是否除了通報他的主管也要通報給所有同仁知情？我要強調的是這絕非隱瞞而是在當時的情況下還不到公佈的時機。
但即便如此我獲知司機去過萬華的當晚立即要求清查過去幾天和司機接觸有那些人並對相關空間進行消毒例如司機休息室等並要求他們先自我隔離而新聞台攝影棚等空間也額外做強化消毒的工作。
由於和司機有相當頻繁的人與人的連結我隔天自己也去住家附近醫院進行快篩並從此在家遠距上班迄今。當天篩檢後醫院告知我要等三天才會知道結果而且有確診才會通知沒確診就不會通知。司機的情況也一樣。所以他到今天才正式收到來自醫院PCR陽性的簡訊。
根據疾管法規定確診必須由政府部門統一公佈我們自己不能這樣宣稱何況結果都還沒出來我們當然不能自行宣佈有人確診而是靜待結果。但是內部有人開始外傳各種消息讓媒體也緊緊跟進造成公司困擾也讓同仁感到害怕。我要再次強調這絕非隱瞞而是遵守相關法規的必然結果。
這段時間我們當然有進行超前部署的防疫行為也許不夠周詳但已經盡其所能的盡量做。如果溝通不良造成同仁的誤解和恐慌我在此表示歉意。但我一向最重視危機處理不可能在這種事情上有對同仁做任何的隱瞞。這既不智也沒任何必要。
萬請同仁諒解也祝禱大家身體健康平安無事。
總經理
莊豐嘉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確診同仁司機公司華視通報相關沒有防疫告知醫院員工進行新聞公佈要求結果隱瞞總經理</t>
  </si>
  <si>
    <t>華視內部信華視總經理莊豐嘉新冠肺炎台灣</t>
  </si>
  <si>
    <t>莊豐嘉總經理華視肺炎內部臺灣</t>
  </si>
  <si>
    <t>肺炎全球推向衰退邊緣分析</t>
  </si>
  <si>
    <t>金融服務公司德維爾(deVere Group)的執行長奈傑爾·格林（Nigel Green）週三表示新冠肺炎對主要供應鏈和支出行為的打擊正將世界推向今年的「全球衰退邊緣」。格林補充說週一和週二的重大拋售以及爆發帶來的長期</t>
  </si>
  <si>
    <t>group重大週二執行長週一傑爾·格林補充nigelgreen格林週三邊緣表示衰退全球今年肺炎推向拋售devere供應世界支出行為</t>
  </si>
  <si>
    <t>金融服務公司德維爾(deVere Group)的執行長奈傑爾·格林（Nigel Green）週三表示新冠肺炎對主要供應鏈和支出行為的打擊正將世界推向今年的「全球衰退邊緣」。
格林補充說週一和週二的重大拋售以及爆發帶來的長期經濟風險使投資者「措手不及」。格林警告說這種病毒的影響只會加劇中美貿易緊張局勢製造業下滑以及主要經濟體增長放緩的持久風險並補充說投資者應該開始保護自己的財富。
格林說：「投資者對新冠肺炎的嚴重和深遠的經濟後果大為措手不及。」 「顯然這將打擊全球供應鏈全球經濟甚至最終影響政府。」
德維爾預計隨著感染速度加快或減弱市場將在未來幾週內表現出「緊張不安」。Cboe的VIX指數衡量了廣泛的市場波動在週一和週二的交易時段內飆升至2018年12月以來的最高水準。10年期和30年期美國國債的收益率跌至紀錄低位因為投資者急於尋求拋售的擔保。黃金是那些押注股票下跌的傳統避險和對沖押注創下了七年來的新高。
格林說疫情爆發的時機也使其自身加劇了其他經濟風險。在貿易障礙和製造業放緩的背景下已開發經濟體已經開始放緩。關鍵的衰退指標呈紅色閃爍分析師開始質疑歷史悠久的經濟擴張是否即將結束。格林說一旦加入了其他一系列下行風險該病毒可能成為牛市棺材中的釘子。
格林說：「它們可以共同將世界推向今年全球衰退的邊緣。」 「儘管我有信心我們將在2020年狹義地避免全球經濟衰退但沒人能準確預測未來-正如我們所看到的新冠肺炎我們錯誤地認為市場主要限於大陸。」</t>
  </si>
  <si>
    <t>格林經濟投資者風險市場開始全球肺炎放緩衰退未來德維爾拋售影響病毒爆發週二經濟體週一加劇補充措手不及製造業</t>
  </si>
  <si>
    <t>格林新冠肺炎風險邊緣德維爾</t>
  </si>
  <si>
    <t>風險肺炎邊緣格林德維爾</t>
  </si>
  <si>
    <t>竄改死因鄭弘儀維琪開罵無恥</t>
  </si>
  <si>
    <t>日本喜劇之王志村健昨(30日)因罹患新冠肺炎過世享壽70歲消息一出引各地粉絲哀悼大嘆童年的偶像驟逝。昨鄭弘儀則在節目中透露有人將志村健的維基百科資料惡意竄改死因竟被寫成「台灣肺炎」讓鄭弘儀氣得大</t>
  </si>
  <si>
    <t>肺炎鄭弘儀惡意竄改死因資料維琪百科臺灣粉絲過世消息享壽哀悼透露</t>
  </si>
  <si>
    <t>日本喜劇之王志村健昨(30日)因罹患新冠肺炎過世享壽70歲消息一出引各地粉絲哀悼大嘆童年的偶像驟逝。昨鄭弘儀則在節目中透露有人將志村健的維基百科資料惡意竄改死因竟被寫成「台灣肺炎」讓鄭弘儀氣得大罵：「是誰這麼無恥」。
鄭弘儀昨在《鄭知道了》談志村健的病逝他引用網上新聞分享指出有人趁機在維基百科搗亂將志村健的死因寫成「台灣肺炎」鄭弘儀生氣問：「全世界有誰會這麼無恥會寫說是台灣肺炎？」前衛生署駐日內瓦衛生顧問張武修也怒說：「真的是不要臉至極」。
張武修說志村健真的是非常重要嘆日本雖有先進的醫療技術竟也救不回志村健「我相信這類的公眾人物他們平時接觸的人非常多一旦感染加上原本就有肺病以及年紀大所以很可惜」鄭弘儀則說志村健3月10日還跟工作人員到居酒屋聚餐沒想到月底就過世。
張武修又表示日本這回失誤在沒有在第一時間將疫情防堵起來之前因為東京奧運導致防線鬆散未來美國也會在兩個月內抵達疫情的高峰點對於新冠肺炎仍不可鬆懈。</t>
  </si>
  <si>
    <t>肺炎鄭弘儀日本疫情過世臺灣非常真的村健無恥</t>
  </si>
  <si>
    <t>志村健鄭弘儀無恥台灣張武修</t>
  </si>
  <si>
    <t>無恥鄭弘儀臺灣張武修</t>
  </si>
  <si>
    <t>不同超市驚呼態度末日防疫台美</t>
  </si>
  <si>
    <t>新冠肺炎疫情持續在歐美快速擴散美國50州全數淪陷死亡人數破百人導致民眾開始恐慌瘋搶物資美籍YouTuber「莫彩曦Hailey」也曝光當地情況驚呼超誇張好像「美國末日」。莫彩曦先到住家附近的超市她透露這</t>
  </si>
  <si>
    <t>美國莫彩持續歐美快速擴散全數人數破百疫情淪陷導致死亡民眾開始恐慌末日情況物資驚呼當地youtuber</t>
  </si>
  <si>
    <t>新冠肺炎疫情持續在歐美快速擴散美國50州全數淪陷死亡人數破百人導致民眾開始恐慌瘋搶物資美籍YouTuber「莫彩曦Hailey」也曝光當地情況驚呼超誇張好像「美國末日」。
莫彩曦先到住家附近的超市她透露這裡從來不需要排隊現在卻出現排隊人潮而且架上的罐頭、衛生紙、泡麵、米、義大利麵都賣光了冰箱的牛奶也缺貨要「下週一才會補貨」還有些物資貼出「限購公告」這是她住這麼久第一次看到限購。
而她到好市多也發現本來平常沒什麼人現在竟出現長長的排隊人龍比整個建築物還長讓她相當驚訝很多物資也全都賣光另一間超市感冒藥、乾洗手、衛生紙等也都沒了讓她直呼太誇張根本是美國末日。
而她也點出臺美大不同的關鍵是台灣政府在還沒有確診者之前就開始防疫但美國是等到很多人確診後才開始防疫連彭博新聞都稱讚「成果就是人民的保守而不是人民的恐慌」因此台灣人是保守、謹慎狀態但美國人卻落到恐慌狀態。</t>
  </si>
  <si>
    <t>美國物資開始排隊恐慌超市衛生紙莫彩防疫誇張末日確診現在出現持續</t>
  </si>
  <si>
    <t>莫彩曦YouTuber好市多美國衛生紙</t>
  </si>
  <si>
    <t>youtuber美國莫彩衛生紙</t>
  </si>
  <si>
    <t>中小企業新竹紓困便利疫情</t>
  </si>
  <si>
    <t>新冠肺炎疫情延燒台灣許多產業受到衝擊新竹市政府與信保基金、台灣中小企業銀行合作推出的便利貸款將提供受疫情影響的中小企業不用提供擔保品即可申請貸款截至目前可貸餘額尚有13億餘元。市府指出因應新</t>
  </si>
  <si>
    <t>臺灣貸款中小企業疫情提供目前截至受到尚有衝擊產業申請市政府新竹即可基金擔保不用銀行合作</t>
  </si>
  <si>
    <t>新冠肺炎疫情延燒台灣許多產業受到衝擊新竹市政府與信保基金、台灣中小企業銀行合作推出的便利貸款將提供受疫情影響的中小企業不用提供擔保品即可申請貸款截至目前可貸餘額尚有13億餘元。
市府指出因應新冠肺炎NCP疫情延燒不少產業受到影響為協助營業受波及的中小企業渡過難關市府已與信保基金、台企銀共同研商紓困方案取得共識只要是因這波疫情造成資金周轉困難的中小企業都可向市府提出申貸。
審查小組將依個案紓困需求從優審定而已經核貸的對象也可向銀行申請放寬償還方式與展延還款期限市府將會盡最大的努力來幫忙。
市府表示創業便利貸共提供2億元資金供民眾申請其中第1類（商業）、第4類（個人裝置房地型太陽能光電設備）案件合計上限6000萬目前尚餘5500萬元第2類（公司）、第3類（從事規畫設計與設置太陽光電系統之公司或商業）案件合計上限1億4000萬目前尚餘8325萬元有資金需求的企業及市民可把握機會提出申請。
此外為降低中小企業負擔市府更進一步向信保基金爭取信用保證手續費的放寬措施除了每年收取核貸金額05％的保證手續費已確認調降為0375％外針對受疫情影響而申請放寬償還及展延的企業市府也積極爭取讓這些企業在展延或分期還款期間可免繳保證手續費這項措施已獲信保基金同意支持待相關規範拍板通過後即可實施。</t>
  </si>
  <si>
    <t>市府申請中小企業疫情基金保證手續費放寬影響企業提供目前紓困商業光電公司需求臺灣資金展延貸款銀行提出</t>
  </si>
  <si>
    <t>中小企業新竹市紓困市府疫情</t>
  </si>
  <si>
    <t>紓困市府新竹中小企業疫情</t>
  </si>
  <si>
    <t>核酸肺炎小時大陸</t>
  </si>
  <si>
    <t>據陸媒《北京晚報》今日報導在北京市新型冠狀病毒肺炎疫情防控工作在今日下午的第142場新聞發布會上北京大學第一醫院副院長王平表示目前醫院發燒門診的隔離病房由3間增加到10間。另外醫院檢測單位縮短了核酸</t>
  </si>
  <si>
    <t>醫院今日北京市門診冠狀發燒病毒肺炎目前疫情表示防控王平院長北京大學第一醫院工作下午新聞發佈會檢測報導增加隔離病房單位縮短北京晚報核酸</t>
  </si>
  <si>
    <t>據陸媒《北京晚報》今日報導在北京市新型冠狀病毒肺炎疫情防控工作在今日下午的第142場新聞發布會上北京大學第一醫院副院長王平表示目前醫院發燒門診的隔離病房由3間增加到10間。另外醫院檢測單位縮短了核酸檢測所耗費的時間從原來6個小時檢測過程縮短到現在上機後僅需45分鐘便能得到檢測結果。
另外在整體疫情方面復旦大學附屬華山醫院感染科主任張文巨集在一場病毒專題講座中表示：「現在對新冠肺炎後遺症進行整體評估時間還早了一點。這只是大家感興趣的一個話題還不是個問題。」
張文宏解釋稱醫學上指涉的明顯後遺症是有些功能突然消失比如呼吸功能大幅度降低、心臟出現心律失常、腎功能出現明顯的蛋白尿等。即使是一個健康的人因病在床上躺兩個月也會出現體能下降的狀況；因此現在討論新冠肺炎後遺症仍然太早另外目前也還沒有發現新冠肺炎所帶來明顯的後遺症。
對比北京與目前美國反彈的疫情昌文宏說北京這次對於重點區域實施全民檢測、非重點區域自願檢測取得了不錯的成效；美國的檢測量雖然也很大但關鍵在於沒有做到人流充分隔離因此對於控制傳染還不夠。檢測量增大必須建立在有效隔離和追蹤的前提才對傳染病控制產生效果。</t>
  </si>
  <si>
    <t>檢測肺炎後遺症疫情目前明顯現在出現隔離對於病毒張文巨集功能表示控制整體今日美國時間沒有縮短醫院</t>
  </si>
  <si>
    <t>北京市新型冠狀病毒肺炎核酸檢測</t>
  </si>
  <si>
    <t>核酸病毒冠狀肺炎北京市檢測</t>
  </si>
  <si>
    <t>市府確診人員陰性</t>
  </si>
  <si>
    <t>北市府25日傳出府內人員疑似確診情形市府副發言人戴于文澄清該名同仁是於2月底時出國8日返國當時歐洲疫情並未大爆發中央流行疫情指揮中心也並未宣佈歐洲旅遊警戒且經採驗2次的結果都是陰性。戴于文說</t>
  </si>
  <si>
    <t>歐洲並未市府疫情結果人員確診情形經采警戒發言人戴于文澄清同仁旅遊月底宣佈流行指揮出國中心</t>
  </si>
  <si>
    <t>北市府25日傳出府內人員疑似確診情形市府副發言人戴于文澄清該名同仁是於2月底時出國8日返國當時歐洲疫情並未大爆發中央流行疫情指揮中心也並未宣佈歐洲旅遊警戒且經採驗2次的結果都是陰性。
戴于文說該名同仁這段時間雖然有到市府上班但也都全程戴著口罩18日因歐洲疫情升溫中央流行疫情指揮中心採回溯方式寄出檢疫單該名同仁接到檢疫單後即配合在家檢疫直到24日出現身體不適情形立即赴醫院採檢採驗2次的結果都是陰性目前身體狀況大致無虞但為了安全及配合防疫還是待在家中配合隔離至4月1日並非外傳確診個案。
至於市府大樓26日起防疫升級部分戴于文指出此為配合中央防疫作為強化市府防疫工作對未配戴口罩者採實名制登記確保不會出現防疫漏洞跟該名同仁的狀況完全沒有任何關聯但該名同仁目前承受相當大的心理壓力正由長官和同仁們勸慰中。
戴于文強調市府針對同仁若發生確診狀況已超前部署與演練採分層、分區、分艙、分流方式進行防疫且也部署異地辦公等規畫做好萬全準備。</t>
  </si>
  <si>
    <t>同仁防疫市府配合確診歐洲中央部署目前出現疫情情形方式口罩檢疫戴于文狀況並未陰性指揮中心結果</t>
  </si>
  <si>
    <t>北市確診新冠肺炎台灣武漢肺炎</t>
  </si>
  <si>
    <t>肺炎臺灣確診武漢北市</t>
  </si>
  <si>
    <t>昌明夫妻疫苗說謊資格來龍去脈</t>
  </si>
  <si>
    <t>新冠肺炎疫情延燒疫苗話題近來成為民眾關注重點日前「好心肝診所」被踢爆深夜違規替不符資格者施打AZ疫苗臺北市9日開罰200萬台幣並終止合約。今(11日)郭子乾認了接種疫苗侯昌明夫妻則一改原本說法也承認</t>
  </si>
  <si>
    <t>疫苗夫妻昌明話題近來關注重點日前心肝成為診所原本民眾深夜違規不符接種合約資格</t>
  </si>
  <si>
    <t>新冠肺炎疫情延燒疫苗話題近來成為民眾關注重點日前「好心肝診所」被踢爆深夜違規替不符資格者施打AZ疫苗臺北市9日開罰200萬台幣並終止合約。今(11日)郭子乾認了接種疫苗侯昌明夫妻則一改原本說法也承認打過疫苗引來網上砲轟曾雅蘭稍早發文滅火還原被診所通知有資格打疫苗的來龍去脈。
好心肝診所最近爆出打疫苗爭議身為好心肝終生志工的王彩樺昨澄清自己在疫情爆發前4月就自費到台大打了第一劑疫苗花了600元預約本月21日再到台大打第二劑與好心肝診所事件無關她因工作得出外四處忙坦言當然擔心生病希望能保護好自己才能保護家人小孩至於打第一劑的心得王彩樺說第一、二天有點疲累、頭痛但過幾天便沒事了。
至於郭子乾稍早他承認早在3月就預約打疫苗因考量到家中有洗腎、高血壓病史的兩位長輩當時朋友曾勸他擔心有後遺症但他仍決定預約施打承認因思考不周引發紛爭。而曾雅蘭和侯昌明夫妻稍早承認打疫苗後引來不少網友批評曾雅蘭稍早親上火線發文表示夫妻倆以資深志工在好心肝基金會工作20多年4月就接獲邀約今年7月要在世界肝癌日與八月肝病防治基金會的年度大會上擔任主持人。
曾雅蘭說夫妻倆是臨時被通知可打疫苗當時兩人也討論過順序資格符不符合而診所衡量兩人有被感染風險「因此好心肝擴大認定醫療相關人員的身分提前讓我們施打了第一劑這樣才來得及在活動時施打第二劑產生保護力因此我們施打了第一劑」並表示：「很抱歉我們沒有很周全的把事情想仔細造成社會觀感不佳」。
網友回：「我的天啊你們怎麼可以大失望又再填（添）一樁」曾雅蘭回應：「真的很抱歉因為打疫苗也是被臨時通知所以我們真的沒有想那麼多如果再給我一次機會我也會選擇不去打再次抱歉」另有人說：「沒關係反正現在主持也無法去了但是疫苗都打了不如去前線幫忙這樣更好把在家裡打高爾夫烤肉甚（什）麼的時間拿來貢獻社會相信你們的神會保佑你們。」曾雅蘭再表示：「如果有需要我們幫忙的我們一定會去幫忙」。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苗心肝雅蘭施打診所承認表示資格抱歉幫忙預約保護務必通知</t>
  </si>
  <si>
    <t>曾雅蘭侯昌明好心肝新冠肺炎疫苗</t>
  </si>
  <si>
    <t>心肝昌明雅蘭肺炎疫苗</t>
  </si>
  <si>
    <t>人力勞動部衝擊需求肺炎新低</t>
  </si>
  <si>
    <t>為瞭解今年7月底就業市場人力需求情形勞動部在4月20日至5月8日針對員工規模30人以上的事業單位辦理人力需求調查第三季人力需求僅有2萬1101人為近11年來同期新低其中住宿及餐飲業人力需求僅有931人也是近11</t>
  </si>
  <si>
    <t>人力需求市場以上事業單位辦理就業住宿同期餐飲業新低情形勞動部員工規模月底調查今年瞭解</t>
  </si>
  <si>
    <t>為瞭解今年7月底就業市場人力需求情形勞動部在4月20日至5月8日針對員工規模30人以上的事業單位辦理人力需求調查第三季人力需求僅有2萬1101人為近11年來同期新低其中住宿及餐飲業人力需求僅有931人也是近11年來同期新低。
109年第二次人力需求概況有效樣本達3051家此次事業單位預計7月底較4月底人力需求達2萬1100人為近11年來最低但次於金融海嘯同期的1萬9563人。
調查發現本期需求減少較多主要為製造業達5635人、支援服務業以2542人次之、批發及零售業以1968人再次之住宿及餐飲業也減少1738人需求；而需求減少集中在員工規模在99人以下的小規模廠商需求減少人數達7765人。
勞動部統計處處長羅怡玲分析受到新冠肺炎影響民眾減少外出及消費；但宅經濟商機升溫、5G通訊及人工智慧等新興應用科技穩定推展廠商持續擴增在台產能及電商平臺蓬勃發展加上國內疫情控制優於各國政府推出振興經濟措施及疫情和緩後暑假消費旅遊需求事業單位仍有增僱員工需求。</t>
  </si>
  <si>
    <t>需求人力減少事業單位經濟疫情消費廠商同期員工勞動部住宿規模調查月底餐飲業次之新低人工智慧應用</t>
  </si>
  <si>
    <t>勞動部新冠肺炎衝擊人力需求生活</t>
  </si>
  <si>
    <t>肺炎衝擊人力需求生活勞動部</t>
  </si>
  <si>
    <t>開放預約醫療混打院所接種</t>
  </si>
  <si>
    <t>為增加新冠疫苗注射的可近性中央流行疫情指揮中心今天宣佈11月25日起開放民眾可自行至指定醫療院所混打凡是接種AZ第一劑滿8周的民眾無論是否有在疫苗預約平臺意願登記皆可完成混打。疫情指揮中心指揮官陳</t>
  </si>
  <si>
    <t>民眾混打疫苗疫情指揮中心注射是否凡是預約平臺az意願接種中央今天院所登記流行開放宣佈醫療</t>
  </si>
  <si>
    <t>為增加新冠疫苗注射的可近性中央流行疫情指揮中心今天宣佈11月25日起開放民眾可自行至指定醫療院所混打凡是接種AZ第一劑滿8周的民眾無論是否有在疫苗預約平臺意願登記皆可完成混打。
疫情指揮中心指揮官陳時中表示先前已開放第一二劑皆可至指定合約院所施打25日起增加混打選項第一劑AZ接種後已滿8周者可在疫苗平臺預約也可以至指定醫療院所施打。
至於國內第三劑接種計畫是否也會採「非預約平臺」方式進行？陳時中表示我們現在有預約平臺、醫療院所和造冊方式未來朝多管道的可能性比較高。
陳時中說明目前國內第三劑計畫還沒完成未來會看專家建議就現有的疫苗來施打。他隨後補充今年有打幾種疫苗明年就會盡量準備不是說規定大家一定只能打一樣的也會根據專家建議讓大家做選擇。
至於我國已採購3500萬劑的次世代疫苗何時到貨？陳時中表示次世代疫苗大約要到明年下半年才會出來各國目前都是沿用現有的疫苗來當追加劑；他強調疫苗作用主要是降低重症和死亡如果要避免感染口罩也是非常重要的事情一定要兩件事都做好這樣防疫會比較好一點。</t>
  </si>
  <si>
    <t>疫苗院所平臺預約施打混打接種醫療陳時中表示一定目前指定未來至於完成是否專家建議方式民眾比較</t>
  </si>
  <si>
    <t>新冠疫苗疫苗混打新冠疫苗新冠肺炎台灣</t>
  </si>
  <si>
    <t>疫苗肺炎臺灣混打</t>
  </si>
  <si>
    <t>鳳梨季開疫情不畏</t>
  </si>
  <si>
    <t>不受疫情的影響2020鳳梨好筍季25日仍在台南市關廟區大潭埤旺萊公園揭開序幕但對參加民眾採限額實名登錄。市長黃偉哲表示令人欣慰的是今年鳳梨的價格並沒有因為少了大陸市場下滑在大家的努力之下價格仍維</t>
  </si>
  <si>
    <t>鳳梨價格揭開序幕參加公園民眾大潭限額台南登錄關廟市長下滑大陸黃偉哲表示沒有令人欣慰</t>
  </si>
  <si>
    <t>不受疫情的影響2020鳳梨好筍季25日仍在台南市關廟區大潭埤旺萊公園揭開序幕但對參加民眾採限額實名登錄。市長黃偉哲表示令人欣慰的是今年鳳梨的價格並沒有因為少了大陸市場下滑在大家的努力之下價格仍維持穩定也讓更多消費者能吃到好吃又健康的鳳梨。
黃偉哲表示關廟出產鳳梨、竹筍及關廟麵等非常多好的產品廣受民眾歡迎。今年的鳳梨產量跟往年一樣但因少了大陸的外銷市場因此市府積極往加工、內銷及開闢其他國家市場的方向努力。
黃偉哲還進一步提到竹筍跟鳳梨都是非常好的健康食品具有很多纖維素能幫助健康的人提高免疫力；免疫力提高就比較不容易生病具有實質的防疫意義。今年的鳳梨好筍季是一個成功的典範跟模式在疫情過後市府也會陸續舉辦更多的產業活動讓各區的產業文化越來越好。
市府農業局表示每年4至7月進入鳳梨盛產期此次因武漢肺炎疫情的影響活動也以行銷鳳梨為主。企業認購鳳梨的行動一直持續進行公所、農會齊努力在購物台也狂賣1萬4000顆鳳梨協助農民行銷鳳梨增加收入。
2020鳳梨好筍季活動首開先例採實名登錄報名報名成功並參加的民眾可享鳳梨2入裝禮盒、2瓶鳳梨冰茶、鳳梨苦瓜雞及鳳梨炒飯等好康；在旺萊市集購買農特產品還可兌換DIY卷並可選擇製作鳳梨醋或鳳梨酵素清潔液。今天進場的民眾都手持確認單由活動場地單一出入口進出並配合量測體溫、戴口罩逛得安心、買得放心。</t>
  </si>
  <si>
    <t>鳳梨活動民眾努力市府黃偉哲今年健康表示市場疫情關廟具有成功價格參加行銷</t>
  </si>
  <si>
    <t>新冠肺炎武漢肺炎台南關廟鳳梨好筍季</t>
  </si>
  <si>
    <t>肺炎台南關廟鳳梨武漢</t>
  </si>
  <si>
    <t>危機解除疫情指揮中心清明連答案</t>
  </si>
  <si>
    <t>清明連假結束近一周民眾都在等待結果是否會出現疫情大爆發的現象對此指揮中心表示本周有8千多例通報其中791人去過相關景點但檢測結果皆為陰性。中央流行疫情指揮中心專家小組召集人張上淳表示每天約有</t>
  </si>
  <si>
    <t>結果疫情中心指揮表示民眾等待是否相關景點檢測通報出現召集人小組陰性爆發專家中央現象</t>
  </si>
  <si>
    <t>清明連假結束近一周民眾都在等待結果是否會出現疫情大爆發的現象對此指揮中心表示本周有8千多例通報其中791人去過相關景點但檢測結果皆為陰性。
中央流行疫情指揮中心專家小組召集人張上淳表示每天約有1500多件篩檢案例但至今已將近1周這幾天作為重要的評估期目前還沒有大幅本土案例增加僅出現案379一例但她並沒有旅遊史。至於是否可視為清明連假後疫情威脅趨緩張上淳沒直接回應。
疫情指揮中心疫情監測組組長周志浩則表示4/6至4/10的8000多位通報案例中僅791位表示有到過11處景點但採檢結果全部是陰性。疫情指揮中心指揮官陳時中說目前看來急劇變化可能性不高但仍應提高警覺。</t>
  </si>
  <si>
    <t>疫情中心指揮表示案例結果目前是否沒有出現張上淳景點通報陰性清明連可能性變化急劇看來</t>
  </si>
  <si>
    <t>新冠肺炎武漢肺炎新型冠狀病毒臺灣清明連假</t>
  </si>
  <si>
    <t>肺炎冠狀武漢病毒臺灣清明連</t>
  </si>
  <si>
    <t>中央疫情指揮官、衛福部長陳時中宣佈為了保護國民抗疫取消陸籍子女入台措施。這是蔡政府在24小時內所宣佈的第4個陸配子女入台規定且一次比一次更為嚴格。最新規定等於是完全排除了滯留大陸的陸配子女在新冠肺</t>
  </si>
  <si>
    <t>宣佈配子規定部長陳時中大陸保護滯留國民排除取消衛福完全等於陸籍子女措施小時政府指揮官最新更為嚴格</t>
  </si>
  <si>
    <t>中央疫情指揮官、衛福部長陳時中宣佈為了保護國民抗疫取消陸籍子女入台措施。這是蔡政府在24小時內所宣佈的第4個陸配子女入台規定且一次比一次更為嚴格。最新規定等於是完全排除了滯留大陸的陸配子女在新冠肺炎爆發後來台的任何可能性。
在蔡政府禁絕陸配子女入台的同一天南韓撤僑專機帶回了南韓公民及其家屬共147人其中有60人是中國大陸籍家屬。兩相比較蔡政府不厚道甚至可以稱之為冷血的做法實在很悲哀。
陳時中強調「既然當初已經選擇了國籍現在就必須自己做些安排及承擔」意思是只要法律上不認定這些陸配子女是台灣之子那麼不論他們是不是未成年也不論他們的父母此刻是不是在台灣反正統統一律不准返台。
一個未成年的孩子當初沒有選擇入籍中華民國的理由很多而春節假期間可能有不少台商攜眷赴大陸探親其中或許有些大人把孩子留在親戚家自己先返回台灣待事情處理後再去接孩子不料武漢封城突如其來。然後蔡政府告訴台商孩子留在那裡不准入台這簡直是「1949骨肉分離」的翻版實在是太殘忍了。
如果蔡政府這麼一板一眼、就法論法那又怎麼能夠怪菲律賓不准台灣旅客入境呢？人家也是根據WHO的「一中原則」所做的處理不是嗎？外交部說事實上台灣就不屬於北京的管轄範圍啊！既然彈性處理、揆情審勢那麼重要那蔡政府在面對台商時怎麼就不這麼做呢？
連對自己同胞的家人都無法愛屋及烏我們憑什麼要求別的國家要給台灣人超越國際原則以外的待遇？更可悲的是面對菲律賓的禁令蔡政府連取消本來就不公平的單方面對菲律賓免簽都不敢卻只會惡狠狠地對付台商及其家人。有這種政府可真是窩囊！ 　　 　　 　新冠肺炎爆發以來行政院長蘇貞昌三番兩次改變口罩的配送制度把大家折騰得七葷八素沒想到他竟然自評實名制讓人人都能買得到口罩「非常成功」。他的這番自誇實在令人納悶畢竟庶民們只要隨便問問身邊的人都知道買不到口罩的人比買得到的人多得多。所以蘇貞昌說的「人人」到底是指誰？難道是民進黨的高官圈內人嗎？
這麼爛的行政管理竟然成了閣揆口中的「世界唯一」、「大成功」跟人民的感受全然相反。果然雖然咱只有一粒卡臣「官」字卻有兩個口隨便他胡說八道。
口罩配銷措施一變再變最應該負責的是經濟部因為顯然是經濟部始終無法有效掌握國內口罩的生產數量才會讓蔡英文總統、蘇貞昌與陳時中談到口罩供需情況時都像是買樂透報明牌一般幾個數字兜來兜去卻從來沒有準過。
經濟部長沈榮津說新冠肺炎疫情導致大陸生產停擺這將有助於台灣成為「高階製造中心」。連口罩一天生產幾個都搞不清楚還妄想率領產業更上一層樓咧笑死人了！
口罩院長率領的團隊真是兩光又冷血。（作者為資深媒體人）</t>
  </si>
  <si>
    <t>口罩政府臺灣孩子配子大陸台商實在生產菲律賓處理蘇貞昌竟然肺炎陳時中</t>
  </si>
  <si>
    <t>蘇貞昌台商口罩肺炎陸配子女</t>
  </si>
  <si>
    <t>配子肺炎口罩台商蘇貞昌</t>
  </si>
  <si>
    <t>藥師亂象口罩吃不消</t>
  </si>
  <si>
    <t>本月6日後實行的口罩實名制一定程度上緩解了全民搶口罩的亂象中央流行疫情指揮中心相信實名制有效解決了囤積的情況但負責販售口罩的藥局及藥師卻大嘆工作超時直呼「吃不消」。自從口罩實名制實施以來有藥</t>
  </si>
  <si>
    <t>口罩工作藥師藥局超時負責中央流行亂象囤積解決吃不消有效全民指揮情況中心相信疫情一定</t>
  </si>
  <si>
    <t>本月6日後實行的口罩實名制一定程度上緩解了全民搶口罩的亂象中央流行疫情指揮中心相信實名制有效解決了囤積的情況但負責販售口罩的藥局及藥師卻大嘆工作超時直呼「吃不消」。
自從口罩實名制實施以來有藥師抱怨明明不是公務人員卻被迫配合政府政策從每天早上6點接收通過郵局寄送的口罩後一路忙到晚上工作時間超過20個小時也沒有得到相應的薪資補償每天的工作量已經超出負擔。
對此中央流行疫情指揮中心回應如果有必要指揮中心會再與郵局單位協商配送口罩的時間方便藥局及藥師作業並相信口罩實名制是解決口罩囤積的好方法希望大家一起共度難關。</t>
  </si>
  <si>
    <t>口罩藥師工作時間郵局指揮中心囤積相信藥局中央流行解決疫情方法相應薪資得到補償工作量沒有已經小時超出</t>
  </si>
  <si>
    <t>口罩藥師指揮中心中心實名制</t>
  </si>
  <si>
    <t>中心指揮藥師口罩</t>
  </si>
  <si>
    <t>青壯年sars台大醫關鍵曝光免疫力</t>
  </si>
  <si>
    <t>新冠肺炎疫情蔓延台灣目前累計確診數達24例其中感染源還在調查中引發人心惶惶。台大醫院兒科醫師吳其穎針對許多人困惑「免疫力越強越好？」做出回應並以17年前的SARS疫情為例指出身體強壯的青壯年死亡</t>
  </si>
  <si>
    <t>疫情指出蔓延臺灣sars目前吳其穎醫師回應兒科台大醫院確診累計人心惶惶引發調查感染身體免疫力困惑</t>
  </si>
  <si>
    <t>新冠肺炎疫情蔓延台灣目前累計確診數達24例其中感染源還在調查中引發人心惶惶。台大醫院兒科醫師吳其穎針對許多人困惑「免疫力越強越好？」做出回應並以17年前的SARS疫情為例指出身體強壯的青壯年死亡率反而更高的真相。
台大醫院兒科醫師吳其穎在個人YouTube頻道「蒼藍鴿的醫學天地」拍了一支影片他說「武漢肺炎來勢洶洶許多人傳訊息問我說『要吃什麼補品才能增強免疫力』？」
他以2003年的SARS疫情為例指出當年致死率高文獻指出約落在10～15%但醫學界發現奇異現象根據疾管署資統計資料發現當年因SARS不幸死亡的患者一般認為身體比較強壯20~40歲青壯年碰到SARS的死亡率竟然高達8%左右比例竟高於免疫力相對較不成熟的20歲以下或小孩。
原因出在哪裡？吳其穎解釋要從人體免疫系統解釋當人體感染SARS（非典型肺炎）、冠狀病毒入侵人體感染肺部細胞人體自然得派出免疫細胞應戰被病毒感染的細胞使其無法繼續增殖。吳其穎說「當時很多醫生發現相較於小孩子青壯年族群因為免疫系統較強因此針對病毒入侵的反應有點太過劇烈。」
吳其穎進一步解釋當強壯身體面對感染會派出體內最精良的免疫細胞來對被感染細胞（肺泡）進行強而有力的摧毀行動而這段期間就有可能會引發強烈的肺部發炎甚至進一步驅動免疫系統無差別攻擊肺臟造成沒有被感染的細胞同樣接受魚池之殃。他說這樣有可能會導致最嚴重肺浸潤、肺纖維化最終落得呼吸衰竭、甚至死亡的結果。
反觀免疫系統相對較不成熟的幼童吳其穎指出幼童的白血球同樣會攻擊病毒但是力道有限反而不易造成重大傷害最後這類病患得以撐到B細胞開始製造抗體而驅逐病毒。
吳其穎坦言會如此分享該故事是想讓大家瞭解「人體免疫系統向來就是雙面刃。」」唯有當它處於平衡狀態才得以對病原體進行有效的攻擊。</t>
  </si>
  <si>
    <t>感染細胞sars免疫系統病毒指出人體吳其穎免疫力發現疫情青壯年攻擊身體強壯得以造成引發死亡反而同樣進一步</t>
  </si>
  <si>
    <t>免疫力吳其穎SARS新冠肺炎新型冠狀病毒</t>
  </si>
  <si>
    <t>sars肺炎吳其冠狀病毒免疫力</t>
  </si>
  <si>
    <t>防疫物資精品國際臺灣有成</t>
  </si>
  <si>
    <t>台灣防疫有成在國際間受矚目外貿協會透過全球外館努力讓台灣精品於此同時在國際重要媒體獲得大量曝光報導趁勢宣傳優質產品協助廠商爭取商機。有日本買主看到獲台灣精品防疫物資「額溫槍」報導後立刻透過福</t>
  </si>
  <si>
    <t>臺灣報導精品國際透過防疫廠商爭取商機協助優質產品宣傳日本趁勢買主溫槍曝光矚目看到外貿協會全球獲得物資外館媒體</t>
  </si>
  <si>
    <t>台灣防疫有成在國際間受矚目外貿協會透過全球外館努力讓台灣精品於此同時在國際重要媒體獲得大量曝光報導趁勢宣傳優質產品協助廠商爭取商機。有日本買主看到獲台灣精品防疫物資「額溫槍」報導後立刻透過福岡台貿中心表示採購意願。
貿協表示4月起開放出口後將安排業者進行洽談第一時刻抓緊商機。據統計過去6週內密集不間斷的國際報導台灣精品獲國內外媒體總露出的中英文相關新聞共795篇觸及8億0994萬人。
貿協指出包括馬來西亞媒體TheSunDaily報導台灣精品關於醫療保健行業的專題引發當地醫療相關業者對於台灣精品廠商如明達醫學科技、華廣生技、真茂科技的產品及技術高度詢問；而台灣精品獲獎產品LUFT Cube稻穗個人空氣清淨器亦獲德國媒體ComputerBild青睞專文報導搭配防疫議題突顯空氣淨化的重要性讓業者產品知名度在歐洲市場倍增。
新冠肺炎疫情爆發引起全球產業停滯效應、商業活動趨緩對台灣也造成衝擊貿協自2月起即以運輸金屬、運動居家、智慧機械、電子資通訊及醫療照護等5大產業台灣精品為題竭力透過各式管道傳送防疫新聞與台灣產業、台灣精品資訊包括把華新、中衛、康匠等台灣口罩廠工具機及機械業者如哈伯精密、東台精機、台灣瀧澤、東捷、靄崴、上銀、台灣引興、普森精密、協易、三鋒、永進、亞崴等台灣精品得獎及品牌企業一口氣推舉至國際。
此外台灣精品更籌劃拍攝台灣工具機及紡織產業的國家形象宣傳影片帶領觀眾深入廠房認識這些推助醫療前線抗疫的產業英雄從研發、原料供應到製成口罩與醫療防護衣經過升級、系統化的操作、匯聚企業的動能讓大家看到台灣優質產業的實力。</t>
  </si>
  <si>
    <t>臺灣精品產業報導醫療國際媒體防疫業者透過產品商機宣傳口罩全球廠商相關包括精密工具機企業</t>
  </si>
  <si>
    <t>華廣華新上銀亞崴協易</t>
  </si>
  <si>
    <t>華新華廣</t>
  </si>
  <si>
    <t>福建莆田工廠疫情一家小學再戰鎖定delta</t>
  </si>
  <si>
    <t>大陸央視新聞用戶端14日報導又是新一Delta毒株引發本土疫情福建省莆田市仙遊縣縣長、應對新冠肺炎疫情工作指揮部指揮長吳海端受訪時表示目前形勢嚴峻大陸國務院專家判斷要經過三輪以上全程核酸檢測根據</t>
  </si>
  <si>
    <t>疫情大陸三輪判斷專家用戶國務院報導形勢嚴峻目前以上表示受訪海端delta引發指揮長本土指揮部福建省工作</t>
  </si>
  <si>
    <t>大陸央視新聞用戶端14日報導又是新一Delta毒株引發本土疫情福建省莆田市仙遊縣縣長、應對新冠肺炎疫情工作指揮部指揮長吳海端受訪時表示目前形勢嚴峻大陸國務院專家判斷要經過三輪以上全程核酸檢測根據檢測結果再做初步判斷。相關疫情一是病毒傳播速度比較快；二是感染人群主要集中在小學、中老年人最大齡84歲、最小5歲。目前主要關注三個鏈條一條是源頭林姓男子新加坡回來的家族、第二是他太太的工廠、第三是他小孩所在學校初步判定與Delta病毒序列基因相同。
吳海端表示隨著流調溯源密接者現在已經找到了將近1500名的密接者還有1600多名的次密接者都已管控。採取幾方面措施：一是要快。就是要切實把中高風險地區把人給按下來停止流動；第二個要溯源。就是密接者跟次密接者均進行管控。第三請專家幫忙做很好的指導。按照大陸國務院疫情防控第八版規定進行了相關一系列處置包括後續管控措施等都按照這個預案內容進行處置。
吳海端稱疫情發生在小孩群體中也是比較大的難題但是一定要確保去掉這個鏈條的傳播在安全為前提的基礎上以人為本。對於如何管控大人和小孩的問題作了研判也請教了相關專家認為還是根據需要考慮兩個人住在一個房間第二個同時也對家長心理輔導畢竟進入隔離病房離開了家他們也面臨比較大的壓力給他們心理輔導。對小學生特別是小低齡的孩童給他課外讀物比如說在裡面畫畫讓他放鬆。如果孩子能獨立隔離就單獨隔離如果需要父母在旁邊陪伴那麼就把他的父母安排在另外一個房間可以聊天當然聊天只能在隔壁。管控中還是要體現人文的關懷前提是要做好疫情的防控防止交叉感染。
吳海端說明受疫情影響很多企業停工他們特別穿上防護服送東西上工廠都做了預案跟安排比如說已存了將近40噸的大米還有將近1萬斤糧油還有5000公斤麵粉還有透過網購跟省內大型商超聯繫經由網購和專業護送按照防疫要求全程消殺確保點對點、人對人、一對一送貨上門保障工廠正常運轉。</t>
  </si>
  <si>
    <t>疫情海端專家工廠相關小孩管控進行大陸比較密接比如說還有安排delta全程特別鏈條目前確保感染措施</t>
  </si>
  <si>
    <t>新冠肺炎福建Delta工廠管控</t>
  </si>
  <si>
    <t>delta福建肺炎工廠管控</t>
  </si>
  <si>
    <t>企業廣告期間支出疫情</t>
  </si>
  <si>
    <t>通用汽車（GM）、百事公司（PepsiCo）等大型廣告客戶近日打算大砍電視廣告支出藉此保留資金以度過新冠肺炎危機。業界人士預估第三季廣告支出恐因此銳減10～15億美元。在新冠肺炎疫情爆發的前幾周電視廣告支出</t>
  </si>
  <si>
    <t>支出廣告肺炎電視廣告客戶近日打算pepsico預估人士疫情危機保留爆發銳減度過資金百事公司gm</t>
  </si>
  <si>
    <t>通用汽車（GM）、百事公司（PepsiCo）等大型廣告客戶近日打算大砍電視廣告支出藉此保留資金以度過新冠肺炎危機。業界人士預估第三季廣告支出恐因此銳減10～15億美元。
在新冠肺炎疫情爆發的前幾周電視廣告支出隨之下跌但之後降幅並未進一步擴大原因在於全美高達420億美元電視廣告支出中絕大部分都受到合約保障。這些合約在每年9月新一季節目播出前早已簽訂完成。
根據合約規定廣告客戶自5月1日起便能削減未來廣告支出而這也是他們在疫情爆發後節省廣告支出的首次機會。廣告客戶最多可取消第三季50％的廣告支出。
據消息人士透露各大企業利用此協議取消廣告的程度不一這些公司包括通用汽車、百事公司、連鎖餐廳Cracker Barrel、食品大廠通用磨坊（General Mills）、達美樂披薩與法國藥廠賽諾菲（Sanofi）。
廣告代理商地平線傳媒公司（Horizon Media）投資長坎柏奈力（Dave Campanelli）預估第三季約有10～15億美元的廣告支出可能遭到取消。坎柏奈力表示：「這樣的跌幅是非常驚人的。」
事實上廣告客戶按合約規定擁有此權利已行之多年但他們很少取消廣告支出到這個程度。
電視業者並不樂見此情況發生包括Comcast旗下的NBC環球、ViacomCBS與迪士尼皆想方設法避免廣告支出流失。ViacomCBS執行長巴基什（Bob Bakish）上周召開財報會議時表示「當前環境確實不佳」。而AMC電視台則示警第二季廣告營收恐暴跌30％。
廣告客戶希望下一輪合約能具備更多彈性好讓他們在疫情再度爆發之際能輕易地抽回廣告預算但作為交換各大電視台也會收取一筆費用。</t>
  </si>
  <si>
    <t>廣告支出客戶合約取消電視廣告疫情爆發電視臺表示包括viacomcbs公司程度柏奈百事公司預估肺炎</t>
  </si>
  <si>
    <t>肺炎合約廣告支出支出電視廣告</t>
  </si>
  <si>
    <t>支出廣告合約肺炎電視廣告</t>
  </si>
  <si>
    <t>超夯直播網友記者會中心疫情</t>
  </si>
  <si>
    <t>疾管署記者會天天直播似乎還紅到國外去除了港媒之外日本網友也將指揮中心成員喻為「防疫五月天」陳時中對此回應每個人都很重要也需要大家一起努力。根據港媒《中評社》報導立院質詢提到陳時中太辛苦</t>
  </si>
  <si>
    <t>似乎質詢立院報導國外直播提到五月時中防疫喻為回應成員中心指揮重要</t>
  </si>
  <si>
    <t>疾管署記者會天天直播似乎還紅到國外去除了港媒之外日本網友也將指揮中心成員喻為「防疫五月天」陳時中對此回應每個人都很重要也需要大家一起努力。
根據港媒《中評社》報導立院質詢提到陳時中太辛苦是否需他人代班「換時中」的議題大家不買帳因為許多台灣網友如追劇般的看直播也讓固定列席的官員累積一票小粉絲。
其中網路聲量最高的指揮官陳時中近兩個月的記者會從不缺席的鐵人形象、與記者的機智應答讓網友給他「阿中部長」、「鐵人部長」的代稱甚至有網友曾在直播建議「若防疫資金不足可販售阿中部長的公仔來集資」。
而執行官周志浩、監測應變官莊人祥被合稱為「疾管署的浩角祥起」某次記者會名單沒有列席莊人祥時留言處甚至一度被刷屏「祥祥怎麼沒有來？」、「祥祥沒有椅子」、「祥祥呢」。
而昨日因「新冠肺炎是否影響男性生殖器」的問題被強遞麥克風尷尬不失禮貌的回答讓網友也刷留言喊「崇崇說的對；每日直播連手語翻譯員也獲讚賞日前BBC全英提問手語翻譯員同步跟上讓網友一路刷爆留言狂喊「手語老師超強」。
而今日疾管署例行記者會媒體提問台灣防疫成績引發外界讚賞日本就有網友將指揮中心成員喻為「防疫五月天」。陳時中表示公衛專家、防疫人員的貢獻都大每個螺絲都很重要需要社會中所有力量大家一起努力。</t>
  </si>
  <si>
    <t>網友防疫直播記者會陳時中手語是否管署時中莊人祥列席臺灣提問讚賞部長鐵人甚至阿中沒有日本</t>
  </si>
  <si>
    <t>疫情中心追劇記者會直播阿中部長</t>
  </si>
  <si>
    <t>記者會直播阿中中心部長疫情</t>
  </si>
  <si>
    <t>疫情變數警告時間國師唐曝光</t>
  </si>
  <si>
    <t>人稱「國師」的星座專家唐綺陽看臺灣新冠肺炎疫情！她認為這次清明假期完全凸顯大家從「驚疑、害怕、恐慌」到「安全感爆棚、覺得厄運不會是我」的鬆懈。這樣的輕忽、自私無疑加大了「撞車、翻車的機率」疫情是否</t>
  </si>
  <si>
    <t>疫情專家唐綺陽臺灣翻車加大撞車無疑肺炎自私輕忽鬆懈星座認為厄運清明覺得假期凸顯安全感驚疑</t>
  </si>
  <si>
    <t>人稱「國師」的星座專家唐綺陽看臺灣新冠肺炎疫情！她認為這次清明假期完全凸顯大家從「驚疑、害怕、恐慌」到「安全感爆棚、覺得厄運不會是我」的鬆懈。這樣的輕忽、自私無疑加大了「撞車、翻車的機率」疫情是否會在台灣造成破口、甚至蔓延的這些變數？唐綺陽指出「兩週後才見真章」。
唐綺陽表示5日中午是今年的「第一波木冥合」且來到合相高峰並開始出相位像是衝著老人來引發各界高層、貴冑紛紛中標、死亡或推動疫情進入高峰、帶來明確的死亡威脅等。疫情連帶來了經濟活動停擺帶來巨大損失各國政府須拿出巨大金額的金錢紓困與各種企業都面臨經營困難將導致倒閉潮、失業潮她指出這樣的「木冥合相」今年還有兩波第2波在6月第3波在9、10月。
唐綺陽觀測星象發現火星、土星持續在水瓶她解釋「人多勢眾、群聚有毒」的意象四處展現輿論、風向的形成若來自「內在陰暗或受害發洩」就會造成霸淩、圍勦、肉搜、公審等事件頻發尤其在網路上更是將人性之惡表露無遺。
另外因見台灣人怎麼「忽然都不怕染病、紛紛去景點玩了呢」？唐綺陽提出警告「人多有毒」表現在「人擠人就容易中鏢」她認為這是人性最被考驗的時刻苦勸所有台灣人「真的…別再這樣自我下去！」
唐綺陽表示火土水瓶將歷時一個半月「群聚有毒」會逼迫大家變得疏離她呼籲 ：「我們都不希望成為受害者也最好不要輸給人性成為加害者請大家對此星象保持警覺並時時自省勿被狂歡誘惑。」
重要星象：水、海雙魚出相位第一波木、冥合出相位水星進白羊座。
工作注意↓
雙子：事情別只看表面要讀懂暗中的表達
獅子：有機會得到員工助力工作一飛衝天
天蠍：別一意孤行免得白做工
射手：適合和熟人、有默契者互動
桃花注意↓
處女：表達愛意時要懂得浪漫
天秤：適時的收斂善意以免電到麻煩桃花
水瓶：好好做自己保持個人本色
雙魚：有失戀之感或考慮放生桃花
財運注意↓
白羊：當心情緒性的揮霍會造成破財
金牛：好好理財會獲得回報
健康注意↓
巨蟹：注意交通問題有問題就趕緊處理
魔羯：多注意身體別讓小問題變成老毛病</t>
  </si>
  <si>
    <t>注意疫情人性星象桃花造成有毒相位唐綺陽紛紛認為問題</t>
  </si>
  <si>
    <t>唐綺陽國師星座運勢疫情變數疫情高峰</t>
  </si>
  <si>
    <t>疫情星座變數國師唐綺陽高峰</t>
  </si>
  <si>
    <t>確診扈采檢總統陰性啟動醫療官邸應變蔡英文</t>
  </si>
  <si>
    <t>總統府發言人張惇涵今天表示昨（19）日下午總統官邸協助照顧退役工作犬的一位志工主動通知確診在得知消息後總統醫療團隊隨即啟動應變作業在第一時間為總統蔡英文及相關人員進行核酸檢測篩檢結果全為陰性</t>
  </si>
  <si>
    <t>總統檢測表示核酸進行人員下午相關蔡英文官邸協助工作犬今天第一時間照顧主動通知退役作業應變確診隨即得知團隊</t>
  </si>
  <si>
    <t>總統府發言人張惇涵今天表示昨（19）日下午總統官邸協助照顧退役工作犬的一位志工主動通知確診在得知消息後總統醫療團隊隨即啟動應變作業在第一時間為總統蔡英文及相關人員進行核酸檢測篩檢結果全為陰性總統健康安全無虞他也頂計晚間6點50分線上直播說明。
張惇涵指出該名志工為今日指揮中心公佈的確診案例經查上次進入官邸時間為5月11日上午9時至下午17時40分期間與總統並沒有任何接觸動線也沒有與總統重疊也未曾進入總統起居的寓所 當日之後也未再進入官邸範圍。
張惇涵指出該名志工為今日指揮中心公佈的確診案例經查上次進入官邸時間為5月11日上午9時至下午17時40分期間與總統並沒有任何接觸動線也沒有與總統重疊也未曾進入總統起居的寓所 當日之後也未再進入官邸範圍。
張惇涵表示醫療團隊已組成專案小組總統官邸也即刻進行全面消毒暫時停止志工支援作業醫療團隊也密切監測總統身體狀況確保總統及周邊工作人員健康安全。
張惇涵於記者會中表示昨天下午總統官邸有一名協助照顧退役工作犬志工主動通知總統府幕僚確診的消息得知消息之後總統醫療團隊隨即應變第一時間為蔡總統及相關人員進行核酸檢測的篩檢結果全為陰性總統健康請國人放心。
經過查證這位志工上次進入官邸範圍的時間是5月11日上午9點到傍晚5點40分在這段期間總統與這位志工沒有任何互動與接觸相關動線也沒有任何重疊。在5月11日之後這名志工也都沒有進入官邸範圍也沒經過總統起居寓所請國人放心。
經過初步調查這名志工居住於新北市中和區過去最近一段時間並無萬華足跡史而在昨天得知確診之後第一時間主動回報總統府幕僚總統醫療團隊也隨之啟動即刻為總統與維安人員、幕僚與其他志工進行核酸檢測篩檢包括總統在內共計25名全部都為陰性。醫療團隊也組成專案小組總統官邸即刻進行消毒已暫時停止志工支援總統官邸範圍內的作業也會監控總統健康狀況。
在總統府的部分目前總統府沒有確診個案目前有84位同仁因為是確診者的接觸者採取自主健康管理同時採取居家辦公的情形。84位同仁當中居家辦公到520今天的有78位到521的有一位到525的有一位到5月28日的有四位。
對於媒體詢問總統副總統是否優先施打疫苗？發言人表示總統副總統願意投入配合對防疫工作有正面相關的事情。之前也強調總統副總統願意在國產疫苗研發成功後施打支持國產疫苗也讓全世界的人對台灣國產疫苗更有信心目前計畫沒改變。
總統起居寓所的工作人員有6位工作人員已施打疫苗關於總統警衛室、侍衛室的工作人員有15％施打率。我們的政策是在開放八大類施打疫苗部分還是優先讓醫護人員、第一線防疫人員施打疫苗相關人員已經登記等待時間許可分梯次施打。
至於台灣施打疫苗在世界是末段班是否下放地方政府緊急向外採購疫苗應急？包括上海復星總代理？這部分陳時中指揮官已強調疫苗是中央統籌權限也是整體防疫的一環防疫也是國安層級由中央政府統籌其他部分依照指揮中心指引沒有評論。
對於有傳聞總統親自跨國調疫苗半夜致電國外政要一事發言人說總統對於防疫各項工作都非常關切這段時間除了召開國安高層會議以外也密集與蘇貞昌院長、指揮官陳時中密集聯絡不斷討論盤整各項防疫措施包括疫苗進度、集中檢疫所、醫療院所、篩檢站的開設這修都陸續就位當中。再次強調外國疫苗將在6月底到貨國產疫苗也在7月底有第一批供應這些疫苗都如期到位國人踴躍施打提升疫苗施打覆蓋率增加社會防護這是最重要的。
總統官邸所養的犬貓是否安排篩檢？發言人回答剛剛有跟農委會防檢局確認目前沒有任何文獻顯示病毒會在貓犬增殖而傳染給人也跟醫療團隊做過確認從科學來看一目前台灣對動物並無篩檢二目前這四隻退役工作犬都有定期洗澡昨天也有洗澡與消毒犬舍也有消毒研判安全無虞。三昨天篩檢人員呈現陰性無安全疑慮。目前處理四隻退休工作犬部分是住在犬舍中暫時不會進入總統起居範圍也暫停志工支援請大家放心。
志工照顧的退役犬是樂樂嗎？發言人說四隻退役犬都有照顧。</t>
  </si>
  <si>
    <t>總統疫苗施打官邸醫療目前部分沒有防疫團隊確診人員進入發言人相關時間張惇涵健康</t>
  </si>
  <si>
    <t>張惇涵蔡英文新冠肺炎志工台灣</t>
  </si>
  <si>
    <t>肺炎蔡英文張惇涵臺灣</t>
  </si>
  <si>
    <t>警戒關鍵疫苗解除臺灣</t>
  </si>
  <si>
    <t>AZ疫苗昨天起大規模接種加上連日確診數降到200例以下是否28日就可能解除三級警戒？對此精神科醫師沈政男認為台灣要解除三級警戒最好的做法是「清零」並指出沒有疫苗不可能壓制疫情是盡信書、吃到阿兜仔口</t>
  </si>
  <si>
    <t>解除警戒疫苗接種疫情確診加上降到壓制不可能以下沒有是否指出可能做法最好盡信沈政男醫師對此精神臺灣</t>
  </si>
  <si>
    <t>AZ疫苗昨天起大規模接種加上連日確診數降到200例以下是否28日就可能解除三級警戒？對此精神科醫師沈政男認為台灣要解除三級警戒最好的做法是「清零」並指出沒有疫苗不可能壓制疫情是盡信書、吃到阿兜仔口水的看法並不適用於台灣。
沈政男昨天（15日）在臉書發文台灣在萬華群聚事件過去後現在只剩下家戶感染疫情已經降到了新低點依照這個趨勢6月28日有機會降到新增兩位數只是屆時大家敢解封三級警戒嗎？他認為解封一定會有疫情再起的風險只是風險多大必須有科學根據而不是憑直覺來判斷建議可以把過去一個多月來主要的群聚感染事件、其發生原因做一個整理以找出危險因數。
沈政男說商店實聯制、市場分流、雙鐵降載這些措施其實無關大局。甚至上學上課、開會聊天、逛街看電影這些可以戴口罩的活動也都不是問題。重點在於餐廳與小吃店能不能開放內用？學校營養午餐該怎麼吃？這才最傷腦筋。
沈政男說目前要解除三級警戒最好方法就是「清零」因為一解除三級警戒疫情就會死灰復燃但清零的話就不會指出「清零」是台灣防疫接下來的關鍵字呼籲大家一定要有這樣的雄心壯志不然就會像英國首相強森說的「我們要學習跟COVID共存！」但沈政男直言台灣人並不想要跟新冠病毒共存「不可能清零」、「沒有疫苗不可能壓制疫情」是盡信書、吃到阿兜仔口水的看法並不適用於台灣。
沈政男說即使大部分人都打了疫苗如果沒有清零的決心那麼也不可能清零依然必須忍受每日新增多少例的日子「試問台灣人要過這樣的日子嗎？歐美國家可以但我們要嗎？」如果不要那麼不管疫苗打了多少一定要徹底壓制每一隻病毒不要放過直到清零為止。現在雙北都提出了「冷區殲滅」作戰先從案例少的區域把病毒清光然後再逐漸往熱區包圍過去。而中南是全台疫情相對的冷區已經有好幾個縣市陸續出現零確診了清零是有機會的。</t>
  </si>
  <si>
    <t>沈政男疫情臺灣清零警戒疫苗可以病毒過去解除降到一定不可能現在感染確診壓制</t>
  </si>
  <si>
    <t>清零沈政男三級警戒疫情新冠肺炎</t>
  </si>
  <si>
    <t>警戒疫情沈政男清零肺炎</t>
  </si>
  <si>
    <t>bios開始需求伺服器</t>
  </si>
  <si>
    <t>新冠肺炎疫情在全球各地蔓延在家遠距工作及遠距教學成為市場新顯學並推動雲端運算及資料中心需求快速成長伺服器及筆電出貨轉強。統一可延伸韌體介面（UEFI）BIOS供應商系微（6231）因擴大在伺服器、筆電、物聯</t>
  </si>
  <si>
    <t>伺服器全球市場擴大推動雲端bios運算uefi介面資料延伸供應商統一中心需求快速</t>
  </si>
  <si>
    <t>新冠肺炎疫情在全球各地蔓延在家遠距工作及遠距教學成為市場新顯學並推動雲端運算及資料中心需求快速成長伺服器及筆電出貨轉強。統一可延伸韌體介面（UEFI）BIOS供應商系微（6231）因擴大在伺服器、筆電、物聯網及雲端等市場佔有率伺服器及筆電出貨暢旺將同步帶動系微BIOS出貨放量。
系微去年擴大在伺服器、個人電腦的BIOS市場佔有率加上大陸OEM廠去美化帶動轉單效益去年合併營收959億元與前年相較成長130％歸屬母公司稅後淨利達8834萬元與前年相較成長332％每股淨利232元。系微董事會決議每普通股擬配發2元現金股利股息配發率高達86％。
系微先前受到大陸新冠肺炎影響導致ODM/OEM廠停工2月合併營收月減237％達7131萬元與去年同期相較仍大幅成長62％前2個月合併營收達165億元年成長251％優於預期。隨著大陸工廠復工速度加快法人預估3月起營收重拾成長動能。
新冠肺炎疫情蔓延持續影響全球市場隨著歐美各國開始實施封鎖邊境及封城在家遠距工作及遠距教學成為新顯學帶動雲端運算及超大規模資料中心強勁需求進一步帶動伺服器及筆電銷售動能。系微受惠於伺服器及筆電BIOS出貨放量第二季訂單能見度大幅提高下半年營運持續看旺。
系微BIOS近年來在伺服器市場佔有率快速提升包括華為、新華三、浪潮等大陸伺服器大廠選用系微InsydeH2O韌體除了可支援英特爾Xeon可擴充式處理器開發機架式伺服器及超微EPYC伺服器處理器平臺系微BMC韌體Supervyse系統管理軟體解決方案亦獲得各大廠採用。
再者系微BIOS去年持續獲得OEM大廠筆電導入與英特爾及超微均有密切合作。</t>
  </si>
  <si>
    <t>伺服器bios大陸帶動成長持續oem去年市場佔有率合併市場英特爾相較獲得</t>
  </si>
  <si>
    <t>伺服器肺炎筆電出貨放量擴大</t>
  </si>
  <si>
    <t>肺炎伺服器擴大</t>
  </si>
  <si>
    <t>症狀持久嚴重研究患者找到關鍵部分原因</t>
  </si>
  <si>
    <t>有些新冠患者的症狀比別人更嚴重甚至在擊潰病魔、出院後仍持續感到疲憊、呼吸困難生活久久無法恢復正常現在耶魯大學的科學家找到關鍵原因疑似是患者體內的「自體抗體」（autoantibody）在作怪。綜合英國《每</t>
  </si>
  <si>
    <t>患者抗體自體體內嚴重似是擊潰甚至病魔出院原因找到關鍵持續科學家感到耶魯大學疲憊現在呼吸困難無法生活久久autoantibody症狀作怪</t>
  </si>
  <si>
    <t>有些新冠患者的症狀比別人更嚴重甚至在擊潰病魔、出院後仍持續感到疲憊、呼吸困難生活久久無法恢復正常現在耶魯大學的科學家找到關鍵原因疑似是患者體內的「自體抗體」（autoantibody）在作怪。
綜合英國《每日郵報》（Daily Mail）、《衛報》（The Guardian）報導新冠肺炎被視為是「短期疾病」公衛專家多指出患者染病後2周內多能康復。不過許多研究及康復者現身說法指出患者出院後仍得經歷很長一段時間的後遺症這些症狀包括疲憊、呼吸急促、甚至是大腦損害。
耶魯大學研究團隊12日刊登在醫學論文預印本平臺medRxiv網站的研究顯示新冠患者血液中存在大量「自體抗體」這些自體抗體會阻斷人體抗體對抗新冠病毒並且攻擊包括大腦、血管、肝臟在內等多個地方導致部分患者症狀更嚴重患者痊癒後仍經歷長時間的後遺症。
耶魯科學家比對194名染疫醫護人員、患者、以及30名健康成人體內的自體抗體數量發現患者體內的自體抗體數量遠高於健康成人。
另一組試驗則發現體內自體抗體含量更多的患者新冠症狀更嚴重他們的自體抗體會攻擊已經遭受新冠病毒攻擊的器官。科學家也擔心自體抗體造成患者痊癒後仍得經歷很長一段時間的後遺症。
該研究的作者、耶魯大學免疫生物學家林格（Aaron Ring）表示「新冠患者體內產生的自體抗體實際上會幹擾身體對抗病毒的免疫反應。」
「我們確信這些自體抗體對新冠患者有害」「因為抗體可以存在體內很長一段時間所以可以想像它們可能會導致長期新冠症狀。」
正常情況下當病毒進入人體時人體免疫系統會自動產生、儲存蛋白對抗入侵者這些蛋白稱為「抗體」（Antibody）抗體會附著在病毒表面的棘狀蛋白（spike protein）使病毒無法發揮作用。
但是在特定情況下免疫系統辨識人體自身物質的能力失效錯誤將體內物質當成侵略者因此對物質發出免疫反應、產生「自體抗體」。「自體抗體」也是一種抗體但是會錯誤攻擊體內蛋白、攪亂正常運作功能。
另外北布裡斯托全民健保信託基金（The North Bristol NHS Trust）的研究顯示110名新冠患者中高達74%的患者在罹病12周後至少還有一個症狀仍在持續最常見的症狀是疲倦其次是呼吸困難另外還有失眠、肌肉痠痛、胸痛等症狀。</t>
  </si>
  <si>
    <t>患者抗體自體體內症狀病毒研究蛋白科學家耶魯大學攻擊免疫對抗人體the產生後遺症無法正常呼吸困難一段時間大腦</t>
  </si>
  <si>
    <t>新冠肺炎自體抗體後遺症嚴重久</t>
  </si>
  <si>
    <t>自體抗體肺炎後遺症嚴重</t>
  </si>
  <si>
    <t>果菜北市市場確診淩晨恢復交易</t>
  </si>
  <si>
    <t>臺北農產運銷公司爆發新冠肺炎群聚感染確診45人北市府除安排快篩外市長柯文哲表示要讓北農員工、承包商、送貨員等約4000人全面施打疫苗用打疫苗來圍堵疫情第一果菜市場22日淩晨恢復交易在門口處做好量體溫</t>
  </si>
  <si>
    <t>門口疫苗爆發交易恢復淩晨市場果菜肺炎疫情感染確診公司表示柯文哲北農市長送貨員</t>
  </si>
  <si>
    <t>臺北農產運銷公司爆發新冠肺炎群聚感染確診45人北市府除安排快篩外市長柯文哲表示要讓北農員工、承包商、送貨員等約4000人全面施打疫苗用打疫苗來圍堵疫情第一果菜市場22日淩晨恢復交易在門口處做好量體溫和人流控管以防疫情持續擴散。</t>
  </si>
  <si>
    <t>疫情爆發疫苗控管肺炎人流體溫做好感染門口交易恢復確診市場公司淩晨果菜柯文哲表示市長</t>
  </si>
  <si>
    <t>新冠肺炎台灣恢復交易疫情控管</t>
  </si>
  <si>
    <t>恢復臺灣肺炎交易疫情控管</t>
  </si>
  <si>
    <t>離岸船員中港</t>
  </si>
  <si>
    <t>繼日前加茂KAMO貨輪船長確診身亡後台中港再傳靠泊碼頭的諾曼賈爾離岸風電工作船菲律賓籍船員確診（案16098）由於該船8月14日已抵台中港個案在28日採檢才確診消息傳出後引發台中港周遭民眾恐慌。不過台中市</t>
  </si>
  <si>
    <t>中港確診kamo貨輪船長諾曼賈爾碼頭引發離岸身亡工作傳出民眾消息</t>
  </si>
  <si>
    <t>繼日前加茂KAMO貨輪船長確診身亡後台中港再傳靠泊碼頭的諾曼賈爾離岸風電工作船菲律賓籍船員確診（案16098）由於該船8月14日已抵台中港個案在28日採檢才確診消息傳出後引發台中港周遭民眾恐慌。不過台中市衛生局向疾管署查證個案未曾下船該船日前全船檢疫全船41人採檢PCR僅發現個案為陽性其餘40人皆陰性。
諾曼賈爾的離岸風電工作船8月14日抵台中港疾管署中區管制中心日前依規定上船對全船船員41人採檢發現該名菲律賓籍水手PCR陽性CT值3486目前無症狀5月4日於由鹿特丹上船作業期間皆於船上未與外界接觸。在採檢結果出爐後隨即由119送至醫院隔離治療中。
另中央疫情指揮中心昨公佈最新疫情國內昨新增4例新冠肺炎確定病例為3例本土及1例境外移入個案確診個案中新增1死。截至目前國內共累計1萬5995例確診其中835人死亡。
昨新增的3例本土個案介於30多歲至60多歲為新北市2例、臺北市1例3人中有2人關聯不明1例疫調中。新北2例個案分佈在中和及五股確診者足跡包括：全聯、千葉火鍋都中標。
新北市長侯友宜指出五股確診個案感染原因目前疫調中推測可能是朋友感染。另1例為中和個案於8月30日陪同兒子至醫院就診採檢為陽性、CT值3678研判為舊案應不具傳染力。</t>
  </si>
  <si>
    <t>個案確診中港目前日前陽性新北新增管署醫院感染本土ct菲律賓籍中和國內船員</t>
  </si>
  <si>
    <t>陽性中港採檢全船離岸風電</t>
  </si>
  <si>
    <t>全船離岸中港陽性</t>
  </si>
  <si>
    <t>臺北君悅酒店衝擊疫情調整人力產業</t>
  </si>
  <si>
    <t>疫情邊境管制使臺北市國際觀光飯店住房業務成為重災區全台量體最大的臺北君悅酒店也撐不住傳出將規畫分階段精簡人力。對此臺北君悅酒店發表聲明坦言因國際旅客跨境旅遊短時間無法回復必須迅速調整運行策略</t>
  </si>
  <si>
    <t>國際臺北君悅酒店必須回復無法臺北市時間觀光旅遊飯店迅速跨境住房成為旅客業務重災區全台坦言畫分聲明階段</t>
  </si>
  <si>
    <t>疫情邊境管制使臺北市國際觀光飯店住房業務成為重災區全台量體最大的臺北君悅酒店也撐不住傳出將規畫分階段精簡人力。對此臺北君悅酒店發表聲明坦言因國際旅客跨境旅遊短時間無法回復必須迅速調整運行策略在年前實施人力調整計畫。
新冠肺炎疫情致使台灣實施邊境管制衝擊全台飯店住房業務。據觀光局統計2020年前三季全台國際觀光飯店平均住房率自6849％驟減至377％平均房價自3895元降至3763元、年減339％客房平均收益（RevPAR）自2620元降至1419元、年減4586％。
其中以接待國際旅客為主的臺北市國際觀光飯店受創最重前三季平均住房率自7323％暴跌至2574％平均房價自4524元降至3620元、年減1998％客房平均收益（RevPAR）自3313元驟減至932元、年減達7187％。
而設有850間客房、9間餐廳及酒吧的臺北君悅酒店營運自然亦難逃衝擊。據觀光局統計臺北君悅酒店前三季營收949億元、年減達5574％。其中因客房平均收益暴跌7736％致使住房營收年減達7732％餐飲營收亦年減3373％。
受疫情衝擊影響臺北君悅酒店傳出決定分階段啟動人力精簡計畫首階段採宣導方式鼓勵同仁優退、或申請轉調部門強調一切比照勞基法規定辦理目標精簡約80人約占員工總數700名的1成出頭。
對此臺北君悅酒店發表聲明表示由於全球疫情持續蔓延國際旅客跨境旅遊短期內無法回復臺北君悅酒店與大部分旅遊及國際級品牌酒店同業一樣今年館內營運受到極為嚴重影響。面對疫情挑戰必須迅速調整運行策略於年前實行人力調整計畫。
臺北君悅酒店總經理陳隆慶表示2020年是前所未有艱辛的一年由衷感謝酒店全心貢獻的每位員工。實施人力調整計畫是一項無比艱難的決定但期盼透過資源統合讓館內業務持續發展並能在未來繼續為各方賓客及社群提供服務。
臺北君悅酒店由豐隆集團旗下千禧國際酒店集團及新加坡城市發展公司共同出資興建委由凱悅酒店集團經營管理1990年9月以臺北凱悅大飯店名稱開幕隨後配合凱悅集團統一全球品牌中文名稱策略更名今年開業邁入30周年日前亦與完成凱悅續約。</t>
  </si>
  <si>
    <t>臺北君悅酒店國際疫情飯店集團人力計畫住房調整酒店精簡業務衝擊平均實施全台旅客發展階段館內策略</t>
  </si>
  <si>
    <t>臺北君悅酒店員工人力調整新冠肺炎</t>
  </si>
  <si>
    <t>調整人力員工君悅酒店臺北肺炎</t>
  </si>
  <si>
    <t>爺爺同事幼稚園板橋</t>
  </si>
  <si>
    <t>新北市板橋幼兒園群聚昨天才「嘉玲」今天再度擴大指揮中心宣佈今天本土新增3例確診中有2例是幼兒園群聚分別為一名幼兒園幼童的爺爺以及媽媽的職場男同事染疫其中案16185爺爺無症狀Ct值145家住新</t>
  </si>
  <si>
    <t>幼稚園爺爺今天症狀媽媽再度本土宣佈新增天才ct嘉玲男同事中心指揮擴大幼童確診分別</t>
  </si>
  <si>
    <t>新北市板橋幼兒園群聚昨天才「嘉玲」今天再度擴大指揮中心宣佈今天本土新增3例確診中有2例是幼兒園群聚分別為一名幼兒園幼童的爺爺以及媽媽的職場男同事染疫其中案16185爺爺無症狀Ct值145家住新北以及案16197同事Ct值199月7日發病居住在桃園整起幼兒園群聚至今累積29人確診。
中央流行疫情指揮中心今天公佈國內新增14例COVID-19確定病例分別為3例本土及11例境外移入；另確診個案中無新增死亡。
指揮中心說明今日新增3例本土個案為2例男性、1例女性年齡介於20多歲至70多歲發病日介於今(2021)年9月7日至9月9日個案分佈為臺北市、新北市及桃園市各1例；其中2例為已知感染源、1例關聯不明衛生單位將持續進行疫情調查及防治以釐清感染源。
2名跟幼兒園有關的個案其一為案16185是原本新北市幼兒園染疫幼童的70多歲爺爺屬於同住家人。發言人莊人祥表示這名爺爺曾在9月7日時進行接觸者採檢當時PCR為陰性後來入住至防疫旅館居家隔離期間都沒有不舒服直到9月10日再次採檢今天檢驗結果為陽性Ct值為145病毒量很高目前在醫院隔離治療中爺爺在七月初有打過第一劑莫德納。
另一名個案則是染疫幼童媽媽（同為確診的案16152）的職場接觸者為50多歲男性目前住在桃園。莊人祥表示該名個案曾於9月6日時在公司安排的快篩採檢陰性7日到醫院採檢PCR也是陰性但晚上開始出現畏寒、頭痛症狀8安排收住防疫旅館直到11號因為症狀持續未改善衛生局安排至醫院採檢今天結果出爐為陽性在專責醫院隔離中。
指揮中心發言人莊人祥強調今天新增的2名幼兒園相關確診個案不能說是擴大屬於原本就在防火牆內先前已經居家隔離者沒有擴散到社區的風險。
至於另一位本土個案案16198為臺北市一位20幾歲的女性為餐飲業從事人員但感染源有待釐清。</t>
  </si>
  <si>
    <t>個案幼稚園今天確診爺爺隔離指揮醫院本土中心安排症狀新增桃園陰性感染新北莊人祥</t>
  </si>
  <si>
    <t>爺爺同事幼兒園群聚確診職場</t>
  </si>
  <si>
    <t>確診幼稚園同事爺爺</t>
  </si>
  <si>
    <t>周內討論who童染新世界</t>
  </si>
  <si>
    <t>《中時電子報》精選5件不可不知的國際大事帶讀者掌握今（10）日的國際新聞重點。【1】傳台美討論新WHO美國衛生部長阿劄爾（Alex Azar）9日抵台日本《產經新聞》報導阿劄爾本次來訪將與我官員討論新的國際衛生</t>
  </si>
  <si>
    <t>國際阿劄爾討論精選不可不大事官員新聞日本報導產經新聞azaralex來訪重點美國who衛生部長電子讀者掌握</t>
  </si>
  <si>
    <t>《中時電子報》精選5件不可不知的國際大事帶讀者掌握今（10）日的國際新聞重點。
【1】傳台美討論新WHO
美國衛生部長阿劄爾（Alex Azar）9日抵台日本《產經新聞》報導阿劄爾本次來訪將與我官員討論新的國際衛生組織取代世界衛生組織（WHO）的可能性並交換意見對此總統府指出此次台美防疫交流未涉及所謂成立新的國際組織事宜間接否認報導。
【2】美2周內激增近10萬兒童確診新冠
美國新冠肺炎感染人數突破500萬人最新報告指出才短短2周美國就新增將近10萬名兒童確診。
【3】白宮國安顧問：陸駭客攻擊美大選設備
白宮國家安全顧問歐布萊恩（Robert O&amp;apos;Brien）9日表示和北京政府有關的駭客正在攻擊和美國總統大選有關的網站及相關設備藉此幹預大選、讓川普輸掉選舉他告誡俄羅斯、大陸、伊朗不要幹預選舉否則會面臨嚴重後果。
【4】貝魯特奪命大爆炸最新畫面曝光
黎巴嫩首都貝魯特4日驚天動地的大爆炸至今導致超過220人死亡7000多人受傷。新公開的錄影畫面顯示事故剛開始發生時伴隨著濃煙有一連串煙火閃現。
【5】104年來最大！美北卡羅萊納州發生51級地震
美國北卡羅萊納州9日上午發生規模51級地震是該州104年來最大地震所幸地震只造成輕微影響部分路面出現裂縫超市貨架上貨物掉落地上。</t>
  </si>
  <si>
    <t>美國國際發生地震干預指出畫面最新報導貝魯特選舉爆炸who大選討論設備阿劄爾顧問白宮確診兒童攻擊</t>
  </si>
  <si>
    <t>1分鐘看世界國際新聞全球新聞中時電子報台灣</t>
  </si>
  <si>
    <t>新聞全球電子國際世界臺灣</t>
  </si>
  <si>
    <t>中心關?指揮澄清規劃機組員進行</t>
  </si>
  <si>
    <t>國籍航空機組員完整接種COVID-19疫苗後兩周原訂長程航班返台後不必接受居家檢疫如今傳出制度喊卡引發機組員強烈反彈。對此中央流行疫情指揮中心副指揮官陳宗彥強調一切還是照原規劃進行沒有喊卡現在就</t>
  </si>
  <si>
    <t>機組員接種covid-疫苗沒有不必接受陳宗彥指揮官強調進行中心指揮居家疫情流行規劃中央對此檢疫如今反彈傳出強烈</t>
  </si>
  <si>
    <t>國籍航空機組員完整接種COVID-19疫苗後兩周原訂長程航班返台後不必接受居家檢疫如今傳出制度喊卡引發機組員強烈反彈。對此中央流行疫情指揮中心副指揮官陳宗彥強調一切還是照原規劃進行沒有喊卡現在就等自費採驗抗體計畫完成後就可開始實施。
為鼓勵機組員接種疫苗指揮中心日前公佈新檢疫措施讓機組員只要完整接種2劑疫苗兩週後執行完長程航班就不必再接受居家檢疫只要完成一周的自主健康管理即可。如今傳出該計畫喊卡讓機組員質疑是朝令夕改。
對此陳宗彥今天表示關於機組員的政策並沒有喊卡還是依照規劃進行之所以造成誤解是因為目前醫療應變組仍在針對施打疫苗兩劑、滿兩周後的「自費採驗抗體」機制包括檢驗程式、檢驗標準及檢驗費用目前還在研擬中等制定完畢經確認沒有問題就可開始實施因此沒有喊卡的問題。</t>
  </si>
  <si>
    <t>機組員疫苗檢疫沒有接種目前完成陳宗彥指揮中心對此如今傳出自費居家抗體完整航班不必接受</t>
  </si>
  <si>
    <t>新冠肺炎台灣機組員喊卡規劃</t>
  </si>
  <si>
    <t>機組員臺灣肺炎規劃</t>
  </si>
  <si>
    <t>大工確診沒有家人通知隔離</t>
  </si>
  <si>
    <t>台灣本土疫情擴大後新北市、臺北市確診數雙雙破千中央、地方權責不清防疫一團亂。台大工務室日前爆發10員工感染今有家屬爆料指與確診者同住的家人事情發生後「完全無人聞問」連隔離通知都沒有。自己打</t>
  </si>
  <si>
    <t>確診隔離聞問完全新北發生事情臺北市大工日前一團亂爆發防疫員工感染家人通知中央地方權責</t>
  </si>
  <si>
    <t>台灣本土疫情擴大後新北市、臺北市確診數雙雙破千中央、地方權責不清防疫一團亂。台大工務室日前爆發10員工感染今有家屬爆料指與確診者同住的家人事情發生後「完全無人聞問」連隔離通知都沒有。自己打電話問1922或衛生單位結果一問三不知氣得怒罵「政府是要放我們等死嗎？」
台大工務室集體染疫後院方緊急針對全院近萬人篩檢安全過關。有家屬向《中時新聞網》表示因家裡有長輩、外勞與確診者同住照規定應匡列並隔離「但沒有人告訴我們該怎麼做打電話去問也互踢皮球」家屬不滿地說難道要靠匡列者自律嗎？萬一跑出去趴趴走怎麼辦？
家屬強調她向確診者詢問發現工務室這批確診者的同住家人都沒收到衛生單位指引甚至有單位回覆「若自覺不適可自行前往篩檢」但應該要隔離的人要怎麼去做快篩。她強烈懷疑已非個案「10個家庭都沒收到欸！這不是輕症在家就好政府根本沒有一套SOP。」
也有一對家住板橋的姊妹透露媽媽16日採檢、20日通知確診結果媽媽在家裡住到23日才送到大老遠的嘉義新北市的人還來問確診者被送去哪一個檢疫中心「超屌的！中央把人送走都沒告訴地方政府還要來問家屬。」
妹妹表示姊姊有發燒症狀一度靠吃藥退燒但後來又燒了「我們是密切接觸者現在有症狀卻不能採檢打1922就是叫我們自己用藥。」她理解現在輕症或無症狀者要待在家裡避免醫療系統負荷過重但獨居的人怎麼辦？政府有建立制度嗎？還是放他們自生自滅？</t>
  </si>
  <si>
    <t>確診家屬政府沒有症狀隔離單位新北中央地方現在</t>
  </si>
  <si>
    <t>新冠肺炎台灣台大醫院隔離通知</t>
  </si>
  <si>
    <t>臺灣台大醫院肺炎隔離通知</t>
  </si>
  <si>
    <t>半球肚臍若隱若現尺度宋慧喬</t>
  </si>
  <si>
    <t>日前飛往米蘭參加2020時裝周的韓流女神宋慧喬隨著新冠肺炎在日、韓、歐美等地陸續爆發疫情宋慧喬一回到韓國便立即進行自主隔離。但人氣依然旺盛的她近日接受泰國雜誌專訪登上封面穿著深V禮服小露性感吸引網</t>
  </si>
  <si>
    <t>宋慧喬禮服時裝周韓流女神封面專訪雜誌泰國接受近日旺盛依然人氣隔離自主進行小露立即韓國便肺炎</t>
  </si>
  <si>
    <t>日前飛往米蘭參加2020時裝周的韓流女神宋慧喬隨著新冠肺炎在日、韓、歐美等地陸續爆發疫情宋慧喬一回到韓國便立即進行自主隔離。但人氣依然旺盛的她近日接受泰國雜誌專訪登上封面穿著深V禮服小露性感吸引網友們注意。
近日正逢泰國版《Harper Bazaar》15週年紀念找來宋慧喬擔任這次的封面人物只見她換上多套造型露出白皙美腿擺出各種帥氣姿勢其中一張她穿著V到肚臍的刺繡洋裝東西半球若隱若現加上冷艷表情讓網友們看到紛紛留言「姊姊太殺人了」、「這組我好愛」、「造型都好適合她」。
SongJoongKi? ? ? ? Songhyekyo? ? ? ? （@song0919song）分享的貼文 於 PST 2020 年 3月 月 7 日 上午 9:46 張貼</t>
  </si>
  <si>
    <t>宋慧喬造型網友泰國近日時裝周song分享韓流@songsonghyekyosongjoongki適合女神若隱若現自主半球露出換上</t>
  </si>
  <si>
    <t>宋慧喬韓國女星韓國女星雜誌封面</t>
  </si>
  <si>
    <t>女星韓國雜誌封面宋慧喬</t>
  </si>
  <si>
    <t>重點川普疫區危機降溫疫情</t>
  </si>
  <si>
    <t>美國要從疫情中迎接光明了？美國總統特朗普在華盛頓時間5日表示美國部分疫情熱點地區的新冠肺炎疫情「趨向平緩」他還稱美國人開始看到「隧道盡頭的光亮」。疫情最嚴重的紐約州5日公佈新增死亡病例略低於4日</t>
  </si>
  <si>
    <t>疫情美國公佈紐約州嚴重總統光亮明瞭肺炎特朗普盡頭熱點開始部分趨向表示隧道平緩看到新增迎接華盛頓</t>
  </si>
  <si>
    <t>美國要從疫情中迎接光明了？美國總統特朗普在華盛頓時間5日表示美國部分疫情熱點地區的新冠肺炎疫情「趨向平緩」他還稱美國人開始看到「隧道盡頭的光亮」。
疫情最嚴重的紐約州5日公佈新增死亡病例略低於4日這是一周以來首次出現疫情轉好的跡象。儘管如此美國新增死亡人數仍將近600例新增確診超過7300例。
針對紐約新增死亡病例略降情況川普表示「也許這是一個好兆頭我們開始看到隧道盡頭的光亮美國疫苗的開發已有相當大進展大家拭目以待」。
不過白宮醫療專家預估即便全面實施並且遵守居家令疫情仍可能導致10萬至24萬美國人死亡。
紐約州州長郭莫（Andrew Cuomo）5日表示過去24小時內新住院人數下降了50％；但他也警告目前尚不清楚紐約州的危機是否已達到高峰紐約州總共已有4159人死亡超122萬個確診病例。</t>
  </si>
  <si>
    <t>美國疫情死亡紐約州表示新增人數病例盡頭光亮開始確診隧道看到醫療白宮專家預估拭目以待全面實施進展</t>
  </si>
  <si>
    <t>美國川普疫情紐約武漢肺炎</t>
  </si>
  <si>
    <t>疫情武漢紐約川普肺炎美國</t>
  </si>
  <si>
    <t>口罩認為政府成功</t>
  </si>
  <si>
    <t>蔡英文總統9日在桃園市長鄭文燦陪同下到龜山區易廷企業視察她感謝「口罩國家隊」成員日以繼夜的努力強調本周台灣口罩產能已可達單日出貨1000萬片、加上假日平均920萬片將再新增30條產線3月底陸續交機坦</t>
  </si>
  <si>
    <t>口罩月底市長鄭文燦陪同新增平均假日山區陸續加上桃園易廷企業視察感謝國家隊產能</t>
  </si>
  <si>
    <t>蔡英文總統9日在桃園市長鄭文燦陪同下到龜山區易廷企業視察她感謝「口罩國家隊」成員日以繼夜的努力強調本周台灣口罩產能已可達單日出貨1000萬片、加上假日平均920萬片將再新增30條產線3月底陸續交機坦言口罩政策一開始有異音隨著產量上升未來配送制度會更彈性所有成績都證明「台灣是全球防疫網不可或缺的一份子」。
不過新冠肺炎疫情延燒全台鬧口罩荒政府推口罩實名登記制雖獲不少人支持但也有不少民眾抱怨還是買不到口罩。
中時新聞網特舉行ivoting網路投票請問網友政府推行口罩實名制至今你覺得成功嗎？
截至3月9日晚間9時許共有1214人投票竟有1005票認為不成功佔總投票數近83％。只有181票認為成功僅佔15%。其他２８票無意見。</t>
  </si>
  <si>
    <t>口罩投票成功臺灣政府認為市長鄭文燦陪同平均新增未來假日上升配送山區產量</t>
  </si>
  <si>
    <t>下樓金管會指標上樓</t>
  </si>
  <si>
    <t>受美股影響台股14日開低走低盤中大跌逾百點。立委林德福14日在財委會質詢台股近期漲多所謂物極必反現在台股是「上樓」機率大還是「下樓」機會大？金管會主委顧立雄指出要觀察二大重點包括歐美對新冠肺</t>
  </si>
  <si>
    <t>包括重點開低觀察走低主委盤中大跌上樓現在物極必反所謂林德福近期財委會質詢歐美指出顧立雄金管會機會</t>
  </si>
  <si>
    <t>受美股影響台股14日開低走低盤中大跌逾百點。立委林德福14日在財委會質詢台股近期漲多所謂物極必反現在台股是「上樓」機率大還是「下樓」機會大？金管會主委顧立雄指出要觀察二大重點包括歐美對新冠肺炎疫情的控制、台灣第二季上市櫃公司營收表現。
台股2020年上沖下洗3月19日殺到8523點的低點之後就一路向上收復年線與萬一等關卡被市場形容為「報復性反彈」反彈幅度約三成。
顧立雄3月赴立法院財委會進行「世界各國為因應新冠肺炎之衝擊所採取對策對我國財政、金融、經濟整體環境所造成之影響與政府因應之道」專題報告時曾用爬樓梯來比喻台股當時台股跌破9500點顧立雄表示在疫情控制住前台股是「上樓梯少一點、下樓梯多一點」。
林德福昨天質詢台股漲幅已很大有句話說「物極必反」台股有繼續上樓梯的可能嗎？對此顧立雄回應現在主要觀察兩點重點一是美歐國家對新冠肺炎疫情的控制包括是否解封、促進經濟復甦措施；重點二是上市櫃公司營收。
顧立雄表示據統計現在看來2020年4月上市櫃公司營收比3月增加039％並沒衰退要密切關注第二季相關表現進出口數字、上市櫃營收尤其台灣經濟復甦跟歐美亞洲疫情控制有關係。
顧立雄指出上市櫃公司有分很多產業別表現也不同可看到觀光、油電燃氣、塑膠工業的衰退較大但半導體、電子通路、資訊服務業則有相當的成長。
至於現在是否已是景氣穀底？顧立雄表示現在不敢說疫情已結束因為此次疫情會有無症狀感染所以擔心在解封、重啟經濟活動時可能造成第二波感染也就是說在沒有有效疫苗問世前這個憂慮會一直掛在每個人的心中。</t>
  </si>
  <si>
    <t>顧立雄現在疫情經濟上市控制表現重點表示公司感染衰退肺炎樓梯造成可能</t>
  </si>
  <si>
    <t>上市櫃肺炎重點顧立雄表現</t>
  </si>
  <si>
    <t>肺炎重點顧立雄表現上市</t>
  </si>
  <si>
    <t>指揮疫情提升中心開設</t>
  </si>
  <si>
    <t>因應新冠肺炎疫情升高行政院長蘇貞昌採納防疫指揮官、衛福部長陳時中的建議在行政院會宣佈中央流行疫情指揮中心提升至一級開設蘇揆也隨即指示由陳時中擔任指揮官。蘇貞昌昨拍板通過「嚴重特殊傳染性肺炎防治</t>
  </si>
  <si>
    <t>疫情蘇貞昌指揮官肺炎嚴重升高拍板行政院蘇揆建議中央流行中心指揮宣佈提升開設行政院長中的隨即陳時部長擔任陳時中指示防疫衛福</t>
  </si>
  <si>
    <t>因應新冠肺炎疫情升高行政院長蘇貞昌採納防疫指揮官、衛福部長陳時中的建議在行政院會宣佈中央流行疫情指揮中心提升至一級開設蘇揆也隨即指示由陳時中擔任指揮官。
蘇貞昌昨拍板通過「嚴重特殊傳染性肺炎防治及紓困振興特別預算」其中防疫隔離補償金寬列182億元衛福部次長何啟功表示每人單日補償約800元到1000元詳細數字3月10日前會決定。
兩周訂出紓困子法
蘇揆在行政院會聽取各部會新冠肺炎疫情現況及應處作為報告陳時中在簡報時建議把中央流行疫情指揮中心提升至一級開設蘇揆當場回應基於國際疫情緊急他同意陳時中的建議把疫情指揮中心由二級提升為一級開設並請陳時中擔任指揮官。
蘇揆也特別交代各部會「一級開設嚴守國門全力防疫、紓困跟振興」。各部會在特別條例通過後相關子法應在2周內訂出來經費要周到、周延用在刀口。嚴管國境不容破口有關海巡署、關務署、警政署、營建署、移民署與民航局等各部會首長就防疫、紓困與振興應成立特別小組由部會首長親自督管。
蘇揆說新冠肺炎在全球升溫已有46國傳出疫情光是大陸就因疫情死亡2000多人台灣位居第一線過去一段時間窮全國之力守住第一關到目前為止只發生零星社區感染且是家庭群聚感染但各部會不可因此鬆懈要料敵從寬禦敵從嚴防疫視同作戰要在可能發生的疫情之前就做好預防社區感染準備。
蔡視察化學兵抗疫
與此同時防堵新冠肺炎疫情蔡英文總統27日視察化學兵強調由於國際疫情日漸嚴峻我們決定超前部署。防疫指揮中心已提升為一級開設。會用全面整合政府資源來迎戰新型冠狀病毒的威脅保護好國民的健康。</t>
  </si>
  <si>
    <t>疫情防疫肺炎蘇揆開設特別紓困指揮官感染陳時中振興提升建議發生視察中心社區決定指揮國際蘇貞昌補償</t>
  </si>
  <si>
    <t>陳時中各部會肺炎提升疫情指揮中心</t>
  </si>
  <si>
    <t>提升肺炎疫情指揮陳時中中心</t>
  </si>
  <si>
    <t>社區確診感染新增兄弟肺炎旅遊</t>
  </si>
  <si>
    <t>新冠肺炎不斷升溫！疫情指揮中心昨天宣佈新增2名社區感染個案且其中1人死亡台灣確診個案也增至20名。2名個案是一對中部兄弟61歲哥哥是白牌計程車司機從出現咳嗽症狀到死亡僅20天經家人同意後依傳染病防治</t>
  </si>
  <si>
    <t>死亡個案同意經家人疫情升溫指揮中心症狀昨天咳嗽司機計程車宣佈出現感染社區不斷增至中部兄弟臺灣</t>
  </si>
  <si>
    <t>新冠肺炎不斷升溫！疫情指揮中心昨天宣佈新增2名社區感染個案且其中1人死亡台灣確診個案也增至20名。2名個案是一對中部兄弟61歲哥哥是白牌計程車司機從出現咳嗽症狀到死亡僅20天經家人同意後依傳染病防治法火化。中央疫情指揮官陳時中表示是否為社區感染？仍有待疫情調查目前已經鎖定3名陸港澳返台台商是接觸個案。
死者白牌運將 鎖定3接觸台商
陳時中表示這名首例死亡個案不僅沒有旅遊史、也沒有確診個案的接觸史並傳染給同住的50歲弟弟死亡個案有B型肝炎和糖尿病病史1月27日出現咳嗽2月3日因呼吸急促就醫診斷為肺炎當日收治於負壓加護病房治療2月15日晚間確診隨即因肺炎合併敗血症死亡。為了安全起見遺體經家屬同意火化並保留部分檢體進一步檢驗並再次確診為陽性。
第20例確診個案是第19例的50餘歲弟弟採檢後確診目前沒有出現症狀收治於負壓隔離病房。
陳時中強調第19例確診的司機目前沒有旅遊史也沒有接觸史不符合採檢定義係發現新加坡確診個案中高達50％都沒有旅遊史警覺到原本以旅遊史判定恐有疏漏且美國與新加坡都擴大採檢。因此2月12日指揮中心決定回溯到1月31日起全國醫療院所通報流感併發重症且檢驗結果是陰性的個案再採驗新冠肺炎。
緊急採檢113接觸者 醫護均陰性
回溯之後共檢驗113件檢體當中只有第19案是陽性其餘皆是陰性。
陳時中表示目前已經框列第19例死亡個案的密切接觸者共79名包含同住家屬2名、非同住10名、醫護接觸者60名、急診室接觸者7名通通採檢結果醫護接觸者都是陰性家屬中僅其弟弟是陽性。另外6名正在採驗中「第一道醫護防線算是守下來了。」
陳時中表示該死亡個案是白牌計程車司機載客以陸港澳旅客為多且多是預約制客戶。疫調將開始全面調查他的通聯紀錄包含相關通聯者的健保就醫資料並調閱監視器接下來視疫調狀況若有風險高的地區不排除公佈確診個案社區住家。
待疫調後 不排除公佈個案住家
2個案例是否顯示台灣出現社區感染？陳時中強調社區感染必須要連續性人傳人但該死亡個案2月3日發病至今已經超過潛伏期加上醫護感染都是陰性因此不符合世衛社區感染定義。而目前指揮中心調查發現該個案載多名春節訪台台商其中3名從陸港澳返國的台商皆在家自主健康管理將鎖定三人採檢。若有人確診表示感染源仍可掌握發生社區持續性人傳人的風險非常低。
他重申社區傳播的定義是「在社區裡面走就有感染風險」且符合4個定義：確定病例無法找到感染來源（即第19例的情況）；本土感染個案遠超過境外個案；出現持續性或連續性傳播鏈（即一傳十、十傳百）；廣泛發生群聚事件。因後三者皆未發生因此還不會提升層級但會視情況調整。預計2到3天內完成疫調。</t>
  </si>
  <si>
    <t>個案確診感染死亡社區接觸出現目前陰性表示醫護肺炎沒有定義疫情調查</t>
  </si>
  <si>
    <t>採檢陳時中社區感染肺炎社區</t>
  </si>
  <si>
    <t>感染社區陳時中肺炎</t>
  </si>
  <si>
    <t>學校暫時客運廈門教學</t>
  </si>
  <si>
    <t>根據第一財經報導因疫情防控工作需要經廈門市應對新冠肺炎疫情工作指揮部同意自9月14日起廈門市屬中小學、幼稚園、中職學校改為線上教學。另據微信公眾號「廈門長途汽車站」消息指出從2021年9月14日零時起</t>
  </si>
  <si>
    <t>廈門市工作疫情公眾長途汽車站微信教學消息廈門改為學校需要中職幼稚園中小學肺炎指揮部同意防控指出應對新報導財經</t>
  </si>
  <si>
    <t>根據第一財經報導因疫情防控工作需要經廈門市應對新冠肺炎疫情工作指揮部同意自9月14日起廈門市屬中小學、幼稚園、中職學校改為線上教學。
另據微信公眾號「廈門長途汽車站」消息指出從2021年9月14日零時起廈門暫停各長途汽車站發往省內外各地的所有客運班車（具體恢復營運時間另行通知）。已購買9月14日零時後車票的旅客可通過相應的線上購票平臺或各汽車站售票窗口辦理免費退票。</t>
  </si>
  <si>
    <t>廈門市長途汽車站工作廈門疫情售票汽車站平臺購票視窗需要恢復具體營運班車客運相應時間內外肺炎另行通知購買</t>
  </si>
  <si>
    <t>廈門新冠肺炎大陸汽車線上教學</t>
  </si>
  <si>
    <t>大陸汽車肺炎廈門教學</t>
  </si>
  <si>
    <t>證實累計衛生局族群防部大舅萬華官兵</t>
  </si>
  <si>
    <t>花蓮今天新增1例同樣也是萬華大舅案4260上月中旬拜訪花蓮親友期間因同住共餐、打牌不幸造成案6556家族群聚感染迄今也已累計到14例此群聚也讓衛生局發現後期確診個案多在自家進行居家隔離時染疫呼籲正</t>
  </si>
  <si>
    <t>花蓮隔離居家進行個案確診後期發現衛生局期間親友同樣打牌拜訪中旬不幸上月造成大舅</t>
  </si>
  <si>
    <t>花蓮今天新增1例同樣也是萬華大舅案4260上月中旬拜訪花蓮親友期間因同住共餐、打牌不幸造成案6556家族群聚感染迄今也已累計到14例此群聚也讓衛生局發現後期確診個案多在自家進行居家隔離時染疫呼籲正在進行隔離民眾隔離期間家中也要進行徹底的消毒作業才能降低染疫風險。
衛生局長朱家祥說明案9886為一名40多歲男性是案6556的女婿當岳父與岳母上月26日相繼確診後他也被匡列並進行居家隔離27日到花蓮醫院PCR檢驗結果為陰性本月1日出現暈眩、畏寒的症狀告知公衛人員後被安排到花蓮醫院檢查同時採檢並在2日早上確診其Ct值為138算是傳染力較強不過他的足跡單純都在家中自主隔離。
由於萬華大舅群聚案迄今已累己14例外傳其中1例為花防部的官兵朱家祥今證實個案確診後衛生局有和他確認確定在確診前已休假一周以上期間也都沒有進到營區因中央流行疫情指揮中心公告原則盡量不提及個案職業除有防疫需要由於他影響的層面較少加上國軍也有掌握相信若有任何疑義國軍一定會統一安排篩檢。
此外朱家祥表示被匡列的對象中大部分都在自家進行居家隔離時確診研判因家中暗藏病毒導致染疫機會大增相反的在防疫旅館隔離者的染疫機會較少。
他提醒目前已在自家進行居家隔離者環境的清消很重要現在進入夏天開冷氣的機會大幅提升冷氣濾網往往是病毒最佳藏身處他們亦會隨著冷氣的風而散發出來呼籲民眾這幾天可利用閒餘時間將濾網拿出來清洗並用稀釋的漂白水等進行消毒減少被感染的機會。</t>
  </si>
  <si>
    <t>進行隔離確診花蓮機會朱家祥居家期間個案冷氣出來病毒</t>
  </si>
  <si>
    <t>大舅確診花蓮萬華新冠肺炎</t>
  </si>
  <si>
    <t>花蓮萬華確診大舅肺炎</t>
  </si>
  <si>
    <t>公園安全積極邱素貞要求人性化</t>
  </si>
  <si>
    <t>新冠肺炎衝擊！公園是市民最常休閒、運動的地方市議員邱素貞今天表示大智公園有部分座椅木條已鬆動、脫落甚至鐵釘外露潛藏危機希望市府儘速盤點公園設施；除增設適宜長青族使用的體健設備外積極改善遊具</t>
  </si>
  <si>
    <t>公園設備體健使用長青適宜市民增設最常運動設施地方休閒議員鐵釘外露潛藏甚至危機希望邱素貞脫落鬆動盤點</t>
  </si>
  <si>
    <t>新冠肺炎衝擊！公園是市民最常休閒、運動的地方市議員邱素貞今天表示大智公園有部分座椅木條已鬆動、脫落甚至鐵釘外露潛藏危機希望市府儘速盤點公園設施；除增設適宜長青族使用的體健設備外積極改善遊具安全品質造福更多市民。
邱素貞說新冠漢肺炎疫情延燒為避免室內群聚感染住家附近的公園成為許多民眾休憩、運動的最佳場所各項設施安全不容忽視。但有很多公園都已年老失修市府去年推動「美樂地計畫」改善舊有公園設施讓原來的公園遊具換新更安全希望讓市民多走出戶外使用公園。
邱素貞1日與國光裡長陳雅惠前往東峰公園、大智公園實地瞭解公園遊具設施與安全設備情形。邱素貞說東峰公園每天都吸引絡繹不絕的民眾前來運動其中長青族群佔了很大比例很多長輩反應適合他們使用的設施較少只能看著年輕人自由自在的活動期盼也能融入休憩樂趣。
邱素貞與陳雅惠發現大智公園內部分座椅木條已鬆動、脫落潛藏危機且座椅兩旁未設置扶手不利長輩或行動不便者使用；她們建議市府應儘速盤點公園設施安全座椅應增設手把以利民眾坐下或起身讓座椅更便利、安全市民能夠輕鬆自在地休閒活動營造真正的共融公園。
邱素貞強調市府去年已完成41座友善共融公園今年要再改造50座公園將可帶來更美好的生活環境。不過營造友善共融公園絕不只是口號而是要真正落實共融理念在安全、積極、聰明的設計下不分族群的市民都可以歡樂共融使用。</t>
  </si>
  <si>
    <t>公園邱素貞設施安全市民使用座椅市府運動民眾遊具休憩族群長輩改善長青希望危機積極</t>
  </si>
  <si>
    <t>新冠肺炎大智公園邱素真陳雅惠</t>
  </si>
  <si>
    <t>公園邱素真肺炎雅惠</t>
  </si>
  <si>
    <t>肺炎試劑普生新tfda申請上市</t>
  </si>
  <si>
    <t>普生(4117)宣佈初步已完成新冠肺炎檢測大宗的「反轉錄聚合(酉每)連鎖反應」(RT-PCR)核酸檢測試劑套組研發生產目前已小批量出貨東南亞、中東地區並同步向台灣食藥署(TFDA)和歐盟CE認證提出許可申請。普生指出</t>
  </si>
  <si>
    <t>檢測普生提出認證ce歐盟tfda臺灣同步完成中東地區東南亞小批量轉錄聚合肺炎連鎖反應rt-pcr核酸目前生產</t>
  </si>
  <si>
    <t>普生(4117)宣佈初步已完成新冠肺炎檢測大宗的「反轉錄聚合(酉每)連鎖反應」(RT-PCR)核酸檢測試劑套組研發生產目前已小批量出貨東南亞、中東地區並同步向台灣食藥署(TFDA)和歐盟CE認證提出許可申請。
普生指出其RT-PCR核酸檢測試劑僅需15小時的螢光反應時間即可準確檢測採集樣本是否感染新冠肺炎病毒期待能盡速取得TFDA緊急使用許可(EUA)並同時逐步放大產能展現規模經濟效益而有助於產品的價格競爭力和供應客戶端的需求創造整體營運保持良好的成長動能。
普生表示人體受到病毒感染時會激發體內免疫反應將會引發產生抗體。此時若體內病毒含量較低時可能會導致核酸檢測呈現陰性的結果。
但因仍有抗體的存在可以藉由抗體檢測得知是否受到病毒感染。二種檢測方法結合有助於檢測準確度增高。
普生已加速投入抗體檢測試劑研發包括辨識新冠病毒蛋白質的單株抗體群快篩試劑研發由於快篩試劑檢測時間較目前RT-PCR核酸檢測約4小時縮短至15-20分對於機場、診所、以及社區群聚感染疫情監管能力大幅提升。</t>
  </si>
  <si>
    <t>檢測抗體核酸試劑病毒tfda感染許可rt-pcr有助於研發小時體內病毒感染受到肺炎是否目前疫情客戶社區需求</t>
  </si>
  <si>
    <t>普生新冠肺炎試劑台灣TFDA核酸檢測試劑</t>
  </si>
  <si>
    <t>試劑臺灣肺炎tfda核酸檢測普生</t>
  </si>
  <si>
    <t>合併單月新高</t>
  </si>
  <si>
    <t>全球汽車鍛造輪圈領導廠商巧新科技（1563）受惠於超跑與豪華汽車新車銷售市場成長速度優於一般輕型汽車市場帶動品牌車廠對於公司旗下客製化輪圈產品的出貨暢旺恰逢第四季汽車產業傳統旺季、品牌車廠因應耶誕假</t>
  </si>
  <si>
    <t>汽車品牌車廠廠商新科旺季受惠產品于超傳統四季豪華汽車產業新車銷售市場優於</t>
  </si>
  <si>
    <t>全球汽車鍛造輪圈領導廠商巧新科技（1563）受惠於超跑與豪華汽車新車銷售市場成長速度優於一般輕型汽車市場帶動品牌車廠對於公司旗下客製化輪圈產品的出貨暢旺恰逢第四季汽車產業傳統旺季、品牌車廠因應耶誕假期提前拉貨挹注巧新雲林鬥六廠稼動率持續維持近滿載水準自結11月合併營收達76億元、年增3661％遞出四年半來單月營收新高的優異佳績。
展望2021年第四季營運巧新維持審慎樂觀看法。主因是看好隨著疫苗施打進度穩定全球消費能量將持續成長消費者對於超跑、豪華車保持一定需求量包括賓士、保時捷、豐田通商、Jaguar、BMW、賓利、及Volvo等超跑、豪華品牌車廠客戶也積極推出新車款搶攻年底及2022年新車市場占比預期將帶動超跑與豪華汽車市場銷售、展現良好成長的態勢。
巧新將憑藉著品牌車廠高度信賴肯定的工藝技術與品質積極提升於單一品牌車廠新車款輪圈開發的滲透率及開拓與更多品牌車廠合作的機會；同時為滿足客戶的訂單需求公司也於今年第三季起陸續在雲林及屏東廠擴增CNC機台期待新訂單與新產能加入及解封後加速客戶驗證屏東新廠的腳步將創造巧新未來中長期營運良好的成長動能。
根據汽車產業諮詢顧問機構LMC Automotive11月報告指出由於全球車市缺芯（晶片）車企犧牲低利潤車型確保高利潤車型持續產出加上高端消費者在疫情期間收入影響較小財富來源（如股市和房地產）也呈積極走勢推進2019至2021年豪華汽車市場份額將增長2％占全球乘用車銷量比重將達16％2021年豪車銷量將達到2019年疫前的歷史最高位創造相關汽車供應鏈良好的業務拓展環境。
巧新董事長黃聰榮指出新冠肺炎（COVID-19）疫情為全球汽車產業帶來了空前的影響與挑戰公司全體經營團隊與員工加快調整步伐及因應策略除員工們健康管理為首先必要重點執行任務外更加專注在強化開發設計的技術能力、優化產能製程效率、調整訂單接單結構等並積極正面面對運費高漲、新台幣匯率波動等負面因數的幹擾。
此外巧新因再生料去化得宜使得在客戶拉貨力道提升下累計今年前11月營收達6944億元年增4328％可見公司近兩年來重振旗鼓已創造整體財務、業務等全方位穩定健康發展。
不僅如此巧新全力執行深化豪華品牌車廠經營策略除在歐美超跑、豪華汽車品牌車廠新案開發滲透率持續提升外多年耕耘的日系豪華車廠也加大下單力道近期已通過巧新屏東新廠認證並開始量產出貨推升來自日系品牌車廠營收自2019年以20％以上年複合成長率的速度提高有助巧新實現分散客戶、降低市場集中風險以擴大整體業務規模。
此外根據BloombergNEF預估2021年全年全球電動車（含PHEV）銷售份額將從4％成長到6％並在2022年進一步上升到8％；如今電動車的電池重量就佔了車重的一半而巧新的鍛造輪圈符合電動車輕量化的需求目前來自電動車輪圈營收占輪圈營收的比重達10％將有機會隨著電動車的銷售成長提升公司在電動車市場的份額。</t>
  </si>
  <si>
    <t>車廠品牌豪華全球公司客戶汽車電動車市場成長持續積極提升汽車產業新車創造業務訂單</t>
  </si>
  <si>
    <t>全球巧新超跑品牌車廠輪圈</t>
  </si>
  <si>
    <t>品牌車廠全球</t>
  </si>
  <si>
    <t>delta確診夫妻果農足跡枋寮重疊就是</t>
  </si>
  <si>
    <t>屏東印度變異株（Delta）疫情擴大當地27日確診的不明感染源73歲果農基因定序結果出爐確定感染Delta其太太也在今日確診基因定序仍在進行中但疫情指揮中心指揮官陳時中估計看起來應屬於Delta群聚。根據</t>
  </si>
  <si>
    <t>delta疫情確診感染基因估計指揮官陳時中中心指揮擴大當地進行看起來不明變異確定太太出爐結果果農今日應屬</t>
  </si>
  <si>
    <t>屏東印度變異株（Delta）疫情擴大當地27日確診的不明感染源73歲果農基因定序結果出爐確定感染Delta其太太也在今日確診基因定序仍在進行中但疫情指揮中心指揮官陳時中估計看起來應屬於Delta群聚。根據屏東縣府公佈足跡果農夫妻６月14和16日曾到枋寮醫院就醫和秘魯祖孫以及祖孫鄰居及友人兩度重疊。
枋寮73歲果農27日確診新冠肺炎根據屏東縣政府公佈資訊男子曾在6月中旬、下旬前往枋寮醫院腦神經外科、骨科門診。中央流行疫情指揮中心指揮官陳時中表示男子原訂需要2日才能完成基因定序不過經過漏夜工作提早在今日出爐確定感染Delta。
男子的妻子（案14816）也在今日確診不過妻子的基因定序還在進行中尚未出爐。陳時中估計看起來應屬於Delta群聚。目前男子的感染源還沒找到地方縣市已經有一些線索會就那些線索進行調查。
今午屏東縣政府公佈確診者至枋寮醫院就診的時序其中時間有重疊的日子有6月14日、6月16日兩天14日秘魯祖孫前往急診採檢待了10小時而7旬夫婦也在當日前往門診。另在16日祖孫鄰居與友人前往該院待了2個多小時7旬夫婦也在當日上午前往外科門診不過指揮中心發言人莊人祥說鄰居與友人去的是急診與7旬夫婦未待在同一候診室。
針對屏東群聚陳時中表示目前共有176人進行居家隔離人2人因重複匡列予以扣除。176人中有171人是陰性5人檢驗中。秘魯返台祖孫同班機38名接觸者中有37人陰性1人出境。至於台南的群聚基因定序基本上還是英國的變異株（Alpha）與屏東的應無關係。
陳時中表示會針對熱區加發疫苗讓高風險區域的疫情不至於擴散當然打疫苗也不是治療藥物但是過一段時間就有一定程度的保護力。對於屏東的Delta群聚目前看來仍匡在特定的區域他擔心疫情復發進而形成對其他區域的威脅而打疫苗就是為了避免復發指揮中心會注意不任意擴大其他施打對象。</t>
  </si>
  <si>
    <t>疫情delta男子確診基因枋寮中心指揮進行前往感染疫苗表示陳時中果農醫院祖孫目前出爐</t>
  </si>
  <si>
    <t>Delta印度變種病毒基因定序秘魯祖孫</t>
  </si>
  <si>
    <t>基因病毒變種秘魯印度delta祖孫</t>
  </si>
  <si>
    <t>歐洲生產線進關停工品牌</t>
  </si>
  <si>
    <t>新冠肺炎疫情不斷升溫精品、快時尚甚至汽車都受到影響。精品品牌像是LV、Ralph Lauren、TORY BURCH選擇關閉某些美國零售店並另有多家品牌取消早春大秀adidas宣佈即起關閉北美及歐洲店鋪至3月29日止據外媒報</t>
  </si>
  <si>
    <t>關閉品牌精品不斷店鋪升溫歐洲北美時尚甚至宣佈受到adidas疫情影響早春取消toryburch選擇像是lv</t>
  </si>
  <si>
    <t>新冠肺炎疫情不斷升溫精品、快時尚甚至汽車都受到影響。精品品牌像是LV、Ralph Lauren、TORY BURCH選擇關閉某些美國零售店並另有多家品牌取消早春大秀adidas宣佈即起關閉北美及歐洲店鋪至3月29日止據外媒報導adidas總部發出電郵表示：「我們必須維持公司運轉確保能向所有人支付薪資要在健康環境下維持營運需要更多勇氣與毅力。」讓今年下滑的業績更雪上加霜。
此外除了美國、加拿大以外H&amp;M也已關閉德國、比利時、義大利、波蘭、捷克、澳洲、盧森堡、波士尼亞等國家地區所有門市與希臘部分店鋪統計已暫時關閉全球近上千家門市。
戴姆勒、福斯等汽車集團都宣佈因應疫情的發展採取暫停歐洲的生產線。國內相關品牌分公司則回應目前新車供應不受影響。
戴姆勒集團宣佈由於新冠肺炎病毒大流行決定暫停在歐洲的多數生產及部分行政部門的工作初期先停工2周停工生產線主要供應歐洲市場的乘用車及商用車同時也會評估全球供應鏈的狀態；福斯集團也宣佈考慮到疫情的惡化及零件供應的不確定性暫停西班牙、葡萄牙及斯洛伐克等工廠集團旗下Lamborghini及Ducati兩品牌的工廠也會在本周停工至於其他在德國和歐洲的工廠也準備停工可能會持續2周。另外在大陸除了長沙和烏魯木齊的工廠外已恢復生產。
國內包括台灣賓士、台灣福斯均表示由於國內銷售及訂購的車輛大多已先運抵台灣部分也在海運途上因此近期的供應不成問題。</t>
  </si>
  <si>
    <t>歐洲供應品牌關閉宣佈工廠部分國內疫情集團福斯維持表示美國adidas停工門市影響臺灣暫停生產精品</t>
  </si>
  <si>
    <t>門市肺炎暫停adidas關閉</t>
  </si>
  <si>
    <t>肺炎暫停adidas門市關閉</t>
  </si>
  <si>
    <t>鬆口快下交通部週報自由指揮開放中心高鐵</t>
  </si>
  <si>
    <t>國內疫情趨緩台鐵、高鐵已無售票成數限制但高鐵仍實施全車對號座且仍暫停定期票、回數票使用儘管高鐵繼續實施「10月通勤有禮」優惠仍被通勤族批評不方便。交通部政務次長陳彥伯回應會考量疫情及旅客需求</t>
  </si>
  <si>
    <t>高鐵實施疫情通勤回應陳彥伯次長台鐵政務交通部方便批評考量售票限制成數高鐵仍全車對號期票回數繼續</t>
  </si>
  <si>
    <t>國內疫情趨緩台鐵、高鐵已無售票成數限制但高鐵仍實施全車對號座且仍暫停定期票、回數票使用儘管高鐵繼續實施「10月通勤有禮」優惠仍被通勤族批評不方便。交通部政務次長陳彥伯回應會考量疫情及旅客需求能否恢復自由座最快下周把方案報給中央流行疫情指揮中心。
新冠肺炎本土疫情升溫後疫情指揮中心下令高鐵實施全車對號座以便掌握乘客資料當時旅運量下跌因此未引發民怨。但疫情趨緩之後自由座限制沒有解除讓旅客明顯感受到車票難買加上定期票、回數票暫停使用通勤族的成本也高出好幾成。
據悉台灣高鐵公司希望解除自由座禁令數度被指揮中心打回票認為高鐵應優先恢復整體班次。但高鐵在尖峰時段發車已達極限沒有辦法再增加恢復離峰班次沒有意義重點卡在自由座引發業界人士批評疫情指揮中心是「外行領導內行」。
陳彥伯表示交通部與高鐵公司會就2個方向研究一是疫情、二是旅客需求有關這樣的檢討每週都會進行相關會議希望盡快能有結論最快下周可以報給疫情指揮中心定奪而高鐵定期票、回數票甚至台鐵的站票都會一併考量。
高鐵公司則說在自由座恢復之前會繼續推出「10月通勤有禮」回饋通勤族凡TGo會員於10月1日至31日購買同一區間對號座車票次數達34次（含）以上並完成搭乘者即可享有相當於75折優惠回饋。
高鐵公司11月初將統計符合資格者將購票總額25％轉成TGo紅利點數並於11月10日歸入TGo會員帳戶搭乘越多回饋越多每個會員帳戶回饋上限為62次。</t>
  </si>
  <si>
    <t>高鐵疫情自由中心指揮公司恢復通勤對號沒有旅客實施tgo車票引發希望搭乘都會台鐵限制班次</t>
  </si>
  <si>
    <t>自由座高鐵新冠肺炎台灣疫情</t>
  </si>
  <si>
    <t>肺炎高鐵臺灣自由疫情</t>
  </si>
  <si>
    <t>實習生艦艇淪陷集中艦隊檢疫</t>
  </si>
  <si>
    <t>台灣首見軍艦淪陷！中央流行疫情指揮中心公佈今日國內新增3名確診案例2人為實習生、1人為軍人均為20多歲男性1例在高雄1例在台中1例在桃園都是境外移入。3艘軍艦700多人仍在疫調中將安排下午5點入住</t>
  </si>
  <si>
    <t>軍艦中央流行指揮疫情中心公佈今日新增國內境外淪陷男性軍人安排桃園實習生案例確診</t>
  </si>
  <si>
    <t>台灣首見軍艦淪陷！中央流行疫情指揮中心公佈今日國內新增3名確診案例2人為實習生、1人為軍人均為20多歲男性1例在高雄1例在台中1例在桃園都是境外移入。3艘軍艦700多人仍在疫調中將安排下午5點入住集中檢疫所今晚漏夜採檢結果預計明日出爐。
海軍敦睦艦隊染疫軍艦計有337人3月12日至15日停靠帛琉離開帛琉後於公海航行近30天4月15日自我國軍港下船3人今確診新冠肺炎分別是案396、397及398。
案396在4月12日出現頭痛、嗅覺異常情形4月15日下船後返家並自行就醫4月17日再次就醫由醫院採檢通報；案397在4月初開始出現上呼吸道腫痛、頭痛、流鼻水、咳嗽、嗅覺異常等症狀返家後於4月17日就醫並採檢通報。兩人是同寢室室友均於今日確診；
案398為一名軍人4月13日開始有嗅味覺異常4月17日自行前往醫院急診就醫後採檢通報今日確診型冠肺炎。
指揮中心表示與該3名個案同隊共有3艘軍艦官兵及學生合計700多人刻正進行相關疫調將在今午入住集中檢疫所進行隔離且今晚將漏夜採檢若陽性就會送醫陰性將集中隔離14天解除隔離前會再度採檢初步結果明日出爐</t>
  </si>
  <si>
    <t>軍艦確診今日異常通報集中中心指揮下船開始進行隔離軍人嗅覺肺炎就醫頭痛</t>
  </si>
  <si>
    <t>海軍官兵確診國軍台灣指揮中心</t>
  </si>
  <si>
    <t>臺灣確診國軍指揮官兵中心海軍</t>
  </si>
  <si>
    <t>預約以上集中基隆接種</t>
  </si>
  <si>
    <t>基隆市長林右昌今日公佈本市預計於9月15日起針對75歲以上長者施打第二劑疫苗至於學生BNT疫苗則規畫自9月23日開始接種。林右昌指出本市1萬901位75歲以上長者中有6849人已完成平臺預約登記將安排至醫療院所</t>
  </si>
  <si>
    <t>長者以上林右昌疫苗登記預約平臺完成公佈預計施打開始指出接種安排今日bnt學生至於醫療</t>
  </si>
  <si>
    <t>基隆市長林右昌今日公佈本市預計於9月15日起針對75歲以上長者施打第二劑疫苗至於學生BNT疫苗則規畫自9月23日開始接種。
林右昌指出本市1萬901位75歲以上長者中有6849人已完成平臺預約登記將安排至醫療院所施打第二劑疫苗其餘未預約登記長者則安排在9月15至17日集中施打。
至於全市7區各裡施打時間將於9月9日對外公告9月10日前會將疫苗施打通知單送達家戶相關便民措施包括疫苗公車、計程車等都比照第一劑集中施打規畫。
另外針對學生BNT疫苗施打規畫林右昌說將於9月23日開打依照中央規定本市各高中職及五專前三年學生將入校進行施打近日內就會發放家長同意書。</t>
  </si>
  <si>
    <t>施打疫苗長者林右昌學生以上集中預約登記至於安排公佈近日進行便民措施包括預計五專入校高中職規定</t>
  </si>
  <si>
    <t>新冠肺炎台灣9月施打75歲</t>
  </si>
  <si>
    <t>臺灣肺炎施打</t>
  </si>
  <si>
    <t>朱立倫發放紓困現金地方原則中央</t>
  </si>
  <si>
    <t>行政院提出紓困方案卻引來民怨不僅困擾申辦民眾也讓第一線承辦人員壓力大現在又出現中央地方不同調互相槓上的狀況。前新北市長朱立倫今天表示排富儘速發放現金是原則不要太多審核的標準千萬不要只訂政</t>
  </si>
  <si>
    <t>不要引來原則民怨困擾現金申辦發放民眾承辦方案審核表示人員今天壓力朱立倫市長現在新北</t>
  </si>
  <si>
    <t>臺灣疫苗朱立倫應該產業國際沒有政策政府國家表示楊志良成功防疫研發人員</t>
  </si>
  <si>
    <t>疫苗朱立倫楊志良紓困發現金</t>
  </si>
  <si>
    <t>楊志良朱立倫發現紓困疫苗</t>
  </si>
  <si>
    <t>人數小組審查不滿調閱優勢疫苗突襲鴨霸</t>
  </si>
  <si>
    <t>立法院社會福利及衛生環境委員會今天審查新冠肺炎疫苗採購調閱專案小組運作要點草案再度爆發藍綠黨團舌戰藍營因不滿綠營排定討論時間僅有1小時主張先依原定議程讓衛福部長陳時中進行業務報告但遭綠營壓倒性</t>
  </si>
  <si>
    <t>環境委員會今天審查肺炎疫苗採購調閱衛生專案小組運作要點草案再度陳時中議程爆發報告部長衛福原定</t>
  </si>
  <si>
    <t>立法院社會福利及衛生環境委員會今天審查新冠肺炎疫苗採購調閱專案小組運作要點草案再度爆發藍綠黨團舌戰藍營因不滿綠營排定討論時間僅有1小時主張先依原定議程讓衛福部長陳時中進行業務報告但遭綠營壓倒性人數否決；藍委陳玉珍主張表決時已超過原定時間違反議事規則痛批民進黨靠人數優勢要強渡關山根本鴨霸。
第10屆第4會期衛環委員會今天首度召開會議由甫當選召委的莊競程排定議程原先規劃上午9點至10點討論新冠肺炎疫苗採購調閱專案小組運作要點草案10點過後由衛福部長陳時中進行業務報告不過因藍、綠、白三黨團各自提出版本多有不同討論時間不足引發藍綠兩黨爭執。
國民黨團主張由於時間不足應先按照程式讓衛福部進行業務報告建議新冠肺炎疫苗採購調閱專案小組運作要點草案可改至週三或週四繼續討論民進黨團則欲變更議程取消衛福部的業務報告盼今天就能完成新冠肺炎疫苗採購調閱專案小組運作要點草案的實質討論。
不過召委莊競程進行變更議程表決時已超過表定時間10點整引發陳玉珍不滿認為違反議事規則是無效表決藍綠隨即槓上陳玉珍隻身舌戰3名綠委蘇巧慧、陳瑩、洪申翰痛批民進黨身為多數黨竟還要用違反議事規則的方式霸王硬上勾；洪申翰則反譏既然大家都同意延長時間討論國民黨還反對根本是假動作不願討論。
針對新冠肺炎疫苗採購調閱專案小組運作要點民眾黨團提出調閱範圍應包含指揮中心、經濟部、國發會、國衛院以及衛福部其所屬相關機構但遭綠營譏根本是搞錯方向賴香伶今回應民進黨過去成立調閱小組就主張過範圍要擴大到行政院、陸委會、海基會、甚至包含資通辦公室為何現在輪到在野黨要調閱時就說搞錯方向？到底是誰在限縮調查權？
截至今天中午藍綠白三黨團對新冠肺炎疫苗採購調閱專案小組運作要點草案仍無達成共識仍在進行黨團協商中。</t>
  </si>
  <si>
    <t>討論今天時間調閱主張議程黨團草案根本要點陳玉珍衛福部進行報告業務違反議事規則民進表決運作包含委員會</t>
  </si>
  <si>
    <t>討論新冠肺炎疫苗採購調閱專案小組運作</t>
  </si>
  <si>
    <t>疫苗肺炎採購調閱專案小組運作討論</t>
  </si>
  <si>
    <t>上田晉確診主持周前才東奧接觸接下選手</t>
  </si>
  <si>
    <t>日本知名主持人上田晉也剛接下東奧特別應援的主持工作未料24日卻驚傳確診新冠肺炎因為他手上主持不少綜藝節目也曾在東奧開幕式的記者席採訪讓外界格外擔心。據日媒報導上田晉也24日突然發燒經PCR篩檢後</t>
  </si>
  <si>
    <t>主持東奧上田晉發燒突然格外擔心外界採訪確診接下記者席肺炎開幕式手上應援特別曾在pcr</t>
  </si>
  <si>
    <t>日本知名主持人上田晉也剛接下東奧特別應援的主持工作未料24日卻驚傳確診新冠肺炎因為他手上主持不少綜藝節目也曾在東奧開幕式的記者席採訪讓外界格外擔心。
據日媒報導上田晉也24日突然發燒經PCR篩檢後確認陽性目前身體狀況安定有些微發燒、喉嚨痛等症狀而他本來擔任東奧特別應援主持人將會賽後訪問奪牌的日本選手《日刊體育報》報導他23日曾在東奧開幕式的記者席採訪最後一次和選手接觸是11日。
目前他將遵照衛生單位指示休養接下來的運動新聞節目、奧運賽事採訪工作等都會受到影響他也透過經紀公司向各個相關單位致歉。上田晉也是搞笑組合奶油濃湯成員搭檔是有田哲平而有「主持之王」封號的他主持不少人氣綜藝包括《時尚主義 (おしゃれイズム)》、《閒聊007》、《世界上最想上的課（世界一受けたい授業）》還有體育節目《GoingSports&amp;News》曾於2018年來台前往西門町採訪。</t>
  </si>
  <si>
    <t>主持採訪東奧上田晉發燒單位目前工作世界選手應援主持人特別報導日本曾在記者席開幕式曾於goingsports&amp;news還有授業</t>
  </si>
  <si>
    <t>上田晉也東奧即時報導新冠肺炎日本</t>
  </si>
  <si>
    <t>報導即時東奧肺炎日本上田晉</t>
  </si>
  <si>
    <t>實兵演習北市黃珊珊防疫兵棋演練新北</t>
  </si>
  <si>
    <t>防範新冠肺炎超前部署新北市將在14日進行號稱國際首場新冠肺炎大規模實兵演習更將出動化學兵對於新北大動作操演北市府是否跟進臺北市副市長黃珊珊今表示災害應變中心所有局處已於2月14日針對社區感染做</t>
  </si>
  <si>
    <t>肺炎已於應變災害表示中心黃珊珊市長臺北市跟進是否市府操演動作北大對於學兵超前新北出動</t>
  </si>
  <si>
    <t>防範新冠肺炎超前部署新北市將在14日進行號稱國際首場新冠肺炎大規模實兵演習更將出動化學兵對於新北大動作操演北市府是否跟進臺北市副市長黃珊珊今表示災害應變中心所有局處已於2月14日針對社區感染做兵棋演練與實兵演練是一樣的不會特別再去辦實兵演練。
黃珊珊說每個城市有自己的方式啦北市聯合醫院尤其是和平院區相關的演練每年都在做已經在2個月前做了好幾次不會特別再去辦一個實兵演練。</t>
  </si>
  <si>
    <t>黃珊珊演練實兵演練肺炎不會特別市府臺北市市長跟進是否表示災害操演應變動作中心北大</t>
  </si>
  <si>
    <t>侯友宜點名數飆確診新北注意</t>
  </si>
  <si>
    <t>新北市長侯友宜29日公佈新北各區確診個案其中永和今日確診人數24人是全市第一首度超越板橋的21人新北市長侯友宜說提醒永和區有上升趨勢三重、土城、新莊、新店都比昨天稍微少一點但還是要注意。侯友宜</t>
  </si>
  <si>
    <t>侯友宜永和新北確診市長昨天稍微新莊趨勢上升人數板橋提醒全市首度超越個案公佈</t>
  </si>
  <si>
    <t>新北市長侯友宜29日公佈新北各區確診個案其中永和今日確診人數24人是全市第一首度超越板橋的21人新北市長侯友宜說提醒永和區有上升趨勢三重、土城、新莊、新店都比昨天稍微少一點但還是要注意。
侯友宜說新北市目前總確診3118人新北最重要熱區包含板橋、中和、三重、新莊、新店、蘆洲與土城等地其中板橋至今737人最高其次中和502人第三是三重346人。
新北衛生局統計自11日起至29日為止新北共有52名因新冠肺炎死亡最年輕的就是土城36歲男子染疫身亡最年長為90多歲。</t>
  </si>
  <si>
    <t>新北板橋侯友宜確診永和新莊市長男子昨天稍微注意死亡肺炎年輕</t>
  </si>
  <si>
    <t>新冠肺炎台灣板橋新北侯友宜</t>
  </si>
  <si>
    <t>板橋臺灣肺炎新北侯友宜</t>
  </si>
  <si>
    <t>本土新增確診河北</t>
  </si>
  <si>
    <t>1月17日0—24時31個省（自治區、直轄市）和新疆生產建設兵團報告新增確診病例109例其中境外輸入病例16例（上海4例陝西3例浙江2例湖南2例北京1例天津1例福建1例廣東1例四川1例）本土病例93例（</t>
  </si>
  <si>
    <t>病例直轄市新疆生產建設兵團確診報告新增自治區上海境外天津廣東福建北京湖南浙江四川陝西輸入本土</t>
  </si>
  <si>
    <t>1月17日0—24時31個省（自治區、直轄市）和新疆生產建設兵團報告新增確診病例109例其中境外輸入病例16例（上海4例陝西3例浙江2例湖南2例北京1例天津1例福建1例廣東1例四川1例）本土病例93例（河北54例吉林30例黑龍江7例北京2例）。
1月17日0-24時石家莊市新增新冠肺炎確診病例52例其中含多名小學生。目前對所有追蹤到的密切接觸者已全部採取集中隔離醫學觀察措施各項防控措施有序進行。
此外據北京衛健委微博消息1月17日0時至24時新增2例本地確診病例都在大興區。新增1例境外輸入確診病例11日從從塞爾維亞出發經丹麥乘坐國航CA878航班於12日到達北京首都機場在機場做的核酸檢測結果為陰性入住隔離酒店後17日核酸檢測結果為陽性轉送地壇醫院後當日診斷為確診病例。
入京北京最新的防疫隔離政策為14＋7＋714天住在酒店集中隔離、第一個7天回到家裡居家檢疫盡量不要外出、非必要不要外出如果必須外出盡量不去人群聚集的地方（各小區政策不同）；第二個7天如何規範還在等北京市政府的通知這週應該即將公佈。</t>
  </si>
  <si>
    <t>病例北京確診隔離新增集中儘量酒店核酸檢測結果北京市政府外出規範不同政策社區通知地方聚集人群措施境外</t>
  </si>
  <si>
    <t>171月24確診病例新增</t>
  </si>
  <si>
    <t>171 月 24 確診 病例 新 增</t>
  </si>
  <si>
    <t>確診病例</t>
  </si>
  <si>
    <t>ovo四季聯合kktv上推在家優惠防疫</t>
  </si>
  <si>
    <t>新冠肺炎（NCP）疫情持續升溫口罩之亂下有熱心網友發起「我OK你先領」活動OTT業者則是因應防疫宅在家的需求號召民眾「少出門多看劇」由串流電視平臺OVO聯合KKTV、愛奇藝、四季線上呼籲大家在家追劇</t>
  </si>
  <si>
    <t>疫情持續升溫口罩下有四季熱心網友發起okncpkktv聯合活動ott業者ovo因應平臺防疫</t>
  </si>
  <si>
    <t>新冠肺炎（NCP）疫情持續升溫口罩之亂下有熱心網友發起「我OK你先領」活動OTT業者則是因應防疫宅在家的需求號召民眾「少出門多看劇」由串流電視平臺OVO聯合KKTV、愛奇藝、四季線上呼籲大家在家追劇降低人群接觸傳染風險。同時合推各OTT免費收視特惠組現在購買OVO尊爵機 TV Switch享特價再加值送KKTV、愛奇藝180天50頻道自由選365天或好禮三選一藉由多元優惠讓各消費族群減少出門、降低疫情傳播的風險。
受新冠肺炎影響今年春節各大OTT流量較去年同期有兩成到五成不等的成長春節後宅在家追劇、減少外出娛樂的需求更是創下流量創新高。為讓觀眾追劇無負擔OVO聯合三大OTT服務推出免費收視方案讓無論是喜愛日劇、陸劇、電影或電視頻道的消費者都能找到適合自己的專屬優惠。
「我們呼籲民眾『少出門多看劇』減少疫情傳播風險與搶購口罩的需求」OVO創辦人暨執行長吳有順表示：「感謝各大內容夥伴的支援能在非常時期提供特別優惠讓消費者輕鬆滿足居家影視需求！」
OVO平臺內容陣營日益壯大無論是新登場的KKTV、長銷型的愛奇藝、或廣受歡迎的四季線上頻道自由選都擁有為數不少的支持者。如已訂閱內容消費者OVO尊爵機 TV Switch 特價再祭出好禮三選一優惠免費送藍牙語音遙控器、愛奇藝季卡或音樂隨行杯二代。
OVO防疫特惠尊爵機 TV Switch 特價再送KKTV、愛奇藝180天或50頻道自由選365天或好禮三選一都可直接上網選購讓大家「少出門多看劇」。</t>
  </si>
  <si>
    <t>ovoott需求優惠內容消費者kktv風險減少出門疫情流量口罩防疫呼籲在家降低</t>
  </si>
  <si>
    <t>新冠肺炎防疫追劇OTTOVO</t>
  </si>
  <si>
    <t>防疫肺炎ottovo</t>
  </si>
  <si>
    <t>歐洲移疫情壓力開始</t>
  </si>
  <si>
    <t>新冠肺炎疫情延燒中央流行疫情指揮中心今宣佈國內新增3名確診案例分別為一名30多歲荷蘭籍男性及2名北部30多歲本國籍男性3人均有歐洲活動史研判為境外移入。新冠肺炎疫情從第一波的大陸、日、韓擴散到第</t>
  </si>
  <si>
    <t>疫情肺炎男性大陸分別案例新增確診活動歐洲國內指揮中心宣佈判為境外北部國籍荷蘭籍</t>
  </si>
  <si>
    <t>新冠肺炎疫情延燒中央流行疫情指揮中心今宣佈國內新增3名確診案例分別為一名30多歲荷蘭籍男性及2名北部30多歲本國籍男性3人均有歐洲活動史研判為境外移入。新冠肺炎疫情從第一波的大陸、日、韓擴散到第二波歐洲地區。指揮中心表示3月以來歐洲境外移入的案例增加意味著第二波的壓力已經展開。
指揮中心指揮官陳時中表示新冠肺炎境外移入最早是出現在1月24至2月6日主要來自大陸其中10例大陸移入、1例澳門移入；歐洲境外移入除了2月初一家四口遊義大利染疫意外其餘都發生在這幾天歐洲的個案已非常多。
陳時中先前指出首波新冠肺炎疫情從大陸往外影響再掃向歐亞、美洲各地要防範的是第二波疫情的回流。指揮中心專家諮詢小組召集人張上淳今表示近期歐洲移入個案增多可以說第二波疫情的壓力已開始。
今日新增的案51為30多歲荷蘭籍男性3月2日至6日曾至奧地利9日自荷蘭來台10日入境。來台第二天晚間因呼吸困難、胸悶及全身倦怠前往急診被診斷出肺炎情形12日採檢通報今日確診。衛生單位已初步掌握28名接觸者其中14人已離境。
案52為北部30多歲本國籍男性2月28日與2名友人自台灣經土耳其轉機至瑞士後29日自瑞士搭乘巴士至法國滑雪3月7日再自法國搭巴士到瑞士搭機經土耳其轉機返台3月8日入境。12日晚間男子出現發燒、全身倦怠、咳嗽、流鼻水等症狀就醫後採檢通報今日確診。衛生單位已初步掌握39名接觸者包括同行友人、同班機旅客、同事及就醫接觸者等。
案53為北部30多歲本國籍男性2月22日至3月6日赴德國慕尼克、紐倫堡出差返國後3月11日出現咳嗽有痰、喉嚨痛症狀當晚就醫後檢驗通報今日確診。衛生單位已初步掌握15名接觸者包括出差同行同事、同住家人、職場及就醫接觸者等。另將調查男子發病前國內活動史進行進一步追蹤。
指揮中心表示3名確診男子都有歐洲旅遊史研判為境外移入個案目前都已收治負壓隔離病房。指揮中心提醒民眾如必須出國應加強手部及呼吸道衛生等個人防護措施。返國入境後務必落實14天居家檢疫或自主健康管理。</t>
  </si>
  <si>
    <t>中心指揮疫情歐洲就醫表示肺炎確診個案接觸男性境外男子入境出現大陸衛生今日返國出差倦怠</t>
  </si>
  <si>
    <t>新冠肺炎武漢肺炎新型冠狀病毒台灣接觸者</t>
  </si>
  <si>
    <t>肺炎冠狀武漢病毒臺灣接觸</t>
  </si>
  <si>
    <t>山谷恐慌關多疫情飯店宣佈避暑勝地停業</t>
  </si>
  <si>
    <t>苗栗48歲男子日前確診疫調揭露他曾到台中和平谷關登山今日又爆出平等國小女籃隊北上參賽全校超過9成師生有萬華足跡史其中4名學生及1名家長出現上呼吸道症狀自行採檢。和平區接連陷疫情恐慌遊客卻步包括</t>
  </si>
  <si>
    <t>疫情接連揭露和平區台中平谷自行症狀上呼吸道登山今日出現確診恐慌家長學生爆出平等國小足跡</t>
  </si>
  <si>
    <t>苗栗48歲男子日前確診疫調揭露他曾到台中和平谷關登山今日又爆出平等國小女籃隊北上參賽全校超過9成師生有萬華足跡史其中4名學生及1名家長出現上呼吸道症狀自行採檢。和平區接連陷疫情恐慌遊客卻步包括梨山賓館、穀關多家溫泉飯店陸續宣佈停業。
梨山賓館宣佈5月20日休館至5月28日副總林閔政表示公司內部昨開會討論認為疫情嚴重遊客不敢上山同仁服務也怕怕的為了一座山考量決定暫停營業。他也坦言近日受疫情影響訂房銳減宣佈休館後已通知訂房的顧客延期或退房大家一起加強防疫。
梨山賓館宣佈休館今上午即爆出環山部落平等國小全校超過9成師生有萬華足跡史當地9家民宿及接待家庭全都停業。和平區除梨山風景區受疫情衝擊同樣在中橫公路的穀關溫泉區街道近日冷冷清清不見國旅爆發的盛況。在本土疫情升溫後惠來穀關、神木穀假期飯店、四季、麗池、露泉等多家飯店宣佈停業5天。
惠來穀關副總尹敬倫表示近日團體客人紛紛取消行程訂房率不到2成我們也無法得知遊客是否有萬華等疫區接觸史基於防疫考量多家飯店陸續宣佈暫停營業並通知自由行旅客退訂部分飯店員工也採分流上班。</t>
  </si>
  <si>
    <t>疫情飯店谷關宣佈遊客近日停業休館梨山賓館爆出通知和平區國小表示暫停營業平等防疫副總</t>
  </si>
  <si>
    <t>新冠肺炎台灣穀關停業家飯店</t>
  </si>
  <si>
    <t>谷關肺炎臺灣停業飯店</t>
  </si>
  <si>
    <t>獲利齊登半導體同期業績</t>
  </si>
  <si>
    <t>鴻海旗下封測廠訊芯-KY（6451）營運生產雖受新冠肺炎疫情衝擊但隨著產能恢復良好2020年第二季獲利自2年低點強彈、「雙升」登近4年同期高點每股盈餘142元。累計上半年獲利不減反增、年增1322％至197億元每</t>
  </si>
  <si>
    <t>獲利上半年-ky營運累計生產高點肺炎同期疫情衝擊產能恢復</t>
  </si>
  <si>
    <t>鴻海旗下封測廠訊芯-KY（6451）營運生產雖受新冠肺炎疫情衝擊但隨著產能恢復良好2020年第二季獲利自2年低點強彈、「雙升」登近4年同期高點每股盈餘142元。累計上半年獲利不減反增、年增1322％至197億元每股盈餘188元亦雙創近4年同期高點。
訊芯2020年第二季合併營收1112億元季增1061％、年減2759％。不過毛利率265％、營益率1469％優於首季2577％、1129％及去年同期1886％、687％雙創近4年同期高點。
在營收規模回升、本業獲利顯著增加配合業外顯著由虧轉盈挹注訊芯第二季歸屬母公司稅後淨利達149億元季增達21倍、年增2015％每股盈餘（EPS）142元雙創近4年同期高點。
累計訊芯上半年合併營收2117億元、年減2852％但毛利率2615％、營益率1307％雙創近4年同期高點。雖然業外由盈轉虧歸屬公司稅後淨利仍達197億元、年增1322％每股盈餘（EPS）188元雙創近4年同期高點。
訊芯首季營運受疫情衝擊中國大陸廠區延遲復工影響營運表現第二季營收隨著生產狀況恢復回升且轉型效益顯現帶動毛利率、營益率同步躍進配合補助挹注業外由虧轉盈帶動獲利強彈、成長動能顯著優於營收。
訊芯2020年7月自結合併營收39億元較6月383億元增加174％、站上近3月高點仍較去年同期416億元減少625％。累計1～7月合併營收2507億元較去年同期3378億元減少2578％。
展望後市面對疫情、貿易戰等直接性衝擊訊芯將維持積極穩健態度審慎佈局越南子公司及中山子公司三期廠房本季產能將開出有望使集團產能更完善規畫聚焦5G、光通訊、感應器等3大終端市場應用有信心在挑戰中締造亮眼表現。
訊芯認為5G、光通訊、感應器均能銜接目前及未來市場產品上升趨勢帶動集團系統級封裝（SiP）產品及高速光纖收發模組業務成長。法人則認為在5G基地台建置需求續強配合蘋果新款iPhone封測釋單看好訊芯下半年營運動能有望逐季走強。</t>
  </si>
  <si>
    <t>高點營運獲利帶動衝擊疫情配合同期市場產品顯著集團表現累計成長認為生產</t>
  </si>
  <si>
    <t>訊芯訊芯-KY營收毛利率營益率</t>
  </si>
  <si>
    <t>-ky毛利率營益</t>
  </si>
  <si>
    <t>嬰兒生產產婦還要隔離日本</t>
  </si>
  <si>
    <t>日本《NHK》報導一名感染新冠肺炎的孕婦在本月上旬順利生產新生嬰兒在經過檢查後確定沒有染上新冠肺炎母子平安出院。這名產婦是在快生產前染上新冠肺炎而且出現肺炎症狀緊急入院住進日本神奈川的北裡大</t>
  </si>
  <si>
    <t>肺炎日本入院生產新生嬰兒檢查順利產婦上旬孕婦確定本月平安沒有產前母子</t>
  </si>
  <si>
    <t>日本《NHK》報導一名感染新冠肺炎的孕婦在本月上旬順利生產新生嬰兒在經過檢查後確定沒有染上新冠肺炎母子平安出院。
這名產婦是在快生產前染上新冠肺炎而且出現肺炎症狀緊急入院住進日本神奈川的北裡大學醫院隔離治療直到本月初剖腹生產。慶幸的是生產過程順利為了寶寶安全生產後母子分開生活新生嬰兒經過反覆數次檢查確定沒有感染新冠肺炎產婦病情好轉經兩次檢查呈陰性反應。
目前這對母子已經出院院方表示染疫的媽媽在懷孕期間十分不安一直希望知道能不能平安生下寶寶。媽媽平安生產出院後之後依舊負擔很大仍要注意避免再度感染。
更多 CTWANT 報導</t>
  </si>
  <si>
    <t>肺炎母子生產檢查感染媽媽本月出院平安產婦寶寶順利日本新生嬰兒確定沒有報導奈川北裡大學</t>
  </si>
  <si>
    <t>生產新冠肺炎產婦檢查出院</t>
  </si>
  <si>
    <t>產婦肺炎檢查生產出院</t>
  </si>
  <si>
    <t>信用卡海外戰役關鍵</t>
  </si>
  <si>
    <t>少了國外刷卡信用卡刷卡量就是有差。儘管國內持續有報復性出遊及消費但8月信用卡刷卡金額近2347億元仍是比2019年8月少刷了254億元衰退977％前8月累計刷卡金額1兆9750億元去年同期則是破21兆元衰退</t>
  </si>
  <si>
    <t>少 了 國外 刷 卡 信用卡 刷 卡 量 就 是 有差 儘管 國內 持續 有 報復 性 出遊 及 消費 但 8 月 信用卡 刷 卡 金額 近 2347億 元 仍 是 比 2019 年 8 月 少 刷 了 254億 元 衰退 977 前 8 月 累計 刷 卡 金額 1 兆 9750億 元 去年同期 則 是 破 21 兆 元 衰退</t>
  </si>
  <si>
    <t>金額信用卡衰退報復國內持續有差出遊去年同期消費累計國外</t>
  </si>
  <si>
    <t>少了國外刷卡信用卡刷卡量就是有差。儘管國內持續有報復性出遊及消費但8月信用卡刷卡金額近2347億元仍是比2019年8月少刷了254億元衰退977％前8月累計刷卡金額1兆9750億元去年同期則是破21兆元衰退幅度754％是11年來同期首度衰退。
國內33家發卡機構8月刷卡金額只有5家比去年同期成長其中又以玉山銀行、聯邦銀行與永豐銀行成長10~12％以上最為顯著三家銀行都是有高回饋率的神卡如玉山銀行有Pi、U Bear、Only三張神卡聯邦銀則有賴點卡永豐銀則是DAWHO卡有效吸走其他銀行的信用卡客戶。
玉山銀不止以3906億元拿下8月信用卡刷卡量第一名前8月玉山銀行信用卡累計刷卡金額3167億多元以不到3億元的差距成功超越國泰世華銀終於坐上累計刷卡量第一名的寶座。
已蟬聯五年年度刷卡量第一名的國泰世華銀8月底有一批次的保費刷卡來不及進帳單月刷卡量僅35274億元位居市場第二前8月累計刷卡量則為3164億多元還是有機會翻盤超越玉山銀拿回年度刷卡王的地位；同時8月國泰世華銀的流通卡數正式突破700萬卡與第一名的中信銀只差11萬多張；而近半年有使用紀錄的有效卡數則突破500萬卡維持市場第一大。
前8月累計刷卡量第三大是中信銀以其712萬多張總流通卡數及每年報稅月都是刷卡量第一名累計刷卡金額2991億多元排名市場第三大；第四大則是台新銀的2261億元臺北富邦銀則是1801億元排名第五。
同時信用卡大者恆大態勢已確立2019年前8月信用卡前五大刷卡行即國泰、中信、玉山、台新及北富銀刷卡市占率合計65％左右今年前8月已拉高到近678％上升逾兩個百分點若加上花旗銀則六家銀行刷卡量囊括近74％的市場。
不過因為新冠肺炎造成國人今年出國旅行消費大減儘管國內消費及旅遊興起但各銀行信用卡刷卡量多是比去年衰退只要少數有高回饋率信用卡的銀行如玉山銀才有較顯著的成長。</t>
  </si>
  <si>
    <t>銀行信用卡累計金額市場衰退國內國泰玉山消費華銀中信</t>
  </si>
  <si>
    <t>回饋信用卡刷卡新冠肺炎</t>
  </si>
  <si>
    <t>信用卡肺炎</t>
  </si>
  <si>
    <t>病例累計肺炎貴州</t>
  </si>
  <si>
    <t>據貴州省衛健委網站13日消息13日0時至12時貴州全省新型冠狀病毒肺炎無新增確診病例。截至13日12時貴州全省累計報告新型冠狀病毒肺炎病例146例其中51例有武漢旅居史14例有武漢外湖北其他地區旅居史15例</t>
  </si>
  <si>
    <t>病例肺炎貴州冠狀病毒全省武漢消息確診截至累計旅居地區湖北報告網站時至衛健貴州省</t>
  </si>
  <si>
    <t>據貴州省衛健委網站13日消息13日0時至12時貴州全省新型冠狀病毒肺炎無新增確診病例。
截至13日12時貴州全省累計報告新型冠狀病毒肺炎病例146例其中51例有武漢旅居史14例有武漢外湖北其他地區旅居史15例有湖北以外地區旅居史；治癒出院140例在院治療4例(普通型4例)死亡2例；男性74例女性72例；年齡最大87歲最小1個月(確診時間)；貴陽市36例(治癒33例死亡1例)遵義市32例(治癒31例)六盤水市10例(治癒8例死亡1例)安順市4例(治癒4例)畢節市23例(治癒23例)銅仁市10例(治癒10例)黔東南州10例(治癒10例) 黔南州17例(治癒17例)黔西南州4例(治癒4例)現無疑似病例。
累計追蹤密切接觸者2574人已解除醫學觀察2489人尚在接受醫學觀察13人。</t>
  </si>
  <si>
    <t>治癒病例確診累計肺炎死亡貴州冠狀病毒旅居全省地區密切接觸解除追蹤湖北武漢消息截至年齡</t>
  </si>
  <si>
    <t>治癒10病例死亡貴州</t>
  </si>
  <si>
    <t>病例貴州死亡治癒</t>
  </si>
  <si>
    <t>重大ktv歇業周抗新北</t>
  </si>
  <si>
    <t>新北市府日前宣佈20日起轄內公有封閉型集會場所暫停開放14天侯友宜前晚(22)更親自率隊前往大型KTV查察防疫工作並呼籲市民「人多、不通風的地方不要再去」今天三重知名KTV「同學匯」率先開出第一槍宣佈即日</t>
  </si>
  <si>
    <t>ktv宣佈轄內率先封閉型集會場所暫停同學開放侯友宜市民知名呼籲今天防疫工作親自率隊</t>
  </si>
  <si>
    <t>新北市府日前宣佈20日起轄內公有封閉型集會場所暫停開放14天侯友宜前晚(22)更親自率隊前往大型KTV查察防疫工作並呼籲市民「人多、不通風的地方不要再去」今天三重知名KTV「同學匯」率先開出第一槍宣佈即日起暫停營業一周以上業者也表示希望拋磚引玉呼籲同業跟進共同抗疫。
三重區正義北路「同學匯KTV」自2017年開始營業共有25間包廂最大可容納約400人因設備新穎、位處鬧區平時消費者眾多假日更是人潮爆滿。
同學匯業者指出為配合新北市府防疫措施加上三重分局不斷柔性勸導決定從今天起暫停營業一周以上作全館消毒雖初步估計損失將達200萬以上但希望能拋磚引玉呼籲其他KTV業者一起加入防疫工作。
三重分局表示由於新型冠狀肺炎疫情日趨嚴重該類場所具有群聚傳染風險便不斷向業者柔性勸導十分感謝業者願意配合並呼籲其他群聚場所也能
跟進共同為防疫工作把關。</t>
  </si>
  <si>
    <t>ktv呼籲業者防疫場所同學以上工作配合宣佈表示跟進暫停營業不斷分局共同柔性勸導市府希望抛磚引玉新北</t>
  </si>
  <si>
    <t>確診累計解除隔離國內</t>
  </si>
  <si>
    <t>中央流行疫情指揮中心今(21)日表示國內昨(20)日新增226例新型冠狀病毒肺炎相關通報截至目前累計通報70100例(含69077例排除)其中441例確診(今日新增案441)分別為350例境外移入55例本土病例及36例敦睦艦隊</t>
  </si>
  <si>
    <t>新增通報中心分別相關指揮肺炎冠狀病毒本土表示境外國內確診目前截至疫情病例今日排除累計流行</t>
  </si>
  <si>
    <t>中央流行疫情指揮中心今(21)日表示國內昨(20)日新增226例新型冠狀病毒肺炎相關通報截至目前累計通報70100例(含69077例排除)其中441例確診(今日新增案441)分別為350例境外移入55例本土病例及36例敦睦艦隊。確診個案中7人死亡407人解除隔離其餘持續住院隔離中。
台灣今增1確診是位30多歲男性赴墨西哥工作返台針對此個案指揮官陳時中表示從1月24到5月18日以來指揮中心對流感併發重症者進行新冠病毒檢驗目前完成431件檢出1例陽性就是案例19白牌司機案流感併發重症檢體病毒檢驗只出現案19其他都是陰性。
陳時中強調即使今天出現一例但社區是安全的防疫措施不需要新增新的作為。
指揮中心表示全球累計5021902例確診分佈於187個國家/地區；病例數以美國1575065例、俄羅斯308705例、巴西271628例、英國251290例及西班牙232555例為多；病例中327141例死亡以美國94576例、英國35704例、義大利32330例、法國28132例及西班牙27888例為多。</t>
  </si>
  <si>
    <t>確診新增病毒中心表示指揮病例個案出現目前流感檢驗併發重症累計美國死亡隔離英國通報工作</t>
  </si>
  <si>
    <t>累計確診國內新冠肺炎解隔離</t>
  </si>
  <si>
    <t>肺炎國內確診累計隔離</t>
  </si>
  <si>
    <t>頭頂店員恐怖照曝光</t>
  </si>
  <si>
    <t>疫情升溫雙北進入三級警戒超商全面規定實聯制新北市土城區一名50歲賴姓男子沒戴口罩進超商被店員提醒後賴男竟惱羞成怒瘋狂毆打年僅21歲的年輕店員導致店員頭破血流送醫頭頂縫了12針照片曝光相當怵</t>
  </si>
  <si>
    <t>店員頭頂警戒照片毆打惱羞成怒全面瘋狂新北城區賴姓男子規定賴男提醒口罩</t>
  </si>
  <si>
    <t>疫情升溫雙北進入三級警戒超商全面規定實聯制新北市土城區一名50歲賴姓男子沒戴口罩進超商被店員提醒後賴男竟惱羞成怒瘋狂毆打年僅21歲的年輕店員導致店員頭破血流送醫頭頂縫了12針照片曝光相當怵目驚心。店員母親心痛怒喊「告到底」；此外賴男沒戴口罩新北衛生局將重罰1萬5000元。
根據監視影像賴男17日早上7時到萊爾富超商購物結帳時因未戴口罩被店員提醒「進來要實名制」、「再這樣下次不要進來」賴男聽到後狂罵髒話先用安全帽怒砸才21歲的卓姓店員接著出拳狂毆導致店員頭部撕裂傷事後賴男被警方依傷害罪函請偵辦並依違反傳染病防治法請衛生機關裁罰；衛生局則說未戴口罩可罰3000至1萬5000元將重罰男子1萬5000元罰鍰。
之後1名疑似卓姓店員的媽媽在LINE群組中公佈兒子頭上的傷口照只見頭頂上有明顯的傷口縫痕長達數公分傷口周圍的頭髮遭剃光畫面相當讓人不捨；該媽媽則在群組中憤怒表示「戴口罩很難嗎？為什麼就是有害群之馬」她說小兒子被打到頭破血流住院中「我要告到底」。
對此萊爾富也發出聲明門市職員於疫情嚴峻期間仍堅守崗位持續服務嚴守防疫規定要求實名登記、配戴口罩為所有消費者健康安全把關土城童話店職員卻因落實政策反而招致不肖分子毆打其行徑之殘暴令人髮指誰無子女何忍目睹影片中的毆打行為「我們盡力服務提供消費安全保障卻受如此對待本公司全體上下深感痛心及憤慨」強調一定會提供良好照護對蓄意傷人不肖分子將依法訴究絕不姑息。</t>
  </si>
  <si>
    <t>店員口罩賴男毆打傷口提供職員服務相當安全分子不肖賴爾富頭破血流媽媽卓姓</t>
  </si>
  <si>
    <t>新冠肺炎口罩實聯制店員萊爾富</t>
  </si>
  <si>
    <t>口罩肺炎店員賴爾富</t>
  </si>
  <si>
    <t>慰勞醫護使用率foodpanda產業</t>
  </si>
  <si>
    <t>台灣近期多日傳出無新增新冠肺炎確診捷報即時外送平臺foodpanda為感謝醫護人員辛勞3月宣佈贊助第一線防疫人員共1萬份「免費餐點」優惠盼透過熱騰騰的一餐為防疫人員加油打氣統計1個月來優惠使用率已達6成。f</t>
  </si>
  <si>
    <t>優惠防疫人員確診捷報使用率即時平臺foodpanda感謝醫護人員辛勞統計宣佈加油打氣贊助肺炎透過免費餐</t>
  </si>
  <si>
    <t>台灣近期多日傳出無新增新冠肺炎確診捷報即時外送平臺foodpanda為感謝醫護人員辛勞3月宣佈贊助第一線防疫人員共1萬份「免費餐點」優惠盼透過熱騰騰的一餐為防疫人員加油打氣統計1個月來優惠使用率已達6成。
foodpanda此次將首波贊助優惠送給臺北市各大醫院、各發出1千份免費餐點優惠碼再提供給全台連鎖藥局同時開放各地抗疫人員線上領取優惠包括醫生、護理師、呼吸治療師、臨床心理師、醫院行政人員、藥師、研究員、消防員、防疫專車司機等抗疫人員。
經過1個月的申請與發送foodpanda共計發出1萬份優惠碼目前使用率已達6成。foodpanda也收到許多來自一線醫護同仁回饋肯定優惠碼幫助、並感謝外送員協助。foodpanda亦將醫護人員的致謝分享給外送員。
foodpanda董事總經理方俊強表示台灣對新冠肺炎的防疫成效有目共睹與社會均由衷感謝所有醫護人員不辭辛勞的付出希望能藉此讓第一線抗疫人員能安心、快速享用美味餐點並將全力支援合作店家、外送員及消費者陪伴大家一同度過非常時期。</t>
  </si>
  <si>
    <t>優惠人員foodpanda防疫醫護人員醫院贊助發出免費餐肺炎臺灣感謝使用率陪伴消費者員及</t>
  </si>
  <si>
    <t>foodpanda新冠肺炎防疫醫護人員</t>
  </si>
  <si>
    <t>防疫肺炎醫護foodpanda人員</t>
  </si>
  <si>
    <t>delta確診幼童幼稚園症狀</t>
  </si>
  <si>
    <t>幼兒園群聚截至今天累積15名幼童染疫指揮中心指出是Delta病毒的可能性很大目前確診幼童身體狀況如何？醫療應變組副組長羅一鈞表示有6名幼童出現發燒、流鼻水、喉嚨痛等症狀都是輕症並指出即使是染Delta</t>
  </si>
  <si>
    <t>幼童指出delta累積表示羅一鈞出現應變發燒症狀喉嚨醫療身體狀況確診目前可能性病毒指揮中心</t>
  </si>
  <si>
    <t>幼兒園群聚截至今天累積15名幼童染疫指揮中心指出是Delta病毒的可能性很大目前確診幼童身體狀況如何？醫療應變組副組長羅一鈞表示有6名幼童出現發燒、流鼻水、喉嚨痛等症狀都是輕症並指出即使是染Delta幼童重症機率還是低於成人。
羅一鈞表示目前小孩的症狀有6個幼童有發燒、流鼻水、喉嚨痛等症狀不是每個都有有的只有咳嗽都是輕症皆住在專責病房中因為需要照顧所以兩人一室由兒科感染科醫師負責照顧。
所幸羅一鈞表示從相關研究報告來看小朋友得到新冠肺炎即使是Delta發生重症的機率還是低於成人。</t>
  </si>
  <si>
    <t>幼童表示delta照顧症狀羅一鈞目前指出重症累積低於發燒小朋友喉嚨兒科醫師</t>
  </si>
  <si>
    <t>幼兒園群聚羅一鈞幼童Delta</t>
  </si>
  <si>
    <t>幼稚園羅一鈞delta幼童</t>
  </si>
  <si>
    <t>《科技》研調：伺服器記憶體Q2價格續漲H2再觀察疫情</t>
  </si>
  <si>
    <t>記憶體續漲價格伺服器觀察疫情科技</t>
  </si>
  <si>
    <t>根據TrendForce記憶體儲存研究(DRAMeXchange)調查顯示在美國政府標案與新冠肺炎(COVID-19)疫情帶動的遠端服務需求趨動下伺服器記憶體第二季價格續漲但也示警疫情持續擴大需注意下半年所帶來的供需改變。Tr</t>
  </si>
  <si>
    <t>疫情記憶體下半年需注意擴大dramexchange持續顯示調查美國政府帶來價格肺炎伺服器需求covid-續漲帶動</t>
  </si>
  <si>
    <t>根據TrendForce記憶體儲存研究(DRAMeXchange)調查顯示在美國政府標案與新冠肺炎(COVID-19)疫情帶動的遠端服務需求趨動下伺服器記憶體第二季價格續漲但也示警疫情持續擴大需注意下半年所帶來的供需改變。
TrendForce表示ServerDRAM(伺服器記憶體)第二季的價格漲幅從原先預測的季增15%擴大至20%；Enterprise SSD第二季價格亦同步上修預估漲幅將從原先的5-10%擴大至10-15%。同時記憶體供應商手中庫存偏低原廠將守住第二季上漲的走勢不變。
2019年第四季開始美國政府聯合組織防衛基礎設施(JEDI)標案需求持續驅動伺服器市場新冠肺炎疫情則使得遠端辦公需求大增尤其中國雲端業者的備貨需求在二月顯著增長。阿裡巴巴、騰訊主要受遠端辦公需求驅動；字節跳動則因北美業務擴張至電子商務、遊戲與金融應用等進而帶動北美自建資料中心的需求成長。
TrendForce指出需求的持續增加使得供需雙方的記憶體庫存皆達低點加上中國電信業者普遍於二月開始執行新一輪的招標將使得Server DRAM供貨更為吃緊帶動價格上揚。雖然中國疫情暫受到控制但歐洲疫情卻迅速升溫加上美國數州也發生感染將有可能衝擊全球的消費者信心全球需求發生變化會讓整體的供需結構改變下半年的價格走勢將依據疫情的擴散程度再觀察。
展望下半年企業級SSD價格走勢隨著歐洲與美國疫情快速蔓延歐洲交通樞紐米蘭也進入封城階段如果疫情延續到下半年將導致全球經濟進一步下修PC及手機OEM廠商有可能調整下半年的生產需求是否會反轉NAND Flash現在供不應求的市況將取決於全球疫情受控程度。</t>
  </si>
  <si>
    <t>需求疫情價格下半年記憶體中國全球帶動使得持續走勢伺服器歐洲擴大trendforce北美美國政府開始二月加上</t>
  </si>
  <si>
    <t>伺服器記憶體TrendForce記憶體儲存研究DRAMeXchange美國政府標案</t>
  </si>
  <si>
    <t>儲存研究dramexchange記憶體美國政府trendforce伺服器</t>
  </si>
  <si>
    <t>臺灣防疫學者已為大贊紀錄片準備</t>
  </si>
  <si>
    <t>一部最近才上映的英國紀錄片除了揭露武漢醫生坦承在新冠肺炎疫情爆發之初大陸官方要官員噤聲、對外隱瞞疫情外也在片中大讚台灣的防疫表現指出信任以及政府為這場「疫戰」準備了20年是台灣防疫成功的關鍵。</t>
  </si>
  <si>
    <t>疫情臺灣防疫紀錄片揭露武漢醫生坦承英國肺炎準備爆發政府大陸官方信任官員噤聲指出對外表現隱瞞</t>
  </si>
  <si>
    <t>一部最近才上映的英國紀錄片除了揭露武漢醫生坦承在新冠肺炎疫情爆發之初大陸官方要官員噤聲、對外隱瞞疫情外也在片中大讚台灣的防疫表現指出信任以及政府為這場「疫戰」準備了20年是台灣防疫成功的關鍵。
&amp;quot;Taiwan has really been the standout success story in the pandemic It has essentially been planning for this pandemic for 20 years at least&amp;quot; says Professor @martinmckee in @itvhub documentary &amp;apos;Outbreak: The Virus that Shook the World&amp;apos; Watch in full: https://tco/vhhDMDec2q pictwittercom/iAA3hvpOGd
英國獨立電視台（ITV）19日晚間播映有關新冠疫情的紀錄片「大爆發：震撼世界的病毒」（Outbreak: The Virus That Shook The World暫譯）片中除了錄下武漢醫生坦言在新冠肺炎疫情爆發之初就知曉、「毫無疑問」這個新冠病毒會人傳人但在醫院會議上被告知不要對外聲張「省籍領導告訴醫院不要說實話」揭露大陸官方對世界隱瞞疫情等證據。
片中也出現台灣場景讚賞台灣的防疫表現。在片尾最後一分鐘倫敦大學學院（University College London）病毒學家皮萊（Deenan Pillay）指出對抗新冠疫情需要信任及集體意志那些在抗疫方面做得很好的國家都是那些人民清楚知道該如何行動以抑制疫情的國家。
影片接著出現台灣街頭場景指出台灣擁有2400萬人口至今只有7人因為新冠肺炎喪命沒有實施過封城等大規模限制措施2020年GDP成長預測為25%。
影片後續也出現倫敦衛生暨熱帶醫學院（London School of Hygiene &amp; Tropical Medicine）教授麥基（Martin McKee）的談話他說自2003年爆發SARS（嚴重急性呼吸道症候群）疫情以來台灣就建立由中央統籌的防疫中心因此能夠快速因應疫情爆發他說台灣基本上已經為這場新冠疫戰準備了至少20年。</t>
  </si>
  <si>
    <t>疫情臺灣爆發the防疫in指出片中出現london紀錄片醫院國家對外揭露pandemic病毒been影片肺炎世界has</t>
  </si>
  <si>
    <t>台灣英國紀錄片防疫20年準備</t>
  </si>
  <si>
    <t>準備紀錄片防疫英國臺灣</t>
  </si>
  <si>
    <t>條例立院紓困蘇貞昌遊錫審議拜會</t>
  </si>
  <si>
    <t>立法院21日開議行政院長蘇貞昌今上午例行性拜會立法院長遊錫堃蘇貞昌表示新冠肺炎疫情險峻國人同心協力防疫一方面產業受到衝擊行政院將在後天通過紓困特別條例最快速度送請立法院審議請遊院長、立委</t>
  </si>
  <si>
    <t>蘇貞昌院長立法速度條例特別紓困後天行政院衝擊受到產業防疫同心協力國人險峻疫情行政院長肺炎上午表示</t>
  </si>
  <si>
    <t>立法院21日開議行政院長蘇貞昌今上午例行性拜會立法院長遊錫堃蘇貞昌表示新冠肺炎疫情險峻國人同心協力防疫一方面產業受到衝擊行政院將在後天通過紓困特別條例最快速度送請立法院審議請遊院長、立委幫忙快速通過一通過會快速提特別預算送立院審議希望立院支持特別條例跟預算通過。遊錫堃則說只要行政需要對國家有幫助能做到的一定會全力配合助蘇院長團隊得心應手。
蘇貞昌今率行政院副院長陳其邁等人拜會遊錫堃閉門會談約20分鐘後蘇貞昌、遊錫堃共同發表談話遊錫堃表示跟蘇院長是超過38年的兄弟蘇院長二度上任後績效顯著成績斐然落實有政府會做事由其抗疫防疫這點先是把非洲豬瘟阻絕在境外這次新冠肺炎防疫檢測方面做得很好行政院與立法院雖然分立只要行政團隊需要身為立法院長會依法行政全力配合蘇院長團隊。
蘇貞昌說今天專程向遊院長表示恭喜同時立法院新會期將展開特別要請遊院長多多指教支持尤其新冠肺炎疫情險峻人民及產業受到衝擊如何防疫、振興需要立法院立法及預算通過支持感謝遊院長允諾大力支持讓國人期待的紓困條例及預算趕過通過實施福國利民。
蘇貞昌強調防疫最艱困的時候蔡政府團隊快速做出和人民期待、福國利民的事情讓台灣不但度過新冠肺炎這關能夠因此更茁壯成長讓台灣在世界有一席之地。
至於企業受疫情衝擊放無薪假蘇貞昌受訪回應現在防疫最優先我們就是紓困還要振興受衝擊產業不論人或產業相關對應措施未來條例裡面規畫方向跟態度預算裡各方向規劃會很詳細希望立法院通過後有效施行讓受到衝擊困難減到最小化危機為轉機。
傳出企業不減薪、不裁員才符合紓困條件蘇貞昌說紓困是要走出困境希望務實做出有效紓困方式對應解決相關施行未來每一個行業衝擊的情況 各有不同對應措施 目前都是一個態度就是希望最快速有效雨露均霑各行各業都能周延相關規畫後續會陸續提出。</t>
  </si>
  <si>
    <t>蘇貞昌院長防疫紓困衝擊預算法院希望條例團隊立法遊錫堃特別快速肺炎支持行政院有效相關</t>
  </si>
  <si>
    <t>紓困條例蘇貞昌遊錫堃防疫行政院</t>
  </si>
  <si>
    <t>蘇貞昌條例遊錫堃防疫紓困行政院</t>
  </si>
  <si>
    <t>口罩輾斃起訴網友來希</t>
  </si>
  <si>
    <t>全國公務人員協會榮譽理事長李來希3月21日在臉書用新聞照片PO文指有民眾「為了排隊買口罩被車輾斃！」遭控違反傳染病防治法等相關法規；新北地檢署處分不起訴。網友在李來希臉書貼文恭喜並表示「公理自在人</t>
  </si>
  <si>
    <t>來希恭喜理事長違反傳染病防治法輾斃相關法規口罩新北排隊民眾處分po</t>
  </si>
  <si>
    <t>全國公務人員協會榮譽理事長李來希3月21日在臉書用新聞照片PO文指有民眾「為了排隊買口罩被車輾斃！」遭控違反傳染病防治法等相關法規；新北地檢署處分不起訴。網友在李來希臉書貼文恭喜並表示「公理自在人心」！
李來希3月在臉書張貼「口罩排隊奇觀請大家排隊拍照存證一起來貼往」等文章並在文章底下留言回覆網友「如果不是為了買口罩他就不會出門就不會遇到死劫」新北地檢署認為李來希涉嫌違反「嚴重特殊傳染性肺炎防治及紓困振興條例」、「傳染病防治法」將其傳喚到案。
李來希到案後稱自己只是針對口罩購買方式及分配與網友討論並提出質疑且口罩政策屬可受公評事項應受憲法保障之言論自由範疇並強調自己的言論完全沒有涉及任何新冠肺炎疫情內容堅決否認有散佈謠言之嫌。
新北地檢署調查後認為該篇文章標題及內容均未提及新冠肺炎流行疫情同時也沒有擴大喧染疫情字句難認違反傳染病防治法罪證不足因此不予起訴。
網友在李來希臉書貼文恭喜並表示「公理自在人心」！</t>
  </si>
  <si>
    <t>口罩來希網友違反傳染病防治法肺炎新北疫情排隊沒有內容認為起訴到案憲法應受</t>
  </si>
  <si>
    <t>李來希新北地檢署口罩新冠肺炎新冠病毒</t>
  </si>
  <si>
    <t>口罩新北肺炎來希病毒</t>
  </si>
  <si>
    <t>下場最慘前臺烏鴉bnt</t>
  </si>
  <si>
    <t>鴻海、台積電與上海復星簽約1000萬劑輝瑞/BNT疫苗預計9月供貨讓民眾想等到9月再打疫苗然而前臺大醫院感染科醫師林氏璧表示輝瑞/BNT要9月才來預計要有95%的完整保護力最快要到年底「我不想烏鴉嘴但確定</t>
  </si>
  <si>
    <t>疫苗輝瑞bnt預計年底要到力最保護簽約完整醫師醫院感染上海前臺林氏表示</t>
  </si>
  <si>
    <t>bntaz輝瑞疫苗林氏效果保護開放混打年底疫情接種不錯完整不要昨天</t>
  </si>
  <si>
    <t>BNT輝瑞AZ混打林氏璧</t>
  </si>
  <si>
    <t>混打輝瑞林氏azbnt</t>
  </si>
  <si>
    <t>西門遊遍曝光足跡科教新北</t>
  </si>
  <si>
    <t>新北今新增3例確診分別是永和1人、板橋1人、土城1人。新北市衛生局同時公佈確診者足跡遍及西門町誠品生活武昌店、西門萬年大樓及永和勵行市場。新北市衛生局同時公佈確診者足跡板橋個案24日下午曾至北市士林區</t>
  </si>
  <si>
    <t>確診永和板橋西門足跡公佈新北市衛生局下午個案分別曾至武昌店大樓遍及勵行市場北市生活新增</t>
  </si>
  <si>
    <t>新北今新增3例確診分別是永和1人、板橋1人、土城1人。新北市衛生局同時公佈確診者足跡遍及西門町誠品生活武昌店、西門萬年大樓及永和勵行市場。
新北市衛生局同時公佈確診者足跡板橋個案24日下午曾至北市士林區國立台灣科學教育館晚上至板橋區一鍋瘋精緻小火鍋；26日下午至捷運江子翠站、西門站、誠品生活武昌店、西門萬年商業大樓及武昌街雜誌瘋書店。永和個案於25日上午曾到永和勵行市場。
★《中時新聞網》提醒您：因應新冠肺炎疫情疾管署持續加強疫情監測與邊境管制措施 如有疑似症狀請撥打：1922專線或 0800-001922並依指示配戴口罩儘速就醫同時主動告知醫師旅遊史及接觸史以利及時診斷及通報。</t>
  </si>
  <si>
    <t>永和板橋確診西門下午個案疫情市場勵行大樓公佈足跡接觸史及武昌店旅遊新北市衛生局醫師告知主動就醫以利口罩配戴</t>
  </si>
  <si>
    <t>新冠肺炎台灣西門町1人永和</t>
  </si>
  <si>
    <t>西門臺灣肺炎永和</t>
  </si>
  <si>
    <t>fed經濟決議疫情利率按兵不動決策前景後首大選風險</t>
  </si>
  <si>
    <t>美國聯邦準備理事會（Fed）於臺北時間今淩晨3時公佈最新利率決策Fed決議聯邦基金利率目標區間維持在0%至025%不變符合市場預期這也是美國總統大選後Fed首場決策會議。會議中指出新冠疫情對中期經濟前景構成相</t>
  </si>
  <si>
    <t>fed決策利率中期疫情經濟會議臺北市場預期時間美國總統大選基金淩晨公佈最新出新中指前景符合</t>
  </si>
  <si>
    <t>美國聯邦準備理事會（Fed）於臺北時間今淩晨3時公佈最新利率決策Fed決議聯邦基金利率目標區間維持在0%至025%不變符合市場預期這也是美國總統大選後Fed首場決策會議。會議中指出新冠疫情對中期經濟前景構成相當大的風險經濟成長仍遠不及疫情前水準。
新冠肺炎爆發引發全球大流行！美國3月新冠疫情升溫後後Fed快速採取行動2度緊急降息降幅高達6碼之後Fed利率持續按兵不動。
聯準會週四沒有對九月的提出的政策做出任何改變據聯準會最新的政策聲明中提到將持續的公共衛生危機將在短期內繼續對經濟活動、就業和通膨造成壓力。會議中也重申利用所有工具支持美國經濟並按當前速度擴大資產負債表。
聯準會決議利率按兵不動然據聯準今年9月利率會議上暗示會將維持基準利率逼近於零至少到2023年。</t>
  </si>
  <si>
    <t>fed經濟會議美國利率疫情准會維持最新持續決策政策決議按兵不動基準利率臺北時間市場預期</t>
  </si>
  <si>
    <t>Fed聯準會首場按兵不動新冠疫情</t>
  </si>
  <si>
    <t>首場按兵不動准會fed疫情</t>
  </si>
  <si>
    <t>人數紀錄死亡確診大關伊朗</t>
  </si>
  <si>
    <t>伊朗衞生部10日公佈境內新增54件新冠肺炎死亡個案是有記錄以來單日最高全國確診人數也在24小時內增加了881人增加至8042例。據外電報導伊朗衛生部發言人賈漢普爾（Kianoush Jahanpour）在記者會上表示全</t>
  </si>
  <si>
    <t>衛生部伊朗增加jahanpourkianoush普爾賈漢發言人確診人數全國新增最高境內以來記錄肺炎死亡個案記者會小時外電報導</t>
  </si>
  <si>
    <t>伊朗衞生部10日公佈境內新增54件新冠肺炎死亡個案是有記錄以來單日最高全國確診人數也在24小時內增加了881人增加至8042例。
據外電報導伊朗衛生部發言人賈漢普爾（Kianoush Jahanpour）在記者會上表示全國死亡人數迄今已攀升至291人此外今日又新增881人確診此外還有2731人已經康復出院。</t>
  </si>
  <si>
    <t>死亡確診全國人數新增衛生部伊朗增加發言人賈漢境內kianoush普爾jahanpour個案肺炎記者會以來記錄表示最高迄今已攀升</t>
  </si>
  <si>
    <t>確診單日死亡人數新冠肺炎伊朗</t>
  </si>
  <si>
    <t>人數死亡肺炎伊朗確診</t>
  </si>
  <si>
    <t>確診環南市場新北感染</t>
  </si>
  <si>
    <t>新北市今日新增20例本土確診新北市長侯友宜下午主持防疫會議表示今日板橋增5人、三重新增4人最多跟臺北市感染源有關的有4例包括永和居民曾在北市環南市場工作因而染疫另外三峽新增3例也和臺北市感染源有關</t>
  </si>
  <si>
    <t>今日新增臺北市新北感染有關北市環南防疫會議市場下午表示侯友宜主持工作曾在居民市長永和包括本土確診三峽</t>
  </si>
  <si>
    <t>新北市今日新增20例本土確診新北市長侯友宜下午主持防疫會議表示今日板橋增5人、三重新增4人最多跟臺北市感染源有關的有4例包括永和居民曾在北市環南市場工作因而染疫另外三峽新增3例也和臺北市感染源有關。
侯友宜表示今日板橋增5人最多三重4人、新店三峽各3人、新莊2人其餘各區0到1例不等；新北市累計確診6505人其中4923人解除隔離。
侯友宜說今日新增20例中有11例都是居家隔離中發現確診感染源掌握中另外9例非居家隔離者部分有4例與臺北市相關包括一位永和居民曾在環南市場工作昨天驗出染疫；另外三峽一男子在北市醫院工作染疫並傳染給媽媽還有一例也是三峽居民有萬華接觸史傳染給媽媽和外籍看護。
★《中時新聞網》提醒您：因應新冠肺炎疫情疾管署持續加強疫情監測與邊境管制措施 如有疑似症狀請撥打：1922專線或0800-001922並依指示配戴口罩儘速就醫同時主動告知醫師旅遊史及接觸史以利及時診斷及通報。</t>
  </si>
  <si>
    <t>三峽今日侯友宜確診臺北市接觸隔離新增居民疫情感染工作媽媽傳染給新北有關市場北市</t>
  </si>
  <si>
    <t>三峽新北板橋確診感染源</t>
  </si>
  <si>
    <t>新北確診感染板橋三峽</t>
  </si>
  <si>
    <t>有利配送加速全美開始接種疫苗莫德納行動</t>
  </si>
  <si>
    <t>據《美聯社》等外媒報導總部設於德州達拉斯的藥品零售商麥克森公司於美東時間20日6時(臺灣時間20日19時)宣佈莫德納疫苗已展開全美配送。莫德納疫苗18日獲美國食品暨藥物管理局(FDA)緊急授權批准上市而成為美國</t>
  </si>
  <si>
    <t>美國莫德納疫苗設於時間德州達拉斯藥品零售商緊急授權麥克森總部fda公司美東管理局宣佈藥物食品批准報導配送上市展開</t>
  </si>
  <si>
    <t>據《美聯社》等外媒報導總部設於德州達拉斯的藥品零售商麥克森公司於美東時間20日6時(臺灣時間20日19時)宣佈莫德納疫苗已展開全美配送。莫德納疫苗18日獲美國食品暨藥物管理局(FDA)緊急授權批准上市而成為美國第2支2019冠狀病毒疫苗。
《美聯社》報導指出田納西州曼菲斯(Memphis)的藥品工廠的員工正快馬加鞭地將莫德納公司與國家衛生研究院研發的疫苗裝箱。隨著配送開始預計21日便可開始注射接種距離FDA緊急授權僅3天。
隨著莫德納疫苗配送至全美逾3700個點後加上輝瑞疫苗的助攻有利於疫苗施打的規模與速度。美方估計接下來1週將分別配送590萬與200萬劑的莫德納與輝瑞疫苗。
報導表示由專家組成的委員會20日稍晚將討論首波接種對象為何以加速疫苗施打的速度。根據初步估計直到明天春天以前疫苗數量仍不足以讓一般民眾都能接受注射故將按比例分配疫苗施打。
專家指出「重點工作者」可能成為首波接種對象。由於大眾運輸工具司機、雜貨店員工這些人是感染高風險族群故應首先施打；但也有人主張65歲以上的老人與患有特定疾病的患者應優先接種因其死亡率最高。
雖然專家小組的建議可望獲得美國疾病管制暨預防中心(CDC)的首肯；但CDC強調各州做法會有所不同因為當地衛生部門對於誰屬於更危險的族群恐有不同認定。
不論是輝瑞疫苗還是莫德納疫苗首次接種後的數週便須接受第2劑的注射且第2劑須與首劑來自同一家公司。原本美國雄心萬丈的喊出年底前為2000萬人施打第1劑；不過這個目標恐延宕至2021年1月的第1週才能達成。</t>
  </si>
  <si>
    <t>疫苗接種莫德納美國公司專家注射配送報導輝瑞族群疾病藥品員工施打成為指出接受估計對象fda緊急授權</t>
  </si>
  <si>
    <t>莫德納疫苗輝瑞疫苗新冠肺炎冠狀病毒疫苗接種</t>
  </si>
  <si>
    <t>疫苗肺炎病毒冠狀輝瑞接種莫德納</t>
  </si>
  <si>
    <t>冷清接種存心加開疫苗</t>
  </si>
  <si>
    <t>北市聯醫派醫護人員至花博接種站協助打疫苗醫師薑冠宇也到現場支援但看到現場狀況忍不住說原本每天早上8點開打有人提早到就鬧說等好久最後疫苗接種時間改為7點半開打但人卻來得零零落落很多地方空空如</t>
  </si>
  <si>
    <t>疫苗接種現場醫護人員花博協助薑冠宇醫師忍不住原本早上時間最後提早到支援看到狀況</t>
  </si>
  <si>
    <t>北市聯醫派醫護人員至花博接種站協助打疫苗醫師薑冠宇也到現場支援但看到現場狀況忍不住說原本每天早上8點開打有人提早到就鬧說等好久最後疫苗接種時間改為7點半開打但人卻來得零零落落很多地方空空如也醫護提早上班、加開戰線支援疫苗接種卻不被珍惜讓他忍不住怒轟「是存心整我們嗎？」引起網友討論。
醫師薑冠宇今在臉書發文表示「我覺得人真的就是大頭症！」打個疫苗竟然動用整個聯醫的各個院區系統開戰線每天早上8點開始打疫苗醫護人員已經加夜班、不周休了但民眾還是不滿足有人提早到接種站就鬧著說打疫苗要等超久結果疫苗接種時間提早到7點半開打醫護人員的集合時間也改為6點50分。
薑冠宇說提早開放打疫苗人也沒有比較多啊！最扯的是大家認為人潮會最洶湧的上午10點來接種疫苗的人也是零零落落結果就像照片裡面看到的那樣醫護人員早早就到現場準備好但放眼望去好幾排的椅子都空空如也這樣同時間開這麼多戰線的原因到底是為了什麼？
薑冠宇不滿地說「你早到是你的事你可以去泡茶但鬧給現場媒體看造成我們提早上班也不會加錢反倒是看到戰線加開後也不被珍惜這樣是存心整我們嗎？」
薑冠宇說每個醫護人員都是被徵召來的都要調開自己的上班時間放著自己負責的病人到現場支援打疫苗或其他防疫事務「請至少讓我們做得值得民主社會大喊權利前提是要對自己負責任的公民啊！」
誇張景象引起網友討論「這真的是太浪費醫療人力了」、「刁民就是什麼事情都要以他方便為方便」、「現在刁民太多啊沒有同理心」、「現在的民眾都是巨嬰和刁民啊」、「醫護人員真的辛苦了」。
不過也有網友分享自己早上8點多去打疫苗的狀況表示接種站現場雖然沒有人潮滿滿但等待接種疫苗的民眾也不少當初在疫苗平臺預約時很多時段都秒殺只能約到很早的時段而家人是加開的對象卻已經約不到場次了最後只能去外縣市接種不知道怎麼會有這樣的落差但醫護人員們真的辛苦了。
對此中央流行疫情指揮中心指揮官陳時中回應而他昨天上午也有到花博接種站現場看發現去施打疫苗的人數龐大但整體都很井然有序。至於大家的抱怨他也有去瞭解當初疫苗開打的時間較晚加上最初又都是年長者起得比較早也就比較早去現場加上當初那邊沒有特別設至等待區才導致狀況比較混亂但現在施打年齡較輕預約時間也比較準確。
陳時中也呼籲大家盡量按照自己預約的時間到現場接種這樣秩序會比較好。</t>
  </si>
  <si>
    <t>疫苗接種醫護人員現場時間比較薑冠宇戰線沒有早上民眾真的</t>
  </si>
  <si>
    <t>疫苗加開醫護新冠肺炎台灣冷清</t>
  </si>
  <si>
    <t>肺炎醫護臺灣加開冷清疫苗</t>
  </si>
  <si>
    <t>開發馬力疫苗增資會報佳音高端現</t>
  </si>
  <si>
    <t>高端（6547）現增資192億元已於上週完成原股東及員工繳款。隨著資金到位新冠疫苗開發案加速馬力有機會力拚明年第二季向台灣食藥署（TFDA）申請緊急使用授權（EUA）此外腸病毒、登革熱疫苗開發也持續推動</t>
  </si>
  <si>
    <t>疫苗開發上周完成股東員工已於登革熱資金tfda使用申請緊急臺灣到位季向腸病毒明年授權力拼機會eua</t>
  </si>
  <si>
    <t>高端（6547）現增資192億元已於上週完成原股東及員工繳款。隨著資金到位新冠疫苗開發案加速馬力有機會力拚明年第二季向台灣食藥署（TFDA）申請緊急使用授權（EUA）此外腸病毒、登革熱疫苗開發也持續推動總經理陳燦堅將於11/24法說會中報佳音。
有機會因開發的新冠疫苗效期長達6個月以上躋身全球新冠疫苗開發案前段班的高端此次現增雖在美國大選期間市場動盪之際但原股東仍表現高度支持意願除了大股東基亞生技因資金不充裕放棄現增外其他股東高比例參與現金增資以實際行動支持本土疫苗公司的新冠肺炎疫苗研發及生產活動。
依照公司公告的現增時程目前是現金增資的特定人繳款及一般投資人抽籤階段預計本週五前現增資金可到位全速衝刺疫苗臨床試驗及疫苗生產。
高端的新冠肺炎疫苗第一期臨床試驗目前於台大醫院執行中為符合國家防疫需求目標為12月進入二期臨床於明年取得緊急使用許可（EUA）並開始出貨。
高端疫苗除順利推動國內的臨床試驗外研發及業務的國際合作也持續進行中陳燦堅總經理預計在11月24日的法說會中對外說明公司的研發進度及業務佈局。</t>
  </si>
  <si>
    <t>疫苗股東臨床高端開發資金研發增資試驗明年預計目前支持緊急使用公司現金eua推動到位</t>
  </si>
  <si>
    <t>全球高端疫苗現增新冠疫苗高端</t>
  </si>
  <si>
    <t>高端疫苗全球</t>
  </si>
  <si>
    <t>賽前生病硬打祖維瑞向醫生報到法網</t>
  </si>
  <si>
    <t>ATP男單世界排名第7點的德國好手小組維瑞夫（Alexander Zverev）拖著發燒生病的身體昨天硬是打了2020年法國網球公開賽男單16強戰最後他3比6、3比6、6比4、3比6落敗但還要等新冠肺炎病毒檢驗結果如果確診可能</t>
  </si>
  <si>
    <t>男單病毒肺炎好手小組落敗alexander最後zverev檢驗強戰發燒生病身體公開賽昨天硬是網球法國德國結果</t>
  </si>
  <si>
    <t>ATP男單世界排名第7點的德國好手小組維瑞夫（Alexander Zverev）拖著發燒生病的身體昨天硬是打了2020年法國網球公開賽男單16強戰最後他3比6、3比6、6比4、3比6落敗但還要等新冠肺炎病毒檢驗結果如果確診可能還會影響獲勝的對手辛納（Jannik Sinner）的法網路。
雖然小祖維瑞夫之前的新冠肺炎病毒檢驗呈陰性不過他第三輪獲勝後、從巴黎時間上週五晚間開始就身體很不舒服體溫超過華氏100度（約攝氏378度）也諮詢過大會醫療團隊儘管生病他還是不想放棄男單16強但賽後坦言自己真的病得很重不應該出賽的。
「我無法呼吸你們可以聽到我喘息的聲音。」小祖維瑞夫這麼說「同時我也有點發燒身體狀況確實不在最佳我應該表明情況我覺得生病影響了我的表現。」
小祖維瑞夫並說：「老實說我參加了熱身也想過不應該出賽但我還是抱著可以直落三盤勝出之類的但比賽一開打我就知道沒那麼簡單。」
外媒指出法國網協和法網官方要求選手每5天就要進行一次新冠病毒檢驗以及選手必須坦白任何症狀不過小祖維瑞夫周日出賽時並未跟大會醫生說明身體不適而他上一次做病毒檢驗是上週二。
法國網協透過聲明表示：「小祖維瑞夫都有準時做檢查之前的結果都是陰性所以可以參賽今天（法國巴黎當地時間周日）他收到要再做下一次檢驗的通知但16強賽前卻沒有向大會醫生諮詢。」</t>
  </si>
  <si>
    <t>祖維瑞檢驗生病身體法國男單可以病毒應該出賽大會時間獲勝發燒影響法網陰性周日</t>
  </si>
  <si>
    <t>網球法國網球公開賽小祖維瑞夫病毒檢驗法網</t>
  </si>
  <si>
    <t>祖維瑞病毒公開賽網球檢驗法國法網</t>
  </si>
  <si>
    <t>專案救國團就醫鄉親優惠小金門住宿</t>
  </si>
  <si>
    <t>小金門鄉親跨海到金門本島就醫常因船班和天候因素無法在當天趕回對岸。縣府特協調救國團金門青年活動中心提供優惠住宿每晚只要新台幣600元希望帶給病患和家屬更多方便。縣衛生局指出小金門（烈嶼鄉）對外</t>
  </si>
  <si>
    <t>金門小金門指出衛生局方便家屬希望本島台幣就醫住宿天候優惠因素無法常因當天趕回對岸提供中心</t>
  </si>
  <si>
    <t>小金門鄉親跨海到金門本島就醫常因船班和天候因素無法在當天趕回對岸。縣府特協調救國團金門青年活動中心提供優惠住宿每晚只要新台幣600元希望帶給病患和家屬更多方便。
縣衛生局指出小金門（烈嶼鄉）對外交通不便醫療資源也相對不及金門本島當地鄉親至金門醫院院本部就醫如遇船班影響而無法順利返回小金門常為住宿過夜問題十分困擾。縣府基於照顧縣民政策特與救國團金門青年活動中心協調提供病患和家屬「專案」住宿優惠。
優惠住宿專案時間為109年3月1日至110年2月28日；對象及標準如下：(1)設籍烈嶼鄉鄉親出示金門醫院就診單或住院照顧家屬提供相關憑證等即可以優惠價入住。(2)救國團青年活動中心提供專案房價每房每晚600元無另贈早餐。(3)使用該專案請事前電話預訂如遇住宿已額滿日期則無法接待入住。</t>
  </si>
  <si>
    <t>金門住宿無法提供專案小金門家屬照顧縣府就醫救國團醫院本島中心活動優惠青年協調鄉親</t>
  </si>
  <si>
    <t>新冠肺炎武漢肺炎新型冠狀病毒台灣金門</t>
  </si>
  <si>
    <t>肺炎武漢冠狀病毒臺灣金門</t>
  </si>
  <si>
    <t>建議試驗提早結束dsmb直接申請北極星</t>
  </si>
  <si>
    <t>fda認可獨立機構資料安全監視收到委員會dsmbpfs生存期cp惡化os主動存活率超過整體來文</t>
  </si>
  <si>
    <t>dsmb建議試驗北極星臨床進行fda藥業成員申請提早治療結束審查機構臺灣決策來文考慮中心美國會議提供資料</t>
  </si>
  <si>
    <t>北極星藥業DSMB肺間皮癌FDA</t>
  </si>
  <si>
    <t>dsmb藥業fda北極星</t>
  </si>
  <si>
    <t>病毒危機以色列企業</t>
  </si>
  <si>
    <t>以色列總理納坦亞胡週日表示將建立40億謝克爾（12億美元）的基金以幫助受新冠肺炎發影響的以色列公司能夠走出危機。路透社報導納坦亞胡他與財政部長卡隆（Moshe Kahlon）已經制定了該基金的計劃並將在內閣</t>
  </si>
  <si>
    <t>基金納坦亞胡以色列制定已經kahlon卡隆財政部長影響公司moshe能夠肺炎報導路透社危機謝克爾表示幫助建立周日計畫總理</t>
  </si>
  <si>
    <t>以色列總理納坦亞胡週日表示將建立40億謝克爾（12億美元）的基金以幫助受新冠肺炎發影響的以色列公司能夠走出危機。
路透社報導納坦亞胡他與財政部長卡隆（Moshe Kahlon）已經制定了該基金的計劃並將在內閣會議上提出。不過他透露的很有限沒有提到具體的做法。
以色列雖然疫情輕微但是經濟仍受影響以色列航空公司（ELALTA）表示新冠肺炎導致全球航空運輸的衰退幅度比想像的要大導致今年年初的收入下跌幅度也比先前的預期更嚴重以航已請求政府援助。
以色列中央銀行上週曾表示病毒的爆發還未對經濟產生重大影響不過當時也下了但書表示如果情況嚴重惡化將準備相應的貨幣政策來穩定經濟。</t>
  </si>
  <si>
    <t>以色列表示影響經濟幅度基金導致納坦亞胡公司肺炎有限相應透露提出準備嚴重沒有卡隆財政部長提到請求</t>
  </si>
  <si>
    <t>以色列納坦亞胡新冠肺炎</t>
  </si>
  <si>
    <t>納坦亞胡以色列肺炎</t>
  </si>
  <si>
    <t>實體全球臺北國際年底登場</t>
  </si>
  <si>
    <t>台灣年度觀光旅遊盛事「ITF臺北國際旅展」實體展將於10/30至11/2在臺北南港展覽館展出受新冠肺炎衝擊本屆旅展規模大幅縮水且航空公司沒有參展外國觀光局亦只能由駐台辦事處參加攤位數由去年1700個大減為</t>
  </si>
  <si>
    <t>臺北參加辦事處只能itf觀光局外國參展攤位沒有公司航空縮水南港展出大幅展覽館規模肺炎衝擊盛事國際去年</t>
  </si>
  <si>
    <t>台灣年度觀光旅遊盛事「ITF臺北國際旅展」實體展將於10/30至11/2在臺北南港展覽館展出受新冠肺炎衝擊本屆旅展規模大幅縮水且航空公司沒有參展外國觀光局亦只能由駐台辦事處參加攤位數由去年1700個大減為今年1000個整體規模較去年減少30％。
全球疫情持續蔓延重創國際觀光產業惟ITF臺北國際旅展今年依然逆風前行主辦單位台灣觀光協會祕書長羅瓊雅表示主要目的是為台灣觀光人加油打氣此一決定也使ITF臺北國際旅展成為2020年底前全世界最大型的國際型實體旅展。
羅瓊雅表示因COVID-19新冠肺炎影響觀光業受到重創因此航空業、部份國家館和旅行社今年首度缺席主辦單位深感遺憾但在艱困環境下ITF臺北國際旅展依然持續和觀光產業並肩合作不僅首次舉辦從6月底開跑至今的線上旅展今年實體旅展也將逆風前行成為年底前全球最大型的實體旅展現場仍有台灣近20個縣市政府展示各地特色遊程並有超過20個國家地區參展。
為提高民眾入場觀展意願今年ITF臺北國際旅展除了各參展單位展出內容外還有具知識性的「旅遊論壇」探討《與疫情共存的時代》更首次辦理「旅遊沙龍」請學者專家及旅遊達人共同討論對住宿、遊程、運動和親子等特殊主題的想像；此外最受大小朋友歡迎的「吉祥物大遊行」及「吉祥物見面會」則是其它展覽沒有的特殊體驗。
為協助觀光業復甦台灣觀光協會自6月29日起首度架設線上旅展提供免費平臺讓觀光業者上架優質商品讓民眾可在線上選購優質旅遊產品其中「中秋、雙十連假Follow me」並於16日起正式上線開賣包括台北美福飯店、凱撒飯店以及長汎、宏祥與山富旅行社都針對中秋推出優惠專案全台最高的臺北101觀景台也推出「登高望遠慶中秋－觀景台門票1大帶2小」優惠。羅瓊雅表示ITF線上旅展將會持續集結全國觀光業者推出前所未有的組合商品直到9月底。</t>
  </si>
  <si>
    <t>臺北觀光臺灣今年旅遊觀光業itf中秋參展推出國際持續羅瓊雅表示實體游程疫情旅行社特殊沒有國家</t>
  </si>
  <si>
    <t>ITF臺北國際旅展中秋肺炎觀光業羅瓊雅</t>
  </si>
  <si>
    <t>中秋肺炎國際臺北觀光業itf羅瓊雅</t>
  </si>
  <si>
    <t>面臨罷免連署燕子侯友宜說話禿子</t>
  </si>
  <si>
    <t>繼高雄市長韓國瑜遭發起罷免昨(28)台中市長盧秀燕也被「公民除銹工程」社團發起罷免連署新北市長侯友宜今(29)至捷運環狀線視察時表示在新冠肺炎疫情高張的時候全國民眾一定要團結齊心齊力面對疫情這是我</t>
  </si>
  <si>
    <t>市長疫情發起罷免齊心團結一定民眾全國時候高張肺炎表示視察環狀侯友宜新北社團齊力</t>
  </si>
  <si>
    <t>繼高雄市長韓國瑜遭發起罷免昨(28)台中市長盧秀燕也被「公民除銹工程」社團發起罷免連署新北市長侯友宜今(29)至捷運環狀線視察時表示在新冠肺炎疫情高張的時候全國民眾一定要團結齊心齊力面對疫情這是我們最關心、最重要的事情「我一定會跟中央合作把防疫工作做好這是我們最關心的一點。」
另防疫工作表現部分臺北市長柯文哲雖整體聲量高但正面聲量卻輸給侯友宜對此侯表示自己全心全力在防疫工作「對很多事情不會用太多心思去瞭解對這部分沒有特別用心去分析。」</t>
  </si>
  <si>
    <t>市長工作防疫侯友宜表示部分一定疫情事情發起罷免關心公民台中盧秀燕工程心思社團除鏽視察</t>
  </si>
  <si>
    <t>侯友宜新北市新冠肺炎武漢肺炎 COVID-19</t>
  </si>
  <si>
    <t>肺炎武漢新北侯友宜covid-</t>
  </si>
  <si>
    <t>持續疫情失控肺炎裁員</t>
  </si>
  <si>
    <t>中國大陸新冠肺炎疫情持續延燒許多企業都無法正常開工員工被減薪、放無薪假是常見更慘是直接被裁員許多中小企業甚至開始倒閉有分析師指出若是這個情況持續可能會讓失業人數上看450萬人對中國大陸影響</t>
  </si>
  <si>
    <t>持續大陸中國員工開工肺炎無法正常疫情失業人數企業裁員開始中小企業倒閉甚至可能分析情況</t>
  </si>
  <si>
    <t>中國大陸新冠肺炎疫情持續延燒許多企業都無法正常開工員工被減薪、放無薪假是常見更慘是直接被裁員許多中小企業甚至開始倒閉有分析師指出若是這個情況持續可能會讓失業人數上看450萬人對中國大陸影響甚大。
北京大學及北京清華大學針對近1千家的中小企業進行聯合調查其中有34%表示目前的現金流只能支撐一個月的時間而只有18%可以支援三個月時間這對眾多勞工來說可不是一件好事若是疫情持續可能會有一波倒閉潮。
北京中原銀行首席經濟學家王軍認為這次的情形跟2008年時的金融海嘯時期有些類似當時約有2千萬移工失業讓中國大陸當局使用4兆人民幣的預算來保護經濟雖然經濟成長率有所提升但也因此背上債務。
而英國經濟學人智庫（EIU）分析師王丹認為目前因為新冠肺炎疫情影響導致服務業遭到重創而小型製造業幾乎沒辦法獲利若是疫情沒辦法再3月底前獲得控制接下來就有可能出現大波裁員潮預計人數可能高達450萬人。
雖然中國大陸國務院發出承諾避免裁員潮並要求地方政府提高失業津貼等等來降低人民恐慌感不過依照目前疫情來看還是有些危險。
更多 CTWANT 報導</t>
  </si>
  <si>
    <t>疫情可能大陸中國目前裁員持續經濟認為分析失業北京影響中小企業倒閉肺炎時間</t>
  </si>
  <si>
    <t>中國大陸新冠肺炎疫情裁員新冠肺炎</t>
  </si>
  <si>
    <t>肺炎疫情大陸中國裁員</t>
  </si>
  <si>
    <t>新北找到市場環南陽性</t>
  </si>
  <si>
    <t>北市環南市場傳出41人確診新北市長侯友宜今（3日）主持防疫記者會表示目前接到通報13人是否還會增加靜待中央通報昨天新北市篩檢316人有北農、環南市場接觸史找到1個快篩陽性其中加護感染有2人會快速跟</t>
  </si>
  <si>
    <t>通報新北市場環南主持防疫記者會侯友宜表示市長目前接到確診找到陽性感染是否增加接觸</t>
  </si>
  <si>
    <t>北市環南市場傳出41人確診新北市長侯友宜今（3日）主持防疫記者會表示目前接到通報13人是否還會增加靜待中央通報昨天新北市篩檢316人有北農、環南市場接觸史找到1個快篩陽性其中加護感染有2人會快速跟北市並肩作戰、區域聯防。
另外新北家禽合作社累計共29人確診侯友宜說面對5大批發市場除了依苗接種外從業人員一定要持「陰性證明」、「疫苗施打證明」才能進場嚴格落實管理措施會依據市場落實的防疫狀況隨時抽驗只要一有狀況馬上啟動PCR要確保民生供應鏈不能中斷。
★《中時新聞網》提醒您：因應新冠肺炎疫情疾管署持續加強疫情監測與邊境管制措施 如有疑似症狀請撥打：1922專線或 0800-001922 並依指示配戴口罩儘速就醫同時主動告知醫師旅遊史及接觸史以利及時診斷及通報。</t>
  </si>
  <si>
    <t>新北通報市場措施防疫接觸疫情侯友宜確診落實狀況證明環南北市肺炎提醒您指示配戴因應新聞網</t>
  </si>
  <si>
    <t>環南市場北市新北篩檢侯友宜</t>
  </si>
  <si>
    <t>新北北市南市侯友宜</t>
  </si>
  <si>
    <t>下午效期疫苗明年bnt月底</t>
  </si>
  <si>
    <t>中央流行疫情指揮中心今(9)日表示民間機構共同捐贈的第十四批BNT疫苗19235萬劑預計於今日下午運抵桃園國際機場並在完成通關程式後直接運送至指定冷儲物流中心進行後續檢驗封緘作業。指揮中心說明由民間機</t>
  </si>
  <si>
    <t>中心指揮民間桃園國際機場完成下午通關今日程式預計疫苗直接bnt捐贈機構共同運送進行作業指定物流冷儲後續表示</t>
  </si>
  <si>
    <t>中央流行疫情指揮中心今(9)日表示民間機構共同捐贈的第十四批BNT疫苗19235萬劑預計於今日下午運抵桃園國際機場並在完成通關程式後直接運送至指定冷儲物流中心進行後續檢驗封緘作業。
指揮中心說明由民間機構共同捐贈的BNT疫苗1500萬劑目前共計到貨123979萬劑分別為首批9月2日93萬劑、第二批9月9日91萬劑、第三批9月30日54萬劑、第四批10月1日67萬劑、第五批10月4日27萬劑、第六批10月7日8892萬劑、第七批10月8日8892萬劑、第八批10月14日827萬劑、第九批10月28日9021萬劑、第十批10月29日9103萬劑、第十一批11月5日8717萬劑、第十二批11月12日9266萬劑、第十三批11月25日9383萬劑以及本批19235萬劑。本批疫苗效期至2022年3月25日將由指揮中心統籌運用儘速提供民眾接種。
對於台積電、永齡基金會、慈濟基金會三間企業和民間團體積極協助提供更多的疫苗讓民眾接種加速提升台灣疫苗覆蓋率指揮中心再次表達由衷的謝意。</t>
  </si>
  <si>
    <t>中心疫苗指揮提供接種民眾bnt捐贈民間共同機構基金會通關程式完成直接國際機場桃園運送指定冷儲民間團體物流進行下午積極</t>
  </si>
  <si>
    <t>BNT民間團體購買抵台效期</t>
  </si>
  <si>
    <t>bnt民間團體效期購買</t>
  </si>
  <si>
    <t>防疫機構帶進落實社區安心開始</t>
  </si>
  <si>
    <t>近年全球受到流行性病毒影響繼17年前的SARS之後陸續有MERS、H1N1再到這次的新冠肺炎導致全球確診人數突破400萬人死亡人數也逾30萬讓人類不得不重視病毒帶來的威脅。目前最有效的防疫方式就是戴口罩、勤</t>
  </si>
  <si>
    <t>病毒全球人數方式防疫有效目前威脅就是影響之後陸續sarsmers確診導致肺炎帶來</t>
  </si>
  <si>
    <t>近年全球受到流行性病毒影響繼17年前的SARS之後陸續有MERS、H1N1再到這次的新冠肺炎導致全球確診人數突破400萬人死亡人數也逾30萬讓人類不得不重視病毒帶來的威脅。目前最有效的防疫方式就是戴口罩、勤洗手但是病毒無所不在難保完全杜絕病毒侵襲。為了更落實防疫新潤機構2020全新推案主打【心建築新建築】主題將防疫觀念帶進日常生活打造安全性極高的防疫社區讓民眾居住的每分每秒都好安心。
新潤建設機構一直以來都以「心建築・新建築新潤最懂你的“家”」為初衷總是用“心”傾聽客戶要什麼並融合消費者意願及創“新”思維打造出最符合現今消費者的需求。新潤建設機構於去年(2019)推出「新潤氧生宅」希望建造一個以健康為走向的建築他們不但安頓好消費者的居所連健康也顧到了。新潤興業協理蔣秀婷表示新潤保持初衷並為客戶思考能為他們做什麼我們開始思考讓建築變成更適合居住的「家」因此防疫社區由之而生。
每天外出上班就算戴著口罩還是經常暴露於危險之中就算戴好口罩、勤洗手還是容易因漏網之魚而染疫但若是家中就有防疫防護罩讓久待的空間更安全那麼防疫就會讓人更安心。新潤建設機構將三重防護搬進社區內包含每戶都有除氯淨水設備讓喝進身體的水及接觸皮膚的水都變得好乾淨；公共空間配置醫療等級空氣清淨機頻繁進出的公共空間(包含電梯)都能有效抑制病毒避免交叉感染；居家室內採用防霾紗窗及日立淨化箱阻隔戶外霧霾及PM25的入侵使室內空氣乾淨又清新。
新潤建設協理劉文邦提到防疫社區的設備是直接包套做到好而這樣的做法也成為同業的效仿對象認為如此可以提升台灣建築建設樂見其成。此外除了既有的硬體設備之外社區內還會不定時規劃互動課程健身房也會安排教練課程；值得一提的是新潤每年都會舉辦尾牙邀請住戶共襄盛舉進而增加住戶彼此間的互動。
新潤機構成立12年以來已超過為5000戶家庭圓夢成家且始終為消費者創造更精緻有品味的居住生活提供「主動、積極、透明化服務」及「價值、藝術、人性化建築」服務也是時時刻刻以消費者的立場為出發點無論是建材、外觀設計、施工過程等甚至到交屋、售後服務的每一道程式都以「創造好宅」為最終目標。一棟房子好不好入住就會有切身感受而用“心”建造的房子絕對值得你用心感受。</t>
  </si>
  <si>
    <t>防疫建築消費者病毒社區建設機構空間設備口罩居住乾淨有效建造創造</t>
  </si>
  <si>
    <t>新潤建設機構新潤興業防疫社區氧生宅買房</t>
  </si>
  <si>
    <t>社區興業防疫機構建設買房</t>
  </si>
  <si>
    <t>醫院症候恐懼</t>
  </si>
  <si>
    <t>逛醫院的人變少了！新冠肺炎疫情延燒近半年健保署統計各層級醫療院所門住診1~3月基層診所較去年同期下降74％是各層級醫院最高的而在各科別當中以耳鼻喉科及小兒科門住診下降最多但精神科卻逆勢上升。健</t>
  </si>
  <si>
    <t>下降層級住診醫院肺炎疫情精神統計最高醫療院所小兒科耳鼻喉科當中</t>
  </si>
  <si>
    <t>逛醫院的人變少了！新冠肺炎疫情延燒近半年健保署統計各層級醫療院所門住診1~3月基層診所較去年同期下降74％是各層級醫院最高的而在各科別當中以耳鼻喉科及小兒科門住診下降最多但精神科卻逆勢上升。健保署官員表示基層診所下降最高顯示病患平時小病就選擇不去看了精神科不降反升主要為民眾對疫情的心理擔憂引發焦慮等身心方面問題。
健保署副署長蔡淑鈴表示以下降件數來看1～3月基層診所共減少512萬件門住診其中3月即占了81％而4月更明顯以健保IC卡上傳門住診資料來看各醫院層診最低也下降186％。主要與疫情發展有關3、4月是新冠肺炎疫情較為嚴峻的階段3月有歐美入境潮4月即是磐石艦隊發生群聚事件。
分析各科別之間的消長蔡淑鈴指出其中以耳鼻喉科、小兒科及一般內科看診件數減少最多耳鼻喉科主要民眾擔心侵入性治療造成感染小兒科及一般內科因勤洗手等防疫衛教使腸病毒及腹瀉等病例數減少。
但在所有科別當中看診數量也有不降反升的其中精神科及皮膚科呈上升趨勢主要因民眾擔憂疫情引發的心理焦慮外戴口罩及勤洗手也讓民眾皮膚起疹及過敏的機會增加看診病患也就變多。
健保署一直推動分級醫療蔡淑鈴指出雖然基層診所在新冠肺炎疫情期間門住診下降比例最高但以整體占率來看基層診所病例占率為6739％仍較去年同期上升204％地區醫院占率為1041％、較去年上升078％區域醫院較去年同期下降14％醫學中心較去年下降142％顯然民眾就醫行為有往基層診所增加醫學中心有減少情形分級醫療未因疫情受幹擾。</t>
  </si>
  <si>
    <t>下降疫情民眾診所基層住診減少醫院蔡淑鈴耳鼻喉科最高醫療小兒科精神肺炎上升勤洗手</t>
  </si>
  <si>
    <t>基層診肺炎醫院下降精神科</t>
  </si>
  <si>
    <t>醫院肺炎下降精神基層</t>
  </si>
  <si>
    <t>疫苗az姚惠珍答案鄭弘儀誠實</t>
  </si>
  <si>
    <t>台灣新冠肺炎疫情嚴峻全民開始關心疫苗施打問題。59歲知名主持人鄭弘儀昨晚在節目《新聞挖挖哇》談論疫苗議題好奇問現場來賓會選擇打哪個疫苗同時也提到自己已自費打了AZ疫苗並分享接種後的副作用情況。鄭弘</t>
  </si>
  <si>
    <t>疫苗疫情嚴峻接種全民分享開始關心az鄭弘儀施打問題主持人知名肺炎好奇選擇來賓現場節目昨晚新聞自費談論提到</t>
  </si>
  <si>
    <t>台灣新冠肺炎疫情嚴峻全民開始關心疫苗施打問題。59歲知名主持人鄭弘儀昨晚在節目《新聞挖挖哇》談論疫苗議題好奇問現場來賓會選擇打哪個疫苗同時也提到自己已自費打了AZ疫苗並分享接種後的副作用情況。
鄭弘儀昨晚在節目中表示台灣現在有AZ疫苗按照小英總統說法7月還會有台製疫苗之後還會有其他國外疫苗而且衛福部部長陳時中也說可以讓大家選疫苗因此鄭弘儀也好奇問現場來賓若能自由選擇會選打哪個疫苗？
對此資深媒體人姚惠珍的答案也很誠實她說自己尚未施打疫苗但如果可以選擇她首先會選莫德納因為疫情嚴重的美國人很多都打這個疫苗第二選擇會是台製疫苗「因為我覺得你一定要有國產疫苗如果以後是流感情況的話你不可能總是仰人鼻息所以你一定要設法讓國產這個部分可以上來。」而醫藥記者出身的洪素卿則稱女性血栓風險比男性高一點所以她也會選莫德納。
鄭弘儀更自爆他有預約自費施打疫苗已經去施打AZ疫苗同時也坦言AZ對他來說是有一點點副作用讓他出現發燒、畏寒、頭痛情況而且是打完12小時後才出現這些副作用「我是有一些副作用我講實在話不過呢那個副作用差不多也經歷了半天之久但是過了以後大概就好了那我已經打了18、19天了現在應該是有抗體了。」</t>
  </si>
  <si>
    <t>疫苗鄭弘儀施打副作用az情況疫情選擇以後現在一定已經莫德納自費節目昨晚臺灣可以</t>
  </si>
  <si>
    <t>鄭弘儀姚惠珍新聞挖挖哇疫苗新冠肺炎</t>
  </si>
  <si>
    <t>疫苗新聞姚惠珍肺炎鄭弘儀</t>
  </si>
  <si>
    <t>累計破百猝死疫苗死因接種出爐</t>
  </si>
  <si>
    <t>中央流行疫情指揮中心今天統計接種AZ疫苗後死亡案件昨天新增35例16女19男死亡年齡介於41~94歲之間25人為75歲以上長者接種後七天內發生、3例為50歲以下。35例當中有9人住在機構、9人洗腎、22人有慢性病史</t>
  </si>
  <si>
    <t>接種死亡中心今天統計az指揮疫苗長者年齡以上介於之間當中疫情以下發生案件天內昨天新增機構流行</t>
  </si>
  <si>
    <t>中央流行疫情指揮中心今天統計接種AZ疫苗後死亡案件昨天新增35例16女19男死亡年齡介於41~94歲之間25人為75歲以上長者接種後七天內發生、3例為50歲以下。35例當中有9人住在機構、9人洗腎、22人有慢性病史死亡個案主要仍是高齡與有慢性病史的人。
發言人莊人祥表示目前有16例已經接受解剖其中15個有心血管疾病另一個是吸入食物窒息死亡。目前觀察死亡原因仍是高齡且有慢性病相關。
至於三例50歲以下個案莊人祥表示有1人為40多歲男性患有思覺失調、缺鐵性貧血施打疫苗2天後開始發燒次日清晨沒辦法叫醒生命徵象無法測得送院急診無效到院前死亡PCR採檢陰性。家屬以同意進行解剖等待司法相驗中。
另一例為40多歲男性6/16日接種疫苗個案患有小腦性麻痺為護理之家的住民、長期臥床接種疫苗後3天後清晨無呼吸心跳到院前死亡。
最後一例則是50多歲女性6月16下午接種疫苗後就去上班上完晚班後回家在洗澡時暈厥晚上11點半被送到醫院急診進了開刀房發現是顱內動脈出血開完刀後送外科加護病房死因為顱內動脈瘤出血。</t>
  </si>
  <si>
    <t>死亡疫苗接種個案患有解剖男性清晨目前急診院前以下慢性病表示莊人祥出血高齡中心今天</t>
  </si>
  <si>
    <t>疫苗AZ猝死台灣新冠肺炎</t>
  </si>
  <si>
    <t>猝死臺灣az肺炎疫苗</t>
  </si>
  <si>
    <t>紐約呼吸器死亡率台僅使用</t>
  </si>
  <si>
    <t>新冠肺炎疫情延燒全台已累計429人確診疫情中心專家諮詢小組召集人張上淳昨分析前428名確診病例特徵表示台灣使用到呼吸器的患者迄今共24人有6例死亡死亡率約25％較紐約高達9成的死亡率低許多也顯見在台</t>
  </si>
  <si>
    <t>確診疫情死亡率高達死亡全台使用迄今患者累計呼吸器召集人小組臺灣表示特徵病例分析</t>
  </si>
  <si>
    <t>新冠肺炎疫情延燒全台已累計429人確診疫情中心專家諮詢小組召集人張上淳昨分析前428名確診病例特徵表示台灣使用到呼吸器的患者迄今共24人有6例死亡死亡率約25％較紐約高達9成的死亡率低許多也顯見在台灣一線醫療人員努力照顧下很多病人在很嚴重的情況下仍能復原。
張上淳指出台灣24例使用到呼吸器的患者扣掉死亡6例有9例脫離呼吸器復原另剩下9例仍在使用呼吸器其中有3位同時使用葉克膜治療。
張上淳進一步分析表示台灣發病年齡層分佈仍以20至29歲為最大宗占376％無併發症的輕症約占70％與確診案例多是留學生及磐石艦年輕官兵有關。而在輕症的298例中採檢時沒有症狀者有32例約占75％。至於症狀表現依4月1日至22日的7300個通報個案分析發現以肺炎最多、占32％、發燒和呼吸道症狀其次、占28％其他症狀占11％。
隨著疫情發展新冠肺炎已開始出現多元症狀張上淳表示國外有些報告證實人的眼角膜分泌物中有驗出新冠病毒然而也有些報告指沒有培養出病毒可能是因為非普遍現象或是病毒量不高導致沒有出現發炎。
張上淳指出由於新冠病毒導致眼角膜發炎的案例十分低台灣目前也沒有這樣的情況因此沒有做眼睛病毒方面的篩檢及培養相信這並非重要傳染來源做好飛沫及接觸傳播的防護基本上民眾就不用太擔心。</t>
  </si>
  <si>
    <t>張上淳臺灣病毒沒有症狀確診分析表示疫情肺炎呼吸器使用培養案例報告眼角膜情況</t>
  </si>
  <si>
    <t>分析肺炎病毒疫情台灣</t>
  </si>
  <si>
    <t>病毒臺灣疫情肺炎分析</t>
  </si>
  <si>
    <t>中心協助指揮接種任務目標</t>
  </si>
  <si>
    <t>為力拚第二劑疫苗覆蓋率中央流行疫情指揮中心將於11月開設超大型接種站進行大規模接種目標單日接種量達35萬劑。指揮中心今天表示由於大規模施打相當耗費人力指揮中心將會協助國軍、監獄的疫苗接種業務幫忙</t>
  </si>
  <si>
    <t>指揮中心接種疫苗監獄流行疫情國軍今天表示協助耗費人力中央開設施打相當覆蓋率進行目標業務力拼幫忙</t>
  </si>
  <si>
    <t>為力拚第二劑疫苗覆蓋率中央流行疫情指揮中心將於11月開設超大型接種站進行大規模接種目標單日接種量達35萬劑。指揮中心今天表示由於大規模施打相當耗費人力指揮中心將會協助國軍、監獄的疫苗接種業務幫忙地方分攤接種負擔。
指揮中心發言人莊人祥今天表示從臺北市近日在花博爭豔館開設的大型接種站可看到有非常多的民眾都提前到接種站等候建議北市府能將人員分流標示清楚同時也希望民眾能配合依照報到時間到指定接種地點等候。
有鑑於此莊人祥指出中央將會分擔地方的接種辛勞會派員協助國軍、監獄進行接種業務至於近期到貨相當穩定的BNT疫苗目前還是規劃做為第一劑使用今到貨的80多萬劑將全數納為第12期運用暫不會開放民眾登記接種第二劑。</t>
  </si>
  <si>
    <t>接種指揮中心民眾疫苗到貨莊人祥相當中央表示等候今天開設進行地方業務監獄國軍協助希望分流規劃目前人員</t>
  </si>
  <si>
    <t>第12輪新冠疫苗AZ輝瑞／BNT新冠肺炎</t>
  </si>
  <si>
    <t>bnt輝瑞az疫苗肺炎</t>
  </si>
  <si>
    <t>變異廣州出現印度本土病毒確診病例</t>
  </si>
  <si>
    <t>據廣州市荔灣區新聞資訊中心官方微博消息廣州市荔灣區新型冠狀病毒肺炎疫情防控指揮部昨天23日晚發佈通報稱結合病例臨床表現、流行病學調查、實驗室檢測和基因測序結果經專家組綜合評估初步判斷荔灣區錦龍社</t>
  </si>
  <si>
    <t>荔灣區廣州市評估綜合結果專家組基因檢測實驗室調查流行病臨床表現微博病例結合通報消息昨天指揮部防控疫情冠狀病毒</t>
  </si>
  <si>
    <t>據廣州市荔灣區新聞資訊中心官方微博消息廣州市荔灣區新型冠狀病毒肺炎疫情防控指揮部昨天23日晚發佈通報稱結合病例臨床表現、流行病學調查、實驗室檢測和基因測序結果經專家組綜合評估初步判斷荔灣區錦龍社區郭某為境外輸入關聯確診新冠肺炎病例其病毒屬於在印度出現的新冠病毒變異株不排除是意外暴露造成偶發感染。
昨天23日下午廣州市新增1例無症狀感染者是之前確診病例郭某的丈夫陸某已於21日作為密接人員集中隔離判定為密切接觸者之後第三次核酸檢測結果呈陽性目前已轉至廣州市第八人民醫院隔離觀察。經流行病學調查陸某活動軌跡與郭某基本一致。
截至23日18時疫情涉及重點區域重點人群累計採樣12萬8072份已完成11萬5573份核酸檢測結果均為陰性。</t>
  </si>
  <si>
    <t>廣州市病例檢測荔灣區結果病毒隔離昨天核酸確診陸某肺炎疫情調查郭某流行病重點社區初步判斷完成評估採樣</t>
  </si>
  <si>
    <t>廣州市荔灣區新冠病毒變異株新冠肺炎</t>
  </si>
  <si>
    <t>病毒荔灣區變異廣州市肺炎</t>
  </si>
  <si>
    <t>木乃伊封成過世散播車禍病毒</t>
  </si>
  <si>
    <t>新冠肺炎疫情全球拉警報不只民眾擔心染疫醫護也害怕釀成院內感染造成醫療體系崩潰不過菲律賓日前傳出一名男子車禍身亡醫院卻擔心他身上可能帶有新冠病毒竟利用膠帶將遺體緊緊纏繞成「木乃伊」讓死者</t>
  </si>
  <si>
    <t>擔心纏繞緊緊遺體膠帶利用醫療體系造成崩潰感染菲律賓院內病毒日前釀成傳出害怕男子警報醫護車禍</t>
  </si>
  <si>
    <t>新冠肺炎疫情全球拉警報不只民眾擔心染疫醫護也害怕釀成院內感染造成醫療體系崩潰不過菲律賓日前傳出一名男子車禍身亡醫院卻擔心他身上可能帶有新冠病毒竟利用膠帶將遺體緊緊纏繞成「木乃伊」讓死者家屬難以接受。
根據《鏡報》報導菲律賓男子法佈雷加斯（Merwin Fabregas）上月30日出車禍由於傷勢嚴重被緊急送醫沒想到竟在未確診的情況下被視為新冠患者送進專責呼吸道疾病的病房。
法佈雷加斯的母親莎比比（Mitchilou Fabregas Sapipi）質疑兒子明明是因為車禍入院卻被送進呼吸道疾病的病房沒有給予相對應的治療甚至提早將他的維生系統儀器關閉才會導致兒子枉死之後竟又用膠帶將他整個人裹成「木乃伊」糟蹋遺體。
對此被指控的醫院主任奧巴尼亞（Napoleon Obaña）解釋之所以會將法佈雷加斯送進治療呼吸道疾病的病房只是預防性措施並且是在他宣告死亡後才關掉維生系統至於將遺體用膠帶綑綁包裹是因為擔心法佈雷加斯染疫「我們必須將他當作疑似病例處置避免他將病毒傳染給其他人。」
報導指出現已知法佈雷加斯並未染疫病毒檢測結果呈現陰性。目前雙方各執一詞警方也已介入這起醫療糾紛。
菲律賓目前是亞洲疫情最嚴峻的國家死亡人數為18260人病例共111萬儘管每日染疫人數已從4月2日的最高點15310起下降但仍保持在每天平均約1700病例左右。為了免受其他致命變種病毒的侵害菲律賓已禁止來自印度、巴基斯坦、斯裡蘭卡、尼泊爾和孟加拉國的旅客入境。</t>
  </si>
  <si>
    <t>菲律賓法佈雷加斯病毒車禍擔心遺體膠帶病房醫院目前fabregas報導兒子死亡疾病木乃伊病例</t>
  </si>
  <si>
    <t>新冠肺炎全球菲律賓車禍木乃伊</t>
  </si>
  <si>
    <t>肺炎全球菲律賓車禍木乃伊</t>
  </si>
  <si>
    <t>外籍人士全數前往茶室萬華</t>
  </si>
  <si>
    <t>萬華疫情大爆發議員指出外籍女子以看護名義來台很多已前往中南部雇主家恐讓疫情快速傳播警方18日清查轄區共有27名外籍人士尚未取得聯繫經市警局、警政署國際組、移民署臺北市專勤隊合作已經在19日中</t>
  </si>
  <si>
    <t>疫情專勤臺北市移民署國際組警政署議員外籍指出經市女子聯繫看護取得名義尚未外籍人士共有前往轄區清查中南部雇主家</t>
  </si>
  <si>
    <t>萬華疫情大爆發議員指出外籍女子以看護名義來台很多已前往中南部雇主家恐讓疫情快速傳播警方18日清查轄區共有27名外籍人士尚未取得聯繫經市警局、警政署國際組、移民署臺北市專勤隊合作已經在19日中午12點半全數取得聯繫並協助前往快篩。萬華茶室27名失聯外籍女子 陸續前往採檢快篩
萬華警分局表示轄內共有172家阿公店其中廣州街、三水街有65家阿公店其中有22家業者配合聯繫員工去快篩其餘聯繫不上的警方會持續聯繫。而根據警方臨檢紀錄相關外籍人士共有80人扣除勸導前往快篩、返回大陸、隔離中等人有27人聯繫不上。
警方經過各方通力合作失聯者已經全數聯繫上部分人士已經前往採檢若人已經離開萬華區將由警方、相關單位協助就近前往適合衛生單位進行快篩。</t>
  </si>
  <si>
    <t>前往聯繫警方共有已經外籍女子取得外籍人士相關協助疫情全數萬華單位國際組</t>
  </si>
  <si>
    <t>新冠肺炎台灣外籍萬華快篩</t>
  </si>
  <si>
    <t>外籍臺灣萬華肺炎</t>
  </si>
  <si>
    <t>病毒侯友宜境外delta富特新北事件</t>
  </si>
  <si>
    <t>印度變種病毒Delta來勢洶洶新北市長侯友宜今在疫情說明會上表示7月1日起新北市境外移入確診有23例其中Delta病毒有4例來自緬甸3人、泰國1人呼籲防疫旅館一定要落實防疫。侯友宜提醒勿忘上次諾富特旅館造</t>
  </si>
  <si>
    <t>侯友宜新北旅館delta防疫病毒上次提醒來勢洶洶說明表示確診境外會上疫情市長呼籲</t>
  </si>
  <si>
    <t>印度變種病毒Delta來勢洶洶新北市長侯友宜今在疫情說明會上表示7月1日起新北市境外移入確診有23例其中Delta病毒有4例來自緬甸3人、泰國1人呼籲防疫旅館一定要落實防疫。
侯友宜提醒勿忘上次諾富特旅館造成的破口事件所以防疫旅館的防範絕對不可等閒視之新北市防疫旅館一定要做好入境普篩雖然做了但防疫旅館的防疫落實如果沒做好如有確診個案稍有不慎就易造成防疫破口就不可收拾。
侯友宜說全球案例中有清潔工不當接觸後造成破口防疫旅館入住非常重要新北有21家防疫旅館2418個房間入住率6成所以防疫旅館的入住管理及消毒流程都要嚴謹面對。
侯友宜表示入住前要至前進櫃台完成入住者全身及身物品消毒公共區域每天消毒3次退房後客房靜置1日再進場消毒如出現確診案例客房靜置3天後再進場清消。
侯友宜表示新北28個漁港也要嚴防走私除機場防疫、港口防疫也很重要慎防不當接觸造成防疫漏洞以阻擋Delta入社區讓疫情往下走。</t>
  </si>
  <si>
    <t>防疫旅館侯友宜新北入住消毒確診造成delta表示案例不當疫情客房接觸重要進場病毒一定</t>
  </si>
  <si>
    <t>防疫旅館侯友宜新冠肺炎新北Delta</t>
  </si>
  <si>
    <t>肺炎侯友宜新北旅館防疫delta</t>
  </si>
  <si>
    <t>防疫僵化中央口罩旅館焦點國民黨</t>
  </si>
  <si>
    <t>國民黨今天舉辦「共渡疫情國土安居」研討會邀集國民黨15執政縣市代表、立院黨團幹部、智庫、專家學者等共同就防疫紓困振興方案瞭解各地實務需求。縣市代表們紛紛抱怨600億特別預算「一塊錢都沒到地方」、中央</t>
  </si>
  <si>
    <t>代表國民黨一塊預算特別疫情抱怨國土錢都安居紛紛研討會防疫紓困共同振興方案專家學者邀集智庫瞭解幹部執政需求</t>
  </si>
  <si>
    <t>國民黨今天舉辦「共渡疫情國土安居」研討會邀集國民黨15執政縣市代表、立院黨團幹部、智庫、專家學者等共同就防疫紓困振興方案瞭解各地實務需求。縣市代表們紛紛抱怨600億特別預算「一塊錢都沒到地方」、中央對大型活動沒一致標準、不願提供中央管理的廳舍作為防疫旅館當前口罩實名製作法太僵化連江縣甚至須由縣府收集公務員健保卡到東莒鄉收購口罩再船運到南竿島。
國民立院黨團總召林為洲說不排除修法授權縣市政府可比照中央特別條例修訂自治條例增加行政作為彈性。黨團書記長蔣萬安也說會趕緊協助縣市政府能否徵用中央所屬廳舍解決防疫旅館不足問題；特別預算一毛錢都沒到地方紓困及未來振興都很困難以及無薪假的勞工能否補貼？各種方案建立單一視窗等都要彙整各縣市意見後來協助解決。
上午會議開始黨主席江啟臣致詞說因應新冠疫情國民黨在立法院會期開始即提出紓困條例方案與建議執政黨也推出並通過行政院版的紓困條例條例內容與未來經費勢必落實在地方但各縣市的產業、重點不同要紓困對象可能也有很大差異期待今天與會代表都能反映地方意見讓黨中央、智庫、黨團充分瞭解、達成共識未來在法案、政策監督、提案都能有方向「中央與地方有共識我們才能夠攜手做事」未來也不排除其他類似研討會建立起討論機制。
新北市府顧問李麗圳說新北居家檢疫及隔離應是全國取多市府贊成照顧防疫假落實給薪；錢原本應發到最需要的地方但至今卻都沒下來防疫視同作戰作戰就不應等待「中央權及錢要下放地方」。此外口罩既足夠就應提高發放量「別再讓民眾每星期排隊」。
嘉義市副市長陳淑慧提醒地方鄰裡長、巡守隊因防疫工作頻繁建議防疫物資應足額發放。慢性病或感冒症狀的民眾使用口罩數量較多能否依照醫師處方加開口罩？她特別以嘉義市徵求80位暑假大學工讀生卻有上萬人報名為例提醒疫情導致無薪假大增大學畢業潮將屆求職更難黨中央應要求政府提前部署在振興方案提出任用應屆畢業生32k的方案半年到年底讓大學生出社會後有工作機會。
連江縣代表說「地方首長連調動一個口罩的權力都沒有地方一起開會有何意義？」連江縣不反對中央通盤檢討或採通案原則但地方具特殊性若連一點彈性都沒有做不到的地方就是民怨所在。口罩採實名制應因地制宜例如南竿鄉口罩遠遠不夠用但莒光鄉口罩每天剩很多兩島之間搭船要一個半小時但南竿鄉不能調用莒光鄉的口罩縣長只叫秘書通知大家收集所有單號健保卡帶到莒光島輸入隔日再用船運回南竿。「防疫措施制度如此僵化」希望4月15日第二次檢討能針對各縣市政府彈性項目來談。
澎湖縣代表表示所有航班者無法配合到居家檢疫最近有女留學生返台後航班無法及時回澎湖從雙北找到台中各地防疫旅館都滿了最後縣府協助才找到地方「中央能否徵用防疫旅館保留離島以免機票無法銜接」。
彰化縣政府也表示為了找防疫旅館先後找到一處軍營、一處勞動部的會館都有幾百個房間但一間中央都不給地方使用。
台中市副市長陳子敬說中央至今自吹自擂「亂搞的是超前部署做得慢的叫做步步為營」例如口罩實名制除了自吹自雷加上有媒體歌功誦德事實是民眾還在排隊地方因沒錢就是無奈只能天天在看疫情變化。中央要有魄力明訂活動禁止標準例如大甲媽祖遶境等哪有叫地方政府道德勸說的道理？
南投縣政府也說之前為了國姓鄉電音派對問中央疫情指揮中心「多少人以上活動要禁止」中央卻不給答案也沒說標準幸好媒體問了才說「授權地方政府」。</t>
  </si>
  <si>
    <t>地方中央防疫口罩疫情旅館方案紓困代表黨團特別能否未來條例</t>
  </si>
  <si>
    <t>新冠肺炎武漢肺炎新型冠狀病毒COVID-19國民黨</t>
  </si>
  <si>
    <t>肺炎武漢冠狀病毒covid-國民黨</t>
  </si>
  <si>
    <t>檢驗陰性肺炎開跑活動川普</t>
  </si>
  <si>
    <t>在美國總統川普確診後首度搭機離開白宮前往外地舉辦大型造勢活動之際白宮醫師康利今天發布川普健康備忘錄表示川普的武漢肺炎檢測呈現陰性已不具傳染性。康利（Sean Conley）在備忘錄中表示川普連續數天的2</t>
  </si>
  <si>
    <t>川普康利白宮備忘錄表示後首離開前往外地舉辦活動之際呈現陰性已不檢測肺炎武漢傳染性sean醫師conley今天發佈確診</t>
  </si>
  <si>
    <t>川普檢測白宮病毒備忘錄確診呈現康利活動中心傍晚陰性疾病今天團隊接受參加傳染性舉辦表示武漢美國</t>
  </si>
  <si>
    <t>川普檢測白宮陰性病毒</t>
  </si>
  <si>
    <t>陰性病毒檢測川普白宮</t>
  </si>
  <si>
    <t>歐洲多航班航空申請重創破產疫情</t>
  </si>
  <si>
    <t>受新冠疫情影響全球航空業遭受重創目前歐洲已經有多家歐洲的支線航空公司和廉價航空公司破產或申請破產保護。著名的德國漢莎航空(Lufthansa)表示公司每個小時要損失百萬歐元（台幣3300萬元）已向德國政府尋</t>
  </si>
  <si>
    <t>航空公司歐洲歐元影響損失全球小時遭受重創表示台幣lufthansa德國破產漢莎疫情已經目前著名申請已向保護支線廉價德國政府</t>
  </si>
  <si>
    <t>受新冠疫情影響全球航空業遭受重創目前歐洲已經有多家歐洲的支線航空公司和廉價航空公司破產或申請破產保護。著名的德國漢莎航空(Lufthansa)表示公司每個小時要損失百萬歐元（台幣3300萬元）已向德國政府尋求救助若談判不成將申請破產保護。
據《澳洲新聞網》報導德國漢莎航空可能是瀕臨倒閉的全球最大航空公司之一該公司目前正積極與德國政府談判希望完成一項90億歐元(約台幣3000億)的緊急援助方案。
陸媒《新京報》指出該公司旗下90%以上的客機處於停飛狀態每小時大約損失100萬歐元今年第一季度已虧損高達12億歐元。公司目前的現金儲備只能維持半年左右。如果無法由政府獲得援助漢莎航空將啟動破產保護程式。
除了漢莎航空之外其他的歐洲航空公司如法荷航空情況也不差不多。報導說由法航、荷航合併的法荷航空集團是歐洲最大的航空公司目前每天損失約2500萬歐元（約台幣82億）公司現金流將在6月枯竭。有分析認為疫情持續下去可能會導致法荷航空集團的分裂。
此外英國航空公司4月29日已宣佈將裁員12000人占總員工的四分之一北歐航空公司此前一天也宣佈將裁員5000人。國際航空運輸協會近日發佈評估報告認為與2019年相比歐洲航空公司年收入將減少55%約820億歐元。自2月中旬以來歐洲已有超過5000架飛機停飛。</t>
  </si>
  <si>
    <t>航空公司歐洲歐元目前台幣損失漢莎援助破產認為報導可能疫情全球談判保護小時航空集團現金德國政府</t>
  </si>
  <si>
    <t>新冠肺炎武漢肺炎新型冠狀病毒COVID-19歐洲</t>
  </si>
  <si>
    <t>肺炎武漢冠狀病毒covid-歐洲</t>
  </si>
  <si>
    <t>蝙蝠澄清生態館肺炎原罪黃金</t>
  </si>
  <si>
    <t>近日有報導引述研究論文指在蝙蝠糞便驗出1種腦心肌炎病毒雲林縣水林鄉黃金蝙蝠生態館與台灣蝙蝠學會23日強調哺乳類與鳥類都可能攜帶腦心肌炎病毒且不會人畜傳染。目前沒有任何科學證明是蝙蝠導致新冠肺炎的</t>
  </si>
  <si>
    <t>蝙蝠病毒心肌炎研究論文證明科學目前沒有糞便傳染強調引述哺乳類鳥類林鄉不會可能攜帶</t>
  </si>
  <si>
    <t>近日有報導引述研究論文指在蝙蝠糞便驗出1種腦心肌炎病毒雲林縣水林鄉黃金蝙蝠生態館與台灣蝙蝠學會23日強調哺乳類與鳥類都可能攜帶腦心肌炎病毒且不會人畜傳染。目前沒有任何科學證明是蝙蝠導致新冠肺炎的發生請大家不要因此恐懼蝙蝠、甚至傷害蝙蝠還蝙蝠1個公道。
各界尚在研究新冠肺炎的來源之際日前有報導引述台師大生命科學系教授吳忠信的研究成果影射台灣蝙蝠有眾多致命病毒的消息再度引發大眾對蝙蝠的疑慮。為此台灣蝙蝠學會、黃金蝙蝠生態館與吳忠信教授確認相關內容後發表共同聲明釐清大眾的疑慮。
黃金蝙蝠生態館負責人張恒嘉表示吳忠信教授所參與的跨國研究論文指出在東亞摺翅蝠洞穴中的蝙蝠糞便僅驗出1種腦心肌炎病毒腦心肌炎病毒主要會引起家豬的腦心肌炎和生殖系統疾病並不是人畜共通的傳染疾病。
截至目前並無足夠的科學證據顯示伊波拉病毒感染、中東呼吸症候群（MERS）、嚴重急性呼吸道症候群（SARS）、嚴重特殊傳染性肺炎（新冠肺炎）與蝙蝠直接有關。雖然過去曾在多種蝙蝠身上找到與SARS病毒類似的冠狀病毒但都非真正的SARS病毒。
吳忠信教授強調目前並未在台灣蝙蝠身上或糞便中找到人畜共通的冠狀病毒。他提供的資訊是呼籲大家不要因為蝙蝠可能帶有病毒而去騷擾牠們、破壞牠們的棲所不論是防疫或保育必須以正確的資訊為基礎大家應該還蝙蝠1個公道。
還蝙蝠1個公道腦心肌炎病毒黃金蝙蝠生態館台灣蝙蝠學會</t>
  </si>
  <si>
    <t>蝙蝠病毒教授吳忠信心肌炎研究肺炎目前臺灣黃金sars糞便生態館科學資訊不要可能論文身上大眾強調引述冠狀</t>
  </si>
  <si>
    <t>蝙蝠病毒心肌炎台灣肺炎</t>
  </si>
  <si>
    <t>病毒臺灣肺炎蝙蝠心肌炎</t>
  </si>
  <si>
    <t>口罩拆開隨手出門</t>
  </si>
  <si>
    <t>新冠肺炎的疫情在全球持續延燒為了降低在公共場合「中標」的風險口罩也成為所有人出門必備的物品。一名女網友日前趕著上班隨手抓了2個黑色口罩就衝出門沒想到一打開卻讓她超傻眼不禁羞喊「暈~怎麼上公車？</t>
  </si>
  <si>
    <t>口罩全球不禁持續傻眼降低打開公共場合沒想疫情中標風險必備物品女網友日前</t>
  </si>
  <si>
    <t>新冠肺炎的疫情在全球持續延燒為了降低在公共場合「中標」的風險口罩也成為所有人出門必備的物品。一名女網友日前趕著上班隨手抓了2個黑色口罩就衝出門沒想到一打開卻讓她超傻眼不禁羞喊「暈~怎麼上公車？」
一名女網友在臉書社團「爆怨公社」發文表示日前早上急著趕搭公車上班隨手抓了2個黑色的口罩就火速衝出門到了公車站準備戴上時卻瞬間愣住因為她竟然錯拿成黑色包裝的衛生棉讓她忍不住害羞直呼「被這外表騙了⋯以為是口罩打開才發現是衛生棉…暈~怎麼上公車？」還附上拆開的照片表示「無言中」。
文章曝光之後笑翻一票網友不少人紛紛留言表示「反正都帶了！戴吧」、「去拿2條橡皮筋綁起來會較像」、「你不說我ok」、「我可以笑嗎」、「貼上去一樣防飛沫」、「兩片一起 用手扶著上去」、「去公車上跟女乘客換（誤」「這是限量的低調包裝～」也有不少女網友歪樓表示「這是哪家的衛生棉啊？還蠻有質感的」、「請問是什麼牌子？這個包裝會讓人想買耶！」、「結果晚上經過康是美有看到腦波太弱買了一包希望好用」。</t>
  </si>
  <si>
    <t>表示公車口罩女網友包裝衛生棉黑色打開日前全球持續</t>
  </si>
  <si>
    <t>黑口罩女網友公車包裝衛生棉</t>
  </si>
  <si>
    <t>女網友口罩公車包裝衛生棉</t>
  </si>
  <si>
    <t>大學上千人開學</t>
  </si>
  <si>
    <t>美國阿拉巴馬大學（University of Alabama）8月19日才開放學生返校上課短短2周內已經有上千名學生新冠病毒檢測結果呈現陽性。綜合美國國家廣播公司新聞網（NBC News）、美國有線電視新聞網（CNN）報導阿拉巴馬</t>
  </si>
  <si>
    <t>學生阿拉巴馬ofnewsnbc新聞網alabama美國國家廣播公司綜合陽性開放呈現返校結果上課病毒檢測university美國有線電視新聞網周內已經大學cnn報導美國</t>
  </si>
  <si>
    <t>美國阿拉巴馬大學（University of Alabama）8月19日才開放學生返校上課短短2周內已經有上千名學生新冠病毒檢測結果呈現陽性。
綜合美國國家廣播公司新聞網（NBC News）、美國有線電視新聞網（CNN）報導阿拉巴馬大學8月19日才開放校園、讓學生到校上課不過2周內已經有1063人病毒檢測結果呈現陽性。
阿拉巴馬大學一共有3個校區分別為杜斯卡洛薩（Tuscaloosa）、伯明罕（Birmingham）、亨茲（Huntsville）等3個分校當中杜斯卡洛薩分校為主要校區感染人數高達1043人確診學生中沒有人需要住院。
值得注意的是阿拉巴馬大學卻稱沒有證據顯示這些學生是因為到校上課才染上新冠該校社區衛生科學院（College of Community Health Sciences）院長佛蘭德博士（Dr Ricky Friend）表示「我們的暴露通知工作顯示沒有證據指出病毒傳染是因為現場授課造成」「我們對於復課前進行的預防工作感到滿意包括戴口罩、保持距離以及結合到校及遠距的授課方式都相當適當且有效。」
阿拉巴馬大學醫學院院長以及該校健康與安全工作小組聯合主席維克絲（Selwyn Vickers）表示過去一周他們看到愈來愈多學生因為出現症狀、或是和確診者接觸過而主動尋求重新檢測病毒。
除了學生開學以來學校也有82名教師及員工確診。
目前多數確診學生已返家隔離。</t>
  </si>
  <si>
    <t>學生阿拉巴馬大學工作確診到校沒有表示授課上課院長病毒of顯示證據陽性呈現開放結果病毒檢測分校周內</t>
  </si>
  <si>
    <t>新冠肺炎武漢肺炎阿拉巴馬大學開學上千</t>
  </si>
  <si>
    <t>肺炎武漢阿拉巴馬大學開學</t>
  </si>
  <si>
    <t>防疫動作關鍵時刻</t>
  </si>
  <si>
    <t>在防疫關鍵期間眾人疾呼勿亂丟口罩之際屏東縣環保局運用科技執法查獲首宗亂丟口罩及垃圾案件突破傳統守株待兔追查方式在易棄置廢棄物熱點隱密處廣設移動式監控系統於4月7日在佳冬查獲一起連續棄置垃圾、手</t>
  </si>
  <si>
    <t>查獲棄置口罩垃圾疾呼廣設移動監控熱點系統廢棄物一起方式追查守株待兔傳統突破之際案件</t>
  </si>
  <si>
    <t>在防疫關鍵期間眾人疾呼勿亂丟口罩之際屏東縣環保局運用科技執法查獲首宗亂丟口罩及垃圾案件突破傳統守株待兔追查方式在易棄置廢棄物熱點隱密處廣設移動式監控系統於4月7日在佳冬查獲一起連續棄置垃圾、手套及口罩案件全程均被錄影存證依違反廢棄物清理法重罰6000元以遏阻口罩垃圾任意棄置亂象。
屏縣環保局長顏幸苑指出為取締境內非法棄置廢棄物案件採用最新科技執法技術在各處易成為非法棄置之熱點廣設移動式電眼監控揪出非法棄置行為人設備在去年12月上線啟用至今已查獲多起非法棄置案件所有棄置行為完全被電眼監控錄下這次更錄下連續棄置垃圾、手套及口罩案件依法予以重罰。
顏幸苑說使用過的口罩如經任意丟棄不僅影響市容觀瞻也會造成防疫死角、徒增清理成本一起守護環境整潔使用過的口罩應丟入垃圾桶。環保局除加強取締外特此呼籲全民監督歡迎民眾檢舉提供足資辨識身分（例如拍清晰的車牌號碼）違規照片或影片供裁罰一旦查證屬實可依廢棄物清理法規定於防疫期間查獲違規行為者最重可處6000元罰款。</t>
  </si>
  <si>
    <t>棄置口罩案件廢棄物查獲清理垃圾防疫監控取締一起顏幸苑使用環保局任意科技執法期間重罰電眼移動熱點</t>
  </si>
  <si>
    <t>口罩案件垃圾防疫廢棄物</t>
  </si>
  <si>
    <t>案件廢棄物防疫口罩垃圾</t>
  </si>
  <si>
    <t>防疫崩潰政府家屬回不來台商</t>
  </si>
  <si>
    <t>大陸新冠肺炎肆虐日前返台的首批包機台商將於2月18日解除隔離但第2批包機何時返台仍尚未定案。滯留武漢台人自救會14日號召50多人向陸委會遞交陳情書；沒想到過程中一名男性家屬脫口而出「防疫不是我們的事</t>
  </si>
  <si>
    <t>返台包機男性過程想到肆虐日前情書家屬遞交首批台商自救台人滯留定案尚未武漢隔離肺炎脫口而出向陸</t>
  </si>
  <si>
    <t>大陸新冠肺炎肆虐日前返台的首批包機台商將於2月18日解除隔離但第2批包機何時返台仍尚未定案。滯留武漢台人自救會14日號召50多人向陸委會遞交陳情書；沒想到過程中一名男性家屬脫口而出「防疫不是我們的事情。」引起爭議。
記者在現場提問如何看待行政院長蘇貞昌以防疫跟弱勢優先的政策。自救會成員代表表示自己家人不是生化武器而防疫的事原則上是政府主導。話還沒說完旁邊就有成員嘆氣「我要回家就好了防疫的事不是我們的事。」接著一名婦女大喊「疫情會過去感情怎麼彌補。」
現場開始鼓譟其他人紛紛附和希望政府可以重視。不過此番話惹怒了網友大家紛紛在相關報導留言「防疫是大家的事不是單單政府的事」、「可以體諒家屬的心情但我堅決支持陳時中部長對於防疫優先的做法表示肯定」、「沒有防疫意識台商回來就會變疫情破口」。
針對包機部分指揮官陳時中昨（14日）表示已籌組 12 名防疫人員隨機協助檢疫目前第2架台商包機已做好相關規畫也提供121名急迫國人名單一切將以防疫優先、弱勢優先為最高原則。
更多 CTWANT 報導</t>
  </si>
  <si>
    <t>防疫包機台商優先表示政府現場紛紛家屬返台相關陳時中疫情成員自救可以原則弱勢報導肆虐</t>
  </si>
  <si>
    <t>防疫優先家屬我們的包機</t>
  </si>
  <si>
    <t>優先防疫包機家屬</t>
  </si>
  <si>
    <t>新北足跡確診台南麻辣燙就中用餐開放小時</t>
  </si>
  <si>
    <t>台南市今天並無新增本土病例但有一起20多歲新北市男子、案15816曾於7月30日到8月1日間到過台南的足跡台南市衛生局今天公佈案15816相關足跡遍及永康區、北區和安南區其中7月31日在永康吃麻辣燙2小時也成為</t>
  </si>
  <si>
    <t>足跡今天台南永康麻辣燙遍及相關病例本土新北男子一起南區公佈小時</t>
  </si>
  <si>
    <t>台南市今天並無新增本土病例但有一起20多歲新北市男子、案15816曾於7月30日到8月1日間到過台南的足跡台南市衛生局今天公佈案15816相關足跡遍及永康區、北區和安南區其中7月31日在永康吃麻辣燙2小時也成為一開放餐飲內用就有確診者足跡相關活動場域已完成清消。
27日防疫警戒降二級、各縣市也開放餐飲內用衛生局指出這名20多歲男子上週五返回台南家中整個週末足跡遍及早餐店、飲料店、餐飲店等衛生局表示將提醒業者瞭解當天共餐者是否有人出現身體不適。
衛生局指出新北市確診個案15816曾於北部接觸新北個案15796（7月31日確診）8月1日被匡列為居家隔離者安排搭乘防疫計程車至醫院採檢8月1日晚間確診共匡列接觸家人8名與防疫計程車司機1名初步採檢都陰性。
案15816本身無症狀於7月30日上午9時20分由台中搭乘自強號105班次第4車廂於11時25分抵達台南後轉乘11時55分區間車3726班次於58分抵達大橋站後步行至米里二代永康大橋店、超堡早餐店各停留約2至5分鐘晚間9時34分至7-11安立門市停留6分鐘。
7月31日下午2時21分左右至鹿耳門冰城、鮮自然土城門市各停留約5分鐘晚間7至9時至唐朝麻辣燙永康店；8月1日12時35分至13時20分到過7-11好巧門市、康橋門市、康是美開元店、白巷子中山南店、小北百貨台南開元店分別停留約3分鐘左右。</t>
  </si>
  <si>
    <t>台南足跡確診停留衛生局防疫晚間新北男子搭乘麻辣燙遍及班次相關門市指出大橋抵達</t>
  </si>
  <si>
    <t>新冠肺炎台灣確診足跡台南</t>
  </si>
  <si>
    <t>確診肺炎臺灣足跡台南</t>
  </si>
  <si>
    <t>派利庫藏伍豐股價電腦設備</t>
  </si>
  <si>
    <t>POS廠伍豐（8076）董事會通過2019年股利分派案擬以盈餘配息026元、以資本公積配股約074元合計派利約1元盈餘配發率約9709％。以21日收盤價272元計算現金殖利率僅約096％。公司將於6月12日召開股東常會</t>
  </si>
  <si>
    <t>股利分派董事會公司公積資本利率收盤價計算現金伍豐配股派利合計配發召開</t>
  </si>
  <si>
    <t>POS廠伍豐（8076）董事會通過2019年股利分派案擬以盈餘配息026元、以資本公積配股約074元合計派利約1元盈餘配發率約9709％。以21日收盤價272元計算現金殖利率僅約096％。公司將於6月12日召開股東常會全面改選董事。
伍豐受台股股災影響3月23日股價下探2015元新低董事會3月24日起執行庫藏股預計在20～45元間買回6000張股票近期股價止跌回穩近日於26～285元區間震盪。今日開低小跌近15％。三大法人上周賣超107張本周迄今轉為小幅買超30張。
伍豐受彩票機客戶需求量下滑影響2019年合併營收313億元年減1909％但毛利率3064％創近12年高點營益率895％低於前年91％。受本業獲利下滑影響歸屬母公司稅後淨利263億元年減439％每股盈餘（EPS）103元略低於前年106元。
受新冠肺炎疫情延燒全球衝擊伍豐2020年3月自結合併營收16億元月減1132％、年減4084％創下5年低點。累計首季合併營收52億元季減3129％、年減3045％創2013年首季以來近7年低點。
法人表示伍豐原預期POS機需求可望顯著回升轉投資俄羅斯賭場「水晶虎宮殿」獲利成長可期看好今年營運成長動能回溫。惟新冠肺炎疫情衝擊全球經濟活動各國陸續祭出封城防疫等措施在客戶拉貨需求暫緩、物流運輸不順下今年營運展望將轉趨保守。</t>
  </si>
  <si>
    <t>伍豐影響需求獲利客戶董事會股價營運法人今年下滑衝擊低點前年全球成長</t>
  </si>
  <si>
    <t>伍豐股利配發率殖息率營收</t>
  </si>
  <si>
    <t>息率配發股利伍豐</t>
  </si>
  <si>
    <t>重新前鋒nba力挺</t>
  </si>
  <si>
    <t>根據《ESPN》記者溫霍斯特近日報導NBA目前正在積極考慮各種復賽方案其中一種選項就是參考大陸CBA做法把所有球隊集中在一個地點重新開打目前最有可能的地點是「賭城」拉斯維加斯湖人前鋒杜德利隨即公開力挺</t>
  </si>
  <si>
    <t>目前地點前鋒近日報導nba拉斯維加斯正在杜德利積極方案考慮選項複賽就是參考大陸cba霍斯特可能做法球隊集中</t>
  </si>
  <si>
    <t>根據《ESPN》記者溫霍斯特近日報導NBA目前正在積極考慮各種復賽方案其中一種選項就是參考大陸CBA做法把所有球隊集中在一個地點重新開打目前最有可能的地點是「賭城」拉斯維加斯湖人前鋒杜德利隨即公開力挺！
「我一直聽說不同復賽版本畢竟美國當前新冠疫情很嚴重在這種局面下或許前往拉斯維加斯重新開打是最佳選擇」杜德利說「把所有球隊集中在一間飯店使用同個球館與健身房甚至無須離開酒店藉以保障所有人安全。」
除了前往拉斯維加斯復賽目前也傳出聯盟考慮乾脆前往位處海外的巴哈馬群島重新開打或是考慮前往美國中西部的大學校園球館進行因為目前這個地區傳出新冠肺炎案例比較少只是這些地點都還在審慎考核當中當前仍無定案。
只是選在拉斯維加斯某間擁有球館、健身房等設施的飯店重新開打卻難以避免出現群聚感染的可能性除非NBA真的可以做好相關防疫措施不讓球員或隊職員到處亂跑以及管制相關人員進出否則一旦再次爆發後果將更加嚴重。</t>
  </si>
  <si>
    <t>拉斯維加斯目前前往重新複賽考慮地點球館相關nba當前杜德利美國傳出球隊集中嚴重飯店健身房再次爆發一旦進出</t>
  </si>
  <si>
    <t>湖人前鋒杜德利拉斯維加斯NBA</t>
  </si>
  <si>
    <t>杜德利前鋒拉斯維加斯nba</t>
  </si>
  <si>
    <t>店員bnt尷尬動物醫院提醒打電話</t>
  </si>
  <si>
    <t>台灣疫苗量充足除了可用疫苗平臺預約施打也可自行至指定醫院預約接種但也因此鬧出烏龍。一名女網友透露她在動物醫院上班某天竟接到一名婦人打電話來說要打BNT她好聲好氣地提醒對方打錯了結果反被兇</t>
  </si>
  <si>
    <t>預約提醒好聲好氣bnt疫苗平臺施打打電話婦人方打錯上班動物醫院透露接種女網友烏龍可用結果自行</t>
  </si>
  <si>
    <t>台灣疫苗量充足除了可用疫苗平臺預約施打也可自行至指定醫院預約接種但也因此鬧出烏龍。一名女網友透露她在動物醫院上班某天竟接到一名婦人打電話來說要打BNT她好聲好氣地提醒對方打錯了結果反被兇讓她忍不住翻白眼大嘆「如果堅持要在這邊打的話可能只有狂犬病疫苗。」超瞎的故事讓不少網友笑歪直呼是以為獸醫院也能打疫苗嗎？
一名女網友昨在臉書社團《爆怨公社》發文表示有一位婦人打電話來醫院說要打BNT疫苗但尷尬的是「我們這邊是動物醫院啊！」友善提醒對方可能撥錯電話了結果還被兇說「你們這邊不是仁愛嗎？」
女網友指出她只好耐心解釋「我們是X愛動物醫院差一個字差很多喔！」結果這名婦人聽了還很不開心的嘟嘟囔囔幾句才掛電話讓她超級無奈最後也忍不住開玩笑說「如果堅持要在這邊打的話可能只有狂犬病疫苗。」
不少網友看完直呼這太瞎了是以為獸醫院也能打BNT嗎？都說打錯電話了對方是在兇什麼啊？「還是他以為寵物也可以打BNT那我要替我家的登記」、「打錯還兇人家」、「法鬥表示：人類好呆喔」「問問她是不是想打十合一的疫苗」、「還有三合一、五合一與腹膜炎疫苗可以選擇」、「放心我8月還遇過一個婦人要打第三劑莫德納真是什麼人都有」。</t>
  </si>
  <si>
    <t>疫苗婦人女網友動物醫院bnt電話結果表示可能可以醫院網友預約以為提醒忍不住打電話狂犬病</t>
  </si>
  <si>
    <t>BNT動物醫院打電話預約接種</t>
  </si>
  <si>
    <t>動物醫院打電話接種bnt預約</t>
  </si>
  <si>
    <t>範圍音樂東吳擴大波及音樂家緊急宣佈確診停課</t>
  </si>
  <si>
    <t>澳洲知名音樂家布萊特狄恩確診新冠肺炎由於他曾在台灣逗留10天期間舉行過專訪、記者會、音樂會接觸範圍大除了與他一同演奏的國家交響樂團(NSO)團員需自主隔離14天外由於NSO其中有3人為東吳大學音樂系兼任</t>
  </si>
  <si>
    <t>nso確診肺炎天外臺灣逗留期間團員舉行專訪交響樂團記者會布萊特狄恩國家音樂會接觸範圍演奏一同東吳大學隔離自主音樂家</t>
  </si>
  <si>
    <t>澳洲知名音樂家布萊特狄恩確診新冠肺炎由於他曾在台灣逗留10天期間舉行過專訪、記者會、音樂會接觸範圍大除了與他一同演奏的國家交響樂團(NSO)團員需自主隔離14天外由於NSO其中有3人為東吳大學音樂系兼任教師東吳也緊急宣佈音樂系停課14天。
東吳大學公告全文如下：
3月5日衛福部防疫中心召開緊急記者會公告有關澳籍中提琴作曲家來臺於臺北國家音樂廳演出於返回澳洲後為新冠肺炎確診。本校音樂學系第一時間立即採取下列防疫應變措施：
一、立即瞭解隔離名單有無本校師生：學系主任立即親自查證衛福部要求隔離觀察的名單瞭解有無在本校音樂學系任教之團員。經查證隔離名單中有3名團員在本校音樂學系兼任同時並已確認此三位兼任老師開學至今均未到校上課。
二、調查音樂系學生與教師近日是否有接觸史：學系於3月6日發布緊急公告要求全系學生依狀況填寫【東吳大學音樂學系預防嚴重特殊傳染性肺炎防疫調查表】google表單瞭解全系學生：
（一）有無在2/22-3/5與相關兼任老師上課或有所接觸？
（二）有無在2/22-3/5進入國家音樂廳或國家演奏廳？
截至目前為止計有233位完成填表工作本校防疫小組將與音樂系密切合作確實掌握狀況以維護全校師生安全。
三、公告部分師生停課並進行自主管理或居家隔離：3月6日音樂系進行【停課公告】依衛福部疫情指揮中心要求：「NSO團員若屬健康自主管理者有在學校教課14天內先行停課以免校園師生擔心。」據此為免除音樂學系師生疑慮凡該系教師有接觸史之相關人員即日起至3/13止該等老師均採停課處理日後再進行相關補課。
以上為本校音樂學系因應澳籍中提琴作曲家確診新冠肺炎所做的之緊急應變防疫措施公告全校師生知悉也請全校師生放心。  東吳大學防疫小組 敬上 20200306</t>
  </si>
  <si>
    <t>音樂學系師生防疫公告停課接觸東吳大學隔離國家緊急肺炎團員有無相關學生瞭解nso自主進行確診立即兼任記者會名單</t>
  </si>
  <si>
    <t>新冠肺炎東吳大學布萊特狄恩Brett Dean停課</t>
  </si>
  <si>
    <t>布萊特狄恩東吳大學brett肺炎dean停課</t>
  </si>
  <si>
    <t>cdc警訊變種進展歸零</t>
  </si>
  <si>
    <t>隨著安全防護措施鬆懈具高度傳染性的新冠變種病毒趁隙而入美國正冒著失去所有抗擊新冠肺炎進展的風險。據CNN新聞網1日報導美國疾病管制與預防中心（CDC）主任瓦倫絲姬（Rochelle Walensky）說新冠變種擴散的</t>
  </si>
  <si>
    <t>美國變種措施鬆懈cdc主任瓦倫絲中心預防管制疾病高度報導rochelle新聞網傳染性walenskycnn風險進展肺炎抗擊</t>
  </si>
  <si>
    <t>隨著安全防護措施鬆懈具高度傳染性的新冠變種病毒趁隙而入美國正冒著失去所有抗擊新冠肺炎進展的風險。
據CNN新聞網1日報導美國疾病管制與預防中心（CDC）主任瓦倫絲姬（Rochelle Walensky）說新冠變種擴散的程度可能導致美國徹底喪失得來不易的抗疫成果。就在幾星期來新冠病毒陸續減少後新病例如今又開始攀升瓦倫絲姬週一說上周的病例比上上周增加了超過2%1天有近2000人喪生。
此外她直言真的很擔心有更多州在減少CDC所建議以防民眾感染新冠肺炎的公共衛生措施。瓦倫絲姬力促民眾繼續戴合臉的口罩並採取其他已知能奏效的公共衛生預防措施。她強調最後接種疫苗會讓大家擺脫這大流行。而要達到這目標就需要為更多人接種疫苗。
而本周傳來的好消息在於嬌生集團（Johnson &amp; Johnson）研發的單劑疫苗將開始施打。哈佛大學陳曾熙公共衛生學院（Harvard TH Chan School of Public Health）免疫學教授魯賓（Eric Rubin）這其中有某種新的緊迫性。
他指出由於新冠病毒新變種正在出現其中有些可能最後會變得具有某種程度的抗藥性。一名拜登政府官員周日晚說約有390萬劑嬌生疫苗將分送全美各地並透露最早週二早上那些疫苗就能投送。
瓦倫絲姬強調由於這款疫苗只有一劑因此大家不必回來打第二劑就能獲得保護。此外她說嬌生疫苗不必存放在冷藏庫只要能冷藏就好了因此便於運送。不過根據測試嬌生疫苗預防輕微到嚴重新冠肺炎的效力約為72%而已分發的輝瑞（Pfizer）/生物新技術公司（BioNTech SEBNT）和莫德納（Moderna）疫苗效力約達95%對預防重症有更大的效力。</t>
  </si>
  <si>
    <t>疫苗瓦倫絲美國預防肺炎效力病毒變種措施開始衛生民眾cdc可能最後</t>
  </si>
  <si>
    <t>疫苗變種嬌生新冠肺炎病毒CDC</t>
  </si>
  <si>
    <t>肺炎病毒變種cdc疫苗</t>
  </si>
  <si>
    <t>成為辯論候選人總統</t>
  </si>
  <si>
    <t>美國副總統彭斯與民主黨副總統候選人賀錦麗7日出席他們的首場也是唯一一場辯論。穀歌公司表示在辯論開始後半小時內英文短語「粉眼新冠」（pink eye Covid）成為熱搜詞之一。這是為什麼？很多觀眾注意到彭斯的</t>
  </si>
  <si>
    <t>辯論彭斯賀錦麗出席首場covideyepink成為開始短語英文小時總統候選人觀眾谷歌公司</t>
  </si>
  <si>
    <t>美國副總統彭斯與民主黨副總統候選人賀錦麗7日出席他們的首場也是唯一一場辯論。穀歌公司表示在辯論開始後半小時內英文短語「粉眼新冠」（pink eye Covid）成為熱搜詞之一。這是為什麼？
很多觀眾注意到彭斯的左眼在辯論開始時有點發紅開始猜測這是不是新冠肺炎患者的症狀尤其是考慮到最近白宮爆發疫情。
BBC中文網8日報導說值得注意的是眼睛問題並不是新冠肺炎的主要症狀世界衛生組織（WHO）表示最常見的症狀是發燒、乾咳和疲勞。確實也提到了結膜炎可以導致眼睛變紅或粉紅但這種症狀並不常見。
不過白宮表示彭斯每天都在接受檢測結果一直都是陰性包括7日辯論前的測試結果。
今年5月林口長庚醫院兒科急診主治醫師吳昌騰在粉專提醒新冠病毒可以利用眼睛作為人體的另一個入口「粉紅色的眼睛」也可能是新冠病毒感染的症狀。
吳昌騰引述香港大學公衛學者Michael Chan團隊刊登於《刺胳針呼吸醫學》期刊的研究提出新冠病毒能同時透過呼吸道與眼睛感染人體證據新冠病毒可能導致約1~3％的患者出現紅眼病或結膜炎。
Michael Chan副教授指出透過眼睛感染新冠病毒的風險更大因為這種菌株比SARS病毒更強。根據研究小組在實驗室培養採自「氣管、肺與眼結膜的組織」供新冠病毒研究並與SARS與H5N1做比較。
研究發現新冠病毒能比SARS病毒更有效率地感染眼結膜與上呼吸道在眼結膜中感染新冠病毒48小時後複製能力高於SARS約80~100倍。</t>
  </si>
  <si>
    <t>病毒眼睛症狀辯論彭斯研究sars表示感染開始白宮結果michaelchan結膜炎導致小時患者可以常見</t>
  </si>
  <si>
    <t>新冠病毒症狀SARS眼結膜感染</t>
  </si>
  <si>
    <t>sars症狀病毒結膜感染</t>
  </si>
  <si>
    <t>離職星一湖北復工無法員工</t>
  </si>
  <si>
    <t>新冠肺炎疫情肆虐大陸各地區紛紛祭出「封閉式管理」全力防疫日前一名黃曉明工作室的員工透露因為自己遲遲無法回北京復工因此愧疚的向老闆黃曉明提出留職停薪沒想到對方一句話讓他感動淚崩。這名湖北籍員工</t>
  </si>
  <si>
    <t>黃曉明員工肆虐大陸地區紛紛祭出封閉式感動疫情管理對方全力想到防疫留職停薪日前提出老闆無法工作室愧疚復工北京透露遲遲</t>
  </si>
  <si>
    <t>新冠肺炎疫情肆虐大陸各地區紛紛祭出「封閉式管理」全力防疫日前一名黃曉明工作室的員工透露因為自己遲遲無法回北京復工因此愧疚的向老闆黃曉明提出留職停薪沒想到對方一句話讓他感動淚崩。
這名湖北籍員工日前在微博上分享數張和老闆黃曉明的對話截圖內容指出因為他遲遲無法復工也不知道何時才能返京不但影響了工作進度還照常領到工資讓他心生愧意希望能申請留職停薪。
黃曉明看到訊息後暖心安慰他「別想那麼多你和爸爸媽媽現在情況還好嗎？」他則回覆一切安好但是擔心自己遲遲未能返工會拖累工作進度因此又說「如果下個月還不能返京我這邊提前跟你申請離職然後也讓人事姐姐同步招新的人。」
對於員工主動請辭黃曉明並沒有受理而是出言安撫說「吃好喝好別想這些沒用的！有我一口就餓不著你們！」黃曉明一席話讓員工感動萬分忍不住將對話截圖PO網直呼「在這段特別焦慮的日子哩收到老闆這樣的回覆眼淚是真的沒忍住就流出來了謝謝老闆！我會好好努力的！」
消息一出感動不少網友紛紛留言大讚「黃老闆真霸氣」、「教主公益這塊真的沒話說」、「太暖了！有這樣的老闆真好」、「這麼好的老闆打著燈籠難找」、「這句話太暖了！有我一口就餓不著你們」。</t>
  </si>
  <si>
    <t>老闆黃曉明員工感動遲遲紛紛申請工作進度日前真的留職停薪返京</t>
  </si>
  <si>
    <t>新型冠狀病毒新冠肺炎NCP大陸黃曉明</t>
  </si>
  <si>
    <t>肺炎ncp病毒大陸黃曉明冠狀</t>
  </si>
  <si>
    <t>狀況中央開炮病床模擬城市雙北</t>
  </si>
  <si>
    <t>國內疫情緊張雙北病床數量是否足夠中央昨天拿出報表指出目前雙北空病房320間、還有1500多床沒有不夠讓臺北市長柯文哲氣炸大罵中央「阿達馬孔固力（腦袋裝水泥）」想拿病歷砸衛福部次長石崇良。重症胸腔</t>
  </si>
  <si>
    <t>中央衛福部病床病歷數量是否水泥足夠次長腦袋昨天固力拿出目前北空病房報表還有阿達馬孔沒有不夠雙北指出</t>
  </si>
  <si>
    <t>國內疫情緊張雙北病床數量是否足夠中央昨天拿出報表指出目前雙北空病房320間、還有1500多床沒有不夠讓臺北市長柯文哲氣炸大罵中央「阿達馬孔固力（腦袋裝水泥）」想拿病歷砸衛福部次長石崇良。重症胸腔科醫師蘇一峰也直言報表單上的床位不等於真實床位要有醫護上班才能開床但中央只拿報表喊空床數不面對現實「當自己在玩模擬城市是吧？」
蘇一峰今天在臉書發文砲轟「有沒有床問各醫院第一線急診室醫護人員與住院櫃檯就知道」並指出報表單上的床位不等於真實床位病房需要時間施工改建也要有能上班的醫護人員才能開床、開病房但中央什麼都不管只從報表上的數字就認為醫院有空床「當自己在玩模擬城市是吧？」
對此網友紛紛留言：「對、床是空的沒有多的醫護人員沒有多的設備」、「有床也要有人力不然病人自己DIY嗎？！」、「躲在冷氣房看報表數字的大官啊」、「模擬城市笑著笑著就哭了」、「難怪阿北忍不住罵出來」。
還有人建議中央應該自己去第一線急診室看一下「至少眼見為憑每天打高空只會累死一線醫護而已」、「醫療一直以來都是人力缺乏的狀態就算喬出床位也沒有人可以上班」。</t>
  </si>
  <si>
    <t>中央報表沒有床位病房模擬城市醫護人員急診室蘇一峰人力醫護指出數字醫院上班</t>
  </si>
  <si>
    <t>新冠肺炎台灣床位模擬城市報表</t>
  </si>
  <si>
    <t>臺灣床位肺炎類比城市報表</t>
  </si>
  <si>
    <t>優先風景區防疫暫停營業</t>
  </si>
  <si>
    <t>國內新冠肺炎疫情擴散南投縣觀光處彙整縣內各風景區休園或暫停營業情形也呼籲民眾共體時艱防疫期間盡量待在家裡不要任意移動或到前往公共場所降低群聚感染風險。竹山瑞龍瀑布園區及竹山梯子吊橋(天梯)</t>
  </si>
  <si>
    <t>園區疫情瀑布擴散山瑞龍風險感染降低公共場所風景區前往竹山肺炎移動暫停營業任意情形不要待在家裡儘量</t>
  </si>
  <si>
    <t>國內新冠肺炎疫情擴散南投縣觀光處彙整縣內各風景區休園或暫停營業情形也呼籲民眾共體時艱防疫期間盡量待在家裡不要任意移動或到前往公共場所降低群聚感染風險。
竹山瑞龍瀑布園區及竹山梯子吊橋(天梯) 即日起封閉至南投縣政府公佈開放日；清境高空觀景步道、雙龍瀑布七彩吊橋、埔裡鎮地理中心碑、埔裡鎮鯉魚潭都是休園至5月28日。
九族文化村、泰雅渡假村及杉林溪森林生態渡假園區日月潭國家風景區管理處所屬向山遊客中心、伊達邵遊客中心、埔裡遊客中心、車埕遊客中心、向山日升月恆藝廊參山國家風景區管理處松柏嶺遊客中心關閉至5月28日。
東勢林區管理處合歡山森林遊樂區關閉室內場域住宿亦暫停；南投林區管理處奧萬大國家森林遊樂區暫停營業、九九峰森林步道封閉至5月28日。
台大實驗林管理處溪頭及鳳凰自然教育園區暫停一般遊客入園僅接受已預訂園區內住宿旅客入園未來將視疫情提早或延後園區開放日期；下坪自然教育園區暫停所有遊客入園未來將視疫情發展狀況公告園區開放日期；台大山地實驗農場梅峰農場營隊活動全部暫停；翠峰農場（卡爾小鎮）暫停營業至5月28日。
中興大學林管理處惠蓀林場因森林火災已休園。清境農場、清境國民賓館及小瑞士暫停營業至5月28日。國立自然科學博物館車籠埔斷層保存園區及鳳凰穀鳥園生態園區6月8日前暫停開放。
竹山鎮公所竹山菸葉館7月20日前暫停營業；竹山文化園區5月28日前暫停營業。南投市猴探井天空之橋暫停營業至5月28日。信義鄉坪瀨琉璃光之橋休園到5月28日。
國立台灣工藝研究發展中心園區閉館開館日視疫情發展而定。水裡蛇窯暫停營業至5月28日埔裡元首館5月28日前暫停營業。</t>
  </si>
  <si>
    <t>園區暫停營業管理處暫停森林遊客疫情埔裡中心開放農場日前風景區國家瀑布封閉住宿吊橋</t>
  </si>
  <si>
    <t>新冠肺炎台灣暫停營業5月28日</t>
  </si>
  <si>
    <t>暫停營業臺灣肺炎</t>
  </si>
  <si>
    <t>歌手林之王過去總會黑夜</t>
  </si>
  <si>
    <t>新冠肺炎疫情全球蔓延《聲林之王》第一、二季的眾多歌手日前分批進錄音室獻聲一同為社會以及前線醫護等防疫人員打氣合唱〈黑夜總會過去〉鄭可強表示：「我小時候就很夢想做這件事一群音樂人為時事做貢獻</t>
  </si>
  <si>
    <t>全球蔓延夢想林之王二季歌手小時候日前表示分批鄭可強過去錄音室夜總會一同疫情音樂合唱社會打氣前線人員醫護防疫</t>
  </si>
  <si>
    <t>新冠肺炎疫情全球蔓延《聲林之王》第一、二季的眾多歌手日前分批進錄音室獻聲一同為社會以及前線醫護等防疫人員打氣合唱〈黑夜總會過去〉鄭可強表示：「我小時候就很夢想做這件事一群音樂人為時事做貢獻特別溫暖。剛出道就能參與這個行動覺得蠻榮幸的！」
歌曲集結《聲林之王》第一、二季共41位歌手包含劉學甫、蕭名棻、吳東翰、安懂、陽紹傑、陳忻玥、黃於齊、葉柔、馮玟璿、曾韻璿、徐樂芸、賴珮如、嘪瑋鵬、曹策勛、陳瑽、韋喆、張孟權、李佳歡、許淨淳、吳霏、林怡廷、六艾司、林茉曦、艾文、陳央、陳守恩、鄭可強、贊薇、許維芳、張宸安、呂學翰、吱吱、李芷婷、張若凡、陳思綾、Gail、李艾薇、柯政宏、盧子傑、楊碧琪與樂梓酉。
該曲主製作人為蕭名棻歌詞中提及因疫情造成人與人之間的疏遠並帶來各種恐懼與不安的消息但相信雨後會天晴黑夜總會過去「或許我們暫時沒能見但距離使我們都安全讓陽光照亮恐懼的影子改變世界」眾人最後大合唱場面感人「相信愛總有意義那些傷口總能痊癒陽光會照進大地溫暖著我的心和你一起迎接自由呼吸。」</t>
  </si>
  <si>
    <t>溫暖相信恐懼鄭可強蕭名過去疫情林之王二季歌手大地韋喆張孟權曹策勳李佳歡許淨淳吳霏賴佩如照進林怡廷徐樂芸</t>
  </si>
  <si>
    <t>疫情新冠肺炎聲林之王歌手鄭可強</t>
  </si>
  <si>
    <t>林之王肺炎歌手鄭可強疫情</t>
  </si>
  <si>
    <t>尖兵老人防疫女神證據鄉民過氣</t>
  </si>
  <si>
    <t>台灣疫情緊張已連續多日新增破百確診病例不僅雙北宣佈三級警戒全台高中以下學生也都停課讓民眾盡可能減少外出的可能性防堵疫情擴散只是無論規定再嚴格總有人不願配合全台發生多起外出不戴口罩的案例</t>
  </si>
  <si>
    <t>外出全台疫情連續新增破百確診病例雙北宣佈警戒高中擴散以下學生停課規定民眾盡可能減少</t>
  </si>
  <si>
    <t>台灣疫情緊張已連續多日新增破百確診病例不僅雙北宣佈三級警戒全台高中以下學生也都停課讓民眾盡可能減少外出的可能性防堵疫情擴散只是無論規定再嚴格總有人不願配合全台發生多起外出不戴口罩的案例連網紅「丹妮婊姊」都po文抱怨自己爸媽很難約束疫情期間常有不必要的活動行為直言「很多老人真的毫無概念」「鄉民女神」潔哥看了卻說自家爸媽完全相反是老人圈「防疫小尖兵」描述了他們的防疫日常卻被網友抓到另類亮點讓她哭笑不得。
相較於丹妮婊姊的爸媽一個不注意就出門趴趴走潔哥透露自己父母堪稱老人圈防疫模範生「像我才去個便利商店回來還沒踏進家門在門口我老北就拿著酒精全身上下給我噴一遍然後手舉高高不得碰觸任何東西要直接去洗手」。
潔哥的媽媽也是嚴陣以待幫她顧女兒fafa時全程都戴著口罩即使她根本宅在家都沒出門潔哥也跟她說「在家可以不用戴著吧」但媽媽卻堅持戴著比較保險讓潔哥大讚：「他們根本老人圈防疫楷模很值得給他們掌聲鼓勵」。
對於潔哥爸媽的防疫意識跟日常生活眾網友都給予高評價大讚「真的是模範阿 ~ 也希望我家長輩能這樣。羨慕阿」、「潔哥的父母很讚！少有的老人會這麽注意防疫的！」也分享自家老人們的各種NG行為以及因應措施而有網友抓到亮點表示潔哥爸媽是為了孫女才有防疫動力讓潔哥苦笑：「被大家這麼一說我爸媽是因為他們可愛的孫女努力防疫而不是為了我嗎？」眾人也毫不留情直言就是這樣沒錯「連在爸媽面前都過氣了、「一切都是為了fafa 潔哥妳只是順便的」。</t>
  </si>
  <si>
    <t>防疫老人疫情網友外出全台口罩fafa模範直言媽媽真的根本行為大贊</t>
  </si>
  <si>
    <t>潔哥鄉民女神新冠肺炎台灣爸媽</t>
  </si>
  <si>
    <t>女神肺炎臺灣鄉民</t>
  </si>
  <si>
    <t>密閉空間高鐵能夠口罩陳時中</t>
  </si>
  <si>
    <t>中央疫情指揮中心指揮官陳時中於今（23）日表示捷運或高鐵密閉空間能夠的話就要戴口罩。柚子醫師陳木榮曾於2月7日政府宣導短片說：「大家每天生活都有可能會坐計程車、搭公車、搭捷運這些大眾運輸工具而且最近</t>
  </si>
  <si>
    <t>指揮官陳時中於今表示可能生活短片日政府高鐵中心陳木榮醫師柚子口罩就要密閉能夠空間</t>
  </si>
  <si>
    <t>中央疫情指揮中心指揮官陳時中於今（23）日表示捷運或高鐵密閉空間能夠的話就要戴口罩。
柚子醫師陳木榮曾於2月7日政府宣導短片說：「大家每天生活都有可能會坐計程車、搭公車、搭捷運這些大眾運輸工具而且最近快送食物到家很流行現在有新型冠狀病毒的疫情那我們在做這些事時到底需不要需要戴口罩呢？答案是不需要的因為台灣目前沒有社區感染的情形一般健康民眾是可以不用戴口罩的」。
根據《自由時報》報導行政院發言人穀辣斯尤達卡（Kolas Yotaka）2月7日也呼應說你可能不相信 坐捷運、高鐵、火車、公車其實都不用戴口罩除非你生病了否則真的不用戴「這是大家都不敢接受的真相也不敢身體力行」。
中央疫情指揮中心指揮官陳時中於今（23）日表示請大家要遵守社交安全距離「有病或是壅擠的地方不得已可能要戴口罩譬如我們的捷運啦或高鐵啦這樣一個密閉空間能夠的話就要戴口罩。」</t>
  </si>
  <si>
    <t>口罩可能疫情高鐵公車需要表示不敢於今密閉陳時中食物流行到家穀辣斯感染</t>
  </si>
  <si>
    <t>要求成立部會錢花相關刀口蘇揆拍板預算肺炎小組特別</t>
  </si>
  <si>
    <t>行政院會上午通過上限600億元的「中央政府嚴重特殊傳染性肺炎防治及紓困振興特別預算案」蘇揆在院會要求各部會錢要花在刀口上國境也不得出現破口各相關部會更要成立新冠肺炎組並由首長親自督導不可以讓</t>
  </si>
  <si>
    <t>肺炎部會中央政府嚴重特殊傳染性親自防治上限紓困首長振興特別預算案蘇揆院會要求成立出現國境花在刀口</t>
  </si>
  <si>
    <t>行政院會上午通過上限600億元的「中央政府嚴重特殊傳染性肺炎防治及紓困振興特別預算案」蘇揆在院會要求各部會錢要花在刀口上國境也不得出現破口各相關部會更要成立新冠肺炎組並由首長親自督導不可以讓疫情擴散。
蘇揆在裁示時說政府秉持「雨露均霑」、「立竿見影」、「固本強身」、「加速公建」四大原則針對受到疫情衝擊的各行各業提出紓困計畫並依特別條例規定以600億元為上限編列特別預算包括防治經費196億元作為應變醫院隔離收治、設置集中檢疫場所、防疫補償金、徵購物資設備等經費。
蘇揆並指紓困及振興經費方面共404億元對內需型產業（包括餐飲、零售、商圈、夜市、傳統市場）、製造業、觀光及運輸業、農漁業、藝文產業以及原住民族與客莊產業等提供包括企業融資保證與利息補貼、運輸業的稅費補助、旅宿業的營運補貼農漁畜產品拓銷以及內需與藝文產業的消費抵用券等措施以全面協助業者將衝擊降到最低儘速度過難關確保產業經濟穩健。
Kolas轉述蘇揆希望特別預算雨露均霑受影響民眾可以受到照顧也讓這次化危機為轉機增加國內公共建設也使相關產業升級。相關部會要在兩週內訂定子法完成發布程式所有經費也都要花在刀口上。
此外蘇揆也要求必須嚴管國境對著列席的海巡署、關務、移民署、警政署及民航局等首長列席蘇揆要求絕不容許國境有任何破口不能登機者就不能登機不容許違法偷渡法務部也要依特別條例嚴格執法施以刑責及罰鍰；另外蘇貞昌也下令各相關部會針對疫情成立新冠肺炎小組並由首長親自督導不可以讓疫情擴散。
新冠肺炎行政院蘇貞昌Kolas Yotaka新冠肺炎小組</t>
  </si>
  <si>
    <t>產業蘇揆特別經費包括部會疫情肺炎紓困國境要求相關運輸業衝擊受到首長補貼內需防治可以預算列席</t>
  </si>
  <si>
    <t>肺炎產業特別新冠新冠肺炎</t>
  </si>
  <si>
    <t>肺炎產業特別</t>
  </si>
  <si>
    <t>斷言解決政府最後之前下場疫情</t>
  </si>
  <si>
    <t>國內疫情仍嚴峻對於蔡英文政府能否從這波民怨高漲的疫情中從脫身？疫情發展是否會朝不樂觀的方向發展？郭正亮說國產疫苗政府大概鐵了心要做但最快要7月才會出來而若拖到8月28日還沒辦法收尾他不諱言說依</t>
  </si>
  <si>
    <t>政府疫情發展辦法拖到出來收尾對於蔡英文能否鐵了心民怨大概是否方向郭正亮疫苗嚴峻不諱</t>
  </si>
  <si>
    <t>國內疫情仍嚴峻對於蔡英文政府能否從這波民怨高漲的疫情中從脫身？疫情發展是否會朝不樂觀的方向發展？郭正亮說國產疫苗政府大概鐵了心要做但最快要7月才會出來而若拖到8月28日還沒辦法收尾他不諱言說依今日病歿(22人)數字推估人民死傷會很慘重後果其實不難想像。
郭正亮今(8日)上宅神朱學恒節目對於蔡英文政府能否從這波民怨高漲的疫情中從脫身？郭正亮說國產疫苗政府大概鐵了心要做但最快要7月才會出來現在處理6月的疫情是第一要務近期日本捐贈的124萬劑AZ疫苗和15萬劑莫德納疫苗大概6月11號會開打把這140萬劑疫苗分批分類別來施打大概可以打個20天拖到月底可以預期會有許多大內宣的宣傳鏡頭畫面出現目的是要讓老百姓看疫苗大規模接種有在啟動。
郭正亮並指出陳時中喊出一天要打1百萬劑這在現實面根本不可能以75歲高齡人士先接種還要核對身分一天能打10萬人就不錯了。
對於有網友提問今年828四大公投是否還能如期舉行？宅神朱學恒說今年大概沒辦法投公投了但疫情一直拖下去人民的憤怒會越累積越高到投票日那天很可能民怨會大爆炸。
郭正亮則表示民進黨政府若搞到828還沒辦法收尾他不諱言說人民死傷會很慘重後果其實不難想像他舉例今(8日)新增22死累計到828那會死多少人？死一個人代表一個家庭人民不是沒感覺的。</t>
  </si>
  <si>
    <t>郭正亮疫情疫苗政府大概人民對於接種辦法民怨是否今年拖到朱學</t>
  </si>
  <si>
    <t>新冠肺炎828四大公投台灣疫情郭正亮</t>
  </si>
  <si>
    <t>四大肺炎臺灣疫情郭正亮</t>
  </si>
  <si>
    <t>歷年同期新高</t>
  </si>
  <si>
    <t>微機電（MEMS）麥克風廠鈺太（6679）公告第一季合併營收367億元改寫歷史同期新高。法人表示在筆電需求旺盛推動下類比式麥克風及數位式麥克風出貨表現同步暢旺進入第二季後更有機會衝出單季新高水準上半</t>
  </si>
  <si>
    <t>麥克風機會公告合併季後改寫進入歷史旺盛同期需求法人暢旺表示推動表現同步</t>
  </si>
  <si>
    <t>微機電（MEMS）麥克風廠鈺太（6679）公告第一季合併營收367億元改寫歷史同期新高。法人表示在筆電需求旺盛推動下類比式麥克風及數位式麥克風出貨表現同步暢旺進入第二季後更有機會衝出單季新高水準上半年呈現逐季成長態勢。
鈺太公佈3月營收126億元較去年同期093億元成長3503％累計首季合併營收達367億元、季減47％較去年同期273億元成長3422％改寫歷史同期新高。
新冠肺炎在全球仍未見趨緩跡象使居家辦公／教學等需求仍維持高檔當中又以筆電為最大受惠電子產品之一。供應鏈指出目前筆電拉貨力道仍持續成長3月已出現一波訂單成長趨勢進入第二季後拉貨力道可望成長雙位數水準。
由於2020年新款筆電幾乎都開始朝向窄邊框趨勢發展因此對於MEMS麥克風規格勢必會再度提升因此法人看好長期佈局窄邊框MEMS麥克風市場的鈺太可望因此受惠。
在筆電訂單維持強勁態勢之下鈺太目前已經開始逐步加大供貨力道以因應客戶在第二季的需求。供應鏈指出鈺太在筆電訂單增加帶動下數位式麥克風單月出貨量已經開始邁向千萬套水準且類比式麥克風出貨量亦在穩定成長當中。法人看好第二季在麥克風出貨持續暢旺帶動下單季合併營收有機會力戰歷史新高表現。鈺太不評論法人預估財務數字。
鈺太4月1日股價上漲595％至1335元第一季業績備受法人肯定單周股價已經上漲723％在IC設計類股數中屬於前段班水準從技術面角度觀察日KD仍黃金交叉向上在營運前景正面帶動下股價後續有機會持續向上。另外鈺太已經在3月25日啟動庫藏股買回預計將買回1800張價格落在80～187元若股價低於預定買回最低價將持續買回庫藏股。</t>
  </si>
  <si>
    <t>麥克風成長法人水準已經股價持續需求開始帶動訂單合併mems當中</t>
  </si>
  <si>
    <t>成長法人新高水準出貨</t>
  </si>
  <si>
    <t>新高水準法人成長</t>
  </si>
  <si>
    <t>苗栗女隔離居家疫情肺炎商買咖啡</t>
  </si>
  <si>
    <t>嚴防新冠肺炎疫情衛生福利部規定凡有中港澳地區旅遊史民眾皆須進行居家檢疫14天內不得外出然而苗栗縣仍有3個案違規趴趴走其中1女子至住家附近買咖啡、1男子開車載家人至公家單位皆遭開罰1萬元。苗栗縣衛</t>
  </si>
  <si>
    <t>苗栗縣疫情衛生福利規定附近咖啡男子肺炎家人港澳地區旅遊民眾外出須進行居家不得天內檢疫女子</t>
  </si>
  <si>
    <t>嚴防新冠肺炎疫情衛生福利部規定凡有中港澳地區旅遊史民眾皆須進行居家檢疫14天內不得外出然而苗栗縣仍有3個案違規趴趴走其中1女子至住家附近買咖啡、1男子開車載家人至公家單位皆遭開罰1萬元。
苗栗縣衛生局表示目前縣內3案違反居家檢疫規定2案已開罰、1案則正依流程查處；開罰的2案其中之1該女子從澳門返台後實施居家檢疫但她仍外出至住家附近便利商店買咖啡；另名從上海返回的男子開車載家人至公家單位雖未下車但離開住所仍屬違規皆開罰1萬元。
而第3案違規女子離家辦事正依流程查處尚未開出罰單；衛生局強調3起案例離家時間皆不長且由於皆配有電子監控防疫手機一離開住所立即發報給衛生局、民政處、警局有關單位迅速將個案帶回並進行查處。
衛生局強調按傳染病防制法規定居家檢疫14天者若違規外出可處以1至15萬罰款居家隔離14天者違規則可處以1至30萬元罰款盼民眾能遵守規定勿成為防疫漏洞。</t>
  </si>
  <si>
    <t>衛生局居家規定違規檢疫查處單位女子外出民眾離開住所苗栗縣強調個案防疫離家附近罰款家人住家</t>
  </si>
  <si>
    <t>苗栗咖啡居家檢疫新冠肺炎新型冠狀病毒</t>
  </si>
  <si>
    <t>檢疫肺炎居家咖啡冠狀苗栗病毒</t>
  </si>
  <si>
    <t>警方強制保護隔離管束板橋</t>
  </si>
  <si>
    <t>新北市板橋區大觀路88歲居家隔離男子屢次違反規定外出 造成當地民眾恐慌今（18）日上午起連續再犯3次當地裡長不堪其擾向警方報案警方強制將其保護管束通報衛生局接管。據瞭解該男自本月14日起開始居家隔</t>
  </si>
  <si>
    <t>當地居家警方大觀路隔離男子保護管束通報屢次衛生局違反規定外出瞭解本月接管造成裡長再犯民眾連續恐慌上午強制報案</t>
  </si>
  <si>
    <t>新北市板橋區大觀路88歲居家隔離男子屢次違反規定外出 造成當地民眾恐慌今（18）日上午起連續再犯3次當地裡長不堪其擾向警方報案警方強制將其保護管束通報衛生局接管。
據瞭解該男自本月14日起開始居家隔離但屢次違反規定擅自離開並都不戴口罩引起社區住戶恐慌。今天上午8時許男子又2度外出裡長及社區主委通報警方員警會同衛生所人員到場該男返家閉門不理。
下午2時許該男竟又外出意圖搭公車前往北市萬華警方獲報火速到場攔阻該男辯稱「沒收到隔離通知」執意要離開員警只好強制將男子帶回派出所保護管束除蒐證函送裁罰外並通報衛生局送集中檢疫所。</t>
  </si>
  <si>
    <t>警方通報男子隔離外出到場員警當地恐慌社區離開管束衛生局裡長時許保護居家強制屢次違反規定大觀路北市辯稱</t>
  </si>
  <si>
    <t>板橋保護管束新冠肺炎居家隔離台灣</t>
  </si>
  <si>
    <t>肺炎管束居家隔離保護板橋臺灣</t>
  </si>
  <si>
    <t>智慧手機全球銷量counterpoint產業暴跌國際</t>
  </si>
  <si>
    <t>產業調查機構Counterpoint Research週四表示因新冠狀病毒疫情在中國與其他國家擴散2月全球智慧手機銷售量暴跌14%隨著疫情在世界許多地方惡化智慧手機市場可能面臨進一步的衰退。新冠肺炎在中國大爆發迫使</t>
  </si>
  <si>
    <t>疫情手機智慧中國research週四表示肺炎counterpoint衰退進一步病毒市場面臨可能銷售量國家惡化地方暴跌世界擴散全球機構</t>
  </si>
  <si>
    <t>手機智慧中國疫情蘋果國家門市地方世界市場製造商出現跡象面臨銷量營運暫停印度宣佈遵守週二</t>
  </si>
  <si>
    <t>Counterpoint全球智慧手機銷量新冠肺炎</t>
  </si>
  <si>
    <t>手機銷量智慧全球counterpoint肺炎</t>
  </si>
  <si>
    <t>病毒結膜研究傳染武漢醫院</t>
  </si>
  <si>
    <t>大陸國家衛健委專家組成員王廣發1月赴武漢工作後確診新冠肺炎有懷疑病毒透過眼結膜進入。對此武漢大學人民醫院研究團隊發表論文分析63名確診患者及4名疑似患者的結膜拭子樣本發現僅有1名確診患者呈陽性反</t>
  </si>
  <si>
    <t>確診患者結膜專家組成員廣發武漢工作研究人民醫院團隊武漢大學對此進入肺炎論文分析發表懷疑病毒透過</t>
  </si>
  <si>
    <t>大陸國家衛健委專家組成員王廣發1月赴武漢工作後確診新冠肺炎有懷疑病毒透過眼結膜進入。對此武漢大學人民醫院研究團隊發表論文分析63名確診患者及4名疑似患者的結膜拭子樣本發現僅有1名確診患者呈陽性反應。論文指目前並無臨床證據顯示病毒可通過眼結膜途徑傳播。
據報導研究團隊分析該院1月17日至28日收治的67名患者他們多數是醫護人員尤其是女護士。當中只有1名確診患者的結膜拭子樣本呈陽性另外2名確診患者可能陽性但他們均沒有眼部症狀。陽性反應患者是醫院急救車司機他曾在沒有保護下接觸隔離患者。其中一名可能陽性反應患者是一名懷孕36周女醫生她曾接觸確診新冠肺炎患者。
此外論文亦分析6名因病人而感染的醫生指他們的結膜拭子測試均是陰性。其中一人是女麻醉師因發燒、咳嗽、眼睛發紅、發癢及出現分泌物而入院。她為確診新冠肺炎病人插管麻醉時僅戴外科口罩、帽子及手套沒有戴上護目鏡、防護服等防護裝備結果手術後出現眼部症狀。為該名新冠肺炎病人施手術的2名外科醫生其後亦不幸中招但他們沒有眼部不適。
研究團隊指出全身麻醉涉及氣管插管可能會增加病毒感染的風險但研究結果表明新冠肺炎患者結膜炎的發生率不高。醫護人員必須戴口罩、護目鏡、防護服及手套與病人接觸後注意手部及臨床環境消毒防止交叉感染。</t>
  </si>
  <si>
    <t>患者確診結膜沒有研究肺炎接觸病人可能團隊論文陽性反應分析臨床手術醫護人員醫生症狀</t>
  </si>
  <si>
    <t>病人病毒肺炎陽性反應結膜</t>
  </si>
  <si>
    <t>病毒肺炎結膜病人陽性反應</t>
  </si>
  <si>
    <t>az疫苗接受真相bnt莫德納高國外</t>
  </si>
  <si>
    <t>國內想打疫苗的民眾多數想打莫德納或BNT並傳言說國外都不接受AZ。對此醫藥粉專「MedPartner美的好朋友」發文澄清「AZ是國際接受度最高的疫苗」目前共119個國家接受比BNT和莫德納都高引起網友討論。醫藥</t>
  </si>
  <si>
    <t>bnt接受az疫苗醫藥莫德納傳言莫德納都高medpartner發文朋友澄清國際國家接受度最高目前國外對此</t>
  </si>
  <si>
    <t>az疫苗bnt朋友莫德納網友接受國際目前世界接受度身邊發文引起討論對此國家</t>
  </si>
  <si>
    <t>AZ莫德納接受度BNT疫苗</t>
  </si>
  <si>
    <t>接受度azbnt莫德納疫苗</t>
  </si>
  <si>
    <t>新低柴油</t>
  </si>
  <si>
    <t>新冠肺炎疫情擴散美國疾病管理局（CDC）要美國大眾為肺炎疫情在美擴散做好準備引發市場恐慌情緒衝擊國際油價國內油價連2降中油宣佈明（9）日淩晨零時起汽、柴油價格每公升各調降06及07元創新2年半來新</t>
  </si>
  <si>
    <t>擴散疫情肺炎美國油價價格柴油淩晨宣佈情緒恐慌市場引發準備做好大眾國內衝擊中油國際</t>
  </si>
  <si>
    <t>新冠肺炎疫情擴散美國疾病管理局（CDC）要美國大眾為肺炎疫情在美擴散做好準備引發市場恐慌情緒衝擊國際油價國內油價連2降中油宣佈明（9）日淩晨零時起汽、柴油價格每公升各調降06及07元創新2年半來新低。
專家指出近期國際油價持續受到新冠肺炎疫情影響擔憂全球經濟成長將低於預期進而降低對原油需求美國疾病管理局表示因新冠肺炎全球確診人數及死亡人數持續增加美國大眾為新冠肺炎在美擴散做好準備引發了市場恐慌情緒同時OPEC及外資投行相繼調降對於2020年全球原油需求成長預期。
中油表示受新冠肺炎確診病例蔓延全球、大陸境外新增病例激增等因素影響帶動國際原油價格下跌。本周調價指標7D3B周均價為每桶5050美元較前週5273美元下跌223美元新台幣兌美元匯率升值0347元國內油價依公式計算跌幅為426％汽、柴油應各調降06及07元。
調整後92無鉛汽油每公升241元、95無鉛汽油每公升256元、98無鉛汽油每公升276元、超級柴油每公升217元。</t>
  </si>
  <si>
    <t>全球油價肺炎美國柴油價格下跌疫情影響國內中油國際成長持續原油擴散病例情緒預期需求大眾疾病管理局恐慌</t>
  </si>
  <si>
    <t>新冠肺炎武漢肺炎新型冠狀病毒台灣公升</t>
  </si>
  <si>
    <t>武漢肺炎冠狀病毒臺灣</t>
  </si>
  <si>
    <t>保護qa效果副作用預約不能接種高端今</t>
  </si>
  <si>
    <t>國內公費疫苗第六輪將開打高端預計會提供60萬劑今天上午10點開放預約下週一(23日)開打開放36歲以上民眾預約接種而高端疫苗有哪些副作用、保護效果如何、接種高端前要注意什麼？《中時新聞網》整理了8大問</t>
  </si>
  <si>
    <t>高端接種預約疫苗開放注意高端前新聞網效果保護今天上午預計提供以上民眾整理副作用下週一公費</t>
  </si>
  <si>
    <t>接種疫苗高端部位covid-預約觀察民眾注射反應風險保護醫師免疫孕婦疾病至少發燒不良反應</t>
  </si>
  <si>
    <t>高端預約接種Q&amp;A疫苗副作用</t>
  </si>
  <si>
    <t>q&amp;a預約接種疫苗高端副作用</t>
  </si>
  <si>
    <t>5月6日矽谷明星企業Airbnb37歲的執行長切斯基向全球員工發送了一封公開信上面寫著公司因為新冠肺炎導致營業額下降一半必須裁減四分之一員工。但公司會設置工作團隊幫助員工過渡包括發4～8個月遣散費</t>
  </si>
  <si>
    <t>員工公司airbnb執行長切斯基幫助全球團隊發送企業公開信上面營業額下降肺炎分之一導致裁減必須過渡工作明星設置包括矽谷</t>
  </si>
  <si>
    <t>5月6日矽谷明星企業Airbnb37歲的執行長切斯基向全球員工發送了一封公開信上面寫著公司因為新冠肺炎導致營業額下降一半必須裁減四分之一員工。但公司會設置工作團隊幫助員工過渡包括發4～8個月遣散費保留健康保險一年最讓人驚訝的是員工可保留公司配發的Apple筆記型電腦因為電腦是找新工作的重要工具。這封裁撤令語言溫柔合情合理在網路上高速傳播這位高富帥創業家又有了暖男之稱。
這次疫情中很多美國企業發揮影響力最早發生新冠肺炎的西雅圖附近企業雲集微軟、亞馬遜、星巴克、Costco總部都設於此。由於政府、公衛專家及民營企業的合作成為美國最早疫情放緩的地方。在2月初疫情發生時政府就將這些民間企業召集起來每天聚集研討因應措施例如員工遠程上班關閉名勝古蹟、博物館和遊樂設施。當時沒有州政府及聯邦政府的協助西雅圖市政府趕緊進口大量防護衣、口罩、醫療產品應急減少醫護人員傷亡是因為市政府利用這些國際企業的管道、人脈及運籌管理能力緊急採購及運輸才得以達成。
美國3000萬人失業160萬人確診新冠肺炎很多企業在苟延殘喘中絞盡腦汁為員工創生計。奧勒崗州一家美國脫衣舞俱樂部被政府關閉老闆不忍裁員但重新調整每人職位。自創「美胸餐點外送」諧音來自於「優步」（Uber）延伸經營的「優步餐點外送」。只做外賣廚師不變脫衣舞孃改當送餐員保鑣改當送餐員護衛調酒師則負責接聽訂餐電話。脫衣舞孃雖不能拿到高額小費但至少有每小時15美元最低工資維持溫飽。
事實上美國民營企業在這次控制、防治疫情有卓著貢獻。美國沒有國營企業此次發展試劑、研究疫苗將來再振興經濟都要靠民營企業美國是個民主國家總統不能命令民營企業做事川普在3月中宣佈緊急動員令前一個星期就邀請很多企業家到白宮說服他們為防疫盡一份力量。川普出來講話時後面一排是都是大藥廠（生產試劑、發展疫苗）、大零售商總裁（不囤貨、加強配貨）顯示官商同心對抗新冠肺炎。
這兩個月川普頻頻與企業家會面。傳統產業、高科技企業都有也和各種階層會面例如前日他召集餐館業者至白宮開會因為全美有65萬家餐館已有7萬家關門他們希望川普能有第二波紓困措施。川普每到一個公司去參觀時也與基層員工座談希望員工反映他們的處境。
同樣以民營企業為經濟支撐的台灣政府似乎漠視民營企業的興衰殘敗、生死存亡甚至視許多大陸台商（掌我國出口產品的40%）為敵人、為棄兒。我國民營企業效率在瑞士管理學院競爭力調查中名列前茅但政府效率總在30名以外難怪很多專家表示我國企業是活在第一世界、政府卻是活在第三世界。
疫情過後各國還要靠民營企業才能復甦經濟我國民營企業已經處境艱難例如五缺六失加上兩岸關係凍結、ECFA可能喊停台灣打勝了新冠肺炎戰爭打敗了經濟戰國計民生將更形艱苦。打贏經濟戰應該是蔡英文及新政府的第一仗。</t>
  </si>
  <si>
    <t>企業員工民營企業政府美國川普公司肺炎疫情我國例如經濟脫衣舞娘市政府不能緊急關閉沒有西雅圖</t>
  </si>
  <si>
    <t>會面員工川普美國企業</t>
  </si>
  <si>
    <t>美國會面員工川普企業</t>
  </si>
  <si>
    <t>中火阿中部長抗議不要接力缺席醫師</t>
  </si>
  <si>
    <t>抗議中火的民怨如火燎原！來自台中、彰化、南投與雲林的30多名醫生1日中午1時將身穿白袍犧牲午間休診時間到台中市議會廣場接力抗議表達對中火重啟2號燃煤機組不滿台灣健康空氣行動聯盟理事長葉光芃醫師</t>
  </si>
  <si>
    <t>台中中火抗議行動空氣健康臺灣不滿機組聯盟燃煤中午白袍醫生雲林犧牲午間</t>
  </si>
  <si>
    <t>抗議中火的民怨如火燎原！來自台中、彰化、南投與雲林的30多名醫生1日中午1時將身穿白袍犧牲午間休診時間到台中市議會廣場接力抗議表達對中火重啟2號燃煤機組不滿台灣健康空氣行動聯盟理事長葉光芃醫師表示抗議主題「無煤中火救胎兒」團結顧健康呼籲同為醫師的衛福部長陳時中不要缺席。
台灣健康空氣行動聯盟今天中午將在台中市議會前中庭接力向中火抗議包括律師、教師和醫師出席展現人民的憤怒強調「後疾情時代、團結顧健康、無煤中火救胎兒」已有中部30多名醫師將參與。
中央與地方煤電大戰延燒新冠肺情疫情稍緩和危害健康的空夢魘又空襲中彰投雲30多名集結上火線號召全國大團結團結顧健康。
「衛福部長陳時中不缺席！」台灣健康空氣行動聯盟表示千萬中南部人的命也是命請饒了我們胎兒、兒童、成年、老人燃煤空汙傷心、腦、肺、精神含一級致癌物PM10、PM25、戴奧辛、重金屬等燃煤爭議涉公衛醫生集體上火線聯合診斷後新冠疫情的這起重大煤電爭議。
醫師葉光芃說中火影響圈的中彰雲投醫師們集結台中市議會前白袍共同呼籲健康振興應成為後新冠疫情年代的治國新思維選在中午1點最酷熱時段因為來自雲林、彰化、南投、台中等地醫師為主上下午門診時間不一只有中午醫界才方便共同參與為了抗議中火為了健康環境醫師們拚了犧牲中午休息時間表達人民的不滿中火與台電應該傾聽民眾心聲不要再與民為敵。</t>
  </si>
  <si>
    <t>醫師中火中午健康台中抗議燃煤胎兒疫情團結顧健康不要爭議人民時間不滿醫生</t>
  </si>
  <si>
    <t>新冠肺炎新型冠狀病毒台灣台灣健康空氣行動聯中火</t>
  </si>
  <si>
    <t>臺灣健康病毒空氣冠狀肺炎行動中火</t>
  </si>
  <si>
    <t>國民黨出境冠暴增輸出</t>
  </si>
  <si>
    <t>台灣自6月以來不斷傳出從台灣離境的旅客在國外被驗出罹患新冠肺炎本月22日更一口氣發生18起類似案例。對此國民黨立法院黨團與醫界專家昨共同呼籲政府應在旅客離台前進行篩檢避免一再輸出病例影響台灣</t>
  </si>
  <si>
    <t>旅客臺灣離境一再避免國外進行台前本月一口氣肺炎發生類似案例對此國民黨法院黨團</t>
  </si>
  <si>
    <t>台灣自6月以來不斷傳出從台灣離境的旅客在國外被驗出罹患新冠肺炎本月22日更一口氣發生18起類似案例。對此國民黨立法院黨團與醫界專家昨共同呼籲政府應在旅客離台前進行篩檢避免一再輸出病例影響台灣國際聲譽。
國民黨團昨邀集專家召開記者會黨團總召林為洲表示大量離台後確診新冠肺炎的案例顯示台灣的邊境管理有必要超前部署例如要求乘客上機前先篩檢這樣做可以保護機上其他旅客也維護國家聲譽否則日後要與他國協商開放邊境時對方看到我們一堆輸出病例怎麼能放心。
中國醫藥大學附設感染科主治醫師王任賢也指出最近確診的案510病例是無症狀的菲律賓移工在台灣解除隔離前才被驗出罹患新冠肺炎。
問題是台灣目前僅針對從菲律賓入境的無症狀者進行檢驗對其他國家入境的無症狀者則不予採檢。他認為入境者相對風險較高因此對所有入境者不分來源國或有無症狀都應全面篩檢。
台灣預防醫學學會理事長陳宜民指出因應新冠肺炎疫情建立篩檢平臺、加快篩檢速度、降低篩檢價格都很重要防疫應該追求不漏掉任何病案。
陳宜民舉例18人從台灣入境菲律賓確診後指揮中心卻只為每位確診者匡列20位接觸者但現實中有可能只接觸這麼少人嗎？所謂的精準防疫其實很容易有漏洞。</t>
  </si>
  <si>
    <t>臺灣確診旅客症狀病例肺炎黨團菲律賓防疫入境邊境案例聲譽指出輸出接觸專家</t>
  </si>
  <si>
    <t>肺炎篩檢輸出菲律賓旅客</t>
  </si>
  <si>
    <t>菲律賓輸出肺炎旅客</t>
  </si>
  <si>
    <t>%-人口語出驚人梅克爾病毒</t>
  </si>
  <si>
    <t>德國鐵娘子有驚人之語!她表示相信最終有60%到70%的德國人口會染上新型冠狀病毒。梅克爾在柏林召開的新冠病毒研討會上指出現在全歐無國家倖免於新冠病毒侵襲最重要的是不要讓醫療體系不勝負荷。德國國會在週四召</t>
  </si>
  <si>
    <t>病毒德國體系醫療驚人不勝負荷重要染上冠狀侵襲梅克爾表示全歐相信最終現在指出研討會</t>
  </si>
  <si>
    <t>德國鐵娘子有驚人之語!她表示相信最終有60%到70%的德國人口會染上新型冠狀病毒。
梅克爾在柏林召開的新冠病毒研討會上指出現在全歐無國家倖免於新冠病毒侵襲最重要的是不要讓醫療體系不勝負荷。
德國國會在週四召開特別會議將商討如何應對新冠肺炎帶來的危機。
說話向來謹慎的梅克爾同時指出我們現在陷入許多未知的局面我們未知就必須嚴肅看待。她強調這是保護弱勢群體的大事。</t>
  </si>
  <si>
    <t>病毒梅克爾召開指出現在德國驚人強調未知看待嚴肅醫療表示體系不勝負荷相信最終德國國會染上週四</t>
  </si>
  <si>
    <t>梅克爾新冠病毒德國6070</t>
  </si>
  <si>
    <t>病毒梅克爾德國</t>
  </si>
  <si>
    <t>航空確診任職員工公司新北貨運站華航</t>
  </si>
  <si>
    <t>華航桃園機場貨運站辦公室傳出1人確認桃園市衛生局7日早上前往進行疫調目前匡列200多人疫調結果可能陸續匡列增加到近800人。為了防阻疫情蔓延連續將在今、明兩天針對華航貨運場站中的205名員工先全面PCR</t>
  </si>
  <si>
    <t>華航桃園匡列中的場站貨運明兩天員工連續蔓延疫情確認防阻前往早上衛生進行增加陸續可能</t>
  </si>
  <si>
    <t>華航桃園機場貨運站辦公室傳出1人確認桃園市衛生局7日早上前往進行疫調目前匡列200多人疫調結果可能陸續匡列增加到近800人。為了防阻疫情蔓延連續將在今、明兩天針對華航貨運場站中的205名員工先全面PCR篩檢。
據瞭解這次確診病例的是華航貨運站客服小組員工先是在居家辦公的太太身體不適於是和先生2人一走在7月5日快篩結果為陽性2人於7月6日PCR篩檢確診華航貨運服務辦公室收到通知後也進行全面大消毒。
這次確診的病例是華航貨運站客服小組員工辦公室位於華航倉儲2樓與華儲並沒有直接業務關係該確診員工妻子亦為另一家航空公司居家上班的員因為居家辦公的太太感到身體不適因先生在桃機工作尚未施打疫苗感到有危機於是2人在7月5日快篩同時結果為陽性7月6日再進行PCR篩檢結果確診。
桃園市衛生局獲到後7日前往瞭解疫調足跡目前先匡列200多人陸續依疫調結果可能會匡列近800人。
華儲表示雖然和確診病患員工沒有直接業務關係但會先安排160名員工在7日下午先進行快篩以確保工作環境安全。另外在今、明兩日華航貨運服務場站操作服務的205人在華儲進口迴廊進行全面PCR檢測。但實際情況以中央疫情指揮中心公佈為主。
桃園機場貨運站相關業者包括倉儲業者、報關行、承攬業者及相關物流等其實早就向桃園市政府陳情希望能納入優先施打疫苗範圍雖然市長鄭文璨也有承諾但至今因為疫苗量不足仍無法排近施打優先名單中。
業者私下表示台灣航空客運已經跌倒穀底目前只能先靠貨運業務存活萬一因為桃園機場貨運站大規模感染停擺對經濟層面可能造成巨大影響中央流行疫情中心及桃園市政府應該對台灣進出口貨運經濟上影響的考量把桃園機場貨運站相關業者列入優先施打疫苗對象也有業者笑稱每次疫苗進口抵台他們都是第一線先處理但是他們而言「疫苗看得到、摸得到卻是打不到」。</t>
  </si>
  <si>
    <t>桃園疫苗員工華航確診進行貨運業者貨運站疫情優先結果華儲機場施打全面可能辦公室pcr相關業務</t>
  </si>
  <si>
    <t>新冠肺炎中華航空確診篩檢PCR採檢</t>
  </si>
  <si>
    <t>航空確診中華肺炎pcr</t>
  </si>
  <si>
    <t>印度之際緊張確診躍升陸再全球</t>
  </si>
  <si>
    <t>確診印度大陸陷入之際新增再次人數路透社正式美國成為肺炎報導國家全球僅次於新高問題超越資料</t>
  </si>
  <si>
    <t>印度當前確診疫情美國巴西印軍邊境指出報導表示人數國家新增嚴重全球之際陷入再次大陸行徑印方</t>
  </si>
  <si>
    <t>新冠病毒疫情確診美國印度</t>
  </si>
  <si>
    <t>疫情確診病毒美國印度</t>
  </si>
  <si>
    <t>bmw疫情攪局產業獲利前景國際</t>
  </si>
  <si>
    <t>BMW週三公佈第一季獲利大幅成長133%但主要因去年同期提列了巨額的一次性備付該公司並警告新冠狀病毒疫情可能削弱需求與獲利。BMW第一季息稅前獲利 （EBIT）為138億歐元（15億美元）較去年同期的589億歐元大</t>
  </si>
  <si>
    <t>獲利去年同期bmwebit大幅成長警告需求病毒一次性公司削弱疫情可能歐元季息公佈週三歐元大</t>
  </si>
  <si>
    <t>BMW週三公佈第一季獲利大幅成長133%但主要因去年同期提列了巨額的一次性備付該公司並警告新冠狀病毒疫情可能削弱需求與獲利。
BMW第一季息稅前獲利 （EBIT）為138億歐元（15億美元）較去年同期的589億歐元大幅成長逾1倍。去年同期因提列高達14億歐元的準備金使獲利表現受到影響。
BMW第一季交車數年減206%為47萬7111輛凸顯新冠肺炎疫情的衝擊。
首季汽車部門的息稅前利益率為13%優於去年同期的負16%。但BMW預期全年汽車事業息稅前利益率將介於0%～3%低於在政府實施防疫封鎖措施前所預估的介於2%～4%。
該公司表示BMW集團仍然認為新冠肺炎疫情擴散與相關必要防控措施將嚴重打擊整個2020年所有主要市場的需求。</t>
  </si>
  <si>
    <t>bmw獲利去年同期疫情措施歐元公司介於%~肺炎汽車需求利益大幅成長防控封鎖防疫必要</t>
  </si>
  <si>
    <t>BMW獲利成長交車準備金</t>
  </si>
  <si>
    <t>獲利成長準備金bmw</t>
  </si>
  <si>
    <t>黑龍江暫停立即團隊旅遊疫情專列邊境業務</t>
  </si>
  <si>
    <t>中新網30日報導繼中緬瑞麗、中蒙內蒙中俄邊境城市黑河市疫情也緊蹦29日出現當天大陸最多、本土確診26例新冠病例黑龍江省文化和旅遊廳於29日發布通知即日起嚴格執行跨省旅遊經營活動管理「熔斷」機制立即</t>
  </si>
  <si>
    <t>旅遊活動經營內蒙中俄邊境城市黑河市疫情本土確診嚴格執行出現當天大陸病例即日起通知發佈</t>
  </si>
  <si>
    <t>中新網30日報導繼中緬瑞麗、中蒙內蒙中俄邊境城市黑河市疫情也緊蹦29日出現當天大陸最多、本土確診26例新冠病例黑龍江省文化和旅遊廳於29日發布通知即日起嚴格執行跨省旅遊經營活動管理「熔斷」機制立即暫停該省旅行社及線上旅遊企業經營跨省團隊旅遊及「機票＋酒店」業務暫停經營旅遊專項業務。
報導稱近日黑龍江省黑河市已出現中風險地區大陸國內多地相繼發生輸入性病例引發的本土聚集性疫情疫情防控形勢嚴峻複雜防控工作壓力持續增大。為進一步做好黑龍江省文化和旅遊行業新冠肺炎疫情防控工作該省發布通知如下：
即日起嚴格執行跨省旅遊經營活動管理「熔斷」機制立即暫停黑龍江省旅行社及線上旅遊企業經營跨省團隊旅遊及「機票＋酒店」業務。黑龍江省內無中高風險地區後可自行恢復旅行社及線上旅遊企業經營跨省團隊旅遊及「機票＋酒店」業務。黑龍江省內旅行社及線上旅遊企業要嚴格控制旅遊團隊規模暫停經營旅遊專項業務。</t>
  </si>
  <si>
    <t>旅遊黑龍江省疫情經營黑河市暫停防控大陸地區報導旅行社出現業務本土工作發佈文化通知團隊酒店</t>
  </si>
  <si>
    <t>新冠肺炎大陸旅遊黑龍江省跨省</t>
  </si>
  <si>
    <t>大陸旅遊黑龍江省肺炎</t>
  </si>
  <si>
    <t>冷清夜市導致林右昌增至振興確診消費郵輪公主</t>
  </si>
  <si>
    <t>目前停靠在日本橫濱的鑽石公主號遊輪於16日上午公佈確診感染新冠肺炎的人數新增了70名感染者現在公主郵輪的已知確診人數增加到355人感染。而這一艘遊輪在1月31日時曾停泊在基隆港1名美國籍新冠肺炎確診患者</t>
  </si>
  <si>
    <t>確診公主游輪人數感染肺炎鑽石美國基隆停泊現在感染者新增郵輪上午橫濱公佈增加籍新冠日本</t>
  </si>
  <si>
    <t>目前停靠在日本橫濱的鑽石公主號遊輪於16日上午公佈確診感染新冠肺炎的人數新增了70名感染者現在公主郵輪的已知確診人數增加到355人感染。而這一艘遊輪在1月31日時曾停泊在基隆港1名美國籍新冠肺炎確診患者當時就曾到廟口夜市買糖葫蘆自拍打卡消息傳出後廟口生意冷清許多更有攤商指出「跟以前相比業績足足下滑了七成」。
針對廟口生意受到衝擊基隆市長林右昌中午受訪指出要恢復「消費者信心」須要等到疫情較穩定後他也強調其實最大壓力不在台灣而是中國大陸疫情是否能減緩下來要減緩後才有辦法提升「消費者信心」。
林右昌說大家都知道錢和價格不是問題是大家有自主健康管理概念盡量少出門消費力就會減少希望疫情能減緩下來接著就是振興工作需等待這個時機出現。</t>
  </si>
  <si>
    <t>廟口確診疫情公主指出林右昌基隆遊輪減緩生意人數信心肺炎消費者感染下來工作振興鑽石儘量少出門</t>
  </si>
  <si>
    <t>指揮莫德納定調中心az接種混打</t>
  </si>
  <si>
    <t>新冠疫苗是否能夠混打各國都已開始研究歐盟甚至開放施打完第一劑AZ的人員可接種其他品牌。我國指揮中心對此態度仍然保守今天仍建議兩劑疫苗都施打同品牌除非第一劑接種後出現嚴重不良反應。指揮中心專家諮詢</t>
  </si>
  <si>
    <t>指揮接種品牌中心疫苗能夠混打開始甚至研究開放歐盟打完不良反應az今天建議人員保守仍然兩劑嚴重態度我國施打</t>
  </si>
  <si>
    <t>新冠疫苗是否能夠混打各國都已開始研究歐盟甚至開放施打完第一劑AZ的人員可接種其他品牌。我國指揮中心對此態度仍然保守今天仍建議兩劑疫苗都施打同品牌除非第一劑接種後出現嚴重不良反應。
指揮中心專家諮詢小組召集人張上淳今天說ACIP近日有針對疫苗混打一事討論雖然目前國際間有幾篇報告但個案數都不是很多且主要也是以AZ混打輝瑞疫苗為主但目前沒有任何資料顯示AZ混打莫德納疫苗後的結果雖然莫德納與輝瑞屬同一種性質但還是不同廠家仍然缺乏證據因此目前仍然考量暫時還不要進行混打。
張上淳也說除非打完第一劑疫苗後出現嚴重的過敏反應建議第二劑可施打不同品牌的疫苗否則第一劑打什麼第二劑就應該打什麼不過他也建議國內可透過臨床試驗來證實例如第一劑先打AZ第二劑再打莫德納可以等有具體資料後再來決定。</t>
  </si>
  <si>
    <t>疫苗混打az建議目前品牌仍然今天莫德納打完中心張上淳指揮輝瑞資料接種嚴重出現施打能夠試驗</t>
  </si>
  <si>
    <t>混打疫苗二劑一劑接種</t>
  </si>
  <si>
    <t>疫苗接種混打</t>
  </si>
  <si>
    <t>黑夜引爆股災全球疫情降臨觀盤曙光陸港</t>
  </si>
  <si>
    <t>全球股市經歷十年多頭行情之後市場年初的樂觀氛圍被新冠肺炎疫情爆發徹底瓦解。從中國迅速蔓延至歐美亞各國加上沙烏地阿拉伯及俄羅斯報復性壓低油價扼殺美頁岩油商導致油價崩跌全球資本市場在兩大事件夾擊</t>
  </si>
  <si>
    <t>市場油價之後資本年初樂觀全球氛圍肺炎疫情爆發徹底瓦解中國導致迅速蔓延歐美亞加上沙烏地阿拉伯扼殺壓低俄羅斯</t>
  </si>
  <si>
    <t>疫情市場推出投資是否風險經濟中國流動性層面大幅資本政策全球進一步相關基建爆發之後</t>
  </si>
  <si>
    <t>層面中國資本肺炎投資</t>
  </si>
  <si>
    <t>肺炎中國資本層面投資</t>
  </si>
  <si>
    <t>再次服用可能奎寧川普感覺白宮不怕死棒極了</t>
  </si>
  <si>
    <t>美國總統川普一度公開表示自己正在服用未經證明對抗新冠病毒有效、且有風險的羥氯奎寧引發喧然大波認為他為了推廣自己先前聲稱的神藥不惜親自當「神農氏」；而飽受批評後川普也自行宣稱停用。不過白宮指出</t>
  </si>
  <si>
    <t>川普自行公開表示服用批評未經飽受證明農氏對抗聲稱病毒有效先前風險推廣奎寧引發</t>
  </si>
  <si>
    <t>美國總統川普一度公開表示自己正在服用未經證明對抗新冠病毒有效、且有風險的羥氯奎寧引發喧然大波認為他為了推廣自己先前聲稱的神藥不惜親自當「神農氏」；而飽受批評後川普也自行宣稱停用。不過白宮指出川普服用奎寧「感覺太棒了」如果有必要還會繼續服用。
川普18日在白宮自曝天天服用抗瘧疾藥物羥氯奎寧（hydroxychloroquine）以預防感染新冠肺炎奎寧類藥物至今尚未被美國疾病管制暨預防中心（CDC）列為新冠肺炎指定治療藥物且也有臨床實驗顯示讓新冠患者服用高劑量奎寧容易出現心律不整等致命心臟疾病問題美國抗疫首席專家佛奇（Anthony Faucil）也表示27日也在CNN上表示「這種藥物並非有效的療法」。
此外不僅醫學期刊「刺胳針」（The Lancet）指出不論是羥氯奎寧或氯奎寧（Chloroquine）都對治療新冠肺炎沒有幫助甚至增加死亡風險世界衛生組織（WHO）也停止將奎寧作為治療藥物的臨床試驗。
不過據美媒《國會山莊》報報導白宮發言人麥克納尼（Kayleigh McEnany）28日在記者會上表示川普在服用羥氯奎寧後「感覺棒極了」服藥之後完全沒問題。川普並向她表示如果他認為可能感染新冠病毒將會繼續服藥。
麥克納尼也表示但很重要的是美國人民在服用奎寧前仍需與醫生諮詢並強調此藥早已列為「適應症外運用」早已用來治療其他疾病媒體對於奎寧安全的報導是「過度誇張」「已有數百萬人長期以來都安全地服用此藥」。</t>
  </si>
  <si>
    <t>奎寧服用表示川普藥物美國治療疾病白宮肺炎報導認為問題麥克納尼風險有效列為感覺</t>
  </si>
  <si>
    <t>新冠肺炎武漢肺炎新型冠狀病毒NCP奎寧</t>
  </si>
  <si>
    <t>肺炎武漢冠狀病毒ncp奎寧</t>
  </si>
  <si>
    <t>球王川普防疫公開政治化</t>
  </si>
  <si>
    <t>高球球王麥克羅伊(Rory McIlroy)最近表示他對美國總統川普(Donald Trump)的防疫政策非常失望「跟他打球不代表我同意他的做法事實上我完全不認同的他每一項政策。」他因此拒絕再和川普打小白球了。麥克羅伊在The</t>
  </si>
  <si>
    <t>川普政策麥克羅伊mcilroy最近表示美國總統代表donald拒絕完全trump打球認同失望防疫非常rory做法同意事實上白球球王高球the</t>
  </si>
  <si>
    <t>高球球王麥克羅伊(Rory McIlroy)最近表示他對美國總統川普(Donald Trump)的防疫政策非常失望「跟他打球不代表我同意他的做法事實上我完全不認同的他每一項政策。」他因此拒絕再和川普打小白球了。
麥克羅伊在The McKellar的廣播節目上說川普是個很有魅力的人但他無法苟同川普把新冠疫情當成政治工具。「他把疫情政治化做為自我宣傳的手段他吹噓做了世界最多的新冠肺炎檢測搞得好像是一種競賽。」
對於川普強硬的手段麥克羅伊說：「領袖不該是這樣的你需要一點交涉技巧特別是這種時候我在他身上完全看不到。」
川普的爭議包括應變不足、推卸防疫責任、鬥爭世衛、挑動排華還隨口建議大家施打消毒劑。麥克羅伊不是美國人他也不想和川普扯上關係「聽到我這些話之後我不確定他是否還會想跟我打球反正我不會了。」
兩人前次打球是在2017年。川普之後多次跟職業運動員對槓他似乎樂此不疲有些球員也以抵制他為樂他當政至今已有多支冠軍球隊拒訪白宮。</t>
  </si>
  <si>
    <t>川普麥克羅伊打球手段防疫美國之後完全政策疫情冠軍至今已有當政球隊抵制球員樂此不疲mcilroy</t>
  </si>
  <si>
    <t>川普麥克羅伊北愛爾蘭防疫球王</t>
  </si>
  <si>
    <t>麥克羅伊川普北愛爾蘭防疫球王</t>
  </si>
  <si>
    <t>口罩記者會疫情老師市府手語回應</t>
  </si>
  <si>
    <t>新冠肺炎疫情升溫雙北淪重災區除了疫情指揮中心之外雙北幾乎天天開防疫記者會直播期間也會有一名手譯員在一旁打手語協助聽障人士理解記者會最新內容。對此就有民眾質疑手語老師不戴口罩恐成防疫破口</t>
  </si>
  <si>
    <t>手語記者會雙北防疫疫情中心之外口罩幾乎升溫老師質疑民眾直播理解協助期間人士對此內容</t>
  </si>
  <si>
    <t>新冠肺炎疫情升溫雙北淪重災區除了疫情指揮中心之外雙北幾乎天天開防疫記者會直播期間也會有一名手譯員在一旁打手語協助聽障人士理解記者會最新內容。對此就有民眾質疑手語老師不戴口罩恐成防疫破口臺北市副發言人林珍羽在臉書上特別為此進行說明。
林珍羽提到隨著疫情延燒無論是中央或地方政府首要工作除了與病毒賽跑也必須將正確資訊公開透明的讓每一位市民都能清楚瞭解。而目前相關疫情記者會手語老師均未戴口罩的主要原因是因為手語老師除了說的表情之外手語的「抑、揚、頓、挫」及「標點符號」大都呈現在臉上若戴上口罩就會影響到手譯品質讓聽障朋友感覺像是「機器人」在說話甚至導致「語意不明」的情況產生。
林珍羽解釋試過使用大型透明隔板但在直播畫面會出現反光；也曾想比照中央方式在鏡頭上開小框但對於年長及視力不好的聽障朋友而言小框無法清楚識別手語所以才仍維持目前模式。手語老師也收到不少聽障朋友回饋認為目前的形式讓他們能獲得完整且清楚的疫情資訊。
最後林珍羽補充說明市長記者會是採線上直播的方式場內不但控制人數也落實室內防疫措施以確保出席記者會的首長及手語老師的安全。</t>
  </si>
  <si>
    <t>手語記者會疫情老師直播防疫清楚目前朋友口罩說明中央林珍羽透明資訊之外雙北方式</t>
  </si>
  <si>
    <t>新冠肺炎台灣疫情手語老師林珍羽</t>
  </si>
  <si>
    <t>疫情臺灣手語肺炎老師林珍羽</t>
  </si>
  <si>
    <t>全球超越總和確診肺炎嚴重疫區換人</t>
  </si>
  <si>
    <t>就在巴西、墨西哥、秘魯哥倫比亞和阿根廷等國新冠肺炎確診病例飆升之際路透統計周日顯示拉丁美洲的病例首度超越美國和加拿大總和。據路透26日報導飆升的病例數使拉丁美洲的病例佔了全球總數的2683%使當地</t>
  </si>
  <si>
    <t>病例拉丁美洲路透哥倫比亞阿根廷國新冠肺炎秘魯確診總和首度加拿大超越美國報導之際顯示周日統計全球總數墨西哥巴西</t>
  </si>
  <si>
    <t>病例人數確診全球死亡拉丁美洲路透肺炎國家統計總和資料當地美國感染超過如今巴西秘魯墨西哥</t>
  </si>
  <si>
    <t>拉丁美洲巴西新冠肺炎武漢肺炎確診</t>
  </si>
  <si>
    <t>肺炎武漢巴西拉丁美洲確診</t>
  </si>
  <si>
    <t>完一朱學記者會bnt行政院政府</t>
  </si>
  <si>
    <t>行政院行政院發言人羅秉成今日召開記者會證實台積電、永齡基金會合計捐贈1千萬劑BNT疫苗的契約簽署。羅強調政府全力支持捐贈單位全力奉獻才能在半個月內完成這項重要的捐贈案。不過宅神朱學恒看完這場記者</t>
  </si>
  <si>
    <t>捐贈召開記者會朱學證實台積電永齡基金會今日重要合計完成bnt奉獻疫苗全力單位契約簽署全力支持強調政府羅秉成</t>
  </si>
  <si>
    <t>行政院行政院發言人羅秉成今日召開記者會證實台積電、永齡基金會合計捐贈1千萬劑BNT疫苗的契約簽署。羅強調政府全力支持捐贈單位全力奉獻才能在半個月內完成這項重要的捐贈案。不過宅神朱學恒看完這場記者會後狠酸政府以後若要收割「可以不要露骨直播嗎」？
羅秉成表示這次的捐贈案政府全力支持捐贈單位全力奉獻才能在半個月內完成這項重要進展。而捐贈單位元是全部無償捐贈並由中央統籌運用政府要向台積電、永齡基金會出錢出力表達謝意。羅秉成說疫苗進來後政府會負責後續作業若本專案、慈濟專案等計畫能順利執行預計年底前會有一定BNT疫苗數量可運用。
羅秉成重申捐贈專案3原則、2共識包括「原廠製造」、「原廠標籤」、「直送台灣」以及「無償捐贈」、「中央統籌分配」。至於疫苗何時到貨因疫苗供需時程很難估算本案也不是現買就有現貨現在只能盡力爭取國人請敬請期待。
看完政院的記者會朱學恒隨即在臉書發文表示「行政院記者會觀後感以後要打手槍自慰收割可以不要露骨直播嗎」？大批網友也在其PO文底下留言表示「說實在羅大律師把自己給做廢了記者會不開還好開了更顯現出政府的…失能！呵呵」、「收割速度之快我相信台灣人還是有智慧的」、「幾個月前他們還說BNT是大陸疫苗哈哈」、「沒有擋疫苗…林全被擋是事實真的大傻眼」。</t>
  </si>
  <si>
    <t>捐贈政府疫苗記者會表示bnt收割專案運用基金會永齡以後單位朱學統籌中央行政院</t>
  </si>
  <si>
    <t>捐贈BNT記者會羅秉成疫苗</t>
  </si>
  <si>
    <t>羅秉成bnt記者會捐贈疫苗</t>
  </si>
  <si>
    <t>沉重突破性感染po疫苗打過天王呼籲喜劇</t>
  </si>
  <si>
    <t>56歲美國喜劇天王克裡斯洛克（Chris Rock）19日在推特發文坦言確診新冠肺炎因為他已打過疫苗依舊突破性感染讓粉絲相當擔心但最後仍呼籲大家「一定要去打疫苗！」克裡斯洛克5月在深夜脫口秀節目《吉米A咖秀</t>
  </si>
  <si>
    <t>疫苗克裡斯洛克節目chris脫口秀rock深夜發文坦言確診呼籲最後擔心相當肺炎一定打過粉絲吉米</t>
  </si>
  <si>
    <t>56歲美國喜劇天王克裡斯洛克（Chris Rock）19日在推特發文坦言確診新冠肺炎因為他已打過疫苗依舊突破性感染讓粉絲相當擔心但最後仍呼籲大家「一定要去打疫苗！」
克裡斯洛克5月在深夜脫口秀節目《吉米A咖秀》(The Tonight Show)透露已接種過嬌生疫苗而且本來只要打一劑就好但他還接種了2次笑稱獲得很好的保護力未料時隔4個月他就突破性感染新冠肺炎。
克裡斯洛克也在推特發文呼籲大家不要輕忽疫苗重要性「相信我你不會想要感染的一定要去打疫苗」。克裡斯洛克曾演出過電影《死亡漩渦：奪魂鋸新遊戲》、《亞當等大人》也曾替經典動畫《馬達加斯加》系列中擔任斑馬「馬蹄」配音前陣子主演《奪魂鋸》系列的最新電影未料卻在忙著演藝工作之際確診即使他沒多解釋目前病況但粉絲仍希望他能好好休養早日康復。
★《中時新聞網》提醒您：因應新冠肺炎疫情疾管署持續加強疫情監測與邊境管制措施 如有疑似症狀請撥打：1922專線或 0800-001922 並依指示配戴口罩儘速就醫同時主動告知醫師旅遊史及接觸史以利及時診斷及通報。</t>
  </si>
  <si>
    <t>疫苗克裡斯洛克感染肺炎接種確診呼籲粉絲奪魂電影發文疫情突破性接觸</t>
  </si>
  <si>
    <t>克裡斯洛克突破性感染喜劇天王新冠肺炎全球</t>
  </si>
  <si>
    <t>天王喜劇感染肺炎突破性克裡斯洛克全球</t>
  </si>
  <si>
    <t>機構市府黃珊珊</t>
  </si>
  <si>
    <t>北市士林某長照機構爆發47人確診、3死的群聚感染北市衛生局控該機構有隱匿疫情但機構反嗆衛生局早知8日有長者確診卻不做疫調、隔離與全院快篩直到14日才進駐全院採檢。副市長黃珊珊再反駁市府沒耽誤是機</t>
  </si>
  <si>
    <t>機構確診全院衛生局北市市府反駁黃珊珊市長進駐隔離爆發長者</t>
  </si>
  <si>
    <t>北市士林某長照機構爆發47人確診、3死的群聚感染北市衛生局控該機構有隱匿疫情但機構反嗆衛生局早知8日有長者確診卻不做疫調、隔離與全院快篩直到14日才進駐全院採檢。副市長黃珊珊再反駁市府沒耽誤是機構無法處理才要市府介入且家屬都清楚、沒人不滿意。
黃珊珊表示衛生局14日收到資料就跟府級報告市府之前有處理信義老人機構安養經驗有在最快時間讓衛生局去機構快篩並請新光醫院進駐將陽性病人收治都有處理且依照中央的因應新冠肺炎措施。
黃珊珊說但因後來機構一直有情況所以市府就介入接管因機構無法處理市府並沒有耽誤14日已協助將確診者送到醫院及防疫旅館所有家屬都清楚市府也有開家屬說明會家屬沒有不滿意。
針對衛生局控機構只給退燒藥但機構卻說衛生局要插管病人自行快篩北市衛生局簡任技正王素琴表示6月14日發現感染時感管師都有進去調查並依照優先順篩檢採分艙分流來保護這些住民也有把裡面全部都清空至於機構有無不當處置等後續會再做詳細調查基本上機構負責人也在居家隔離。</t>
  </si>
  <si>
    <t>機構衛生局市府處理黃珊珊確診家屬北市調查感染病人醫院進駐沒有表示全院</t>
  </si>
  <si>
    <t>新冠肺炎台灣 機構市府家屬</t>
  </si>
  <si>
    <t>肺炎臺灣機構市府家屬</t>
  </si>
  <si>
    <t>武漢防疫肺炎誤解外界易讓歧視國民黨政府羅智強</t>
  </si>
  <si>
    <t>國民黨革實院長羅智強昨在臉書批評蔡政府未考慮14億人的心情堅持用武漢肺炎稱呼引起歧視爭議。國民黨文傳會主委王育敏下午表示民進黨不接受新冠肺炎的稱呼易讓外界誤解連處理疫情都參雜「抗中」政治思考立</t>
  </si>
  <si>
    <t>稱呼肺炎國民黨都參疫情羅智強處理批評政府誤解考慮外界下午表示易讓王育敏民進主委文傳</t>
  </si>
  <si>
    <t>國民黨革實院長羅智強昨在臉書批評蔡政府未考慮14億人的心情堅持用武漢肺炎稱呼引起歧視爭議。國民黨文傳會主委王育敏下午表示民進黨不接受新冠肺炎的稱呼易讓外界誤解連處理疫情都參雜「抗中」政治思考立法院甫通過的紓困條例以及國際媒體也是按照WHO命名的新冠肺炎稱呼。
世界衛生組織（WHO）2月11日將武漢肺炎定名為COVID-19（2019年冠狀病毒疾病）。中央流行疫情指揮中心陳時中日前表示使用武漢肺炎是比較順的講法並沒有歧視的意思遭國民黨革實院長、臺北市議員羅智強提出4點質疑呼籲蔡英文總統和陳時中與全世界官方同調「釋出最起碼的善意」。
國民黨文傳會主委王育敏表示社會上的確有人覺得蔡英文總統、陳時中都還是使用武漢肺炎意味民進黨系統不接受新冠肺炎的稱呼當然容易讓外界誤解連處理疫情都參雜「抗中」的政治思考。
王育敏說立法院甫通過的紓困條例都跟國際接軌也就是使用新冠肺炎武漢肺炎只是剛開始發生時的稱呼在WHO命名病毒名稱後國際媒體也都使用新冠肺炎名稱。</t>
  </si>
  <si>
    <t>肺炎武漢稱呼國民黨使用表示王育敏who疫情陳時中蔡英文總統羅智強病毒歧視國際媒體命名院長文傳民進</t>
  </si>
  <si>
    <t>肺炎武漢肺炎武漢新冠肺炎國民黨</t>
  </si>
  <si>
    <t>肺炎國民黨武漢</t>
  </si>
  <si>
    <t>施打明天上午高端賴清德蔡英文疫苗</t>
  </si>
  <si>
    <t>蔡英文總統、賴清德副總統明（30）日將施打疫苗總統府發言人張惇涵表示蔡總統與賴副總統將分別於明天上午7點15分及7點45分至預約地點「台大醫學院體育館」接種第二劑高端疫苗。蔡英文總統今年8月23日前往臺大醫</t>
  </si>
  <si>
    <t>總統疫苗蔡英文預約地點分至高端體育館台大醫學院明天上午接種總統府張惇涵施打發言人賴副分別表示今年日前賴清德台大醫</t>
  </si>
  <si>
    <t>蔡英文總統、賴清德副總統明（30）日將施打疫苗總統府發言人張惇涵表示蔡總統與賴副總統將分別於明天上午7點15分及7點45分至預約地點「台大醫學院體育館」接種第二劑高端疫苗。
蔡英文總統今年8月23日前往臺大醫學院體育館在臺灣大學副校長張上淳、臺大醫院院長吳明賢及立法委員邱泰源等人陪同下接種高端疫苗第一劑。賴清德也在8月27日早上前往台大體育館接種高端疫苗第一劑如今皆已超過4周蔡英文和賴清德本月20日上午已完成高端疫苗第二劑預約。
張惇涵表示經維安團隊及台大醫院協調為降低對其他民眾影響蔡總統將於明天上午7點15分、賴副總統將於7點45分至現場。同樣依照相關流程報到、問診、接種疫苗接種完畢後離開現場並由醫療團隊後續掌握身體狀況總統與副總統也將於臉書直播。
他說比照總統、副總統接種第一劑疫苗將由媒體協調提供畫面。</t>
  </si>
  <si>
    <t>疫苗總統接種高端體育館上午台大醫院現場團隊賴清德蔡英文預約台大醫學院協調分至張惇涵表示明天賴副吳明賢立法委員院長泰源</t>
  </si>
  <si>
    <t>蔡英文高端疫苗賴清德接種台大醫學院體育館</t>
  </si>
  <si>
    <t>接種賴清德疫苗台大醫學院高端體育館蔡英文</t>
  </si>
  <si>
    <t>餐飲業挑戰淘汰賽結構性分析產業落幕</t>
  </si>
  <si>
    <t>新冠肺炎疫情重創台灣餐飲業不少店家黯然熄燈倒閉。雖然隨著疫情趨緩餐飲業營運已率先回溫但饗賓餐旅集團總經理陳毅航認為造成餐飲業此次「完美風暴」的3大結構性問題仍在預期在後疫情時代餐飲業的淘汰</t>
  </si>
  <si>
    <t>餐飲業疫情重創臺灣在後集團餐旅問題總經理陳毅航預期結構性認為回溫造成風暴完美率先熄燈店家營運倒閉</t>
  </si>
  <si>
    <t>新冠肺炎疫情重創台灣餐飲業不少店家黯然熄燈倒閉。雖然隨著疫情趨緩餐飲業營運已率先回溫但饗賓餐旅集團總經理陳毅航認為造成餐飲業此次「完美風暴」的3大結構性問題仍在預期在後疫情時代餐飲業的淘汰賽態勢仍不會改變。
陳毅航認為此次新冠肺炎疫情對餐飲業的營運衝擊可說是「50年來最大海嘯」許多長期營運的知名老店都要活不下去主要有3大結構因素造成此波完美風暴包括餐飲業供過於求、經營成本連年攀升、以及疫情造成市場消費急凍。
陳毅航指出在2003年爆發SARS時全台餐飲業營收約3000多億元（註：實為271266億元）而截至去年已成長突破8000億元。然而台灣的人口、實質薪資及實質消費力並未跟隨同比增加、仍與當時相差不多餐飲市場供過於求的問題已愈趨明顯。
據經濟部統計處統計自1999年開始統計以來台灣餐飲業營收僅2001年出現衰退隨後即逐年成長自2001年的261376億元成長至去年的811576億元年增率落於005～1372％。近3年年增率落於373～439％較2005～2016年的高度成長期明顯趨緩。
在市場競爭愈趨激烈之際包括食材、人力、瓦斯和電費等經營成本逐年攀升亦成為餐飲業面臨的另一項結構性挑戰。加上此次疫情造成消費需求全面急凍雖然許多業者盼透過外送平臺突圍但外送平臺抽成比重高未能明顯降低餐飲業經營壓力。
儘管隨著疫情趨緩民眾外出用餐消費信心及意願回升使得先前陷入營運寒冬的餐飲業營運自5月起明顯復甦回溫但陳毅航認為由於造成此次完美風暴的結構性挑戰仍在預期在步入後疫情時代後餐飲業的淘汰賽態勢仍不會改變。
陳毅航指出此次疫情改變餐飲業的思維及經營策略業者在疫情期間都有要先「活下去」的共識除了推出便當等產品拓展外送外賣服務外也因應「宅消費」商機加速研發常溫、冷凍即時料理商品並洽談虛實通路推廣銷售以分散未來營運可能風險。
陳毅航認為現今餐飲業仍存有3缺包括對從業人員的觀感、經營理念、勇於承擔的企業家精神。集團在撐過疫情寒冬後也思索著未來能做些什麼協助台灣餐飲業發展。他表示饗賓希望成為餐飲業的整合者希望在有能力時分享自家資源使餐飲業能正向發展。</t>
  </si>
  <si>
    <t>餐飲業疫情消費營運陳毅航臺灣經營造成認為包括明顯逐年未來業者長期去年成長結構性集團</t>
  </si>
  <si>
    <t>台灣餐飲業新冠肺炎營運衝擊</t>
  </si>
  <si>
    <t>肺炎營運餐飲業臺灣衝擊</t>
  </si>
  <si>
    <t>新加坡黃清龍防疫失靈媒體</t>
  </si>
  <si>
    <t>新加坡新冠肺炎確診病例逾14000人超過日本和韓國在亞洲排名僅次於土耳其、伊朗、中國大陸、印度等人口眾多的國家。今年3月17日新加坡只有266例確診病例一度被各國譽為防疫典範不料短短1個半月竟暴增50多倍</t>
  </si>
  <si>
    <t>病例確診新加坡典範防疫譽為一度土耳其伊朗僅次於中國大陸排名印度亞洲韓國人口眾多不料國家日本今年超過肺炎</t>
  </si>
  <si>
    <t>新加坡新冠肺炎確診病例逾14000人超過日本和韓國在亞洲排名僅次於土耳其、伊朗、中國大陸、印度等人口眾多的國家。今年3月17日新加坡只有266例確診病例一度被各國譽為防疫典範不料短短1個半月竟暴增50多倍。公衛醫療水準頗高的新加坡為何會從防疫的模範生變成末段班？其中顯然有特殊的國情因素存在。
新加坡近期激增的病例主要發生在移工區這點和韓國有些類似韓國疫情大量爆發與大邱新天地教會有關。新加坡人口只有500多萬卻有上百萬的外來移工從事醫療照護、保安、廢棄物處理及基礎建設等工作。但疫情開始出現時星國政府雖採取嚴格防堵策略卻忽略移工宿舍區這些移工區和居家照護者因此成了爆發社區感染的來源。
新加坡為什麼會忽略移工染疫問題？有分析說這反映出新加坡嚴重的階級意識因為這些移工都來自落後地區新加坡人並不把他們當作社會的一分子民間如此政府也一樣竟然允許雇主用沒有座位的卡車運送移工讓移工住在擁擠的宿舍裡12個人住一間像沙丁魚般彷彿第三世界國家。
新加坡政府對疫情其實很有警覺和台灣一樣經過SARS期間的教訓建造了政府第一線的防疫機制並早在1月2日就實施邊境警戒和管制包括檢測、疫調、隔離、治療等另還結合藍牙科技推出「合力追蹤」App鼓勵民眾下載記錄足跡和接觸史等充分展現新加坡政府的效能。但這只是第一線政府正規軍部分屬於點對點的作戰不太可能對病毒完全阻隔。一旦防疫出現破口譬如大量海外新加坡人回去後發生群聚感染就必須靠群眾自動自發才能打贏面對面的戰爭。
但新加坡不像台灣有著強大的民間力量；新加坡政府平日就幫百姓做好所有規畫造成新加坡人對政府的高度依賴到了沒有政府就活不下去的程度。所以當防疫大戰開打之後台灣民眾會自製防疫手冊並在網上廣為轉發。看到有居家檢疫者在路上走會有正義的鄉民趕快去勸阻或通報；看到你沒戴口罩有人會遞上一個給你。這些在新加坡很少看到因為在政府钜細靡遺的規範下民間社會基本上是沒有自主動能的。新加坡的防疫就是在群眾戰爭中輸掉的。
比較台灣和新加坡的防疫成效可以看出兩地的差別。新加坡是大政府、小社會台灣政府雖然也不小但台灣社會更強大些人民的公民素養遠比新加坡要強。所以當危機出現時大家雖然也期望政府要展現效能更多人是把自己應有的防疫責任做到。台灣能維持16天本土零確診大功臣就是「民眾的自覺意識」因為大家做好了勤洗手、戴口罩、少摸臉和眼睛等自我健康管理即便有確診病例曾進入社區疫情也擴散不出去。加上台灣人有更強大的公民意識隨時關注公共層面的情況不怕雞婆地去提醒別人。這些恰恰是新加坡社會所欠缺的所以台灣在防疫上的表現才能比新加坡好。
（作者為信民兩岸研究協會理事長）</t>
  </si>
  <si>
    <t>新加坡防疫政府臺灣疫情社會病例確診民眾新加坡人新加坡政府看到沒有出現民間強大韓國</t>
  </si>
  <si>
    <t>防疫新加坡台灣移工新加坡人</t>
  </si>
  <si>
    <t>臺灣新加坡防疫新加坡人</t>
  </si>
  <si>
    <t>張曄張郡團隊師生獸醫系台大課程內容</t>
  </si>
  <si>
    <t>台大獸醫系4年級張曄是來自馬來西亞的僑生、張郡則是熱愛以拳擊、重訓來健身他們共同發起成立「朱先生萬先生」團隊要傳播正確的傳染病知識因為他們覺得「我們能做的遠比課程內容更多」希望藉此為台灣社會</t>
  </si>
  <si>
    <t>課程內容來自馬來西亞覺得知識張郡傳染病正確傳播希望熱愛團隊萬先生拳擊朱先生成立發起健身共同張曄</t>
  </si>
  <si>
    <t>台大獸醫系4年級張曄是來自馬來西亞的僑生、張郡則是熱愛以拳擊、重訓來健身他們共同發起成立「朱先生萬先生」團隊要傳播正確的傳染病知識因為他們覺得「我們能做的遠比課程內容更多」希望藉此為台灣社會盡一份心力。
張曄到台灣讀台大獸醫系後她在馬來西亞當高中校長的父親也開始看動物相關的書籍每看一本就會介紹給她不過她最後只對《共病時代》這一本有興趣裡面提到獸醫其實是許多疾病的發現者這開啟她的知識視野。
去年新冠肺炎肆虐全球衝擊醫學及公衛體系在所有人被傳染病這顆震撼彈搖到頭昏時《共病時代》這本書給了張曄靈感原來動物和傳染病有如此深的聯繫而身為一個獸醫系學生能做什麼呢？
張曄和張郡住在同一棟宿舍張曄認為在疫情時代獸醫系學生應該發聲就去找張郡商量因此誕生了「朱先生萬先生」團隊。張曄說她雖是馬來西亞僑生但規畫以後要在台灣發展因此希望為台灣做一點事。
張郡則是熱愛練拳擊及重訓台大獸醫系教授周崇熙說每次因為「朱先生萬先生」計畫打電話找張郡得到的答案都是「我正在重訓」。
張郡表示在新冠肺炎疫情下不正確傳染病資訊對人類生活造成重大影響譬如有人因為擔心貨物帶有新冠病毒就不敢向大陸或歐美進行網路購物但事實上貨物有可能被汙染、不是被感染只要做好個人衛生或是收到貨時用酒精擦拭一下就沒問題了。
張郡說在一般狀況下新冠病毒在貨物表面通常只能存活7至14天而貨物從國外寄到台灣可能要30天即使有病毒也死了因此跨海線上購物還是可以進行。</t>
  </si>
  <si>
    <t>張曄獸醫系傳染病臺灣張郡貨物病毒時代馬來西亞朱先生萬先生知識動物疫情</t>
  </si>
  <si>
    <t>朱先生馬來西亞肺炎病毒傳染病</t>
  </si>
  <si>
    <t>馬來西亞傳染病肺炎朱先生病毒</t>
  </si>
  <si>
    <t>季會預言t-macnba輪休</t>
  </si>
  <si>
    <t>針對NBA目前暫定美國時間12月1日將是新球季開幕日火箭傳奇球星「T-Mac」麥格瑞迪率先提出預言「下季我們將會看到很多的負荷管理(輪休)我現在就可以這樣說了甚至會有部分球員平均只打約15分鐘因為他們需要</t>
  </si>
  <si>
    <t>平均球員時間部分甚至火箭開幕傳奇球星t-mac麥格瑞迪可以率先現在提出輪休預言管理負荷看到美國</t>
  </si>
  <si>
    <t>針對NBA目前暫定美國時間12月1日將是新球季開幕日火箭傳奇球星「T-Mac」麥格瑞迪率先提出預言「下季我們將會看到很多的負荷管理(輪休)我現在就可以這樣說了甚至會有部分球員平均只打約15分鐘因為他們需要輪休！」
「這是前所未見的時期」麥格瑞迪接受電視節目「The Jump」訪問時表示「我們需要適應球員也要適應我確信球季有可能縮短對球員來說最困難的事情是你所習慣的行程完全被打亂了當下季12月就開幕你該怎麼辦？」
「對於打到10月總冠軍賽的兩隊而言你只剩不到1個月時間準備新球季所以你會休息一到兩周？還是繼續訓練為下季準備？」麥格瑞迪說「那些從3月就沒比賽的球隊他們能帶煥然一新的身體來打新球季但其他球隊怎麼辦呢？」
事實上麥格瑞迪並非在危言聳聽但因新冠疫情影響不僅僅是NBA所有各大職業聯賽的賽季都受衝擊就連沒被邀請參加本季復賽的8支NBA球隊也在呼籲聯盟幫忙舉辦小型盃賽維持狀態畢竟整整8個月沒比賽也太慘了。</t>
  </si>
  <si>
    <t>麥格瑞迪球季球員需要開幕輪休準備時間球隊比賽nba適應幫忙舉辦</t>
  </si>
  <si>
    <t>NBA麥格瑞迪下季輪休球員</t>
  </si>
  <si>
    <t>輪休麥格瑞迪nba球員</t>
  </si>
  <si>
    <t>肺炎杜蘭特nba</t>
  </si>
  <si>
    <t>美國NBA籃網隊宣佈球隊中有4名球員確診新冠肺炎但沒有宣佈確診球員的姓名但美國體育媒體《The Athletic》記者Shams Charania 3月17日在Twitter上表示本季加入籃網隊的大咖球星杜蘭特(Kevin Durant)是確診新</t>
  </si>
  <si>
    <t>確診網隊宣佈球員美國twittercharaniashams記者表示球星加入athletickevinthe杜蘭特媒體體育姓名球隊durant沒有</t>
  </si>
  <si>
    <t>美國NBA籃網隊宣佈球隊中有4名球員確診新冠肺炎但沒有宣佈確診球員的姓名但美國體育媒體《The Athletic》記者Shams Charania 3月17日在Twitter上表示本季加入籃網隊的大咖球星杜蘭特(Kevin Durant)是確診新冠肺炎的一員。
杜蘭特在接受採訪時表示目前沒有感受到特別的狀況他說:每個人都應該要小心照顧好健康並且自主隔離。他表示有信心克服新冠肺炎。
NBA已於日前停賽目前不清楚這幾位球員是如何感染上新冠肺炎的。</t>
  </si>
  <si>
    <t>表示球員肺炎目前確診沒有杜蘭特網隊nba宣佈美國應該小心照顧狀況記者健康特別athleticshams</t>
  </si>
  <si>
    <t>日本疫苗原因</t>
  </si>
  <si>
    <t>38歲日籍女星愛紗（千田愛紗）來台發展20年早已把這裡當第二個家近期本土疫情連環爆日本接連兩次捐贈百萬劑AZ疫苗令她內心滿是感動。日前愛紗在社群網站開放網友提問被問到不返日打疫苗的原因她親自做出</t>
  </si>
  <si>
    <t>疫苗問到提問發展本土網友疫情近期早已開放日本接連網站捐贈az內心日前滿是感動原因</t>
  </si>
  <si>
    <t>38歲日籍女星愛紗（千田愛紗）來台發展20年早已把這裡當第二個家近期本土疫情連環爆日本接連兩次捐贈百萬劑AZ疫苗令她內心滿是感動。日前愛紗在社群網站開放網友提問被問到不返日打疫苗的原因她親自做出回應。
愛紗昨（10日）在IG限時動態開放網友問問題有人發問：「愛紗不回日本嗎？順便打疫苗」對此她表示疫情尚未穩定前沒有計畫要飛回日本並講出家鄉的疫苗施打情況「日本還是很多人包括我父母都還沒有打到疫苗所以我盡量不移動為的就是保護你我他」。
事實上愛紗本來預計五月要回沖繩陪家人過母親節此時疫情忽然炸鍋為了保護彼此決定留台就連17日阿嬤的86歲生日都沒辦法當面慶祝只能隔空獻上祝福；被問及回日本第一個想做的事情她二話不說地表示要帶阿嬤去漂亮的咖啡廳喝下午茶再去吃沖繩風景最美的PIZZA餐廳；疫情穩定之後愛紗還想去超級喜歡的新加坡度假更說有機會的話會想嘗試住在那。
愛紗2016年與台灣男模周洺甫結婚婚禮中兩人深情擁吻感情一度羨煞眾人未料婚姻維持2年多便告吹被問及是否還在情傷愛紗否認：「我老早就踏進新的人生了上了一堂人生重要課更瞭解自己知道適合什麼不適合什麼現在的我活得自在相信自己、尊重自己原來這樣讓我活得很踏實同時感到幸福感。」
★《中時新聞網》提醒您：因應新冠肺炎疫情疾管署持續加強疫情監測與邊境管制措施 如有疑似症狀請撥打：1922專線或 0800-001922 並依指示配戴口罩儘速就醫同時主動告知醫師旅遊史及接觸史以利及時診斷及通報。</t>
  </si>
  <si>
    <t>疫情日本疫苗問及沖繩保護表示沒有開放網友穩定接觸</t>
  </si>
  <si>
    <t>愛紗日本疫苗疫情新冠肺炎</t>
  </si>
  <si>
    <t>疫苗疫情日本肺炎</t>
  </si>
  <si>
    <t>時代變化臺灣</t>
  </si>
  <si>
    <t>韓國《朝鮮日報》針對24位全球知名學者訪談總結出新冠肺炎結束後全球即將發生的十大變化。這些變化有可能完全改變全球社會各領域行為規則。其中全球產業鏈重組、經濟長期低增長現象對台灣出口導向經濟將是一</t>
  </si>
  <si>
    <t>全球經濟出口臺灣知名增長學者訪談改變變化出新長期重組產業鏈總結結束肺炎導向現象社會完全可能領域行為發生</t>
  </si>
  <si>
    <t>韓國《朝鮮日報》針對24位全球知名學者訪談總結出新冠肺炎結束後全球即將發生的十大變化。這些變化有可能完全改變全球社會各領域行為規則。其中全球產業鏈重組、經濟長期低增長現象對台灣出口導向經濟將是一大挑戰；中國國際地位可能會「淩駕於美國之上」更影響台灣政治走向。
一、全球化陷入停頓人員、資本不再跨境流動各自逃生或成為時代主旋律。未來全球產業鏈很有可能圍繞國家或地區進行重組反全球化或成為後新冠肺炎時代的國際秩序特徵。
二、「大政府」成為主流以戰時標準嚴格管控新冠疫情或成普遍現象。這似乎預示著集體主義的回歸。
三、世界經濟的「日本化」。美歐雖為阻止經濟衰退四處撒錢但如同日本所經歷的「失去的20年」這將提高國家債務最終陷入經濟長期低增長態勢。
四、歐盟存亡危機。疫情加重了義大利、西班牙等南歐國家的經濟危機歐盟內部不均衡問題愈發嚴重。
五、中國國際地位可能會「淩駕於美國之上」或「在國際上受到更多質疑」。專家對後新冠時代中國的地位看法不一。樂觀者認為中國比美國更早擺脫新冠危機全球影響力也將水漲船高。
六、民粹主義抬頭。疫情讓很多國家社會兩極分化更加嚴重這將成為民粹主義的土壤。為阻止疫情蔓延多國關閉的產業大多是飯館、酒店等服務業一旦大量低收入勞動者失去工作將拉大社會貧富差距。
七、居家辦公成為潮流而且居家辦公或導致家務勞動重新分配女性參與社會經濟活動的機會或將提高。
八、握手將成為歷史保持社交距離或將成社會新標準。此前必需面對面解決問題的領域很可能出現線上等新的替代方式。
九、或誕生「新冠肺炎世代」。20多歲的年輕人或將長期陷入找工作難的境地。如同經歷過上世紀初大恐慌的人們會保持節約的習慣一樣新冠肺炎也會給新一代打上終身烙印。
十、更尊重環境。新冠肺炎可能改變人類對環境和科學的認知認識到人與自然和諧相處的必要性。</t>
  </si>
  <si>
    <t>成為全球經濟可能疫情肺炎社會中國國際國家陷入時代長期美國阻止歐盟地位問題全球化危機如同臺灣</t>
  </si>
  <si>
    <t>新冠肺炎社會後新冠時代10大變化</t>
  </si>
  <si>
    <t>時代社會肺炎變化</t>
  </si>
  <si>
    <t>效力變種covax透過novavax疫苗</t>
  </si>
  <si>
    <t>美國生技公司諾瓦瓦克斯（Novavax）週五說台灣已選擇透過世衛（WHO）主導的較低收入國家「疫苗全球取得機制」（COVAX）獲取該公司的新冠疫苗而這將為島上免疫計畫額外增加亟需的疫苗。據路透2日報導台灣透過</t>
  </si>
  <si>
    <t>疫苗公司臺灣透過諾瓦瓦克斯novavax週五選擇who世衛亟需增加路透主導低收入額外國家免疫島上全球取得機制</t>
  </si>
  <si>
    <t>美國生技公司諾瓦瓦克斯（Novavax）週五說台灣已選擇透過世衛（WHO）主導的較低收入國家「疫苗全球取得機制」（COVAX）獲取該公司的新冠疫苗而這將為島上免疫計畫額外增加亟需的疫苗。
據路透2日報導台灣透過COVAX訂了476萬劑新冠疫苗但至今只收到略超過60萬劑並都是阿斯特捷利康（AstraZenecaAZ）疫苗。Novavax在透過電子郵件發出的聲明中說它已達成協議向COVAX供應新冠疫苗。
聲明中說「台灣選擇透過COVAX接受NVX-CoV2373疫苗」但並未提供細節。衛福部長陳時中日前說台灣已和Novavax總公司洽談但也沒有提供數量或時間表等細節。台灣在出現連串新冠病例後正致力加快疫苗接種計畫但由於全球供應短缺至今2350萬人口中大約只有8%民眾至少接種了2劑疫苗方案中的1劑。
Novavax上個月說美國的大規模臨床實驗證明即使面對各式令人關切的新冠病毒變種它的疫苗效力仍超過90%。
在美國和墨西哥進行的這項研究中有近3萬名志願者參與。Novavax說相關研究讓他們得以按照既定計畫在2021年第3季時申請在美國和其他的緊急使用授權。</t>
  </si>
  <si>
    <t>疫苗novavax美國臺灣透過covax超過研究提供供應公司細節全球接種聲明選擇申請季時</t>
  </si>
  <si>
    <t>疫苗台灣新冠肺炎NovavaxCOVAX</t>
  </si>
  <si>
    <t>肺炎novavax臺灣covax疫苗</t>
  </si>
  <si>
    <t>肺炎限令臺灣正名世界波及</t>
  </si>
  <si>
    <t>精選《中時新聞網》5件不可不知的國際大事帶讀者掌握今天(2月11日)的國際新聞重點。【1】加拿大權威醫師領隊 世衛專家團隊抵達大陸世界衛生組織(WHO)總幹事譚德塞(Tedros Adhanom Ghebreyesus)本週一表示上個月</t>
  </si>
  <si>
    <t>國際adhanomtedros不可不德塞幹事who大事世界衛生組織大陸抵達團隊今天ghebreyesus專家世衛領隊醫師新聞重點權威加拿大新聞網讀者掌握本週一</t>
  </si>
  <si>
    <t>精選《中時新聞網》5件不可不知的國際大事帶讀者掌握今天(2月11日)的國際新聞重點。
【1】加拿大權威醫師領隊 世衛專家團隊抵達大陸
世界衛生組織(WHO)總幹事譚德塞(Tedros Adhanom Ghebreyesus)本週一表示上個月親赴大陸與國家主席習近平和一些部會首長會談好不容易得到北京當局的同意世衛可以派遣專家團隊到最前線深入研究新型冠狀病毒(NPC)。而這支專家團隊的成員也是經過長達兩周的協調北京當局才同意這份專家名單。這支團隊將由加拿大權威醫師愛華德(Bruce Aylward)擔任領隊。
【2】「一個中國」原則禁止台灣人入境？　菲律賓正式公文這樣寫
為防堵新冠肺炎擴散菲律賓10日傳出祭出鐵腕禁令將遵循「一個中國」政策把台灣也列入禁止入境的範圍。雖然我國政府立刻出面澄清「並非事實」但今天（11日）淩晨菲律賓的正式公文曝光本來傳聞是指「持台灣護照」者將不能入境菲律賓但從公文的內容翻譯判斷菲律賓主要禁止的是「從中、港、澳、台出發的旅客」不得入境菲律賓但持有菲律賓護照或永久居留權者不在此限。
【3】新冠肺炎攪局 義維持停飛陸台
新冠肺炎攪局義大利1月31日起暫停對大陸直航雙方幾經交涉後義國仍維持停飛。義國衛生部長史伯蘭沙（Roberto Speranza）日前接受義媒專訪時強調外交與經貿利益固然值得考慮但都比不上健康重要。
【4】WHO會議 我以Taipei名義線上參與
世衛組織(WHO)今、明兩天在日內瓦舉辦新冠肺炎專家會議中央流行疫情指揮中心監測應變官、疾管署副署長莊人祥指出此次會議聚焦在新藥、疫苗的技術研發議題我方提交的專家名單也全與新藥、疫苗發展有關並確定將以「Taipei（臺北）」名義參與視訊會議專家則以個人名義與WHO簽訂保密協議。
【5】鑽石公主號台人求救 駐日代表處要求日本儘早撤離我乘客
受困鑽石公主號郵輪上的台灣知名魔術師陳日昇9日在臉書發出盼我政府接回20多名台籍旅客的求救訊號。我駐日代表處10日已向日本外務省要求儘早撤離我國乘客。</t>
  </si>
  <si>
    <t>專家菲律賓who會議團隊大陸入境肺炎臺灣禁止名義公文政府旅客今天國際中國領隊鑽石公主新藥</t>
  </si>
  <si>
    <t>1分鐘看世界新冠肺炎</t>
  </si>
  <si>
    <t>肺炎世界</t>
  </si>
  <si>
    <t>微笑關節炎醫病類風濕性溝通</t>
  </si>
  <si>
    <t>類風濕性關節炎是常見的自體免疫疾病好發於中年女性若疾病控制未達緩解目標容易因為關節發炎腫痛、動作卡卡不僅脫戴口罩需要更多時間也難落實洗手完整步驟。為協民眾瞭解自身情況、促進醫病溝通台灣抗風</t>
  </si>
  <si>
    <t>疾病促進自體情況免疫民眾步驟控制完整洗手落實醫病緩解目標容易時間常見關節發炎需要口罩</t>
  </si>
  <si>
    <t>類風濕性關節炎是常見的自體免疫疾病好發於中年女性若疾病控制未達緩解目標容易因為關節發炎腫痛、動作卡卡不僅脫戴口罩需要更多時間也難落實洗手完整步驟。為協民眾瞭解自身情況、促進醫病溝通台灣抗風濕病聯盟推出「一分鐘微笑量表」只要快速圈選身體狀況分數、疼痛分數等項目即可找出對應疾病控制的4種表情符號。
台灣抗風濕病聯盟執行長蔡長祐表示類風濕性關節炎屬於全身性自體免疫疾病是破壞力最強的關節炎之一台灣約有10至20萬名病友常見發生於中年女性。因免疫系統失調把自己的關節當成攻擊目標造成關節發炎腫痛。其誘發疾病原因包括感染、壓力、溫度等如長期治療未達標關節恐持續破壞甚至變形。
值得注意的是疫情期間約有3成類風濕性關節炎病友未規律回診造成病況失去控制全身發炎。門診就有一名病友關節劇烈腫痛走路彷彿機器戰警手肘與膝蓋彎曲趨近90度移動只能拖步走這才趕緊就醫。
從事急診室護理師工作的32歲病友鄭小姐表示15年前莫名手腕疼痛一週後疼痛擴及全身、寸步難行就醫確診為類風濕性關節炎當時從停車場到診間的短短10分鐘路程她卻要拚命忍痛走上2小時。不忍心看到爸爸因為她和妹妹兩人都罹患自體免疫性疾病而愧疚自責鄭小姐積極配合醫囑治療希望向爸爸證明只要好好治療自己也可以與正常人一樣生活。每逢天氣變冷或下雨關節容易感到腫痛不適加上血液循換變慢不光洗澡洗頭、刷牙等生活作息甚至連脫戴口罩、洗手等防疫基本功需要關節的細部動作都覺得吃力這樣偶爾不適的情況讓她不確定自己是否治療達標。
台灣抗風濕病聯盟董事長蔡世滋表示每一種病症都有依循的治療目標就像糖尿病應控制糖化血色素在7％以下視力矯正目標需達10以上發燒的治療目標應在38℃以下類風濕性關節炎也有治療目標臨床上常用「DAS-28」分數來評估疾病活動度區別為疾病緩解、低疾病活動度、中疾病活動度與高疾病活動度等四種等級。
其中以「疾病緩解」為類風濕性關節炎病友應追求的終極目標使關節不腫痛、體內發炎指數正常以延緩關節破壞。研究也發現疾病緩解者在新冠肺炎感染後住院與死亡、併發心血管疾病事件與骨鬆性骨折等共病風險可以比高疾病活動度病友減少194至248倍。然而臨床觀察卻有超過9成病友不知道個人治療目標主要原因便是專業的評估方式過於複雜、且需套用特殊公式在缺乏友善且有效的評估工具情況下診間醫病問答常上演「我猜我猜我猜猜猜」。
有鑑於此台灣抗風濕病聯盟結合醫學專業量表與國人生活形態在官方臉書粉絲團(https：／／isgd／D6OgrB)與Dropbox雲端（shorturlat／cgA06）推出在地且評估方便的「一分鐘微笑量表」。病友只要快速圈選幾個項目包括身體狀況分數、疼痛分數以及評估是否困難或無法完成5大生活行為如自行穿衣服、自行起床、舉杯喝水、自行清洗或擦乾身體與在戶外平地上行走即可找出對應疾病控制的四種表情符號。這些表情符號包括：代表最佳目標緩解的「開心」臉、次之目標的低疾病活動度「可以」臉、或疾病不穩定的中疾病活動度「辛苦」臉甚至是病況最差的高疾病活動度「難過」臉。
蔡長祐表示每位類風濕性關節炎病友都該知道自己是哪一「類」藉「一分鐘微笑量表」掌握疾病現況並設定治療目標建議每週定期評估紀錄下個人微笑標章。待回診時與醫師討論期間蒐集到微笑標章的變化醫師也可以在專業評估後即時給予回饋將有助於促進醫病間有效的溝通和對話幫助醫師更精準用藥幫助更多病友治療達標畫出人生的微笑曲線。</t>
  </si>
  <si>
    <t>疾病治療病友目標關節評估關節炎類風濕性微笑生活控制活動度臺灣緩解可以表示情況發炎甚至</t>
  </si>
  <si>
    <t>病友類風濕性關節炎活動疾病關節</t>
  </si>
  <si>
    <t>活動關節炎疾病類風濕性病友關節</t>
  </si>
  <si>
    <t>設置連江機場縣長全面爭取</t>
  </si>
  <si>
    <t>連江縣長劉增應今（31日）召開防疫會議會中公佈並無新增個案及居家隔離者全縣居家隔離人數共116人劉增應說針對中央規畫於機場碼頭設置快篩站樂觀其成但仍會爭取從自願快篩提升到全面快篩避免造成離島防</t>
  </si>
  <si>
    <t>劉增居家隔離避免個案人數公佈會議自願防疫召開中央爭取機場碼頭</t>
  </si>
  <si>
    <t>連江縣長劉增應今（31日）召開防疫會議會中公佈並無新增個案及居家隔離者全縣居家隔離人數共116人劉增應說針對中央規畫於機場碼頭設置快篩站樂觀其成但仍會爭取從自願快篩提升到全面快篩避免造成離島防疫破口。
連線縣疫情指揮中心公佈今（31日）無新增確診個案無新增密切接觸需居家隔離個案31日零時解隔離5人為在台接觸者目前居家檢疫5人案5774、6441、6442、8114及其相關接觸居家隔離共116例、PCR篩檢皆為陰性足跡已消毒完成；30日機場快篩24名均為陰性。
劉增應表示周遭有自台返馬人員要保持警戒請其接受快篩保護地區鄉親的健康快篩請透過疫情指揮中心專線電話預約推動地區商家多元支付避免直接現金給付以減少接觸傳播機會。
若出現發燒超過38度、嗅味覺異常、腹瀉或有呼吸道症狀立即佩戴醫用口罩撥打1922或聯繫衛生局且避免搭乘大眾運輸工具前往。就醫時並應主動告知醫師為「自我健康監測」對象、接觸史及身邊是否有其他人有類似的症狀。如有任何防疫相關諮詢請洽連江縣疫情指揮中心24小時防疫專線0963-772-160。</t>
  </si>
  <si>
    <t>接觸防疫避免隔離居家中心指揮劉增疫情症狀健康陰性相關地區機場個案公佈</t>
  </si>
  <si>
    <t>新冠肺炎台灣連江縣快篩劉增應</t>
  </si>
  <si>
    <t>連江縣臺灣肺炎劉增</t>
  </si>
  <si>
    <t>明起開放路易莎巴克咖啡討論連鎖</t>
  </si>
  <si>
    <t>國內7月27日起降至二級防疫警戒除了雙北外各縣市有條件開放餐飲、美食街內用連鎖咖啡路易莎今天開第一槍宣佈將配合地方政府開放內用及洗手間而星巴克、85度C、cama café還在討論中最快今天會有結果。明</t>
  </si>
  <si>
    <t>今天開放防疫警戒北外各縣市caf討論cama條件巴克宣佈餐飲洗手間路易莎咖啡美食街配合</t>
  </si>
  <si>
    <t>國內7月27日起降至二級防疫警戒除了雙北外各縣市有條件開放餐飲、美食街內用連鎖咖啡路易莎今天開第一槍宣佈將配合地方政府開放內用及洗手間而星巴克、85度C、cama café還在討論中最快今天會有結果。
明天(26日)是降為二級警戒的第一天由於上次微解封中央地方不同調讓這次連鎖咖啡業者也在觀望是否開放內用而27日降級除了雙北外的縣市都有開放內用全台超過500間連鎖分店的路易莎咖啡今率先宣佈依照縣市政府規範預計全台超過222間分店會開放內用與洗手間。
路易莎表示內用會遵照防疫指引入店實施實聯制、量體溫、消毒手部、間隔15公尺梅花座、內用座位隔板此外收銀區會再裝設隔板加強防疫門市收銀人員須配戴口罩與面罩而各店因防疫考量營業時間仍保有彈性調整空間以各門市公告為準。
其他連鎖咖啡店伯朗咖啡表示27日以後仍禁止內用星巴克、85度C、丹堤以及cama cafe還在討論中預估最快今天宣佈結果。</t>
  </si>
  <si>
    <t>防疫開放咖啡連鎖宣佈門市路易莎今天地方收銀警戒表示北外隔板全台分店巴克洗手間超過討論</t>
  </si>
  <si>
    <t>開放內用路易莎星巴克咖啡店二級緊戒</t>
  </si>
  <si>
    <t>巴克路易莎咖啡店開放</t>
  </si>
  <si>
    <t>言論和氣日本歐陽靖發表不要女兒回應</t>
  </si>
  <si>
    <t>長期旅居東京的譚艾珍之女歐陽靖因為近日在臉書上分享日本當地防疫真實狀況對不少即將赴日旅遊的台灣民眾幫助甚多未料也因此引來部分反彈聲浪。她今（15號）在臉書公開一則網友傳給母親的私訊要她別再發表傷</t>
  </si>
  <si>
    <t>歐陽靖母親近日傳給網友書上公開分享防疫日本真實狀況即將旅遊臺灣民眾當地幫助</t>
  </si>
  <si>
    <t>長期旅居東京的譚艾珍之女歐陽靖因為近日在臉書上分享日本當地防疫真實狀況對不少即將赴日旅遊的台灣民眾幫助甚多未料也因此引來部分反彈聲浪。她今（15號）在臉書公開一則網友傳給母親的私訊要她別再發表傷害日本的言論而譚艾珍的回應也被網友大讚「說得好」！
歐陽靖在臉書公開母親譚艾珍收到的私訊上頭寫著「請妳女兒不要發表對日本有些傷和氣的言論。日本也很認真在防疫何況日本人口比台多。感恩。」更透露母親接獲訊息後給她的回應是「呵呵呵！如果說實話對他造成什麼利益損失只好抱歉了！保護多數人還是比較重要吧！」
歐陽靖也重申「日本政府防疫不力是事實我不會因此而道歉。為了經濟而不顧國民生命安全的安倍政府本來就應該被罵不只我在罵日本民眾也在罵…」不解這網友所說的日本很認真防疫想法從何而來。
不過她也認為若批評日本政府造成反感那決定今日再也不罵「接下來我將繼續分享日本疫情現況但以不帶個人情緒的文字⋯ 請讀者自行判斷局勢並做好自我保護。」</t>
  </si>
  <si>
    <t>日本防疫歐陽靖網友母親譚艾造成回應日本政府分享民眾發表保護公開言論認真讀者自行安倍</t>
  </si>
  <si>
    <t>歐陽靖譚艾珍日本防疫新冠肺炎新冠狀病毒</t>
  </si>
  <si>
    <t>防疫日本肺炎譚艾病毒歐陽靖</t>
  </si>
  <si>
    <t>接種疫苗社區桃增</t>
  </si>
  <si>
    <t>桃園市長鄭文燦說桃園6大類疫苗優先人數約有10萬7265人因應6月中可能開始施打要增加接種能量除過去流感系統每週6萬人還要增加桃園體育館大型接種站、60個學校社區接種站、以及8個外展接種站接種能量每週</t>
  </si>
  <si>
    <t>接種桃園增加能量大類疫苗優先人數體育館因應月中可能施打開始還要過去系統流感社區學校鄭文燦市長</t>
  </si>
  <si>
    <t>桃園市長鄭文燦說桃園6大類疫苗優先人數約有10萬7265人因應6月中可能開始施打要增加接種能量除過去流感系統每週6萬人還要增加桃園體育館大型接種站、60個學校社區接種站、以及8個外展接種站接種能量每週10萬人。
鄭文燦說因衛生福利部上一階段把民航人員算進桃園、疫苗撥補不足後來補了1萬劑都已在上週五完成線上預約今明兩天針對第一類非醫事人員、二三類警消衛環的第一線防疫人員、以及長照機構工作人員開打一階段疫苗施打即將結束醫護人員已近7成、外勤員警超過8成6、消防局超過9成3希望下個階段疫苗配賦量多一點。
鄭文燦說依據中央宣佈下階段是六大類加三族群要優先分別是第一類醫事人員、第二類地方中央的防疫人員、第三類高風險人員、第四類公務出國人員、第五類員警憲兵值勤人員、第六類機構跟社福工作人員和住民初步估算桃園有10萬7265人昨中央又增加75歲以上、洗腎病患和長照住民施打人數會再增加。
「我們疫苗接種計畫也做好準備每週可達10萬人！」鄭文燦說過去流感疫苗施打系統34家醫院、250家診所以及13家衛生所全都會上線每週達6萬人另外在桃園體育館設大型接種站、日服務6000人60個學校和社區的接種站、每週服務2次、每次400人工業區等場所至少8個外展接種站、每站每日800人以上增設的3類型接踵站每週達4萬人。
鄭文燦說第二階段總共獲得日本捐贈AZ疫苗124萬劑美國捐贈Moderna75萬劑總共加起來199萬劑待衛福部解封查驗後才能配賦到各縣市目前還不知道各縣市的配賦量但他強調會按照衛福部配賦的疫苗數量來施打可望在6月中開始進行會配合中央。
至於有市民在住家附近綁上「我要打疫苗」黃絲帶鄭文燦說希望有疫苗、能快一點、多一點、好一點是大家共同的期盼直言疫苗都是戰略物資疫苗大廠掌握在美、中、俄、德、英等大國手中且疫苗大廠也必須完成緊急使用跟原廠授權現貨市場非常缺貨。
鄭文燦說疫苗採購工作非常艱辛民間不管來自各方的呼籲或要求希望能轉化為動力大家一起努力讓疫苗早日來到按照秩序來施打才是關鍵指責、對立、謾罵沒有辦法解決問題只有團結、冷靜運用各種力量、各種資源努力爭取國際大廠疫苗到位才是目前最大的挑戰。</t>
  </si>
  <si>
    <t>疫苗鄭文燦人員施打桃園接種階段中央增加大廠希望完成努力目前</t>
  </si>
  <si>
    <t>疫苗鄭文燦桃園接種站新冠肺炎</t>
  </si>
  <si>
    <t>接種桃園鄭文燦肺炎疫苗</t>
  </si>
  <si>
    <t>舒服防疫上學校園</t>
  </si>
  <si>
    <t>編者按：新冠肺炎疫情持續蔓延防疫挑戰愈來愈嚴峻全民的支撐將是防疫作戰決勝關鍵。《中國時報》基於媒體社會責任即日起依疫情進展與防疫作為推出〈民間防疫站〉交流平臺提供全民最即時、專業的防疫資訊</t>
  </si>
  <si>
    <t>防疫疫情全民持續蔓延提供交流平臺媒體社會責任中國時報關鍵防疫站推出即日起決勝愈來愈作為作戰挑戰民間進展嚴峻支撐肺炎即時</t>
  </si>
  <si>
    <t>編者按：新冠肺炎疫情持續蔓延防疫挑戰愈來愈嚴峻全民的支撐將是防疫作戰決勝關鍵。《中國時報》基於媒體社會責任即日起依疫情進展與防疫作為推出〈民間防疫站〉交流平臺提供全民最即時、專業的防疫資訊協助政府打贏這場戰役。
中小學明天開學政府單位如臨大敵！為避免校園發生群聚感染疫情指揮中心公佈耳溫38度、額溫375度算發燒且確診2例全校停課。前衛生署長、現任亞洲大學榮譽講座教授楊志良與前疾管局長、現任南台科大生技系講座教授蘇益仁均呼籲不管是不是新冠肺炎只要身體不舒服就不要上學。
最怕沒症狀也會感染
蘇益仁表示現在新冠肺炎最大的問題是沒症狀也會感染因此如果有社區感染風險時當有1人確診不曉得社區內有多少人被感染「挑戰就在這地方。」量體溫的意義是發現是否有發燒不只針對冠狀肺炎也有可能是流感或其他病毒感染；不管是什麼病身體不舒服就不要去上課。
楊志良指出有國際雜誌研究大陸7萬多個案中儘管有2名新生兒從母體直接感染新冠肺炎但9歲以下沒有死亡個案；39歲以下患者死亡率僅02％而致死率隨年齡增加逐漸攀升60幾歲是36％70幾歲是80％。楊志良說當大量社區感染時大陸就是規定一個小區都不要動大家在家隔離畢竟資源有限應將資源放在更需要的對象身上。
楊志良建議除非該名年輕人有糖尿病、心血管等慢性病症狀不然絕大部分年輕人都較無感染風險。他呼籲大學以下學生拿下口罩把口罩留給醫護人員、照顧者、有重大傷病或慢性病的病患或是工作上須長期及近距離接觸很多人的職業如員警、大眾運輸業駕駛、櫃台人員、便利商店店員等。
沒上到課以後可補課
對於沒發燒卻有輕微咳嗽者楊志良表示咳嗽戴口罩是避免感染別人所以外國人會覺得沒病戴口罩很奇怪；學校也不要強調全勤學生身體不舒服就回家休息沒上到課之後可補課。</t>
  </si>
  <si>
    <t>感染防疫肺炎疫情口罩發燒症狀以下政府確診挑戰社區大學</t>
  </si>
  <si>
    <t>口罩大陸肺炎現任身體不舒服</t>
  </si>
  <si>
    <t>身體肺炎大陸口罩舒服</t>
  </si>
  <si>
    <t>清明威脅徐國勇疫情掃墓肺炎簡短</t>
  </si>
  <si>
    <t>立法院院會今日針對新冠肺炎特別預算進行總質詢立委張宏陸建議今年清明掃墓希望呼籲民眾縮短掃墓時間降低感染新冠肺炎的風險。主管宗教事務的內政部長徐國勇也表示希望大家去燒香後簡短結束儀式後結束</t>
  </si>
  <si>
    <t>希望肺炎掃墓燒香表示徐國勇內政部長宗教事務清明今年張宏陸主管建議時間風險質詢降低進行感染特別預算呼籲民眾</t>
  </si>
  <si>
    <t>立法院院會今日針對新冠肺炎特別預算進行總質詢立委張宏陸建議今年清明掃墓希望呼籲民眾縮短掃墓時間降低感染新冠肺炎的風險。主管宗教事務的內政部長徐國勇也表示希望大家去燒香後簡短結束儀式後結束不需要花一個早上時間掃墓。
徐國勇表示清明節如果不去掃墓燒香有人會覺得很奇怪建議簡短儀式後就結束。立委的建議很有道理國會質詢直播後大家都會看到這段呼籲希望大家可以縮短掃墓時間降低暴露在新冠肺炎病毒下的風險。</t>
  </si>
  <si>
    <t>掃墓建議希望肺炎時間質詢燒香徐國勇結束表示呼籲風險儀式簡短降低縮短主管特別宗教事務內政部長暴露進行</t>
  </si>
  <si>
    <t>新冠肺炎武漢肺炎台灣COVID-19新型冠狀病毒</t>
  </si>
  <si>
    <t>肺炎武漢臺灣covid-冠狀病毒</t>
  </si>
  <si>
    <t>卓斯艾英雄巴染新肺炎</t>
  </si>
  <si>
    <t>好萊塢疫情不斷台灣時間17日新冠肺炎病毒確診數增加3例包含《雷神索爾》47歲英國黑人男星伊卓斯艾巴（Idris Elba）、《冰與火之歌：權力遊戲》41歲挪威男星克裡斯多夫希弗哲（Kristofer Hivju）及《冰雪奇緣2》2</t>
  </si>
  <si>
    <t>時間kristofer日新克裡斯多夫希弗肺炎病毒挪威確診遊戲增加權力包含雷神elba索爾英國idris臺灣hivju艾巴黑人星伊卓不斷</t>
  </si>
  <si>
    <t>好萊塢疫情不斷台灣時間17日新冠肺炎病毒確診數增加3例包含《雷神索爾》47歲英國黑人男星伊卓斯艾巴（Idris Elba）、《冰與火之歌：權力遊戲》41歲挪威男星克裡斯多夫希弗哲（Kristofer Hivju）及《冰雪奇緣2》26歲美國女星瑞秋麥修斯（Rachel Matthews）陸續自揭染疫並接受隔離治療。
伊卓斯艾巴以漫威電影《雷神索爾》系列中的彩虹橋守護者「海姆達爾」最為出名他表示是因為與確診病例接觸過才接受篩檢沒想到結果為陽性。而網友推測他上周在倫敦與確診的加拿大總理夫人蘇菲格雷戈瓦（Sophie Gregoire）出席同一場慈善活動極可能因此被傳染。
《駭客任務4》熄火
在夯劇《冰與火之歌：權力遊戲》飾演「野人托蒙德」的克裡斯多夫則表示自己和家人都在家中自主隔離並向外界呼籲：「你們要非常小心！」他3周前才新加盟演出Netflix影集《獵魔士》第2季結果爆出染疫消息後該劇組停止在倫敦的拍攝並關閉片場清潔消毒同劇演員和工作人員自我隔離14天。
好萊塢除了名人染疫外大片停拍消息更不間斷包含名導詹姆斯卡麥隆（James Cameron）的《阿凡達》系列電影、男神基努李維（Keanu Reeves）的《駭客任務4》、「蜘蛛人」湯姆霍蘭德（Tom Holland）改編電玩遊戲的《秘境探險》都也逃不過無限期停機的命運。
據《紐西蘭先驅報》報導《阿凡達》系列續集已停止原訂4月紐西蘭的拍攝計畫製片強蘭道（Jon Landau）證實團隊已取消飛往威靈頓的計畫。同樣於紐澳地區停拍的劇組還包含《魔戒》影集、梁朝偉的漫威電影《尚氣》、湯姆漢克（Tom Hanks）的《貓王》傳記電影。
《秘境探險》停拍
而因德國疫情加溫而停拍的《駭客任務4》原訂本周到當地準備拍攝不過仍宣佈停拍。此外湯姆霍蘭德主演的《秘境探險》改編暢銷電玩遊戲籌備過程波折不斷導演一口氣換了7次好不容易敲定人選原定下月在柏林開拍沒想道再次面臨停拍窘境。
在全球停拍的電影還有羅伯派汀森（Robert Pattinson）的《蝙蝠俠》、JK羅琳《怪獸與牠們的產地3》、威爾史密斯（Will Smith）的《King Richard》、卡蜜拉（Camila Cabello）的真人版《灰姑娘》等等至於印度寶萊塢則到3月底前停止拍攝。</t>
  </si>
  <si>
    <t>電影拍攝確診隔離包含任務停止表示探險結果接受影集倫敦紐西蘭阿凡達計畫索爾tom雷神</t>
  </si>
  <si>
    <t>好萊塢停拍停止拍攝駭客任務</t>
  </si>
  <si>
    <t>拍攝停止任務好萊塢</t>
  </si>
  <si>
    <t>口罩許可酒精不得災難</t>
  </si>
  <si>
    <t>新冠肺炎疫情持續延燒全台陷入口罩荒醫療用口罩大缺貨外就連濃度75％藥用酒精也難求。高市衛生局12日表示若民眾透過網路在拍賣平臺及臉書或是實體場所等通路未經許可販售恐涉及藥事法最高可罰200萬元</t>
  </si>
  <si>
    <t>口罩持續涉及全台未經許可缺貨通路疫情場所實體濃度酒精平臺拍賣網路</t>
  </si>
  <si>
    <t>新冠肺炎疫情持續延燒全台陷入口罩荒醫療用口罩大缺貨外就連濃度75％藥用酒精也難求。高市衛生局12日表示若民眾透過網路在拍賣平臺及臉書或是實體場所等通路未經許可販售恐涉及藥事法最高可罰200萬元。
藥政科長朱孝芳指出目前尚未查獲不法販售口罩及藥用酒精但提醒民眾「醫用口罩」屬於醫療器材管理而「濃度75％藥用酒精」屬於乙類成藥管理藥商（局）除需有實體通路外還得向當地衛生局申請登記通訊交易通路事項才可於網路販售。
朱孝芳提到百貨店、雜貨店及餐旅服務商則必須經由工商登記載明「乙類成藥零售業」才可以販售乙類成藥民眾不得擅自於網路或其他未經許可場所販售。
高市社會局近日則針對獨居且行動不便身心障礙者及偏遠地區獨居長輩發送關懷口罩計1597人提供每人每7天2片口罩。交通局則與威摩科技（WeMo Scooter）、iRent共用電動機車及夠酷比共用電動自行車等共用運具業者就所屬共用運具每日巡檢時加強車輛、安全帽配件與環境消毒作為。
高市府為服務廣大的新住民朋友也取得衛福部疾管署教導正確戴口罩的影片授權新增越南語、泰語、印尼語、柬埔寨語版本歡迎全國各縣市政府以及中央轉傳下載共同防疫宣導。</t>
  </si>
  <si>
    <t>口罩通路網路民眾乙類成藥共用酒精服務朱孝芳實體醫療獨居濃度場所未經許可管理運具</t>
  </si>
  <si>
    <t>藥用酒精高市成藥武漢肺炎</t>
  </si>
  <si>
    <t>肺炎高市武漢酒精成藥</t>
  </si>
  <si>
    <t>時中重申莫德納不用廣打為主</t>
  </si>
  <si>
    <t>莫德納疫苗涵蓋認為戰略分配重申上有今天陳時中可能最後證實部長衛福打到如願能夠昨天中心指揮</t>
  </si>
  <si>
    <t>莫德納疫苗接種到貨目前時間無法可能現在現階段今天我國後續保護擴大時中加上美國</t>
  </si>
  <si>
    <t>莫德納第一劑第二劑疫苗荒到貨不足</t>
  </si>
  <si>
    <t>不足到貨莫德納疫苗</t>
  </si>
  <si>
    <t>美感口罩設計鄰里學生北科大醫護</t>
  </si>
  <si>
    <t>口罩現在成為每個人的生活必需品但要美觀、實用卻不容易。北科大教務處日前舉辦「創意北科口罩設計比賽」鼓勵學生發揮美感設計抗疫必備的口罩圖樣並將獲選第1名的口罩設計實際量產近日送出6000片給鄰裡及醫</t>
  </si>
  <si>
    <t>口罩設計必需品生活美觀實際實用不容易北科大教務處日前舉辦美感創意必備比賽近日獲選發揮圖樣學生</t>
  </si>
  <si>
    <t>口罩現在成為每個人的生活必需品但要美觀、實用卻不容易。北科大教務處日前舉辦「創意北科口罩設計比賽」鼓勵學生發揮美感設計抗疫必備的口罩圖樣並將獲選第1名的口罩設計實際量產近日送出6000片給鄰裡及醫護人員使用。
獲選第一名的北科大工業設計系創新設計碩士班同學呂俊翰說他設計的口罩以北科大校徽為主題使用藍綠漸層為主色調將校徽的橢圓造型衍伸出炸裂、無限、宇宙等新元素還融入象徵生態校園的烏龜展現想像力與創造力。
北科大將獲選第一名的口罩設計實際量產近日由校長王錫福代表致贈3千片與學校附近的民輝裡、昌隆裡、朱園裡還由教務長楊士萱代表致贈3千片與臺北市立萬芳醫院攜手鄰裡醫護共同對抗疫情。
王錫福指出自新冠肺炎疫情爆發後學校師生與周邊鄰裡一心落實防疫工作共同守護社區。在疫情關鍵時刻校園周邊的民輝裡、昌隆裡、朱園裡持續宣導防疫措施、環境清消一同打造社區安全網絡每一片設計口罩都代表著北科大的一片愛心希望幫助大家順利度過疫情。
為感謝防疫前線的醫護人員北科大也將設計口罩送到臺北市立萬芳醫院由萬芳醫院院長陳作孝代表受贈。楊士萱表示站在第一線照顧確診病患的醫護付出與貢獻有目共睹盼將學生的創意與學校的敬意傳達給醫護人員感謝他們為台灣醫療挺身而出盡心盡力。
萬芳醫院院長陳作孝表示此款兼具設計與活潑配色的口罩為醫護同仁轉換風格並帶來愉快心情也十分肯定北科大呂同學活用設計專長、貢獻一己之力替醫護人員加油打氣的用心。</t>
  </si>
  <si>
    <t>設計口罩北科大代表疫情醫護人員醫護防疫學校鄰里萬芳貢獻校園表示社區使用創意獲選王錫福周邊學生校徽感謝共同致贈臺北市立</t>
  </si>
  <si>
    <t>新冠肺炎台灣口罩北科大鄰裡</t>
  </si>
  <si>
    <t>口罩肺炎臺灣北科大鄰里</t>
  </si>
  <si>
    <t>致死坦言衛生局確診機構不好養護基隆處理</t>
  </si>
  <si>
    <t>基隆市累計301例確診個案、21人死亡其中衛生福利機構群聚案占58人、11人病逝市議員王醒之認為養護機構占比高是另類的高確診率、超高死亡率、超高致死率要求市府檢討對此衛生局表示第一起案例爆發時</t>
  </si>
  <si>
    <t>確診機構表示衛生局對此檢討市府個案死亡比高衛生認為養護福利要求王醒之案例致死死亡率病逝議員</t>
  </si>
  <si>
    <t>基隆市累計301例確診個案、21人死亡其中衛生福利機構群聚案占58人、11人病逝市議員王醒之認為養護機構占比高是另類的高確診率、超高死亡率、超高致死率要求市府檢討對此衛生局表示第一起案例爆發時已請中央給予建議、持續監控並坦言逸嘉養護中心群聚案不好處理。
王醒之表示基隆301例確診其中洗腎、護理之家、養護之家相關確診案共58例占1926％最嚴重的是逸嘉養護中心已有31人染疫他提及逸嘉6月3日爆發第1例到6月12日累計13例卻只實施降載計畫直到端午連假過後6月15日才執行清艙作業移出所有住民住進防疫旅館。
王醒之質疑中間延誤了13天究竟是誤判還是市府找不到集中收治場所他說關鍵不在病毒狡猾或3天執行1次PCR篩檢更不是中央接管指導等而是在養護機構、洗腎中心爆發第1例開始至今不僅高確診率更有超高死亡率、超高致死率的現象要求相關單位檢討。
對此衛生局長吳澤誠回應指出養護機構第一例確診出現時立即請中央防疫醫師給予指導並實施提高防護裝備、落實分艙分流等防疫措施並要求所有洗腎診所和養護機構比照辦理他說逸嘉群聚案相較不好處理感染源來自洗腎診所也只有一個樓層因此只能將住民帶到防疫旅館分流一人一室。
吳澤誠說養護機構群聚案件中仁愛護理之家已解除隔離安泰護理之家則是將紅區住民移到醫院其餘最慢今天解隔離至於逸嘉已有8綠區住民返回中心他進一步提及基隆致死率高具潛在因數死亡年齡平均78歲 CT值19上下代表病逝者處於高度感染期防疫單位也進一步針對13人進行抗體檢測有12人治療後還是無法產生抗體其中多為慢性病患、年齡高者。</t>
  </si>
  <si>
    <t>機構防疫養護確診爆發中央護理執行致死要求</t>
  </si>
  <si>
    <t>養護機構致死率住民群聚新冠肺炎</t>
  </si>
  <si>
    <t>致死機構肺炎養護</t>
  </si>
  <si>
    <t>中心指揮大火呼籲防疫期間林森北路少去</t>
  </si>
  <si>
    <t>臺北市林森北路錢櫃今(26)日發生嚴重火災對此中央流行疫情指揮中心呼籲現在是防疫階段業者一定要做好空間的人流管制年輕朋友這段時間也應盡量減少外出。陳時中則再次提醒若業者無法落實社交距離維持就會</t>
  </si>
  <si>
    <t>業者社交發生嚴重落實火災中央無法流行疫情指揮提醒中心再次呼籲外出儘量減少時間現在陳時中朋友年輕管制</t>
  </si>
  <si>
    <t>臺北市林森北路錢櫃今(26)日發生嚴重火災對此中央流行疫情指揮中心呼籲現在是防疫階段業者一定要做好空間的人流管制年輕朋友這段時間也應盡量減少外出。陳時中則再次提醒若業者無法落實社交距離維持就會「叫他關門」。
指揮中心副指揮官陳宗彥對於今天的林森大火提到消防安檢不是開玩笑地方平常都有做公安檢查大家都很徹底的在做但對於落實面他提醒業者不要只有檢查的時候做好平常也要做好相關疏散撤離的演練與準備。
陳宗彥表示現在防疫期間KTV跟平常營業相比人潮已經有減少人潮是否有從酒店或是舞廳轉移到這裡是兩件事情他指出KTV是年輕人愛去的地方呼籲防疫階段業者要做好空間管理人流部分也請年輕朋友這短時間盡量減少外出。
指揮官陳時中則提醒防疫期間不會有強烈緊縮要業者不能營業但規範維持社交距離和戴口罩不變若規定不能謹守屢次再犯就會叫他關門他也強調這些呼籲和這次火災是兩件事情。</t>
  </si>
  <si>
    <t>業者防疫平常做好呼籲提醒對於地方不能指揮官火災營業ktv指揮中心現在期間檢查落實距離維持社交</t>
  </si>
  <si>
    <t>新冠肺炎武漢肺炎新型冠狀病毒台灣消防</t>
  </si>
  <si>
    <t>疫情理家高峰明年緩和時間神童曝光印度</t>
  </si>
  <si>
    <t>「印度神童」阿南德（Abhigya Anand）日前曾於最新影片中預測下半年因木星行逆行許多國家將面臨第三波疫情至於高峰則落在明（2022）年4月。對此命理專家小孟老師抱持不同看法表示明年的星相是難得大好的星</t>
  </si>
  <si>
    <t>星相anand明年日前表示曾於看法最新不同影片預測下半年老師小孟木星專家abhigya逆行國家對此面臨</t>
  </si>
  <si>
    <t>「印度神童」阿南德（Abhigya Anand）日前曾於最新影片中預測下半年因木星行逆行許多國家將面臨第三波疫情至於高峰則落在明（2022）年4月。對此命理專家小孟老師抱持不同看法表示明年的星相是難得大好的星相且明年2月後就會很順疫情可以控制。
小孟老師於談話性節目《新聞挖挖挖》中指出看星相後發現明年4月的星相是難得的大好星相因為金星、火星、木星及海王星皆落在雙魚座且全部都是順行；反而是今年下半年有7顆行星都逆行因此下半年會很不順。
小孟老師進一步說明年2月過後就會開始一路很順因為星相都是走雙魚座的關係但也因為雙魚座都走水、走海也就是說明年幾乎都是屬於水災、淹水等災害不過疫情方面是可以控制的。
另外針對阿南德曾說不能只單靠疫苗抗疫否則長期下來恐會造成無法彌補的傷害命理師廖美然解讀阿南德可能是認為我們目前僅靠疫苗對抗新冠病毒使身體得到抗體但打疫苗身體產生抗體後卻不清楚是否對人體內產生後遺症才會有此一說。
★《中時新聞網》提醒您：民俗傳說僅供參考請勿過度迷信。
★《中時新聞網》提醒您：因應新冠肺炎疫情疾管署持續加強疫情監測與邊境管制措施 如有疑似症狀請撥打：1922專線或 0800-001922 並依指示配戴口罩儘速就醫同時主動告知醫師旅遊史及接觸史以利及時診斷及通報。</t>
  </si>
  <si>
    <t>疫情明年星相疫苗阿南德老師下半年雙魚木星產生逆行提醒您新聞網控制可以</t>
  </si>
  <si>
    <t>新冠肺炎印度神童阿南德星相預言</t>
  </si>
  <si>
    <t>印度神童阿南德肺炎星相預言</t>
  </si>
  <si>
    <t>肺炎患者中斷癌症療程分之一英國惡化</t>
  </si>
  <si>
    <t>因為新冠肺炎疫情的爆發在英國有三分之一的病患因此而中斷了癌症的療程。甚至有病患因為肺炎疫情取消了掃描、測試、手術、化療或是放射療法對病情有著嚴重的影響。根據英國媒體《每日郵報》報導指出他們追蹤</t>
  </si>
  <si>
    <t>英國疫情肺炎媒體影響嚴重病情爆發放射療法化療測試郵報手術掃描取消分之一癌症中斷甚至報導療程指出追蹤</t>
  </si>
  <si>
    <t>因為新冠肺炎疫情的爆發在英國有三分之一的病患因此而中斷了癌症的療程。甚至有病患因為肺炎疫情取消了掃描、測試、手術、化療或是放射療法對病情有著嚴重的影響。
根據英國媒體《每日郵報》報導指出他們追蹤1900名癌症患者在新冠肺炎流行期間的醫療狀況有三分之一的人說他們的療程有被新冠肺炎疫情影響到而有42%的人表示他們關鍵時間點的測試檢驗因為疫情而取消甚至被醫院遺忘有登記療程。而從今年3月起不少英國醫院取消了癌症的治療他們將重心放在新冠肺炎的患者治療上。有一名罹患四期肺癌與乳腺癌的73歲婦女甚至表示她與她所屬醫生的門診已經延後了兩次。
而英國國民保健署也曾統計今年5月英格蘭的醫生進行了約106535例緊急癌症病例的轉診但在2019年5月確有200599例緊急癌症病例的轉診現在幾乎只有去年的一半。而且現在有5萬5500多人在醫院等待癌症的相關檢查同時有超過200萬人等待乳房、大腸與子宮頸的檢查。
英國癌症研究中心首席執行官米歇爾（Michelle Mitchell）曾表示在新冠肺炎大流行之後NHS已經開始恢復癌症的治療越來越多人被送往醫院檢查。但由於過去累積了許多等待測試與需要治療的患者所以可能需要一點時間來處理。
更多 CTWANT 報導</t>
  </si>
  <si>
    <t>癌症英國肺炎治療表示醫院疫情測試甚至取消檢查患者等待療程醫生時間已經今年影響分之一報導流行需要現在</t>
  </si>
  <si>
    <t>癌症英國新冠肺炎療程治療</t>
  </si>
  <si>
    <t>肺炎療程英國癌症治療</t>
  </si>
  <si>
    <t>上任首長升溫延期疫情受災戶肺炎</t>
  </si>
  <si>
    <t>法務部上月核定新一波檢察首長人事案並呈報行政院法務部原定3月3日或4日舉辦交接典禮但因新冠肺炎疫情持續升溫行政院忙於各項防疫措施相關公文暫時擱置連帶影響10多名檢察首長迄今尚未交接上任新職因</t>
  </si>
  <si>
    <t>首長行政院交接法務部公文尚未連帶暫時相關擱置措施防疫忙於影響升溫迄今疫情持續肺炎呈報人事典禮舉辦原定上任</t>
  </si>
  <si>
    <t>法務部上月核定新一波檢察首長人事案並呈報行政院法務部原定3月3日或4日舉辦交接典禮但因新冠肺炎疫情持續升溫行政院忙於各項防疫措施相關公文暫時擱置連帶影響10多名檢察首長迄今尚未交接上任新職因此有法界人士戲稱就連檢察首長人事也成為這波肺炎疫情「受災戶」。
法務部檢察官人事審議委員會2月21日討論檢察首長人事案其中臺北地檢署檢察長邢泰釗升任台灣高檢署檢察長北檢檢察長則由高雄地檢署檢察長周章欽接任。
這波檢察首長人事案包括高檢署檢察長邢泰釗、臺北地檢署檢察長周章欽、新北地檢署檢察長王文德、桃園地檢署檢察長王俊力、新竹地檢署檢察長郭永發、台中地檢署毛有增、南投地檢署張曉雯、雲林地檢署洪家原、台南地檢署葉淑文、高雄地檢署莊榮松、橋頭地檢署洪信旭、屏東地檢署黃謀信、台東地檢署陳松吉、花蓮地檢署俞秀端、澎湖地檢署李嘉明、金門地檢署張雲綺、連江地檢署張介欽。
另法務部主祕由台中地檢署檢察長陳宏達接任、法務部檢察司長由台南地檢署檢察長林錦村接任、新北地檢署檢察長朱兆民接任台高檢主任檢察官。</t>
  </si>
  <si>
    <t>檢察長首長法務部人事接任高檢行政院疫情肺炎交接台南台中檢察官高雄地周章臺北新北公文相關措施暫時擱置防疫連帶</t>
  </si>
  <si>
    <t>肺炎疫情升溫檢察首長上任延期</t>
  </si>
  <si>
    <t>疫情首長上任升溫肺炎延期</t>
  </si>
  <si>
    <t>全台確診大專院校學生</t>
  </si>
  <si>
    <t>教育部公佈最新學生確診人數從4月20日到6月2日下午5時30分止共有352位學生確診較前一天的342人多10人。這是教育部從5月20日公佈學生確診人數以來單日增加最少的一次。教育部表示352位確診學生中包含大專</t>
  </si>
  <si>
    <t>學生確診教育部人數公佈表示共有增加以來下午最新包含大專</t>
  </si>
  <si>
    <t>教育部公佈最新學生確診人數從4月20日到6月2日下午5時30分止共有352位學生確診較前一天的342人多10人。這是教育部從5月20日公佈學生確診人數以來單日增加最少的一次。
教育部表示352位確診學生中包含大專院校生134人、高中生59人、國中生48人、國小生76人、幼兒園生352人。過去在疫情高峰時學生確診人數曾經單日增加47人這次僅增10人是最少的一次。</t>
  </si>
  <si>
    <t>學生確診人數教育部增加公佈包含疫情共有高峰表示曾經以來過去大專院校下午高中生</t>
  </si>
  <si>
    <t>新冠肺炎台灣學生確診大專院校</t>
  </si>
  <si>
    <t>臺灣學生肺炎確診大專院校</t>
  </si>
  <si>
    <t>共主國民黨中常委催生可能疫情</t>
  </si>
  <si>
    <t>新冠肺炎疫情失控全台陷入恐慌。新北市市長侯友宜率先在12日疫情爆發之初喊出「該封城就封城」當時引發不小爭議但隨後續疫情不斷升溫侯的聲勢也水漲船高。國民黨中常委呂學樟直言最近疫情嚴峻歡迎侯「</t>
  </si>
  <si>
    <t>疫情封城失控全台陷入新北恐慌不小直言最近爭議爆發市長隨後侯友宜率先國民黨中常委水漲船高呂學不斷升溫聲勢</t>
  </si>
  <si>
    <t>新冠肺炎疫情失控全台陷入恐慌。新北市市長侯友宜率先在12日疫情爆發之初喊出「該封城就封城」當時引發不小爭議但隨後續疫情不斷升溫侯的聲勢也水漲船高。國民黨中常委呂學樟直言最近疫情嚴峻歡迎侯「盡量表現」若能在防疫期間表現卓越向藍營與全國人民展現出治理城市甚至「治國」能力2024年總統大選推侯出來也不是壞事。
雙北已提升至第三級警戒若疫情無法降溫國民黨主席選舉是否延期引發關注。呂學樟今日（18）接受香港媒體《中評社》訪問表示：「這是小事。」強調疫情可望讓國民黨主席選舉「更單純」延期與否都是小事民進黨執政處理疫情荒腔走板、不顧人民健康、跟不上國際抗疫腳步這些問題「才大條」。
呂學樟痛批民進黨政府對於疫苗安排、採購與防疫沒有任何積極作法人民只看到民進黨自私自利像是明知自家立委要求機師檢疫放寬造成防疫破口卻也沒有任何道歉；在這個情勢下國民黨主席選舉早已不是民眾關心重點反而是這場疫情讓民眾從侯友宜身上看到「國民黨的希望」侯面對疫情展現出過人的決斷力他也歡迎侯「盡量表現」若表現好將能讓更多人看到治理城市之才甚至是治國的才能。
呂學樟坦言侯友宜基本上不會選黨主席頂多被列入2024年總統熱門人選所以他歡迎侯在疫情期間「盡量表現」如侯真通過疫情考驗2024年總統大選推侯出來「相信也不是壞事」。呂更表示：「為何都是檯面上這些人選呢？」並指出像新北市前市長朱立倫無論選黨主席或總統都並非全無機會但現在就是欠缺舞臺無法好好表現只要有好表現也會有機會；若侯表現不好2024年的參選與角色問題也不會一直被拿來討論。</t>
  </si>
  <si>
    <t>疫情表現主席呂學人民國民黨防疫侯友宜民進選舉歡迎問題無法引發人選沒有展現出機會表示新北</t>
  </si>
  <si>
    <t>疫情新冠肺炎台灣侯友宜新北市</t>
  </si>
  <si>
    <t>臺灣肺炎侯友宜新北疫情</t>
  </si>
  <si>
    <t>歐盟不足發佈過濾口罩警示</t>
  </si>
  <si>
    <t>歐盟24日將4款大陸出口的口罩列為「嚴重」警示產品指出口罩的微粒過濾能力不足無法有效阻擋空氣中的汙染微粒當中一款過濾效率甚至低於50%如果民眾沒有穿戴其他防護裝備只戴上這種口罩的人仍可能染病。歐盟</t>
  </si>
  <si>
    <t>口罩過濾微粒歐盟大陸防護出口穿戴沒有裝備民眾列為低於甚至指出效率空氣有效阻擋中的無法當中污染能力</t>
  </si>
  <si>
    <t>歐盟24日將4款大陸出口的口罩列為「嚴重」警示產品指出口罩的微粒過濾能力不足無法有效阻擋空氣中的汙染微粒當中一款過濾效率甚至低於50%如果民眾沒有穿戴其他防護裝備只戴上這種口罩的人仍可能染病。
歐盟為保障消費者所設立的「非食品產品快速警示系統」（rapid alert system for dangerous non-food products）每週五都會發布報告羅列各成員國當周回報的各國市面上發現的危險產品。根據24日最新報告當中列出了4項大陸出口的口罩明確指出這4款口罩微粒過濾率不足其中一款FFP2等級的口罩過濾效率甚至低於50%其他款KN95、FFP2等級口罩過濾率分別低於86%、76%及75%。
報告指出這些口罩並不符合歐盟個人防護裝備法規（Personal Protective Equipment Regulation）及相關口罩EN 149標準微粒過濾率不足因此可能讓過多微粒、微生物穿過口罩如果沒有其他防護設備將增加感染風險。
報告將這4款口罩的警示級別列為「嚴重」（Serious）警示級別。
大陸新冠肺炎疫情趨緩北京轉而向各國出口口罩及病毒試劑不過這些醫療用品品質屢遭質疑例如比利時先前就抱怨大陸出口的300萬片FFP2等級口罩完全不符合標準荷蘭最近也點名60萬個大陸口罩無法貼緊臉部過濾效率也不足。
針對口罩品質屢遭質疑香港01報導大陸商務部、海關總署、國家市場監督管理總局25日聯合發布公告宣佈將進一步加強醫療口罩出口的品質控管26日起出口的非醫療口罩也應當符合大陸及國外標準。</t>
  </si>
  <si>
    <t>口罩大陸出口報告過濾微粒產品警示防護不足歐盟醫療品質等級效率裝備當中可能ffp沒有無法符合</t>
  </si>
  <si>
    <t>反應韓粉確診真的直接川普</t>
  </si>
  <si>
    <t>美國總統川普剛結束首場總統大選辯論後接連搭機趕場造勢行程不過他的親近幕僚希克斯（Hope Hicks）辯論後與川普搭上同班機經檢測已確診新冠肺炎；目前仍在等待檢測結果的川普也宣佈已開始進行隔離程式。隨後</t>
  </si>
  <si>
    <t>川普辯論開始宣佈結束目前檢測肺炎等待結果行程首場親近確診趕場幕僚總統大選進行接連希克斯</t>
  </si>
  <si>
    <t>美國總統川普剛結束首場總統大選辯論後接連搭機趕場造勢行程不過他的親近幕僚希克斯（Hope Hicks）辯論後與川普搭上同班機經檢測已確診新冠肺炎；目前仍在等待檢測結果的川普也宣佈已開始進行隔離程式。隨後川普在推特上表示他與第一夫人皆已確診。有韓粉聞訊直接回「系厚」二字但也有韓粉認為這可能是川普為選舉所搞的「奧步」。
據《每日郵報》指出根據一名川普政府匿名官員表示剛一同與川普參加9月29日辯論的希克斯隔日仍與川普同搭機赴造勢大會但她已於1日確診為川普身旁傳出確診的所有人士中最接近他的一位。
據美媒《CNBC》報導川普也證實希克斯確診表示自己也剛接受檢測並等待結果。他表示希克斯工作勤奮「並戴上很多次口罩」依舊確診自己與第一夫人也都接受了檢測並等待結果「或者要隔離、或者已確診我們不知道」；隨後他在個人推特上表示自己與第一夫人已開始進行隔離程式。
川普確診消息一出有韓粉直接回「系厚」二字其他韓粉則紛紛表示：「搞不好是操作」、「想用這種方法沒收大選？」「這是奧步嗎？」「有趣又有戲辯論那天口水亂噴拜登也要檢查一下」、「老人確診很危險」、「可惜啊！美國還需要靠瘋川才能加速衰敗」、「還不注重防疫罪有應得！」</t>
  </si>
  <si>
    <t>川普確診辯論表示希克斯夫人結果隔離等待檢測美國隨後</t>
  </si>
  <si>
    <t>川普確診韓粉新冠肺炎拜登</t>
  </si>
  <si>
    <t>韓粉肺炎確診川普拜登</t>
  </si>
  <si>
    <t>較勁德塞習川</t>
  </si>
  <si>
    <t>大陸國家主席習近平首次公開和美國總統川普隔空較勁。川普昨日公開表示世界衛生組織「非常偏袒」大陸還稱「許多人對世衛的做法感到不高興覺得非常不公平」後習近平發了一封公開信給世衛組織祕書長譚德塞稱</t>
  </si>
  <si>
    <t>習近平公開非常大陸川普公開信世衛組織美國總統公平做法感到昨日世衛表示世界衛生組織偏袒秘書長較勁覺得高興</t>
  </si>
  <si>
    <t>大陸國家主席習近平首次公開和美國總統川普隔空較勁。川普昨日公開表示世界衛生組織「非常偏袒」大陸還稱「許多人對世衛的做法感到不高興覺得非常不公平」後習近平發了一封公開信給世衛組織祕書長譚德塞稱讚他積極推動抗擊疫情國際合作得到國際社會廣泛認可將繼續堅定支持譚德塞和世界衛生組織在國際抗疫合作中發揮積極領導作用。
川普昨天在回覆佛州參議員魯比奧的提問時表示在新冠肺炎引起的危機上世衛組織非常偏袒大陸。「我認為一定很多人談論非常不公平我認為很多人覺得非常不公平」。美國國會議員斯特比Greg Steube甚至表示「一旦全球疫情得到控制世衛和中國要面對後果」。而日本副首相麻生太郎昨日也補刀表示WHO應改名叫「中國衛生組織」。
加拿大人伊普（Osuka Yip）在網路上發起連署要譚德塞下臺目前已超過50萬人簽署反譚（彈）者希望能盡快達到100萬人的支持。
北京和華盛頓在此之前早就進行了好幾輪角力。先是雙方外交系統發言人互相叫陣最近則集中在稱新冠病毒是「中國病毒」上在川普髮夾彎重新稱新冠病毒後雙方在國際上的較量並未停息。
美國國務卿蓬佩奧表示7大工業國集團（G7）成員國一致反對大陸藉疫情從事「假消息」活動。G7外長因應新型肺炎疫情舉行視訊會議但會後卻未發表聯合聲明。美國媒體披露國務卿蓬佩奧堅持於聯合聲明中加入「武漢病毒」（Wuhan Virus）一詞結果遭到其他七國集團成員拒絕。
不止在G7發難美國國家廣播公司也報導美國聯合國官員在安理會討論國際社會如何共同防疫時美方提出安理會應該要以文字形式表明新冠肺炎源自武漢並且希望列出在當地傳播的確切時間。大陸駐聯合國代表當場被激怒要求在聲明中放入大陸防控疫情為世界贏得了時間的文字最後因各有堅持陷入僵局。
值得重視的是國務院在日前發布聲明時特別提到了台灣而《臺北法案》3月12日獲得國會通過送交川普簽署。但川普一直並未簽署。一般預料川普如果在最後一刻高調簽署法案就代表有意向北京下馬威。而如果是不簽署而讓法案自動生效則顯示川普有意低調處理。</t>
  </si>
  <si>
    <t>川普大陸表示疫情國際美國聲明簽署非常中國法案德塞肺炎病毒雙方支援希望</t>
  </si>
  <si>
    <t>大陸川普肺炎病毒德塞</t>
  </si>
  <si>
    <t>大陸肺炎川普德塞病毒</t>
  </si>
  <si>
    <t>自生自滅放生發燒咒駡女兒英國政府</t>
  </si>
  <si>
    <t>新冠肺炎疫情仍持續擴大英國近日出現24小時內因肺炎過世人數超過百人26日死亡人數共115人。影后鮑起靜最近到當地探望女兒發現女兒發燒醫院卻以「非緊密接觸者」為由拒絕讓她入院讓鮑起靜心疼開罵。70歲</t>
  </si>
  <si>
    <t>肺炎鮑起靜人數女兒接觸緊密持續英國擴大最近近日出現內因過世小時入院為由拒絕疫情醫院發燒</t>
  </si>
  <si>
    <t>新冠肺炎疫情仍持續擴大英國近日出現24小時內因肺炎過世人數超過百人26日死亡人數共115人。影后鮑起靜最近到當地探望女兒發現女兒發燒醫院卻以「非緊密接觸者」為由拒絕讓她入院讓鮑起靜心疼開罵。
70歲的鮑起靜被封為亞視之母其父是已故資深男星鮑方弟弟鮑德熹還得過奧斯卡金像獎最佳攝影獎近年鮑起靜曾演出電影《麥路人》。據香港媒體報導她2月中拍完網劇《女法醫JD》後便飛往英國探視女兒抵達英國後便居家隔離14日期間愛女卻因生病發燒不退。
報導指出鮑起靜女兒發燒了一個多月但醫院拒收稱她並非「緊密接觸者」就打發回家休養幸好最後順利退燒但鮑起靜仍相當火大在臉書上咒罵英國政府：「那麽多人崇拜的大英帝國！請你不要這麼廢啦！到一個點了！救救你的人民！」有人關心發生什麼事鮑起靜再回：「要你自生自滅呀！搞什麼X政府！」</t>
  </si>
  <si>
    <t>鮑起靜女兒英國發燒肺炎報導接觸緊密醫院人數已故鮑方弟弟鮑德</t>
  </si>
  <si>
    <t>鮑起靜女兒發燒英國自生自滅</t>
  </si>
  <si>
    <t>女兒發燒英國自生自滅鮑起靜</t>
  </si>
  <si>
    <t>肺炎疫區護目鏡物資捐贈西班牙楊冪</t>
  </si>
  <si>
    <t>新冠肺炎疫情延燒不少演藝圈名人紛紛對國內外疫區伸出援手包括大陸知名女星楊冪等人於26日向西班牙馬德里、巴賽隆納捐贈醫療物資包括10台PAPR正壓式頭罩、500件VG防護服及500個護目鏡等今由北京中轉深圳送往</t>
  </si>
  <si>
    <t>包括護目鏡演藝圈防護名人vg紛紛國內外北京疫情疫區伸出正壓援手papr西班牙巴賽馬德里大陸物資</t>
  </si>
  <si>
    <t>新冠肺炎疫情延燒不少演藝圈名人紛紛對國內外疫區伸出援手包括大陸知名女星楊冪等人於26日向西班牙馬德里、巴賽隆納捐贈醫療物資包括10台PAPR正壓式頭罩、500件VG防護服及500個護目鏡等今由北京中轉深圳送往當地兩家收治重症最多的醫院愛心不落人後。
楊冪近期常在微博發文為第一線醫療人員打氣她看得出相當關心疫情據陸媒報導這次已經是楊冪的第六度捐贈物資在疫情爆發後她也曾以個人名義透過壹基金捐款20萬（人民幣下同）也與《謝謝你醫生》劇組一起捐款10萬元至韓紅基金會此外又聯合公司名義捐贈10萬個口罩、990件防護服以及消毒水15箱至疫區。
更多 CTWANT 報導</t>
  </si>
  <si>
    <t>楊冪疫情捐贈醫療包括名義疫區捐款防護物資報導收治當地重症送往深圳演藝圈紛紛中轉醫院名人愛心北京不落人後國內外</t>
  </si>
  <si>
    <t>楊冪疫區捐贈物資護目鏡捐贈</t>
  </si>
  <si>
    <t>護目鏡物資楊冪捐贈疫區</t>
  </si>
  <si>
    <t>校園隔板免用不敢用餐大意</t>
  </si>
  <si>
    <t>昨（5日）起至10月18日餐飲業室內用餐免用隔板高中以下校園學校防疫指引也免用隔板不過部分便利超商、部分校園及幼兒園為確保無違規靜候公文通知中。雲林縣一家便利超商的桌子5日深夜仍放著透明隔板店員說等</t>
  </si>
  <si>
    <t>隔板校園免用便利部分用餐深夜通知公文靜候違規桌子林縣一家確保高中幼稚園以下防疫學校指引</t>
  </si>
  <si>
    <t>昨（5日）起至10月18日餐飲業室內用餐免用隔板高中以下校園學校防疫指引也免用隔板不過部分便利超商、部分校園及幼兒園為確保無違規靜候公文通知中。
雲林縣一家便利超商的桌子5日深夜仍放著透明隔板店員說等店長獲得確定的通知才會取下。
鬥南鎮幼兒園也還不敢放鬆翁姓園長說尚未接到正式公文仍謹慎為之先前使不使用隔板家長有不同看法有些支持、有些不支持等到教育部的新指引下來再取消隔板。
園長表示使用隔板用餐以來用餐準備時間延長有些小小朋友因為看不到其他小朋友吃的速度時間管理會疏忽。
雲林縣政府教育處表示5日接獲教育部高中以下防疫新指引的公文已經轉知各校應該今天（6日）都會收到。</t>
  </si>
  <si>
    <t>隔板公文指引通知用餐幼稚園時間校園園長林縣表示免用教育部高中使用便利防疫以下部分應該</t>
  </si>
  <si>
    <t>新冠肺炎台灣隔板免用校園</t>
  </si>
  <si>
    <t>臺灣隔板肺炎免用校園</t>
  </si>
  <si>
    <t>男高音多明哥</t>
  </si>
  <si>
    <t>來自西班牙的世界知名男高音多明哥（Placido Domingo）驚爆確診新冠肺炎高齡79歲的他尚未退休每次演出場場爆滿。他23日在臉書發文表示自己先前有發燒和咳嗽等症狀經新冠肺炎篩檢呈陽性反應「目前我和家人自</t>
  </si>
  <si>
    <t>肺炎男高音多明哥placidodomingo經新冠確診症狀知名咳嗽先前發燒表示發文爆滿高齡尚未退休演出</t>
  </si>
  <si>
    <t>來自西班牙的世界知名男高音多明哥（Placido Domingo）驚爆確診新冠肺炎高齡79歲的他尚未退休每次演出場場爆滿。他23日在臉書發文表示自己先前有發燒和咳嗽等症狀經新冠肺炎篩檢呈陽性反應「目前我和家人自我隔離要隔離多久則依病情而定現在狀態一切無虞。」
多明哥並無多加透露是在何時、何處染疫但呼籲民眾需要保持高度戒備。多明哥演唱生涯60餘年唱功一流曾出過100多張專輯、4000多場演出演唱的角色多達150位曾在2002年與台語天后江蕙合唱《雨夜花》在歌劇界地位舉足輕重但去年8月驚爆性騷醜聞重創形象。
無獨有偶的是日前因性侵等罪被判刑的67歲好萊塢知名監製哈維韋斯坦（Harvey Weinstein）也傳確診。正在獄中服刑的他健康狀態本來就不太好23日被多家外媒爆料據知情人士向《華盛頓郵報》透露哈維韋斯坦上周移轉至監獄之前早已在醫院開刀時感染新冠肺炎。對此《綜藝報》則披露哈維韋斯坦的經紀人、律師的回應表示目前沒有接收到相關消息更無法證實消息並相信他入獄以來保持隔離狀態。</t>
  </si>
  <si>
    <t>哈威韋斯坦多明哥肺炎狀態演唱表示演出透露知名確診目前隔離保持消息合唱江蕙台語天男高音</t>
  </si>
  <si>
    <t>狀態哈維多明哥肺炎透露</t>
  </si>
  <si>
    <t>肺炎狀態哈威多明哥透露</t>
  </si>
  <si>
    <t>病例杭州確診</t>
  </si>
  <si>
    <t>浙江省衛生健康委今天表示3月15日0-24時浙江省無新增新冠肺炎確診病例新增出院病例2例皆為杭州市確診病例。至此杭州除14日通報的1例境外輸入性病例外本地的181名確診病例已全部治癒出院。資料顯示截至3</t>
  </si>
  <si>
    <t>病例確診浙江省治癒今天表示例外性病境外通報至此輸入杭州資料肺炎新增出院</t>
  </si>
  <si>
    <t>浙江省衛生健康委今天表示3月15日0-24時浙江省無新增新冠肺炎確診病例新增出院病例2例皆為杭州市確診病例。至此杭州除14日通報的1例境外輸入性病例外本地的181名確診病例已全部治癒出院。
資料顯示截至3月15日24時浙江省累計報告新冠肺炎確診病例1231例(其中境外輸入病例14例)現有重症病例1例(其中危重1例)累計死亡1例累計出院1213例。
確診病例中杭州市182例(其中境外輸入病例1例)、寧波市157例、溫州市504例、湖州市12例(其中境外輸入病例2例)、嘉興市45例、紹興市42例、金華市55例、衢州市14例、舟山市10例、台州市146例、麗水市28例(其中境外輸入病例11例)、浙江省十裡豐監獄36例；重症病例中嘉興市1例；死亡病例中溫州市1例；出院病例中杭州市181例、寧波市157例、溫州市501例、湖州市10例、嘉興市44例、紹興市41例、金華市55例、衢州市14例、舟山市10例、台州市146例、麗水市18例、浙江省十裡豐監獄36例。
目前該省共追蹤到密切接觸者42954人當日解除醫學觀察79人尚有991人正在接受醫學觀察。
除杭州外浙江的寧波、湖州、金華、衢州、舟山、台州、麗水等7市此前均已實現本地確診病例「清零」。
新冠肺炎清零杭州浙江春茶輸入病例確診病例寧波湖州金華衢州舟山台州麗水大陸</t>
  </si>
  <si>
    <t>病例確診浙江省輸入杭州境外肺炎浙江累計醫學觀察杭州市寧波嘉興市衢州金華監獄湖州台州麗水舟山</t>
  </si>
  <si>
    <t>杭州新冠肺炎武漢肺炎 COVID-19 台灣</t>
  </si>
  <si>
    <t>肺炎武漢covid-杭州臺灣</t>
  </si>
  <si>
    <t>確診傳染肺炎印尼</t>
  </si>
  <si>
    <t>全球受新冠肺炎疫情影響印尼宣稱的境內零確診神話破功印尼總統佐科威（Joko Widodo）今（2）日宣佈境內出現2起新冠肺炎確診病例。路透社報導印尼總統佐科威今日宣佈印尼出現2例新冠肺炎確診病例這是這個</t>
  </si>
  <si>
    <t>印尼肺炎確診境內宣佈總統科威出現病例疫情宣稱widodojoko影響路透社報導神話今日全球</t>
  </si>
  <si>
    <t>全球受新冠肺炎疫情影響印尼宣稱的境內零確診神話破功印尼總統佐科威（Joko Widodo）今（2）日宣佈境內出現2起新冠肺炎確診病例。
路透社報導印尼總統佐科威今日宣佈印尼出現2例新冠肺炎確診病例這是這個全球第四大人口國首度傳出疫情。
佐科威表示確診的是一名64歲婦女以及她的31歲女兒當局相信母女倆的感染源來自於一名居住在馬來西亞的日本人這名日本遊客先前曾到印尼旅遊返回馬來西亞後確診感染新冠肺炎。
衛生部長普蘭多（Terawan Agus Putranto）表示日本訪客是母女倆家人的朋友旅遊印尼期間曾到她們家拜訪。有關當局目前已經追查日本訪客在印尼期間曾基接觸的人。
目前母女倆正在首都雅加達的蘇裡安提沙洛索醫院（Sulianti Saroso Hospital）進行治療。
印尼一共有超過26億人口。</t>
  </si>
  <si>
    <t>印尼確診母女倆日本肺炎科威目前感染當局境內疫情馬來西亞期間表示宣佈總統人口旅遊出現病例全球</t>
  </si>
  <si>
    <t>傳播餐廳侯友宜開放電影院新北直播謹慎</t>
  </si>
  <si>
    <t>政府昨宣佈713微解封今天（9日）新增36例COVID-19確定病例分別為32例本土及4例境外移入；其中臺北市19例最多其次為新北市11例、桃園市2例；新北市確診從昨日的+5到今日又跳回雙位數的+11是否代表疫情並未</t>
  </si>
  <si>
    <t>新北雙位解封今天新增今日昨日是否本土covid-確定臺北市確診代表宣佈分別境外病例疫情</t>
  </si>
  <si>
    <t>政府昨宣佈713微解封今天（9日）新增36例COVID-19確定病例分別為32例本土及4例境外移入；其中臺北市19例最多其次為新北市11例、桃園市2例；新北市確診從昨日的+5到今日又跳回雙位數的+11是否代表疫情並未停歇？市長侯友宜記者會發表最新說明。
昨日中央宣佈13日起開放餐廳、百貨公司美食街可依指引內用此外包括電影院、表演場館、國家風景區、遊樂園、駕訓班、健身房等也適度鬆綁；但新北市長侯友宜上午卻宣佈餐廳持續禁止內用其他只要影響到疫情的場所新北市都會嚴肅面對一律採取不開放為原則。
針對詳細管制措施侯友宜記者會上表示新北今日新增11例有關臺北的確診者大多感然源來自北農、環南市場和職場至於新北市3名確診者中有2例軌跡仍在釐清。
另侯友宜提到新北市社區篩檢從5月開始就不停歇連續好幾日篩檢出的陽性患者數量約0-3人相信只要雙北持續擴大篩檢量疫情定能越來越穩定。
又針對「微解封」議題侯友宜分析中央指引後認為該政策對地方政府和業者來說執行面都相當困難因此新北市決定一致性處理避免社區感染再出現隱形傳播鏈或破口加上北農、環南目前每日都有新增個案新北還是得謹慎面對放寬政策加上疫苗還是不夠就全台來看新北依舊屬於台灣疫情重災區絕不能掉以輕心不能冒進所以接下來新北市會將三級警戒當作原則放寬視為例外場館持續關閉包括圖書館、電影院、藝文中心、學校操場、國民運動中心與公有運動場館會持續關閉當初最先關閉的會最後開放公有場館原則都不開放局部要開放的部分也是很小部分博物館、藝文園區室內不開放戶外容留人數降載40％景區實施人流降載未來視疫情做滾動式檢討與調整。
侯友宜也提到雙北都是疫情重災區重災區採取策略跟方式當然會跟其他縣市不一樣新北還是以警戒三級為原則開放才是例外會更嚴謹落實防疫步步為營。
另侯友宜強調所有作為會轉知給臺北市知道希望兩市還是以區域聯防、防疫為最主要的優先大家同心齊力把防疫作好才是現階段最重要的方向。
★《中時新聞網》提醒您：
因應新冠肺炎疫情疾管署持續加強疫情監測與邊境管制措施
如有疑似症狀請撥打：1922專線或 0800-001922
並依指示配戴口罩儘速就醫同時主動告知醫師旅遊史及接觸史以利及時診斷及通報。</t>
  </si>
  <si>
    <t>新北疫情侯友宜開放持續場館原則防疫宣佈確診加上指引社區北農</t>
  </si>
  <si>
    <t>新冠肺炎台灣新型冠狀病毒NCP台灣</t>
  </si>
  <si>
    <t>冠狀肺炎臺灣病毒ncp</t>
  </si>
  <si>
    <t>宣佈不收院方冠輕確診員工患者台大醫院</t>
  </si>
  <si>
    <t>國內龍頭台大醫院員工確診！台大今早發出聲明指工務室一名員工於5月18日出現發燒症狀傍晚採檢陽性已通知全辦公室接受採檢並進行環境採檢及清潔消毒。目前共36人採檢完畢、全數隔離其中10人確診；據悉有人</t>
  </si>
  <si>
    <t>員工確診台大今聲明發出清潔接受出現辦公室陽性發燒傍晚症狀全數隔離消毒完畢通知</t>
  </si>
  <si>
    <t>國內龍頭台大醫院員工確診！台大今早發出聲明指工務室一名員工於5月18日出現發燒症狀傍晚採檢陽性已通知全辦公室接受採檢並進行環境採檢及清潔消毒。目前共36人採檢完畢、全數隔離其中10人確診；據悉有人有萬華地區足跡但仍需進行疫調。
台大副院長、發言人王亭貴召開記者會表示台大任何人只要有疑似症狀如發燒、腹瀉等都會被要求採檢採檢陰性才能上班。密切接觸者就算沒有陽性也要隔離14天。
由於確診事件爆發王亭貴希望有症狀者儘量別來台大「因為我們可能沒有這樣的量能急診現在可以處理的是比較急的新冠肺炎重症台大責無旁貸。輕症的話台大已和衛生局協調希望改到其他醫院。」
王亭貴再三強調住院病人確診才是院內感染這是員工從外面染疫並不符合院內感染定義。他說臺北市有很多潛在的社區感染行政人員、醫療人員在外都有可能染疫。
台大即起48小時內8000多名員工分批快篩由於醫療人員採輪班制到院上班前一律先篩檢陰性才准上班。初步環境採檢有3個地方陽性集中東址地下3樓的工務室辦公室研判病人傳染給工務室員工的機會不大。
台大表示即日起停止（延後）非緊急住院、手術／門診手術、檢查、治療、健康檢查（含老人健檢）等服務；已預約接種自費COVID-19疫苗民眾強烈建議延後。所有預約後續均可憑預約單來電改期。
另即日起也不收新病人入院同時進行門診降載非緊急病人延期就診。全院員工普篩直至確認所有環境採檢均為陰性。
台大強調衝擊醫療量能實屬不得已也請大眾容許讓院方有時間處理確保後續能有個安全的環境為台灣人民服務。</t>
  </si>
  <si>
    <t>員工確診台大環境病人進行醫療症狀陽性預約上班感染陰性希望強調辦公室</t>
  </si>
  <si>
    <t>新冠肺炎台灣台大醫院</t>
  </si>
  <si>
    <t>臺灣肺炎台大醫院</t>
  </si>
  <si>
    <t>疫苗互毆小三椅子丈夫大亂鬥</t>
  </si>
  <si>
    <t>隨著新冠肺炎疫情持續爆發各國政府不斷督促民眾前往接種站施打疫苗但沒想到卻也因此造成家庭糾紛。菲律賓一名女子日前原本想找丈夫陪她去接種疫苗但丈夫卻以忙碌婉拒沒想到女子前往接種站時卻看到老公與小</t>
  </si>
  <si>
    <t>接種女子前往疫苗想到丈夫肺炎疫情持續爆發政府不斷督促民眾原本菲律賓日前糾紛家庭造成施打</t>
  </si>
  <si>
    <t>隨著新冠肺炎疫情持續爆發各國政府不斷督促民眾前往接種站施打疫苗但沒想到卻也因此造成家庭糾紛。菲律賓一名女子日前原本想找丈夫陪她去接種疫苗但丈夫卻以忙碌婉拒沒想到女子前往接種站時卻看到老公與小三一同現身讓她氣得衝上前狂毆對方。
根據大陸媒體《中國報》的報導來自菲律賓的一名女子在當地預約到疫苗後便要求丈夫陪她去接種站但丈夫卻以「自己很忙」拒絕了她女子只好找姊妹陪同接種疫苗沒想到當她們一到接種站卻看到自己丈夫溫柔的陪伴在另一名陌生女子身旁等待接種。
只見該名女子穿著一件黑色短袖上衣嬌弱的靠在丈夫身上一看就感覺是小三讓正宮氣得立即放下手中的包包與姊妹衝上前質問兩人的關係丈夫看到妻子衝來竟直接擋在小三面前保護對方還用雙手將妻子與她的姊妹向後推接著雙方爆發激烈的拉扯。
不過疑似是小三的女子也不是省油的燈竟直接拿起疫苗接種站讓民眾休息的椅子就朝正宮砸去姊妹們撞見立即衝上前準備暴打小三卻被女子的丈夫阻攔甚至將她們推倒在地之後4人便扭打成一團上演大亂鬥使現場一片混亂相當失控直到警方到場才結束這場鬧劇。不過接種站也因此被迫暫停了15分鐘讓現場等待的民眾相當無奈。</t>
  </si>
  <si>
    <t>女子丈夫接種姊妹疫苗小三民眾看到爆發對方現場妻子菲律賓立即</t>
  </si>
  <si>
    <t>抓姦小三夫妻正宮疫苗</t>
  </si>
  <si>
    <t>夫妻小三疫苗</t>
  </si>
  <si>
    <t>人潮紐約大街出現看到</t>
  </si>
  <si>
    <t>清明連假不少景點湧現人潮逼得中央疫情中心發出國家級警報提醒民眾不要前往。抗疫前線的醫師們看到景點人山人海整個心到沉了放假前再三宣導全破功了中山醫大兒童急診科主任謝宗學不死心日前再po一張警悚</t>
  </si>
  <si>
    <t>景點日前不死心宗學主任人潮急診科兒童逼得醫大疫情中山中央中心全破功發出宣導警報提醒再三民眾不要前往放假</t>
  </si>
  <si>
    <t>清明連假不少景點湧現人潮逼得中央疫情中心發出國家級警報提醒民眾不要前往。抗疫前線的醫師們看到景點人山人海整個心到沉了放假前再三宣導全破功了中山醫大兒童急診科主任謝宗學不死心日前再po一張警悚圖示警對比紐約市跟墾丁大街他提醒國人如今紐約到處可見大型冷藏卡車搬運屍體宛若死城。
謝宗學日前在個人粉絲專頁「DrE小兒急診室日誌」上發文提到社交安全距離規定室外一公尺除非戴緊口罩事實上還是有不少人沒戴口罩因為要邊走邊吃。
他po圖示警國人一個月前紐約市跟墾丁大街一樣熱鬧甚至猶有過之一個月後紐約市變了到處可見大型冷藏卡車搬運滿滿的屍體宛若死城一般。
謝宗學說未來看診問旅遊史時一定會問清明連假有沒有出遊？有沒有到人潮擁擠的景點？作為診斷參考的依據。
他也感嘆連假前努力宣導連假不要出遊看來真的無法影響太多人是不是只有紐約慘況發現生在周遭才能醒悟現在出遊是多麼高風險的事？看到照片他心中只浮現一句最討厭的句子：「天佑台灣！」</t>
  </si>
  <si>
    <t>出遊景點紐約市看到提醒紐約人潮日前宗學宣導po國人大街圖示死城口罩到處宛若</t>
  </si>
  <si>
    <t>新冠肺炎武漢肺炎新型冠狀病毒全球台灣</t>
  </si>
  <si>
    <t>肺炎武漢冠狀全球病毒臺灣</t>
  </si>
  <si>
    <t>要求醫院分流侯友宜感染管控院內進出人數</t>
  </si>
  <si>
    <t>台灣北部某醫院爆出院內感染新北市長侯友宜2日回應新北醫院早已分倉分流做好院內感染必要措施之前已要求發燒篩檢站設於戶外做好超前部屬防護做到位。侯友宜表示已要求醫院嚴格管制或限制人數市府也</t>
  </si>
  <si>
    <t>醫院做好要求院內感染侯友宜新北管制嚴格戶外設於超前部屬防護限制發燒到位表示早已之前分流必要措施爆出人數</t>
  </si>
  <si>
    <t>台灣北部某醫院爆出院內感染新北市長侯友宜2日回應新北醫院早已分倉分流做好院內感染必要措施之前已要求發燒篩檢站設於戶外做好超前部屬防護做到位。
侯友宜表示已要求醫院嚴格管制或限制人數市府也不斷給醫院醫護配備等更多資源讓醫護人員在第一線打仗能夠毫無後顧之憂新北市府每天與十七家急救責任醫院保持密切聯繫掌握所有狀況。</t>
  </si>
  <si>
    <t>醫院新北做好市府院內要求感染侯友宜保持醫護人員第一線責任打仗資源配備急救能夠毫無後顧之憂醫護不斷戶外設於超前密切</t>
  </si>
  <si>
    <t>新冠肺炎COVID-19新型冠狀病毒武漢肺炎侯友宜</t>
  </si>
  <si>
    <t>冠狀肺炎病毒covid-武漢侯友宜</t>
  </si>
  <si>
    <t>內幕生活海軍可以艦長不能退役</t>
  </si>
  <si>
    <t>海軍敦睦艦隊磐石艦爆發多人感染新冠肺炎目前已累計27例確診防疫過程引起外界爭議對此前海軍艦長呂禮詩也在節目揭密國軍在船上的生活。呂禮詩在《新聞挖挖哇》透露一般海軍的伙食經費比陸軍好主持人鄭</t>
  </si>
  <si>
    <t>海軍呂禮詩經費伙食爆發感染肺炎目前累計船上確診防疫過程節目引起外界爭議艦長陸軍對此一般</t>
  </si>
  <si>
    <t>海軍敦睦艦隊磐石艦爆發多人感染新冠肺炎目前已累計27例確診防疫過程引起外界爭議對此前海軍艦長呂禮詩也在節目揭密國軍在船上的生活。
呂禮詩在《新聞挖挖哇》透露一般海軍的伙食經費比陸軍好主持人鄭弘儀也好奇問「在軍艦上可以釣魚嗎？」這也讓呂禮詩有些尷尬但他坦言有時可以最新鮮釣上來時直接做生魚片剩下再做魚排不過他的艦隊很少釣魚。
不過他知道因為美軍航行時間通常更長所以在沒有敵情下是開放的還可在甲板上烤肉、跳下水游泳等呂禮詩坦言：「不過一般我們中華民國海軍這些都是可以做、不能說的。」
鄭弘儀也問到艦長會不會管到艦上官兵的健康狀況？呂禮詩表示當然會艦長是從上到下都管但一個人一定沒辦法還是要靠各幹部的團隊共同合作每天會有3次匯報而船上其實很狹窄加上要操演防疫措施其實很難實施但他也認為資料要確實公開不要隱匿。
呂禮詩也說官兵的輪班分3班制若有靠港休假的人可以出去走走吃想吃的東西加上現在港口都有便利商店所以晚上偷下去買東西也不無可能事實證明在放行下船前就有人偷跑到過超商買東西。</t>
  </si>
  <si>
    <t>呂禮詩可以海軍艦長東西防疫釣魚船上加上坦言鄭弘儀艦隊一般其實</t>
  </si>
  <si>
    <t>敦睦艦隊磐石艦呂禮詩艦長海軍</t>
  </si>
  <si>
    <t>呂禮詩磐石艦長艦隊敦睦海軍</t>
  </si>
  <si>
    <t>列車高鐵多空嚇壞臺灣人</t>
  </si>
  <si>
    <t>台灣本土疫情大爆發截至24日上午本島只剩下台東沒有確診個案其餘縣市均淪陷雙北更先後破千例成了重災區。疫情指揮中心宣佈全國升級三級警戒後民眾非必要幾乎都不出門。有網友提供高鐵列車上最新照片整</t>
  </si>
  <si>
    <t>疫情高鐵提供網友出門爆發截至幾乎上午非必要本島列車民眾剩下台東沒有警戒確診個案升級</t>
  </si>
  <si>
    <t>台灣本土疫情大爆發截至24日上午本島只剩下台東沒有確診個案其餘縣市均淪陷雙北更先後破千例成了重災區。疫情指揮中心宣佈全國升級三級警戒後民眾非必要幾乎都不出門。有網友提供高鐵列車上最新照片整節車廂空蕩蕩一片僅零星數名乘客一列車載不到100人高鐵通車14年以來現在遭遇的狀況最嚴峻！
「去年疫情爆發的時候也沒有這麼誇張」一名讀者向《中時新聞網》表示他因工作需求必須搭高鐵南來北往已盡量避開人潮「沒想到其實不需要避因為根本沒什麼人。」
全國進入三級警戒後包括蔡英文總統、防疫指揮官陳時中、臺北市長柯文哲等人都呼籲民眾盡量待在家裡尤其週末更不要出門。民眾配合度高許多熱門景點都成了空城路上一個人都沒有。
高鐵一列12節車廂、座位數約990個。有員工私下表示雖然一列車載不滿100人運輸效率超低但看到台灣人「自主封城」確實覺得很驕傲希望疫情盡快過去恢復正常生活。
台灣高鐵宣佈受疫情影響運量銳減經審慎評估自5月21日至6月10日實施短期班表原本一周有1016班次減至845班次。</t>
  </si>
  <si>
    <t>疫情高鐵沒有民眾列車表示爆發儘量出門宣佈警戒全國臺灣原本淪陷雙北更先後</t>
  </si>
  <si>
    <t>新冠肺炎台灣高鐵空車</t>
  </si>
  <si>
    <t>高鐵臺灣肺炎空車</t>
  </si>
  <si>
    <t>確診張上淳天才召回發病室友原因</t>
  </si>
  <si>
    <t>今天新增的本土病例案386為20多歲男性是案195的同住室友。案195於3月5日到3月19日在美國與案137、145同行3月20出現咳嗽喉嚨痛當時因為居家檢疫於3月21日通報。其同住友人案386在今天確診是在女室友發病後2</t>
  </si>
  <si>
    <t>今天 新增 的 本土 病例 案 386 為 20 多 歲 男性 是 案 195 的 同 住 室友 案 195 於 3 月 5 日 到 3 月 19 日 在 美國 與 案 137145 同行 3 月 20 出現 咳嗽 喉嚨 痛 當時 因為 居家 檢疫 於 3 月 21 日 通報 其 同 住 友人 案 386 在 今天 確診 是 在 女 室友 發病 後 2</t>
  </si>
  <si>
    <t>今天室友確診咳嗽同行出現喉嚨當時居家檢疫友人通報男性本土病例美國發病新增</t>
  </si>
  <si>
    <t>今天新增的本土病例案386為20多歲男性是案195的同住室友。案195於3月5日到3月19日在美國與案137、145同行3月20出現咳嗽喉嚨痛當時因為居家檢疫於3月21日通報。其同住友人案386在今天確診是在女室友發病後23天才確診。
指揮中心專家小組召集人張上淳表示案386被列為案195的居家隔離對象是因為解除居家隔離時有說自己出現過敏症狀因此之後擴大採檢時將他召回篩檢並確診。
張上淳說過敏有很多種最常見就是鼻子流鼻水鼻塞等症狀一般人過敏如果本來有或是偶而有不用特別擔心可是如果和確診個案有接觸史居家檢疫和確診個案有接觸去醫院就要把接觸狀況跟醫師報告說明由醫師來判斷是是否採檢。
至於這名男性過去去的地方有掌握嗎？陳時中說有再去掌握相關行蹤因為是居家隔離行蹤都很保守因為有去上班所以有針對同事匡列相關。至於何時傳染等於195案例居家檢疫時被感染到的。
莊人祥表示案例195在19日回來是時沒有症狀到21日才住院她與案386有兩小時聊天吃飯沒辦法戴口罩可能那段時間受到感染。</t>
  </si>
  <si>
    <t>居家確診症狀過敏檢疫接觸出現至於男性張上淳表示相關隔離案例感染今天醫師</t>
  </si>
  <si>
    <t>953月居家檢疫女室友發病</t>
  </si>
  <si>
    <t>953 月 居家 檢疫 女 室友 發病</t>
  </si>
  <si>
    <t>居家室友發病檢疫</t>
  </si>
  <si>
    <t>提高免疫力養分喜歡腸道</t>
  </si>
  <si>
    <t>新冠肺炎疫情肆虐提升免疫力是保護自己與家人的第一道防線。腸道是人體最大的免疫器官也是影響荷爾蒙的關鍵。透過飲食來改善腸道過勞、腸漏的症狀讓身體機能回復正常運作就能有效瘦身更能變得身強體壯強</t>
  </si>
  <si>
    <t>腸道肆虐提升運作免疫力正常回復機能身體症狀人體疫情器官影響改善荷爾蒙關鍵</t>
  </si>
  <si>
    <t>新冠肺炎疫情肆虐提升免疫力是保護自己與家人的第一道防線。腸道是人體最大的免疫器官也是影響荷爾蒙的關鍵。透過飲食來改善腸道過勞、腸漏的症狀讓身體機能回復正常運作就能有效瘦身更能變得身強體壯強化身體免疫力。
●精選6種提高免疫力的食材：
1大蒜
大蒜中富含菊糖(inulin)又稱為菊苣纖維是膳食纖維的一種。
大蒜可形成改善腸道環境的比菲德氏菌(益生菌的一種)防止導致疾病的壞菌增生。
此外也含有能幫助免疫系統和細菌對抗的化合物蒜氨(alliin)。當我們搗碎或咀嚼大蒜時蒜氨酸會產生蒜素(allicin)這是大蒜最主要的成分。而大蒜特有香味的成分就是來自蒜素裡的誘烯醚。蒜素的代謝產物可提高體內的免疫功能刺激巨噬細胞、淋巴球、自然殺手細胞、樹突狀細胞、嗜酸性球等使其活性化。研究指出服用含有大蒜萃取物成分的保健食品可以刺激淋巴球增高減輕感冒和流感的症狀並縮短痊癒的時間。有資料顯示秋天時若能服用含有大蒜萃取物的保健食品十二個星期冬天時感冒的機率可以降至六三％。
2生薑
薑可以幫助消化緩解噁心想吐的感覺還能改善流感和感冒的症狀不論在傳統醫療或替代醫療上都有長久的歷史。
薑獨特的香氣和味道來自成分中的薑醇(gingerol)這是薑主要的生物活性化合物擁有強大的抗發炎和抗氧化作用因而有改善關節痛和生理痛的效果也能改善腦部發炎狀況預防失智症。
而且薑還具有促進腸胃蠕動的作用可盡速排出囤積在胃裡的食物。又因為擁有抗菌活性和抗真菌活性可以抑制多種細菌和真菌的增生。例如：能有效對抗口腔內的壞菌除了能夠預防牙周病還能強化抵抗力來對付引發感冒的呼吸道融合病毒。
感冒時可以把薑片放入水中煮十五分鐘再加入新鮮檸檬和蜂蜜作成薑茶來飲用便能有效緩解症狀。
3菇類
菇類有許多不同的種類除了常見的香菇、金針菇和舞菇外還有靈芝、白樺茸、猴頭菇和冬蟲夏草等藥用的菇類。菇類擁有豐富的膳食纖維對腸道有益也是提高免疫力不可或缺的物質。
β- 葡聚醣是菇類水溶性纖維的一種。根據多年的研究報告指出β- 葡聚醣是最佳的免疫調節劑(在體內活化免疫機能的物質)但是有關治療癌症效果的研究目前仍在進行中。在日本使用香菇萃取物的抗癌藥物則已經行之有年。至於在市面上販售宣稱具有抗癌功效的菇類粉末雖然未必全是騙人的說法但仍建議尋求正當的醫療管道會比較保險。
長時間高強度的運動會降低人體的免疫力因此頂尖的運動員非常容易生病。有報告指出秀珍菇裡的β- 葡聚醣可以促進淋巴細胞增生能讓頂尖運動員不容易感冒。
4蘋果醋
蘋果醋是讓蘋果汁發酵後製成的醋它的味道和熟成的紅酒相近酸度高且具有強烈的香氣。蘋果醋有高濃度維生素C、膳食纖維而醋酸則有提高人體免疫力的效果。正如英文諺語「一天一蘋果醫師遠離我」所言蘋果是有益身體健康的好水果。
蘋果中的蘋果多酚具有強大的抗氧化作用；膳食纖維蘋果果膠(apple Pectin)能促進腸道蠕動使排便順暢具有整腸的效果。選擇含有「mother」(沉澱物)的蘋果醋效果更棒。
雖然目前還沒有蘋果醋能增強對抗感冒的相關研究報告但富含維生素C和好菌的蘋果醋自古以來在民間療法中就已經當作藥物來使用。古希臘人會把醋和蜂蜜混合調製成蜜醋(oxymel)做為預防感冒的藥物使用；用水把蘋果醋稀釋後也可當作含漱藥(漱口水)。
5綠茶
綠茶是種超級食物(super food)有許多研究報告指出綠茶對預防心血管疾病、癌症和抑制糖尿病惡化都具有效果。
綠茶最主要的成分是兒茶素其中又以表沒食子兒茶素-3-沒食子酸酯(EGCG)最能抑制發炎和保護血管還有抗病毒的效果可以抑制流感病毒、HIV病毒、B型和C型肝炎病毒以及單純皰疹病毒(HSV)增生。
6薑黃茶拿鐵
有報告指出EGCG對於新型冠狀病毒或許具有抗病毒的效果。同一份報告也表示薑黃中的薑黃素和綠茶一樣都可能成為對抗新型冠狀病毒的生力軍。
薑黃是製作咖哩時常用的香料。沖繩縣有栽培薑黃對日本人來說也比較容易取得。薑黃的風味獨特比較不適合拿來直接飲用但可以與綠茶搭配成薑黃茶拿鐵：
▪綠茶粉……1小匙
▪薑黃粉……1／2小匙
▪生薑泥……生薑1公分磨成泥
▪喜馬拉雅岩鹽……少量
▪黑胡椒……少量
▪草飼乳清蛋白（grass fed whey protein）……20克
把以上材料加進200至250㎖的熱水中用攪拌機混合均勻後就完成了。
喜歡喝甜一點的人可以加入少量甜菊或蜂蜜；不喜歡粉末口感的人可以用椰奶或杏仁奶來取代熱水和草飼乳清蛋白。</t>
  </si>
  <si>
    <t>可以蘋果效果具有感冒病毒報告免疫力腸道綠茶改善大蒜研究纖維菇類預防指出</t>
  </si>
  <si>
    <t>時報出版蘋果菇類綠茶大蒜</t>
  </si>
  <si>
    <t>出版蘋果菇類綠茶大蒜時報</t>
  </si>
  <si>
    <t>《業績-觀光》寒舍上季獲利衝次高去年EPS近3年高點</t>
  </si>
  <si>
    <t>獲利去年寒舍eps觀光年高業績</t>
  </si>
  <si>
    <t>寒舍（2739）受惠臺北喜來登完成裝修在營運幹擾因素排除下2019年營運表現顯著回升第四季稅後獲利創116億元次高每股盈餘（EPS）105元。合計全年合併營收創4478億元新高稅後淨利123億元、每股盈餘111元</t>
  </si>
  <si>
    <t>營運完成裝修喜來登表現顯著回升干擾四季因素合併eps全年合計新高獲利排除臺北受惠淨利寒舍</t>
  </si>
  <si>
    <t>寒舍（2739）受惠臺北喜來登完成裝修在營運幹擾因素排除下2019年營運表現顯著回升第四季稅後獲利創116億元次高每股盈餘（EPS）105元。合計全年合併營收創4478億元新高稅後淨利123億元、每股盈餘111元亦雙創近3年高點。
寒舍董事會通過2019股利分派案擬配發每股現金股利1元金額與去年相同盈餘配發率9009％。以23日收盤價2065元計算現金殖利率約484％。不過寒舍今（24）日股價開低走低一度下跌242％至2015元午盤仍下跌近2％在觀光股中表現偏弱。
寒舍2019年合併營收創4478億元新高年增277％。毛利率3985％、營益率72％雙創近3年高點。雖因IFRS新制使財務成本增加造成業外顯著由盈轉虧稅後淨利123億元仍年增達857％每股盈餘（EPS）111元優於前年102元雙創近3年高點。
寒舍2019年第四季營運顯著轉強合併營收登1236億元次高季增221％、年增18％。毛利率4321％為近3年高點營益率則創1392％新高。稅後淨利116億元較第三季虧損027億元轉盈、年增1326％改寫歷史次高每股盈餘105元亦創歷史第3高。
寒舍雖受因IFRS 16會計新制影響初期業外認列租賃相關費用較多對獲利造成負面影響但在臺北喜來登完成改裝、營運幹擾因素消除後帶動本業獲利表現顯著提升去年營益率自194％跳升至72％使整體獲利成長幅度優於營收。
由於新冠肺炎衝擊商務及觀光旅遊市場寒舍2020年2月自結合併營收179億元月減5858％、年減4874％創下歷史新低。累計1～2月合併營收613億元年減2225％亦創同期新低。
面對疫情對營運造成嚴峻考驗寒舍旗下4家飯店將提前進行餐廳、客房設備升級裝修工作包括電梯車廂、系統、客房內硬體定期修繕、多媒體插座升級、游泳池健身房設備定期維護等預計以臺北喜來登、臺北寒舍艾美、寒舍艾麗3處據點先行。</t>
  </si>
  <si>
    <t>寒舍獲利營運顯著造成合併表現年高客房臺北定期裝修設備升級喜來登業外</t>
  </si>
  <si>
    <t>寒舍營收毛利率營益率獲利</t>
  </si>
  <si>
    <t>毛利率營益獲利寒舍</t>
  </si>
  <si>
    <t>口罩店員拉下故意口水大媽恐怖</t>
  </si>
  <si>
    <t>新冠肺炎疫情方興未艾一般人稍微咳嗽都會被另眼相看但香港網路流傳一段影片一名中年女子在商店購物不知何故疑似心情不爽竟拉下口罩朝身旁店員吐口水嚇得店員立刻彈開。香港網友怒斥該名大媽根本是在「播</t>
  </si>
  <si>
    <t>香港店員方興未艾一般怒斥網友稍微咳嗽立刻疫情另眼相看身旁口罩不爽拉下心情何故網路不知購物商店女子</t>
  </si>
  <si>
    <t>新冠肺炎疫情方興未艾一般人稍微咳嗽都會被另眼相看但香港網路流傳一段影片一名中年女子在商店購物不知何故疑似心情不爽竟拉下口罩朝身旁店員吐口水嚇得店員立刻彈開。香港網友怒斥該名大媽根本是在「播毒」。
近日有香港網友在臉書群組「突發事故報料區」上傳疑似「播毒」影片現場是場是一間連鎖商店。據香港東網報導影片中一名戴眼鏡、戴口罩的長髮中年女子站在貨架前方手指商品並要求店員前來。
店員站到她旁邊後中年女突然將口罩往下拉兩度疑似朝店員吐口水「播毒」。第一次店員沒注意第二次店員終於察覺立刻彈開閃避。
這段影片引發香港網友憤怒留言指責這種行為跟人肉炸彈沒分別、「播毒」應該報警、就算沒肺炎亂吐口水也很噁心。</t>
  </si>
  <si>
    <t>香港店員影片網友中年口罩肺炎女子立刻口水方興未艾吐口一般稍微咳嗽疫情</t>
  </si>
  <si>
    <t>新冠肺炎武漢肺炎新型冠狀病毒NCP香港</t>
  </si>
  <si>
    <t>肺炎武漢冠狀病毒ncp香港</t>
  </si>
  <si>
    <t>確診本土死亡數回歸新增校正破百</t>
  </si>
  <si>
    <t>中央流行疫情指揮中心昨天公佈新冠肺炎本土確診新增355案其中89例是校正回歸新增10死自去年初以來本土確診已有6974人109人死亡。臺北市昨天確診首度降到百人以下但專家指出除非連續1周確診數降至2位</t>
  </si>
  <si>
    <t>確診昨天本土新增中心公佈指出專家以下回歸降到首度指揮肺炎去年初以來連續校正死亡臺北市疫情</t>
  </si>
  <si>
    <t>中央流行疫情指揮中心昨天公佈新冠肺炎本土確診新增355案其中89例是校正回歸新增10死自去年初以來本土確診已有6974人109人死亡。臺北市昨天確診首度降到百人以下但專家指出除非連續1周確診數降至2位數以下否則無法樂觀。
昨天新增確診人數最多的是新北市193人北市居次85人；至於澎湖確診為首例檢體將送回本島再度PCR採檢該個案已插管治療。這波本土感染3周以來已快速累積6878人確診、97死。
指揮中心專家小組召集人張上淳說至昨天上午為止國內嚴重肺炎共728人占93％呼吸衰竭或已呼吸衰竭258人、占33％重症高達986人其中180人正在使用呼吸器2人使用葉克膜。
指揮中心昨原宣佈新增11死但傍晚發現1名萬華活動史的女性案4582尚在集中檢疫所中檢疫而且還可接電話指揮中心緊急澄清「校正」昨日死亡案例從11人下修為10死。
本土單日新增確診人數已連3天下降北市更是首度下降到百人以下是否表示國內疫情趨緩？感染科權威、台大兒童醫院院長黃立民表示北市以高規格防疫不利病毒傳播下降是預期內效果至於能不能解除三級關鍵仍在於新北市與其他縣市能否一樣嚴格管控除非連續1周確診降到2位數以下否則無法樂觀。
至於北市是否要封城？黃立民表示現階段不用但若其他地方爆疫情屆時應該全國一起升四級警戒才能避免跨區交叉傳染「台灣不能只有一兩個縣市好要好大家一起好。」
支援專責病房、社區採檢站的北市聯醫整合醫學照護科主治醫師薑冠宇透露目前醫院最可憐的是急診床一直往外擴連停車場都鋪床位病患要住到醫院外過去很少見現在有人甚至在急診等床位等到離世；中央說臺北有600多張空床但前線醫護看到的是病患無床可送加護病房也不夠用。
薑冠宇坦言政府並沒有從八仙塵爆事件得到教訓當時病患卡在雙北消耗大量燒燙傷資源建議政府出面橫向整合醫院讓醫院互相通聯至少要知道哪幾家醫院還有床和人力可送。中央、地方要放下對立去看看當中出了什麼問題否則拖得愈久就愈多人失去性命。</t>
  </si>
  <si>
    <t>確診北市醫院中心昨天指揮疫情表示至於本土新增中央以下下降政府病房</t>
  </si>
  <si>
    <t>醫院北市下降本土確診校正</t>
  </si>
  <si>
    <t>北市下降確診本土校正醫院</t>
  </si>
  <si>
    <t>大縣新春最難農業觀光轉型雲林再說主題</t>
  </si>
  <si>
    <t>別再說雲林最難玩！疫情衝擊國內旅遊大暴發雲林縣去年觀光客人數首度衝破千萬人次創造約200億元消費產值讓農業大縣轉型為觀光大縣雲林縣政府20日推出「2021新春遊雲林」5大主題遊程配合縣內各場館新春街藝</t>
  </si>
  <si>
    <t>林縣雲林新春大縣疫情產值消費創造游程衝擊配合衝破國內主題首度人數旅遊觀光客暴發去年政府</t>
  </si>
  <si>
    <t>別再說雲林最難玩！疫情衝擊國內旅遊大暴發雲林縣去年觀光客人數首度衝破千萬人次創造約200億元消費產值讓農業大縣轉型為觀光大縣雲林縣政府20日推出「2021新春遊雲林」5大主題遊程配合縣內各場館新春街藝匯演讓民眾體驗更多元的過年氛圍。
雲林縣長張麗善表示雲林有好山好水與深厚文化底蘊2020年雲林觀光客衝破千萬人次創下空前紀錄。其中古坑綠色隧道人氣飆上全國遊客數增幅最多的5大景點之一鬥六市、口湖鄉也獲選台灣經典小鎮30翻轉外界「雲林最難玩」的刻板印象。
張麗善說原本縣府規畫一連串新春慶祝活動考量國內新冠肺炎疫情升溫原訂於2月25日至3月14日舉辦的北港燈會取消街頭藝人表演活動全數停辦其他室內外活動則會在防疫原則下舉辦。
縣文化觀光處長陳璧君指出縣府規畫5大主題「2021新春遊雲林」遊程包括「神氣祈福行」、「經典小鎮遊」、「甜蜜蜜之旅」、「輕旅慢步行」及「浪漫樂活遊」遊程更串聯縣內宮廟、地方文化館舍、觀光工廠等邀請全國民眾見證農業大縣轉型為觀光大縣。
雲林縣18所地方文化館也在新春期間串連推出集章活動集滿5個地方文化館章戳就有機會獲得限量文創品。縣府還規畫「新春遊雲林打卡抽好禮」活動只要在指定地點與打卡版合影並上傳留言即可參加抽獎。</t>
  </si>
  <si>
    <t>雲林活動新春林縣觀光地方縣府游程全國衝破舉辦民眾張麗善觀光客經典國內</t>
  </si>
  <si>
    <t>大縣新春雲林5大活動</t>
  </si>
  <si>
    <t>大縣新春雲林活動</t>
  </si>
  <si>
    <t>經驗台劇女神臺灣民眾不會確診破百</t>
  </si>
  <si>
    <t>新冠肺炎爆發以來這一年多時間台灣因為超前部署與靈活因應對策艱辛地壓制住感染情況直到近日爆出破百本土確診雙北宣佈進入三級警戒民眾因此恐慌掀起囤貨潮搶購商品的程度猶如世界末日對此「台劇</t>
  </si>
  <si>
    <t>程度以來時間商品搶購臺灣超前部署靈活應對掀起恐慌民眾艱辛警戒壓制住爆發猶如進入感染情況宣佈直到雙北近日確診</t>
  </si>
  <si>
    <t>新冠肺炎爆發以來這一年多時間台灣因為超前部署與靈活因應對策艱辛地壓制住感染情況直到近日爆出破百本土確診雙北宣佈進入三級警戒民眾因此恐慌掀起囤貨潮搶購商品的程度猶如世界末日對此「台劇女神」陳珮騏發文呼籲希望大家平靜理智配合政府強調台灣物資不會缺乏金鐘視帝吳慷仁也要大家接到訊息多查證不要散播不實消息。
台灣的正常平靜生活被近日這一波爆增的本土病例打破人心惶惶反映在對物資的渴求上各地超市、大賣場都出現搶貨潮貨架上生鮮食品及泡麵等乾糧連日被掃空甚至又出現搶購衛生紙的狀況宛若逃難現場女星陳珮騏看了不禁跳出來po文呼籲「這時候你選擇恐慌還是平靜理智的配合政府和專家一起努力撐過去呢？」。
陳珮騏昨(5/15)在臉書發文認為在這疫情緊張的時刻有些事情需要全民來配合像是不該再亂傳無聊訊息、不該失心瘋搶購囤貨更不該再苛責訕笑感染者「類似的情況一再出現那麼多經驗了難道還不自知嗎？」直言我們所在的台灣「不會讓誰餓死或沒衛生紙七卡蹭的好嗎？」呼籲大家應該同心協力且多些同理心來挺過這波挑戰而過度的囤貨只會讓物價失衡「害真正有需要的人買不到而已」。
陳珮騏也表示除了拍戲時沒辦法戴口罩其他時間她都是口罩戴好戴滿並勤洗手消毒「親愛的團友們也要乖乖配合當個防疫小尖兵呦！」而男神吳慷仁第一時間也發文希望眾人物不要散播不實消息以免造成恐慌「勿散播！勿散播！！！接受到的網路消息請多加求證！勿恐慌！」。</t>
  </si>
  <si>
    <t>臺灣配合出現恐慌發文搶購呼籲消息平靜不該散播情況物資衛生紙本土時間近日</t>
  </si>
  <si>
    <t>陳珮騏台劇女神吳慷仁金鐘視帝新冠肺炎</t>
  </si>
  <si>
    <t>金鐘吳慷女神台劇陳佩騏肺炎</t>
  </si>
  <si>
    <t>機會全都柯文哲日後確診疫苗</t>
  </si>
  <si>
    <t>臺北市環南市場2次大規模PCR篩檢結果出爐共新增3名確診、1例舊案其中有2人CT值偏低。臺北市長柯文哲指出近期發現有個案再度感染的狀況且染疫3個月後還是有再次感染可能目前台灣已有1萬多人染疫建議要</t>
  </si>
  <si>
    <t>感染臺北市結果出爐新增確診舊案柯文哲指出近期ct發現個案再次pcr再度臺灣</t>
  </si>
  <si>
    <t>感染疫苗pcr再度檢查臺灣可能陰性發現現在ct結果指出柯文哲</t>
  </si>
  <si>
    <t>疫苗柯文哲PCR新冠肺炎台灣</t>
  </si>
  <si>
    <t>pcr柯文哲肺炎臺灣疫苗</t>
  </si>
  <si>
    <t>喪失指揮嗅覺味覺肺炎中心臺灣</t>
  </si>
  <si>
    <t>英國耳鼻喉科協會近期指出喪失味覺、嗅覺的症狀通常發生在沒有典型症狀的新冠肺炎患者身上呼籲民眾自我隔離7天。台灣截至目前為止累計的215名患者中已有5人出現味覺、嗅覺喪失症狀且多集中在近期今日確</t>
  </si>
  <si>
    <t>症狀患者味覺喪失嗅覺近期指出身上呼籲民眾肺炎隔離臺灣截至目前為止累計出現集中典型沒有發生通常協會耳鼻喉科</t>
  </si>
  <si>
    <t>英國耳鼻喉科協會近期指出喪失味覺、嗅覺的症狀通常發生在沒有典型症狀的新冠肺炎患者身上呼籲民眾自我隔離7天。台灣截至目前為止累計的215名患者中已有5人出現味覺、嗅覺喪失症狀且多集中在近期今日確診的個案中就有2人出現該症狀。中央流行疫情指揮中心表示該症狀過去的確較少出現將提醒臨床醫師留意。
新冠肺炎的3大症狀分別是發燒、咳嗽及全身倦怠國內疫情開始之初幾乎沒有患者出現這些症狀從3月開始才陸續出現這類患者包括德國移入的南部大學生案75、荷蘭移入案171、英國移入案187以及今日新增的英美移入案206、207。
案75為南部20多歲男大生2月23日至3月8日至德國旅遊3月8日返台後流鼻水11日自覺味覺喪失3月17日確診新冠肺炎；案171為30多歲男子1月中到3月20日都在荷蘭工作3月7日在荷蘭出現發燒、痠痛、失去嗅覺味覺的症狀返台後通報23日確診新冠肺炎；
案187為在英國工作的30多歲女性2月20日到3月19日都在英國返台後23日出現呼吸困案呢、喉嚨痛、失去嗅覺、肺炎等症狀當日確診新冠肺炎；
案206、207為今日新增的個案都是20多歲女子。案206在2月8日到3月21日都在英國就學16日出現喉嚨痛、流鼻水、味覺喪失的症狀；案207於3月6日到20日間都在美國工作16日出現頭張、鼻涕倒流、嗅覺及味覺喪失的症狀。兩人都在返台時在機場被攔下確診新冠肺炎。
中央流行疫情指揮中心疫情監測組組長周志浩表示新冠肺炎是新的傳染病在過去的案例中較少看到嗅覺、味覺喪失的表現會提醒臨床醫師特別是耳鼻喉科醫師特別注意。至於這類的症狀是否與病毒的變異有關仍須進一步釐清。</t>
  </si>
  <si>
    <t>症狀出現肺炎味覺嗅覺喪失患者確診返台英國疫情今日醫師發燒表示過去荷蘭工作臨床</t>
  </si>
  <si>
    <t>味覺嗅覺喪失醫師特別</t>
  </si>
  <si>
    <t>醫師味覺特別嗅覺喪失</t>
  </si>
  <si>
    <t>疫苗老翁接種休克送醫恢復自強意識桃園</t>
  </si>
  <si>
    <t>桃園市15日起擴大疫苗接種第一天限定88歲以上長者上午各地疫苗接種站大排長龍其中中壢區自強國中發生91歲劉姓老翁因施打疫苗後身體不適導致休克被緊急送往部立桃園醫院桃園市衛生局指出此案老翁在急</t>
  </si>
  <si>
    <t>疫苗老翁桃園接種緊急休克導致擴大不適自強身體大排長龍中壢施打發生劉姓醫院限定上午衛生局指出</t>
  </si>
  <si>
    <t>桃園市15日起擴大疫苗接種第一天限定88歲以上長者上午各地疫苗接種站大排長龍其中中壢區自強國中發生91歲劉姓老翁因施打疫苗後身體不適導致休克被緊急送往部立桃園醫院桃園市衛生局指出此案老翁在急救後已經恢復意識目前留院觀察中並沒有生命危險若生命徵象穩定後預計15日晚間就可以出院。</t>
  </si>
  <si>
    <t>疫苗老翁接種桃園緊急晚間預計休克大排長龍導致擴大自強沒有不適觀察穩定中壢意識生命生命危險徵象</t>
  </si>
  <si>
    <t>新冠肺炎台灣桃園老翁休克</t>
  </si>
  <si>
    <t>桃園肺炎臺灣老翁休克</t>
  </si>
  <si>
    <t>兩岸低點同步王品衝刺觀光業績</t>
  </si>
  <si>
    <t>連鎖餐飲集團王品（2727）受新冠肺炎疫情衝擊2020年3月合併營收降至逾8年低點由於中國大陸門市恢復營運較晚拖累首季營收降至近7年半低點。不過中國大陸3月營收已見明顯回升集團於兩岸將積極衝刺外送服務</t>
  </si>
  <si>
    <t>集團大陸中國積極兩岸低點衝刺回升肺炎明顯疫情衝擊王品合併營運恢復門市拖累首季</t>
  </si>
  <si>
    <t>連鎖餐飲集團王品（2727）受新冠肺炎疫情衝擊2020年3月合併營收降至逾8年低點由於中國大陸門市恢復營運較晚拖累首季營收降至近7年半低點。不過中國大陸3月營收已見明顯回升集團於兩岸將積極衝刺外送服務力求降低疫情對營運影響。
王品股價3月19日下探495元新低自鼠年開紅盤以來2個月跌幅達366％近日觸底回升、站回60元之上反彈逾2成。今（13）日股價開低後一度走跌13％至607元回測60元關卡支撐早盤拉回平盤附近小跌05％。三大法人上周小幅買超71張。
王品2020年3月自結合併營收762億元月減314％、年減4319％創2011年12月以來近8年3個月低點。其中台灣營收61億元月減1992％、年減1968％。中國大陸營收15億元月增達649倍、仍年減7436％。
累計王品首季合併營收2959億元季減2207％、年減2975％亦創2012年第二季以來7年半低點。其中台灣營收243億元年減183％表現相對有撐。中國大陸營收57億元年減達6784％。
王品表示台灣事業群近年經營體質強化效益顯現首季適逢春節連續假期、聚餐效應加持雖受新冠肺炎疫情衝擊來店用餐意願但因提前啟動「安心專案」高規格防疫措施止血下首季營收僅較去年同期微減表現仍有撐。
大陸事業群則受各地門市延遲復工、彈性調整營業時間和延後開業日期衝擊致使首季營收驟減。不過隨著門市逐步恢復營運3月營收已見明顯回升。隨著疫情漸進平穩餐飲市場自谷底緩步回升王品啟動「安心專案」奏效3月復甦優於餐飲業平均水準。
因應疫情衝擊王品在中國大陸即時擴大佈局外送市場以現有門市內用菜單調整為更符合消費者需求的外送品項疫情期間外送量明顯提升。在疫情趨緩、經濟動能逐步復甦下各品牌來客持續回歸穩定外送服務可望成為另一成長動能來源。
而王品在台灣亦規畫搶攻外帶、外送市場因應近日消費者減少在外用餐而加速推動計畫目前共有13個品牌提供外帶。集團預計本月擴大與外送平臺合作將有超過15個品牌提供外送以多種類、多價格帶搶攻外帶商機彌補疫情衝擊缺口。</t>
  </si>
  <si>
    <t>疫情王品首季衝擊大陸回升門市臺灣品牌外帶中國集團市場營運明顯用餐復蘇</t>
  </si>
  <si>
    <t>王品營收低點新冠肺炎疫情</t>
  </si>
  <si>
    <t>低點肺炎王品疫情</t>
  </si>
  <si>
    <t>破滅瀕臨舉動看出神話防疫端倪</t>
  </si>
  <si>
    <t>新冠肺炎全球肆虐台灣防疫成果驚豔國際！然而清明連假時許多景點湧入人潮不僅難以保持社交距離有些民眾甚至未戴上口罩使民眾憂心防疫恐出現破口。有評論認為指揮中心罕見一天開兩次記者會官員紛紛戴</t>
  </si>
  <si>
    <t>防疫民眾天開罕見肆虐中心指揮臺灣認為評論成果記者會清明連國際景點出現湧入人潮甚至距離社交難以保持</t>
  </si>
  <si>
    <t>新冠肺炎全球肆虐台灣防疫成果驚豔國際！然而清明連假時許多景點湧入人潮不僅難以保持社交距離有些民眾甚至未戴上口罩使民眾憂心防疫恐出現破口。有評論認為指揮中心罕見一天開兩次記者會官員紛紛戴口罩自保的動作顯示出臺灣疫情非常嚴峻。此外該評論認為蔡政府應正視疫情否則神話破滅是遲早的事。
清明連假墾丁湧入大批旅遊人潮阿里山森林遊樂區、花蓮東大門夜市、烏山頭水庫等知名觀光景點也都爆出人潮。對此疫情指揮中心則發出國家級警報警告遊客注意戴口罩保持「社交距離」。據《中評社》報導蔡政府稱台灣防疫讓世界都看見民眾因此認為台灣疫情控制得宜4天連假則出外遊玩走春。該評論認為既然防疫控制的好民眾趁著長假出遊為何過程中還要接到警訊？該評論質疑疫情指揮中心事前難道沒掌握？還是疫情指揮中心不敢得罪台灣觀光業者還是蔡政府根本沒有說實話疫情的狀況已經更加嚴峻確診病例會持續攀升。
該評論認為疫情中心發出景點警訊像是馬後砲警訊已經發了各公司、學校若擔心就自己去因應。然而評論稱各國都嚴格對待新冠肺炎蔡政府擔心打破防疫神話因此許多因應狀況沒有超前部署蔡政府應正視疫情的嚴峻否則神話恐破滅。</t>
  </si>
  <si>
    <t>疫情評論防疫臺灣認為中心民眾政府指揮人潮口罩景點嚴峻警訊神話已經清明連擔心因應狀況距離社交保持</t>
  </si>
  <si>
    <t>蔡政府社交距離新冠肺炎新型冠狀病毒NCP</t>
  </si>
  <si>
    <t>肺炎距離冠狀社交病毒政府ncp</t>
  </si>
  <si>
    <t>店鋪隔離排水老闆細菌防疫</t>
  </si>
  <si>
    <t>新冠肺炎疫情肆虐全球讓各行各業者損失慘重只能咬牙苦撐但民以食為天民眾不能不吃飯許多民眾害怕外出改叫外賣因此直接衝擊到店面餐飲業者彰化員林就有餐飲業者因應疫情斥資近百萬店休10天將店內環</t>
  </si>
  <si>
    <t>疫情餐飲業者民眾肆虐斥資全球因應各行各業損失慘重只能咬牙外出叫外賣店面直接衝擊不能不民以食為天吃飯</t>
  </si>
  <si>
    <t>新冠肺炎疫情肆虐全球讓各行各業者損失慘重只能咬牙苦撐但民以食為天民眾不能不吃飯許多民眾害怕外出改叫外賣因此直接衝擊到店面餐飲業者彰化員林就有餐飲業者因應疫情斥資近百萬店休10天將店內環境進行全面升級還訂製專用壓克力板來阻隔民眾飛沫噴濺傳染的風險也在每桌位置上放置消毒水讓民眾在用餐前後都可自行消毒。
員湘園鴨肉飯老闆藍偉洲表示疫情爆發後就看到許多店家設置類似的壓克力隔離版但當時國內疫情還算平穩所以沒做後來疫情逐漸蔓延全台他才開始著手下去計畫也利用機會將開業五年的鴨肉飯店進行全面的大整修。
藍偉洲說他斥資80多萬元在用餐區訂製壓克力隔離版因為他要求比較高包括壓克力切角要圓弧以免刮傷客人更直接將壓克力鎖在木桌上相對牢靠讓消費者可以安心用餐也在每桌放置消毒水讓客人可以在用餐前後自行消毒。
藍偉洲說為了這次防疫工程1共停業10天改造包含料理區出餐區座位區等等幾乎打掉重練也增加店內排水設施避免因潮濕細菌滋生另外除了每月固定的消毒外還帶店內所有員工去施打肺炎疫苗雖然不是針對新冠肺炎但多少能增加自身免疫力員工就像家人一樣費用當然公司出。
藍偉洲還說因為顧客是他們的資產今天如果在店內發生感染不管對店家、客人、還有員工都是一種傷害他有責任要去把關防疫期間也沒辦法去算成本只希望大家有一個安全無虞的用餐環境。</t>
  </si>
  <si>
    <t>疫情壓克力民眾用餐客人員工消毒偉洲直接增加防疫店家訂制斥資</t>
  </si>
  <si>
    <t>疫情壓克力民眾肺炎客人</t>
  </si>
  <si>
    <t>疫情肺炎壓克力民眾客人</t>
  </si>
  <si>
    <t>《金融》防疫營運不中斷36家金融機構啟動異地辦公</t>
  </si>
  <si>
    <t>中斷金融機構營運啟動防疫異地金融辦公</t>
  </si>
  <si>
    <t>因應全球新冠肺炎疫情升溫金融業者陸續啟動異地辦公以確保營運不中斷。據金管會統計目前回報已開始實施異地辦公的金融業者共有36家包括銀行業13家、證券期貨投信投顧業9家、保險業14家。銀行局統計截至2月</t>
  </si>
  <si>
    <t>金融業辦公統計異地肺炎疫情升溫銀行包括共有金管會目前顧業中斷陸續回報營運確保啟動開始實施證券期貨</t>
  </si>
  <si>
    <t>因應全球新冠肺炎疫情升溫金融業者陸續啟動異地辦公以確保營運不中斷。據金管會統計目前回報已開始實施異地辦公的金融業者共有36家包括銀行業13家、證券期貨投信投顧業9家、保險業14家。
銀行局統計截至2月27日止總行已開始實施異地辦公的銀行業者包括北富銀、王道銀、新光銀、遠銀、永豐銀、玉山銀、台新銀、日盛銀、京城銀、板信銀、三信銀、瑞興銀、台中銀等13家。
不過兆豐銀、中信銀、國泰世華銀等部分大型銀行業者日前已宣佈啟動異地辦公但未列入此次銀行局公佈的統計名單內。銀行局對此表示此份名單是以「銀行總行」實施異地辦公者為主各銀行不同營業處均有不同備援及營運不中斷機制銀行局對此予以尊重。
證期局統計截至2月27日止已啟動異地辦公的證券期貨投信投顧業者包括香港匯豐證、摩根大通、摩根士丹利、法銀巴黎證、野村證、玉山證、永豐金證及匯豐中華投信、摩根投信等9家。
保險局統計截至3月3日止已啟動異地辦公的壽險業者有國泰、富邦、南山、三商美邦、台壽、中壽、新壽、遠雄、法國巴黎、友邦、保誠人壽等12家產險業者則有明台、台壽保等2家。</t>
  </si>
  <si>
    <t>辦公異地統計銀行局包括銀行啟動業者國泰銀行業截至實施金融業滙豐中斷營運摩根總行</t>
  </si>
  <si>
    <t>金管會新冠肺炎防疫營運不中斷異地辦公</t>
  </si>
  <si>
    <t>營運防疫肺炎中斷異地金管會辦公</t>
  </si>
  <si>
    <t>致死研究族群容易基因</t>
  </si>
  <si>
    <t>英國廣播公司4日報導牛津大學在人體發現名為「LZTFL1」的基因；擁有該基因的人若罹患新冠肺炎出現肺衰竭甚至死亡的風險成長至少1倍。研究還發現擁有南亞或歐洲血統的人分別有60%與15%的機率帶有這種高風險基</t>
  </si>
  <si>
    <t>發現擁有基因人體血統歐洲肺炎衰竭出現甚至南亞死亡風險成長研究至少牛津大學分別名為lztfl</t>
  </si>
  <si>
    <t>英國廣播公司4日報導牛津大學在人體發現名為「LZTFL1」的基因；擁有該基因的人若罹患新冠肺炎出現肺衰竭甚至死亡的風險成長至少1倍。研究還發現擁有南亞或歐洲血統的人分別有60%與15%的機率帶有這種高風險基因。
不過研究也指出疫苗明顯有助於逆轉風險。換言之接種疫苗是避免基因帶來悲劇的關鍵完全無須因基因問題而讓自己緊張兮兮。
這項研究已發表在2021年11月份的《自然遺傳學》。論文指出學界現有文獻可解釋為什麼英國與南亞的部分社區更容易感染新冠肺炎；卻無法完整解釋為何部分族群更容易轉為重症。
借助先前遺傳研究的成果結合人工智慧(AI)與新的分子科技研究團隊發現稱為「LZTFL1」的基因該基因會讓新冠肺炎感染者病情惡化的風險上升。
研究團隊表示擁有風險基因的人肺部特別容易感染新型冠狀病毒。由於高風險基因破壞了一種關鍵性的保護機制；依據該機制肺部內的細胞可以保護自己免於新冠病毒的侵入。
當肺部遭到新冠病毒入侵時肺部的細胞會降低特化(specialised)的程度以抵禦病毒；這種去特化的過程將減少細胞表面ACE-2蛋白的數量而ACE-2蛋白是冠狀病毒附著在細胞上的關鍵。
換言之一般人的肺部遭新冠病毒入侵時肺部細胞會減少ACE-2蛋白的數量這讓冠狀病毒附著的機率大減；然而擁有LZTFL1的人卻不會產生去特化的過程導致肺細胞容易遭病毒的侵襲。
不過研究團隊強調「LZTFL1」只影響肺部卻不會對免疫系統造成影響這點非常關鍵。因為這意味著擁有高風險基因的人仍能從疫苗中取得免疫保護。
此外研究團隊也發現相較於擁有南亞與歐洲血脈的人非洲加勒比與東亞裔的族群擁有此一高風險基因的比例分別只有2%與18%。
然而該研究的第一作者戴維斯(James Davies)擁有風險基因的人不一定會產生相同的結果這點非常重要。他解釋決定每個個體罹患新冠肺炎時的嚴重程度是由複雜的因素組合而成；其中又以年齡最為關鍵。
他補充道社會經濟因素也能解釋為甚麼部分社區在大流行中受到的影響特別嚴重。「儘管我們無法改變自己的基因但研究證實擁有高風險基因的人受益於接種疫苗」。
不過有鑑於現有藥物都是針對免疫系統研究團隊希望透過這次的研究成果研發出針對肺部的新型藥物。</t>
  </si>
  <si>
    <t>研究基因擁有肺部病毒細胞風險團隊關鍵高風險解釋容易發現疫苗保護肺炎lztfl影響南亞部分指出現有</t>
  </si>
  <si>
    <t>新冠肺炎基因疫苗肺衰竭免疫</t>
  </si>
  <si>
    <t>疫苗基因肺炎衰竭免疫</t>
  </si>
  <si>
    <t>韓國追加預算經濟金額史上</t>
  </si>
  <si>
    <t>韓國政府3日宣佈追加353兆韓元預算規模創下史上最大紀錄同時也是2020年第三度針對新冠肺炎危機所提出振興經濟追加預算。韓國政府為了緩解新冠肺炎對經濟的衝擊迄今共挹注270兆韓元救經濟。受此消息激勵韓國</t>
  </si>
  <si>
    <t>經濟肺炎韓國政府規模預算創下紀錄衝擊振興追加預算危機提出追加挹注迄今消息緩解宣佈激勵</t>
  </si>
  <si>
    <t>韓國政府3日宣佈追加353兆韓元預算規模創下史上最大紀錄同時也是2020年第三度針對新冠肺炎危機所提出振興經濟追加預算。韓國政府為了緩解新冠肺炎對經濟的衝擊迄今共挹注270兆韓元救經濟。
受此消息激勵韓國Kospi指數3日開高走高終場大漲29％收在2147點。
新冠肺炎疫情嚴重打擊韓國經濟韓國政府迄今推出的振興經濟措施合計約占國內生產毛額（GDP）的14％。
第三輪追加預算目的在保障工作機會開發新冠肺炎疫苗提供折價券刺激消費同時對遭受疫情重創的中小企業提供更多貸款。追加預算需得到國會批准。
最新追加預算將提供239兆韓元財政挹注協助企業、商家與家庭度過危機同時彌補因疫情導致的政府收入短少金額估計為114兆韓元。
疫情衝擊商業活動、貿易和消費支出韓國財政部長洪楠基（Hong Nam-ki）日前表示政府致力支撐經濟此刻沒有餘裕顧慮負債占GDP比重。
第三輪追加預算將讓韓國2020年負債占GDP比重升至435％反觀疫情爆發前的負債比重不到GDP的40％。洪楠基在第三輪追加預算公佈的數日前表示：「韓國正陷入經濟危機我們別無選擇只能推出更多財政措施因為財政政策是政府最後的堡壘。」
韓國日前下修2020年經濟成長預測由擴張24％下修至成長01％恐寫下1998年亞洲金融風暴以來最差表現。韓國2019年經濟成長2％。
新冠肺炎重創倚重出口的韓國經濟除了政府祭出財政刺激韓國央行自3月以來兩度宣佈降息。
截至5月韓國出口已連續3個月萎縮且經濟前景仍籠罩陰霾主要因為疫情肆虐全球及全球兩大經濟體美國與大陸關係再度緊張。</t>
  </si>
  <si>
    <t>韓國經濟疫情追加預算肺炎政府財政提供gdp三輪負債韓國政府比重表示衝擊危機刺激日前以來消費重創</t>
  </si>
  <si>
    <t>三輪韓國政府肺炎韓國金額</t>
  </si>
  <si>
    <t>肺炎韓國金額三輪韓國政府</t>
  </si>
  <si>
    <t>震盪死亡出現走勢首例</t>
  </si>
  <si>
    <t>新冠肺炎台灣出現本土死亡首例正當醫界爭論是否為「社區感染」之際金融市場率先反映不尋常的氣氛台股昨開盤就遇「壓力」下挫近百點幸好股王大立光（3008）尾盤翻紅大盤跌勢收斂終場小跌52點收在1萬1</t>
  </si>
  <si>
    <t>跌勢出現本土大盤死亡翻紅首例正當股王幸好爭論近百是否下挫社區收斂臺灣壓力感染之際金融市場率先開盤</t>
  </si>
  <si>
    <t>新冠肺炎台灣出現本土死亡首例正當醫界爭論是否為「社區感染」之際金融市場率先反映不尋常的氣氛台股昨開盤就遇「壓力」下挫近百點幸好股王大立光（3008）尾盤翻紅大盤跌勢收斂終場小跌52點收在1萬1763點力守5日線（1萬1761點）成交量1124億元；安聯台灣科技基金經理人廖哲宏警示由於大陸各地復工率不一台股近期盤面仍可能走勢「震盪」；有分析師認為接下來仍要持續緊盯疫情變化若未完全復工需求就下滑或中斷經濟恐怕會進一步趨緩。
凱基投顧表示這次疫情不僅衝擊觀光、旅遊、餐飲、航空等大陸主要城市封城、停工也影響短期產能以及消費動能最值得投資人留意的是過去外界「一面倒」看好的產業如5G手機、5G基地台等建置都因疫情連帶影響建置的速度5G相關從過去的正面評價轉為負向。
凱基投顧指出新冠肺炎對經濟衝擊將大於2003年的SARS因為大陸的經濟規模是SARS當年的4倍各國政府因應疫情擴散進而對大陸進行鎖國措施大陸消費市場、供應鏈都將出現一定程度的衝擊與停擺；假設新冠肺炎疫情在未來1個季度內回穩對大陸今年GDP的衝擊才有機會控制在06％以內對全球、台灣GDP的衝擊分別為02％、01至04％；凱基投顧強調惟疫情高峰過後遞延性的消費將使下半年成長動能更為強勁。
不過據過去1周統計摩根投信稱外資已對亞洲股市進行小幅回補顯示對疫情不悲觀；儘管大陸延後開工讓市場預期大陸首季GDP下修但外資對A股還是小幅買進626億美元與大陸產業鏈密切相關的台灣股市外資上周也買超416億美元。</t>
  </si>
  <si>
    <t>大陸疫情衝擊臺灣過去外資gdp經濟凱基肺炎復工動能消費出現小幅相關影響股市進行</t>
  </si>
  <si>
    <t>首例大陸肺炎死亡建置</t>
  </si>
  <si>
    <t>肺炎首例死亡建置大陸</t>
  </si>
  <si>
    <t>印尼來自檢疫境外期滿新增確診</t>
  </si>
  <si>
    <t>中央流行疫情指揮中心今(17)日公佈國內新增3例境外移入COVID-19病例(案853、854及855)均自印尼入境。指揮中心表示案853及854均為印尼籍20多歲男性漁工皆於今(2021)年1月3日來臺工作均持有搭機前3日內檢驗陰</t>
  </si>
  <si>
    <t>中心指揮印尼持有工作境外新增國內公佈於今covid-病例男性日內入境</t>
  </si>
  <si>
    <t>中央流行疫情指揮中心今(17)日公佈國內新增3例境外移入COVID-19病例(案853、854及855)均自印尼入境。
指揮中心表示案853及854均為印尼籍20多歲男性漁工皆於今(2021)年1月3日來臺工作均持有搭機前3日內檢驗陰性報告入境後至集中檢疫所檢疫迄今無症狀；2名個案於1月16日接受檢疫期滿前採檢於今日確診。由於2名個案無症狀且入境後至檢疫期間未與他人接觸故無須匡列接觸者。
指揮中心指出案855亦為印尼籍20多歲男性漁工去(2020)年12月31日來臺工作持有搭機前3日內檢驗陰性報告入境後由仲介公司安排專車至防疫旅館居家檢疫；今年1月15日檢疫期滿後搭乘專車至醫院自費採檢於今日確診。匡列接觸者共3名為同車接觸者因有適當防護均列自主健康管理。</t>
  </si>
  <si>
    <t>入境檢疫中心指揮接觸印尼專車匡列確診今日期滿個案症狀男性工作報告防護</t>
  </si>
  <si>
    <t>境外移入檢疫期滿確診新冠肺炎印尼</t>
  </si>
  <si>
    <t>期滿確診檢疫肺炎境外印尼</t>
  </si>
  <si>
    <t>時間陳時中公佈再降警戒放寬疫情措施</t>
  </si>
  <si>
    <t>南韓中秋節過後疫情反撲台灣中秋後疫情平穩外界好奇台灣與南韓不同的防疫之處在哪裡？是否有機會放寬中央流行疫情指揮中心指揮官陳時中表示中秋連假人潮大量移動要觀察兩週才能穩明天會公佈相關放寬措施</t>
  </si>
  <si>
    <t>疫情中秋放寬臺灣南韓明天才能觀察移動假人表示陳時中指揮流行中央機會指揮官是否防疫中心不同好奇外界公佈</t>
  </si>
  <si>
    <t>南韓中秋節過後疫情反撲台灣中秋後疫情平穩外界好奇台灣與南韓不同的防疫之處在哪裡？是否有機會放寬中央流行疫情指揮中心指揮官陳時中表示中秋連假人潮大量移動要觀察兩週才能穩明天會公佈相關放寬措施。
指揮官陳時中表示南韓有基本的社區傳播經過連假人群大規模移動難免疫情會起來台灣社區傳播已經控制一定情況台灣目前都還穩定。
至於連假後人潮大量流動陳時中認為中秋假期後至少要觀察兩周本周與下周若都控制良好就會有放寬措施並於明日公佈。
二級警戒觀察到10月4日5日後若都沒有不明感染源是否有機會降級？陳時中表示由於中秋節人潮移動要觀察兩周現在已經過一周還有一周要觀察。</t>
  </si>
  <si>
    <t>觀察臺灣陳時中疫情放寬移動中秋南韓表示控制傳播社區公佈是否機會指揮官中秋節措施沒有日後都還</t>
  </si>
  <si>
    <t>新冠肺炎中秋節疫情台灣鬆綁措施</t>
  </si>
  <si>
    <t>疫情中秋節肺炎臺灣鬆綁措施</t>
  </si>
  <si>
    <t>比較慢新竹解釋疫苗原因施打</t>
  </si>
  <si>
    <t>新竹縣長楊文科睽違多日再開疫情直播針對新竹縣疫苗施打狀況也有所回應他指出目前主要施打疫苗為莫德納長輩都很踴躍更勝於AZ卻也因此造成紛爭由於疫苗數量不足也向中央爭取他很感謝中央支援疫苗。</t>
  </si>
  <si>
    <t>疫苗施打新竹疫情直播中央踴躍不足az造成勝於狀況長輩莫德納指出目前爭取數量紛爭</t>
  </si>
  <si>
    <t>新竹縣長楊文科睽違多日再開疫情直播針對新竹縣疫苗施打狀況也有所回應他指出目前主要施打疫苗為莫德納長輩都很踴躍更勝於AZ卻也因此造成紛爭由於疫苗數量不足也向中央爭取他很感謝中央支援疫苗。
楊文科指出長輩施打疫苗狀況目前很踴躍依照原先規畫施打其中65至68歲長者在7月9日接到通知、16日前打完這部分沒有問題。不過69歲至74歲長者因施打意願十分踴躍導致各衛生所疫苗不足造成紛爭。
楊文科說感謝衛生所主任協調也調度醫院尚未接種完畢的疫苗因應感謝中央給予支持。目前疫苗仍不足量中央給各縣市政府、各年齡層都不足量不過「慢慢的疫苗就會進來」楊文科也說請大家依照施打順序接種疫苗。
新竹縣施打疫苗速率頗受質疑新竹縣衛生局長殷東成表示到7月13日止縣內施打人數為59804人依據18歲以上人口46萬餘人計算接種率約為1296％。
殷東成也解釋因75歲以上長者須多一點時間照顧且先前因施打AZ疫苗猝死案頻頻而有緩打潮因此多保留疫苗到7月7日也是接種率慢的原因不過近日施打率有所成長最近4天接種人數分別為1768、2505、3676、5638人涵蓋率也在上升中。
★《中時新聞網》提醒您：因應新冠肺炎疫情疾管署持續加強疫情監測與邊境管制措施 如有疑似症狀請撥打：1922專線或 0800-001922 並依指示配戴口罩儘速就醫同時主動告知醫師旅遊史及接觸史以利及時診斷及通報。</t>
  </si>
  <si>
    <t>疫苗施打接種長者疫情新竹不足踴躍中央目前感謝文科因應殷東成az衛生所以上人數有所</t>
  </si>
  <si>
    <t>疫苗施打施打疫苗踴躍楊文科</t>
  </si>
  <si>
    <t>疫苗踴躍施打楊文科</t>
  </si>
  <si>
    <t>驚見棺材美好恐慌超前部署疫情</t>
  </si>
  <si>
    <t>新冠肺炎的疫情讓許多人陷入恐慌近日有網友在臉書分享美國好市多驚見一副棺材就那樣陳列在商場中引發網友熱議這不就是超前部屬？怕缺貨先搶一波。網友在臉書社團《好市多經驗分享區》分享疫情恐慌？轉貼</t>
  </si>
  <si>
    <t>網友分享疫情恐慌陷入近日超前部屬缺貨這不引發商場棺材陳列</t>
  </si>
  <si>
    <t>新冠肺炎的疫情讓許多人陷入恐慌近日有網友在臉書分享美國好市多驚見一副棺材就那樣陳列在商場中引發網友熱議這不就是超前部屬？怕缺貨先搶一波。
網友在臉書社團《好市多經驗分享區》分享疫情恐慌？轉貼一張美國好市多的照片希望與疫情無關啊！只見照片中有副棺材就放在商場顯眼的地方。後來也有另名網友在《好市多商品經驗老實說》貼文分享加拿大好市多不只賣棺材連骨灰罈也賣呢！
消息一出後引來許多網友按讚留言「這不是就是超前部署嗎？」、「能就怕疫情嚴重棺材買不到」、「先搶的概念嗎？」、「聽說已缺貨」、「股市大跌可能會賣到缺貨 …」、「搶完衛生紙換搶這個？」、「價格好透明」。
後來也有網友說明其實美國、加拿大和澳洲的好市多一直都有賣且都直接展示在賣場裡面但華人文化有所忌諱因此台灣好市多才沒有買。不過其實像是美國Walmart等大型賣場也都有販售各種尺寸、款式的棺材並直接將實品陳列在賣場中。</t>
  </si>
  <si>
    <t>網友棺材疫情美國缺貨分享直接其實恐慌加拿大商場經驗陳列後來照片這不</t>
  </si>
  <si>
    <t>Costco好市多恐慌美國棺材</t>
  </si>
  <si>
    <t>美國恐慌棺材costco</t>
  </si>
  <si>
    <t>股票華航今成交量機票</t>
  </si>
  <si>
    <t>買不到機票只好買股票？台灣爆發疫苗之亂引爆逃離潮華航、長榮航北美線出現罕見客滿盛況一位難求航空雙雄股價昨日齊拉漲停長榮航今早再拉第2根漲停華航則是爆出超過100萬張的成交量成交值超過200億</t>
  </si>
  <si>
    <t>華航股票臺灣爆發爆出疫苗引爆盛況逃離航空雙雄罕見超過股價出現昨日</t>
  </si>
  <si>
    <t>買不到機票只好買股票？台灣爆發疫苗之亂引爆逃離潮華航、長榮航北美線出現罕見客滿盛況一位難求航空雙雄股價昨日齊拉漲停長榮航今早再拉第2根漲停華航則是爆出超過100萬張的成交量成交值超過200億元位列台股第三。
因應大批民眾飛美長榮航啟動疫後首度大增班洛杉磯航班自6月7日起將由每週3班調整為每週7班其它航線班次不變。由於訂位狀況太踴躍長榮航、華航昨日票價坐地喊漲商務艙最多調漲26萬元臺北-洛杉磯經濟艙來回票價逾新台幣7萬元豪華經濟艙超過8萬元商務艙票價更超過22萬元。
反映在股價上航空雙雄週四攻上漲停價今日續強長榮航早盤拉出第二根漲停板盤中股價來到2205元創下波段新高。華航早盤漲幅也超過8％股價最高價來到2255元不過稍早拉回累積成交量在11點半突破100萬張吸金力道十足。
法人分析不管是要逃難還是要回到美國上工上學在疫情結束前海歸返美及赴美打疫苗人潮僅為短期需求全年獲利仍需仰賴貨運。這跟疫情剛發生時大量在美民眾返回台灣「避難」的狀況很像對航空雙雄僅屬短期減虧的效果。
相較於長榮航啟動增班華航現階段還是以鞏固貨運量能為主目前配合中央流行疫情指揮中心執行「清零計畫20」將分組調派人力維持營運北美線包括洛杉磯、安大略、舊金山、溫哥華等航點均會依訂位情形適時放大機型。</t>
  </si>
  <si>
    <t>超過疫情華航股價洛杉磯航空雙雄訂位臺灣疫苗狀況成交量北美民眾來到經濟艙</t>
  </si>
  <si>
    <t>新冠肺炎台灣華航長榮航雙雄</t>
  </si>
  <si>
    <t>華航臺灣肺炎雙雄</t>
  </si>
  <si>
    <t>返台比利時英國荷蘭增至自主地區健康國家警示管理</t>
  </si>
  <si>
    <t>新冠肺炎疫情在全球擴散中央流行疫情指揮中心將旅遊警示國家與地區由10處擴增為36處。指揮中心今宣佈將比利時、荷蘭等歐洲8國中東地區巴林、科威特2國的旅遊疫情建議等級提升至第二級警示；盧森堡、捷克、英國</t>
  </si>
  <si>
    <t>疫情警示中心旅遊指揮地區提升等級建議全球歐洲荷蘭比利時宣佈擴散國家中央流行中東肺炎科威特巴林增為盧森堡</t>
  </si>
  <si>
    <t>新冠肺炎疫情在全球擴散中央流行疫情指揮中心將旅遊警示國家與地區由10處擴增為36處。指揮中心今宣佈將比利時、荷蘭等歐洲8國中東地區巴林、科威特2國的旅遊疫情建議等級提升至第二級警示；盧森堡、捷克、英國等申根區域16國則升至第一級注意。民眾若自這些地方返台需自主健康管理14天。
指揮中心指揮官陳時中表示歐洲的疫情已越來越嚴峻中東疫情也持續升溫。歐洲疾病預防控制中心（ECDC）日前評估歐盟地區及英國的感染、群聚、未來數周出現廣泛持續性傳播的風險均為中至高級另中東地區部分國家亦與上列歐洲國家有相同風險。
為加強防疫指揮中心宣佈即起將冰島、瑞士、挪威、瑞典、比利時、荷蘭、丹麥及奧地利歐洲8國以及中東地區的巴林和科威特的旅遊疫情提升至第二級警示國人在當地應採取加強防護措施。若自這些國家入境台灣則需落實14天自主健康管理。
另考量申根區域國家人員流動密切指揮中心也同步將希臘、捷克、葡萄牙、芬蘭 、斯洛維尼亞、波蘭、愛沙尼亞 、匈牙利、盧森堡、馬爾他、斯洛伐克、拉脫維亞、立陶宛、列支敦斯登以及與申根區自由流動的英國、愛爾蘭共16國的旅遊疫情建議等級升至第一級注意。前往上述國家應遵守當地一般預防措施若自這些國家入境後則需落實14天自主健康管理。
指揮中心社區防疫組副組長莊人祥表示各國旅遊疫情建議等級的提升目前多以德國為參考基準。德國新冠肺炎每10萬人發生率為077低於此標準者但有一定風險者將被列為第一級注意地區；與德國相近則會被列為第二級警示地區；若疫情嚴峻甚至接近南韓狀況（幾千名案例）則會被升至第三級警告地區。
現行自主健康管理有6重點：1經常洗手、2每日早晚量體溫並紀錄體溫及活動史、3儘量避免出入公共場所外出需戴口罩、4身體不適需戴口罩儘速就醫、5生病期間家中休養戴口罩並避免外出。若口罩沾到分泌物應內摺丟進垃圾桶、6生病期間與他人交談時儘可能保持1公尺以上距離。
陳時中表示未來自主健康管理的強度將增強要求民眾確實落實。至於加強的細節莊人祥表示仍在研議中待討論完成將對外公開。</t>
  </si>
  <si>
    <t>疫情國家地區指揮歐洲中心表示管理自主健康警示英國風險加強口罩旅遊注意升至生病期間落實盧森堡德國未來</t>
  </si>
  <si>
    <t>國家冰島荷蘭旅遊疫情科威特</t>
  </si>
  <si>
    <t>旅遊疫情荷蘭冰島科威特國家</t>
  </si>
  <si>
    <t>感染外籍明後確定宣佈縣府父子全面宜蘭</t>
  </si>
  <si>
    <t>宜蘭縣11日新增3件新冠肺炎確診個案其中1名是60多歲女性旅行業從業人員另外兩人是一對父子確診的父親（案12506）是上個月所公佈宜蘭大學安心上工確診病患（案2372）的接觸者但縣府表示這位父親先前經過篩</t>
  </si>
  <si>
    <t>確診父親宜蘭縣府肺炎接觸個案女性安心上工公佈大學上個月表示新增行業從業人員父子先前</t>
  </si>
  <si>
    <t>宜蘭縣11日新增3件新冠肺炎確診個案其中1名是60多歲女性旅行業從業人員另外兩人是一對父子確診的父親（案12506）是上個月所公佈宜蘭大學安心上工確診病患（案2372）的接觸者但縣府表示這位父親先前經過篩檢及核酸檢測都是陰性因此確切的感染源仍有待進一步釐清；此外縣府也宣佈考量宜蘭最大宗的外籍移工是漁工經過與兩個漁會討論之後明、後兩天將在兩個地區漁會為漁工進行一次快篩藉此瞭解及評估外籍漁工的健康。
縣府在11日舉行的線上記者會中表示宜蘭縣新增的3件案例案12311和案12506是父子案12506（父親）因為是案2372的接觸者當時衛生局已匡列為居家隔離個案並安排採檢結果呈現陰性在居家隔離期間為曾感覺到腸胃不適到醫院急診並且出現發燒、呼吸道症狀進一步以核酸檢測仍呈現陰性當時診斷是扁桃腺發炎。
案12506在5月26日解除隔離後回到家中後來10多歲的兒子（案12311）出現咳嗽、流鼻水、嗅覺異常等症狀6月9日到醫院採檢後確診CT值21衛生局也立即將案12506再次匡為居家隔離對象並進行採檢結果為陽性確診CT值27。但衛生局表示這兩案的感染源目前仍難以確定還在逐步釐清中。
此外由於宜蘭縣內的外籍移工以漁工為最大宗外籍船員的數量大約有1600多人其中以印尼籍1000多人佔大多數菲律賓籍有將近500人少部份是越南及泰國籍僱用外籍船員的漁船數則有將近500艘；縣長林姿妙表示外籍移工也是我們的家人他們的健康同樣要受到重視經過縣府與頭城區漁會、蘇澳區漁會討論之後明、後（12、13）日縣府將在兩個地區漁會幫漁工進行快篩作業一同做好防疫工作。</t>
  </si>
  <si>
    <t>縣府外籍確診表示宜蘭隔離居家漁會進行陰性衛生局出現症狀個案將近</t>
  </si>
  <si>
    <t>12506縣府漁工快篩</t>
  </si>
  <si>
    <t>12506 縣府 漁 工 快 篩</t>
  </si>
  <si>
    <t>醫護肺炎武漢重要一月警訊陳建仁</t>
  </si>
  <si>
    <t>副總統陳建仁接受日本媒體訪問時表示武漢醫護人員感染新冠肺炎是院內人傳人感染而不是來自於野味市場因此應該早點警覺中國和WHO一直到一月下旬才承認對全球防疫帶來很大的困難。2003年SARS期間陳建仁</t>
  </si>
  <si>
    <t>感染陳建仁媒體帶來訪問防疫全球承認表示下旬一月武漢一直who醫護人員中國警覺早點應該肺炎市場院內野味</t>
  </si>
  <si>
    <t>副總統陳建仁接受日本媒體訪問時表示武漢醫護人員感染新冠肺炎是院內人傳人感染而不是來自於野味市場因此應該早點警覺中國和WHO一直到一月下旬才承認對全球防疫帶來很大的困難。
2003年SARS期間陳建仁擔任衛生署長期間負責台灣抗煞工作是國際知名公衛專家日本媒體特別請陳建仁說明本次新冠疫情防疫經驗以及給予日本防疫工作的建議。
陳建仁指出台灣在一月初就聽到傳言說武漢出現了奇怪的不明肺炎立刻召開傳染病防治諮詢委員會。台灣很早注意到疫情是因為發現武漢有醫護人員感染他認為醫生和護士感染新冠肺炎絕對不太可能會是去野味市場得到感染的。
陳建仁說：「他們說沒有人對人的傳染（person to person transmission）我心裡想不太可能除非這些醫生護士常常都跑去野味市場要不怎麼會從野味市場被感染？」
他強調後來的報告發現最早期的病人根本都沒到過市場是後來有些病人到了市場把病毒帶到市場裡去。「可以人對人傳染」對傳染病防疫是很重要的可是中國一直到一月下旬才承認WHO也是跟著中國後面才承認這個事實這對於全世界的防疫就造成很大的困難。
日本媒體詢問中國目前進行「封城」行動WHO給他們的評價很好認為有助控制疫情陳建仁對此事的看法是什麼？
陳建仁回應「封城」是全世界第一次有這樣做的防疫措施。台灣沒有封城的經驗我們只有封和平醫院的經驗。但是和平醫院的封院實際上這個構想是不錯的就是說把可能感染的人或者是被感染的人以及醫護人員在一個比較隔離的地方不要感染到其他人。然後讓這些人能夠得到很好的醫療照顧讓外面的人也可以去支援這是很好的。但是封院不好的地方是因為關得太倉促了讓民眾沒有準備好所以（就變成）就很複雜。
陳建仁表示台灣得到封城的資訊很少不曉得封城前跟封城後的狀況是如何？也不曉得是不是封城本身帶來病例的減少？如果一個地區被感染後它的感染病例通常都會一直上升可是當達到很多人感染後病例數就開始下降這是否因為封城導致的效果他沒有經驗全世界也都沒有人有這樣經驗。對於WHO說這是封城才達到的效果陳建仁站在科學家的角度來看他認為目前還需要蒐集更多的證據才能證明封城是否確實有效果。
然而封城付出了很大的代價。這些經濟上、人民生活平安、安全的代價等都需要考慮。陳建仁認為與其要等到疫情很嚴重、要封城還不如剛開始在醫院裡面知道有群聚感染 （clustered cases）的時候就去做防疫。
陳建仁表示以這個例子來看任何一個好的流行病學家或者是防疫的專家都要去看「first sign」──第一個跡象也就是第一個可能爆發流行的跡象就要掌控住。那就好像星星之火足以燎原當那個火種一出來就要趕快把它熄滅掉。當然封城是後面的事情但是前面那一段WHO到現在為止都一直沒有強調未來碰到同樣的情形如何去掌握「first sign」怎麼樣在很有限傳染的情況下就去控制它WHO應該更著眼在未來類似疫情的早期發現和適切預防上。</t>
  </si>
  <si>
    <t>陳建仁封城感染防疫who臺灣沒有疫情市場日本認為中國經驗一直表示媒體武漢發現</t>
  </si>
  <si>
    <t>封城陳建仁感染WHO武漢</t>
  </si>
  <si>
    <t>封城感染武漢who陳建仁</t>
  </si>
  <si>
    <t>az到貨疫苗打完以下希望全台</t>
  </si>
  <si>
    <t>由於台灣疫苗庫存見底第五輪打完莫德納後第六輪將由高端上場而昨天下午共有524萬劑自購AZ抵台不少民眾好奇究竟會開放給誰打。中央流行疫情指揮中心指揮官陳時中昨天表示原則上會按照年齡層往下開放考量</t>
  </si>
  <si>
    <t>開放打完莫德納上會高端上場表示原則昨天下午昨天共有陳時中指揮官az中心指揮民眾疫情好奇流行究竟中央</t>
  </si>
  <si>
    <t>由於台灣疫苗庫存見底第五輪打完莫德納後第六輪將由高端上場而昨天下午共有524萬劑自購AZ抵台不少民眾好奇究竟會開放給誰打。中央流行疫情指揮中心指揮官陳時中昨天表示原則上會按照年齡層往下開放考量到第四輪是提供給38歲以上的民眾打因此這些AZ疫苗有望給38歲以下的族群接種。
我國自購的524萬劑AZ已於昨天下午抵達桃園國際機場待完成通關程式後將直接運送至指定冷儲物流中心進行檢驗封緘作業。指揮中心表示台灣自購1000萬劑的AZ先前已到貨的包括3月3日117萬劑、7月7日626萬劑、7月15日56萬劑、7月27日582萬劑以及的524萬劑總計約241萬劑到貨。
這波524萬劑的AZ會分配給誰打陳時中昨在記者會上提到這波到貨的524萬劑AZ原則上會依年齡層繼續往下開放但相關細節仍需再討論後續可能也會有一些疫苗進來因此要如何適當安排會整體做考慮。詳情尚未定案。
另外考量到第四輪疫苗是提供給38歲以上的民眾預約施打加上陳時中昨天說「原則上會依年齡往下開放」因此38歲以下的族群也許有可能可以打到AZ。
我國疫苗接種的人口涵蓋率3778％累計接種943萬3236人次。根據指揮中心統計截至8月11日為止已經打第二劑疫苗的人共56萬5947人次涵蓋率僅24％。其中38萬6390人是打AZ、7萬9557人打莫德納。
而截至昨（12日）下午5點疫苗登記狀況只選AZ的有1096萬人佔比812%；只選莫德納的約4019萬人佔比2978%；只選高端的194萬人佔比144%；複選AZ和莫德納的有727萬人佔比5386%；複選AZ和高端約38萬人、佔比028%；複選莫德納與高端的約128萬人、佔比096%；三款都選的約75萬、佔比555%。</t>
  </si>
  <si>
    <t>az疫苗中心開放指揮莫德納陳時中民眾接種原則可能表示昨天下午高端上會</t>
  </si>
  <si>
    <t>AZ莫德納疫苗年紀族群</t>
  </si>
  <si>
    <t>az族群年紀莫德納疫苗</t>
  </si>
  <si>
    <t>慈湖鄭文燦業者來客風景區桃園</t>
  </si>
  <si>
    <t>新冠肺炎疫情延燒旅宿、餐飲業一片愁雲慘霧桃園市觀旅局調查桃園各大飯店2月住房和餐飲營收下降4到7成紛紛關掉自助餐或改外賣風景特定區也平均下滑4成尤其慈湖園區幾乎沒人桃園市長鄭文燦19日裁示減少</t>
  </si>
  <si>
    <t>桃園鄭文燦市長餐飲業沒人調查幾乎疫情飯店園區風景尤其住房餐飲慈湖下滑平均自助餐</t>
  </si>
  <si>
    <t>新冠肺炎疫情延燒旅宿、餐飲業一片愁雲慘霧桃園市觀旅局調查桃園各大飯店2月住房和餐飲營收下降4到7成紛紛關掉自助餐或改外賣風景特定區也平均下滑4成尤其慈湖園區幾乎沒人桃園市長鄭文燦19日裁示減少租金、或延遲繳納權利金協助業者渡難關「少多少來客、就少多少租金！」
觀旅局長楊勝評指出根據調查1月春節期間營收影響較小僅較去年少3至5％但隨著疫情越演越烈2月住房和營收大幅下降古華花園飯店、桃園喜來登酒店、桃花園大飯店住房營收下降4成紛紛將自助西餐廳暫停營業或改單點福容大飯店A8館住房少5成、桃園館更高達6成雖然餐廳正常營運但改以外賣為大宗各大飯店都鼓勵現職員工排年假、特休因應小人國主題樂園散客也下降7成、團客少3成。
楊勝評說旅宿業者普遍反應中央紓困方案如人才培訓、週轉金貸款、振興抵用券等效益有限桃園旅宿業3巨頭聯名向交通部反映希望依勞保員工數改採實質補貼避免無薪假或裁員；並補助地價稅、房屋稅部分月數稅額或是暫緩一年繳納、分期繳納等方式因應救急不救窮減輕業者經營成本市府除向中央反映也請地稅局評估緩收或分期。
桃園各大風景區和景點人數平均下滑約4成僅虎頭山跟小烏來持平評估慈湖停車場、後慈湖入園、小烏來天空步道等收費服務受疫情影響將減少3成營收。
楊勝評說觀旅局委外經營、或標租方式收益的地點有慈湖園區、大溪老城區遊客中心、虎頭山公園販賣亭、以及桃信亭咖啡廳依合約規定1月底前要繳納全年權利金180萬元其中慈湖園區因陸客佔遊客比例高達3成受疫情衝擊最大研擬讓廠商展延到6月底前繳交舒緩資金壓力未來並以延長委外經營、半年不收權利金等方式補償。
「少多少來客、就少多少租金！」桃園市長鄭文燦19日指示像是慈湖園區業者才剛得標不要嚇跑對方。他也提到休閒農場等戶外型旅遊景點應該加強行銷增加來客數。</t>
  </si>
  <si>
    <t>桃園業者疫情園區飯店繳納方式經營慈湖下降權利員工住房租金月底</t>
  </si>
  <si>
    <t>指揮中心今日疫情重點</t>
  </si>
  <si>
    <t>新冠肺炎（COVID-19）疫情全球升溫我國全力防堵疫情擴散今（12）中央流行疫情指揮中心說明最新進度記者會重點如下：◎今日新增3名新冠肺炎確診案例1例本土、2境外移入個案。其中本土個案386為案195同住友人</t>
  </si>
  <si>
    <t>疫情本土肺炎個案案例確診指揮進度中心記者會說明升溫重點最新如下新增全球今日境外擴散中央流行全力</t>
  </si>
  <si>
    <t>確診中心指揮疫情是否目前表示症狀肺炎病毒一連陳時中室友出院友人</t>
  </si>
  <si>
    <t>新冠肺炎武漢肺炎COVID-19台灣全球</t>
  </si>
  <si>
    <t>肺炎武漢covid-全球臺灣</t>
  </si>
  <si>
    <t>大好明年twswifi點火導體</t>
  </si>
  <si>
    <t>瑞昱(2379)第四季五大產品線除TV SoC高峰已過外其餘皆維持成長動能且有機會維持到明年展望2021年藍芽、WiFi6更將扮演瑞昱營運兩大亮點今股價開高震盪上漲約15%最高達3805元。瑞昱第三季營收22409億</t>
  </si>
  <si>
    <t>瑞昱維持tv最高soc高峰上漲震盪開高股價明年展望亮點藍芽wifi營運扮演</t>
  </si>
  <si>
    <t>瑞昱(2379)第四季五大產品線除TV SoC高峰已過外其餘皆維持成長動能且有機會維持到明年展望2021年藍芽、WiFi6更將扮演瑞昱營運兩大亮點今股價開高震盪上漲約15%最高達3805元。
瑞昱第三季營收22409億元季增加2925%、年增加3968%單季稅後純益2509億元季增加2372%年增加3054%每股稅後純益483元瑞昱第三季營收、獲利同創新高單季毛利率4135%季減少34個百分點年減少153個百分點。
瑞昱受惠在WiFi 4、WiFi 5、乙太網路、交換器等產品線的帶動下單月營收自6月起連續四個月創下歷史新高第三季每股獲利492 元也成功寫下歷史新高目前瑞昱五大產品線中除 TV SoC 的出貨高點已過外包括乙太網路、PON、交換器、藍芽等訂單能見度都可達年底其中WiFi晶片甚至可看到明年第一季瑞昱整體營運能見度高。
展望2021年由於WiFi 6可支援多個使用者同步進行上傳與下載覆蓋範圍比WiFi 5(80211ac)多80%傳輸速度也比WiFi 5快40%故WiFi 6替換WiFi 5的速度將比過去WiFi 5替換WiFi 4的速度快瑞昱WiFi 6 晶片才剛開始量產今年貢獻度很低但預估2021年大量出貨後滲透率將達20~30%另外TWS(無線藍牙耳機)儘管今年上半年受到疫情影響終端消費市場但瑞昱在下半年推出含ANC(主動降噪)功能的第二代TWS晶片產品毛利率也較佳瑞昱也看好2021年具有ANC的TWS晶片出貨量大增2022年將成為主流產品。
車用領域上瑞昱耕耘已久惟車用市場需要較長的認證時間瑞昱看好未來乙太網路晶片將取代CAN-bus2019年起已出貨給德國Tier I汽車零組件供應商預計長線市占率會穩定成長扮演另一股成長動能。</t>
  </si>
  <si>
    <t>瑞昱wifi產品tws乙太網路新高今年anc車用藍芽營運展望明年能見度毛利率</t>
  </si>
  <si>
    <t>瑞昱新冠肺炎乙太網路TWSTV SoC</t>
  </si>
  <si>
    <t>乙太肺炎網路twstv瑞昱soc</t>
  </si>
  <si>
    <t>後遺症嗅覺戈貝爾nba恢復</t>
  </si>
  <si>
    <t>身為NBA首位確診新冠肺炎的球員且被公認是造成NBA今年3月無限期停賽的最大「元兇」爵士中鋒戈貝爾近日接受法國媒體《隊報》訪問表示自己到目前為止還受到新冠後遺症影響那就是他的嗅覺很可能要1年後才可恢復</t>
  </si>
  <si>
    <t>nba可能嗅覺近日接受戈貝爾法國中鋒媒體爵士隊報元兇訪問表示停賽影響無限期目前為止今年受到</t>
  </si>
  <si>
    <t>身為NBA首位確診新冠肺炎的球員且被公認是造成NBA今年3月無限期停賽的最大「元兇」爵士中鋒戈貝爾近日接受法國媒體《隊報》訪問表示自己到目前為止還受到新冠後遺症影響那就是他的嗅覺很可能要1年後才可恢復！
「我的味覺已經恢復了可是嗅覺還沒百分百恢復」當時成為首位坦承自己因為新冠肺炎導致喪失味覺與嗅覺的戈貝爾表示「我可以聞到氣味卻只能近距離才可聞到我跟醫學專家談過他們告訴我的嗅覺可能需要1年才能恢復。」
對自己成為感染新冠肺炎遭到外界抨擊戈貝爾也回擊「我成為美國新冠病毒的代言人產生的骨牌效應造成NBA停賽但並非我把新冠病毒帶到美國！」他似乎到現在仍無法釋懷自己被外界抨擊甚至自己隊友米契爾也在其中。
看來戈貝爾已經選擇性失憶畢竟當時要不是他先在一場賽後記者會上演離譜的故意回頭狂摸麥克風戲碼甚至在爵士休息室內刻意去觸碰自己隊友的物品或置物櫃他也不會受到外界如此嚴重的抨擊要怪也只能怪他自己手太犯賤。</t>
  </si>
  <si>
    <t>戈貝爾嗅覺外界抨擊恢復成為肺炎爵士甚至nba隊友當時表示受到只能才可已經聞到停賽可能造成味覺美國</t>
  </si>
  <si>
    <t>戈貝爾嗅覺恢復NBA爵士</t>
  </si>
  <si>
    <t>爵士nba嗅覺戈貝爾恢復</t>
  </si>
  <si>
    <t>確診心聲張雅琴真實時中回台全台出國白工</t>
  </si>
  <si>
    <t>新冠肺炎全球發威然多虧台灣相關部門的超前佈署防堵疫情嚴密程度有目共睹然「人禍難防」這兩天暴增14起境外移入確診案例引發民怨名主播張雅琴也在節目上透露臉書被憤怒網友灌爆請她呼籲眾人防疫為重、</t>
  </si>
  <si>
    <t>多虧網友憤怒臺灣相關透露節目部門呼籲張雅琴全球超前名主民怨引發案例確診</t>
  </si>
  <si>
    <t>新冠肺炎全球發威然多虧台灣相關部門的超前佈署防堵疫情嚴密程度有目共睹然「人禍難防」這兩天暴增14起境外移入確診案例引發民怨名主播張雅琴也在節目上透露臉書被憤怒網友灌爆請她呼籲眾人防疫為重、不宜出國她則是暴怒狂轟要那些硬要出國的人「你不要回來了！」並曝光陳時中開防疫記者會時的「真實心聲」。
張雅琴昨在《年代晚報》主播臺上大動肝火表示自己跟灌爆她臉書的民眾一樣憤怒對那些堅持出國的民眾喊話表示如今不是怕有人出國「人家怕你在外面爽了一下…就把病帶回台灣有沒有公德心啊！」也說陳時中昨天在宣佈台灣添8起境外移入案例時感受到他的哀怨張雅琴解析陳時中部長真實心聲：「不要讓全台灣的人做白工嘛！」。
至於境外移入案例暴增政府公佈新措施將來執意前往三級旅遊警示疫區、返台後確診者不得領每日一千元的居家檢疫補助、需自負醫療費用且還要公佈姓名張雅琴大讚此舉痛快「看看是誰沒有辦法出去玩就受不了還要帶病回來！」還加碼放送「你可以出國你不要回來了！」。</t>
  </si>
  <si>
    <t>臺灣張雅琴出國陳時中回來案例確診公佈還要沒有防疫表示境外心聲真實</t>
  </si>
  <si>
    <t>張雅琴陳時中確診境外移入三級</t>
  </si>
  <si>
    <t>境外陳時中確診張雅琴</t>
  </si>
  <si>
    <t>振興不下餐飲政府紓困快撐動作銀根銀行</t>
  </si>
  <si>
    <t>新冠肺炎疫情衝擊各產業商圈、餐廳人潮稀落台灣連鎖加盟促進協會理事長李日東今天表示業者受疫情影響生意慘淡甚至有銀行已經在抽銀根呼籲政府紓困動作要快並依照連鎖產業影響程度分類給予適當補助不要</t>
  </si>
  <si>
    <t>產業影響連鎖疫情分類衝擊程度已經銀根銀行呼籲商圈政府日東今天紓困協會甚至理事長促進加盟臺灣慘澹人潮生意表示業者</t>
  </si>
  <si>
    <t>新冠肺炎疫情衝擊各產業商圈、餐廳人潮稀落台灣連鎖加盟促進協會理事長李日東今天表示業者受疫情影響生意慘淡甚至有銀行已經在抽銀根呼籲政府紓困動作要快並依照連鎖產業影響程度分類給予適當補助不要等到業者撐不下去才推出紓困方案緩不濟急。
因應新冠肺炎疫情延燒商圈、連鎖餐廳、夜市生意、交通及觀光等產業生意一落千丈台灣民眾黨立委邱臣遠、蔡壁如、賴香伶今邀集連鎖餐飲代表舉辦座談會多家業者提出中小企業紓困貸款及利息補貼、政府補助租金減免、協助餐飲業導入外送平臺等訴求。
根據經濟部規劃受到疫情影響產業若營業額減少15％以上業者提供資金紓困3方案包括營運資金利息補貼用於支付員工薪資及營業場所的租金每家上限55萬元最長6個月；舊貸本金得申請展延補貼金額以22萬元為限最長1年；振興貸款利息補貼美加上限22萬元最長1年。
「遠水救不了近火！」李日東指出政府提出的紓困貸款等措施還在草擬階段但業者已經面臨貸款銀行抽銀根銀行找各種理由不願繼續貸款業者快要撐不下去希望政府紓困動作要快除提供紓困貸款及利息補貼同時也應該拿出點誠意補貼房租減輕業者負擔。
麥味登總經理陳潮宗表示疫情延燒生意慘兮兮這陣子民眾都不願意到店裡用餐因而帶動外送業者業績逆勢成長不過餐飲的毛利約售價的40、50％外送平臺服務費就要收30到40％比疫情還要嚴重希望政府能夠在疫情衝擊最嚴重的當下伸出援手等到疫情趨緩才紓困產業該倒的都倒了能夠撐住的也不差這一點補助。
對此經濟部商業司專委許福添說基於民眾考量防疫選擇外送平臺提供餐飲服戶會商請外送平臺讓利與業者做並補助業者每家15萬元總計1萬1000家讓餐飲業者可以藉由外送平臺維持業績。</t>
  </si>
  <si>
    <t>業者疫情紓困補貼貸款產業連鎖補助政府平臺生意利息餐飲影響提供臺灣民眾經濟部租金表示</t>
  </si>
  <si>
    <t>新冠肺炎連鎖餐飲疫情振興紓困抽銀根</t>
  </si>
  <si>
    <t>疫情餐飲連鎖振興肺炎紓困銀根</t>
  </si>
  <si>
    <t>回檔外資力成導體</t>
  </si>
  <si>
    <t>記憶體封測廠力成（6239）法說對營運後市釋出正向展望預期第二季營收可望維持成長全年營運挑戰新高。多家外資出具最新報告同聲看好力成營運後市維持既有評等不變、目標價則高低調整互見由100～130元區間調</t>
  </si>
  <si>
    <t>營運後市維持調整高低目標價評等既有釋出出具最新外資正向季營報告預期展望同聲挑戰</t>
  </si>
  <si>
    <t>需求維持預期成長營運下半年表現力成外資表示展望評等目標價目前疫情調升帶動影響公司</t>
  </si>
  <si>
    <t>力成營運展望DRAMFlash</t>
  </si>
  <si>
    <t>營運展望flash力成dram</t>
  </si>
  <si>
    <t>病人共收重症醫院高達新北</t>
  </si>
  <si>
    <t>近期新冠肺炎死亡人數逐漸上升新北市長侯友宜25日表示新北市目前各大醫院收治病人總共有528人其中有77人是重症比例15％相當高且重症很多是長者市府將加強醫院與長照機構防疫落實感控、分艙、分流除</t>
  </si>
  <si>
    <t>醫院新北重症死亡落實人數逐漸防疫上升機構肺炎目前加強長者市府市長侯友宜表示</t>
  </si>
  <si>
    <t>近期新冠肺炎死亡人數逐漸上升新北市長侯友宜25日表示新北市目前各大醫院收治病人總共有528人其中有77人是重症比例15％相當高且重症很多是長者市府將加強醫院與長照機構防疫落實感控、分艙、分流除了必要性洗腎與緊急需求其他都視訊看診確保長者安全。
侯友宜說今天整個到現在新北市確診人數達1926人還是以板橋昨天總篩檢數量6647人是最高的一天熱區的陽性率達448％、435％比總平均的367％還要高證明熱區比較容易感防疫一定要加強。</t>
  </si>
  <si>
    <t>新北長者人數醫院侯友宜防疫熱區加強重症死亡緊急需求逐漸必要性分流上升</t>
  </si>
  <si>
    <t>新冠肺炎台灣重症收治病人侯友宜</t>
  </si>
  <si>
    <t>重症肺炎臺灣收治病人侯友宜</t>
  </si>
  <si>
    <t>晚餐周後挑戰變化驚人高一</t>
  </si>
  <si>
    <t>國中畢業就燒了一手好菜可說是非常不容易。日本一名人妻在兒子國中畢業後出了一個每天花1000日幣（約新台幣273元）做晚餐的任務而剩下的經費便可作為他的零用錢兒子花了8週的時間成功做了一桌好料讓不少</t>
  </si>
  <si>
    <t>兒子畢業國中成功晚餐任務剩下台幣經費作為非常零用錢一手時間每天花不容易日本</t>
  </si>
  <si>
    <t>國中畢業就燒了一手好菜可說是非常不容易。日本一名人妻在兒子國中畢業後出了一個每天花1000日幣（約新台幣273元）做晚餐的任務而剩下的經費便可作為他的零用錢兒子花了8週的時間成功做了一桌好料讓不少網友直呼「小當家」。
今日から、息子(中3)が晩ご飯を作る事にしてました。予算は1日千円。殘った分は、小遣いとして渡す約束。 pictwittercom/ODIjFvDaft
日本人妻@miramania56透露兒子今年3月國中畢業後就受到新冠疫情影響學校也因此延後開學而她便決定給兒子一項任務表示假若他能用1千日元做晚餐剩下的錢就歸他所有而其兒子也接受挑戰從3月10日開始執行計畫第一天做出蝦仁義大利麵、沙拉和湯。
息子(高1)が作る晩ご飯55日目。學校が始まって2週間。やっと餘裕が出來て來たので久しぶりにご飯作ってくれました。1番最初に作った海老? のタラコパスタ。タラのムニエル。やみつきキュウリ? 昨日のスープ。レシピ見なくても作れるようになったと喜んでいる。あ、喜んでるのは、私です。 pictwittercom/yy4FPZEahx
人妻兒子的菜色起初都很簡單第三天開始參考食譜添加蛋白質的食物而一個禮拜過去了晚餐共花了3336日元而兒子獲得3664日元的零用錢但他並未選擇放棄在母親節當天他在父親的建議下做出生魚片套餐及草莓慕斯挑戰持續56天他總共獲得19669日元零用錢。
息子(高1)が作る晩ご飯56日目。昨日で8週間だったので精算しました。息子の取り分は2866円合計で19669円でした。卒業してから約3カ月、コロナによる長い休みに食と経済について、大分勉強になったと思います。ほとんどのレシピを山本ゆりさん@syunkon0507 にお世話になりました！ありがとう！ pictwittercom/g8285Sg3SN
人妻@miramania56提到兒子在這8週不僅廚藝變好也懂得如何控制食材成本還有做菜的一些小常識例如雞腿肉雖貴但魚類更貴添加香油能讓食物氣味佳瞭解煮完飯後會希望有人能幫忙收拾起初他還需要靠看食譜做菜如今甚至根本不用看讓她開玩笑地說「兒子長大了！但老公還是那個死樣子」。</t>
  </si>
  <si>
    <t>兒子日元零用錢pic晚餐twitter做出做菜com食譜畢業開始挑戰食物學校</t>
  </si>
  <si>
    <t>日本小當家做菜煮飯零用錢</t>
  </si>
  <si>
    <t>當家做菜煮飯日本零用錢</t>
  </si>
  <si>
    <t>大讚「中國防疫做得很好」 饒舌天后卡蒂B：人家強大的很絕對惹不起</t>
  </si>
  <si>
    <t>人家饒舌強大卡蒂防疫中國絕對大贊惹不起</t>
  </si>
  <si>
    <t>知名美國饒舌天后卡蒂B（Cardi B）個性嗆辣直率、有話直說面對疫情日前一句「老娘好怕怕」紅遍全球更被DJ Snake（蛇爺）創作成《新冠病毒Remix》（Coronavirus Remix）登上排行榜。她近日開直播大讚「中國防</t>
  </si>
  <si>
    <t>remix近日排行榜直率有話直說面對疫情卡蒂dj創作snake蛇爺直播cardi個性coronavirus日前老娘病毒紅遍</t>
  </si>
  <si>
    <t>知名美國饒舌天后卡蒂B（Cardi B）個性嗆辣直率、有話直說面對疫情日前一句「老娘好怕怕」紅遍全球更被DJ Snake（蛇爺）創作成《新冠病毒Remix》（Coronavirus Remix）登上排行榜。她近日開直播大讚「中國防疫做得很好。」
卡蒂B表示新冠肺炎在中國武漢確診人數之所以越來越少是因為封城的時候大街上都大量噴灑酒精、消毒液不光是這樣人員還會挨家挨戶敲門測量民眾的體溫只要發現有人感染新冠肺炎就會要求他進行隔離反觀美國做了什麼。
卡蒂B坦言「我們在居家隔離的時候政府有在大街上噴消毒水嗎？有一個個測量體溫嗎？我現在都搞不清楚自己有沒有染病因為今又有確診的球星說自己沒有任何症狀那老娘到底該不該去檢測？你們全都不當一回事請問在搞笑嗎？」
卡蒂B更砲轟美國總統川普稱新冠肺炎為「中國肺炎」；她認為「這是詆毀中國的行為人家強大的很絕對不是你冒犯的起中國說一老娘不敢說二。」
影片被節錄翻譯成中文迅速登上微博熱搜大陸網友紛紛留言「我的黨位留給妳」、「可以給卡姐安排一下央視新聞嗎」、「請提交黨申請書」、「恭喜卡姐即將在疫情後獲得在中國巡演120場門票」。
●自2分14秒開始。
更多 CTWANT 報導</t>
  </si>
  <si>
    <t>中國卡蒂老娘肺炎美國疫情確診沒有隔離時候大街紛紛</t>
  </si>
  <si>
    <t>卡蒂B中國新冠肺炎美國川普</t>
  </si>
  <si>
    <t>中國肺炎美國卡蒂川普</t>
  </si>
  <si>
    <t>裡長游歐女歷史</t>
  </si>
  <si>
    <t>新冠肺炎在歐洲大爆發新北市中和區瓦磘裡裡長林綺芳卻揪團前往西班牙旅行引來外界撻伐。草協聯盟發起人李正皓爆料指出林綺芳除了未盡責替選民服務或協調還用瘋狂檢舉開單的方式逼退傳統市場小販。李正皓在臉</t>
  </si>
  <si>
    <t>林綺芳李正皓爆發新北傳統方式開單歐洲大檢舉裡裡瘋狂還用協調外界引來旅行西班牙服務</t>
  </si>
  <si>
    <t>新冠肺炎在歐洲大爆發新北市中和區瓦磘裡裡長林綺芳卻揪團前往西班牙旅行引來外界撻伐。草協聯盟發起人李正皓爆料指出林綺芳除了未盡責替選民服務或協調還用瘋狂檢舉開單的方式逼退傳統市場小販。
李正皓在臉書爆料說看到這次無視疫情前往西班牙旅行返國後卻不去檢疫旅館報到私自返家的裡長是瓦磘裡長林綺芳時他一點也不意外。因為就他所知林綺芳是中和唯一能做到讓裡民天怒人怨的裡長。
李正皓表示去年中和瓦窯裡內有一個傳統市場突然受到警方強力取締但卻不見裡長來關心或協調他再追查後發現原來幕後的檢舉人竟然就是當地裡長林綺芳。
李正皓甚至痛批看到她此次無視疫情前往歐洲旅行且返國後不去檢疫旅館報到還私自回家的行為他真的一點都不意外因為一個連自己裡民都會欺負的人又怎麼可能會顧慮到全民或裡民的防疫？
網友回應說：「再不禁止國人出國遊玩我們的防疫人員會累垮台灣醫療會崩！」、「中和的人應該要憤怒。」、「唉有這種裡長真的很無言。」</t>
  </si>
  <si>
    <t>裡長林綺芳中和裡民協調檢舉防疫旅行前往傳統市場意外西班牙真的私自</t>
  </si>
  <si>
    <t>中和裡長裡長李正皓林綺芳裡民</t>
  </si>
  <si>
    <t>裡長李正皓林綺芳裡民中和</t>
  </si>
  <si>
    <t>盧秀燕疫苗輪到已向詢問中央積極爭取市民</t>
  </si>
  <si>
    <t>疫情未降溫疫苗成搶手貨台中市長盧秀燕8日在市政會議表示最近很多市民打電話到市府詢問疫苗怎麼打？但現在疫苗太少中央定有十大類施打順序醫護第一大類也沒打完還不到全民施打階段市府對十大類可以施</t>
  </si>
  <si>
    <t>疫苗大類市府搶手貨台中盧秀燕市長市政會議表示定有中央最近市民打電話打完全民施打順序醫護</t>
  </si>
  <si>
    <t>疫情未降溫疫苗成搶手貨台中市長盧秀燕8日在市政會議表示最近很多市民打電話到市府詢問疫苗怎麼打？但現在疫苗太少中央定有十大類施打順序醫護第一大類也沒打完還不到全民施打階段市府對十大類可以施打的對象先進行造冊希望爭取更多疫苗快速到達讓全民施打。
盧秀燕表示很多的市民朋友還有各行各業都打電話到市政府來問「我們要打疫苗要怎麼打？」因為現在台灣疫苗還非常有限中央配給地方政府的疫苗也非常的少中央排定十大類施打對象第一大類是醫護人員醫護人員都沒打完後續第二大類還未輪到現在還無法全民開放施打。
她說按照中央十大類依序來施打被指定施打者市府會造冊進行通知無法自由來登記施打包括第一類、第二類以下皆依序造冊疫苗施打對象和順序是中央流行疫情指揮中心規範全國一致針對十大類可以施打的對象先進行造冊市府希望爭取更多疫苗更快速的到達讓市民、朋友都有打疫苗的機會。
此外引發大學夜唱團學生感染新冠肺炎的美樂地KTV經發局長張峯源今日在市政會議專案報告時表示東協廣場自主停業到6月28日該廣場內因夜唱團群聚感染波及多名大學生及家庭成員的美樂地KTV調查實名制不實市府針對消費者和業者總共開出14張罰單金額從3600元到1萬5000元不等。</t>
  </si>
  <si>
    <t>疫苗大類市府施打中央表示造冊市民全民對象ktv現在市政會議盧秀燕進行無法打電話</t>
  </si>
  <si>
    <t>盧秀燕施打疫苗台灣新冠肺炎</t>
  </si>
  <si>
    <t>疫苗臺灣施打盧秀燕肺炎</t>
  </si>
  <si>
    <t>全台疫情隱藏雙北感染柯文哲</t>
  </si>
  <si>
    <t>臺北市長柯文哲7日下午在防疫記者會表示北市這幾天快篩陽性的總數有減少雙北的疫情目前趨緩但麻煩的是全台各地都有隱藏感染源整個社區也都有潛伏感染源還是要維持一定程度的三級管制用最低的成本撐到有</t>
  </si>
  <si>
    <t>感染下午防疫記者會表示北市程度管制陽性總數一定維持減少雙北疫情目前麻煩全台潛伏隱藏</t>
  </si>
  <si>
    <t>臺北市長柯文哲7日下午在防疫記者會表示北市這幾天快篩陽性的總數有減少雙北的疫情目前趨緩但麻煩的是全台各地都有隱藏感染源整個社區也都有潛伏感染源還是要維持一定程度的三級管制用最低的成本撐到有疫苗可以打。
柯文哲說台灣雖是特例但跟泰國很像就是2020年防守得不錯今年3月才出錯可能是因變種病毒的關係以前傳染力較差現在病毒總是會演化；結論就是目前雙北疫情雖趨緩但整個社區都有潛伏的感染源要用對經濟衝擊最小的最低成本撐到有疫苗可打。
媒體詢問柯曾說再三周會擴散至全台北市的醫療量能是否夠協助南部？柯說北市防疫專責旅館及醫院病房目前有3000床量能沒問題南部現在沒疫情還不用支援先把雙北、北部弄好。</t>
  </si>
  <si>
    <t>北市雙北疫情目前病毒防疫現在感染全台柯文哲南部潛伏成本最低社區疫苗撐到</t>
  </si>
  <si>
    <t>雙北感染源臺北市疫情疫苗</t>
  </si>
  <si>
    <t>臺北市疫情感染疫苗雙北</t>
  </si>
  <si>
    <t>人體巴拉圭試驗疫苗外交部提供協助</t>
  </si>
  <si>
    <t>我高端疫苗生物製劑公司日前與巴拉圭亞松森大學醫學院舉行視訊會議討論合作研發新冠肺炎疫苗並在巴國進行人體試驗雙方表達高度合作意願。外交部今天樂觀其成將居中協調提供必要協助。我友邦巴拉圭疫情告急</t>
  </si>
  <si>
    <t>合作巴拉圭疫苗協助必要公司協調提供居中日前亞松森大學樂觀其成醫學院舉行今天外交部意願會議人體高度進行巴國討論表達雙方試驗</t>
  </si>
  <si>
    <t>我高端疫苗生物製劑公司日前與巴拉圭亞松森大學醫學院舉行視訊會議討論合作研發新冠肺炎疫苗並在巴國進行人體試驗雙方表達高度合作意願。外交部今天樂觀其成將居中協調提供必要協助。
我友邦巴拉圭疫情告急日前巴拉圭在我協助下和印度簽訂Covaxin疫苗採購合約首批疫苗運抵巴拉圭時巴拉圭「擴大免疫計畫」主任卡斯楚對台灣表示感謝並透露同意台灣將巴拉圭納入疫苗臨床試驗。
外交部發言人歐江安今天表示本月22日我高端疫苗生物製劑公司與巴拉圭亞松森大學醫學院舉行視訊會議討論人體試驗事宜雙方都表達高度合作的意願。政府一向鼓勵台灣企業赴友邦進行經貿投資及交流；對於這項醫衛合作外交部樂觀其成並將居中協調繼續提供必要協助。
她強調一旦國產疫苗進入第三期人體試驗並獲得緊急使用授權在先滿足內需的原則下屆時也樂願輸出國產疫苗提供友邦協助對抗疫情。
歐江安指出在新冠肺炎疫情肆虐全球的危急時刻中國運用疫苗不當擴張影響力企圖破壞我與友邦邦誼的威脅一直存在。政府將秉持同舟共濟的精神持續結合理念相近友好國家的力量共同協助巴拉圭對抗疫情保障巴拉圭人民的健康與生命不受中國政府的外交勒索。</t>
  </si>
  <si>
    <t>疫苗巴拉圭友邦協助試驗合作疫情臺灣人體外交部政府提供進行今天江安日前肺炎對抗意願討論必要高度會議樂觀其成雙方</t>
  </si>
  <si>
    <t>巴拉圭新冠疫苗人體試驗疫苗友邦</t>
  </si>
  <si>
    <t>疫苗人體試驗巴拉圭友邦</t>
  </si>
  <si>
    <t>重新版圖一條龍策略pcb全球科技</t>
  </si>
  <si>
    <t>大陸製造快速崛起全球PCB版圖也重新洗牌根據Dr Hayao Nakahara的調查報告2019年全球前122大PCB製造商中有52家廠商來自於中國大陸與香港相較於2000年僅6家「中國大陸製造商」大幅成長大陸前6大廠總營收亦</t>
  </si>
  <si>
    <t>大陸pcb全球製造商中國來自版圖drhayao重新nakahara廠商調查報告大廠成長大幅崛起香港相較快速</t>
  </si>
  <si>
    <t>pcb大陸全球臺灣生產日本廠商產品產業區域製造製造商比重南韓基地手機發展國家</t>
  </si>
  <si>
    <t>新興全球三星PCB大陸</t>
  </si>
  <si>
    <t>大陸pcb三星全球</t>
  </si>
  <si>
    <t>可望明年初fda華藥pv</t>
  </si>
  <si>
    <t>藥華藥(6446)接獲FDA函謂其Ropeginterferon alpha 2b(P1101)美國PV藥證申請的完成審查日期為2021年3月13日。另外其以P1101治療或預防新冠肺炎的臨床試驗方案也已獲FDA授予Pre-IND號碼：150922FDA將給予書面回覆</t>
  </si>
  <si>
    <t>fda臨床肺炎試驗方案預防治療申請日期alpharopeginterferon審查完成美國pv號碼pre-ind</t>
  </si>
  <si>
    <t>藥華藥(6446)接獲FDA函謂其Ropeginterferon alpha 2b(P1101)美國PV藥證申請的完成審查日期為2021年3月13日。另外其以P1101治療或預防新冠肺炎的臨床試驗方案也已獲FDA授予Pre-IND號碼：150922FDA將給予書面回覆藥華藥美國子公司同仁及團隊也積極和KOL討論進入臨床試驗事宜。
藥華藥表示P1101用於治療真性紅血球增多症(Polycythemia Vera簡稱PV)的生物藥品上市藥證申請依FDA法規已於送件後第60天即美國時間2020年5月13日正式進入藥證審查。藥華藥並已於美國時間5月28日接獲送件BLA後第74天的FDA來函函稱FDA將依 Prescription Drug User Fee Act(PDUFA處方用藥使用者付費法案)的標準時程(Standard)進行P1101的PV藥證申請審查完成審查日期為2021年3月13日。藥華藥表示原希望有機會獲得優先審查然以現況能獲FDA確定時程更可落實執行美國子公司的行銷規劃產品的推出更能成功另原孤兒藥認證資格並不會受到影響。
藥華藥進一步表示獲送件BLA後第74天的FDA來函對獲得P1101美國PV藥證又達到一重要里程碑藥華藥將持續積極配合FDA進行後續相關審查作業以確定按照表訂時程取得藥證。其美國子公司也在公司總部的全力支持下投入行銷佈局及人員聘僱確保公司營運達到預期目標。
另外藥華藥已在美國時間2020年5月15日向美FDA送出以P1101治療或預防新冠肺炎的臨床試驗方案原係根據FDA之冠狀病毒療法加速專案申請藥華藥於美國時間2020年5月22日獲FDA回應並獲PIND號碼：150922函中FDA表示將給予藥華藥書面的建議。</t>
  </si>
  <si>
    <t>fda華藥美國審查表示pv子公司申請治療行銷試驗時間臨床進行積極獲得確定</t>
  </si>
  <si>
    <t>藥華藥PV藥證新冠肺炎孤兒藥</t>
  </si>
  <si>
    <t>pv孤兒肺炎華藥</t>
  </si>
  <si>
    <t>不要呼籲賴清德疲於奔命前往醫護人員急診室</t>
  </si>
  <si>
    <t>疫情升溫醫護人員疲於奔命副總統賴清德今天向民眾喊話無接觸史、活動史且無症狀者目前沒有篩檢必要。不要貿然前往急診室讓自己暴露在感染風險之中他也拜託國人把急重症醫療資源留給需要的人珍惜在第</t>
  </si>
  <si>
    <t>資源總統醫療賴清德重症今天民眾喊話國人之中症狀風險留給感染疲於奔命暴露目前急診室前往不要沒有</t>
  </si>
  <si>
    <t>疫情升溫醫護人員疲於奔命副總統賴清德今天向民眾喊話無接觸史、活動史且無症狀者目前沒有篩檢必要。不要貿然前往急診室讓自己暴露在感染風險之中他也拜託國人把急重症醫療資源留給需要的人珍惜在第一線為我們奮戰的醫護人員。
賴清德今天在臉書貼上醫護人員的身影表示「勇敢的醫療前線戰士謝謝你們負重前行！」悶熱的防護衣紅腫的勒痕破皮的耳後清晰的壓痕都是戰士的勳章。
他說這幾天收到很多來自第一線醫護同仁的訊息不止討論防疫措施「我一一感謝大家堅守崗位和疫情奮戰也請他們代為轉達家人我對他們的敬意」。
賴清德表示他知道每天的確診數讓國人有些心慌急診室醫護人員疲於奔命的景象曾為第一線臨床醫師的他感同身受也萬般不捨。身體的負擔心裡的負荷用意志力撐起。
COVID-19輕症比例高八成為輕症或無症狀者他懇切的呼籲大家無接觸史、活動史且無症狀者目前沒有篩檢必要。貿然前往急診室只會讓自己暴露在感染風險之中「切勿前往」。
他也要拜託全體國人請把急重症醫療資源留給需要的人也請珍惜在第一線為我們奮戰的醫護同仁因為有他們的負重前行大家才能安心健康的生活。</t>
  </si>
  <si>
    <t>醫護人員賴清德奮戰前往國人急診室戰士前行負重醫療表示同仁醫護症狀今天疲於奔命第一線疫情感染風險</t>
  </si>
  <si>
    <t>新冠肺炎台灣賴清德醫護人員急診室</t>
  </si>
  <si>
    <t>臺灣賴清德肺炎醫護人員急診室</t>
  </si>
  <si>
    <t>宣佈孕婦任選az急轉彎中心莫德納接種指揮</t>
  </si>
  <si>
    <t>孕婦昨被列為公費接種疫苗第6類實施對象即起開放接種不過原本規定同時為第一至第三類接種對象的孕婦才能選擇疫苗廠牌如果是一般孕婦則只能選擇AZ疫苗引起民眾關注不少縣市首長紛紛喊話讓孕婦打莫德納</t>
  </si>
  <si>
    <t>孕婦疫苗接種選擇物件喊話紛紛首長關注民眾引起實施az只能一般才能開放原本公費規定列為</t>
  </si>
  <si>
    <t>孕婦昨被列為公費接種疫苗第6類實施對象即起開放接種不過原本規定同時為第一至第三類接種對象的孕婦才能選擇疫苗廠牌如果是一般孕婦則只能選擇AZ疫苗引起民眾關注不少縣市首長紛紛喊話讓孕婦打莫德納疫苗對此中央流行疫情指揮中心今突改口孕婦可以從目前供應的疫苗種類擇一接種並依其接種劑次及時程完成。
指揮中心昨將孕婦列為第6類公費疫苗接種對象發言人莊人祥昨表示孕婦可以打AZ疫苗至於莫德納疫苗的部分如果是符合第一類至第三類別的孕婦則可以依規定接種莫德納疫苗。
相關規定曝光後不少縣市首長紛紛表態支持孕婦改打「莫德納」高雄市長陳其邁說疫苗餘額充足高市6/23擴大開放所有孕婦都可選打莫德納疫苗；桃園市長鄭文燦也表態支持孕婦施打莫德納疫苗；新竹市今（22日）上午開放孕婦接種疫苗並提供AZ和莫德納兩款可自由選擇。</t>
  </si>
  <si>
    <t>疫苗孕婦莫德納接種可以az物件規定指揮中心選擇開放表態市長支持首長紛紛公費列為擴大開放充足</t>
  </si>
  <si>
    <t>新冠肺炎孕婦疫苗指揮中心公費接種</t>
  </si>
  <si>
    <t>疫苗孕婦指揮肺炎中心公費接種</t>
  </si>
  <si>
    <t>《通信網路》去年淨利增逾7倍統新樂看5G商機</t>
  </si>
  <si>
    <t>新樂淨利去年通信網</t>
  </si>
  <si>
    <t>統新(6426)2019年獲利大爆發全年稅後淨利為094億元年增率70314%每股獲利278元董事會也通過每股配發現金股利20元展望2020年統新認為儘管有新冠肺炎衝擊但因為各國對5G的建設依舊相當積極故看好</t>
  </si>
  <si>
    <t>獲利衝擊肺炎建設展望股利配發董事會年增率淨利現金全年爆發認為相當積極看好</t>
  </si>
  <si>
    <t>需求現金基地獲利公司全年濾光片年增率員工成長布建董事會配發啟動建設展望肺炎</t>
  </si>
  <si>
    <t>統新新型冠狀病毒COVID-19薄膜濾光片5G</t>
  </si>
  <si>
    <t>病毒covid-冠狀薄膜濾光片</t>
  </si>
  <si>
    <t>效果做好證實經驗防疫疫苗</t>
  </si>
  <si>
    <t>全球疫情延燒一年多台灣卻才剛開始不過幸好全球已經經歷過的事情都有經驗作為參考。整形外科醫師黃馨慧雖不是第一線的醫護人員但利用自己的英文與查詢醫學期刊的能力整理了包含美國疾病管制署、Lancet、JA</t>
  </si>
  <si>
    <t>全球疾病美國包含整理能力醫學期刊查詢臺灣英文才剛利用醫護人員管制開始第一線幸好黃馨慧醫師外科整形已經參考作為經驗經歷事情</t>
  </si>
  <si>
    <t>全球疫情延燒一年多台灣卻才剛開始不過幸好全球已經經歷過的事情都有經驗作為參考。整形外科醫師黃馨慧雖不是第一線的醫護人員但利用自己的英文與查詢醫學期刊的能力整理了包含美國疾病管制署、Lancet、JAMA等醫學期刊對於新冠病毒的防禦經驗讓台灣民眾可以做好準備迎戰。以下為常見的五個問題：
1我還沒打到疫苗怎麼辦？
全台灣確診人數飆升但疫苗礙於施打量能與保存期限僅先抵達部分由第一線人員（含防疫、醫護、警消）施打一般民眾尚無法自費施打。
黃馨慧醫師表示還沒打到的民眾也別緊張其實戴好口罩就有7成防禦力不輸打疫苗。
她也分享曾在韓國發生的真實案例。一位超級傳播者剛好坐在出風口處2小時未戴口罩用餐、說話整間咖啡廳顧客因有拿下口罩進食全部染疫即使只有10分鐘也中標。反而在店裡工作的店員因為從頭到尾戴著口罩都沒事。美國CDC也有研究2位染疫的美髮師8天內接觸了139位顧客平均接觸15分鐘但彼此都有戴口罩最後0人被感染。
2雙層口罩到底有沒有用？
有的建議採用。美國CDC在實驗室模擬研究發現外層布口罩在內層戴醫療口罩可以阻擋咳嗽中85%的微粒。JAMA在2021年4月最新研究指出fitted filtration efficiency（密合過濾效率）在外層加上布口罩時從單層的66%大幅提升到81%。就連美國白宮病毒顧問佛契博士也開始戴雙層口罩。
3一天到底要消毒幾次？
普通營業場所一天消毒一次其實就足夠其實不用神經質的一直消毒。美國CDC研究指出透過表面傳染（fomite transmission）的機率小於萬分之一。除非為確診者待過的空間24hr內建議全面再消毒一次。間隔72小時之後傳染機率微乎其微所以確診者疫調足跡3天後民眾其實可以放心。
4學生去上課是不是很危險？
義大利研究18歲以下學生發現小學生的互相感染機率相當低僅04%國高中學生略高為65%感染率反而在教職員之間比較多所以歐美後來慢慢修改順序學校停課反而是比較疫情後期的事。不過體育課就絕對禁止因為此時呼吸急促口沫橫飛感染機率大增。
然而新加坡發現印度變種病毒株對孩童感染力較強已著手研發小孩疫苗還好症狀仍然比大人輕微。Lancet指出2歲以下嬰兒感染比較嚴重另外於家庭中小孩對家人的傳染力較強。
5我何時該去快篩？
接觸到感染者之後平均產生症狀的時間大約是5天。Lancet指出無症狀的感染者傳播力為有症狀感染者的兩成。目前篩檢人力已全國吃緊黃馨慧醫師呼籲民眾若無症狀只是單純懷疑千萬不要擠去急診快篩反而增加被感染機率。</t>
  </si>
  <si>
    <t>口罩感染民眾研究疫苗指出症狀反而美國臺灣消毒病毒以下黃馨慧其實醫師發現可以傳染lancet</t>
  </si>
  <si>
    <t>健康醫療網新冠肺炎台灣疫苗口罩</t>
  </si>
  <si>
    <t>肺炎臺灣醫療網疫苗口罩健康</t>
  </si>
  <si>
    <t>反撲疾呼疫苗流感起來今年</t>
  </si>
  <si>
    <t>公費流感疫苗今（1）日起開打。台大兒童醫院院長黃立民昨指出國內連2年沒有流感、侵襲性肺炎鏈球菌疫情民眾免疫力長期未被病毒激發今年秋冬恐有反撲大流行建議民眾應接種流感、肺炎鏈球菌及新冠肺炎等3種疫</t>
  </si>
  <si>
    <t>民眾流感肺炎鏈球菌起開台大兒童醫院院長黃立民指出國內沒有秋冬恐今年激發反撲病毒侵襲流行長期建議接種免疫力</t>
  </si>
  <si>
    <t>公費流感疫苗今（1）日起開打。台大兒童醫院院長黃立民昨指出國內連2年沒有流感、侵襲性肺炎鏈球菌疫情民眾免疫力長期未被病毒激發今年秋冬恐有反撲大流行建議民眾應接種流感、肺炎鏈球菌及新冠肺炎等3種疫苗才能避免合併感染導致重症或死亡。至於3支疫苗的接種順序黃立民說流感疫苗可與肺炎鏈球菌同時打和新冠疫苗相隔7天即可。
秋冬流感流行期將至新冠疫情威脅尚未解除肺炎鏈球菌也伺機而動。「李慶雲兒童感染暨疫苗發展醫學文教基金會」昨日舉行記者會以「新左流右肺」為衛教宣導主軸。疾管署多年來皆宣傳「左手打流感右手打肺炎鏈球菌」今年則增加「新冠肺炎疫苗」疾管署表示新冠肺炎打在哪隻手都可以重點是相隔7天。
該基金會董事長黃立民指出各國流行感冒已連2年未大流行多數人口未被激發免疫反應隨著新冠疫情逐漸受控「被壓制的流感病毒一定會回來」他並引述國外知名期刊指出三分之二感染科專家認為今年秋冬流感將大流行。
冬天另一好發感染症是侵襲性肺炎鏈球菌黃立民指出台灣2020年感染人數從往年7、8萬人降至3、4萬人但因重症住進加護病房人數維持在1至2萬人。他分析確診人數下降是因輕症者不敢進醫院但重症人數不變顯示整體感染數並未下降社區中潛藏感染肺炎鏈球菌危機。
台大小兒感染科醫師呂俊毅也指出肺炎鏈球菌平時多半潛伏人類鼻腔中當人體因感冒或免疫力下降時不必「國際交流」就會發病患者一旦出現侵襲性肺炎鏈球菌感染症細菌就會侵襲到血液、腦部、心臟、腎臟及骨頭各處死亡率相當高。
呂俊毅表示一旦感染新冠病毒或流感若再合併侵襲性肺炎鏈球菌感染症將是引起重症或死亡的主因也會增加治療難度；他呼籲今年冬天一定要「料敵以寬」3種疫苗都打起來尤其成年慢性疾病患者、先天或後天免疫功能不全者、65歲以上長者、5歲以下兒童等高風險族群。
新北市公費流感疫苗與肺炎鏈球菌疫苗今日開打市長侯友宜鼓勵符合資格者都能到合約醫療院所接種左、右手臂可同時接種不過與新冠肺炎疫苗要間隔7天以上。</t>
  </si>
  <si>
    <t>肺炎鏈球菌感染疫苗流感指出重症黃立民人數兒童接種流行病毒今年疫情侵襲流感疫苗</t>
  </si>
  <si>
    <t>黃立民肺炎鏈球菌疫苗肺炎侵襲性肺炎鏈球菌</t>
  </si>
  <si>
    <t>鏈球菌肺炎疫苗侵襲黃立民</t>
  </si>
  <si>
    <t>馬國確診新增誤診病例來自柬埔寨船上感染乘客威士特丹</t>
  </si>
  <si>
    <t>從香港出發的郵輪「威士特丹號」上週四（13日）終於在柬埔寨靠岸全部乘客通過檢疫獲准下船。但馬來西亞衞生部門昨日（15日）證實83歲美國女乘客飛抵馬國後確診感染新冠肺炎馬國全國累計22個確診病例。吉隆玻當</t>
  </si>
  <si>
    <t>乘客馬國確診週四全國終於柬埔寨靠岸檢疫獲准衛生部門飛抵威士特丹下船馬來西亞美國昨日證實累計肺炎感染郵輪出發病例香港</t>
  </si>
  <si>
    <t>從香港出發的郵輪「威士特丹號」上週四（13日）終於在柬埔寨靠岸全部乘客通過檢疫獲准下船。但馬來西亞衞生部門昨日（15日）證實83歲美國女乘客飛抵馬國後確診感染新冠肺炎馬國全國累計22個確診病例。吉隆玻當局正與航空公司合作追蹤同機機組人員及乘客下落。
但柬埔寨衞生部今日（16日）表示馬來西亞可能「誤診」已要求對方重新檢測確保結果可信。對此馬國副總理旺阿茲莎今日強調馬來西亞已經2次為該婦進行檢驗結果還是陽性才宣佈老婦確診。
《柬中時報》16日引述柬埔寨衛生部發言人稱馬來西亞衛生部可能「誤診」不僅是衛生部就連「威士特丹號」郵輪母公司荷美郵輪（Holland America Line）也要求馬來西亞當局重新檢測以確保檢測結果令人信服。
馬來西亞衛生部總監諾希山（Noor Hisham Abdullah）指出14日共有145名郵輪乘客飛往馬來西亞。患者與同行丈夫到達吉隆玻國際機場後就被發現有症狀該名婦女15日對病毒呈陽性反應目前病情穩定正在醫院隔離病房接受治療。她的85歲丈夫就呈陰性反應但仍需留院觀察。
柬埔寨衞生部表示當局按世界衞生組織（WHO）的檢測標準為郵輪所有人員檢疫確認沒問題後才讓他們下船。
鑒於船上出現確診個案至少有兩名荷蘭籍的威士特丹號乘客被禁止登上荷蘭皇家航空KLM810返荷的航班。荷蘭外交部證實共約11名國民被禁止登機。據報威士特丹號上有91名荷蘭公民部分人已順利回國必須在荷蘭接受觀察。
載有1455名乘客及802名船員的威士特丹號本月5日駛離高雄港之後先後遭日本、關島及泰國等地拒絕靠岸。上週五終於獲柬埔寨批准停靠西哈努克（Sihanoukville）港口最初指船上有約20人不適但經檢疫後確定沒有染病。總理韓森當時親自迎接乘客下船全程沒有戴口罩與乘客握手還與部分旅客擁抱、貼臉致意。</t>
  </si>
  <si>
    <t>乘客馬來西亞威士特丹柬埔寨衛生部郵輪確診荷蘭檢疫當局馬國結果檢測部分船上總理航空接受丈夫吉隆玻證實觀察</t>
  </si>
  <si>
    <t>威士特丹號馬來西亞郵輪乘客柬埔寨</t>
  </si>
  <si>
    <t>郵輪乘客馬來西亞威士特丹柬埔寨</t>
  </si>
  <si>
    <t>支持者死忠流失總結結果民進重傷</t>
  </si>
  <si>
    <t>台灣民意基金會公佈的民調顯示民進黨政黨認同度在疫情爆發後出現「墜崖式崩落流失三百萬的「死忠支持者」。台灣民意基金會董事長游盈隆今接受資深媒體人黃暐瀚採訪時表示民進黨「低估病毒、高估自己」結果</t>
  </si>
  <si>
    <t>民進基金會民意臺灣表示出現媒體黃暐瀚爆發崩落採訪疫情接受認同度流失黨政死忠遊盈隆支持者董事長顯示</t>
  </si>
  <si>
    <t>台灣民意基金會公佈的民調顯示民進黨政黨認同度在疫情爆發後出現「墜崖式崩落流失三百萬的「死忠支持者」。台灣民意基金會董事長游盈隆今接受資深媒體人黃暐瀚採訪時表示民進黨「低估病毒、高估自己」結果就是重傷如果民進黨無法扭轉這波的頹勢那麼2022想要選得好那是非常困難的。
黃暐瀚今（16日）在臉書發文表示因為疫情的關係台灣民意基金會六月最新的民調民進黨的認同者狂掉了15%大約三百萬人。為什麼會流失三百萬的「死忠支持者」游盈隆今接受「POP撞新聞」的專訪用八個字：「低估病毒、高估自己」來做總結。
黃暐瀚稱該買疫苗卻買的不夠檢視過去一年的疫苗政策顯然政府只把「國際疫苗」的最大值訂在2500萬劑國產疫苗則擔綱2000萬劑共計4500萬劑。問題是國產疫苗成功與否誰能保證？「不買足」國際疫苗是民進黨所犯的第一個錯而當五月疫情開始之後確診與死亡人數不斷攀升民眾這才知道原來政府沒有它口中所說做得真有那麼好。
黃暐瀚直言不只一般民眾失望連民進黨的死忠支持者都搖頭嘆氣。三月時民進黨的「強烈認同者」還有131%六月剩下87%；至於「溫和認同者」也從30%降為195%。少掉了15%的「民進黨認同者」等於跑掉了三百萬的死忠選民民進黨「低估病毒、高估自己」結果就是重傷。
民進黨傷成這樣黃暐瀚觀察到國民黨卻一點好處都沒有討到三月藍營認同百分比只剩19%六月居然更低變成189%。雖說現在距離2022的縣市長選舉還有一年多的時間要說勝敗太早了些。不過遊盈隆強調地方選舉與總統選舉完全不同總統大選拋不開兩岸統獨議題但地方選舉則與民眾的生活滿意度直接相關如果民進黨無法扭轉這波的頹勢那麼2022想要選得好那是非常困難的。</t>
  </si>
  <si>
    <t>民進黃暐瀚疫苗認同選舉死忠民眾疫情六月支持者沒有遊盈隆政府低估地方國際還有臺灣表示基金會</t>
  </si>
  <si>
    <t>民進黨新冠肺炎黃暐瀚認同遊盈隆</t>
  </si>
  <si>
    <t>肺炎黃暐瀚認同遊盈隆民進</t>
  </si>
  <si>
    <t>肺炎家人傳染證實繼續阿姨加油</t>
  </si>
  <si>
    <t>土耳其籍男星吳鳳來台發展多年2015年成為台灣女婿的他與太太陸續生下2個寶貝女兒。時常在社群平臺上分享生活日常的吳鳳先前曾說自己家鄉土耳其目前新冠肺炎疫情嚴峻他的妹妹和外甥也都相繼確診同時更出現</t>
  </si>
  <si>
    <t>土耳其外甥妹妹嚴峻成為發展疫情臺灣肺炎女婿太太陸續生下相繼寶貝女兒目前時常平臺家鄉分享生活曾說先前</t>
  </si>
  <si>
    <t>土耳其籍男星吳鳳來台發展多年2015年成為台灣女婿的他與太太陸續生下2個寶貝女兒。時常在社群平臺上分享生活日常的吳鳳先前曾說自己家鄉土耳其目前新冠肺炎疫情嚴峻他的妹妹和外甥也都相繼確診同時更出現喪失味覺與嗅覺的症狀這讓他感嘆今年真的很辛苦。
今(30日)吳鳳再度發文文中說自己年紀已大的阿姨也被檢查出來罹患新冠肺炎。吳鳳說：「昨天我表姐說我三阿姨也被傳染剛剛又收到不好的消息最大的阿姨在家跌倒然後發燒結果她也被檢查出來是新冠肺炎」。
吳鳳表示他的臉書上有很多家鄉的朋友幾乎每天都會分享誰被傳染而且不少年紀大的人已經病逝他也擔心阿姨們的年紀都大了且大阿姨還有慢性病；所幸醫生覺得阿姨的病症不是很嚴重可以先在家隔離治療。
才帶家人去嘉義玩回家的他更感嘆的說在台灣每個人都會注意基本的防疫措施；但在國外連去隔壁超市都有可能讓人一輩子後悔。吳鳳也在文中和大家更新妹妹與外甥目前的狀況穩定表妹也已結束隔離；同時請大家為他的家人加油他也很想和大家分享家人們的好消息。</t>
  </si>
  <si>
    <t>阿姨分享吳鳳肺炎年紀臺灣感歎在家家鄉目前傳染隔離外甥妹妹土耳其檢查</t>
  </si>
  <si>
    <t>吳鳳新冠肺炎土耳其嘉義</t>
  </si>
  <si>
    <t>土耳其肺炎嘉義吳鳳</t>
  </si>
  <si>
    <t>確診本土磐石</t>
  </si>
  <si>
    <t>敦睦艦隊磐石艦23日再新增1例新冠肺炎確診使得磐石艦累計已29例確診且其中5例是第2次採檢才發現陽性累計國內共427人確診。中央流行疫情指揮中心表示案427是20多歲男性4月18日至集中檢疫所隔離採檢一採陰</t>
  </si>
  <si>
    <t>確診磐石累計中心男性疫情流行中央表示指揮集中陽性國內發現新增使得肺炎</t>
  </si>
  <si>
    <t>敦睦艦隊磐石艦23日再新增1例新冠肺炎確診使得磐石艦累計已29例確診且其中5例是第2次採檢才發現陽性累計國內共427人確診。中央流行疫情指揮中心表示案427是20多歲男性4月18日至集中檢疫所隔離採檢一採陰性19日起陸續出現喉嚨痛癢、咳嗽等症狀21日再次採檢23日確診。
磐石艦確診29例有5例是2採陽性指揮中心專家諮詢小組召集人張上淳表示磐石艦官兵們在集中檢疫之前已經採檢但危險性還是在指揮中心不會認為一開始找到24名確診個案就代表其他人安全「否則就不用集中檢疫。」
台灣至昨天已連續11天零本土病例指揮中心指揮官陳時中表示敦睦艦隊染疫應該視為來自境外的「獨立事件」目前國內仍是延續本土零確診狀態代表台灣相對安全但國際現況仍然嚴峻加上敦睦艦隊個案所以持續嚴密監測。
此外繼嗅、味覺異常後國際上又出現腳趾出現水泡的新冠肺炎疑似症狀。張上淳昨證實國內確實有感染個案有水泡症狀只是還沒確定是否都位在腳趾。
先前也有國外研究指出新冠肺炎也會造成結膜炎症狀。張上淳解釋國內還沒有確診個案出現結膜炎症狀因此目前還沒做相關的分泌物病毒培養測試；至於國外曾測試的國家有些報告指出結膜分泌物有病毒但有些沒有因此仍有待釐清。
另外唾液能不能拿來當作檢體篩檢新冠病毒？張上淳指出台灣在SARS期間已用「漱口水」採集喉嚨分泌物做RT-PCR目前也有部分醫院採用但單用唾液檢驗靈敏度「有待驗證」。
長期協助帛琉醫療服務的新光醫院副院長洪子仁表示帛琉在我方出現軍艦群聚後立即採檢相關人員至今零確診。往後3周帛琉預計採檢500人敦睦艦隊血液抗體檢測也是觀察重點。</t>
  </si>
  <si>
    <t>確診症狀表示出現張上淳國內個案艦隊中心指揮敦睦臺灣目前分泌物病毒磐石集中肺炎</t>
  </si>
  <si>
    <t>帛琉採檢肺炎水泡敦睦艦隊</t>
  </si>
  <si>
    <t>肺炎水泡敦睦艦隊</t>
  </si>
  <si>
    <t>龍山寺師兄端午裡長全染</t>
  </si>
  <si>
    <t>彰化縣長王惠美22日宣佈新增1本土確診病例為80幾歲男性前往南彰化圓明聖道院問事、靜坐而染疫；疫調發現主持私人神壇的南彰化裡長娘本月11、12日還曾與南投縣的師兄連袂北上臺北萬華龍山寺參加渡靈活動為了</t>
  </si>
  <si>
    <t>南彰山寺萬華龍臺北北上連袂師兄參加惠美道院宣佈私人神壇化圓本土前往確診</t>
  </si>
  <si>
    <t>彰化縣長王惠美22日宣佈新增1本土確診病例為80幾歲男性前往南彰化圓明聖道院問事、靜坐而染疫；疫調發現主持私人神壇的南彰化裡長娘本月11、12日還曾與南投縣的師兄連袂北上臺北萬華龍山寺參加渡靈活動為了超渡染疫死亡眾生卻因而將新冠病毒帶回彰投傳播令眾人詫異。
王惠美重申防疫三級警戒期間根據中央指引禁止宗教活動嚴防群聚不料一個多月來縣府、警方努力與廟宇協調勸導竟是私人神壇宮廟仍在執事問事她拜託宗教團體民俗信仰工作者自律、共體時艱切勿以身試法若有查到違規群聚屬實絕對依法開罰絕不寬貸。
彰化縣22日新增1例確診今年累計254例已完成50655人次篩檢居家隔離中246人累計居隔人數2913人。本起民俗信仰宗教活動傳播鏈包括70歲裡長、60多歲裡長娘和80歲男信眾已3人確診另南投縣1名男性壇主師兄也染疫仍列感染源不明事件。
衛生局除匡列裡長家親友接觸者16人累計相關宗教與社區活動接觸者已達50多人其中採檢有7、8成陰性其餘仍待篩檢結果出爐。
根據彰化警方與衛生局疫調人員聯手調查發現不只萬華來的師姐待在道院自4日留宿至10日6日還與南投私人神壇男性壇主3人在道院辦消災祭祀法會；本月端午連假前夕11、12日兩天這幾位師兄姐更連袂北上至臺北萬華龍山寺參加渡靈活動為染疫身亡的亡靈超渡儀式。
縣府也公佈新增疫調足跡包括神腦國際員家中正路門市、小北百貨員林店、全聯員林浮圳店等呼籲6月11日至18日之間足跡有重疊民眾做好自主健康管理。</t>
  </si>
  <si>
    <t>裡長道院宗教私人神壇累計師兄確診男性足跡縣府信仰警方民俗</t>
  </si>
  <si>
    <t>神壇新冠肺炎台灣染疫裡長娘</t>
  </si>
  <si>
    <t>臺灣肺炎裡長神壇</t>
  </si>
  <si>
    <t>填息多頭觀光</t>
  </si>
  <si>
    <t>日本伴手禮業者紅馬-KY（2928）股東常會通過配息1元今（15）日進行除息交易每股參考價3975元。紅馬今日開高後量增穩揚隨後在買盤敲進下飆升818％至43元開盤17分鐘即完成填息。早盤維持逾4％漲幅位居觀光</t>
  </si>
  <si>
    <t>維持業者完成開盤隨後-ky股東進行常會</t>
  </si>
  <si>
    <t>日本伴手禮業者紅馬-KY（2928）股東常會通過配息1元今（15）日進行除息交易每股參考價3975元。紅馬今日開高後量增穩揚隨後在買盤敲進下飆升818％至43元開盤17分鐘即完成填息。早盤維持逾4％漲幅位居觀光類股漲勢前段班。
紅馬2020年6月自結合併營收335億元月減538％、年減2865％。因時序步入淡季第二季合併營收1001億元季減4922％、年減1401％降至4年半低點。不過累計上半年合併營收2977億元仍年增達1294％改寫同期次高。
紅馬表示上半年伴手禮業務受疫情衝擊影響甚大營收年減達4成。但受惠「Furusato 360」跨平臺效益逐步顯現帶動上半年故鄉納稅業務營收年增達7成、故鄉納稅總捐款金額達221億日圓帶動上半年營收仍年增13％、創下僅次於2017年的同期次高。
展望後市紅馬對下半年展望維持審慎樂觀態度。針對故鄉納稅業務公司將持續尋求與其他大型入口網站合作增加地方自治體滲透率與故鄉納稅回禮曝光度預期在「Furusato 360」跨平臺規模效益持續顯現下今年故鄉納稅業務可望逐季成長。
伴手禮業務方面紅馬雖預期短期內不會明顯回溫但在疫情逐步受控前提下為促進日本國內觀光復甦日本政府預計第三季推出「Go To Campaign」補貼計畫其中將針對旅遊業與伴手禮等產業提出重點補助待該計畫正式實施後公司伴手禮業務可望受惠。</t>
  </si>
  <si>
    <t>業務故鄉納稅上半年維持觀光計畫預期持續逐步疫情公司帶動同期</t>
  </si>
  <si>
    <t>紅馬紅馬-KY股利除息填息</t>
  </si>
  <si>
    <t>-ky除息股利填息</t>
  </si>
  <si>
    <t>用途未定預算空白特別紓困授權</t>
  </si>
  <si>
    <t>立法院今協商紓困特別條例國民黨立委曾銘宗指出民進黨不僅不接受國民黨提出的排富發現金方案還提出修正動議加碼把紓困特別預算一口氣拉高到4200億比起原先的2100億又多了一倍而多出來的2100億額度沒有指</t>
  </si>
  <si>
    <t>國民黨特別紓困提出原先比起拉高出來一口氣預算方案加碼動議修正條例曾銘宗民進指出接受額度</t>
  </si>
  <si>
    <t>立法院今協商紓困特別條例國民黨立委曾銘宗指出民進黨不僅不接受國民黨提出的排富發現金方案還提出修正動議加碼把紓困特別預算一口氣拉高到4200億比起原先的2100億又多了一倍而多出來的2100億額度沒有指定用途等於是空白授權。
根據民進黨團所提修正動議紓困預算經費上限從600億提高到2100億又說「並得視疫情狀況以不超過原預算額度內再編列特別預算送請立法院審議」曾銘宗表示這代表本來行政院院會通過只是要提高到2100億附加這句等同把額度一口氣拉高至4200億。
曾銘宗批評民進黨決策如兒戲政府應該要意識到這些錢都是要「舉債」的目前的特別預算幾乎都要舉債只有極少數歲計賸餘每筆錢都要用在刀口上必須要確實做到紓困、振興才對而不是這樣子空白授權把額度一口氣拉這麼高。
國民黨團書記長蔣萬安說國民黨團的提案是把額度增加1000億但這1000億是有指定用途就是排富發現金給民眾不像民進黨把額度再度增加2100億卻沒有說明要如何使用沒有指定用途。</t>
  </si>
  <si>
    <t>額度預算紓困特別國民黨曾銘宗一口氣民進指定用途授權空白提高拉高沒有修正增加提出舉債</t>
  </si>
  <si>
    <t>紓困預算民進黨國民黨蔣萬安空白授權</t>
  </si>
  <si>
    <t>國民黨萬安民進預算空白紓困授權</t>
  </si>
  <si>
    <t>發燒點出隱憂症狀比例確診注意</t>
  </si>
  <si>
    <t>新冠肺炎持續延燒但清明連假不少景點卻湧入大批人潮振興醫院急診重症醫學部主治醫生蔡賢龍撰文指出現在台灣確診的狀況看來前三大症狀為發燒、咳嗽以及喉嚨癢痛此外初步發燒表現比例只有低到3663%需要</t>
  </si>
  <si>
    <t>發燒比例表現清明連初步景點湧入人潮咳嗽振興醫院症狀持續急診三大重症醫學主治醫生蔡賢龍狀況看來撰文確診指出臺灣</t>
  </si>
  <si>
    <t>新冠肺炎持續延燒但清明連假不少景點卻湧入大批人潮振興醫院急診重症醫學部主治醫生蔡賢龍撰文指出現在台灣確診的狀況看來前三大症狀為發燒、咳嗽以及喉嚨癢痛此外初步發燒表現比例只有低到3663%需要特別注意同時他提醒清明連假後2周內是關鍵時刻。
蔡賢龍在臉書、網站《急症最前線　投資現金流》上表示目前台灣因為圍堵策略初步奏效各種防疫物資準備適當確診人數雖多暫時仍以境外移入為主。症狀方面發燒、咳嗽與喉嚨痛為前3大症狀跟各國不同比例都偏低此外「初步為發燒表現的比例低到只有3663%這需要特別注意」。
蔡賢龍說明一開始就發燒的比例只佔3636%統計明顯比較少有可能是因為能夠監控症狀傳播提早篩檢相關接觸者早期診斷而非疾病中後期才發現。重新證明發燒只能夠篩檢出部分的病患。
蔡賢龍提到若把台灣本土病例單獨拉出來看這段時間增加的人數少但清明連假後2周是主要觀察期看看本土病例是否有上升他也提醒台灣初步取得防疫成績後更須避免警戒心喪失導致大量增加社區感染可能。</t>
  </si>
  <si>
    <t>蔡賢龍發燒臺灣症狀初步清明連比例確診人數增加能夠防疫提醒病例本土特別注意可能需要</t>
  </si>
  <si>
    <t>貨運客運成長華航衰退</t>
  </si>
  <si>
    <t>華航（2610）1月份合併營業收入為14768億元年增342％其中客運收入10607億元年增1290％貨運收入3140億元年減1784％二月因為新冠肺炎法人估華航客運營收估計減幅有可能超過兩成貨運部分進口線很</t>
  </si>
  <si>
    <t>貨運收入超過可能減幅估計二月運營華航客法人肺炎營業部分合併進口月份客運華航</t>
  </si>
  <si>
    <t>華航（2610）1月份合併營業收入為14768億元年增342％其中客運收入10607億元年增1290％貨運收入3140億元年減1784％二月因為新冠肺炎法人估華航客運營收估計減幅有可能超過兩成貨運部分進口線很好如果下半月大陸工廠復工速度加快有機會出現正成長。
華航說明一月因為受農曆新年旺季及選舉因素加上北美地區與東北亞地區單位收益大幅增長致使整體客運收入較去年同期增加；貨運部分受美中貿易戰達成第一階段協議廠商出貨計畫延後又因大陸市場需求不佳多數廠商提前休廠致使整體貨運收入較去年同期減少。
二月原本就是航空客、貨運淡季華航原就列有減班計畫今年因新冠肺炎兩岸航線目前僅剩約一成航班日本14日開始規定入境旅客有一人確診為新冠肺炎全機就不准入境估計將是二月下半月日本線航班減幅會明顯增加全月客運不看好倒是貨運後市看好有機會看到正成長。</t>
  </si>
  <si>
    <t>貨運二月肺炎收入客運廠商大陸減幅估計入境部分航班增加日本致使華航</t>
  </si>
  <si>
    <t>貨運客運華航新冠肺炎二月</t>
  </si>
  <si>
    <t>華航客運肺炎貨運二月</t>
  </si>
  <si>
    <t>入境配子陳時中撤回太帥霸氣</t>
  </si>
  <si>
    <t>指揮中心今（12）日中午召開記者會針對昨天爭議不斷的陸配子女反台政策作出回應決定將政策喊卡撤回大陸籍子女入境規定。指揮觀陳時中霸氣表示「要為當初選擇國籍時負責」。消息一公佈台大醫院婦產科醫師施</t>
  </si>
  <si>
    <t>指揮政策消息負責國籍選擇召開中午當初記者會表示昨天霸氣爭議不斷配子公佈陳時中規定撤回入境子女大陸</t>
  </si>
  <si>
    <t>指揮中心今（12）日中午召開記者會針對昨天爭議不斷的陸配子女反台政策作出回應決定將政策喊卡撤回大陸籍子女入境規定。指揮觀陳時中霸氣表示「要為當初選擇國籍時負責」。消息一公佈台大醫院婦產科醫師施景中馬上大讚陳時中「以一擋百」之舉真是太帥了！
施景中在個人臉書上指出昨（11）陸委會將開放陸籍配偶及子女來台的政策感到隱憂認為這政策在防疫焦灼時期「來得真不是時候」。施景中拿寶瓶星號舉例指出有郵輪旅客不遵守自主健康管理規定擅自下船到健身房游泳池游泳害業者決定要封館至3月底。施景中表示「真的害人不淺還不是單一案例」。
面對國人自主居家檢疫14天都有許多人不守規定增加防疫困難此時又開放陸籍子女返台施景中顯得相當擔心。不過今日疫情指揮中心記者會陳時中直接宣佈撤回陸委會前一日的政策取消大陸籍配偶子女入境堅守國境以阻擋疫情。這讓施景中樂得表示「CLOCK部長太帥了以一擋百！謝謝陳時中部長！」</t>
  </si>
  <si>
    <t>施景中政策子女規定表示陳時中指揮自主指出防疫記者會決定疫情太帥撤回開放陸籍配偶入境中心大陸部長醫師公佈</t>
  </si>
  <si>
    <t>施景中陳時中子女台大醫院入境新冠肺炎</t>
  </si>
  <si>
    <t>台大醫院入境子女陳時中肺炎施景中</t>
  </si>
  <si>
    <t>成長經濟優於印度預期</t>
  </si>
  <si>
    <t>印度重創遭到信心消費者各行各業顯示資料導致國本隔離財年四季封鎖國內生產連帶實施毛額gdp全國年增率優於預期擴散</t>
  </si>
  <si>
    <t>印度經濟封鎖疫情財年措施gdp實施年增率莫迪印度政府導致創下預測全國經濟學家衝擊市場嚴重</t>
  </si>
  <si>
    <t>封鎖肺炎上季GDP印度經濟</t>
  </si>
  <si>
    <t>gdp印度肺炎封鎖經濟</t>
  </si>
  <si>
    <t>接種出現陳時中表示高端流行持續中央疫情指揮中心指揮官今天並未明顯確實降低死亡憾事疫苗</t>
  </si>
  <si>
    <t>接種表示疫苗達到高端陳時中出現中心指揮降低目前涵蓋邊境開放是否確實屆時至於還要政策強迫</t>
  </si>
  <si>
    <t>高端疫苗緩打潮接種率新冠肺炎</t>
  </si>
  <si>
    <t>接種疫苗高端肺炎</t>
  </si>
  <si>
    <t>追問坦承</t>
  </si>
  <si>
    <t>新冠肺炎（COVID-19俗稱武漢肺炎）已讓全球人心惶惶今（21）指揮中心再度宣佈2新確診案例許多人求口罩不得只能狂洗手、消毒來防疫卻有民眾還搞不清楚狀況已經連續咳嗽、流鼻水一個多月在醫師追問下</t>
  </si>
  <si>
    <t>肺炎咳嗽連續已經狀況搞不清楚民眾全球人心惶惶防疫消毒洗手指揮只能中心不得口罩再度</t>
  </si>
  <si>
    <t>新冠肺炎（COVID-19俗稱武漢肺炎）已讓全球人心惶惶今（21）指揮中心再度宣佈2新確診案例許多人求口罩不得只能狂洗手、消毒來防疫卻有民眾還搞不清楚狀況已經連續咳嗽、流鼻水一個多月在醫師追問下才透露曾和居家檢疫者碰面讓布農醫師田知學罕見動怒。
布農醫師田知學在臉書《布農Doc 田知學》上斥責「這是什麼狀況！」表示一名病患聲稱已經連續咳嗽、流鼻水一個多月病情都未好轉才前來求診。在她追問之下方承認在這兩個禮拜內「有幾天和香港返台的居家檢疫者碰面聊天」。這讓田知學在臉書上爆氣「政府、媒體那麼用力宣導、衛教還不夠嗎？」
田知學強調「有旅遊史接觸史請做好做滿自主管理」。民眾一定要配合政府防疫措施才能一起守住台灣不再讓新冠肺炎疫情繼續擴散！更要記得身體若有任何不適要出去給醫生看診讓專業的醫療人員來判斷、篩檢；有任何病情疑慮隨時通報1922。
田知學分享完此案例後不少網友也留言痛批「太扯了就是有這種人衛福部和醫護人員再怎麼努力都會因為這些人而產生防疫漏洞」、「有些人好像都不當一回事」、「總覺得一堆台灣人都有僥倖的心態真的很不負責任」。</t>
  </si>
  <si>
    <t>田知學防疫醫師案例政府民眾病情狀況肺炎追問布農居家已經檢疫連續</t>
  </si>
  <si>
    <t>田知學醫師布農看診咳嗽</t>
  </si>
  <si>
    <t>醫師布農田知學咳嗽</t>
  </si>
  <si>
    <t>溫暖展現外交部疫苗關懷白宮</t>
  </si>
  <si>
    <t>美國白宮於美東時間3日上午宣佈將提供7百萬劑疫苗給包含台灣在內的亞太地區國家。對於美方在我國政府與人民全力對抗疫情之際即時伸出援手展現對我溫暖關懷外交部表達誠摯感謝之意。外交部表示台灣與美國自去</t>
  </si>
  <si>
    <t>臺灣外交部上午宣佈提供疫苗包含關懷溫暖亞太地區展現國家伸出援手即時之際對於我國疫情對抗政府全力人民美方表示誠摯感謝</t>
  </si>
  <si>
    <t>美國白宮於美東時間3日上午宣佈將提供7百萬劑疫苗給包含台灣在內的亞太地區國家。對於美方在我國政府與人民全力對抗疫情之際即時伸出援手展現對我溫暖關懷外交部表達誠摯感謝之意。
外交部表示台灣與美國自去年3月共同發布「台美防疫夥伴關係聯合聲明」以來攜手抗疫近期包括美國衛生部長貝西拉（Xavier Becerra）及多位跨黨派聯邦國會友人也都公開表達支持台灣取得疫苗我國政府都銘感在心。台灣作為美國在印太區域的緊密夥伴將在既有良好基礎上持續強化台美防疫夥伴關係。</t>
  </si>
  <si>
    <t>臺灣美國表達疫苗我國政府防疫外交部夥伴關係上午宣佈良好基礎持續攜手伸出以來即時黨派聲明之際近期援手包括</t>
  </si>
  <si>
    <t>新冠肺炎台灣 台灣外交部展現</t>
  </si>
  <si>
    <t>臺灣肺炎外交部展現</t>
  </si>
  <si>
    <t>桃園學生延遲bnt延後配發中央施打</t>
  </si>
  <si>
    <t>桃園市自22日進行校園BNT疫苗接種計畫原預計10月8日前完成但接獲中央通知疫苗延遲現有28所學校、18萬名學生會受到影響預計要延期至10月12日以後才能接種疫苗。桃園市衛生局指出BNT疫苗校園接種原預計10月</t>
  </si>
  <si>
    <t>疫苗預計接種bnt桃園校園現有學校延遲通知受到中央學生完成影響日前延期才能以後衛生局指出進行</t>
  </si>
  <si>
    <t>桃園市自22日進行校園BNT疫苗接種計畫原預計10月8日前完成但接獲中央通知疫苗延遲現有28所學校、18萬名學生會受到影響預計要延期至10月12日以後才能接種疫苗。
桃園市衛生局指出BNT疫苗校園接種原預計10月8日前完成因中央配發的疫苗未到加上之後會遇到雙十節連假預計恐需要延期至10月12日後才能繼續施打。
教育局表示桃園市高國中生校園BNT疫苗接種計畫自9月22日開打至今有36校、5萬9506人完成接種28日接獲中央通知BNT疫苗會配送延遲需至10月9日後才會再配送原訂10月7、8日預備接種學校受影響。
教育局統計有28校會受到影響包括1所高中職、26所國中、1所五專總計受影響的學生數高達約18萬名市府已緊急與學校及醫院討論後續會做好妥適安排也請家長及學校見諒。</t>
  </si>
  <si>
    <t>桃園 市 自 22 日 進行 校園 bnt 疫苗 接種 計 畫 原 預計 10 月 8 日前 完成 但 接 獲 中央 通知 疫苗 延遲 現有 28 所 學校 18萬 名 學生 會 受到 影響 預計 要 延期 至 10 月 12 日 以後 才能 接種 疫苗 桃園 市 衛生局 指出 bnt 疫苗 校園 接種 原 預計 10 月 8 日前 完成 因 中央 配發 的 疫苗 未 到 加上 之後 會 遇到 雙十節 連 假 預計 恐 需要 延期 至 10 月 12 日後 才能 繼續 施打 教育局 表示 桃園 市 高國 中生 校園 bnt 疫苗 接種 計 畫 自 9 月 22 日 開 打 至今 有 36 校 5萬9506 人 完成 接種 28 日 接 獲 中央 通知 bnt 疫苗 會 配送 延遲 需 至 10 月 9 日後 才 會 再 配送 原訂 10 月 78 日 預備 接種 學校 受 影響 教育局 統計 有 28 校會 受到 影響 包括 1 所 高中職 26 所 國中 1 所 五專 總計 受 影響 的 學生 數 高達約 18萬 名 市府 已 緊急 與 學校 及 醫院 討論 後續 會 做 好 妥 適 安排 也 請 家長 及 學校 見諒</t>
  </si>
  <si>
    <t>疫苗接種學校預計影響bnt完成桃園教育局學生受到中央才能日後校園延期配送延遲通知日前安排</t>
  </si>
  <si>
    <t>新冠肺炎台灣BNT校園桃園</t>
  </si>
  <si>
    <t>bnt肺炎臺灣校園桃園</t>
  </si>
  <si>
    <t>荷蘭印尼境外烏茲別克入境新增</t>
  </si>
  <si>
    <t>中央流行疫情指揮中心今(3)日公佈國內新增6例境外移入COVID-19確定病例自荷蘭(案1139、案1140)、印尼(案1141至案1143)及烏茲別克(案1144)入境。指揮中心指出案1139為荷蘭籍40多歲男性船員今(2021)年4月10日來</t>
  </si>
  <si>
    <t>中心指揮covid-境外男性新增荷蘭籍國內公佈病例確定指出船員荷蘭疫情烏茲別克流行入境印尼中央</t>
  </si>
  <si>
    <t>中央流行疫情指揮中心今(3)日公佈國內新增6例境外移入COVID-19確定病例自荷蘭(案1139、案1140)、印尼(案1141至案1143)及烏茲別克(案1144)入境。
指揮中心指出案1139為荷蘭籍40多歲男性船員今(2021)年4月10日來臺工作持有搭機前3日內檢驗陰性報告入境後至防疫旅館進行檢疫；4月25日檢疫期滿後由公司安排至其他住所自主健康管理因工作需要5月1日搭乘專車至醫院自費採檢於今日確診(Ct值29；住院後採檢Ct值33血清抗體IgM及IgG皆為陽性)。個案在臺期間並無症狀已掌握同車接觸者12人均有適當防護列自我健康監測對象。
指揮中心表示案1140為30多歲荷蘭籍男性船員今年4月8日來臺工作持有搭機前3日內檢驗陰性報告入境後至防疫旅館進行檢疫；4月23日檢疫期滿後由公司安排至其他住所自主健康管理因工作需要5月1日搭乘專車至醫院自費採檢於今日確診(Ct值33)。個案在臺期間並無症狀已掌握接觸者32人均有適當防護列自我健康監測對象。
指揮中心指出案1141至案1143均為印尼籍男性漁工年齡介於10多歲至40多歲今年4月19日來臺工作皆持有搭機前3日內檢驗陰性報告入境後至集中檢疫所進行檢疫5月2日進行檢疫期滿前採檢於今日確診。3名個案在臺期間並無症狀檢疫期間未與他人接觸故無匡列接觸者。
指揮中心表示案1144為本國籍20多歲女性今年4月21日前往烏茲別克工作4月27日返臺持有搭機前3日內檢驗陰性報告入境後返家進行檢疫；4月28日起陸續出現頭痛、發燒及噁心症狀4月30日因症狀未改善由衛生單位安排就醫採檢於今日確診(Ct值28)。已掌握接觸者3人皆列居家隔離。</t>
  </si>
  <si>
    <t>中心檢疫指揮工作症狀接觸今年男性入境健康安排期間今日ct進行確診個案</t>
  </si>
  <si>
    <t>境外移入確診新冠肺炎</t>
  </si>
  <si>
    <t>確診境外肺炎</t>
  </si>
  <si>
    <t>調查單位最新院內檢查感染</t>
  </si>
  <si>
    <t>國內昨日新增382例新冠肺炎疑似個案截至目前累計13555例通報其中13095已排除45人確診中央流行疫情指揮中心指揮官陳時中表示國內今日無確診個案。所有確診者中1名死亡、15名解除隔離（其中13名已出院）、</t>
  </si>
  <si>
    <t>確診個案國內死亡陳時中指揮官中心指揮表示肺炎疫情流行中央截至目前排除累計通報解除今日</t>
  </si>
  <si>
    <t>目前疫情表示感染周志浩確診個案陳時中醫院隔離可以張上淳時中當地狀況</t>
  </si>
  <si>
    <t>新冠肺炎武漢肺炎新型冠狀病毒台灣台女</t>
  </si>
  <si>
    <t>肺炎武漢冠狀病毒臺灣台女</t>
  </si>
  <si>
    <t>許淑華門牌樓層議員分流市場採買減少</t>
  </si>
  <si>
    <t>新冠肺炎疫情延燒臺北市政府30日將舉行內部封城兵推市議員許淑華提醒市民不要恐慌搶購物資一窩蜂採購會造成防疫破口她也建議大家參考「信義區三兩事」臉書社團發起的「採買時段分流」以住家門牌號碼為基準</t>
  </si>
  <si>
    <t>時段採買臺北市政府發起社團舉行內部封城兵信義參考分流疫情建議議員許淑華提醒市民防疫</t>
  </si>
  <si>
    <t>新冠肺炎疫情延燒臺北市政府30日將舉行內部封城兵推市議員許淑華提醒市民不要恐慌搶購物資一窩蜂採購會造成防疫破口她也建議大家參考「信義區三兩事」臉書社團發起的「採買時段分流」以住家門牌號碼為基準分流採購避開彼此採買時段減少群聚風險。
臺北市政府今將進行內部四級警戒封城兵推演臉許淑華指出日前消息一出讓民眾嚇壞了大批市民到傳統市場、大賣場採購物資她要拜託大家別搶購、不要恐慌一窩蜂採購會造成更大防疫破口。
許淑華表示封城兵推觸動市民敏感神經緊張的情緒可以理解她要求市府盡速研議配套措施不要讓民眾因恐慌擠爆市場和大賣場。
她建議市民可以參考信義區在臉書成立的「信義區三兩事」社團自主發起「採買時段分流法」以住家門牌號碼為基準分流採購能夠避開彼此的採買時段減少群聚風險讓購物更安心。
許淑華說按門牌、樓層分組單數門牌週一、三、五、日上午；雙數門排週二、四、六、日下午；單數樓層採奇數時段出門；雙數樓層採偶數時段出門。另外出門前也可以先看一下目的地「Google Map人流資訊」再評估何時出門。</t>
  </si>
  <si>
    <t>市民時段可以採購許淑華恐慌採買樓層民眾出門臺北市政府封城兵內部雙數單數建議物資</t>
  </si>
  <si>
    <t>時段採買樓層許淑華分流</t>
  </si>
  <si>
    <t>美西接種網瘋疫苗行程出發臺灣</t>
  </si>
  <si>
    <t>台灣進口疫苗不足加上本土疫情近半個月以來大爆發網傳旅行社規劃推出「接種團」前往美西打疫苗團費估15萬元最快6月1日出發。一個26天的行程在LINE群組間瘋狂流傳且保證不打AZ引起網友熱烈討論。經COVA</t>
  </si>
  <si>
    <t>疫苗引起az加上本土疫情以來保證爆發流傳旅行社line規劃瘋狂行程推出出發接種前往</t>
  </si>
  <si>
    <t>台灣進口疫苗不足加上本土疫情近半個月以來大爆發網傳旅行社規劃推出「接種團」前往美西打疫苗團費估15萬元最快6月1日出發。一個26天的行程在LINE群組間瘋狂流傳且保證不打AZ引起網友熱烈討論。
經COVAX配發的41萬劑新冠疫苗日前抵台仍不敷疫情已爆炸的台灣使用加上國人對AZ信心不足傳出旅行社私下規劃「接種團」行程鎖定美西4大城市玩近1個月除了打疫苗還可以順便旅遊。
這份行程把出發日訂在6月1日赴美第一天就打疫苗（以輝瑞、莫德納為主）接下來7天在飯店休息觀察疫苗引發的副作用。6月9日起可外出、6月12日開始旅遊。
15日住拉斯維加斯；17、20日分別前往舊金山、聖地牙哥；22日回洛杉磯隔天打第二劑。整個行程下旬結束6月25日返台抵台後居家隔離14天預計7月11日出關。
事實上不只台灣由於美國疫苗政策並不限美國人「有護照就可以打」；越南已開出旅行團。美國地方政府更表示歡迎大力推動「疫苗觀光」如紐約、阿拉斯加等甚至在機場提供免費疫苗鼓勵遊客「接種換消費」。
兩劑打下來至少待3到4周這段期間的住宿、飲食、交通費用可觀才會有旅行社把腦筋動到疫苗身上。業界推算全部團費加一加差不多15萬台幣不包括自費核酸檢測約7000元。
不過台灣目前禁旅行社出團業界對行程內容存疑；不排除有人「化整為零」以商務名義赴美集合。
旅行社業者分析美西疫苗團會不會像帛琉旅遊泡泡一樣有行無市要看接下來疫情怎麼發展畢竟長途旅行本身具高風險雖然15萬元很多人負擔得起但萬一旅遊期間染疫豈不是得不償失。也要考慮疫苗注射後的副作用在美國當地沒健保一旦身體不適求助無門更慘。</t>
  </si>
  <si>
    <t>疫苗旅行社行程旅遊美國臺灣疫情接種美西期間副作用az接下來前往團費赴美可以加上不足</t>
  </si>
  <si>
    <t>新冠肺炎台灣美國疫苗團</t>
  </si>
  <si>
    <t>臺灣美國肺炎疫苗</t>
  </si>
  <si>
    <t>鬧熱青山華大臺灣老城區鏡頭</t>
  </si>
  <si>
    <t>臺北市萬華區年中因新冠疫情受創近來在各界幫助下逐漸復甦。文化總會今年再度推出結合老城魅力的生活節品牌「萬華大鬧熱」20日舉辦開幕式為精彩的音樂祭及市集揭開序幕活動邀來滅火器等16組團體輪番登臺演出</t>
  </si>
  <si>
    <t>滅火器疫情活動揭開序幕近來市集説明逐漸音樂復蘇精彩開幕式文化團體總會舉辦今年再度鬧熱推出華大</t>
  </si>
  <si>
    <t>臺北市萬華區年中因新冠疫情受創近來在各界幫助下逐漸復甦。文化總會今年再度推出結合老城魅力的生活節品牌「萬華大鬧熱」20日舉辦開幕式為精彩的音樂祭及市集揭開序幕活動邀來滅火器等16組團體輪番登臺演出市集上40個攤位更為在地飲食、文創的「精選輯」成為疫後振興老城區的首場大型活動也是為24日即將登場的年度盛事「青山祭」暖身。「2021萬華大鬧熱」生活節重頭戲音樂祭與市集活動20日盛大登場中華文化總會盼透過活動邀請民眾用正面力量支持萬華、振興萬華重新感受萬華獨有的溫暖人情味。</t>
  </si>
  <si>
    <t>市集活動振興總會登場萬華生活華大鬧熱音樂疫情近來幫助逐漸復蘇文化支持感受文創精選輯成為</t>
  </si>
  <si>
    <t>萬華大鬧熱萬華新冠肺炎老城區台灣</t>
  </si>
  <si>
    <t>萬華肺炎老城區鬧熱臺灣華大</t>
  </si>
  <si>
    <t>病例新增本土豐台區啟動戰時北京機制</t>
  </si>
  <si>
    <t>北京新冠肺炎疫情驚傳出現反彈已經在11、12日連續兩日出現多起新增本土病例其中12日新增6宗。北京13日召開第114場新冠肺炎疫情防控記者會北京市豐台區委副書記、代區長初軍威表示目前已經檢驗豐台區確診病例</t>
  </si>
  <si>
    <t>已經疫情出現肺炎病例新增北京目前表示軍威區長書記豐台區委北京市記者會防控檢驗反彈召開豐台區連續本土確診</t>
  </si>
  <si>
    <t>北京新冠肺炎疫情驚傳出現反彈已經在11、12日連續兩日出現多起新增本土病例其中12日新增6宗。北京13日召開第114場新冠肺炎疫情防控記者會北京市豐台區委副書記、代區長初軍威表示目前已經檢驗豐台區確診病例密接者139人全部集中隔離。豐台區已啟動戰時機制成立現場指揮部。
綜合陸媒報導大陸國家衛健委通報大陸12日新增確診病例11件其中本土病例6件均在北京。由於患者曾經去過豐台區新發地批發市場北京官方已緊急宣佈新發地批發市場暫時休市並對該市場的商品及設備進行檢測結果在切割進口三文魚的砧板上檢出病毒目前進口三文魚貨源地「京深海鮮市場」也已關閉。
北京市疾控中心副主任龐星火表示針對北京市近日疫情市、區疾病預防控制中心12日已組織專業人員對全市農貿批發市場、大型超市等展開排查共採集海鮮、肉類等食品及外環境塗抹標本5424份完成新冠病毒核酸檢測新發地市場發現40件環境陽性樣本其餘農貿批發市場、大型超市均為陰性。
報導稱隨著疫情防控形勢的變化北京市教育委員會啟動應急預案暫停原定下週一15日的小學一、二、三年級的返校上課並暫停校外培訓機構恢復線下課程和集體活動。北京市場監督管理局也同步加強生鮮市場、商場超市、餐飲單位等食品安全檢查和疫情防控工作力度。</t>
  </si>
  <si>
    <t>市場疫情北京豐台區防控病例報導啟動海鮮環境目前病毒暫停表示進口大型超市批發市場檢測北京市已經確診新增新發地批發市場</t>
  </si>
  <si>
    <t>豐台區批發市場日新增本土病例新發</t>
  </si>
  <si>
    <t>本土新增批發市場病例新發豐台區</t>
  </si>
  <si>
    <t>持續水神疫情生成肺炎缺貨</t>
  </si>
  <si>
    <t>新冠肺炎疫情延燒微酸性電解次氯酸水的消毒、除菌效果備受青睞水神生成機也水漲船高供不應求。水神食農業產品總代理商總經理賴思明說微酸性電解次氯酸水除菌力高受各產業界重視水神生成機訂購量暴增5成目</t>
  </si>
  <si>
    <t>水神生成酸性電解次氯酸訂購量總經理農業產品代理商賴思明供不應求疫情重視青睞消毒產業界備受高受各效果</t>
  </si>
  <si>
    <t>新冠肺炎疫情延燒微酸性電解次氯酸水的消毒、除菌效果備受青睞水神生成機也水漲船高供不應求。水神食農業產品總代理商總經理賴思明說微酸性電解次氯酸水除菌力高受各產業界重視水神生成機訂購量暴增5成目前大缺貨催貨電話接到手軟。他並提醒取用及儲存微酸性電解次氯酸水必須要使用不透明容器才能維持活性及消毒效力。
總代理商寶泉旺生物科技公司總經理賴思明表示旺旺水神的產品有微酸性電解次氯酸水的抗菌液及生成機兩大類食品、餐廳及農牧業等各行各業在環境及設備等必須大規模及高效消毒引發搶購水神生成機自行產製微酸性電解次氯酸水風潮生成機體積不大（基本機型L317ｘW170ｘH302mm）、重量輕透過電解液進行電解產製微酸性電解次氯酸水成本低以常用於消毒濃度40ppm的微酸性電解次氯酸水為例每公升成本僅新台幣03元。
水神微酸性電解次氯酸水的消毒殺菌效力如何？賴思明表示經委託SGS檢測、中日安全檢測及台美安全檢測等單位機構檢測微酸性電解次氯酸水對於微生物具有良好的殺菌效果包括腸病毒、綠膿桿菌、肺炎桿菌等14種菌株且反應30秒幾近可達或達到100％的除菌能力。
坊間各種次氯酸水產品滿天飛賴思明提醒民眾一般常將「次氯酸水」及「次氯酸鈉水」統稱為「次氯酸水」雖各具消毒效果但是兩者成分及特性不同不能混為一談。他強調「次氯酸水」除菌安全有效、無副作用；「次氯酸鈉水」對皮膚、黏膜及呼吸道有刺激性與微酸性清潔劑混合後易產生有毒氣體。
賴思明並強調微酸性電解次氯酸水長時間「見光」會減弱活性及降低除菌力所以民眾在分裝取用及儲存時都要使用不透明容器只要能避光的材質都可同時還要用蓋子將瓶子封閉起來避免揮發。</t>
  </si>
  <si>
    <t>次氯酸酸性電解消毒水神生成賴思明效果民眾必須殺菌代理商提醒容器取用肺炎安全不透明儲存檢測強調效力</t>
  </si>
  <si>
    <t>新冠肺炎武漢肺炎新型冠狀病毒台灣次氯酸水</t>
  </si>
  <si>
    <t>肺炎冠狀武漢病毒臺灣次氯酸</t>
  </si>
  <si>
    <t>經濟可望大陸復蘇imf</t>
  </si>
  <si>
    <t>新冠肺炎（COVID-19）疫情肆虐各國已影響製造業、交通運輸等產業正常運作。國際貨幣基金組織（IMF）總裁喬治艾娃（Kristalina Georgieva）認為現在要斷定疫情造成的經濟損失仍為時尚早但她認為這對全球經濟的</t>
  </si>
  <si>
    <t>疫情認為肆虐時尚影響交通運輸製造業產業造成正常經濟損失運作國際貨幣基金組織imf總裁喬治艾娃斷定kristalinageorgieva現在covid-肺炎全球經濟</t>
  </si>
  <si>
    <t>新冠肺炎（COVID-19）疫情肆虐各國已影響製造業、交通運輸等產業正常運作。國際貨幣基金組織（IMF）總裁喬治艾娃（Kristalina Georgieva）認為現在要斷定疫情造成的經濟損失仍為時尚早但她認為這對全球經濟的衝擊應屬「輕微」中國經濟亦可望看到「V型復甦」。
美國財經媒體CNBC報導喬治艾娃受訪時稱中國的財政與貨幣政策已針對疫情採取了即時有效的應對措施。IMF預期疫情將讓中國經濟活動出現急遽下滑但之後製造商會大量回補庫存從而帶動這個世界第二大經濟出現迅速復甦形成「V型反彈」。也就是說疫情對大陸乃至於全球其他地區造成的經濟影響相對有限。
外界普遍用2003年SARS時期對比2020年的新冠肺炎疫情。喬治艾娃認為兩者的時空背景不同、全球經濟環境也不同。她坦言本次的疫情影響顯然較SARS時期更甚但「現在要預測疫情影響還言之過早」。在疫情爆發前IMF預測2020年中國經濟成長率為6％而2003年GDP增速則為10％。
除了IMF正在審慎評估疫情的影響路透報導世界銀行總裁馬爾帕斯（David Malpass）本月初出席一場座談會時提出新冠肺炎已奪走多條人命、並導致商家暫停營業、封城等措施疫情嚴重性遠高預期預告將會下修全球經濟成長預測。
世銀在疫情爆發前的1月8日曾公佈報告隨著中美貿易戰局勢趨緩2020年全球經濟將加速擴張預測2020年全球GDP增速會從2019年的24％提高到25％。
另一方面多家投行則對中國經濟相對悲觀近日已大幅下修中國經濟成長率的預測。包括花旗、瑞銀已先後將中國第一季的GDP增速分別下調到36％和38％。高盛的看法略微樂觀預測中國第一季GDP成長率在4％。
值得關注的是G20財長和央行行長會議即將在2月22、23日於沙烏地阿拉伯首都利雅德舉行。包含喬治艾娃等多位國際機構負責人也將出席會上將重點討論肺炎疫情對全球經濟的影響。</t>
  </si>
  <si>
    <t>疫情經濟中國全球影響預測喬治艾娃imf肺炎gdp認為增速總裁報導成長率出席出現措施時期sars復蘇</t>
  </si>
  <si>
    <t>喬治艾娃大陸肺炎GDP增速全球經濟</t>
  </si>
  <si>
    <t>肺炎gdp增速大陸全球喬治艾娃經濟</t>
  </si>
  <si>
    <t>爆發獄警疫情隱瞞旅遊監獄浙江</t>
  </si>
  <si>
    <t>大陸監獄新冠肺炎疫情大爆發！據大陸司法部監獄管理局負責人何平昨(21日)表示至前天（20日）為止湖北、山東、浙江3省5座監獄共計確診505例其中浙江省光是20日就新增28例當中的27例都是來自同十裡豐監獄加</t>
  </si>
  <si>
    <t>監獄大陸來自爆發疫情負責人司法部監獄管理局浙江省山東共計浙江確診當中新增肺炎表示前天何平昨光是湖北</t>
  </si>
  <si>
    <t>大陸監獄新冠肺炎疫情大爆發！據大陸司法部監獄管理局負責人何平昨(21日)表示至前天（20日）為止湖北、山東、浙江3省5座監獄共計確診505例其中浙江省光是20日就新增28例當中的27例都是來自同十裡豐監獄加上先前的7例該監獄已有34例確診案例疫情之所以失控都是裡面的獄警隱瞞旅遊史上班6天才被查到。
浙江省司法廳副廳長徐曉波指出這名隱瞞旅遊史的獄警1月14日到19日前往武漢旅遊回到浙江後居然繼續上班直到1月25日深夜才被抓到但獄中已有多人受感染。疫情爆發後十裡豐監獄依照大陸國務院的防疫要求對監獄進行全面排查作業只要與病例有密切接觸就會進行隔離觀察。
徐曉波說逮到這名疫情爆發獄警元兇後立刻將他送往醫院檢測果然在1月29日確診是新冠肺炎30日依法公佈該名案例但因該獄警武漢回來後上班6天、接觸的人過多才會造成多名罪犯感染。</t>
  </si>
  <si>
    <t>監獄疫情獄警上班爆發確診旅遊進行大陸徐曉波浙江浙江省案例武漢隱瞞肺炎</t>
  </si>
  <si>
    <t>監獄獄警隱瞞旅遊史1月</t>
  </si>
  <si>
    <t>獄警監獄旅遊隱瞞</t>
  </si>
  <si>
    <t>陳時中醫院蓋方終於鬆口</t>
  </si>
  <si>
    <t>醫療陳時中相對維持平衡本來醫院類似考慮鬆口終於今天狀況吃緊部長未來疫情衛福全世界</t>
  </si>
  <si>
    <t>醫療設施目前能夠建置有備無患時中進行因應規劃鬆口終於今天考慮陳時中部長類似吃緊</t>
  </si>
  <si>
    <t>方艙醫院醫療陳時中新冠肺炎台灣</t>
  </si>
  <si>
    <t>陳時中醫療醫院肺炎臺灣</t>
  </si>
  <si>
    <t>遭罵全海軍海軍官兵反彈磐石</t>
  </si>
  <si>
    <t>艦隊有24位官兵染疫一夕之間國軍從防疫模範生成為全國民眾眼中的獵巫對象輿論一面倒火力全開撻伐。磐石艦的感染源從何而來?目前仍一片謎團但朝野似乎已定調為「海軍隱匿疫情」。眼見海軍遭到排山倒海指責</t>
  </si>
  <si>
    <t>海軍一夕之間定調防疫似乎模範朝野謎團成為全國目前民眾從何而來眼見眼中感染對象磐石輿論</t>
  </si>
  <si>
    <t>艦隊有24位官兵染疫一夕之間國軍從防疫模範生成為全國民眾眼中的獵巫對象輿論一面倒火力全開撻伐。磐石艦的感染源從何而來?目前仍一片謎團但朝野似乎已定調為「海軍隱匿疫情」。眼見海軍遭到排山倒海指責不少老海軍也紛紛跳出來強調新冠肺炎是致命傳染病沒有人敢隱瞞或承擔這種後果可說有判斷錯誤可能但絕不能說是刻意隱瞞這對所有在海上待了45天的官而言真的太沉重因為「絕對沒有人願意染病」。
中央流行疫情指揮中心專家諮詢小組召集人張上淳研判疫情恐怕早在艦上已有數波感染軍方官員說這次敦睦出訪是史上最短天數、也是最倒楣的一次。
張上淳表示磐石艦的感染源仍難以認定須有更進一步的疫調才能判斷。由於該艦2月底出航3月12日至15日停靠帛琉隨後又在海上漂泊30天不排除艦上早已有感染者現發現的確診個案恐怕是經過第2、第3波感染。
國防醫學院醫學系內科教授張峰義認為應是早有「無症狀」感染者上船才會造成這波疫情。
老海軍也群起表示外界似乎都將敦睦艦隊每年出訪的目的定調為吃喝玩樂的海上郵輪行但實際上真正的目的是要訓練官兵遠航作戰任務以及未來幹部海上遠和經驗外交任務只是輔助。
目前當前要務應該是如何迅速完善的將24名染疫官兵救治康復應該檢討的不適誰要負責下臺而是艦隊出航計畫中是否將各種疫情應變納入計畫中?監控艦隊與掌握疫情的機制有沒有發揮功能?
更重要的是隨船醫官出航前否受過足夠與疫情相關的專業訓練是瞭解各項狀況推演及應變作為以及軍醫體系到底有沒有提供足夠後援?尤其是第一線醫官獲得就醫資訊後向上通報機制以及複合機制完善與否?以上全都是應該考量檢討重點而不是一竿子打死一船人。</t>
  </si>
  <si>
    <t>疫情海上沒有感染艦隊出航應該海軍官兵機制隱瞞判斷應變張上淳目前定調敦睦恐怕表示</t>
  </si>
  <si>
    <t>敦睦艦隊磐石艦海軍艦隊確診24人</t>
  </si>
  <si>
    <t>海軍艦隊磐石確診敦睦</t>
  </si>
  <si>
    <t>接種bnt有意施打回收意願全數疫苗高中生學生</t>
  </si>
  <si>
    <t>台中市政府將於中秋節過後9月23日起為全市高中職以下（含五專專一至專三）、12 歲以上學生接種BNT疫苗。教育局指出截至16日止全市公、私立國高中及五 專學校計130校已全數完成意願書回收作業完成率100％</t>
  </si>
  <si>
    <t>全市意願完成全數回收學校高中職高中疫苗教育局接種bnt學生專一至以上指出截至以下五專</t>
  </si>
  <si>
    <t>台中市政府將於中秋節過後9月23日起為全市高中職以下（含五專專一至專三）、12 歲以上學生接種BNT疫苗。教育局指出截至16日止全市公、私立國高中及五 專學校計130校已全數完成意願書回收作業完成率100％經統計有意接種疫苗的學生比率達9442％ 。
台中市政府指出為提升校園防護力中央特別安排12至17歲以上學生接種COVID-19疫苗預計10月19日前可為台中市各國、高中學校學生及五專專一至專三學生完成第一劑 COVID-19疫苗接種。
此次疫苗接種不強迫學生可依照個人需求和意願自由選擇是否接種經回收意願書後130校計15萬7245位學生中有14萬8478位有意願接種疫苗有 意接種比率達9442％其中14萬6257位同意在校集中接種（9301％）、自行至醫療院所施打計2221人（141％）。
市府指出此次校園COVID-19疫苗接種作業將全市劃分為42組每組均有合約醫療院 所至區內各國高中及五專學校為學生接種疫苗；教育局已請學校務必留意學生接種疫苗後身體狀況後續幾日的教學活動以靜態活動為主。
市府表示接種疫苗後學生身體如有不適反應可申請疫苗假不列入出缺席紀錄疫苗假以三天為原則（含接種當日）必要時得延長。學生若選擇不接種疫苗未來也不用擔心需接受快篩才能進入校園學習仍可正常到校上課教育局將持續督導各校落實各項防護措施維護校園師生健康。</t>
  </si>
  <si>
    <t>接種疫苗學生校園全市學校意願教育局指出高中五專covid-作業醫療市府完成回收</t>
  </si>
  <si>
    <t>學生接種疫苗接種五專意願書</t>
  </si>
  <si>
    <t>接種五專疫苗意願學生</t>
  </si>
  <si>
    <t>總統氯喹巴西有效治癒川普效法</t>
  </si>
  <si>
    <t>巴西總統波索納洛（Jair Bolsonaro）發燒到38度而且在新冠病毒測試中也呈陽性所幸在週二已退燒。波索納洛說他是服用羥氯喹才能迅速康復的。然而這種抗瘧疾藥物尚未被證明對COVID-19有效。美聯社報導波索納洛</t>
  </si>
  <si>
    <t>波索納洛bolsonaro證明covid-發燒尚未藥物瘧疾病毒康復測試迅速才能氯喹陽性所幸服用週二退燒</t>
  </si>
  <si>
    <t>巴西總統波索納洛（Jair Bolsonaro）發燒到38度而且在新冠病毒測試中也呈陽性所幸在週二已退燒。波索納洛說他是服用羥氯喹才能迅速康復的。然而這種抗瘧疾藥物尚未被證明對COVID-19有效。
美聯社報導波索納洛在週一發燒、肌肉酸痛和全身不適緊急送往醫院接受了X光檢查確定還沒有肺部重症但是新冠病毒測試呈現陽性被視為是輕度感染者。截至週二他的發燒已消退並且再次出席公開活動他將病情好轉歸因於服用羥氯喹。
這位65歲的右翼民粹主義者在疫情爆發期間仍然不戴口罩、不遮掩臉部喜歡與人群在一起而聞名即使巴西的新冠疫情持續嚴重他也依然如此終於在上周出現染病症狀。
在經過週六周日的治療似乎已有好轉他說「我很好很正常。我甚至想出去散散步只是被醫療團隊反對而不能這樣做。」
週二晚些時候他在臉書上發布了一段影片談他的感病心得他說已服用了第3劑的羥氯喹並將病情好轉歸因於這種藥。
他說：「今天我感覺好多了。我服用了羥氯喹治病我也知道他們(指醫學專家)說羥氯喹沒有治療新冠肺炎的科學證明但是我真實的感覺有效所以我相信羥氯喹。你呢？」
他的言行讓人聯想到美國總統川普川普也是堅持不戴口罩堅持不認為新冠疫情嚴重同時也是力薦羥氯喹可以治療與預防新冠肺炎。
巴西是世界第六大國家擁有超過21億人口是新冠病毒疫情最嚴重的國家之一超過65萬人死於新冠病毒總感染人數超過150萬。
感染人數與死亡人數都是世界第二高的僅次於美國由於缺乏廣泛的病毒測試巴西的染疫人數只會更高。僅在星期二確認有1254人死亡。
裡約熱內盧州立大學政治學教授莫里西奧·桑托羅(Maurício Santoro)說波索納洛總統可說是「忽視新冠疫情嚴重性的民主國家元首」這一次他也受到感染終於打擊了他的信譽希望這起事件將可提醒大眾防疫的重要。
波索納洛在疫情嚴重時期仍頻頻經常出現在公眾場合有時不戴口罩與支持者握手。他曾說「他過去曾經是運動員因此體格很好可以保護他免受病毒的侵害就算真的感染那也不過是一場小感冒。」
即使許多意見提醒他巴西應該學習其他國家封鎖城市降低經濟活動但是波索納洛說他沒有辦法使70％的人口因新冠病毒而停止生活而且他認為地方當局關閉經濟活動的努力負面影響會比放任病毒擴散還來的更大。
在4個月前波索納洛的前任衛生部長正因他不聽從勸告、對羥氯喹的無條件相信效憤而辭職之後是由一位沒有公衛經驗的臨時部長代理。
即使如此波索納洛的支持者仍然很多西拉斯·裡貝羅（Silas Ribeiro）在裡約大街上說他相信總統的說法同意病毒是被誇大的。他說：「我們的總統是一個受歡迎的人。他表明自己不怕死亡。他將保持健康並度過這種疾病。」
世界衛生組織緊急情況負責人邁克‧萊恩（Michael Ryan）博士說他希望波索納洛能早日康復並且表示巴西總統的感染「證明瞭這種病毒不區別身分無論是王子還是貧民都有可能感染。」</t>
  </si>
  <si>
    <t>波索納洛病毒氯喹巴西疫情感染總統沒有週二嚴重發燒活動證明死亡相信服用國家治療測試</t>
  </si>
  <si>
    <t>羥氯喹波索納洛新冠病毒川普</t>
  </si>
  <si>
    <t>波索納洛氯喹病毒川普</t>
  </si>
  <si>
    <t>境外嘉玲死亡本土</t>
  </si>
  <si>
    <t>中央流行疫情指揮中心今(4)日公佈國內新增5例COVID-19確定病例均為境外移入；另確診個案中新增1例死亡。指揮中心說明今日新增5例境外移入個案為4例男性、1例女性年齡介於20多歲至50多歲分別自印尼(3例案</t>
  </si>
  <si>
    <t>新增中心指揮境外個案介於國內公佈死亡女性covid-今日確定病例確診男性印尼分別年齡說明疫情流行</t>
  </si>
  <si>
    <t>中央流行疫情指揮中心今(4)日公佈國內新增5例COVID-19確定病例均為境外移入；另確診個案中新增1例死亡。
指揮中心說明今日新增5例境外移入個案為4例男性、1例女性年齡介於20多歲至50多歲分別自印尼(3例案16361、案16362、案16363)、貝裡斯(案16364)及美國(案16365)入境入境日介於今(2021)年9月20日至10月2日皆持有搭機前3日內檢驗陰性報告；詳如新聞稿附件。
指揮中心表示今日新增1例死亡個案(案15920)為70多歲男性具慢性病史無相關活動接觸史8月10日因其他原因就醫採檢並住院治療8月11日確診9月4日解除隔離10月2日因其他原因死亡。
指揮中心統計截至目前國內累計3460241例新型冠狀病毒肺炎相關通報(含3442726例排除)其中16255例確診分別為1620例境外移入14581例本土病例36例敦睦艦隊、3例航空器感染、1例不明及14例調查中；另累計110例移除為空號。2020年起累計844例COVID-19死亡病例其中832例本土個案居住縣市分佈為新北市412例、臺北市319例、基隆市29例、桃園市26例、彰化縣15例、新竹縣13例、臺中市5例、苗栗縣3例、宜蘭縣及花蓮縣各2例臺東縣、雲林縣、臺南市、南投縣、高雄市及屏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指揮中心死亡措施新增個案活動累計確診境外感染相關原因病例國內東縣男性本土covid-分別防疫今日</t>
  </si>
  <si>
    <t>防疫管制二級警戒新冠肺炎台灣指揮中心</t>
  </si>
  <si>
    <t>肺炎臺灣警戒管制指揮中心防疫</t>
  </si>
  <si>
    <t>疫情陳宗彥假人中秋觀察期</t>
  </si>
  <si>
    <t>國內日前迎來降為二級警戒後首個中秋連假4天假期各景點都被人潮塞爆外界擔心中秋假期恐釀成疫情破口中央流行疫情指揮中心副指揮官陳宗彥今表示目前還在持續觀察中一般都會觀察2周的時間提醒民眾若有相關</t>
  </si>
  <si>
    <t>中秋假期觀察疫情時間警戒後首目前表示持續中心指揮指揮官陳宗彥提醒釀成景點人潮降為擔心外界</t>
  </si>
  <si>
    <t>國內日前迎來降為二級警戒後首個中秋連假4天假期各景點都被人潮塞爆外界擔心中秋假期恐釀成疫情破口中央流行疫情指揮中心副指揮官陳宗彥今表示目前還在持續觀察中一般都會觀察2周的時間提醒民眾若有相關旅遊史、有症狀就醫時須提醒醫師注意。
昨日(21日)中央流行疫情指揮中心指揮官陳時中表示連假期間看到大家尤其在海邊還是有不戴口罩的時候也有看到夜市邊走邊吃倒不是說很多比較多的是海邊戴口罩的問題。
對於中秋連假的風險陳宗彥今日表示我們會持續觀察一般都會觀察2周的時間還是要提醒民眾現在還在二級警戒自己外出、居家、辦公、上學若有症狀、有旅遊史就醫時還是要提醒醫師注意。</t>
  </si>
  <si>
    <t>假期中秋提醒表示警戒看到陳宗彥疫情海邊觀察口罩民眾中央症狀指揮醫師指揮官持續就醫流行注意旅遊</t>
  </si>
  <si>
    <t>中秋連假景點遊玩疫情破口陳宗彥</t>
  </si>
  <si>
    <t>景點遊玩疫情陳宗彥中秋</t>
  </si>
  <si>
    <t>公益真實面貌王祖賢曝光</t>
  </si>
  <si>
    <t>「永遠的小倩」王祖賢息影多年移居加拿大專心修佛不過她的動態仍是許多人關注焦點近日有網友曝光她參加公益活動側拍照雖然打扮樸素但仍能看出她保養得宜讓粉絲驚豔。王祖賢穿著樸素出席華人公益活動雖</t>
  </si>
  <si>
    <t>王祖賢樸素公益活動移居專心加拿大修佛動態近日粉絲關注網友焦點曝光得宜參加保養看出</t>
  </si>
  <si>
    <t>「永遠的小倩」王祖賢息影多年移居加拿大專心修佛不過她的動態仍是許多人關注焦點近日有網友曝光她參加公益活動側拍照雖然打扮樸素但仍能看出她保養得宜讓粉絲驚豔。
王祖賢穿著樸素出席華人公益活動雖然照片有點模糊但素顏的她保養得宜依舊看起來狀態很好完全不像53歲讓網友也大讚「還是一樣漂亮」、「身材還是維持不錯」。
雖然王祖賢人在加拿大但她也很關心新冠肺炎疫情之前慶53歲生日時戴口罩替武漢加油並提醒粉絲要記得戴口罩、注意手的潔淨。</t>
  </si>
  <si>
    <t>加拿大王祖賢網友粉絲公益活動樸素得宜口罩保養記得生日加油之前武漢疫情移居肺炎</t>
  </si>
  <si>
    <t>王祖賢素顏公益加拿大新冠肺炎</t>
  </si>
  <si>
    <t>加拿大公益素顏王祖賢肺炎</t>
  </si>
  <si>
    <t>人才黃種大利首相日本肺炎</t>
  </si>
  <si>
    <t>歐洲的新冠肺炎疫情嚴重仍看不出如何緩解相對東亞的疫情已過高峰期於是在日本國會上討論日本是否要出手支援?日本副首相、財政大臣麻生太郎略在回應時略帶抱怨的提到義大利在2月底相當輕忽新冠病毒疫情甚</t>
  </si>
  <si>
    <t>疫情日本首相財政回應相當略帶抱怨提到大臣大利討論麻生太郎月底輕忽嚴重相對東亞會上日本國高峰期支援出手</t>
  </si>
  <si>
    <t>歐洲的新冠肺炎疫情嚴重仍看不出如何緩解相對東亞的疫情已過高峰期於是在日本國會上討論日本是否要出手支援?日本副首相、財政大臣麻生太郎略在回應時略帶抱怨的提到義大利在2月底相當輕忽新冠病毒疫情甚至曾說「那是黃種人的病不是我們的病」這種話。
推特上有人分享麻生太郎在日本眾議院的一段對話內容在3月24日的財政金融委員會會議上國民民主黨議員吉良州司問道：「在本次新冠肺炎疫情中日本能否在G20的框架下出手支援義大利、西班牙這些財政基礎薄弱的歐洲國家？」
麻生太郎表示：「2月底時在利雅德召開的G20財長和央行行長會議上我有說過這樣的建議但是他們沒有任何反應。」
「一周後舉行了G7財長電話會議我再提到疫情的問題並且問他們有什麼想法？&amp;apos;結果義大利代表直接說『那是黃種人的病不是我們的病。』
【正直過ぎる麻生さん? 】麻生大臣「2月末の會議でコロナの話が出たが歐州は無反応。1週間したらG7の電話會談を申し込んで? ? が色々言う。『つい一週間前に隣の席で”何の関係もない。あれは黃色人種の病気で俺達の病気じゃない”と誰が言ったんだ。お前じゃないか』と言ったのがこの間の第一回の會議」 pictwittercom/0YlQbE3SGX
麻生太郎略帶不滿的表示「這種話是誰說的？不就是你(義大利代表)說的嗎？到底在想什麼?」
這則推文得到不少留言「歐洲對亞洲的岐視仍在持續」、「德國就發生把日本球迷趕出足球場的事情」、「一個月前倫敦市市長還提議代替東京辦奧運會但現在英國有2萬人遭感染。」
雖然麻生太郎做了不少抱怨但是日本在3月11日已向世衛組織捐助了4600萬美元協助其他受疫情影響國家。</t>
  </si>
  <si>
    <t>疫情日本麻生太郎會議大利歐洲抱怨提到月底財長大臣略帶</t>
  </si>
  <si>
    <t>麻生太郎義大利日本副首相新冠肺炎</t>
  </si>
  <si>
    <t>日本首相大利肺炎麻生太郎</t>
  </si>
  <si>
    <t>差不多az效果呼籲類人莫德納柯文哲</t>
  </si>
  <si>
    <t>美國贈送250萬劑莫德納疫苗來台針對長者是否可挑選疫苗臺北市長柯文哲21日在防疫記者會表示AZ跟莫德納疫苗效果沒什麼太大差別但當然有血栓疾病就打莫德納疫苗此外2個效果副作用無明顯差別這周AZ差不多打</t>
  </si>
  <si>
    <t>疫苗莫德納差別az效果挑選臺北市柯文哲防疫記者會當然表示血栓疾病明顯沒什麼副作用長者是否贈送</t>
  </si>
  <si>
    <t>美國贈送250萬劑莫德納疫苗來台針對長者是否可挑選疫苗臺北市長柯文哲21日在防疫記者會表示AZ跟莫德納疫苗效果沒什麼太大差別但當然有血栓疾病就打莫德納疫苗此外2個效果副作用無明顯差別這周AZ差不多打完剩下都莫德納。
柯文哲說單一新聞事件有影響AZ疫苗接種但臺北市民還是有一定的素質18日雖然接種率掉下來19、20日又回去了AZ跟莫德納除非有特殊理由否則其實效果沒啥差別。
柯說中央應很快宣佈優先施打者有懷孕或吃避孕藥的、對賀爾蒙刺激治療的人另外還有廣義的血栓疾病例如塞心臟是心肌梗塞塞腦袋中風深層靜脈栓塞掉下來變肺栓塞因AZ有會血栓疾病問題以上這幾種病都要打莫德納。
柯說扣掉這些外2個疫苗效果副作用無明顯差別這周AZ差不多打完剩下都莫德納。
對於北市確診數下降是否公佈足跡？柯說目前還是以精準疫調效果還不錯當精準疫調與快篩陽性總數配合會比較實在採取最有效方式執行清零計畫。</t>
  </si>
  <si>
    <t>美國 贈送 250萬 劑 莫德納 疫苗 來 台 針對 長者 是否 可 挑選 疫苗 臺北市 長 柯文哲 21 日 在 防疫 記者會 表示 az 跟 莫德納 疫苗 效果 沒什麼 太 大 差別 但 當然 有 血栓 疾病 就 打 莫德納 疫苗 此外 2 個 效果 副作用 無 明顯 差別 這周 az 差不多 打完 剩下 都 莫德納 柯文哲 說 單一 新聞 事件 有 影響 az 疫苗 接種 但 臺北 市民 還是 有 一定 的 素質 18 日 雖然 接種 率 掉下來 1920 日 又 回去 了 az 跟 莫德納 除非 有 特殊 理由 否則 其實 效果 沒 啥 差別 柯說 中央 應 很快 宣佈 優先 施 打者 有 懷孕 或 吃 避孕藥 的 對 賀爾蒙 刺激 治療 的 人 另外 還有 廣義 的 血栓 疾病 例如 塞 心臟 是 心肌梗塞 塞 腦袋 中風 深層 靜脈 栓塞 掉下來 變 肺 栓塞 因 az 有 會 血栓 疾病 問題 以上 這 幾 種 病 都 要 打 莫德納 柯說 扣 掉 這些 外 2 個 疫苗 效果 副作用 無 明顯 差別 這周 az 差不多 打完 剩下 都 莫德納 對於 北市 確診 數下降 是否 公佈 足跡 柯說 目前 還是 以 精准 疫 調 效果 還 不錯 當 精准 疫 調 與 快 篩 陽性 總數 配合 會 比較 實在 採取 最 有效 方式 執行 清零 計 畫</t>
  </si>
  <si>
    <t>莫德納疫苗az效果柯說差別血栓疾病柯文哲是否掉下來精准接種方式栓塞有效採取執行實在比較剩下</t>
  </si>
  <si>
    <t>新冠肺炎台灣 AZ莫德納差別</t>
  </si>
  <si>
    <t>az臺灣肺炎莫德納差別</t>
  </si>
  <si>
    <t>不適送醫搶救無效az打完不治身亡嘉義</t>
  </si>
  <si>
    <t>嘉義市1名33歲李姓男子平時身體正常沒有特殊疾病但上月10日施打AZ疫苗後19日出現頭痛、胸悶等症狀隔日狀況未改善緊急就醫就醫後陸續做移除血栓、心導管手術等今天上午在醫院拔管宣告死亡法醫今天下午相</t>
  </si>
  <si>
    <t>宣告平時身體正常醫院今天上午沒有手術心導管特殊血栓疾病移除死亡上月就醫狀況男子隔日症狀出現頭痛</t>
  </si>
  <si>
    <t>嘉義市1名33歲李姓男子平時身體正常沒有特殊疾病但上月10日施打AZ疫苗後19日出現頭痛、胸悶等症狀隔日狀況未改善緊急就醫就醫後陸續做移除血栓、心導管手術等今天上午在醫院拔管宣告死亡法醫今天下午相驗將擇日解剖釐清死因院方也已申報疫苗不良事件。
據瞭解李姓男子平時身體沒有異狀9月10日打完AZ疫苗後9月19日向家人反應有頭痛、胸悶的狀況且情形持續到隔天都沒有緩解家人立刻將其送醫入院後立即急救。
李姓男子住院後自9月22日起陸續做了心導管手術、開顱手術等狀況不理想持續昏迷至昨天仍有動手術今天早上10點在醫院拔管宣告死亡檢警下午會同法醫相驗死因不明待解剖釐清死因。衛生局指出醫院向中央申報為疫苗不良事件衛生局也協助家屬申請預防接種的受害救濟等。</t>
  </si>
  <si>
    <t>疫苗狀況沒有醫院死因男子李姓手術家人衛生局持續法醫事件頭痛平時身體陸續心導管宣告</t>
  </si>
  <si>
    <t>嘉義AZ血栓疫苗不良新冠肺炎</t>
  </si>
  <si>
    <t>不良疫苗血栓az嘉義肺炎</t>
  </si>
  <si>
    <t>三藩市疫情肆虐肺炎勇士拒絕取消比賽nba</t>
  </si>
  <si>
    <t>新冠肺炎疫情在全美擴散舊金山確診案例不斷攀升舊金山政府致電希望勇士能取消在Chase Center的比賽但勇士球團拒絕這項決定依舊傾向正常比賽。舊金山公共衛生部門主管帕金斯表示「我已經親自和勇士負責人威</t>
  </si>
  <si>
    <t>勇士三藩市比賽全美擴散已經確診案例表示不斷三藩市政府致電攀升主管希望帕金斯衛生部門疫情正常傾向決定親自取消chasecenter肺炎拒絕</t>
  </si>
  <si>
    <t>新冠肺炎疫情在全美擴散舊金山確診案例不斷攀升舊金山政府致電希望勇士能取消在Chase Center的比賽但勇士球團拒絕這項決定依舊傾向正常比賽。
舊金山公共衛生部門主管帕金斯表示「我已經親自和勇士負責人威爾茲談過話表達出先前取消比賽是可以自行決定的但如今已成為強制執行希望他們能在我方做出強制令之前做出正確決定。
然而不論舊金山市政府的多方勸說與建議勇士球團回覆的答案永遠是「感謝建議」。</t>
  </si>
  <si>
    <t>勇士比賽三藩市決定希望取消建議做出全美擴散疫情政府負責人親自威爾茲已經確診表示主管正確表達過話衛生部門致電強制執行</t>
  </si>
  <si>
    <t>舊金山勇士新冠肺炎疫情</t>
  </si>
  <si>
    <t>勇士肺炎三藩市疫情</t>
  </si>
  <si>
    <t>國家隊台南酒精加入酒廠</t>
  </si>
  <si>
    <t>新冠肺炎疫情持續口罩、酒精等防疫物資因民眾搶購需求大增除台酒、台糖等公營酒廠外台南市政府協調轄內民營酒廠撥出部分產線生產防疫酒精向中央爭取業者可免徵烈酒稅獲得全久榮、坤展2家酒廠響應加入</t>
  </si>
  <si>
    <t>酒廠酒精防疫持續口罩全久榮獲得烈酒免征轄內物資台糖台酒業者大增民眾爭取中央搶購需求部分生產</t>
  </si>
  <si>
    <t>新冠肺炎疫情持續口罩、酒精等防疫物資因民眾搶購需求大增除台酒、台糖等公營酒廠外台南市政府協調轄內民營酒廠撥出部分產線生產防疫酒精向中央爭取業者可免徵烈酒稅獲得全久榮、坤展2家酒廠響應加入酒精國家隊行列吧也是全台之先預計每日可增加10萬瓶350毫升酒精產量。
隨著新冠肺炎疫情延燒民眾對消毒酒精的需求日漸增加台南市府與民營酒廠協商14家中有2家業者願意加入75％酒精生產行列並建議中央採徵用方式讓業者免稅6日經濟部舉行「研議民營酒廠試辦參與防疫酒精生產會議」中央疫情指揮中心同意並由南市2家業者做區域性試辦再逐步推行到全台。
目前南市有隆田酒廠日產12萬瓶300毫升酒精天乾製藥生產1萬瓶500毫升酒精全久榮、坤展分別是高粱酒、料理米酒製造商投產後則日產10萬瓶350毫升酒精初步以供應原有通路及南市為主。
台南市長黃偉哲表示南市除了多家工廠投入口罩國家隊外現在則有2家民間業者率先加入酒精國家隊行列是全台第一全久榮、坤展願意捨棄部分獲利協助防疫工作是有社會責任與大愛的企業在政府、民間通力合作下增進防疫動能也希望帶動更多企業加入。
黃偉哲說包括戴口罩、酒精消毒、社交距離等種種防疫措施都是為了替台灣力保一線生機被問到接下來的防疫他指出會尊重中央公告但會視疫情發展超前部署包括菜市場、夜市、賣場等要嚴格管制人數五一勞動節連假也可能取消最嚴重的狀況就是禁足、封城但希望不要走到這一步。</t>
  </si>
  <si>
    <t>酒精防疫酒廠南市疫情加入中央生產業者口罩全台全久榮國家隊包括希望企業行列試辦民間政府黃偉哲願意</t>
  </si>
  <si>
    <t>新冠肺炎酒精烈酒稅口罩國家隊</t>
  </si>
  <si>
    <t>烈酒酒精肺炎口罩國家隊</t>
  </si>
  <si>
    <t>遊客近萬名疫情滯留物資供應壓力額濟納旗大增內蒙古</t>
  </si>
  <si>
    <t>內蒙古阿拉善盟額濟納旗近日爆發本土疫情昨（25日）再新增15例本土確診病例。當地宣佈自當日淩晨零時起實施封區要求當地居民和遊客足不出戶、嚴禁聚集。據瞭解每年10月是當地旅遊旺季該人口約只有36萬人的</t>
  </si>
  <si>
    <t>當地本土爆發人口旺季疫情旅遊新增瞭解聚集確診足不出戶近日遊客病例居民宣佈要求當日淩晨實施</t>
  </si>
  <si>
    <t>內蒙古阿拉善盟額濟納旗近日爆發本土疫情昨（25日）再新增15例本土確診病例。當地宣佈自當日淩晨零時起實施封區要求當地居民和遊客足不出戶、嚴禁聚集。據瞭解每年10月是當地旅遊旺季該人口約只有36萬人的小城目前約有9700名外地遊客滯留。
上週一（18日）5名額濟納旗人與外地遊客接觸後確診隨即實施封閉管理48小時並展開大規模核酸檢測。從22日起額濟納旗每日為滯留遊客免費提供1餐正餐、1個醫用口罩、一份泡麵、火腿和礦泉水。當地要求旅館及酒店於這段期間實施價格控制規定房租每天不超過200元（人民幣下同）由市場監管部門監督。有當地酒店負責人稱疫情之下單是一日的人力成本便損失7000元。
自疫情爆發以來當地不少牧民紛紛拿出家中的米麵製成油餅、饅頭等食物派發給滯留於民宿的遊客。一些牧民甚至向地方官員表示願意捐出駱駝和羊。額濟納旗文化旅遊廣電局於上週四（21日）對滯留當地的遊客表示將為滯留遊客贈送當地3個景區門票1張自2021年起3年內可免費遊覽。</t>
  </si>
  <si>
    <t>當地遊客滯留實施額濟納旗疫情牧民旅遊確診爆發酒店外地表示本土要求免費超過人民幣製成油餅下同房租米麵饅頭食物</t>
  </si>
  <si>
    <t>新冠肺炎大陸內蒙古額濟納旗遊客</t>
  </si>
  <si>
    <t>內蒙古肺炎大陸額濟納旗遊客</t>
  </si>
  <si>
    <t>細節通報陸向美時間吻合憤怒</t>
  </si>
  <si>
    <t>美國總統川普坦言疫情初期為了避免恐慌淡化疫情的嚴重性。對照大陸近幾個月來陸續公佈的防疫時間軸、抗疫行動白皮書等都闡明對美方已多次通報疫情從領導人層級到學界交流皆有。僅從疫情爆發後到三月底</t>
  </si>
  <si>
    <t>疫情爆發嚴重性對照陸續公佈防疫時間大陸行動近幾個月白皮書闡明美方通報學界交流領導人層級坦言初期</t>
  </si>
  <si>
    <t>美國總統川普坦言疫情初期為了避免恐慌淡化疫情的嚴重性。對照大陸近幾個月來陸續公佈的防疫時間軸、抗疫行動白皮書等都闡明對美方已多次通報疫情從領導人層級到學界交流皆有。僅從疫情爆發後到三月底陸美就有超過40次的疫情溝通。
新華社4月6日曾發出一篇3萬字的報導以時間軸方式詳述從去年12月底到3月底大陸的防疫進度和向外界通報的情況其中對美國的通報著墨最多。
該萬言時間軸列舉了超過40次與美方的溝通。層級從習近平與川普的元首通話、國務委員王毅與美國務卿蓬佩奧通話、中美疾控中心主任通話、國家衛健委收到美方通報到大陸疾控中心接待哥倫比亞大學學者到訪及中美流行病學學界的交流等全都詳細列出。
新華社4月26日以「美國疫情時間線須盡早釐清」為題報導提到美國加州聖克拉拉縣政府公共衛生部門日前發布的通報顯示早在2月6日當地就有人死於新冠肺炎這比美國此前公佈的首個新冠肺炎死亡病例早了20多天。由於該病例沒有國外旅行史這一發現意味著美國疫情可能早在1月初到1月中旬就已經進入社區感染階段。
此外在6月大陸發布《抗擊新冠肺炎疫情的中國行動》白皮書強調在武漢爆發疫情後1月4日中國疾控中心負責人與美國疾控中心負責人通電話介紹疫情有關情況雙方同意就資訊溝通和技術協作保持密切聯系。1月5日武漢市衛生健康委在官方網站發布《關於不明原因的病毒性肺炎情況通報》共發現59例不明原因的病毒性肺炎病例大陸向世界衛生組織通報疫情資訊。世界衛生組織首次就武漢出現不明原因肺炎病例進行通報。</t>
  </si>
  <si>
    <t>疫情美國通報大陸時間肺炎發佈通話病例原因報導層級情況防疫學界交流川普美方行動溝通超過</t>
  </si>
  <si>
    <t>疾控中心大陸美國肺炎時間軸</t>
  </si>
  <si>
    <t>大陸中心美國肺炎時間</t>
  </si>
  <si>
    <t>盧秀燕燈會分享幸福時光情人節</t>
  </si>
  <si>
    <t>二月十四情人節台中市主辦的2020台灣燈會規劃璀璨燈組浪漫氣氛吸引許多情侶朝聖市長盧秀燕在臉書分享充滿幸福氛圍的燈區影片她表示2020台灣燈會體現了台中這座城市的浪漫期待能帶給每個到來的朋友歡樂與</t>
  </si>
  <si>
    <t>浪漫臺灣燈會台中期待主辦城市分享盧秀燕充滿市長幸福氛圍朝聖情侶吸引規劃體現氣氛影片燈組表示能帶到來朋友</t>
  </si>
  <si>
    <t>二月十四情人節台中市主辦的2020台灣燈會規劃璀璨燈組浪漫氣氛吸引許多情侶朝聖市長盧秀燕在臉書分享充滿幸福氛圍的燈區影片她表示2020台灣燈會體現了台中這座城市的浪漫期待能帶給每個到來的朋友歡樂與幸褔並邀請大家情人節到台中賞燈。
盧秀燕分享的影片內容有許多情侶到訪台灣燈會必拍的浪漫燈組更有不少戀人、夫妻手牽手走在如夢似幻的繽紛燈組間臉上洋溢幸福笑容。
「台灣燈會創造浪漫回憶和幸福時刻」盧秀燕說讓平凡的日子充滿驚喜與希望不論你們的關係是戀人、夫妻或是朋友、家人在最浪漫的節日裡我要對你們說：2020愛你愛你！
盧秀燕在臉書發文獲網友熱烈迴響留言按讚「特別喜歡今年的燈會滿滿的幸福謝謝台中」、「情人節快樂有你真好」、「看到這樣的景色真是讓人陶醉」、「祝福天下有情人終成眷屬！燈會真的精彩歡迎來台中賞燈！」、「我台中人~我驕傲歡迎大家來看花燈」。
市府表示今晚主展區後裡森林園區規劃情人節限定「愛的流星雨」無人機展演以「浪漫、幸福、愛在台中」為主題將有情人節快樂字樣、邱比特射箭穿心圖騰等表演時間除原訂的晚間7時10分9時10分將再加碼演出浪漫點亮台中夜空。另無人機展演須視天候條件評估展演完整性與飛行安全如遇下雨或4級以上陣風展演延後或取消。
另外副展區文心森林公園今日至16日一連三天晚間6時至8時在情人光廊前推出情人節限定活動只要與情人光廊合照並打卡公開分享及hashtag「＃2020台灣燈會＃璀璨台中＃文心森林公園＃情人節快樂」就可獲得愛心棉花糖1串預計送出1000串數量有限送完為止。</t>
  </si>
  <si>
    <t>情人節台中浪漫燈會幸福臺灣展演盧秀燕分享快樂燈組展區表示充滿朋友規劃晚間情侶影片限定情人</t>
  </si>
  <si>
    <t>台中情人節燈會浪漫新冠肺炎</t>
  </si>
  <si>
    <t>浪漫燈會情人節台中肺炎</t>
  </si>
  <si>
    <t>疫苗出現心肌炎輝瑞施打高風險男性年齡曝光以色列</t>
  </si>
  <si>
    <t>據《路透社》報導以色列衛生部1日宣佈以色列施打輝瑞疫苗的年輕男性少數出現心肌炎的症狀；其中又以16至19歲男性出現心肌炎比例為最高。對此輝瑞表示並未發現到較一般人預期更高的心肌炎發病率。以色列衛</t>
  </si>
  <si>
    <t>心肌炎輝瑞以色列男性出現施打預期一般年輕疫苗發現並未表示比例對此最高宣佈衛生部發病率報導症狀路透社</t>
  </si>
  <si>
    <t>疫苗心肌炎輝瑞以色列研究接種出現報告症狀開始不良小組限制公佈預期發現施打超過mrna衛生部男性</t>
  </si>
  <si>
    <t>新冠肺炎心肌炎輝瑞疫苗以色列佛光山</t>
  </si>
  <si>
    <t>輝瑞心肌炎肺炎疫苗以色列佛光山</t>
  </si>
  <si>
    <t>肺炎鄉長遊客闢謠</t>
  </si>
  <si>
    <t>新冠肺炎疫情延燒在東部離島的綠島鄉有傳出遊客疑似染新冠肺炎病毒綠島鄉長謝賢裕臉書po文澄清遊客是腸胃型感冒採檢為陰性請勿以訛傳訛。另外謝賢裕表示黑鷹直升機26日到綠島是接送空勤5位長官到綠</t>
  </si>
  <si>
    <t>遊客謝賢裕肺炎陰性請勿以訛傳訛感冒腸胃表示澄清黑鷹po傳出直升機</t>
  </si>
  <si>
    <t>新冠肺炎疫情延燒在東部離島的綠島鄉有傳出遊客疑似染新冠肺炎病毒綠島鄉長謝賢裕臉書po文澄清遊客是腸胃型感冒採檢為陰性請勿以訛傳訛。
另外謝賢裕表示黑鷹直升機26日到綠島是接送空勤5位長官到綠島參加森林火災防護會勘及會議並非病患接送任務請大家安心。</t>
  </si>
  <si>
    <t>遊客謝賢裕接送肺炎並非會議防護火災陰性請勿以訛傳訛森林感冒腸胃參加表示澄清</t>
  </si>
  <si>
    <t>綠島新冠肺炎遊客新冠肺炎</t>
  </si>
  <si>
    <t>肺炎遊客</t>
  </si>
  <si>
    <t>分局闖警口罩</t>
  </si>
  <si>
    <t>彰化縣新冠肺炎疫情嚴峻確診人數突破160人辛苦的警、醫護守在第一線守護人民1日晚間彰化縣田中警分局闖入一名男子送來6大箱總計1萬2千片口罩林男表示為了感謝第一線員警用行動力挺提供給第一線執行防</t>
  </si>
  <si>
    <t>第一線力挺行動員警感謝表示林男總計口罩提供嚴峻確診男子疫情人數突破肺炎闖入辛苦醫護分局</t>
  </si>
  <si>
    <t>彰化縣新冠肺炎疫情嚴峻確診人數突破160人辛苦的警、醫護守在第一線守護人民1日晚間彰化縣田中警分局闖入一名男子送來6大箱總計1萬2千片口罩林男表示為了感謝第一線員警用行動力挺提供給第一線執行防疫工作的員警使用讓員警驚訝大呼好暖心。
超暖心1日晚間10點左右林姓男子獨自開車到田中分局搬運自家工廠生產的醫療用口罩要送給員警表示為了感謝員警人員平時維護治安、交通工作之外現在還要投入防疫稽查等相當辛勞口罩要捐贈給第一線執行防疫工作的員警使用讓警方不用為了防疫物資不足而受到影響。
田中警分局表示林姓口罩廠負責人來自社頭相當低調當天送來以後他表示希望藉由這微薄之力來保護第一線的員警讓員警多一分保障一起度過這個嚴峻的疫情也希望能為在地鄉親、為防疫工作盡一點心力同時感謝警方的努力。
田中分局長鄭頴聰說隨著新冠肺炎疫情持續升溫警方站在第一線強力執法取締及宣導讓相關防疫物資需求不斷增加感謝在地企業捐贈口罩未來將發配給第一線外勤單位的同仁使用站在前線防疫的員警防疫工作更是不可鬆懈也提醒民眾務必保持社交距離外出時口罩戴好戴滿勤洗手避免群聚保護自己也保護他人。</t>
  </si>
  <si>
    <t>防疫口罩員警感謝工作田中表示第一線警方分局疫情相當希望林姓嚴峻晚間捐贈男子使用員警</t>
  </si>
  <si>
    <t>新冠肺炎台灣員警感謝防疫工作</t>
  </si>
  <si>
    <t>員警臺灣感謝肺炎防疫工作</t>
  </si>
  <si>
    <t>驚見潦草字體處方速食店</t>
  </si>
  <si>
    <t>台灣疫情升溫許多店家宣佈入內須實聯制一名網友分享照片說去麥當勞意外發現有位客人留資料的字跡極度潦草幾乎看不懂是在寫啥因此有朋友吐槽「也許是醫師在開處方籤」讓他超不爽意外引發網友討論。一名網</t>
  </si>
  <si>
    <t>意外網友宣佈須實店家分享不爽照片處方醫師麥當勞也許潦草極度資料字跡發現</t>
  </si>
  <si>
    <t>台灣疫情升溫許多店家宣佈入內須實聯制一名網友分享照片說去麥當勞意外發現有位客人留資料的字跡極度潦草幾乎看不懂是在寫啥因此有朋友吐槽「也許是醫師在開處方籤」讓他超不爽意外引發網友討論。
一名網友昨在臉書社團《爆怨2公社》發文說現在去麥當勞要實聯制動手留名字和電話並不困難若不想寫可以改去得來速何必這樣惡搞。從照片中可見實聯制資料板子上有位客人填寫姓名和電話的字跡非常潦草幾乎看不出來寫什麼。
該網友表示有朋友說也許這位客人的職業是醫生所以寫字像開處方簽一樣大家都看不懂好笑歸好笑但在目前的情況下他真的笑不出來。
照片曝光後引起網友討論「服務業真的覺得苦苦口婆心勸說請以正楷填寫以免服務人員看不懂還要被嗆說是有業績可以抽成嗎？」、「應該要當場確認沒有寫清楚一律不給過、不給買」、「什麼奇葩的人都有」、「這時候就要拿進去問（用唱名）他X的誰留的假資料叫到最後沒反應就是那個人」。</t>
  </si>
  <si>
    <t>網友照片看不懂資料客人真的可以填寫討論意外麥當勞電話處方也許潦草字跡</t>
  </si>
  <si>
    <t>新冠肺炎台灣實聯制麥當勞</t>
  </si>
  <si>
    <t>臺灣肺炎麥當勞</t>
  </si>
  <si>
    <t>技術方面藥物協助國際口罩蔡英文社會</t>
  </si>
  <si>
    <t>蔡英文總統今天表示臺灣的防疫表現受到國際肯定過去我們組好國家隊現在要打入國際盃和其他國家一起進行防疫工作。在臺灣行有餘力的情況下基於人道考量將會在口罩、藥物、技術等三個方面協助國際社會與</t>
  </si>
  <si>
    <t>國際臺灣防疫技術口罩藥物考量人道情況表現過去受到現在肯定打入工作國家進行一起方面表示</t>
  </si>
  <si>
    <t>蔡英文總統今天表示臺灣的防疫表現受到國際肯定過去我們組好國家隊現在要打入國際盃和其他國家一起進行防疫工作。在臺灣行有餘力的情況下基於人道考量將會在口罩、藥物、技術等三個方面協助國際社會與國際社會共度難關。
蔡英文今天前往國家衛生指揮中心首度戴上口罩聽取疾病管制署署長周志浩說明COVID-19疫情現況及應處作為。蔡英文隨後致詞時表示從農曆新年疫情指揮中心就開設了她記得在除夕那天還一直用電話在互相溝通事情這是她印象最深也最忙碌的除夕。
她提到在現在每一天疫情指揮中心開記者會應該是收視率最高的時候一則以喜一則以憂。憂的是因為疫情的關係讓大家比較警覺憂心疫情失控所以每天都要藉由疫情指揮中心的報告瞭解疫情是不是處於穩定的狀態。
喜的是整個社會對專業人員的尊敬及信任越來越深對一個民主國家來說這是非常珍貴的資產整個社會對政府處理疫情的專業人員充分信賴及尊敬「這是讓我們感到非常欣慰的事情也值得肯定」。
蔡英文透露她跟國人一樣都很關心疫情所以每天也都會收看記者會疫情發展到現在陳時中指揮官帶給全體臺灣人平靜及受到照顧的感覺「這段時間陳指揮官非常辛苦記者會也很貼心的安排手語老師非常感謝他們這段時間的服務」。記者會不僅是大家團結的時刻對國人凝聚共同對抗疫情的意志力也非常重要。
她說這段時間有時候她也很害怕接到陳時中的電話因為可能是確診的人數比較多她的心情也會比較不好一點；但是她又很期待陳打電話告訴她每一個重要的發展她相信她的心情跟其他國人是一樣的「每天起起伏伏但是心裡還是有穩定的感覺因為我們有一個很好的團隊在照顧這個國家及每一個國人」。
蔡英文強調這段時間由於我們的團結讓臺灣的防疫表現受到國際肯定過去我們組好了國家隊現在也要打入國際盃和其他國家一起進行防疫工作。
她說病毒不分國界全世界攜手合作才能有最大能量來控制疫情幫助其他國家也是幫助臺灣。因此昨天她也宣佈了在行有餘力的情況下基於人道考量我們將會在口罩、藥物、技術等三個方面協助國際社會她相信只要大家團結一致一定能夠度過疫情的挑戰。
近來有網友非常心疼陳時中部長都沒有休息開玩笑說陳部長有雙胞胎代打上陣。蔡英文表示不僅是陳部長她相信每一個人都肩負很沉重的責任「所以請大家務必要珍重、照顧好自己的身體你們的健康就是這個國家的健康」。她也帶了充滿維他命C的芭樂來慰勞同仁請同仁們一定要珍重、保護好自己、保重身體「這是總統的請求也是命令」。</t>
  </si>
  <si>
    <t>疫情國家蔡英文非常記者會時間中心指揮國人社會國際臺灣現在相信照顧團結表示部長防疫</t>
  </si>
  <si>
    <t>蔡英文新冠肺炎武漢肺炎口罩藥物</t>
  </si>
  <si>
    <t>肺炎武漢口罩蔡英文藥物</t>
  </si>
  <si>
    <t>確診累計幼稚園新北</t>
  </si>
  <si>
    <t>中央流行疫情指揮中心今(14)日公佈國內新增5例COVID-19確定病例分別為2例本土及3例境外移入；另確診個案中無新增死亡。中央流行疫情指揮中心指揮官陳時中表示兩例都是新北市幼兒園居家隔離對象居家隔離期間檢</t>
  </si>
  <si>
    <t>中心指揮疫情居家流行新北隔離個案確診新增表示國內幼稚園死亡陳時中公佈中央指揮官對象</t>
  </si>
  <si>
    <t>中央流行疫情指揮中心今(14)日公佈國內新增5例COVID-19確定病例分別為2例本土及3例境外移入；另確診個案中無新增死亡。中央流行疫情指揮中心指揮官陳時中表示兩例都是新北市幼兒園居家隔離對象居家隔離期間檢驗出來沒有向社區擴展在控制範圍內。
指揮中心說明今日新增2例本土個案案16204、案16205分別為30多歲男性及未滿5歲女性為同住家人因有北部某幼兒園相關接觸史於9月6日匡列為居家隔離對象。案16204於9月12日出現發燒等症狀2名個案由衛生單位安排採檢於今日確診衛生單位刻正進行相關疫調及接觸者匡列。
指揮中心表示今日新增3例境外移入個案為1例男性、2例女性年齡介於30多歲至60多歲分別自柬埔寨(案16206)、美國(案16207)、印尼 (案16208)入境入境日期介於8月20日至9月1日均持有搭機前3日內檢驗陰性報告。
指揮中心統計截至目前國內累計3028468例新型冠狀病毒肺炎相關通報(含3011399例排除)其中16098例確診分別為1474例境外移入14570例本土病例36例敦睦艦隊、3例航空器感染、1例不明及14例調查中；另累計110例移除為空號。2020年起累計839例COVID-19死亡病例其中829例本土個案居住縣市分佈為新北市411例、臺北市318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指揮中心相關衛生個案措施分別確診今日本土新增累計檢驗感染社區幼稚園接觸死亡隔離居家國內東縣</t>
  </si>
  <si>
    <t>Delta裝修工人新北幼兒園群聚台灣</t>
  </si>
  <si>
    <t>新北工人幼稚園裝修delta臺灣</t>
  </si>
  <si>
    <t>議員現況林金大嫂緊張bnt稀釋交代打到後事</t>
  </si>
  <si>
    <t>三峽恩主公醫院因醫療作業疏失將未稀釋的原液疫苗BNT誤認是殘劑疫苗原本可供150人施打的疫苗變成25人施打其中一人就是新北市議員林金結54歲大嫂林金結姪子林喬豐今表示媽媽本身有心臟病史昨早打完疫苗無</t>
  </si>
  <si>
    <t>疫苗醫療林金作業疏失心臟媽媽病史稀釋表示林喬豐醫院原液新北原本侄子主公議員bnt</t>
  </si>
  <si>
    <t>三峽恩主公醫院因醫療作業疏失將未稀釋的原液疫苗BNT誤認是殘劑疫苗原本可供150人施打的疫苗變成25人施打其中一人就是新北市議員林金結54歲大嫂林金結姪子林喬豐今表示媽媽本身有心臟病史昨早打完疫苗無不適下午反應有點胸悶頭暈收到恩主公醫院通知後昨晚8時30分到恩主公醫院觀察住院目前在醫院觀察中因打點滴反應頭暈想睡。
「醫院確實有點誇張」林喬豐說家人都很擔心媽媽昨天住院前也很緊張邊講話手邊發抖感覺已經在交代後事這明顯是人為疏失因為有問題的都單號窗口、雙號沒事因媽媽有心臟病史怕打到未稀釋疫苗藥效發作後副作用會比較強大院方說要住院觀察2到3天。
林喬豐說希望未來醫院要再細心注意他及媽媽不會向醫院求償人平安健康就好。
新北市議員林金結表示昨天大哥打電話給我大嫂昨早在鶯歌永福宮接種BTN疫苗後來接到恩主公醫院打電話要大嫂住院他原以為是詐騙集團後來才知大嫂打到未稀釋疫苗。</t>
  </si>
  <si>
    <t>醫院疫苗媽媽大嫂住院主公疏失稀釋後來觀察昨天反應表示頭暈打電話喬豐</t>
  </si>
  <si>
    <t>BNT未稀釋恩主公醫院林金結新冠肺炎</t>
  </si>
  <si>
    <t>林金主公醫院稀釋bnt肺炎</t>
  </si>
  <si>
    <t>猝死家中原因恐怖症狀患者</t>
  </si>
  <si>
    <t>台灣近日出現多例猝死家中的確診個案引起外界好奇背後原因對此胸腔暨重症醫師黃軒表示輕症或無症狀患者仍會死亡當隱形缺氧的狀況發生早上還可意識清楚、可以正常應答的患者晚上可能就心跳停止了。而這</t>
  </si>
  <si>
    <t>患者猝死家中確診晚上個案引起外界好奇應答背後原因正常對此胸腔可以重症意識醫師清楚黃軒早上表示發生狀況</t>
  </si>
  <si>
    <t>台灣近日出現多例猝死家中的確診個案引起外界好奇背後原因對此胸腔暨重症醫師黃軒表示輕症或無症狀患者仍會死亡當隱形缺氧的狀況發生早上還可意識清楚、可以正常應答的患者晚上可能就心跳停止了。而這樣的情況連患者本身都沒有察覺何況是未受專業醫療訓練的家屬。
胸腔暨重症醫師黃軒在臉書發文表示台灣連續3天出現多例死在家中的新冠肺炎確診病例永和70多歲確診男在家無呼吸送醫不治、70歲染疫婦拒就醫死在家中、58歲男猝死家中等讓許多人好奇為何新冠肺炎的患者容易猝死在家中？
黃軒透露他在門診也遇過這樣的狀況一名62歲的患者坐下之後笑著對他訴說過去一周出現的症狀下秒竟就嘴唇變黑、額頭冒冷汗說話變得斷斷續續讓他立刻要求護理人員使用氧氣而這種情況其實就叫作「隱形缺氧（silent hypoxia）」。
黃軒指出許多研究都說新冠病毒會影響肺功能儘管對患者來說症狀可能還不是很明顯。在國外建議新冠肺炎輕症、無症狀感染者在無明顯症狀的情況下可以待在家裡但許多患者要去醫院就診時往往都太遲了許多人已經死在家中。「輕症或無症狀仍然會死亡！」
黃軒表示無症狀或輕症的感染者如果合併隱形缺氧的狀況他們的症狀往往會讓許多醫師大吃一驚因為在臨床上認為缺氧的人應該會語無倫次、休克但這些患者往往「意識清楚」、「情緒平穩」還能「正常應答」與醫師聊天甚至滑手機。
黃軒提到這些隱形缺氧有時逐漸發生有時很快早上沒症狀晚上就心跳停止了這使一般人難以察覺所以也被稱為「隱形殺手」。幾乎在所有臨床經驗中肺部發生疾患時吸收氧及排除二氧化碳的能力也都會出問題但新冠肺炎卻不同。
黃軒也說醫界從在高海拔登山者、飛行員身上觀察到這些隱形缺氧的現象由於山上高度增加時空氣稀薄每次吸氣獲得的氧分子也較少但只要急促呼吸幾下時仍可以排出二氧化碳而新冠患者的狀況與此有些類似。
黃軒指出無症狀或輕微感染者的病患染疫初期多保有良好的心臟功能因此仍有能力將血液輸送到身體末梢部位但病毒會讓身體逐漸缺氧。初期病患並不會感到呼吸困難但部分患者會逐漸覺得「難以呼吸」或「感到胸悶」。而這2症狀都被美國疾病管制與預防中心列為緊急危險徵兆的症狀病情恐變得相當危急。
黃軒解釋肺臟和肺泡上有非常多的ACE2。一旦病毒侵犯細胞達到一定數量人體免疫反應和病毒之間的大戰就會造成許多肺泡破壞恐會阻礙氧氣從肺泡進入血液的通道如果病人心臟夠強可用肌肉多作幾次的呼吸急促代償多吸一點氧分子二氧化碳也可較快排出體外因此較不受影響反之就會慢慢造成隱形缺氧。
黃軒直呼「不要告訴我無症狀或輕微感染者肺都是健康的人也是不會死的！」這一切都只是死神的慣用手法連病人本身都不知道自己快死了何況是沒有受過醫療訓練的家人呢？</t>
  </si>
  <si>
    <t>症狀患者黃軒缺氧病毒呼吸家中醫師狀況肺炎往往肺泡情況發生二氧化碳</t>
  </si>
  <si>
    <t>猝死新冠肺炎隱形缺氧無症狀輕症</t>
  </si>
  <si>
    <t>缺氧肺炎症狀猝死</t>
  </si>
  <si>
    <t>最高勞工企業放寬家庭員工友善登記新北限制</t>
  </si>
  <si>
    <t>中小企業有福了！新北市政府勞工局為獎勵企業辦理友善家庭暨工作平等措施針對企業提供勞工優於法令的措施提供現金獎勵金最高給予5萬元！今年更放寬讓30人以下的企業也可申請自3月1日起至5月31日止歡迎符合資</t>
  </si>
  <si>
    <t>企業獎勵勞工措施提供市政府起至以下放寬今年給予最高現金申請辦理友善平等新北工作家庭法令</t>
  </si>
  <si>
    <t>中小企業有福了！新北市政府勞工局為獎勵企業辦理友善家庭暨工作平等措施針對企業提供勞工優於法令的措施提供現金獎勵金最高給予5萬元！今年更放寬讓30人以下的企業也可申請自3月1日起至5月31日止歡迎符合資格的企業踴躍提出申請。
勞工局長陳瑞嘉表示去年首次採獎勵的方式鼓勵企業辦理優於法令的職場友善措施共有15家企業獲獎頒發獎勵金35萬元實際受惠勞工達2538人。今年擴大申請對象資格只要合法登記的企業在新北市境內設有營運據點（不需登記設立在新北）有辦理優於法令的友善家庭或工作平等措施並有新北市勞工實際受惠即可提出申請通過審核者每項措施獎勵1萬元最高5萬元。希望鼓勵更多企業主動發現勞工的需求提供相應貼近優於法令的措施讓更多新北市的勞工朋友能安心兼顧工作與家庭讓新北市成為一個幸福友善、安居樂業的城市。
勞工局表示企業在去年提供勞工優於法令的措施如增加法定以外的產假、婚假、陪產假天數或提供有薪家庭照顧假、全薪生理假、有薪陪產假、有薪子女新生入學、畢業典禮假等或在110年2月底前因應新冠肺炎防疫需求而有提供友善家庭相關措施者如有薪的隔離檢疫假、有薪防疫照顧假或其他措施並有新北市勞工因此受惠都是獎勵的對象。勞工局期待藉此鼓勵企業提升勞工福利也照顧勞工健康及家庭需求。</t>
  </si>
  <si>
    <t>勞工企業措施新北獎勵提供家庭申請友善法令優於鼓勵受惠需求照顧工作辦理物件登記資格今年</t>
  </si>
  <si>
    <t>安心幸福勞工新北市有薪</t>
  </si>
  <si>
    <t>新北勞工幸福安心</t>
  </si>
  <si>
    <t>推延兒子原愛生日回家返台真正原因原訂曝光</t>
  </si>
  <si>
    <t>桌球明星夫妻福原愛與江宏傑鬧婚變女方還被拍到跟高帥男出遊過夜事後澄清「一人一間」沒出軌但仍引發負面輿論而事件持續延燒過去曾爆出福原愛堅持離婚並打算不再回台灣但知情人士卻表示她其實很想念媽媽</t>
  </si>
  <si>
    <t>福原表示人士知情臺灣不再其實打算江宏傑澄清事後過夜出軌出遊引發高帥男拍到輿論離婚事件持續</t>
  </si>
  <si>
    <t>桌球明星夫妻福原愛與江宏傑鬧婚變女方還被拍到跟高帥男出遊過夜事後澄清「一人一間」沒出軌但仍引發負面輿論而事件持續延燒過去曾爆出福原愛堅持離婚並打算不再回台灣但知情人士卻表示她其實很想念媽媽跟孩子們希望快點見面只是基於某些考量因此遲遲沒能返回台灣。
福原愛、江宏傑婚變持續延燒昨(3/10)福原愛接受專訪的報導曝光表示確實因很多事情精神壓力大突然想到認識多年但沒聯絡的高帥男坦承是自己主動聯絡才相約出遊也因為隔天想繼續在橫濱散步因此提出住一晚的請求不料本是出門散心分散注意力卻引發軒然大波福原愛對於自己的輕率行為再度道歉但強調彼此「絕對不是不倫關係」。
至於她遲遲未返台據日媒《體育日本》報導福原愛原本確實是下周要回台灣但事發後考量媒體對兩人婚變一事報導過熱這時候返台肯定吸引媒體包圍為了不對新冠肺炎疫情造成不必要的群聚因此決定延後返台。
報導也指出事發後江宏傑在本月8日參加《全明星運動會》春酒也真的有相當多記者到場場面一度混亂如當時福原愛回台將猶如「撲進火坑的蟲子」而知情人士透露福原愛其實想念孩子們跟媽媽尤其4月小兒子就要過2歲生日了她希望屆時能陪在孩子身旁為此煩惱兩難。</t>
  </si>
  <si>
    <t>福原報導返台江宏傑婚變臺灣孩子出遊遲遲希望引發媒體表示高帥男確實知情考量事發持續人士</t>
  </si>
  <si>
    <t>福原愛江宏傑婚變離婚專訪</t>
  </si>
  <si>
    <t>離婚江宏傑婚變福原專訪</t>
  </si>
  <si>
    <t>史上行動鎖國</t>
  </si>
  <si>
    <t>鑑於新冠肺炎超速蔓延人口超過13億的印度宣佈全國封鎖21天創下史上最大規模的鎖國行動。■India population 13 billion orders &amp;apos;complete&amp;apos; coronavirus lockdown為因應新冠肺炎疫情防範感染擴大印度總理</t>
  </si>
  <si>
    <t>印度肺炎防範鎖國規模行動indiapopulationbillionorders&amp;apos創下封鎖complete&amp;apos全國疫情宣佈coronavirus超過lockdown因應人口蔓延感染</t>
  </si>
  <si>
    <t>印度莫迪全面鎖國宣佈疫情封鎖全國進行民眾檢測傳播測試</t>
  </si>
  <si>
    <t>封鎖莫迪肺炎禁足令印度</t>
  </si>
  <si>
    <t>肺炎莫迪印度封鎖</t>
  </si>
  <si>
    <t>人壽競賽三大保險年度</t>
  </si>
  <si>
    <t>金管會日前舉辦「110年度保險競賽」頒獎典禮110年度因應新冠肺炎疫情新設立疫情紓困措施競賽富邦人壽獲「紓困績優獎」肯定並在微型保險競賽榮獲「業務績優獎」及「身心障礙關懷獎」。新冠肺炎自109年起延燒</t>
  </si>
  <si>
    <t>競賽保險紓困肺炎年度疫情業務因應措施人壽肯定頒獎典禮障礙關懷身心榮獲設立舉辦日前金管會</t>
  </si>
  <si>
    <t>金管會日前舉辦「110年度保險競賽」頒獎典禮110年度因應新冠肺炎疫情新設立疫情紓困措施競賽富邦人壽獲「紓困績優獎」肯定並在微型保險競賽榮獲「業務績優獎」及「身心障礙關懷獎」。
新冠肺炎自109年起延燒至今富邦人壽響應政府推出「保單借款紓困方案」總計借款金額逾18億元加計富邦人壽推出的「安心貸」服務共協助超過4萬名保戶紓解經濟困境。此外在理賠方面富邦人壽秉持從寬、從優原則推出多項理賠與彈性解釋措施；另外在繳費方面受疫情影響保戶之保費及保單借款利息可緩繳減輕保戶經濟負擔。
富邦人壽攜手縣市政府及公益團體運用微型壽險保單協助弱勢民眾降低人生風險積極響應主管機關倡議之普惠金融精神此次在微型保險競賽中榮獲「業務績優獎」及「身心障礙關懷獎」這也是富邦人壽第六度榮獲微型保單競賽大獎。
富邦人壽自103年起響應政府政策與縣市政府及社福團體等44個公益團體合作推動微型保險至今守護全台逾7萬名弱勢民眾保額超過286億元111年預計再擴大嘉惠12萬人持續為弱勢族群打造穩固的後盾。</t>
  </si>
  <si>
    <t>人壽保險保單弱勢競賽保戶推出紓困借款超過協助民眾理賠至今方面疫情團體榮獲措施縣市政府公益政府肺炎</t>
  </si>
  <si>
    <t>縣市政府微型保險競賽肺炎績優獎保險競賽</t>
  </si>
  <si>
    <t>肺炎保險縣市政府競賽</t>
  </si>
  <si>
    <t>利率外資逆風</t>
  </si>
  <si>
    <t>台灣疫情持續緊張幸好台股在連日重挫後率先強彈外資研究機構包括：里昂、匯豐、瑞銀等全轉向高殖利率投資策略從防禦特質帶起反彈連兩日佈局的國際資金收到極佳效果匯豐更把台股投資評等一口氣拉升至「加碼</t>
  </si>
  <si>
    <t>投資滙豐幸好率先外資緊張研究機構包括資金佈局國際連兩日反彈效果里昂帶起收到特質防禦策略瑞銀</t>
  </si>
  <si>
    <t>台灣疫情持續緊張幸好台股在連日重挫後率先強彈外資研究機構包括：里昂、匯豐、瑞銀等全轉向高殖利率投資策略從防禦特質帶起反彈連兩日佈局的國際資金收到極佳效果匯豐更把台股投資評等一口氣拉升至「加碼」展現頂著風雨愛台灣決心。
里昂證券台灣區研究部主管陳鈞寧提出防禦性投資觀念國際資金17日果斷優先回補跌深、高殖利率個股瑞銀、匯豐證券等同樣青睞高殖利率股；摩根大通證券台灣區研究部主管哈戈谷（Gokul Hariharan）則認為台股電子股基本面與需求面絲毫沒有轉壞跡象未來幾季獲利甚至持續高漲這時反而可趁過度回檔時承接如：祥碩、聯發科、聯詠、欣興、玉晶光、信驊等從中期觀點來看台積電也有一定吸引力。
匯豐證券指出台股受到新冠肺炎本土疫情爆發影響大量使用融資的一般投資人拋售持股導致股價修正大段然匯豐先前存有台股評價過高之疑慮卻也在大幅回檔後消散因此逆勢將台股的投資評等由「減碼」跳升至「加碼」。
升評台股的理由除了因劇烈回檔導致評價開始散發出吸引力外匯豐證券亞太策略研究團隊主管林傳英（Herald van der Linde）指出台股在2020年繳出企業獲利大增27％的高水準後儘管基期已拉高市場共識是2021年還會再年增36％展現強悍的基本面也是過去十年來的最佳動能。同時台股在亞太區域中向來也被視為高現金殖利率市場是另一大利多。
瑞銀證券台股策略分析師陳玟瑾提醒台股何時穩定取決於台灣新冠肺炎疫情變化以及對外部對通膨壓力是否導致美國收縮資金的憂心高波動環境說不定會延續三至四個月在投資組合中必須佈局高殖利率、產業趨勢正向以及回檔後散發投資價值的個股。
值得注意的是台灣身為外銷導向經濟體匯豐認為內需狀況並沒有完全反映在股市表現上；若從本土疫情影響部分內需消費產業的情形來看萬一使當地經濟活動減緩對台股整體企業獲利影響也不大。</t>
  </si>
  <si>
    <t>滙豐投資證券回檔利率臺灣導致研究疫情資金獲利策略影響主管來看內需基本評價指出沒有展現產業認為加碼</t>
  </si>
  <si>
    <t>瑞銀肺炎匯豐台灣區研究部主管台股</t>
  </si>
  <si>
    <t>臺灣區肺炎滙豐研究主管瑞銀</t>
  </si>
  <si>
    <t>夜間服務假日取消新北預約升溫登記結婚疫情</t>
  </si>
  <si>
    <t>新冠肺炎疫情嚴峻新北市民政局今天公告新北各戶所除嚴格落實「實聯制」出入口防疫及環境清消17日起暫停夜間延時服務及假日預約結婚登記服務防堵可能破口。民政局長柯慶忠表示本土確診案例持續攀升為防</t>
  </si>
  <si>
    <t>新北服務嚴峻嚴格本土確診落實表示柯慶忠出入口民政局長疫情防疫環境可能延時夜間暫停市民政局</t>
  </si>
  <si>
    <t>新冠肺炎疫情嚴峻新北市民政局今天公告新北各戶所除嚴格落實「實聯制」出入口防疫及環境清消17日起暫停夜間延時服務及假日預約結婚登記服務防堵可能破口。
民政局長柯慶忠表示本土確診案例持續攀升為防堵疫情擴散、阻斷傳播鏈新北市各戶政事務所已專人協助實施「實聯制」並嚴格落實測量體溫、手部噴酒精消毒防疫措施提高清消頻率並管控人潮分區分流。
柯慶忠表示調整戶政服務時間為週一至週五上午8時起至下午5時30分止暫停夜間延時服務及假日預約結婚登記服務以降低人潮群聚接觸。
民政局專門委員陳耀川表示疫情期間民眾可多加運用內政部系統線上申辦戶籍登記（網址：https：／／wwwrisgovtw／app／portal／260）避免路程奔波往返減少群聚感染風險如需親至戶所申辦業務則應落實現場防疫措施。</t>
  </si>
  <si>
    <t>服務疫情表示新北落實防疫申辦戶政人潮柯慶忠嚴格暫停措施夜間延時結婚登記risgovtwwwwapp</t>
  </si>
  <si>
    <t>服務假日新北嚴格新冠肺炎</t>
  </si>
  <si>
    <t>新北嚴格假日服務肺炎</t>
  </si>
  <si>
    <t>足跡確診公佈永利市場北市</t>
  </si>
  <si>
    <t>臺北市今晚間再度公佈最新北市1例確診個案的公共場域足跡確診者案15396曾在7月9日、10日連續兩天早上5點45分至下午2點在信義區的永利市場日前永利市場已封市3天急清消。北市府表示永利市場攤販(案15396) 與</t>
  </si>
  <si>
    <t>永利市場確診公佈最新北市再度信義下午表示市府封市個案足跡早上連續分至</t>
  </si>
  <si>
    <t>臺北市今晚間再度公佈最新北市1例確診個案的公共場域足跡確診者案15396曾在7月9日、10日連續兩天早上5點45分至下午2點在信義區的永利市場日前永利市場已封市3天急清消。
北市府表示永利市場攤販(案15396) 與案15255一起在環南市場批菜案15255確診後北市府立即進行疫調匡列接觸者安排隔離並啟動精準疫調提前替親密接觸者於隔離期間採檢一名攤商於居隔期間確診 (7/12確診編列案號15396)。
目前永利市場內部攤販已全數封攤7/11日清消完成停業至15日。</t>
  </si>
  <si>
    <t>確診市場永利市府隔離期間攤販接觸公佈最新北市再度信義下午日清全數封市</t>
  </si>
  <si>
    <t>新冠肺炎台灣永利市場39</t>
  </si>
  <si>
    <t>永利臺灣肺炎市場</t>
  </si>
  <si>
    <t>帶回家病毒關鍵出門保證炸裂疫情安全</t>
  </si>
  <si>
    <t>國內本土疫情仍在高峰昨天又新增297例本土確診及19名死亡個案再創單日死亡新高讓民眾出門買菜人心惶惶怕把病毒帶回家中因此染疫林口長庚兒科急診醫師吳昌騰表示最新研究顯示病毒載量極高的患者有</t>
  </si>
  <si>
    <t>病毒本土死亡高峰新增顯示研究民眾最新吳昌騰出門醫師表示急診兒科林口長人心惶惶回家中</t>
  </si>
  <si>
    <t>國內本土疫情仍在高峰昨天又新增297例本土確診及19名死亡個案再創單日死亡新高讓民眾出門買菜人心惶惶怕把病毒帶回家中因此染疫林口長庚兒科急診醫師吳昌騰表示最新研究顯示病毒載量極高的患者有超過三分之一的人是沒有症狀平均年齡376歲可能是「大量傳染的源頭」呼籲大家盡量少去市場、超市若怕把病毒帶回家記得蔬菜不要生食、用專用盆子洗生肉、勤洗手等4大清洗食物關鍵要注意。
吳昌騰27日在臉書表示新北確診者足跡有70至80%都在市場同時一篇發表於《科學》的最新論文指出「少數感染者會導致所有傳播」裡頭提到這些病毒載量極高的患者有超過三分之一的人是沒有症狀或是症狀極輕看似健康的感染者平均年齡是376歲。他們與確診的重症患者具有相同水準的病毒傳播能力因此這些少數的病例「可能是大量傳染的源頭」觸發社區疫情爆發的關鍵。
吳昌騰表示在疫情控制住之前拜託大家市場、賣場、超市還是盡量少去若非去不可就必須保持社交距離和強制戴口罩假如害怕病毒停留在食物上帶回家他過去也分享過4大方法保證食物安全。
第一：清洗食物
科學的做法是蔬菜水果要吃之前請先用自來水清洗這樣可以將附著在表面的病毒過濾掉80至90%。
第二：蔬菜盡量不要生食而應炒熟吃水果最好削皮
因為新冠病毒怕熱在溫度56℃狀態下30分鐘內能被殺死而炒菜等溫度能達到100℃甚至更高病毒能立即被殺死因此吃熟食可有效地防止被感染。
第三：清洗生肉
洗生肉的時候最好把肉放在專門用來洗肉的盆子裡、加水浸洗能夠防止把可能攜帶的病毒或者其他致病菌濺到廚房其他食物、餐具上。
第四：勤洗手
在烹調處理食物之前、期間及之後都要洗手當接觸過動物或者動物產品後注意用肥皂洗手避免沒有洗手就觸摸眼睛、鼻子和嘴巴；處理熟食和生食之前要注意洗手；上完廁所、吃飯前要注意洗手。
吳昌騰表示新冠病毒通過飛沫、直接接觸傳播到蔬菜、肉和水果上理論上能存活最長不會超過48小時但病毒只能藉助活的細胞例如需要在人、動物的細胞進行繁殖複製因此超市的蔬菜、肉和水果上的病毒存活時間不會太長。</t>
  </si>
  <si>
    <t>病毒食物表示清洗洗手蔬菜確診注意之前生食市場疫情可能超市水果患者最新感染者沒有</t>
  </si>
  <si>
    <t>新冠肺炎台灣病毒帶回家吳昌騰</t>
  </si>
  <si>
    <t>肺炎臺灣病毒帶回家吳昌騰</t>
  </si>
  <si>
    <t>漢來下跌高雄飯店餐廳雪崩來客明起停業</t>
  </si>
  <si>
    <t>國內疫情嚴峻高雄多家星級飯店「重出江湖」改賣便當度小月漢來美食旗下5家餐廳週四起賣特製便當搶市但由於來客數雪崩式下跌兩家餐廳明起暫停營業。高雄福華飯店今（17）日中午半小時賣出百餘個便當、高雄英</t>
  </si>
  <si>
    <t>便當餐廳星級飯店重出江湖中午飯店小時福華高雄暫停營業高雄多明起小月下跌漢來搶市雪崩美食來客週四嚴峻</t>
  </si>
  <si>
    <t>國內疫情嚴峻高雄多家星級飯店「重出江湖」改賣便當度小月漢來美食旗下5家餐廳週四起賣特製便當搶市但由於來客數雪崩式下跌兩家餐廳明起暫停營業。高雄福華飯店今（17）日中午半小時賣出百餘個便當、高雄英迪格酒店也搶推輕食餐盒。
漢來美食透露這波疫情相較去年來得更急大家都不敢到餐廳用餐旗下餐廳來客數呈現雪崩式下跌平均剩下3成左右因此包括福園、名人坊、海港、翠園、漢來蔬食等5家餐廳5月20日起再度推出星級便當。
漢來美食指出去年疫情間3至5月賣便當進帳2000萬元如今再賣便當因應營收只是杯水車薪；另外漢來飯店旗下紅陶上海湯包、海鮮火鍋18日起暫停營業將視疫情狀況決定而復業期間人力彈性調度消化積假或是到其他餐廳工作。
高雄福華飯店去年3個月期間平均每天賣出200多個便當。業者透露這波疫情有7成訂房延期喜宴也往後延因此昨天開始中午及晚間時段開始販售便當今天午半小時就賣出100多個便當也不乏公司行號預定。除中西式料理提供四款精緻餐盒外也加賣港點。
高雄英迪格酒店則推出兩款外帶輕食餐盒今起開放預訂採取前一天預約制。業者表示1樓咖啡廳也推出外帶飲品、餐點享75折優惠；早餐則由專人送餐盒至房門口讓客人安心享用。
HOTEL COZZI和逸飯店·高雄中山館也搶攻「防疫便當」主打「精緻主廚餐盒」共有8種選擇；另提供有大量鮮蔬的清爽沙拉餐盒替上班族和外食族兼顧均衡營養。</t>
  </si>
  <si>
    <t>便當餐盒餐廳疫情飯店高雄推出去年漢來美食業者期間平均提供暫停營業精緻中午</t>
  </si>
  <si>
    <t>便當台灣餐廳新冠肺炎漢來美食</t>
  </si>
  <si>
    <t>肺炎餐廳臺灣漢來便當美食</t>
  </si>
  <si>
    <t>患者扯謊全省白賊當局氣炸</t>
  </si>
  <si>
    <t>患者說謊害慘全州！澳洲的南澳省出現36個新增確診包括4月以來首見的本土病例因此該省自19日起全面封城6天。但沒想到這一切都是因為一名患者撒謊提供錯誤的接觸史訊息誤導防疫當局所致。官員表示如果該患</t>
  </si>
  <si>
    <t>患者當局防疫誤導訊息澳洲全州接觸南澳錯誤出現提供新增確診撒謊包括以來本土一切都是病例全面想到封城</t>
  </si>
  <si>
    <t>患者說謊害慘全州！澳洲的南澳省出現36個新增確診包括4月以來首見的本土病例因此該省自19日起全面封城6天。但沒想到這一切都是因為一名患者撒謊提供錯誤的接觸史訊息誤導防疫當局所致。
官員表示如果該患者照實說南澳省不必進行大規模封城因此21日午夜起該省提前3天解封。
這名男子染疫後告訴有關單位他只有去阿德雷得的一家披薩店買披薩而已。這項訊息令衛生當局繃緊神經因為官員認為男子僅暴露在病毒極短時間就染疫那麼這串病毒的具高度傳染性。
但事實並非如此男子是披薩店的輪班制員工並非顧客。他因為與一名擔任保全的新冠患者一起工作所以被傳染。真相大白後讓官員氣炸但也鬆了一口氣因為情況並非預想那麼嚴重。
南澳省長馬紹爾表示「說我氣到冒煙已經是很客氣了」「我不會因為1個人的可恥行為就讓全省沒必要地多封鎖1天。」
南澳州警局局長史蒂芬斯說「如果此人對接觸追蹤團隊據實以告我們也許不必實施6天封城。」他在被問到披薩店員工惹眾怒該店安全堪慮警方是否該為披薩店提供保護史蒂芬斯說他們正在考慮。不過該患者不會被罰款或起訴因為說謊沒有相關罰則。</t>
  </si>
  <si>
    <t>患者披薩男子官員南澳並非接觸提供病毒說謊史蒂芬斯不必員工表示訊息當局起訴</t>
  </si>
  <si>
    <t>封城南澳澳州新冠肺炎疫情</t>
  </si>
  <si>
    <t>澳州南澳肺炎封城疫情</t>
  </si>
  <si>
    <t>主管公司旅行社暫停營業北市</t>
  </si>
  <si>
    <t>北市某旅行社公告經臺北市衛生局通報公司有同仁4月2日確診新冠肺炎經查此同仁為代理部主管因屬新成立部門該部僅該員1人沒有業務也無與其他同事互動但3月30日上午曾短暫到會議室介紹講課老師便離開公</t>
  </si>
  <si>
    <t>同仁講課介紹會議室通報公司短暫老師上午互動同事業務沒有該員部門確診成立臺北市衛生局經查代理</t>
  </si>
  <si>
    <t>北市某旅行社公告經臺北市衛生局通報公司有同仁4月2日確診新冠肺炎經查此同仁為代理部主管因屬新成立部門該部僅該員1人沒有業務也無與其他同事互動但3月30日上午曾短暫到會議室介紹講課老師便離開公司將暫停營業至4月13日4月14日恢復上班暫停營業期間。
該旅行社強調衛生局已於4月3日至公司場勘和瞭解初步認定被感染的風險很低公司在2日實施辦公室全區消毒並暫停開放辦公室及實施人員健康管理至4月13日。</t>
  </si>
  <si>
    <t>公司旅行社同仁實施辦公室暫停營業沒有業務該員部門會議室介紹成立同事互動上午短暫講課老師通報主管</t>
  </si>
  <si>
    <t>新冠肺炎武漢肺炎新型冠狀病毒台灣暫停營業</t>
  </si>
  <si>
    <t>肺炎武漢冠狀病毒臺灣暫停營業</t>
  </si>
  <si>
    <t>衛生局禾馨違法中央抗體指定機構自費</t>
  </si>
  <si>
    <t>網紅四叉貓「劉宇」日前在Facebook公佈自己接種高端疫苗後前往禾馨做的檢驗抗體報告但國內並未開放民眾自費檢驗抗體北市衛生局也將調查是否對診所開罰。不過禾馨診所營運長林思宏今在社群平臺貼出公文早在</t>
  </si>
  <si>
    <t>禾馨檢驗抗體診所日前facebook公佈接種林思宏高端營運疫苗劉宇平臺調查前往是否衛生局北市自費國內民眾報告</t>
  </si>
  <si>
    <t>網紅四叉貓「劉宇」日前在Facebook公佈自己接種高端疫苗後前往禾馨做的檢驗抗體報告但國內並未開放民眾自費檢驗抗體北市衛生局也將調查是否對診所開罰。不過禾馨診所營運長林思宏今在社群平臺貼出公文早在6月9日就已經發文報備北市府。
中央流行疫情指揮中心昨指出並未開放民眾自費檢測抗體；北市衛生局指出若幫民眾執行相關檢驗會有自費收費標準問題中央沒有開放指定機構外從事檢驗抗體醫療機構即便向衛生局申請自費收費標準也不會同意只要被檢舉將依據醫療法處分5萬到25萬元。
不過林思宏在昨晚間11點多發文表示有媒體稱禾馨自費CoV-2 IgG抗體篩檢沒有向北市府做過報備其實早在今年06月09日也就是好心肝事件爆發的同一天禾馨醫療各院所就已發函給北市府過但也不是北市府問題是當時相關規範並未制定特此澄清禾馨醫療會依規定儘速補足程式。
林思宏說中央流行疫情指揮中心發言人莊人祥昨也提到向地方政府衛生局申報核可後就可以檢驗；對此四叉貓也在臉書發文盼禾馨卡住的申請能就此解套。</t>
  </si>
  <si>
    <t>禾馨檢驗抗體自費發文衛生局市府中央並未開放林思宏申請叉貓醫療沒有相關民眾問題指出</t>
  </si>
  <si>
    <t>北市府禾馨自費驗抗體報備</t>
  </si>
  <si>
    <t>自費禾馨抗體市府</t>
  </si>
  <si>
    <t>陰謀比爾蓋茲</t>
  </si>
  <si>
    <t>新冠肺炎擾世已足足400多天了。這些日子以來全人類應該都深深體悟到新冠疫情最可怕的並不是死亡人數和醫療崩解而是政治的副作用。有評論家喻之為史上最政治的一場瘟疫畢竟它不但已淪為全球兩大強權的博弈籌</t>
  </si>
  <si>
    <t>政治全球淪為畢竟日子瘟疫以來足足全人類世已應該深深體悟副作用崩解評論家醫療疫情人數可怕</t>
  </si>
  <si>
    <t>新冠肺炎擾世已足足400多天了。這些日子以來全人類應該都深深體悟到新冠疫情最可怕的並不是死亡人數和醫療崩解而是政治的副作用。有評論家喻之為史上最政治的一場瘟疫畢竟它不但已淪為全球兩大強權的博弈籌碼、民族及孤立主義的尚方寶劍更進一步地讓意識型態的對峙斬斷了抗疫的專業讓許多荒謬的反智行為占據了人類進步的空間。
比爾蓋茲應該對此最有感觸！照理說在1995～2007連續13年蟬聯《Forbes》世界首富的比爾蓋茲應是最擅算計的智者此外他在2015年預言未來數十年人類可能因病毒損失千萬條性命也彰顯了他的睿智與遠見但最近卻有些聲名狼藉。
原來比爾蓋茲2008年離開微軟後把580億美元的財產捐到蓋茲基金會致力於公益。去年疫情發燒基金會陸續投資一億美元支援疫苗及藥物研發。這原為美事一樁但整件事卻被黑化成一樁樁的陰謀。
2020年12月底羅馬尼亞、泰國與阿拉伯世界開始流傳一支影片警告世人比爾蓋茲將透過疫苗計畫「完全統治」世界。最荒謬的推演是說他將趁著疫苗接種植入微晶片以追蹤與控制人類。這讓一位企業主忍不住語帶同情地說：「真傻！放著舒服的退休生活不過還惹了一身腥。」
但即便有人在醜化疫苗多數人都仍想望它的到來還因此出現橫亙在富人與窮人間的「疫苗鴻溝」、強國與弱國之間的「疫苗主權」爭奪戰。使得同樣是疫苗有人等得崩潰有人輕鬆插隊道出普世眾生「同命不同價」的殘酷。
在疫苗搶翻天之際由於美國佛州是最早開放疫苗施打的區域之一加拿大航空公司Momentum Jets就透露當地富豪願以70萬～224萬台幣價錢購買當日往返佛州的機票為的就是能搶先施打。讓平凡人只能對著疫苗接種「食物鏈頂端」的富人望之興嘆。
所幸人性依舊存有光輝。印度裔英格蘭小姐穆克吉和愛爾蘭總理瓦蘭德卡都重披白袍投入診治病患的第一線。而當所有人都用盡氣力避免自己感染COVID-19時世界上也有一群人自願染上病毒。
記者衝第一線搶當疫苗試驗受試者
近來聲名大噪的非營利組織One Day Sooner（快一天也好）早在去年就號召全球自願施打實驗疫苗的勇者2021年初他們更在英國實驗自願在體內接種新冠肺炎病毒為的就是能快速催生救世仙丹。一位23歲的志願者就表示：「疫苗愈早研發成功可能一天能拯救7000多條人命！」
而《遠見》記者蔣濬浩秉著永遠衝到「第一線」的記者魂也「以身試針」地成為台灣本土疫苗的受試者。同時本期的封面故事則以《疫苗過後疫苗過？》為題除了電訪到以色列疫苗接種者為疫苗釋疑並分析在這場疫苗戰中台灣未來的贏面與輸面。
誠如衛福部長陳時中所言：「防疫已通過期中考但期末考要靠『疫苗』。」究竟投身於疫苗催生的比爾蓋茲到底搞的是循私為己的「陰謀」還是造福世人的「陽謀」？智者自有論斷。但至少世界上還有太多為人類犧牲付出的傻瓜足以贏得你我的掌聲。
本文作者：李建興
(本文摘自《遠見雜誌3月號417期》)</t>
  </si>
  <si>
    <t>疫苗世界人類比爾蓋茲接種第一線病毒遠見自願記者陰謀世人未來</t>
  </si>
  <si>
    <t>新冠肺炎比爾蓋茲陽謀陰謀疫苗接種</t>
  </si>
  <si>
    <t>陽謀比爾蓋茲陰謀肺炎疫苗接種</t>
  </si>
  <si>
    <t>啟動接種az以上金門</t>
  </si>
  <si>
    <t>針對地區65歲以上並於6／19前接種第1劑AZ疫苗的長輩鄉親金門縣政府今天宣佈8／28將再度啟動4座大型接種站施打第2劑AZ疫苗提醒大家多加留意。4座大型AZ疫苗接種站為金城鎮金城體育館、金湖鎮金湖小巨蛋、金沙鎮</t>
  </si>
  <si>
    <t>接種az疫苗金湖金城鎮施打第長輩今天宣佈再度金門縣政府啟動鄉親體育館金城提醒留意金沙鎮巨蛋以上地區</t>
  </si>
  <si>
    <t>針對地區65歲以上並於6／19前接種第1劑AZ疫苗的長輩鄉親金門縣政府今天宣佈8／28將再度啟動4座大型接種站施打第2劑AZ疫苗提醒大家多加留意。
4座大型AZ疫苗接種站為金城鎮金城體育館、金湖鎮金湖小巨蛋、金沙鎮金沙國中體育館、金寧鄉金寧中小學；另烈嶼鄉部份將由烈嶼衛生所於8月25日至27日分批接種。
縣府表示中央流行疫情指揮中心規定AZ疫苗第1、2劑接種間隔為10至12周縣府繼6／16設置4座大型疫苗接種站為鄉親提供服務後此次在第2劑開打時再度啟動大型接種站服務。
縣衛生局說明8／28在4鄉鎮開設AZ疫苗第2劑大型接種站接種對象為65歲以上且於6／19以前曾於縣內醫療院所接種AZ疫苗第1劑的長者。
該局將採取第1劑接種模式日內循民政系統陸續派發通知單以村裡為單位希望長者依照排定時間分流前往接種站接種疫苗以免久候。
衛生局並提醒前往接種站接種疫苗時應攜帶健保卡、身分證、疫苗接種卡(黃卡)。</t>
  </si>
  <si>
    <t>接種疫苗az長者體育館鄉親服務再度啟動縣府衛生局以上金湖前往提醒派發陸續系統通知單村裡單位民政希望</t>
  </si>
  <si>
    <t>AZ接種站疫苗65歲以上新冠肺炎</t>
  </si>
  <si>
    <t>以上疫苗接種az肺炎</t>
  </si>
  <si>
    <t>基金到期階梯宏利</t>
  </si>
  <si>
    <t>新冠肺炎疫情持續延燒衝擊市場投資情緒使得行情波動度大增然而也可能創造了進場時機。但是疫情發展無法事先掌控對於想要控制投資風險並追求目標收益的投資人此時階梯到期新興市場債券基金是不錯的選擇。宏</t>
  </si>
  <si>
    <t>市場投資疫情基金債券持續到期階梯投資人目標進場時機創造大增收益發展追求可能無法事先風險衝擊控制想要對於</t>
  </si>
  <si>
    <t>新冠肺炎疫情持續延燒衝擊市場投資情緒使得行情波動度大增然而也可能創造了進場時機。但是疫情發展無法事先掌控對於想要控制投資風險並追求目標收益的投資人此時階梯到期新興市場債券基金是不錯的選擇。
宏利投信指出「階梯到期債券基金」是指投資組合涵蓋不同時間到期的債券相較於目標到期債券基金階梯到期債券基金的平均存續期間更低能有效降低利率風險敏感度。
階梯到期債券基金是將目標到期策略僅有單一到期時程的機制進化為不同階段的到期日不僅提升資金運用彈性資金分批落袋也較安心是近年國際金融機構對抗高波動市場的穩健收益新利器。
宏利投信指出以2月24日展開募集之宏利七年階梯到期新興市場債券基金（下稱該基金）為例原則上投資該基金屆滿五年後約可領回投資金額的三分之一以內（當時持有單位數的30％）滿六年後再領回約三分之一以內（當時持有單位數的45％）七年期滿後將剩餘單位數全數領回。投資組合包含存續期間長短不同的債券能強化風險與收益的平衡。
該基金聚焦於新興市場債券宏利投信指出隨中產階級擴張新興市場經濟由出口導向轉向消費能力增加帶動有利擴大內需儘管存在地緣政治問題和持續貿易爭端新興市場經濟仍能維持穩定成長新興債亦有基本利差空間與息收。即使地區風險仍須留意然新興國家高收益債券違約率仍繼續維持低檔。而該基金之投資組合中至少有七成為投資等級債。
在利率可能走低帶動各類金融資產收益率下滑的趨勢下又遭逢新冠肺炎疫情等變數衝擊市場更使得階梯到期新興市場債券基金的防禦優勢更容易受到市場的關注適合欲控管金融投資風險並且想追求目標收益的投資人。
宏利七年階梯到期新興市場債券基金聚焦於風險調整後報酬率（夏普指數）較佳的美元計價新興市場債券可望有效率的達到目標收益不失為投資人在波動時代追求收益的優質選擇。</t>
  </si>
  <si>
    <t>投資市場債券風險基金到期收益不同階梯組合巨集利疫情帶動目標市場經濟可能持續</t>
  </si>
  <si>
    <t>投資人新興市場債券收益資金新興市場債券基金</t>
  </si>
  <si>
    <t>資金市場收益債券基金投資人</t>
  </si>
  <si>
    <t>肺炎疫情專家恐是</t>
  </si>
  <si>
    <t>日本國內的新冠肺炎疫情還沒有平息的跡象。日本傳染病研究專家、東北醫藥大學特任教授賀來滿夫接受《每日新聞》專訪時預測日本的疫情恐怕4至5月才是顛峰期。他以SARS為例指出2002年11月確認了SARS病毒2003年3</t>
  </si>
  <si>
    <t>疫情日本sars肺炎恐怕沒有平息教授特任賀來滿大學醫藥接受預測傳染病跡象東北研究新聞專家專訪指出</t>
  </si>
  <si>
    <t>日本疫情感染者指出檢疫感染資料對策沒有流行病毒賀來邊境可能應該肺炎可以sars教授有效特任</t>
  </si>
  <si>
    <t>疫情檢疫日本感染者專家</t>
  </si>
  <si>
    <t>檢疫感染者專家日本疫情</t>
  </si>
  <si>
    <t>老師確診幼稚園新北匡列市內近百人</t>
  </si>
  <si>
    <t>中央流行疫情指揮中心今(11)日公佈國內新增11例COVID-19確定病例分別為1例本土個案及10例境外移入；另確診個案中無新增死亡。指揮中心發言人莊人祥表示今日新增1例本土個案(案16411)為40多歲女性今(2021)年1</t>
  </si>
  <si>
    <t>個案中心新增指揮本土確診死亡國內發言人公佈莊人祥表示今日covid-確定病例疫情境外分別流行</t>
  </si>
  <si>
    <t>中央流行疫情指揮中心今(11)日公佈國內新增11例COVID-19確定病例分別為1例本土個案及10例境外移入；另確診個案中無新增死亡。
指揮中心發言人莊人祥表示今日新增1例本土個案(案16411)為40多歲女性今(2021)年10月9日因其他原因就醫採檢並於今日確診(Ct值349血清抗體IgM陰性、IgG陽性)。該案居住在新北市汐止區的幼兒園教師工作地點在臺北市內湖區初步研判是舊案。
莊人祥說目前共匡列67人進行居家隔離包含同班級內的學生、教師與家長；其他班的則列為自主健康監測。羅一鈞也補充該個案被發現的第一時間就已經積極進行疫調與採檢若最後居家隔離者的採檢結果都是陰性會因舊案提早將接觸者解除隔離這部分將是疫情發展而定。
醫療應變組副組長羅一鈞表示個案的血清抗體IgG為陽性應是7月打過一劑莫德納疫苗所致但N抗體也呈現陽性就表示該個案曾經感染過。
指揮中心說明今日新增10例境外移入個案為5例男性、5例女性年齡介於10多歲至50多歲分別自印尼(3例案16405-16407)、美國(2例案16408、案16412)、菲律賓(2例案16409、案16410)、新加坡(案16413)及蒙古(2例案16414、案16415)入境入境日介於9月26日至10月9日皆持有搭機前3日內檢驗陰性報告。
指揮中心統計截至目前國內累計3602515例新型冠狀病毒肺炎相關通報(含3585122例排除)其中16305例確診分別為1668例境外移入14583例本土病例36例敦睦艦隊、3例航空器感染、1例不明及14例調查中；另累計110例移除為空號。2020年起累計846例COVID-19死亡病例其中834例本土個案居住縣市分佈為新北市412例、臺北市319例、基隆市29例、桃園市27例、彰化縣15例、新竹縣13例、臺中市5例、苗栗縣3例、宜蘭縣及花蓮縣各2例新竹市、南投縣、雲林縣、臺南市、高雄市、屏東縣及臺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個案中心指揮陰性感染表示措施本土抗體新增陽性今日隔離確診積極累計分別進行教師</t>
  </si>
  <si>
    <t>第12輪公費疫苗AZ莫德納輝瑞／BNT</t>
  </si>
  <si>
    <t>az疫苗莫德納輝瑞bnt公費</t>
  </si>
  <si>
    <t>《其他股》美國各地嚴防疫億豐四大措拖因應</t>
  </si>
  <si>
    <t>四大防疫因應美國</t>
  </si>
  <si>
    <t>新冠肺炎病毒在美國各區漫延全球窗飾產業領導廠商億豐(8464)指出由於各地紛紛採取新的防疫措施將造成美國主要客製化窗簾(含:百葉門、百葉窗及軟質窗簾)按各州規範延後出貨。對此億豐已採各項措施應變包</t>
  </si>
  <si>
    <t>美國窗簾對此延後規範軟質豐已采漫延全球領導廠商窗飾產業指出紛紛採取造成防疫措施百葉窗</t>
  </si>
  <si>
    <t>新冠肺炎病毒在美國各區漫延全球窗飾產業領導廠商億豐(8464)指出由於各地紛紛採取新的防疫措施將造成美國主要客製化窗簾(含:百葉門、百葉窗及軟質窗簾)按各州規範延後出貨。對此億豐已採各項措施應變包括：1通知客戶相關應變；2調整內部出貨排程；3積極配合各國、各地政府防疫作為；4持續密切注意疫情發展等方式因應。
為防範疫情擴散美國德州所屬Denton County要求居民自3月25日深夜盡可能待在家中、關閉非必須商業活動執行期計為1周。此外佛羅裡達州所屬Orange County從3月26日深夜將升級防疫措施2周。
億豐配合美國各州防疫億豐在美國德州Denton County的客製化蜂巢簾、仿木百葉窗輕組裝廠及窗簾轉運採停工1周。億豐在佛州Orange County的客製化轉運點則停止上班2周。億豐另更新美國加州防疫近況在加州的生產、轉運據點億豐由稍早計畫的產線輪班改為停班至4月19日。而在美國非生產、轉運作業則已採在家工作對應。</t>
  </si>
  <si>
    <t>美國防疫轉運窗簾county所屬百葉窗深夜orange配合豐在應變疫情措施denton德州加州各項措施</t>
  </si>
  <si>
    <t>億豐新冠肺炎疫情德州百葉門</t>
  </si>
  <si>
    <t>肺炎疫情德州</t>
  </si>
  <si>
    <t>北市居家檢疫重罰</t>
  </si>
  <si>
    <t>為防堵新冠肺炎疫情擴散北市政府衛生局針對未配合居家檢疫者持續開罰9日1名自陸港澳流行地區入境的民眾未依規定填寫居家檢疫地點依「嚴重特殊傳染性肺炎防治及紓困振興特別條例」從重裁罰100萬元因該民</t>
  </si>
  <si>
    <t>肺炎檢疫居家條例疫情振興特別紓困擴散防治傳染性市政府港澳特殊衛生局流行地區嚴重入境民眾持續配合地點</t>
  </si>
  <si>
    <t>為防堵新冠肺炎疫情擴散北市政府衛生局針對未配合居家檢疫者持續開罰9日1名自陸港澳流行地區入境的民眾未依規定填寫居家檢疫地點依「嚴重特殊傳染性肺炎防治及紓困振興特別條例」從重裁罰100萬元因該民眾無視法令竟從臺北又前往高雄欲出境因此從重裁罰。臺北市副市長黃珊珊表示開出第一張違法居家檢疫規定的100萬元罰單。
衛生局指出受罰民眾9日自大陸廈門入境居家檢疫日期為9日至23日解除檢疫日為24日但該民眾自松山機場入境時不配合填寫資料機場檢疫官立即協助安排入住旅館經民政及警政人員親訪旅館確認該民眾未入住隨即提送警政單位協尋。
廈門入境 不配合填資料
北市衛生局查驗後發現該民眾又前往高雄國際航空站搭乘班機欲出境無視居家檢疫規定及未依指定住所進行檢疫的事證明確已涉及違反傳染病防治法依嚴重特殊傳染性肺炎防治及紓困振興特別條例規定從重裁處100萬元整北市衛生局已於3月11日開立裁處書。
經由衛生福利部疾病管制署臺北區管制中心與高雄市政府衛生局三方協調後該民眾已移至高雄的集中檢疫場所安置。
北市隔離檢疫 無失聯者
北市衛生局統計截至10日止依情節輕重共開罰70人。黃珊珊表示目前臺北市居家檢疫1387人無症狀者1375人有8人就醫4人有輕微症狀；居家隔離人數則有63人已解除列管336人目前狀況皆正常沒有失聯者。</t>
  </si>
  <si>
    <t>檢疫民眾居家衛生局北市規定高雄入境肺炎從重配合市政府出境無視前往廈門旅館衛生隔離</t>
  </si>
  <si>
    <t>入住肺炎檢疫北市衛生局</t>
  </si>
  <si>
    <t>北市肺炎檢疫衛生局入住</t>
  </si>
  <si>
    <t>t恤設計網友陳時中時候</t>
  </si>
  <si>
    <t>中央疫情指揮中心指揮官、衛福部長陳時中的設計師兒子陳彥安日前替Wecare高雄繪製一款「洗手罷韓」T恤。網友回應「都甚麼時候了！？」根據中國時報記者報導洗手罷韓」T恤除印製「內外夾弓大立腕」洗手標準程式之</t>
  </si>
  <si>
    <t>洗手t恤指揮官衛福部長陳時中的設計師兒子中心陳彥安日前wecare高雄繪製內外印製時候中國時報記者回應報導</t>
  </si>
  <si>
    <t>中央疫情指揮中心指揮官、衛福部長陳時中的設計師兒子陳彥安日前替Wecare高雄繪製一款「洗手罷韓」T恤。網友回應「都甚麼時候了！？」
根據中國時報記者報導洗手罷韓」T恤除印製「內外夾弓大立腕」洗手標準程式之外還多了兩個「蓋下同意、投票」的動作。預計21日在網路平臺及光復高雄總部上架販售一件售價500元。
陳彥安本人也在自己臉書呼籲大家洗手做防疫還強調「高雄人手洗乾淨回家投票」。
報導指出陳彥安受訪時表示「以防疫為主不希望分散防疫相關的新聞注意力」希望外界不要著墨在他的身分上。
對此網友回應「都甚麼時候了！？」</t>
  </si>
  <si>
    <t>洗手陳彥安高雄防疫投票報導希望t恤網友回應指揮官衛福部長陳時中心中的設計師外界時候不要注意力兒子墨在身分預計</t>
  </si>
  <si>
    <t>陳時中後續可能做法高端</t>
  </si>
  <si>
    <t>疫苗高端透露我國採購運用妥善緊急今天使用授權申請eua巴拉圭友邦正在多國確實接洽事宜捐贈目前</t>
  </si>
  <si>
    <t>高端目前疫苗陳時中接種國家到貨衛福部使用我國確實共有eua接洽申請巴拉圭</t>
  </si>
  <si>
    <t>高端疫苗陳時中打不完捐贈援外</t>
  </si>
  <si>
    <t>陳時中疫苗捐贈援外高端</t>
  </si>
  <si>
    <t>苦衷戶籍爸爸小明</t>
  </si>
  <si>
    <t>新冠肺炎疫情延燒陸委會主委陳明通日前以「小明的故事」為由推動陸配子女來台措施但一日之後政策大轉彎並遭到撤回。小明爸爸心急如焚接受訪問希望政府能再考慮政策。不過身為大陸配偶的網紅「廣告小妹」卻</t>
  </si>
  <si>
    <t>政策陸委會主委配偶陳明大陸日前身為疫情故事為由考慮推動配子希望訪問接受心急如焚爸爸政府</t>
  </si>
  <si>
    <t>新冠肺炎疫情延燒陸委會主委陳明通日前以「小明的故事」為由推動陸配子女來台措施但一日之後政策大轉彎並遭到撤回。小明爸爸心急如焚接受訪問希望政府能再考慮政策。不過身為大陸配偶的網紅「廣告小妹」卻發現眉角之處直言小明爸爸藉口一堆就是不願承認「北京戶口好處多」。
為瞭解決受困在境外陸配在台生活的陸籍子女陸委會日前宣佈放寬條件讓一些陸配子女可入境但衛福部長陳時中宣佈撤回所有對陸配子女的管制措施不具我國國籍的陸配子女仍滯留在中港澳者不同意入境。
對此小明爸爸非常著急接受《東森新聞》採訪時表示他當初沒考慮身份是哪邊較好只是因為長時間都在北京生活才讓孩子辦理戶籍並計畫等孩子國小畢業就回台灣生活。而且他也不想像黃安一樣濫用台灣的資源。
不過廣告小妹一看到關鍵字就知道眉角在哪裡。廣告小妹於臉書發文指出基於同為同胞加上小明是個孩子她不想為難誰所以她保持安靜。但她想請小明爸自重一個理由要靠更多理由來圓。小明媽是北京人取得中華民國身份證的前提是放棄中國籍。中國籍不可惜可惜的是北京戶口。「偶上海戶口偶懂的」！
廣告小妹更指出這張戶籍的好用之處「一張北京戶口意味著什麼你我心知肚明。教育費、醫療費都看戶口簿啊！另外在祖國繼承房產、遺產也需要一本紅色護照啊 扯什麼黃安呢」。
廣告小妹直言她支持撤僑要考量到台灣籍配偶和子女。但是小明的所在地是北京全中國醫療最靠譜的城市之一。請不要拿小明跟武漢包機相較拜託。她同情小明被迫與父母分離可她無法認同小明爸的藉口一堆就是不願承認「北京戶口好處多」。
廣告小妹戲言幾個朋友忍不住私下來問北京戶口和上海戶口到底有多好用。她想了想：「憑著北和上的戶口去相親可以挑長得最帥的外地男人！咱還能天天換帥哥反正祖國人口多換不完的。乾隆後宮佳麗三千本宮後宮陣容百萬起跳啊！」</t>
  </si>
  <si>
    <t>小明北京廣告戶口小妹子女生活爸爸孩子陸委會考慮祖國政策配子入境撤回配偶接受</t>
  </si>
  <si>
    <t>小明爸爸廣告小妹戶籍陸配子女新冠肺炎</t>
  </si>
  <si>
    <t>陸配戶籍小妹子女廣告爸爸肺炎小明</t>
  </si>
  <si>
    <t>國家經濟亞洲低迷降息</t>
  </si>
  <si>
    <t>為了減緩新冠肺炎疫情擴散帶來的經濟衝擊亞洲多國央行19日相繼採取寬鬆貨幣政策包括澳洲、菲律賓與印尼央行都宣佈降息。而澳洲央行（RBA）除了將基準利率調降一碼至歷史新低025％此為本月以來第二度降息更</t>
  </si>
  <si>
    <t>央行澳洲降息疫情擴散帶來經濟歷史衝擊亞洲多國基準利率相繼貨幣政策rba菲律賓印尼採取寬鬆包括肺炎本月宣佈</t>
  </si>
  <si>
    <t>為了減緩新冠肺炎疫情擴散帶來的經濟衝擊亞洲多國央行19日相繼採取寬鬆貨幣政策包括澳洲、菲律賓與印尼央行都宣佈降息。而澳洲央行（RBA）除了將基準利率調降一碼至歷史新低025％此為本月以來第二度降息更宣佈首度實施量化寬鬆（QE）政策希望挽救低迷經濟。
印尼央行週四將七天附買回利率下調一碼至45％不僅連續二個月降息更創下2018年4月以來新低市場原本預估該央行將維持利率不變。
至於存款利率和放款利率亦各自調降1碼分別降至375％與525％。
菲律賓央行則宣佈調降基準利率兩碼從375％下調至325％自週五開始生效。
澳洲央行週四除降息一碼外更首度宣佈實施量化寬鬆政策希望緩解疫情衝擊。RBA為3年期公債殖利率設定025％的目標並打算20日起透過在次級市場購債方式達成目標。
RBA亦為銀行體系提供三年融資計畫希望為中小企業提供信貸支持融資規模至少900億澳元並採固定利率025％。
該央行強調在疫情擴散的此刻將盡一切所能確保借貸成本低廉、企業皆能獲得貸款支持。
利率破底讓澳元兌美元匯率19日一度崩跌至05510美元改寫2002年底以來最低。但受到RBA實施QE政策消息提振澳元跌幅收窄至016％兌05758美元。
印尼央行在降息的同時也調降經濟預測由於受肺炎疫情擴大拖累該行將印尼今年全年GDP成長率預測值從上個月預估的5％～54％區間調降至42％～46％區間。明年GDP則預估達52％～56％。</t>
  </si>
  <si>
    <t>央行利率rba印尼疫情以來降息宣佈經濟希望預估澳洲支持政策寬鬆目標市場實施擴散衝擊週四融資gdp</t>
  </si>
  <si>
    <t>降息央行肺炎RBA澳洲央行</t>
  </si>
  <si>
    <t>降息澳洲肺炎央行rba</t>
  </si>
  <si>
    <t>專責新北病房疫苗莫德納工作者</t>
  </si>
  <si>
    <t>中央陸續配發15萬劑的莫德納到各縣市新北市衛生局長陳潤秋今上午8時許在市政會議表示中央總共配發給新北市9800劑昨天先到5700劑後續會再補4100劑全數給新冠肺炎專責病房內工作者接種由專責醫院在院內直</t>
  </si>
  <si>
    <t>專責新北配發中央肺炎接種全數工作者病房後續上午時許市政會議表示各縣市衛生局長</t>
  </si>
  <si>
    <t>中央陸續配發15萬劑的莫德納到各縣市新北市衛生局長陳潤秋今上午8時許在市政會議表示中央總共配發給新北市9800劑昨天先到5700劑後續會再補4100劑全數給新冠肺炎專責病房內工作者接種由專責醫院在院內直接安排接種。
新北市政府今上午召開市政會議陳潤秋報告新北市累計確診數以板橋、中和、三重、新莊、永和比較多發病日最高峰集中在上月17日、24日、25日後面看起來有趨緩要持續觀察；新北市共36個篩檢站整體陽性率106％其中板橋區昨日採檢1016人、整體陽性率177％中和區昨日採檢705人陽性率178％。
陳潤秋說中央預計配發給新北市9800劑莫德納疫苗昨天先到5700劑後續會再補4100劑全數給新冠肺炎專責病房內工作者接種由專責醫院在院內直接安排接種。
新北市衛生局補充9800劑莫德納疫苗今日開始接種接種對象為新冠肺炎專責醫療院所直接照顧確診、疑似個案第一線工作人員（風險等級1）以及非直接照顧確診、疑似個案的第一線工作人員（風險等級2）並視前述對象接種情形逐步放寬至所有第一類醫事及非醫事等工作人員接種。</t>
  </si>
  <si>
    <t>新北接種直接確診莫德納專責中和板橋配發中央工作人員物件肺炎陽性率疫苗市政會議上午風險</t>
  </si>
  <si>
    <t>新冠肺炎台灣接種980000</t>
  </si>
  <si>
    <t>加碼建教合作補助學生</t>
  </si>
  <si>
    <t>新冠肺炎衝擊產業學校建教合作廠商仍力挺學生新北市長侯友宜14日上午至「全球傳動科技公司」參訪體驗該公司與瑞芳高工合作的職業技能訓練實況。侯友宜表示今年市府加碼400萬「新北學霸-建教合作圓夢獎學金之</t>
  </si>
  <si>
    <t>新北侯友宜建教合作公司產業學校廠商高工傳動合作力挺衝擊加碼全球訓練職業技能實況市府學生上午今年市長表示體驗參訪</t>
  </si>
  <si>
    <t>新冠肺炎衝擊產業學校建教合作廠商仍力挺學生新北市長侯友宜14日上午至「全球傳動科技公司」參訪體驗該公司與瑞芳高工合作的職業技能訓練實況。侯友宜表示今年市府加碼400萬「新北學霸-建教合作圓夢獎學金之紓困專案」希望鼓勵優秀建教生奮發向學。
新北市教育局指出新北開辦建教合作班已邁入第50年目前有10校10科辦理約2400人讓經濟有困難學生能在學習之際兼顧生活品質並增加未來就業競爭力。
新北市利用無名氏善款400萬成立專案計畫「新北學霸-建教合作圓夢獎學金之紓困專案」補助195名優秀建教生每人約2萬獎學金另外也補助200名擁有相關職群技術士證照學生3000元。
侯友宜表示市府為協助弱勢家庭推出公私協力「疫情幸福援五曲」包括幸福保衛站、幸福晨飽、午餐補助、實物銀行、建教合作圓夢獎學金與非自願離職勞工子女生活扶助等多元協助策略期盼有效落實社會救助。
新北市教育局表示全球傳動在業界有舉足輕重的地位學生畢業就有機會進入公司讓孩子能在畢業前就找好工作學生們受益良多。
新北市教育局指出市府自2019年起每年投入1億元經費推動「贏得未來‧技職人才」計畫完整新北市一貫化技職人才培育體系未來也會繼續尋找更多優質企業合作孩子選擇更多元。</t>
  </si>
  <si>
    <t>新北學生建教合作獎學金未來補助侯友宜表示市府公司教育局專案協助合作傳動全球幸福圓夢畢業孩子</t>
  </si>
  <si>
    <t>專案合作新北市教育局學生侯友宜</t>
  </si>
  <si>
    <t>新北教育局合作學生專案侯友宜</t>
  </si>
  <si>
    <t>眾院美國防疫支出社會法案國際</t>
  </si>
  <si>
    <t>美國眾議院週三以壓倒性多數火速通過規模高達83億美元防疫支出法案並送交參議院表決為防堵新冠肺炎疫情擴散與開發疫苖提供資金。該支出法案規模遠遠超出川普政府最初提出的25億美元。在白宮支持下國會眾領導</t>
  </si>
  <si>
    <t>規模法案支出支持白宮提出最初政府川普超出肺炎疫情遠遠擴散開發防疫送交表決參議院資金提供</t>
  </si>
  <si>
    <t>美國眾議院週三以壓倒性多數火速通過規模高達83億美元防疫支出法案並送交參議院表決為防堵新冠肺炎疫情擴散與開發疫苖提供資金。
該支出法案規模遠遠超出川普政府最初提出的25億美元。在白宮支持下國會眾領導人正卯足全力讓法案能快速通過如此川普總統可能本周就能簽署完成立法。
眾議院在協商者公佈該支出法案幾個小時後即以415票對2票的壓倒性表決結果予以通過凸顯出美國國會對於盡快化解新冠病毒危機的急切。目前美國的新冠肺炎確診病例已經超過129人截至週三確診死亡病例又增加兩人使總數達到11人。
該支出法案包括用於擴大檢測新冠病毒的經費。根據該法案逾30億美元將用於研發新冠病毒疫苗、檢測試劑與療法。為了協助控制美國境外的疫情傳播該法案亦將撥款125億美元用於國際項目。
各州與地方政府將獲得95億美元支應防疫經費。逾3億美元將用來支應無力負擔疫苗費用的人。此外因新冠肺炎疫情而受到衝擊的小型企業可申請聯邦低利貸款。
在眾院即將表決前4名民主黨與共和黨國會最高領導人收到一份機密簡報內容涉及一旦華府爆發疫情時的國會應變計畫。美國國會大廈遊客中心每年吸引約300萬人參觀。</t>
  </si>
  <si>
    <t>法案疫情支出國會表決肺炎病毒用於領導人政府川普美國規模防疫週三疫苗病例確診壓倒檢測支應經費中心</t>
  </si>
  <si>
    <t>美國國會新冠病毒支出法案通過</t>
  </si>
  <si>
    <t>病毒支出法案美國國會</t>
  </si>
  <si>
    <t>慫恿來頭信徒教會逃家天地捐獻南韓財產</t>
  </si>
  <si>
    <t>因為南韓大邱新天地教會發生新冠肺炎（COVID-19）超級傳播事件台灣中央流行疫情指揮中心在20日提升南韓旅遊疫情建議至第一級注意。目前尚有約400人仍聯繫不上。此教會超級傳播事件已成為韓國新冠肺炎疫情核心在</t>
  </si>
  <si>
    <t>疫情教會傳播事件肺炎南韓目前尚有建議旅遊注意中心指揮聯繫流行中央韓國新covid-臺灣成為天地提升</t>
  </si>
  <si>
    <t>因為南韓大邱新天地教會發生新冠肺炎（COVID-19）超級傳播事件台灣中央流行疫情指揮中心在20日提升南韓旅遊疫情建議至第一級注意。目前尚有約400人仍聯繫不上。此教會超級傳播事件已成為韓國新冠肺炎疫情核心在全國近1600起病例中逾半與該教會信徒有關據傳新天地教會組織相當龐大且富裕。
早在數年前就有外媒對新天地教會撰寫報導指出這是一個南韓邪教團體利用謊言騙取信任。新冠肺炎在新天地教會內傳播開來始於一名61歲女信徒也就是韓國第31起病例。這名婦女2月10日出現發燒症狀後又在韓國第4大城大邱出席至少4場教會禮拜之後才被確診。
而這名婦女在確診後還曾二度前往新天地教會參加禮拜目前當局掌握一同與會的人有1001人但還有將近400人聯絡不上成為一種不定時炸彈政府也擔心有些信徒為了隱匿疫情會不承認自己的身分導致疫情難以掌握。南韓防疫當局也召開記者會說明第31例病例的大邱婦人可能也是經由人傳人感染也可能並非第一名在教會中傳播病毒的患者。
新天地教會全名「新天地耶穌教證據帳幕聖殿教會」1984年3月14日由現年88歲的李萬熙（Lee Man-hee）所創立。信徒都相信李萬熙是耶穌轉世或耶穌派來的使者據稱擁有超過12萬名信徒。但因為經常惹出爭議所以常被譴責為基督教異端、邪教團體。教會網站則自稱是「神在世上獨一無二的國和聖殿」並發誓「如蠟燭般犧牲我們的肉體」來順從耶穌旨意。
根據紐西蘭媒體《先驅報》在2017年的報導新天地教會透過洗腦來破壞信徒與家人間的關係更有學生堅信教育已經沒有實質幫助將一整年的學費捐獻給教會。英國英格蘭教會和韓國基督教會聯盟曾發出警告新天地教會是「非常危險的團體」、「極端主義分子」不僅慫恿信徒離家出走也會洗腦信徒捐獻財產對象不限韓國本地人全國各地教會都在掌控範圍內。
新天地教會在韓國知名成功的程度足以動員數千名信眾在高規格場地集體演出。例如2012年他們就曾在首爾的蠶室奧林匹克主競技場（Jamsil Olympic Stadium）舉行活動。當時有數百名表演者上演聖經場景與主題同時還有數千人依序翻動彩頁書創造出不斷變化的大型圖像背景場面猶如北韓的團體操表演。
更多 CTWANT 報導</t>
  </si>
  <si>
    <t>教會信徒天地疫情南韓傳播病例團體韓國肺炎報導耶穌聖殿目前</t>
  </si>
  <si>
    <t>新天地教會教會信徒韓國南韓</t>
  </si>
  <si>
    <t>信徒教會天地韓國南韓</t>
  </si>
  <si>
    <t>防疫去年柯文哲修改影響來勢凶猛omicron</t>
  </si>
  <si>
    <t>每年都吸引上百萬人參與的臺北最High新年城即將登場面對新冠肺炎新變種病毒Omicron臺北市長柯文哲說有可能3天前取消他28日再被問及是否有防疫計畫時強調「放心好了把去年那套拿出來修一修就好。」Omicron</t>
  </si>
  <si>
    <t>omicron參與臺北high新年即將出來登場修一去年放心好了強調病毒臺北市防疫是否問及柯文哲可能</t>
  </si>
  <si>
    <t>每年都吸引上百萬人參與的臺北最High新年城即將登場面對新冠肺炎新變種病毒Omicron臺北市長柯文哲說有可能3天前取消他28日再被問及是否有防疫計畫時強調「放心好了把去年那套拿出來修一修就好。」
Omicron病毒來勢洶洶讓眾所期待的跨年活動增添不少變數柯文哲今出席藝術公車巡禮活動被問到跨年晚會有無防疫計畫他指出當然有計畫去年就在疫情下辦過跨年放心好了把去年那套拿出來修一修就好「現在不要問我1個月後的事。」
不過不少外地民眾為了參加跨年老早訂好飯店也有攤商陸續備貨萬一活動在3天前突然取消恐怕損失不少。柯文哲重申後疫情時代的對應原則是「應變跟保險」大型活動因應疫情怎麼處理都準備好了。</t>
  </si>
  <si>
    <t>疫情柯文哲活動病毒去年omicron取消防疫放心好了臺北參與high新年即將登場</t>
  </si>
  <si>
    <t>新冠肺炎台灣柯文哲跨年臺北</t>
  </si>
  <si>
    <t>臺灣柯文哲肺炎臺北</t>
  </si>
  <si>
    <t>警員全市確診累計中和</t>
  </si>
  <si>
    <t>新北市疫情嚴峻中和警分局偵查隊今（5日）再度傳出偵查隊某隊員PCR陽性確診中和警分局表示已要求密切接觸者自主居家健康管理及再度安排採驗目前偵查隊業務由市刑大接手治安不打烊全市至今已累計15名警員</t>
  </si>
  <si>
    <t>偵查隊再度中和分局全市打烊治安接手居家健康自主管理密切接觸業務要求安排目前至今表示隊員pcr</t>
  </si>
  <si>
    <t>新北市疫情嚴峻中和警分局偵查隊今（5日）再度傳出偵查隊某隊員PCR陽性確診中和警分局表示已要求密切接觸者自主居家健康管理及再度安排採驗目前偵查隊業務由市刑大接手治安不打烊全市至今已累計15名警員染疫。
中和警分局表示上月2名交通分隊警員、1名南勢所警員及2名偵查隊員染疫今（5日）再度傳出偵查隊某隊員PCR陽性確診全分局累計共有6人染疫。此外據新北市警察局統計蘆洲3名、新店1名、刑大2名、樹林1名、板橋2名、中和6名共有15名警員染疫。</t>
  </si>
  <si>
    <t>分局警員偵查隊中和再度隊員累計共有表示新北確診pcr陽性接手管理健康治安刑大居家蘆洲</t>
  </si>
  <si>
    <t>新冠肺炎台灣染疫偵查隊警員</t>
  </si>
  <si>
    <t>臺灣肺炎偵查隊警員</t>
  </si>
  <si>
    <t>疫情底層發展金字塔醫療病毒成未揭密</t>
  </si>
  <si>
    <t>新型肺炎來勢洶洶！美國國防部三月初警告：30天內將形成全球大流行！即使公衛專家們用盡蠻荒之力加速防疫但對於防治與控制仍極其有限全球瀰漫著一股不確定的氛圍。Discovery頻道《冠狀病毒：無聲殺手專訪感染過S</t>
  </si>
  <si>
    <t>全球無聲三月病毒冠狀頻道警告discovery天內氛圍確定殺手形成國防部用盡流行蠻荒加速防疫對於防治公衛</t>
  </si>
  <si>
    <t>新型肺炎來勢洶洶！美國國防部三月初警告：30天內將形成全球大流行！即使公衛專家們用盡蠻荒之力加速防疫但對於防治與控制仍極其有限全球瀰漫著一股不確定的氛圍。Discovery頻道《冠狀病毒：無聲殺手專訪感染過SARS 的梁浩南醫師分享SARS 與新冠病毒不同之處。然這次新冠肺炎中的無症狀患者 才是兇猛未爆彈。《冠狀病毒：無聲殺手》於3月9日晚間11點首播以防疫經驗鑑古知今卸下民眾焦慮和不安！
新型冠狀病毒在武漢發現以來造成絕大衝擊至今全世界就將近十萬人被感染。它的感染力超強只要證實一人感染背後就有3-4個潛在的感染者。新加坡防疫專家說防疫的核心要建立在「醫療金字塔」上雖然在有限資源下大多數醫生會優先治療症狀最嚴重、也就是金字塔頂端的病患。
但實際上這些人只佔1、2成其餘8成在金字塔底層的無症狀者患者很可能不知情之下活躍地走動四處散播病毒若無適當隔離社區型疫情可是會迅速炸開！
新型冠狀病毒疫情險峻各界都在關注疫苗什麼時候能夠研發面世呢？梁浩南醫師提到「這次遇到新冠病毒一個不幸中的大幸是我們能利用對SARS冠狀病毒疫苗原有的瞭解以同樣原則應用在2019新冠病毒上然而壞消息是…研發製作新冠病毒的疫苗 得花上好幾個月還得經多次臨床試驗疫苗才能用來對付流行病這絕對會花上9至12個月這會需要時間。」
隨著疫情升溫許多醫院也陸續設立了警急應變小組以處理層出不窮的患者成立遠程醫療小組與線上諮詢平臺讓不確定是否得病的民眾隨時獲得充分資訊不至因害怕而擠爆醫院造成醫療上的浪費與負擔。
Discovery頻道《冠狀病毒：無聲殺手專訪感染過SARS 的新加坡傳染病專家梁浩南醫師分享SARS 與新冠病毒不同之處並說明防疫核心須建立在醫療金字塔上實際走訪新加坡看看醫療團隊的防疫SOP以及如何利用遠程醫療小組、線上諮詢平臺提供即時的資訊與服務。
此外；接著也將播出《人物誌 : 鍾南山》深入介紹這位抗SARS英雄、《殺手病毒: 流感》流感病毒演進對世界的威脅等看看當時人們如何對應與平息這些致命的危機。《冠狀病毒：無聲殺手》將於3月9日晚間11點準首播一起用知識做後盾以防疫經驗鑑古知今卸下你的焦慮和不安！ SARS英雄、《殺手病毒: 流感》流感病毒演進對世界的威脅等看看當時人們如何對應與平息這些致命的危機。</t>
  </si>
  <si>
    <t>病毒防疫冠狀sars醫療金字塔疫苗症狀感染殺手患者專家疫情新加坡看看全球小組資訊</t>
  </si>
  <si>
    <t>武漢肺炎新冠肺炎新型冠狀病毒全球NCP</t>
  </si>
  <si>
    <t>肺炎冠狀病毒全球ncp武漢</t>
  </si>
  <si>
    <t>很快鬆口陳時中到貨莫德納消息</t>
  </si>
  <si>
    <t>接種莫德納今天陳時中指揮官中心指揮疫情流行引發透露中央尚未完成究竟員工屆滿外界國內高達民眾高鐵關注</t>
  </si>
  <si>
    <t>接種表示莫德納疫苗到貨陳時中確認目前開放民眾今天國內bnt消息很快人口究竟完成中央</t>
  </si>
  <si>
    <t>莫德納到貨時間陳時中好消息</t>
  </si>
  <si>
    <t>到貨時間陳時中莫德納消息</t>
  </si>
  <si>
    <t>bwf明年延到信心世錦賽成功</t>
  </si>
  <si>
    <t>東京奧運延到明年7月23日到8月8日舉行不少國際重要賽事日程也必須錯開原定明年8月在西班牙韋爾瓦（Huelva）舉辦的世界羽球錦標賽將延後到11月29日到12月5日進行。世錦賽延期是世界羽聯（BWF）和西班牙羽球協會</t>
  </si>
  <si>
    <t>明年世界西班牙羽球日程羽聯賽事重要延期必須錯開原定錦標賽韋爾瓦舉辦huelvabwf國際舉行世錦賽進行延後延到奧運東京</t>
  </si>
  <si>
    <t>東京奧運延到明年7月23日到8月8日舉行不少國際重要賽事日程也必須錯開原定明年8月在西班牙韋爾瓦（Huelva）舉辦的世界羽球錦標賽將延後到11月29日到12月5日進行。
世錦賽延期是世界羽聯（BWF）和西班牙羽球協會討論過後的決定也讓羽球選手明年有兩項大賽可以做為奮戰目標就是奧運和世錦賽。
世界羽聯主席拉森（Poul-Erik Høyer Larsen）認為修改世錦賽賽程對羽球運動是最好的決定「BWF和西班牙羽球協會有信心調整過日程的世錦賽會很成功也給大家都有公平競爭的機會。」
從2005年起羽球世錦賽都是在非夏季奧運年的每年7月底到8月登場這次因為新冠肺炎疫情讓東京奧運從2020年延到2021年才會兩項賽事同年登場西班牙羽協卡貝羅（David Cabello）表示：「希望在西班牙韋爾瓦的羽球世錦賽會在西國和世界各地成為很特別的一場賽事。我們很開心讓這項大賽在一年的尾聲登場可以讓主辦單位盡可能送上最棒的比賽。」
2021羽球世錦賽主場館是馬琳體育館以西班牙女子羽球名將馬琳（Carolina Marin）為名韋爾瓦是她的故鄉她曾2014年、2015年、2018年三度摘下羽球世錦賽金牌更多資訊還待官方確定後會公佈。</t>
  </si>
  <si>
    <t>羽球世錦賽西班牙奧運登場賽事韋爾瓦明年世界日程可以大賽馬琳羽聯bwf決定協會延到官方資訊</t>
  </si>
  <si>
    <t>羽球世錦賽羽球世錦賽西班牙延賽</t>
  </si>
  <si>
    <t>羽球西班牙世錦賽延賽</t>
  </si>
  <si>
    <t>柯文哲社會國際疫苗承認接種高端再打完</t>
  </si>
  <si>
    <t>台灣不少打過2劑高端疫苗的民眾想要出國必須再接種其他國際認證的疫苗外界好奇就叫混打還是重打臺北市長柯文哲15日表示高端不被國際社會承認這叫重打。市議員潘懷宗今午在市政總質詢提出台灣民眾打完2劑</t>
  </si>
  <si>
    <t>國際疫苗高端民眾臺灣質詢市政潘懷宗議員想要必須接種出國認證表示柯文哲臺北市外界混打</t>
  </si>
  <si>
    <t>台灣不少打過2劑高端疫苗的民眾想要出國必須再接種其他國際認證的疫苗外界好奇就叫混打還是重打臺北市長柯文哲15日表示高端不被國際社會承認這叫重打。
市議員潘懷宗今午在市政總質詢提出台灣民眾打完2劑高端出國必須再打2劑國際認證疫苗這算是混打還是重打。
柯文哲回應疫苗有不同機制有的是蛋白質、有的是mRNA有的是減毒病毒不同疫苗針對同一個病毒不同機制的疫苗可以混打但可否混打還是要看科學研究像AZ已經可以再混打mRNA至於其他混打模式要看有無論文出現才能確定。
他強調高端拿不到WHO認證是早就知道的事1年前就預測到世界強權包括中、美、英、蘇、德是強權在決定市場台灣拿不到WHO本來就預測得到的事打完高端再接種其他疫苗這叫重打了因為不被國際社會承認所以不是混打。</t>
  </si>
  <si>
    <t>混打疫苗高端認證臺灣國際強權打完可以mrna接種柯文哲預測不同who民眾機制出國必須</t>
  </si>
  <si>
    <t>混打重打2劑疫苗出國</t>
  </si>
  <si>
    <t>疫苗出國混打</t>
  </si>
  <si>
    <t>確診成員林志玲肺炎</t>
  </si>
  <si>
    <t>林志玲老公AKIRA同屬的「放浪兄弟」（EXILE）成員小林直己昨（4日）驚傳確診新冠肺炎根據日媒報導小林直己本月3日覺得身體不太舒適隔天立刻接受PCR檢測檢測結果呈現為陽性反應日本經紀公司表示：「目前小</t>
  </si>
  <si>
    <t>小林直經紀日本檢測放浪兄弟公司exile舒適陽性反應成員呈現身體結果覺得同屬肺炎pcr接受立刻表示</t>
  </si>
  <si>
    <t>林志玲老公AKIRA同屬的「放浪兄弟」（EXILE）成員小林直己昨（4日）驚傳確診新冠肺炎根據日媒報導小林直己本月3日覺得身體不太舒適隔天立刻接受PCR檢測檢測結果呈現為陽性反應日本經紀公司表示：「目前小林直己不會參加團體近期的演出活動。」
日本知名唱跳男子團體放浪兄弟（EXILE）兼三代目 J SOUL BROTHERS from EXILE TRIBE成員小林直己確診新冠肺炎他將不會出現於本月10日至12日原本要舉辦「EXILE TRIBE LIVE TOUR 2021 &amp;quot;RISING SUN TO THE WORLD&amp;quot;」的演出原本今晚8點舉行三代目J Soul Brothers直播活動將取消。
Naoki Kobayashi（@naokikobayashi_works）分享的貼文
小林直己今年36歲是日本的舞者、演員擁有187公分的高挑身材高中時期因為未來夢想想成為一名歌手開始學習歌唱、跳舞高中畢業後就讀法政大學但為了追求「把跳舞作為工作」這個夢想從法政大學休學2006年透過舞蹈團體「RAG POUND」與AKIRA認識。
Naoki Kobayashi（@naokikobayashi_works）分享的貼文
去年12月時放浪兄弟成員佐藤大樹就曾染疫疑似是工作同事有人確診被匡列後去檢測才發現自己確診新冠肺炎日前放浪兄弟才剛發表新單曲還好其他成員檢測皆為陰性日本經紀公司目前請專家組成的「LDH新型冠狀病毒感染對策專家團隊」的建議每天對全體員工進行體溫測量和身體狀況報告作為應對新型冠狀病毒傳染病的對策。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小林直日本兄弟成員放浪團體exile肺炎確診檢測高中夢想務必作為對策身體演出工作活動冠狀</t>
  </si>
  <si>
    <t>小林直己成員確診新冠肺炎放浪兄弟</t>
  </si>
  <si>
    <t>肺炎確診成員放浪小林直兄弟</t>
  </si>
  <si>
    <t>緩和疫情即將許願生日韋禮安專輯</t>
  </si>
  <si>
    <t>韋禮安5日迎接33歲生日領養三隻貓咪的他選在這天首播新歌〈貓咪共和國〉也是他合作國際音樂公司The Orchard後推出的第一個作品別具意義！他昨在工作中度過生日提起願望韋禮安希望周遭所有人平安順利新</t>
  </si>
  <si>
    <t>生日貓咪韋禮安希望領養orchard公司the音樂國際推出共和國作品願望別具合作提起意義在工作中度過所有人首播</t>
  </si>
  <si>
    <t>韋禮安5日迎接33歲生日領養三隻貓咪的他選在這天首播新歌〈貓咪共和國〉也是他合作國際音樂公司The Orchard後推出的第一個作品別具意義！他昨在工作中度過生日提起願望韋禮安希望周遭所有人平安順利新冠肺炎疫情快快過去同時預告即將推出新專輯！
韋禮安去年捲入與前東家福茂唱片的合約糾紛雙方走上法院打官司雖目前仍由律師處理中但韋禮安昨帶來好消息宣佈合作國際音樂公司The Orchard、將推出睽違4年全新專輯韋禮安昨表示：「正朝這個方向（今年發片）努力！很快感覺幸福來得非常突然！」感謝歌迷們不離不棄、耐心等侯。
新歌〈貓咪共和國〉創作靈感來自韋禮安收養的三隻貓咪他常跟朋友開玩笑自嘲住在巨大的貓砂盆裡日常會有許多驚人的把屎把尿；前陣子他發現愛貓改變習性、隨處尿尿某次氣得正在訓斥貓咪們突然發現自己臉上濕濕抬頭一看才發現原來是家裡天花板漏水根本不是貓咪不乖趕緊奉上罐頭討好愛貓們。
還有一次一隻蟾蜍不知好歹跳進家裡跟三隻貓咪玩最後蟾蜍黏滿貓毛、一臉狼狽韋禮安趕緊解救蟾蜍放生「還好貓咪沒有咬蟾蜍來送我聽說貓送主人東西是覺得你沒有維生的能力我想我的貓應該覺得我過得還可以」。</t>
  </si>
  <si>
    <t>韋禮安貓咪蟾蜍推出發現趕緊家裡沒有突然生日覺得專輯共和國合作orchard音樂國際</t>
  </si>
  <si>
    <t>韋禮安韋禮安33歲生日新冠肺炎武漢肺炎新冠狀病毒</t>
  </si>
  <si>
    <t>肺炎生日武漢韋禮安病毒</t>
  </si>
  <si>
    <t>紓困激增確診瓊重</t>
  </si>
  <si>
    <t>進入秋冬之際新冠肺炎在歐美兩地又有捲土重來之勢確診人數激增加上財政紓困方案談判在大選前再次陷入停頓。26日美股三大指數重挫道瓊一度跌720點最終收盤道瓊下跌650點創9月3日以來最大單日跌幅。美國股</t>
  </si>
  <si>
    <t>肺炎歐美兩地以來捲土重來確診下跌人數激增加上財政紓困方案談判大選再次指數陷入</t>
  </si>
  <si>
    <t>進入秋冬之際新冠肺炎在歐美兩地又有捲土重來之勢確診人數激增加上財政紓困方案談判在大選前再次陷入停頓。26日美股三大指數重挫道瓊一度跌720點最終收盤道瓊下跌650點創9月3日以來最大單日跌幅。
美國股市今天開盤重挫一路走低主因白宮官員表示對國會通過新的防疫紓困方案不太樂觀。
道瓊工業平均指數下跌65019點或229%收2萬768538點。史坦普500指數下跌6442點或186%至340097點。那斯達克綜合指數下跌18934點或164%至1萬135894點。
此外新冠病毒感染數激增投資人擔憂再次實施封鎖將對經濟形成衝擊歐洲三大股市今天下挫。倫敦FTSE 100指數滑落6827點或116%以579201點作收。法蘭克福DAX 30指數重挫46857點或371%收在1217718點。巴黎CAC 40指數跌9352點或190%收481612點。</t>
  </si>
  <si>
    <t>指數下跌激增再次今天三大紓困方案肺炎歐美捲土重來兩地確診人數封鎖形成實施</t>
  </si>
  <si>
    <t>指數激增重挫美股新冠確診</t>
  </si>
  <si>
    <t>激增指數確診</t>
  </si>
  <si>
    <t>再度疫情封城法網延賽法國</t>
  </si>
  <si>
    <t>法國近日新冠肺炎疫情又反撲政府再度採取封城手段降低感染風險因為封城市從4月開始為期一個月因此原定5月下旬開打的法國網球公開賽恐怕準備工作受到影響可能會再像去年一樣延賽更嚴重甚至可能得取消。法國</t>
  </si>
  <si>
    <t>法國可能疫情肺炎反撲政府再度採取封城手段降低感染風險城市開始為期原定下旬嚴重去年延賽網球公開賽</t>
  </si>
  <si>
    <t>法國近日新冠肺炎疫情又反撲政府再度採取封城手段降低感染風險因為封城市從4月開始為期一個月因此原定5月下旬開打的法國網球公開賽恐怕準備工作受到影響可能會再像去年一樣延賽更嚴重甚至可能得取消。
法國從週六開始進入第三次全國封城希望控制新冠肺炎傳染範圍體育賽事因此也受到影響而法網在去年就從原定5月23日開打言了4個月到9月才進行今年度賽程恐怕也要再延一次法國體育部長瑪拉辛妮亞奴（Roxana Maracineanu）說：「我們正在和法國網球協會開會討論看看是否應該修改比賽日期因為其他重要體育競賽也一樣要挑整日程。」
「雖然所有高層級賽事早早就安排好我們也希望減少風險不想要病毒在職業運動賽事中傳播。」
法國總統馬克洪表示希望可以在5月中解除封城本周稍早法國網協主席莫瑞頓（Gilles Moretton）表示無法想像這場四大賽面臨取消危機但大家必須為了降低新冠肺炎傳染風險採取必要措施最糟的情況就是今年法網停辦一屆。
莫瑞頓補充大會現在仍朝如期舉辦法望努力籌備目前最壞打算是不開放觀眾進場會密切注意疫情發展及政策隨時和球員保持聯繫更新最新狀況。</t>
  </si>
  <si>
    <t>法國希望風險肺炎疫情莫瑞頓表示賽事取消封城今年可能去年採取降低網球開始法網恐怕影響受到</t>
  </si>
  <si>
    <t>網球法國封城法網延賽</t>
  </si>
  <si>
    <t>法國封城延賽網球法網</t>
  </si>
  <si>
    <t>關懷產業啟動時中首站婚紗紓困</t>
  </si>
  <si>
    <t>立法院已同意追加1500億元紓困特別預算明天起財委會將進行審查「紓困陳時中」行政院政委龔明鑫明天也將啟動受困產業關懷之旅首站將抵婚紗業。龔明鑫明天下午一點將偕同經濟部次長王美花拜會受衝擊婚紗業代表</t>
  </si>
  <si>
    <t>明天紓困婚紗龔明鑫追加特別預算同意拜會次長財委會審查經濟部關懷時中進行首站行政院偕同政委</t>
  </si>
  <si>
    <t>立法院已同意追加1500億元紓困特別預算明天起財委會將進行審查「紓困陳時中」行政院政委龔明鑫明天也將啟動受困產業關懷之旅首站將抵婚紗業。
龔明鑫明天下午一點將偕同經濟部次長王美花拜會受衝擊婚紗業代表─最佳風情國際婚紗瞭解婚紗業受衝擊情況並說明宣導政府紓困措施。
官員表示婚紗業日前在經部座談曾建議不要用今年任二個月平均衰退五成營收和去年同期作比較因去年受香港反送中影響原本生意就受到影響因此建議放寬。
經部官員表示不論服務業或製造業艱困企業定義都以五成為原則但有很多元的 彈性不只今年任二個月平均可和去年同期前年同期去年下半年平均或今年任二個月平均作比較甚至也可以只用今年一個月作比較條件非常寬鬆目的就是要協助企業挺過寒冬不要因疫情挺不過去而關門。
至於製造業若有特殊產業營收衰退比例也可不以五成為限可申請專案紓困。符合要件的艱困企業均可申請員工薪資補貼四成上限每人每月2萬元補貼3個月；同時還有申請一次性營運資金補貼以員工數每人1萬元計以減輕企業租金壓力同時未承租辦公場所的企業也能公平領得到。</t>
  </si>
  <si>
    <t>企業紓困婚紗今年明天申請比較任二平均製造業建議官員員工補貼產業成為去年衰退經部表示</t>
  </si>
  <si>
    <t>婚紗業紓困陳時中龔明鑫新冠肺炎新冠病毒</t>
  </si>
  <si>
    <t>時中龔明紓困肺炎婚紗病毒</t>
  </si>
  <si>
    <t>有效隔板防止學童吃飯口沫小學生竹市飛濺</t>
  </si>
  <si>
    <t>新型冠狀肺炎疫情尚未趨緩而飛沫及接觸傳染是主要途徑新竹市建功國小的老師出奇招開學時特別在每個學生的座位上放了綠色的大型壓克力隔板避免學童口沫及食物飛濺也提醒學生養成良好用餐習慣奇特的用餐</t>
  </si>
  <si>
    <t>學生養成接觸傳染途徑提醒新竹尚未建功國小飛濺口沫老師學童食物出奇避免隔板壓克力開學綠色</t>
  </si>
  <si>
    <t>新型冠狀肺炎疫情尚未趨緩而飛沫及接觸傳染是主要途徑新竹市建功國小的老師出奇招開學時特別在每個學生的座位上放了綠色的大型壓克力隔板避免學童口沫及食物飛濺也提醒學生養成良好用餐習慣奇特的用餐景象成為校園防疫新指標。
老師為讓小1學生安靜坐在自己座位用餐製作長型的綠色隔板用餐時就請每個學生放在座位上做阻隔除避免學生用餐時口沫橫飛也提醒學生養成良好用餐習慣而且還要加強落實量測體溫及宣導做好個人衛生、勤洗手動作。
新竹市建功國小校長劉芳遠說使用隔板後的效果不錯學生大多能安靜在自己座位用餐且不會有交換食物等情況而用餐後老師也會指導或協助學生擦拭及清洗隔板這樣的隔板可重覆使用也不會影響其他上課時段的視線效果還不錯其他年級的老師也相繼考慮採用。
市府教育處表示先前已有其他縣市也使用類似的小型隔板在用餐時來區隔學生避免學生交換食物或口沫飛濺市府並未硬性要求基於防疫工作的謹慎態度都尊重各校及各班老師的做法。
更多 CTWANT 報導</t>
  </si>
  <si>
    <t>學生老師用餐隔板座位使用避免防疫食物市府新竹效果不錯建功國小交換飛濺安靜綠色口沫習慣</t>
  </si>
  <si>
    <t>新冠肺炎武漢肺炎新型冠狀病毒台灣學生</t>
  </si>
  <si>
    <t>肺炎武漢冠狀臺灣病毒學生</t>
  </si>
  <si>
    <t>全球發表會新品protectedemail舉行宏棋</t>
  </si>
  <si>
    <t>（next@acer 2020全球線上發表會邀請函。圖／宏碁提供）品牌廠宏碁（2353）今年度新品發表會時程在新冠肺炎（COVID-19）疫情肆虐下大受影響原照慣例會在第二季初舉行的春季新品發表會取消實體活動後再延至季底</t>
  </si>
  <si>
    <t>發表會新品巨集棋活動實體邀請函取消影響肆虐原照慣例疫情covid-春季肺炎今年舉行季初時程提供</t>
  </si>
  <si>
    <t>（[email protected] 2020全球線上發表會邀請函。圖／宏碁提供）
品牌廠宏碁（2353）今年度新品發表會時程在新冠肺炎（COVID-19）疫情肆虐下大受影響原照慣例會在第二季初舉行的春季新品發表會取消實體活動後再延至季底舉行。今（27）日宏碁正式發出預告[email protected] 2020全球線上發表會將於臺北時間6月23日晚上9點與歐美同步線上發布。
宏碁董事長暨執行長陳俊聖先前透露6月登場的新品發表會將分別在電競Predator、Acer Nitro系列與專業創作者ConceptD創系列推出搭戴最新一代CPU、 GPU平臺架構規格之新品。此外宏碁今年還將再推出除了Predator掠奪者、 ConceptD創系列兩大子品牌外的第三個PC相關產品系列的新子品牌這也是其繼創作者領域後聚焦的另一個微趨勢新藍海市場。</t>
  </si>
  <si>
    <t>發表會宏棋新品品牌創作者舉行predatorconceptd推出今年肆虐影響疫情原照covid-慣例全球聚焦</t>
  </si>
  <si>
    <t>全球宏碁發表會新品next</t>
  </si>
  <si>
    <t>全球宏棋發表會新品next</t>
  </si>
  <si>
    <t>侯友宜連帶責任逃跑隔離一定追究協助</t>
  </si>
  <si>
    <t>新冠肺炎疫情升溫全台累計確診達40例由於日租套房大多沒有旅客登錄以及防疫通報制度恐成為防疫漏洞對此新北市長侯友宜今（2日）上午表示針對有故意隱匿、包容居家檢疫者逃跑者連帶責任一定追究。侯友</t>
  </si>
  <si>
    <t>防疫升溫全台包容累計隱匿確診逃跑故意表示上午疫情登錄漏洞旅客對此套房侯友宜沒有大多檢疫新北市長</t>
  </si>
  <si>
    <t>新冠肺炎疫情升溫全台累計確診達40例由於日租套房大多沒有旅客登錄以及防疫通報制度恐成為防疫漏洞對此新北市長侯友宜今（2日）上午表示針對有故意隱匿、包容居家檢疫者逃跑者連帶責任一定追究。
侯友宜強調嚴格執法毫不寬貸對於居家檢疫、居家隔離的逃跑者不光是他本身的責任若有協助、幫忙都會追究責任。</t>
  </si>
  <si>
    <t>侯友宜居家防疫檢疫逃跑升溫全台累計確診疫情登錄旅客責任套房沒有大多漏洞對此執法嚴格強調新北</t>
  </si>
  <si>
    <t>居家侯友宜責任檢疫新冠肺炎</t>
  </si>
  <si>
    <t>責任檢疫侯友宜居家肺炎</t>
  </si>
  <si>
    <t>返台出庭傳票湖北人面對女星隔離</t>
  </si>
  <si>
    <t>前女「F4」成員劉樂妍已將事業及生活重心移往對岸現在因新冠肺炎疫情致使陸演藝圈全面停工她本想好好躲在大陸住處等待疫情過去然因為官司問題致使她必須返台出庭如今傳票不斷寄送到她手上讓她無奈哭喊不</t>
  </si>
  <si>
    <t>致使疫情已將手上事業生活寄送不斷重心傳票對岸如今劉樂妍出庭現在返台必須肺炎問題好好等待官司住處大陸</t>
  </si>
  <si>
    <t>前女「F4」成員劉樂妍已將事業及生活重心移往對岸現在因新冠肺炎疫情致使陸演藝圈全面停工她本想好好躲在大陸住處等待疫情過去然因為官司問題致使她必須返台出庭如今傳票不斷寄送到她手上讓她無奈哭喊不是怕當被告而是怕遭「雙重隔離」。
劉樂妍上周才抱怨過因官司被傳喚出庭然上回已因工作而有一次傳喚未到記錄的她怕再不現身就會被限制出境且因為她從大陸回台出庭前需隔離14天讓她哭喊：「這不是強迫我在台灣要呆(待)很久嗎？」也導致出庭一事擱置。
而她昨(2/25)又po文透露台灣法院的傳票不斷寄到她手上但她的困境完全無解表示當被告無所謂但「問題就不是不回去你什麼時候不隔離我什麼時候回去呀？」原來因為新冠肺炎疫情升溫她返台出庭首先要被隔離14天而出庭完回到大陸又得隔離「雙重隔離」的情況下「我什麼事都不用幹我就來回隔離就好啦！」直呼目前處境「真的會發瘋」更雪上加霜的是：「喂~我可是湖北人呢！！」。</t>
  </si>
  <si>
    <t>隔離出庭大陸疫情臺灣官司劉樂妍問題被告致使返台哭喊手上肺炎傳票不斷傳喚回去</t>
  </si>
  <si>
    <t>新冠肺炎武漢肺炎新型冠狀病毒NCPCOVID-19</t>
  </si>
  <si>
    <t>肺炎武漢冠狀病毒ncpcovid-</t>
  </si>
  <si>
    <t>通電話女兒猝死口吐裡長確診白沫倒地</t>
  </si>
  <si>
    <t>彰化縣新冠肺炎疫情再添1死南彰化一名確診裡長1日確診送醫治療後9日返家自主健康管理13日與女兒通電話時突然昏迷送醫後死亡13日宣告不治遺體14日火化家屬氣憤為何採檢陰性仍急著火化衛生局對此回應</t>
  </si>
  <si>
    <t>火化送醫確診疫情肺炎何采檢氣憤家屬南彰女兒通電話死亡昏迷突然陰性遺體管理裡長</t>
  </si>
  <si>
    <t>彰化縣新冠肺炎疫情再添1死南彰化一名確診裡長1日確診送醫治療後9日返家自主健康管理13日與女兒通電話時突然昏迷送醫後死亡13日宣告不治遺體14日火化家屬氣憤為何採檢陰性仍急著火化衛生局對此回應依中央規定在自主管理期間死亡仍判定為第五類法定傳染病因此必須24小時內火化。
據瞭解振興裡長6月1日確診住進彰濱秀傳醫院治療6月9日出院返家自主隔離衛生居發函要求裡長自6月9日起至6月23日必須自主健康管理但13日自主健康管理期間裡長與女兒通電話時突然身體不適失去音訊女兒意識到危險打電話叫哥哥返家察看就發現裡長口吐白沫倒在地上。
隨後裡長被送往二林基督教醫院救治無效院方隨即針對裡長遺體採檢發現是陰性但家屬質疑為什麼陰性死亡證明還是開立第五類讓父親14日就遭火化1日確診9日返家13日就死亡痛批衛生局的處置就有問題。
議員張國棟表示該裡長與他私交甚好在隔離期間一共通了3次電話第4次就是他出院到家與他報平安的時候但沒想到突然就傳來噩耗相當不捨他認為衛生局對病患的情況要有更透測的掌握不然在家自主隔離僅有一人發生危險家人根本來不及反應。
衛生局回應該名確診者在5月下旬發病後送醫治療依中央規定在發病日10天後CT值大於30的話就可讓患者回到家中自主健康管理但不幸在自主管理的第4天因身體不適送醫不治事後採檢雖然呈陰性但依中央規定在在自主管理期間死亡仍判定為第五類法定傳染病因此必須24小時內火化。</t>
  </si>
  <si>
    <t>裡長自主衛生局死亡確診火化送醫隔離返家管理陰性期間突然女兒危險醫院出院治療規定中央發現</t>
  </si>
  <si>
    <t>裡長火化彰化新冠肺炎台灣</t>
  </si>
  <si>
    <t>肺炎火化臺灣裡長</t>
  </si>
  <si>
    <t>顧問冬季激增確診史上衛生白宮艱難社會時刻國際</t>
  </si>
  <si>
    <t>白宮新冠肺炎工作組協調官比爾斯（Deborah Birx）周日提出警告表示由於全國醫療系統已經陷入對抗單日死亡數日益升高的苦戰近來確診數持續加速急升可能成為美國史上最艱難的時刻。比爾斯周日接受NBC訪問時表示</t>
  </si>
  <si>
    <t>比爾斯周日表示工作組協調官deborah確診持續近來加速苦戰升高可能死亡成為對抗美國接受birx陷入史上已經醫療系統時刻艱難警告</t>
  </si>
  <si>
    <t>白宮新冠肺炎工作組協調官比爾斯（Deborah Birx）周日提出警告表示由於全國醫療系統已經陷入對抗單日死亡數日益升高的苦戰近來確診數持續加速急升可能成為美國史上最艱難的時刻。
比爾斯周日接受NBC訪問時表示：「這不僅是最嚴重的公衛事件這是這個國家所要面對最嚴重的事件不只在公共衛生方面」。
隨著美國第三波疫情急飆近來許多公衛官員都對疫情發展表達深切的擔憂。上週三美國疾病管制與預防中心（CDC）主任雷德菲爾德（Robert Redfield）表示：「未來幾個月將是這個國家公衛史上最困難的時刻」。
比爾斯表示：「這個秋冬季節疫情的飆升綜合了我們在春夏兩季看到一切再加上這個秋季的激增正在轉變成冬季的激增我認為這就是雷德菲爾德博士如此決斷向美國人民呼籲的原因」。
美國新冠肺炎單日死亡病例迭創新高因為感恩節群聚的關係染疫死亡數字料將進一步惡化。根據路透社統計上週五美國單日確診達22萬8407人再創新高全美單日多達2568人死於新冠肺炎目前累計死亡患者人數逼近279萬人。
華盛頓大學醫學院「健康指標和評估研究所」（IHME）已經提出警告即使疫苖開打美國到明年4月1日前的染疫死亡人數恐將達到539萬人較目前驚人的數字還要再增加約一倍。</t>
  </si>
  <si>
    <t>美國死亡表示比爾斯肺炎雷德菲爾德數字確診疫情近來目前已經提出周日公衛警告人數時刻</t>
  </si>
  <si>
    <t>全國數字美國時刻新冠肺炎</t>
  </si>
  <si>
    <t>時刻美國數字全國肺炎</t>
  </si>
  <si>
    <t>個人風險防護傳播重要社區</t>
  </si>
  <si>
    <t>全球新冠肺炎疫情嚴峻國內社區傳播的風險也日漸提升民眾應如何自我保護？台大醫院小兒感染科主治醫師李秉穎表示進入這個階段時民眾必須注意衛生習慣時時勤洗手並徹底洗淨積極做好自主健康管理以減低減染</t>
  </si>
  <si>
    <t>民眾健康疫情自主嚴峻做好國內積極社區傳播徹底風險勤洗手管理肺炎時時日漸衛生習慣提升注意必須感染應如何主治醫師李秉穎保護</t>
  </si>
  <si>
    <t>全球新冠肺炎疫情嚴峻國內社區傳播的風險也日漸提升民眾應如何自我保護？台大醫院小兒感染科主治醫師李秉穎表示進入這個階段時民眾必須注意衛生習慣時時勤洗手並徹底洗淨積極做好自主健康管理以減低減染的風險。
李秉穎說這個時期所有大型活動應該停止以免吸引人群聚集；民眾也應避免進出人潮擁擠的場所；公共環境的清潔衛生更須加強增加消毒頻率。民眾外出要戴口罩尤其是到密閉空間或人比較多的地方更要戴好口罩以防萬一。
實際醫療方面李秉穎強調民眾若出現相關症狀或發現周遭的人有類似情形必須迅速通報趕快進入醫療程式並就診檢驗以確定是否感染新冠肺炎如果確診就要按照程式處理該隔離該治療就按部就班進行。
前衛生署長、現任亞洲大學教授楊志良則表示過去也有類似的流行病處理經驗例如A型H1N1流感、SARS民眾不必過度恐慌。如果這次新冠肺炎進入社區傳播的階段就表示先前的防堵策略結束國內病例增加很多沒有辦法、事實上也不需要再追蹤每個病例的感染源頭重點變成個人防護。
楊志良說這時所有大型活動應該停止減少人群聚集。民眾應避免出入公共場所以及人多的地方個人衛生習慣也要加強如勤洗手著重居家清潔、消毒等。
至於民眾外出要不要戴口罩？楊志良認為開闊空間應該不用戴病毒傳染有一定的距離。口罩也是重要的防疫資源且對抗新冠肺炎疫情應該是一段不算短的時間不應輕易浪費還是要斟酌使用。
此外學生進學校量體溫一事楊志良建議在教室門口量就好不要在校門口否則會大排長龍相當不方便。何況校門至教室應該都是開闊空間在教室門口量體溫的效果也一樣。</t>
  </si>
  <si>
    <t>民眾口罩應該感染表示肺炎進入空間門口教室勤洗手風險醫療病例李秉穎加強增加衛生習慣</t>
  </si>
  <si>
    <t>口罩肺炎傳播李秉穎戴口罩</t>
  </si>
  <si>
    <t>肺炎李秉口罩傳播</t>
  </si>
  <si>
    <t>醫院辛勞住宿醫護人員溫泉體恤</t>
  </si>
  <si>
    <t>新冠肺炎疫情逐漸趨緩大千健康醫療體系總裁徐千剛感謝醫護同仁在疫情嚴峻期間全力配合中央政策、堅守醫療第一線讓他十分感動因此購買520張渡假村住宿券及200張溫泉券慰勞大家的辛勞盼疫情早日結束讓醫</t>
  </si>
  <si>
    <t>疫情醫療逐漸購買感動健康十分體系第一線總裁醫護同仁期間嚴峻全力中央堅守徐千剛政策感謝配合早日溫泉辛勞</t>
  </si>
  <si>
    <t>新冠肺炎疫情逐漸趨緩大千健康醫療體系總裁徐千剛感謝醫護同仁在疫情嚴峻期間全力配合中央政策、堅守醫療第一線讓他十分感動因此購買520張渡假村住宿券及200張溫泉券慰勞大家的辛勞盼疫情早日結束讓醫護人員可以和家人一起度假、放鬆享受家庭之樂。
新冠肺炎爆發之際民眾對新冠肺炎疑似或確診病人都避之惟恐不及大千綜合醫院護理師魏思華、吳安福卻自願到專責病房照顧病人。吳安福指出家人一聽到他的決定後都給予滿滿的支持讓他十分感動。魏思華則耐心向擔心她的家人們說明照顧病人的重要性以及完善的防護措施讓家人放心。
大千醫院團隊全力配合政府政策第一線的急診醫護在為疑似個案進行採檢常常穿著防護衣、面罩而滿身大汗他們認為這些汗水是驕傲的印記一點都不覺得辛苦。徐千剛對於疫情期間各單位善盡職責、全心抗疫所有的辛勞和汗水都讓他相當感動感謝同仁守住苗栗健康希望疫情能盡早結束讓辛苦的醫護人員好好休息。</t>
  </si>
  <si>
    <t>疫情病人感動肺炎健康照顧醫護家人汗水辛勞辛苦醫療思華醫院期間徐千剛第一線吳安福感謝同仁十分</t>
  </si>
  <si>
    <t>疫情新冠肺炎感動肺炎新冠</t>
  </si>
  <si>
    <t>疫情肺炎感動</t>
  </si>
  <si>
    <t>總統惠恕仁證實大使訪台</t>
  </si>
  <si>
    <t>帛琉駐台大使歐克麗今天證實帛琉總統惠恕仁（Surangel Whipps Jr）將訪台確切時間則視台帛何時執行旅遊泡泡「可能落於3月底或4月初」。歐克麗（Dilmei L Olkeriil）今天以電子郵件告訴中央社台帛正在協商</t>
  </si>
  <si>
    <t>今天歐克麗中央告訴電子訪台郵件jrwhipps確切時間olkeriil落於月初執行月底旅遊泡泡surangeldilmei惠恕仁可能總統證實</t>
  </si>
  <si>
    <t>今天開始洽談covid-泡泡旅遊訪台雙方旅客惠恕仁歐克麗儘快目前臺灣對於進度討論防疫基本</t>
  </si>
  <si>
    <t>帛琉新冠肺炎惠恕仁旅遊泡泡</t>
  </si>
  <si>
    <t>肺炎惠恕仁旅遊泡泡</t>
  </si>
  <si>
    <t>理賠保單防疫原則</t>
  </si>
  <si>
    <t>新冠肺炎疫情全球爆發已逾一年六大壽險公司陸續擴大對新冠肺炎的理賠範圍共通四大原則一即新冠肺炎不列入健康險除外責任即一律理賠；二是入住負壓隔離病房視同加護病房多有加倍理賠；三是今年的新解釋即</t>
  </si>
  <si>
    <t>理賠肺炎視同隔離病房六大病房壽險爆發公司加倍入住全球陸續一律除外責任擴大健康</t>
  </si>
  <si>
    <t>新冠肺炎疫情全球爆發已逾一年六大壽險公司陸續擴大對新冠肺炎的理賠範圍共通四大原則一即新冠肺炎不列入健康險除外責任即一律理賠；二是入住負壓隔離病房視同加護病房多有加倍理賠；三是今年的新解釋即因醫療量能不足確診後入住檢疫所或防疫旅館亦視同住院；四是因無法住院的門診治療亦給付住院保險金。
但各家還有各自不同的擴大理賠項目如投保醫療險對法定傳染病免30天等待期馬上投保馬上有保障的有國泰人壽、南山人壽與台灣人壽新光人壽是部分保單有註明免等待期。而新冠肺炎可能需要插管治療有特別強調視同氣切手術理賠的有富邦人壽、南山人壽與中國人壽。
國壽則強調若因確診新冠肺炎在大陸或其他海外地區進行治療相關費用收據、診斷書等文件「免認證」以發揮醫療保障功能。
六大壽險公司從去年3月新冠肺炎爆發至今亦已有保戶申請理賠國壽即已理賠染疫保戶約1201萬元其中有三位為不幸染疫身故身故金339萬元另有63位申請醫療險理賠金額共862萬元。且國壽挺醫護若染疫的醫護人員同時是國壽個險保戶即提供5萬元慰問金縱使染疫醫護非保戶亦提供2萬元慰問金。
富邦人壽則表示到5月底其入住負壓隔離病房保戶已累計給付68件共4244萬元插管治療一件共11萬元。確診關懷慰問金累計79名保戶、及七名醫護／防疫人員申請慰問金金額累計734萬元。
台壽則表示已有30件理賠案中壽則有一件給付11萬元。</t>
  </si>
  <si>
    <t>理賠肺炎治療保戶視同確診慰問金醫療人壽入住累計申請醫護擴大等待表示六大</t>
  </si>
  <si>
    <t>治療理賠染疫視同國壽</t>
  </si>
  <si>
    <t>視同理賠國壽治療</t>
  </si>
  <si>
    <t>外交部遣返未經協商不得菲國遣送批評</t>
  </si>
  <si>
    <t>在臺菲籍女看護日前透過臉書批評菲律賓新冠肺炎政策遭菲國駐臺官員警告將送返菲國。外交部今天發表聲明強調我國是主權獨立國家外籍移工在我國享有「國民待遇」包括言論自由各國政府應予尊重也不宜在未經</t>
  </si>
  <si>
    <t>我國菲國透過政府批評菲律賓言論自由包括國民待遇肺炎享有日前政策尊重送返主權外交部強調今天</t>
  </si>
  <si>
    <t>在臺菲籍女看護日前透過臉書批評菲律賓新冠肺炎政策遭菲國駐臺官員警告將送返菲國。外交部今天發表聲明強調我國是主權獨立國家外籍移工在我國享有「國民待遇」包括言論自由各國政府應予尊重也不宜在未經兩個政府協商情形下逕將當事人遣送出境。
一名在雲林工作的菲籍女看護發文批評菲律賓總統杜特蒂的政策遭菲律賓駐臺人員登門警告指稱她可能觸犯台灣與菲律賓的誹謗罪並擬將這名女看護「遣返」回菲律賓引發網路上熱議。
外交部發言人歐江安表示菲國勞動部4月25日聲明指出在台灣的菲籍看護移工在臉書發表批評菲國政府疫情作為失當等言論影片及其支持者盲從雖遭菲國駐臺人員警告但仍繼續發表類似批評因此菲國駐臺勞動官員擬將該名移工送返菲國。
她說外交部特此聲明我國是主權獨立國家外籍移工在我國享有「國民待遇」權益均受相關法令保障其中包括言論自由各國政府應予尊重。本案任何人或機構均無權逕向移工本人、經其雇主或仲介關切施壓也不宜在未經兩個政府協商情形下逕將當事人遣送出境。
根據媒體報導菲國總統府4月26日已否認菲國政府要求將抨擊杜特蒂總統防疫政策的移工遣返回國。歐江安強調本案如果菲方經適當法律程式判定該移工確有違反菲國相關法律情事可循外交途徑向我國政府提出司法互助請求我方可依據相關協定與菲國政府積極協商處理。
菲律賓是我國「新南向政策」重要夥伴國之一菲國在臺灣約有15萬名移工對協助臺灣的經濟發展貢獻卓著。歐江安表示我國願與菲方持續提升雙邊協商機制深化兩國各層面的合作關係。</t>
  </si>
  <si>
    <t>菲國政府我國菲律賓臺灣批評協商相關政策看護外交部發表江安警告聲明法律強調表示</t>
  </si>
  <si>
    <t>菲國移工政府菲律賓看護</t>
  </si>
  <si>
    <t>菲律賓政府菲國看護</t>
  </si>
  <si>
    <t>物件接種資料公費機會胖子</t>
  </si>
  <si>
    <t>中央流行疫情指揮中心開放第九類、第十類的公費接種對象登記打疫苗的意願但有民眾抱怨不知道BMI值大於等於30是否符合第九類的資格對此發言人莊人祥解釋目前定義是民眾在去年1月至今年5月曾被診斷為肥</t>
  </si>
  <si>
    <t>民眾中心開放公費去年接種物件登記定義目前疫苗指揮莊人祥發言人意願解釋對此資格符合是否等於抱怨知道bmi今年</t>
  </si>
  <si>
    <t>中央流行疫情指揮中心開放第九類、第十類的公費接種對象登記打疫苗的意願但有民眾抱怨不知道BMI值大於等於30是否符合第九類的資格對此發言人莊人祥解釋目前定義是民眾在去年1月至今年5月曾被診斷為肥胖症的人才符合資格。
公費疫苗接種預約平臺6日上線第九類、第十類公費接種對象可登記接種疫苗意願其中第九類的定義是「19至64歲具有易導致嚴重疾病之高風險疾病者」包含糖尿病、慢性肝病（含肝硬化）、心血管疾病（不含單純高血壓）、慢性肺病、腎臟疾病及免疫低下等疾病的門、住診紀錄患者及「罕見疾病及重大傷病者」和「BMI≧30者」預估有3875萬人。
一名網友日前在臉書社團《我是中和人》上詢問政府規定的第九類高風險疾病、重大傷病登記之後要有什麼證明嗎？因為家人是個大胖子有三高的問題長期服藥但也沒拿重大傷病卡。
實際查詢「衛福部重大疾病編碼資料」發現罹患三高的患者不一定都算是重大傷病但如果是罹患糖尿病與肥胖症的患者那就列在高風險疾病列表中的E項目裡面。
根據《TVBS》報導一名姜先生透露BMI值大於等於30很少會註記在健保診斷上所以健保局那邊也沒資料打1922專線詢問不是轉給健保署就是網路訊問三方都沒有答案。對此發言人莊人祥表示並沒有規定說BMI值大於30現在的定義是用健保診斷上面的「肥胖症」而且要在過去一年內有就醫紀錄。
根據中央流行疫情指揮中心公佈的「公費疫苗接種對象」第九類為可能增加感染及疾病嚴重風險的人其中資格包含19至64歲具有易導致嚴重疾病的高風險疾病者包括糖尿病、慢性肝病、腎臟病、免疫力低下等疾病有門、急診就醫紀錄者或經醫師評估符合資格者以及罹患罕見疾病與重大傷病的人。</t>
  </si>
  <si>
    <t>疾病重大資格bmi疫苗傷病接種肥胖症定義符合公費高風險患者糖尿病診斷物件民眾資料</t>
  </si>
  <si>
    <t>公費疫苗接種對象台灣新冠肺炎胖子</t>
  </si>
  <si>
    <t>臺灣對象接種肺炎疫苗公費胖子</t>
  </si>
  <si>
    <t>衝擊產業內需謝金河疫情肺炎</t>
  </si>
  <si>
    <t>新型冠狀病毒持續蔓延台灣內需市場因而受到衝擊。財信傳媒董事長謝金河指出他昨天到鼻頭角平常吃飯要預約排隊的餐廳顯得冷清他感嘆表示如果若平常都難訂到位的餐廳都這樣可以想見這次疫情撞擊的內需產業</t>
  </si>
  <si>
    <t>平常餐廳內需臺灣市場受到衝擊想見傳媒董事長謝金河可以指出蔓延昨天頭角排隊表示感歎預約顯得冷清</t>
  </si>
  <si>
    <t>新型冠狀病毒持續蔓延台灣內需市場因而受到衝擊。財信傳媒董事長謝金河指出他昨天到鼻頭角平常吃飯要預約排隊的餐廳顯得冷清他感嘆表示如果若平常都難訂到位的餐廳都這樣可以想見這次疫情撞擊的內需產業到什麼樣的慘況。
謝金河在臉書指出新冠病毒橫掃全球台灣的觀光產業哀嚎不已！他昨天與好友到鼻頭角步道走一圈。他提及每次來到鼻頭角要來海園吃飯都會建議朋友們先行來步道走走走回來再吃飯這條稜谷步道正好從漁港邊出來正好繞行鼻頭角一圈在夕陽西下前景緻更是優美。
「不過今天的海園跟平日的高朋滿座完全不一樣」。謝金河指出他沿著港邊走一回港邊的餐廳都沒有人平常吃飯要預約排隊的海園也顯得冷清除了他們之外只有一桌客人在用餐「如果平常都難訂到位的海園餐廳都這樣可以想見這次疫情撞擊的內需產業到什麼樣的慘況」。他直言這次疫情造成的消費急縮看起來影響內需消費很大！
然而對於中央有意發放振興抵用券高雄六合夜市管委會主委莊其章認為消費券多發一點鼓勵民眾刺激內需可望帶動商機。</t>
  </si>
  <si>
    <t>內需消費海園步道指出平常謝金河餐廳產業吃飯臺灣鼻頭疫情昨天頭角冷清病毒顯得</t>
  </si>
  <si>
    <t>謝金河新冠肺炎武漢肺炎新型冠狀病毒NCP</t>
  </si>
  <si>
    <t>武漢肺炎冠狀ncp謝金河病毒</t>
  </si>
  <si>
    <t>定額徵收比例滿載口罩</t>
  </si>
  <si>
    <t>口罩解禁是否有時程？指揮中心指揮官陳時中表示目前口罩庫存量已達滿水位也正積極尋找倉儲。至於開放時程他表示仍需一定的步驟朝開放之路上首先調整為定額徵收第二是讓戰備庫存量能滿載第三是能夠有力</t>
  </si>
  <si>
    <t>時程表示存量開放口罩指揮戰備徵收定額水位調整路上首先積極中心尋找步驟指揮官一定倉儲至於</t>
  </si>
  <si>
    <t>口罩解禁是否有時程？指揮中心指揮官陳時中表示目前口罩庫存量已達滿水位也正積極尋找倉儲。至於開放時程他表示仍需一定的步驟朝開放之路上首先調整為定額徵收第二是讓戰備庫存量能滿載第三是能夠有力量援助其他國家這幾個方向不變。
定額徵收或要如何及早發展外銷和內銷的通路？陳時中表示經濟部正在與口罩國家隊洽談定額要如何照比例徵收等正在研議相信口罩要外銷很快會啟動。他也強調口罩開放後未來政府仍有責任對於各防疫戰備物資徵收儲存並持續朝國產國用努力。</t>
  </si>
  <si>
    <t>口罩徵收表示定額開放時程戰備外銷存量陳時中物資防疫援助力量責任國家對於能夠方向指揮儲存</t>
  </si>
  <si>
    <t>徵收定額口罩滿載研議</t>
  </si>
  <si>
    <t>研議定額口罩徵收滿載</t>
  </si>
  <si>
    <t>球員害怕拒絕復工mlb</t>
  </si>
  <si>
    <t>大聯盟與球員工會達成共識計畫在7月初美國國慶日復賽目前的方案是每位球員量體溫、每週多次PCR檢測、有症狀者立刻隔離。但是也有球員覺得風險太高聯盟表示不願意回來的球員可以選擇繼續放無薪假。總裁曼佛雷德</t>
  </si>
  <si>
    <t>球員聯盟繼續總裁選擇可以月初美國達成國慶計畫複賽共識症狀目前回來方案願意檢測pcr體溫</t>
  </si>
  <si>
    <t>大聯盟與球員工會達成共識計畫在7月初美國國慶日復賽目前的方案是每位球員量體溫、每週多次PCR檢測、有症狀者立刻隔離。但是也有球員覺得風險太高聯盟表示不願意回來的球員可以選擇繼續放無薪假。
總裁曼佛雷德(Rob Manfred)說：「如果有球員因健康問題或對防疫有疑慮我們絕不會強迫他們復工。」
如果有人染病怎麼辦？全隊都因此隔離就沒辦法打球了。曼佛雷德說：「專家建議我們不必建立14天隔離規定任何被驗出染病的球員將被單獨隔離其他球員照常比賽染病者持續隔離到兩次採檢陰性就可歸隊。」
大聯盟與球員工會同意不強迫復工但仍希望「絕大部分球員都能回來」不願意的當然也就沒有薪水。身價很高的費城人哈波(Bryce Harper)與幾位球員公開反對減薪最後看他們是否會屈服於同儕壓力。</t>
  </si>
  <si>
    <t>球員隔離染病聯盟復工強迫雷德回來願意工會是否最後反對國慶美國</t>
  </si>
  <si>
    <t>MLB大聯盟總裁停賽復賽</t>
  </si>
  <si>
    <t>停賽聯盟總裁複賽mlb</t>
  </si>
  <si>
    <t>病例確診輸入境外北京</t>
  </si>
  <si>
    <t>境外病例確診大陸公佈當天北京最新值得注意增加持續資料肺炎疫情中心輸入爆發新增武漢</t>
  </si>
  <si>
    <t>病例境外北京輸入大陸新增表示確診增加疫情明顯增長北京市疾控中心目前尤其龐星火中轉旅客當天</t>
  </si>
  <si>
    <t>增長輸入北京日新增確診病例</t>
  </si>
  <si>
    <t>北京新增輸入確診增長病例</t>
  </si>
  <si>
    <t>康西疫苗賽跑全球who</t>
  </si>
  <si>
    <t>據界衛生組織(WHO)公佈的資料目前全世界共有70種新冠病毒疫苗正在研發之中其中3種已經開始進行臨床試驗其中2家為美國莫德納(Moderna)製藥公司與伊諾維(Inovio)製藥公司另1家則為大陸解放軍事科學院軍事醫學</t>
  </si>
  <si>
    <t>公司製藥資料目前全世界共有moderna莫德納病毒疫苗美國試驗臨床研發進行之中已經開始公佈大陸who解放inovio伊諾維衛生組織軍事科學院</t>
  </si>
  <si>
    <t>據界衛生組織(WHO)公佈的資料目前全世界共有70種新冠病毒疫苗正在研發之中其中3種已經開始進行臨床試驗其中2家為美國莫德納(Moderna)製藥公司與伊諾維(Inovio)製藥公司另1家則為大陸解放軍事科學院軍事醫學研究院與康西諾公司合作研發。目前進度最快的是大陸康西諾公司已於上周進入第2階段臨床實驗。
據陸媒報導大陸康西諾公司與解放軍軍事科學院軍事醫學研究院生物工程研究所合作研發的新冠疫苗屬於腺病毒載體疫苗從上個月開始的第1期臨床試驗已結束目前目正啟動第2期試驗。預計第2期臨床試驗規模更大試驗時間6個月。
此外上周美國食品藥品監督管理局(FDA)亦宣佈受理伊諾維公司提出的新冠病毒疫苗臨床試驗申請此型疫苗是DNA疫苗首批試驗結果預計於今年夏末公佈爭取2020年底實現量產。
報導說莫德納公司也是在3月獲得了美國食品藥品監管部門批准跳過了常規疫苗開發需要進行的多年動物實驗階段快速進行人體臨床試驗。
WHO公佈的檔案還指出美國大型製藥公司輝瑞(Pfizer)製藥和法國製藥公司賽諾菲(Sanofi)合作開發的疫苗也加速進行目前已經進入了人體臨床試驗之前的階段。
醫學與傳染病專家都表示疫苗是控制新冠病毒的最有效方法現在世界上很多大大小小的製藥公司都開始了疫苗的研發。業界希望疫苗能於明年上市但專家認為最快也大約需要18個月左右。</t>
  </si>
  <si>
    <t>疫苗公司試驗臨床目前製藥研發公佈進行美國階段開始大陸病毒康西上周進入報導專家莫德納預計</t>
  </si>
  <si>
    <t>WHO新冠肺炎武漢肺炎新型冠狀病毒COVID-19</t>
  </si>
  <si>
    <t>武漢肺炎冠狀病毒whocovid-</t>
  </si>
  <si>
    <t>業者美語改變勇於業績</t>
  </si>
  <si>
    <t>經營兒童美語教材出版30餘載的高雄大學校友李宗銘靠著獨特的生意眼光在SARA期間闖出一片天這波新冠肺炎疫情他也透過「送課」幫助同行與留住學生讓遠距教學產業不受影響。獲選國立高雄大學第4屆傑出校友的李</t>
  </si>
  <si>
    <t>高雄大學校友出版疫情透過肺炎幫助同行留住學生期間sara教學眼光生意影響產業</t>
  </si>
  <si>
    <t>經營兒童美語教材出版30餘載的高雄大學校友李宗銘靠著獨特的生意眼光在SARA期間闖出一片天這波新冠肺炎疫情他也透過「送課」幫助同行與留住學生讓遠距教學產業不受影響。
獲選國立高雄大學第4屆傑出校友的李宗銘說「需求即商機」激發他1987年創立「美樂蒂文教科技興業股份有限公司」歷年下來進口、改編、自編各種兒美教材出版品打出市場口碑。
李宗銘說公司開發遠距教學已超過10餘年源自2003年SARS疫情波及台灣提供國小學童線上學習資源後來將此經驗技術帶往大陸發展雖然經歷過許多風風雨雨但也成就今日的美樂蒂。
李宗銘於2008年陷入經營瓶頸當時覺得：「景氣愈來愈差多做不會多賺。」因此報考高雄大學高階經營管理碩士在職專班（EMBA）。
經過課堂洗禮李宗銘對做生意有了不同的見解來自不同產業的同窗不吝分享都為他公司數位化轉型添加動能他認為做生意很難得自我突破除按部就班之外「腳墊高點、手伸長些就摸到了！」
去年新冠肺炎席捲全球也影響李宗銘在大陸的生意財務吃緊瀕臨倒閉邊緣。後來他與幹部開會決議推出「送課」方案意即美樂蒂供給客戶（加盟補習班）遠距教學課程盼留住學員。
李宗銘回想當時決策考量他分析「送課」並不容易除諸多成本得由總公司吸收外但也能體現平時練兵成果也為加盟夥伴送暖補血成就共好。</t>
  </si>
  <si>
    <t>生意李宗銘樂蒂教學宗銘經營大學高雄後來疫情加盟公司大陸影響產業出版當時成就教材</t>
  </si>
  <si>
    <t>大陸高雄大學肺炎生意美樂蒂</t>
  </si>
  <si>
    <t>肺炎生意大學高雄樂蒂大陸</t>
  </si>
  <si>
    <t>病例華盛頓州做好防疫肺炎</t>
  </si>
  <si>
    <t>美國華盛頓州州長英斯利（Jay Inslee）今天表示除非拿出「實際作為」否則州內武漢肺炎病例可能在8週內增加到6萬4000人這讓他考慮採取強制性措施。華盛頓州的2019年冠狀病毒疾病（COVID-19俗稱武漢肺炎）確診</t>
  </si>
  <si>
    <t>華盛頓州武漢肺炎insleejay今天表示covid-拿出冠狀病毒實際措施採取考慮疾病作為增加英斯俗稱可能病例州長</t>
  </si>
  <si>
    <t>美國華盛頓州州長英斯利（Jay Inslee）今天表示除非拿出「實際作為」否則州內武漢肺炎病例可能在8週內增加到6萬4000人這讓他考慮採取強制性措施。
華盛頓州的2019年冠狀病毒疾病（COVID-19俗稱武漢肺炎）確診病例從105例增至今天的267例有24人喪生病例大多在大西雅圖地區。
英斯利表示流行病學家警告州內實際病例可能多達500到2000件鑒於這個疾病具高度傳染力病例可能每5到8天就翻倍。
英斯利說：「不論今天是500例還是1500例或2000例都會在很短時間內變成一個很大的數字。」
當記者問到州政府是否會採取強制性措施例如全州或重災區採取學校停課措施英斯利表示他預料「很快」就會發布相關消息。
他說：「停止任何社會活動都會對民眾日常生活造成巨大影響有必要考量是否有辦法加以減低或緩解。」
英斯利說：「假如我們沒辦法減緩疫情蔓延的速度今天若有1000人感染華盛頓州7到8週內就會有6萬4000人染病下一週可能變成12萬人再隔一週又會再成長為25萬人。」
英斯利簡報結束後有報導說華盛頓州有可能封鎖全州；但發言人針對記者提問時表示州長並沒有這麼說。
根據馬裡蘭州約翰霍普金斯大學（Johns Hopkins University）管理的統計數字武漢肺炎病毒在美國造成至少28人喪生1025人感染。
西雅圖雖為重災區當地學校卻大多仍未停課引發批評聲浪。
英斯利上個月已於華盛頓州通報首起武漢肺炎病毒死亡病例後宣佈進入緊急狀態。</t>
  </si>
  <si>
    <t>英斯病例華盛頓州可能表示武漢肺炎今天病毒措施採取記者疾病大多辦法是否造成全州</t>
  </si>
  <si>
    <t>病例華盛頓州華盛頓武漢肺炎武漢</t>
  </si>
  <si>
    <t>肺炎華盛頓病例武漢華盛頓州</t>
  </si>
  <si>
    <t>呼籲移民署防疫投案禮遇</t>
  </si>
  <si>
    <t>新冠肺炎疫情持續19日傳出1名發燒的印尼失聯移工在就診時落跑雖然後遭警方逮捕但已引發社會虛驚更有人直指這些逾期、失聯的移工就是防疫的大破口移民署20日推出「擴大自行到案20」鼓勵外來人口主動</t>
  </si>
  <si>
    <t>自行擴大持續推出傳出移民署引發逮捕到案社會警方虛驚大破發燒防疫印尼疫情</t>
  </si>
  <si>
    <t>新冠肺炎疫情持續19日傳出1名發燒的印尼失聯移工在就診時落跑雖然後遭警方逮捕但已引發社會虛驚更有人直指這些逾期、失聯的移工就是防疫的大破口移民署20日推出「擴大自行到案20」鼓勵外來人口主動投案3大優惠措施為「不收容、不管制、低罰鍰」希望失聯、在逃的移工可以儘快出面並在專案安排下返回自己國家。
移民署副署長鍾景琨指出肺炎疫情蔓延全球而國內第32例失聯移工確診後「失聯移工是否成為防疫缺口？引起廣泛討論。為配合我國防疫政策移民署即日起推動「擴大自行到案專案」專案實施期間為期3個月自2019年4月1日起至6月30日止宣導期間（3月20日至3月31日）也可以適用專案減免處罰。
移民署指出3大措施為「不收容、不管制、低罰鍰」鼓勵逾期外來人口及失聯移工主動投案由移民署協助他們儘快返回母國。專案期間自行到案者除免予收容外還免除禁止入國或不予許可期間處法定最低額度逾期罰鍰新臺幣2000元。
而專案結束後移民署將推動完成入出國及移民法修法作業參照其他先進國家作法加重逾期的相關罰則。此外俟疫情和緩後也會加強查緝力道推動全國大掃蕩勤務。
移民署表示防疫期間將加強外來人口的衛教宣導工作透過移民輔導、臨櫃受理、網路社群等各種多元管道另增設防護隔離設備保護執勤同仁安全。移民署呼籲逾期停（居）留外來人口能夠在專案期間主動投案儘早返家。相關專案資訊可撥打移民署「0800-024-881」專線或勞動部「1955」專線洽詢。</t>
  </si>
  <si>
    <t>移民署專案期間逾期外來人口防疫推動疫情投案主動到案自行國家加強收容相關指出儘快鼓勵返回肺炎</t>
  </si>
  <si>
    <t>失聯移工移民署主動投案新冠肺炎出入國及移民法移民</t>
  </si>
  <si>
    <t>肺炎移民署主動投案出入國及移民法移民</t>
  </si>
  <si>
    <t>本土肺炎確診東北京冀重災區新增</t>
  </si>
  <si>
    <t>大陸國家衛健委19日公佈18日大陸共新增新冠肺炎確診118例數量較上一日小幅增長且106例為本土案例主要分佈在東北、京冀地區。本土病例中吉林43例、河北35例、黑龍江27例、北京1例總計破百例較上一日的93</t>
  </si>
  <si>
    <t>本土大陸病例新增地區肺炎案例確診數量增長小幅公佈吉林京冀東北分佈河北總計破百國家衛健</t>
  </si>
  <si>
    <t>大陸國家衛健委19日公佈18日大陸共新增新冠肺炎確診118例數量較上一日小幅增長且106例為本土案例主要分佈在東北、京冀地區。
本土病例中吉林43例、河北35例、黑龍江27例、北京1例總計破百例較上一日的93例小幅增加。境外移入病例數量18日新增12例其中上海4例、浙江3例、廣東3例、山西1例、陝西1例。
河北省35例均位於石家莊市且有多名兒童確診。而黑龍江省27例確診中有23例在綏化市望奎縣望奎縣19日發布公告要求全縣居民一律禁止離開家門暫定一周。吉林方面通化市自18日23時起將通化市東昌區全域調整為中風險地區。</t>
  </si>
  <si>
    <t>吉林確診病例新增數量本土小幅通化市地區大陸一律禁止居民石家莊市離開全縣家門暫定全域東昌區方面望奎縣</t>
  </si>
  <si>
    <t>全域望奎東北京冀地區</t>
  </si>
  <si>
    <t>東北京冀全域望奎地區</t>
  </si>
  <si>
    <t>社區防疫指引協助整備</t>
  </si>
  <si>
    <t>因應全球新冠肺炎疫情為協助社區做好防疫及維護管理台中市政府特別針對防疫期間社區防疫整備、如何進行區分所有權人會議等議題製作好讀易懂的指引懶人包協助社區持續管理組織運作。都發局指出依公寓大廈管</t>
  </si>
  <si>
    <t>社區協助管理防疫指出都發局肺炎運作疫情組織持續做好製作議題會議易懂指引所有權進行區分公寓好讀台中市政府期間維護</t>
  </si>
  <si>
    <t>因應全球新冠肺炎疫情為協助社區做好防疫及維護管理台中市政府特別針對防疫期間社區防疫整備、如何進行區分所有權人會議等議題製作好讀易懂的指引懶人包協助社區持續管理組織運作。
都發局指出依公寓大廈管理條例規定各社區每年至少應召開1次定期的區分所有權人會議社區若因應疫情延期召開雖內政部函示得暫不處罰等疫情趨緩後仍應於本年底前擇期召開。
但許多社區面臨管委會任期將至擔心委員解任後社區僅推舉1位召集人作管理負責人恐有事權集中、與社區長久的委員會合意制度有所差距的疑慮。
都發局表示為利防疫期間社區召開區分所有權人會議需求都發局特別製作區權會召開指引用4招輕鬆解決分別是區權會配合防疫變更開會進行方式工作與財務報告提供區權人書審；社區「分棟分區」分處報到、以投票方式決議與選任委員；計票過程配戴口罩、手套會議結束須全面消毒；逾管委會任期區權人可互推1人為召集人再依前3招快速、避免群聚討論的方式召開區權會議協助社區組織運作順暢。
住宅處強調針對防疫期間社區維護管理措施有關管理服務人員、社區住戶等不同對象市府也以簡單易懂的方式製作成社區整備指引並提供社區自主檢核表、訪客登記表文件供防疫期間有需求的社區管理運用。懶人包請上網站 https：／／thdtaichunggovtw／2154346／post 查詢。</t>
  </si>
  <si>
    <t>社區召開防疫區權管理方式會議期間疫情協助指引製作委員管委會任期召集人所有權需求易懂提供</t>
  </si>
  <si>
    <t>新冠肺炎住宅處管委會防疫指引</t>
  </si>
  <si>
    <t>住宅管委會肺炎防疫指引</t>
  </si>
  <si>
    <t>症狀典型加強</t>
  </si>
  <si>
    <t>此次確診感染新冠肺炎的澳洲音樂家入境台灣後出現咳嗽、流鼻水、鼻塞症狀因非典型新冠肺炎症狀被診斷為類流感錯失及時確診的機會。新冠肺炎的3大症狀為發燒、咳嗽及倦怠國內45名確診者中約有8人屬於不典</t>
  </si>
  <si>
    <t>肺炎確診症狀咳嗽國內出現倦怠臺灣澳洲入境音樂家發燒及時機會錯失流感診斷屬於</t>
  </si>
  <si>
    <t>此次確診感染新冠肺炎的澳洲音樂家入境台灣後出現咳嗽、流鼻水、鼻塞症狀因非典型新冠肺炎症狀被診斷為類流感錯失及時確診的機會。新冠肺炎的3大症狀為發燒、咳嗽及倦怠國內45名確診者中約有8人屬於不典型症狀。中央流行疫情指揮中心表示新冠肺炎相當詭譎會提醒醫師特別注意。
這名澳洲音樂家雖然在台期間曾至診所就醫卻因診所看不到旅遊史加上他的症狀只有咳嗽、鼻塞、流鼻水醫師診斷為類流感未安排採檢。
專家指出新冠病毒特別不穩定在複製的過程會產生變異因此可能產生各種症狀。根據瞭解國內確診新冠肺炎的45人中有7人出現流鼻水症狀、1人出現腸胃症狀都不屬於咳嗽、發燒、倦怠3大症狀。
至於出現流鼻水症狀的7名確診病例分別是國內第2名本土病例案9、曾赴澳門的案16、引發家庭群聚的案27、院內群聚感染的清潔工及護理人員（案35至38）。而出現腸胃症狀的則是日前確診、曾赴菲律賓的北部男子（案44）。
中央流行疫情指揮中心監測應變官莊人祥表示疫情越來越詭譎面對這類不典型症狀的患者民眾和醫師都要特別小心。指揮中心先前已擴大社區篩檢系統面對有旅遊史、出現症狀的民眾醫師若懷疑有感染可能都可安排採檢。此次澳洲音樂家是醫界的一項教訓指揮中心先前已發函允許醫師採檢將進一步提醒醫界留意不典型症狀者。</t>
  </si>
  <si>
    <t>症狀醫師確診出現肺炎中心指揮典型音樂家澳洲咳嗽國內感染疫情特別面對曾赴提醒詭譎</t>
  </si>
  <si>
    <t>典型症狀採檢音樂家肺炎流鼻水</t>
  </si>
  <si>
    <t>音樂家肺炎症狀典型</t>
  </si>
  <si>
    <t>攪局疫情世勳一家之主導演回應新片</t>
  </si>
  <si>
    <t>寇世勳電影新作《一家之主》原訂將在下月11日登上大銀幕不過近來台灣疫情險峻更有近一半戲院也暫時關閉中於是該片宣佈延後檔期新的上映日則待疫情和緩後商討公佈。寇世勳對此表示：「做為一個演員我完全尊</t>
  </si>
  <si>
    <t>疫情寇世勳公佈原訂商討下月和緩暫時關閉戲院宣佈延後近來險峻臺灣表示</t>
  </si>
  <si>
    <t>寇世勳電影新作《一家之主》原訂將在下月11日登上大銀幕不過近來台灣疫情險峻更有近一半戲院也暫時關閉中於是該片宣佈延後檔期新的上映日則待疫情和緩後商討公佈。寇世勳對此表示：「做為一個演員我完全尊重製片方（投資方）對於上片檔期的決定；更何況現在是『非常時期』完全可以理解我也支持。只希望疫情可以得到控制讓一切盡快恢復正常。」
導演王希捷首部執導劇情長片上映之路一波三折不過她也表示全力配合防疫「現在沒有比配合防疫政策和民眾的健康安全更重要的事電影本應撫慰人心與反映社會《一家之主》還會有更適合出現、來撫慰觀眾的時機。我也相信危機就是轉機在這個轉機中我們多了一個沉澱的機會可以做更多準備。希望與大家一起在非常時期保持正念。祝願一切平安靜待疫情過後與各位在電影院相會。」</t>
  </si>
  <si>
    <t>疫情可以撫慰上映表示完全一家之主非常時期希望現在電影寇世勳防疫配合導演正常希捷執導儘快恢復平安</t>
  </si>
  <si>
    <t>寇世勳一家之主新冠肺炎台灣</t>
  </si>
  <si>
    <t>一家之主肺炎寇世勳臺灣</t>
  </si>
  <si>
    <t>不明枋寮醫院縣府感染夫妻果農</t>
  </si>
  <si>
    <t>屏東Delta病毒群眾案中枋寮果農夫妻的感染途徑雖現曙光但感染源仍未明為此屏縣府針對到過枋寮醫院的民眾擴大篩檢但至今仍有942人未篩當中最關鍵的6月16日也還有17人沒篩屏東縣長潘孟安呼籲民眾快去篩</t>
  </si>
  <si>
    <t>枋寮民眾感染夫妻果農仍未群眾為此縣府潘孟安呼籲縣長關鍵擴大當中</t>
  </si>
  <si>
    <t>屏東Delta病毒群眾案中枋寮果農夫妻的感染途徑雖現曙光但感染源仍未明為此屏縣府針對到過枋寮醫院的民眾擴大篩檢但至今仍有942人未篩當中最關鍵的6月16日也還有17人沒篩屏東縣長潘孟安呼籲民眾快去篩。
枋寮確診果農夫妻足跡單純而因多次出入枋寮醫院、加上6月16日與枋山確診阿嬤在同一時間處同一候診區因此屏縣府將枋寮醫院列為高風險區分別在枋寮國小、東海國小、建興國小開設篩檢站除提供枋寮、春日鄉民篩檢外更針對14日後到過枋寮醫院的民眾篩檢。
而3篩檢站的任務於日前結束後屏縣府接續在枋寮醫院、恆春南門醫院、潮州茂隆骨科、屏東市國仁醫院設篩檢站但截至5日止屏縣府發現總共僅採檢3478人還有942人未篩當中屏東縣占909人、外縣市占33人而最關鍵的6月16日還有17人未篩檢。
「未篩檢的快去篩！」對此屏東縣長潘孟安喊話要圍堵社區感染一圈又一圈的擴大篩檢很重要請民眾務必要配合政策針對6月16日未篩檢的17人縣府已要求枋寮醫院限期內完成同時也請衛政、警政單位協助透過衛生局的資料逐一致電通知篩檢。</t>
  </si>
  <si>
    <t>枋寮醫院縣府民眾感染確診果農擴大夫妻潘孟安縣長關鍵當中</t>
  </si>
  <si>
    <t>枋寮醫院感染源果農夫妻Delta篩檢</t>
  </si>
  <si>
    <t>果農夫妻delta感染醫院枋寮</t>
  </si>
  <si>
    <t>慘遭口水電梯老伯少男地上</t>
  </si>
  <si>
    <t>新冠肺炎疫情全球持續升溫英國甚至傳出變種病毒疫情期間就曾發生過白目民眾朝無辜的人亂吐口水導致對方罹患肺炎病死這次美國一名年輕人在電梯內對一名老伯吐口水結果下一秒被拖出電梯爆打監視影片曝光</t>
  </si>
  <si>
    <t>電梯疫情口水肺炎全球持續英國甚至傳出變種病毒升溫期間白目發生民眾無辜美國結果</t>
  </si>
  <si>
    <t>新冠肺炎疫情全球持續升溫英國甚至傳出變種病毒疫情期間就曾發生過白目民眾朝無辜的人亂吐口水導致對方罹患肺炎病死這次美國一名年輕人在電梯內對一名老伯吐口水結果下一秒被拖出電梯爆打監視影片曝光後網友大讚「實在太爽了」！
網路瘋傳的這段監視器影片狹小電梯裡有3名乘客電梯門正要關起來時一名金髮年輕人衝進來老伯要求他搭下一班以減少密閉空間裡的人數但年輕人不甩老伯強硬進到電梯接著脫下口罩朝老伯吐口水。
電梯門打開前老伯先將手裡的小推車給一旁妻子接著門打開後老伯一把抓住年輕人朝電梯爆揍一頓年輕人試圖還手但馬上就被老伯拖出電梯壓制在地上電梯門即將關閉前老伯拉著妻子成功搭乘被爆打的年輕人不死心還想進來結果被老伯推出去。
帥氣老伯教訓白目年輕人的影片讓網友直呼痛快稱讚老伯「好功夫」、「老伯威武」、「一秒KO年輕人」、「打太輕了啦」、「妻子很淡定應該是知道老公真功夫」、「看了有夠爽」、「年輕人終究是年輕人」。</t>
  </si>
  <si>
    <t>老伯年輕人電梯妻子影片疫情白目肺炎功夫口水網友結果打開全球</t>
  </si>
  <si>
    <t>新冠肺炎疫情電梯吐口水病毒</t>
  </si>
  <si>
    <t>電梯疫情肺炎口水病毒</t>
  </si>
  <si>
    <t>救命浸潤肺部奏效開心確診基隆</t>
  </si>
  <si>
    <t>基隆一名年約63歲陳姓男子5月底確診住進基隆長庚醫院治療醫師照X光檢查發現其血氧濃度不到90％、肺部浸潤嚴重情況相當危急立即給予高流量鼻導管氧氣機治療目前大幅改善男子開心的在病房比讚感謝醫護人</t>
  </si>
  <si>
    <t>治療男子基隆病房開心改善浸潤肺部嚴重情況確診相當危急濃度立即大幅給予流量發現檢查目前</t>
  </si>
  <si>
    <t>基隆一名年約63歲陳姓男子5月底確診住進基隆長庚醫院治療醫師照X光檢查發現其血氧濃度不到90％、肺部浸潤嚴重情況相當危急立即給予高流量鼻導管氧氣機治療目前大幅改善男子開心的在病房比讚感謝醫護人員。
陳男5月底出現全身無力、呼吸喘等不適症狀立即前往基隆長庚醫院掛號診察篩檢確診當時男子缺氧嚴重血氧濃度不到90％、肺部浸潤嚴重入住加護病房院方趕緊給予高流量鼻導管氧氣機治療維持血氧濃度情況一度危急。
所幸陳男意志堅強始終不放棄在醫護人員不斷鼓勵下歷經一個月的治療逐漸戰勝病毒6月28日由加護病房轉到普通病房醫師透過X光檢查發現陳男肺部浸潤狀況已大幅改善原本必須給予給予90％氧氣才能維其體內血氧濃度目前只要給予40％氧氣就能維持運作。
陳男漸漸恢復健康臉上再現笑容在病房開心的和醫護人員一起比讚他表示很感謝醫療團隊的努力一直守護著民眾的健康也感謝巿府積極防疫在雙北疫情夾擠下未讓疫情擴大並守住醫療量能相信再診療一段時間就能康復出院恢復正常生活。
基隆長庚醫院長賴旗俊指出目前院內總計有10台高流量鼻導管氧氣機包括5月疫情尚未暴發前自行購買的4台日前又獲捐贈2台、政府配置4台未來重症病人有需求時會立即給予使用即時搶回寶貴的生命也能超前部署他強調目前醫療量能無虞請民眾放心也呼籲做好防疫措施不必恐慌相信大家很快能戰勝這場疫情。</t>
  </si>
  <si>
    <t>給予目前病房治療疫情基隆立即感謝氧氣醫療長庚醫院醫護人員男子濃度嚴重浸潤防疫民眾肺部相信月底確診</t>
  </si>
  <si>
    <t>新冠肺炎台灣給予肺部浸潤治療</t>
  </si>
  <si>
    <t>給予臺灣肺炎肺部浸潤治療</t>
  </si>
  <si>
    <t>校園全面場地解封北市</t>
  </si>
  <si>
    <t>新冠肺炎趨緩北市市立高中職及國中平日及假日之室內、外校園場地自6月20日（週六）起全面恢復正常開放供一般民眾運動及租借使用但仍應符合防疫新生活規定若有本土確診案例將視情況調整開放範圍。且為因</t>
  </si>
  <si>
    <t>開放北市高中職案例國中平日確診假日室內本土校園規定場地生活週六防疫符合使用租借全面</t>
  </si>
  <si>
    <t>新冠肺炎趨緩北市市立高中職及國中平日及假日之室內、外校園場地自6月20日（週六）起全面恢復正常開放供一般民眾運動及租借使用但仍應符合防疫新生活規定若有本土確診案例將視情況調整開放範圍。且為因應境外生及109學年度秋季入學新生北市觀傳局表示已超前部署接洽多間旅館預計將來可以各種價位、提供近千間房源讓境外生放心返台。
北市副市長黃珊珊指出從6月20日後就是全面性的開放包括早上的晨間運動及下課後的晚間運動假日則是全面開放但為保險起見相關措施如實名制、量測體溫、不共餐、加強消毒等措施仍會實施。
針對開放時間教育局長曾燦金指出平日上課日的開放時段為上午5點至7點、下午開放時段為下午5點半至7點半至於例假日開放時段為上午5點至晚間9點半。若學校寒暑假有課輔課程則會比照一般的上課時段開放。
此外北市昨原要宣佈敬老卡加碼方案卻臨時喊卡對此黃珊珊表示避免北市出現加碼之亂目前要先解決資料比對與人員訓練完成之後再公佈並且考慮讓大家上網登入或開設據點幫忙長者靠卡完成最快本周全公佈。
根據統計目前仍有2萬6000名境外生未能返台就學加上預計入學新生預估1萬6000人總數已達4萬2000人。觀傳局局長劉奕霆表示由於境外學生數量眾多市府已主動和數間大型旅館聯繫現也另有14間旅館已提出防疫旅館申請預計審查通過後可新增890間房的居家檢疫量能。</t>
  </si>
  <si>
    <t>開放北市境外預計表示全面旅館運動時段完成平日目前公佈假日措施指出防疫黃珊珊晚間</t>
  </si>
  <si>
    <t>間房境外生開放時段點半旅館</t>
  </si>
  <si>
    <t>境外開放時段旅館</t>
  </si>
  <si>
    <t>二月助攻引擎</t>
  </si>
  <si>
    <t>創源生技（4160）去年擴展基因檢測範疇帶動業績再創歷年新高2019年整體營收較前一年成長13％而在新冠肺炎（COVID-19）衝擊之下仍不畏威脅、逆勢增長2020年1-2月營收又較去年同期成長11％表現亮眼。執行</t>
  </si>
  <si>
    <t>擴展基因檢測範疇帶動業績去年再創歷年之下衝擊不畏covid-新高肺炎威脅整體逆勢增長去年同期</t>
  </si>
  <si>
    <t>創源生技（4160）去年擴展基因檢測範疇帶動業績再創歷年新高2019年整體營收較前一年成長13％而在新冠肺炎（COVID-19）衝擊之下仍不畏威脅、逆勢增長2020年1-2月營收又較去年同期成長11％表現亮眼。執行長蔡政憲博士表示成長動能源自於兩主要原因其一基因檢測從流感易感性單項擴大為流感綜合評估3大檢測內容隨著疫情發展健康意識飆升該項創舉引起市場高度共鳴；其二化學、生物資訊團隊長期以來提供客戶研發動能在疫情爆發第一時間即時提出多項幫助COVID-19新藥開發主題獲國家級研究單位與醫學中心重用；創源從預防醫學、藥物研發到細胞治療針對疫情提供整合性多元解決方案後勁發展備受矚目。
2019年創源初步導入流感易感性檢測項目作為基因檢測發展主要目標之一在疫情爆發後更立即擴張檢測範圍納入民眾深度關切的3大流感綜合評估內容包含流感病毒感染力、免疫反應與疫苗效力該項策略受到醫界大力支持並獲得市場廣大回響；此外因應未來病毒威脅常態化創源在醫界專家指導下進一步投入5年流感與呼吸道病毒感染疾病研究計畫持續擴增疾病感染防護能量涵蓋從呼吸道病毒感染預防到病程管理服務從核心落實防疫措施將大幅提升民眾防禦力。
另一方面透過提供科學資訊平臺創源在第一時間站上防疫前線不僅幫助研究新型冠狀病毒（SARS-CoV-2）對肺部組織感染途徑與傷害以及入侵人體的主要受體－ACE2於各組織之基因表現判讀；同時供應多種主題藥物應用開發平臺如AI藥物合成設計路徑分析、老藥新用和中草藥抗病毒篩選、流感病毒新藥篩選等藉由賦能平臺加快國內藥物研究速度甚至偕同國家級研究單位元進行病毒新藥應用研發輔助財團法人、醫學和研究單位共同深度對抗新冠病毒後續發展不容小覷。
此外創源於2018年積極開創遠距服務系統2019年將數位轉型列為企業主要經營計畫之一成立數位發展專業團隊策略性的升級服務平臺規劃從採檢到報告查詢全程數位元化適逢疫情所需數位轉型再度受到醫療院所和保健單位響應支持未來將進一步開發資訊串接整合產業鏈資源策劃集團一站式服務平臺為消費者建立完善的遠端醫療保健網絡預計帶動整體服務銷量再創新高。</t>
  </si>
  <si>
    <t>病毒發展流感研究檢測疫情創源基因藥物單位服務資訊提供平臺數位開發研發新藥帶動服務平臺組織表現感染整體市場威脅策略</t>
  </si>
  <si>
    <t>成長新藥病毒創源研究</t>
  </si>
  <si>
    <t>新藥病毒研究創源成長</t>
  </si>
  <si>
    <t>南科移端午陽性pcr轉陰</t>
  </si>
  <si>
    <t>南科管理局9日在台南、高雄園區啟動快篩站台南園區快篩站13日上午篩檢群創光電524名外籍移工其中1人呈陽性反應現場支援醫院立即進行PCR採檢所幸PCR檢測後轉陰性虛驚一場。台南市政府衛生局表示今天台南</t>
  </si>
  <si>
    <t>台南pcr虛驚一場陰性高雄檢測園區現場陽性反應醫院支援進行立即外籍光電市政府所幸</t>
  </si>
  <si>
    <t>南科管理局9日在台南、高雄園區啟動快篩站台南園區快篩站13日上午篩檢群創光電524名外籍移工其中1人呈陽性反應現場支援醫院立即進行PCR採檢所幸PCR檢測後轉陰性虛驚一場。
台南市政府衛生局表示今天台南園區快篩站有一名移工快篩採陽性現場立即進行PCR採檢後續專車送至預先規畫1人1室隔離的場所安置所幸經PCR檢測後為陰性。
南科台南園區快篩站自啟用至昨日止累計已完成3916人快篩；9、10日2天安排1765人快篩其中7人快篩陽性、PCR全轉陰性；11、12日2天總計2151人全採陰性。
南科管理局副局長鄭秀絨表示今天上午已快篩524人下午預計會再採504人。</t>
  </si>
  <si>
    <t>pcr陰性台南園區表示管理局現場所幸檢測陽性進行立即預先送至</t>
  </si>
  <si>
    <t>新冠肺炎台灣PCR快篩台南園區</t>
  </si>
  <si>
    <t>pcr臺灣肺炎台南園區</t>
  </si>
  <si>
    <t>因素黃金可望漲漲金價</t>
  </si>
  <si>
    <t>一些國家的新冠肺炎疫情出現反覆加劇了市場對全球經濟持續下行的擔憂國際黃金現貨價格已漲翻天。7月8日國際金價攀升至181802美元/盎司創下2011年9月以來的新高。荷蘭國際集團駐新加坡大宗商品戰略主管派特森</t>
  </si>
  <si>
    <t>國際新加坡疫情集團出現加劇市場全球荷蘭經濟持續下行擔憂創下黃金現貨攀升價格翻天金價商品肺炎以來</t>
  </si>
  <si>
    <t>美國經濟認為疫情金價國際全球表示肺炎確診世界黃金價格黃金病例每盎司上漲下行目前因素以上聯邦儲備激增基金</t>
  </si>
  <si>
    <t>全球美國黃金黃金價格新冠肺炎</t>
  </si>
  <si>
    <t>黃金價格黃金美國肺炎全球</t>
  </si>
  <si>
    <t>小組工作基本工資徵詢持續委員意見警戒</t>
  </si>
  <si>
    <t>中央流行疫情指揮中心近日宣佈全國升為三級警戒為避免群聚疑慮多個會議暫緩舉行原本要在第二季舉行的基本工資工作小組會議可能也無法舉行勞動部官員表示目前朝向參考去年作法提供資料給委員再請委員以</t>
  </si>
  <si>
    <t>舉行中心提供近日作法宣佈去年全國參考升為朝向警戒避免目前表示指揮疑慮資料官員會議暫緩勞動部基本工資工作無法疫情原本</t>
  </si>
  <si>
    <t>中央流行疫情指揮中心近日宣佈全國升為三級警戒為避免群聚疑慮多個會議暫緩舉行原本要在第二季舉行的基本工資工作小組會議可能也無法舉行勞動部官員表示目前朝向參考去年作法提供資料給委員再請委員以書面回覆訊息。
勞動部條件司司長黃維琛表示會在近幾日內把如5月的消費者物物價指、失業率等提供給委員參考；而基本工資審議會往例都在第三季辦理但此次遇到疫情會改採其他方式嗎？他說第三季是7、8、9月到時候會視疫情情況再做後續討論。</t>
  </si>
  <si>
    <t>疫情舉行委員勞動部表示基本工資參考提供中心近日全國宣佈升為警戒避免情況疑慮會議暫緩到時候季是指揮</t>
  </si>
  <si>
    <t>新冠肺炎台灣委員舉行三級警戒</t>
  </si>
  <si>
    <t>委員肺炎臺灣舉行警戒</t>
  </si>
  <si>
    <t>訊號民心親征鼓勵復工主帥</t>
  </si>
  <si>
    <t>新冠肺炎疫情爆發逾百日後中共總書記習近平10日上午抵達疫情最嚴重的武漢視察。香港《經濟日報》引述觀察人士稱此行釋放3大政治訊號：一是疫情已暫告緩和；二給予復工信心和鼓勵；三是安撫為控制疫情而被封城的</t>
  </si>
  <si>
    <t>疫情爆發日後總書記中共習近平經濟日報引述香港觀察人士信心上午抵達視察武漢鼓勵嚴重復工釋放給予緩和政治</t>
  </si>
  <si>
    <t>疫情武漢復工習近平觀察肺炎大陸企業嚴重政治訊號安撫資料確診出現新增重要封城此前民眾分析影響</t>
  </si>
  <si>
    <t>封城大陸企業肺炎訊號</t>
  </si>
  <si>
    <t>大陸肺炎封城訊號企業</t>
  </si>
  <si>
    <t>確診員工臺北捷運</t>
  </si>
  <si>
    <t>台灣本土疫情升溫今傳出臺北捷運有員工確診的消息但北捷僅回應疫情確診人數及情況由指揮中心公佈為準。北捷表示疫情確診人數及情況由疫情指揮中心公佈為準。因應疫情發展臺北捷運為預防有人員確診、隔</t>
  </si>
  <si>
    <t>疫情確診臺北捷運公佈人數中心情況指揮傳出預防發展員工消息因應回應表示升溫人員本土臺灣</t>
  </si>
  <si>
    <t>台灣本土疫情升溫今傳出臺北捷運有員工確診的消息但北捷僅回應疫情確診人數及情況由指揮中心公佈為準。
北捷表示疫情確診人數及情況由疫情指揮中心公佈為準。因應疫情發展臺北捷運為預防有人員確診、隔離及自主管理並且降低影響營運風險啟動行車、站務及維修等第一線人員分組執勤。
另北捷也說行政人員則會開始異地辦公依照業務支援性質分散於不同建物。相關主管視訊設備均已設置完成隨時透過視訊會議確保業務不受疫情影響持續順利推動。</t>
  </si>
  <si>
    <t>疫情人員確診業務影響臺北捷運公佈人數中心分散性質支援建物相關主管不同設備完成設置辦公隨時啟動</t>
  </si>
  <si>
    <t>臺北捷運確診新冠肺炎˙台灣</t>
  </si>
  <si>
    <t>確診肺炎臺北捷運臺灣</t>
  </si>
  <si>
    <t>行政院完成蘇揆任務階段性突發內閣自省</t>
  </si>
  <si>
    <t>蘇揆去年上任以來遭批「政通人不和」年底內閣改組傳聞不斷。尤其昨中天新聞台不予換照再加深國內對立。蘇揆上午罕見在行政院會提出自省說任何做得不夠、不好都請各部會及各界隨時指正多多指教他也會自</t>
  </si>
  <si>
    <t>蘇揆通人不和年底內閣改組傳聞不好尤其中天不夠新聞不予自省加深提出國內</t>
  </si>
  <si>
    <t>蘇揆去年上任以來遭批「政通人不和」年底內閣改組傳聞不斷。尤其昨中天新聞台不予換照再加深國內對立。蘇揆上午罕見在行政院會提出自省說任何做得不夠、不好都請各部會及各界隨時指正多多指教他也會自我檢討。
內閣近期因萊豬明年元旦叩關、中天新聞台關台事件不斷製造國內對立引發蔡政府領導危機蘇閣是否將在年底去職引發熱議。行政院祕書長李孟諺轉述蘇揆在院會談話時說蘇揆特別提及2019年1月14日承擔重擔以來感謝所有同仁一起努力上任第一天就到桃園機場防治非洲豬瘟；另外新冠肺炎因各界的努力國內已有220天零確診因應疫情發放的三倍券經由2300萬人領券也讓台灣內需擴展。
蘇揆也說雖然一路走來克服很多困難也展現了很多成效但這段時間還是有一些值得要檢討的地方「有錯就要認有過就要改」尤其要從自身自省做起不能自以為是也不能因為有些成就就驕傲反而應該謙卑應該聽取不同的意見讓我們跟這塊土地上所有的人不分朝野政黨不分地方中央不分意見不同都要凝聚力量因為我們是同一個國家同樣要守住這塊土地一起努力。
蘇揆指出在過程中也許因為誤會、攻擊我們會一而再受傷但還是要拼命站起來因為我們有要共同守護的事物一定要繼續堅持才能跟不能切割的人守住這塊土地守住這個國家才能福國利民。
蘇揆強調從最近的狀況檢討、謙卑任何做得不夠不好蘇揆請部會及各界 隨時指正多多指教蘇揆也會自我檢討。</t>
  </si>
  <si>
    <t>蘇揆國內努力土地年底引發內閣不能行政院尤其中天新聞以來對立檢討自省一起謙卑上任才能</t>
  </si>
  <si>
    <t>蘇貞昌內閣萊豬中天新聞台土地</t>
  </si>
  <si>
    <t>新聞內閣中天土地蘇貞昌</t>
  </si>
  <si>
    <t>關鍵李秉口罩傳染醫院北部風險</t>
  </si>
  <si>
    <t>北部染疫醫爆發院內感染不少民眾質疑醫護人員未遵守防疫SOP導致染疫。對此中央流行疫情指揮中心專家小組諮詢委員李秉穎今表示發生院內感染很難追溯感染源打個噴嚏幾個小時都還具有感染力無意觸摸眼、口</t>
  </si>
  <si>
    <t>感染院內具有都還小時噴嚏感染力小組專家中心指揮委員疫情李秉穎流行發生中央表示對此爆發遵守導致</t>
  </si>
  <si>
    <t>北部染疫醫爆發院內感染不少民眾質疑醫護人員未遵守防疫SOP導致染疫。對此中央流行疫情指揮中心專家小組諮詢委員李秉穎今表示發生院內感染很難追溯感染源打個噴嚏幾個小時都還具有感染力無意觸摸眼、口、鼻都有染病風險。
台大醫師兼指揮中心專家小組諮詢委員李秉穎今（18）天上廣播節目《周玉蔻嗆新聞》表示院內感染很難追感染源而新冠病毒最可怕的地方就是不用飛沫傳染沒有直接面對病人都有可能得到感染更何況是戴口罩且總有脫下口罩的時間若手未好好的消毒又接觸眼、口、鼻就會得到感染。因此所有的醫護人員皆不要摸眼、口、鼻不論鼻過敏多麼嚴重。
李秉穎說病毒離開人體不會馬上死亡若一個人打了一個噴嚏導致桌面殘留病毒這病毒可能幾個小時甚至一兩天後依然是活的且具有傳染力因此下一個人接觸再觸摸眼、口、鼻仍會感染這無法匡列所謂的接觸者。
李秉穎表示去年北部某醫院發生院內感染在環境內找到很多新冠病毒存在痕跡這是醫院感染管制必須很重視的事一個新冠病人是處於一個病室、隔離病房 病毒會存在的環境就僅此該病房而已沒有其他危險性唯獨進入病房的人要多注意。若是一名醫護人員染疫醫院內各個角落恐已有病毒因此就算戴著口罩在不知不覺情況下仍會發生接觸傳染。李秉穎再次呼籲所有醫療人員要提高警覺謹守勤洗手、戴口罩、禁摸眼口鼻才能保護自己。</t>
  </si>
  <si>
    <t>感染病毒院內口罩醫護人員接觸醫院表示發生李秉穎都有具有病人沒有導致</t>
  </si>
  <si>
    <t>李秉穎染疫病毒新冠肺炎</t>
  </si>
  <si>
    <t>病毒李秉肺炎</t>
  </si>
  <si>
    <t>三友人壽送暖醫護</t>
  </si>
  <si>
    <t>三商美邦人壽及同為三商投控成員的三友藥妝共同攜手送暖給因新冠狀肺炎疫情而辛勞的醫護人員聯名捐贈2000條日本原裝進口馬油護手霜予新北市衛生局以緩解醫護人員因過度清潔導致手部肌膚粗糙龜裂。三商美邦人壽</t>
  </si>
  <si>
    <t>醫護人員成員龜裂三友共同攜手送暖粗糙肌膚護手導致肺炎手部疫情清潔辛勞過度日本進口</t>
  </si>
  <si>
    <t>三商美邦人壽及同為三商投控成員的三友藥妝共同攜手送暖給因新冠狀肺炎疫情而辛勞的醫護人員聯名捐贈2000條日本原裝進口馬油護手霜予新北市衛生局以緩解醫護人員因過度清潔導致手部肌膚粗糙龜裂。三商美邦人壽及三友藥妝藉此表示感謝與關懷也為第一線抗疫醫護人員加油打氣。
同時三商美邦人壽為提供保戶更安心的服務在第一時間即啟動各項保戶關懷措施針對保戶最關心的理賠及繳費提供快速理賠服務、放寬理賠申請、保費緩繳作業等並且對現售部分住院醫療保險以批註條款方式取消「法定傳染病」30天疾病等待期之限制保戶毋須另外付費保障立即生效一旦確診罹患新冠肺炎理賠機制隨即啟動。
三商美邦人壽表示為與國人共體時艱推出「三商美邦人壽醫把罩一年定期住院日額健康保險」保障內容包含住院醫療保險金、加護病房暨燒燙傷中心醫療保險金等多項保障；若不慎感染新冠肺炎入住負壓隔離病房將比照加護病房標準核算加護病房暨燒燙傷中心醫療保險金讓民眾在面對疫情時可以輕鬆架構防疫保護罩為自身的醫療保障升級。</t>
  </si>
  <si>
    <t>人壽醫護人員保戶保障理賠肺炎保險金疫情住院醫療關懷啟動商美邦提供服務三友病房架構中心輕鬆可以</t>
  </si>
  <si>
    <t>醫護人員三友藥妝三商美邦人壽加護病房醫療保險金</t>
  </si>
  <si>
    <t>人壽病房醫療三友保險金醫護人員</t>
  </si>
  <si>
    <t>訂價藥廠疫苗立場分歧</t>
  </si>
  <si>
    <t>新冠肺炎肆虐全球各大製藥廠如火如荼研發疫苗但業者對疫苗的訂價意見不一阿斯特捷利康（AstraZeneca）和嬌生（Johnson ＆Johnson）承諾不會利用疫苗獲利而Moderna與美商默沙東則暗示新冠疫苗訂價一定會高於</t>
  </si>
  <si>
    <t>疫苗訂價製藥全球astrazeneca捷利康johnson&amp;johnson不一阿斯特承諾利用默沙東獲利moderna暗示肆虐如火如荼研發</t>
  </si>
  <si>
    <t>疫苗訂價製藥公司美國表示主管成本moderna業者聽證會默沙東肺炎價格分析重要高階獲利研發成為</t>
  </si>
  <si>
    <t>嬌生美商默沙東訂價疫苗肺炎</t>
  </si>
  <si>
    <t>默沙東訂價疫苗肺炎</t>
  </si>
  <si>
    <t>柯拔希機械業救救</t>
  </si>
  <si>
    <t>新冠肺炎疫情蔓延全球台灣機械工業公會理事長柯拔希提出七大建言籲請政府擴大融資貸款紓困、租稅減免比照SARS期間、優先購買國產設備及讓新台幣貶值等以挽救產業。新型冠狀肺炎疫情出現全球大流行人流、物流、</t>
  </si>
  <si>
    <t>全球疫情肺炎出現擴大政府融資籲請貸款紓困租稅七大減免提出比照柯拔希sars理事長公會期間優先購買設備機械工業臺灣台幣蔓延</t>
  </si>
  <si>
    <t>新冠肺炎疫情蔓延全球台灣機械工業公會理事長柯拔希提出七大建言籲請政府擴大融資貸款紓困、租稅減免比照SARS期間、優先購買國產設備及讓新台幣貶值等以挽救產業。
新型冠狀肺炎疫情出現全球大流行人流、物流、資金流都停滯。經濟部18日針對金屬機電產業主辦「因應武漢肺炎疫情產業關懷座談會」機械公會彙總機械公會理監事、29個專委會會長及各機械次產業企業經營者總計150家企業意見由理事長柯拔希向經濟部長沈榮津、政務委員龔明鑫等人提出七大建言。
柯拔希表示擴大融資貸款紓困銀行不能雨天收傘抽銀根；租稅減免可比照SARS期間；政府開發的工業區或科學園區廠房租金減半；協調台電減免工業用基本電費幾乎是每個產業公會都提出的建議。
柯拔希指稱政府去年底針對工具機暨零組件業者因中美貿易戰受傷慘重提撥6千萬元經費推動工具機產業研發固本專案機械公會希望政府擴大為「精密機械產業研發固本專案」協助機械產業化危機為轉機提升產業競爭力。
柯拔希表示他還向龔明鑫等人提出希望政府將企業購買國產智慧機械投資抵減稅額從現行5％提高到20％企業研發支出抵減當年度營所稅從15％提高至40％。加強鼓勵國營企業或學術單位採購國產智慧機械也希望今年政府採購能提前發包藉此擴大內需。
柯拔希表示新台幣兌美元匯率相對韓元強勢不利台灣外銷產業機械業建請政府啟動新台幣匯率「防禦性貶值」。此外政府徵用口罩產線後導致很多機械廠買不到工業用口罩儘管工業局出面協調口罩廠業者仍買不到口罩這牽涉生產線作業人員人身安全問題政府要加強工業用口罩供給不能顧此失彼。
柯拔希指出長遠來看企業對設備剛性需求仍在尤其這波疫情會讓更多產業要有風險意識不要將雞蛋放在同一個籃子必須分散在大陸以外設第二生產基地即使今年不如預期增設第二生產基地添購設備效應也會在明、後年發生長期看多。</t>
  </si>
  <si>
    <t>產業政府柯拔希機械企業口罩公會疫情設備工業用提出希望表示台幣減免研發肺炎今年工具機不能協調業者</t>
  </si>
  <si>
    <t>建言口罩肺炎設備產業</t>
  </si>
  <si>
    <t>口罩設備肺炎產業</t>
  </si>
  <si>
    <t>今年舉辦街頭首場露天台南好轉疫情電影</t>
  </si>
  <si>
    <t>新冠肺炎疫情延燒期間電影院業績慘澹台南社大開始錄影電影研究社16日卻準備在中西區正興街與國華街黃金地段舉辦疫情以來首場露天微電影《13歲那年的天空》預估觀眾達百人社長林宗伻稱已做好防疫準備要在</t>
  </si>
  <si>
    <t>電影疫情準備期間林宗業績社長電影院台南觀眾預估開始天空興街黃金地段中西區</t>
  </si>
  <si>
    <t>新冠肺炎疫情延燒期間電影院業績慘澹台南社大開始錄影電影研究社16日卻準備在中西區正興街與國華街黃金地段舉辦疫情以來首場露天微電影《13歲那年的天空》預估觀眾達百人社長林宗伻稱已做好防疫準備要在台灣疫情好轉後號召民眾看一場好電影。
台南社大開始錄影電影研究社7年來已拍攝11部微電影透過電影關注街友、女性、同志、獨居老人與親子議題這次新作《13歲那年的天空》是一部青少年為主的微電影以闡述隔代教養、適性教育為主題內容是不愛念書的小女孩如何透過運動找到自己的方向。
林宗伻表示影片拍攝1年之久後製作期剛好疫情爆發組員在4月中討論影片首映時間設定疫情若確診未超過500人死亡未達10人就照時間表上映。
全台院線片受疫情影響電影票房幾乎被打趴大檔影片紛紛延後上映台灣正展開防疫新生活台南社大電影組評估選在16日週末人潮容易聚集的正興街採露天電影方式進行預計觀眾100人座位會保持安全距離現場會有噴酒精與量體溫的防疫程式。
這部《13歲那年的天空》片長僅半小時規模卻不亞於院線片是台南社大電影社創社以來投入最多資源動員最多人力的作品。社會各項活動逐步解禁林宗伻呼籲民眾一同來體驗防疫以來台南首場露天微電影。</t>
  </si>
  <si>
    <t>疫情電影防疫台南影片那年天空以來林宗透過上映民眾觀眾準備臺灣</t>
  </si>
  <si>
    <t>新冠肺炎防疫微電影台南市正興街</t>
  </si>
  <si>
    <t>電影南市防疫肺炎</t>
  </si>
  <si>
    <t>bnt出現不適新北</t>
  </si>
  <si>
    <t>新北市陸續進行校園BNT接種新北市長侯友宜今主持疫情說明會表示昨日有28校接種BNT預計施打2萬6796人施打比率為9867％其中出現注射部位微疼痛、疲倦、頭痛等輕微不適症狀的有5369人發燒大於38度是179人</t>
  </si>
  <si>
    <t>接種bnt新北施打部位症狀疲倦注射疼痛出現不適頭痛輕微主持市長疫情說明會侯友宜表示昨日校園比率預計發燒</t>
  </si>
  <si>
    <t>新北市陸續進行校園BNT接種新北市長侯友宜今主持疫情說明會表示昨日有28校接種BNT預計施打2萬6796人施打比率為9867％其中出現注射部位微疼痛、疲倦、頭痛等輕微不適症狀的有5369人發燒大於38度是179人呼吸困難、氣喘、眩暈等不良反應是251人昨日就醫人數是6人。
侯友宜說昨日線上教學學生有2萬7360人請疫苗假比例為1227人請假比例43％到課比率高雖然明天六日沒有線上教學但校方隨時會透過教師跟家長的聯繫系統隨時做好溝通做好跟學生密切聯繫也希望週五打疫苗的同學可以好好休息。</t>
  </si>
  <si>
    <t>昨日疫苗侯友宜接種聯繫學生bnt比率教學隨時新北比例週五施打希望做好疲倦疼痛同學部位頭痛</t>
  </si>
  <si>
    <t>新冠肺炎台灣BNT接種校園</t>
  </si>
  <si>
    <t>肺炎bnt臺灣接種校園</t>
  </si>
  <si>
    <t>競選出院倉促川普重殘</t>
  </si>
  <si>
    <t>美國總統川普進馬裡蘭州裡德國家軍事醫學中心（Walter Reed National Military Medical Center）治療新冠肺炎才3天週一就迫不及待地出院返回白宮。許多分析師說這顯示他沒認真看待新冠疫情可能引發強烈反彈。</t>
  </si>
  <si>
    <t>馬里蘭州德國軍事醫學中心疫情walterreednationalmilitary看待medical師說分析白宮返回出院center迫不及待認真顯示治療週一肺炎</t>
  </si>
  <si>
    <t>美國總統川普進馬裡蘭州裡德國家軍事醫學中心（Walter Reed National Military Medical Center）治療新冠肺炎才3天週一就迫不及待地出院返回白宮。許多分析師說這顯示他沒認真看待新冠疫情可能引發強烈反彈。
據CNBC新聞網6日報導建銀國際證券（CCB International Securities）全球策略師喬立（Mark Jolley）指出川普的許多幕僚目前都在接受隔離檢疫就算他恢復工作在大選前幾個星期的選舉造勢中也會呈現「重殘」（severely handicapped）狀態。
「他少了一些關鍵幕僚」喬立說「有半數競選幕僚都會接受隔離。」自從川普上週五宣佈他新冠肺炎確診後政府內有愈來愈多官員紛紛證實染疫。
週一稍早白宮新聞秘書麥肯雅妮（Kayleigh McEnany）宣佈她和兩位副手新冠肺炎確診。如今白宮內和川普競選連任活動有關或近日曾參加白宮活動的人至少有18人確診。
喬立認為川普一、兩個星期都無法參與競選活動。而這意味著在選前最關鍵的1個月他會缺席兩周。他並強調就政治面來說這對拜登是大大有利。
由於川普尚未康復白宮向美國民眾保證會採取一切必要措施以保護總統還有他的家人與幕僚。此外聲明中強調這位白宮主人將接受24小時的醫療照護並說會大幅限制他的肢體接觸並讓他身邊的人穿戴適當的防護裝備。
然而距離大選不到1個月川普在出院前不久說他打算立即投入選舉造勢活動。馬裡蘭州聖瑪莉學院（St Mary&amp;apos;s College）政治學教授艾柏利（Todd Eberly）指出美國有超過20萬人死於新冠肺炎要是川普這麼做真的很可能會面臨強烈反彈。他認為川普較明智的選擇就是挺身而出向美國大眾強調他真正瞭解到疫情的嚴重性以贏得些許同理心。</t>
  </si>
  <si>
    <t>川普白宮美國幕僚強調肺炎喬立接受活動疫情確診馬里蘭州週一大選指出出院關鍵星期反彈</t>
  </si>
  <si>
    <t>川普新冠肺炎看選戰美大選隔離檢疫</t>
  </si>
  <si>
    <t>選戰肺炎大選隔離川普檢疫</t>
  </si>
  <si>
    <t>拉高音量撕破臉展現國際聲望</t>
  </si>
  <si>
    <t>第73屆世衛大會(WHA)原訂5月17日至21日在瑞士日內瓦召開但是在新冠肺炎疫情重創下看來不是延期就是改成線上虛擬舉行停辦1年也不無可能。觀察蔡政府最近強硬槓上譚德塞的態度今年若有召開WHA不論是實體或</t>
  </si>
  <si>
    <t>召開wha今年肺炎疫情態度創下看來延期德塞就是觀察可能不無強硬最近政府停辦</t>
  </si>
  <si>
    <t>第73屆世衛大會(WHA)原訂5月17日至21日在瑞士日內瓦召開但是在新冠肺炎疫情重創下看來不是延期就是改成線上虛擬舉行停辦1年也不無可能。觀察蔡政府最近強硬槓上譚德塞的態度今年若有召開WHA不論是實體或虛擬台灣要想參加基本上是癡人說夢甚至可以說直到2022年7月譚德塞卸任WHO祕書長之前都不必肖想出席WHA了。
過去幾年台灣在推動參與WHA對國際間往往是說之以理、動之以情「Taiwan Can Help」並不是因為新冠肺炎疫情才蹦出的口號。只不過台灣今年可以更大聲喊這句話或許也是這股爆棚的自信心改變了對WHO的態度。
台灣聲稱曾經致函WHO示警病毒會「人傳人」（Human to Human）但WHO有看沒有懂。我方公佈電郵完整內容堅持既有寫隔離需要即是警示人傳人。這封信各執一詞等於徹底撕破臉。
WHO昨列出13點聲明回應台灣民間刊登《紐約時報》廣告外交部又火速一一打臉WHO的聲明兩方樑子結得更大。譚德塞又指控台灣網軍對他語言歧視、發動攻擊兩邊關係就真的是「回不去了」。
蔡政府這波防疫作戰表現得相當出色已證明沒有WHO的支援、沒有完整參與WHA對台灣人民的福祉似乎也沒有太大影響。既然如此與其低聲下氣去求WHA的門票還不如硬起來反正橫豎都是進不去至少展現出氣勢在國際上展現聲望在國內帶動民調。
這也證明瞭不管是WHO或台灣能不能完整參與從來都不只是全球公衛議題政治議題才是核心。</t>
  </si>
  <si>
    <t>who臺灣wha沒有德塞完整參與虛擬國際政府可以態度聲明今年召開證明</t>
  </si>
  <si>
    <t>台灣新冠參與新冠肺炎WHO</t>
  </si>
  <si>
    <t>參與who肺炎臺灣</t>
  </si>
  <si>
    <t>賽事可能疫情命運東奧</t>
  </si>
  <si>
    <t>國際奧會(IOC)加拿大籍的資深委員龐德日前語出驚人稱若新冠肺炎疫情在5月底前未受控制東京奧運恐怕得停辦；日本政府、IOC和東奧籌委會隨後紛紛跳出來否認有停辦打算表示籌備工作仍順利進行。這項地表規模最</t>
  </si>
  <si>
    <t>停辦ioc籌備工作加拿大表示打算委員日前龐德人稱肺炎疫情否認月底順利進行紛紛未受控制跳出隨後東京</t>
  </si>
  <si>
    <t>國際奧會(IOC)加拿大籍的資深委員龐德日前語出驚人稱若新冠肺炎疫情在5月底前未受控制東京奧運恐怕得停辦；日本政府、IOC和東奧籌委會隨後紛紛跳出來否認有停辦打算表示籌備工作仍順利進行。
這項地表規模最大體育賽事是否照常引發全球關注而隨著疫情在歐洲爆開許多萬衆注目的大賽已考慮喊卡。
堪稱歐洲橄欖球頂級賽事的「6國橄欖球錦標賽」3月7日愛爾蘭作東迎戰義大利在該國衛生部長哈裡斯介入後如今已確定延期。哈裡斯指出由於大規模球迷將從疫區(義大利)移動比賽本身的公衛風險明確。愛爾蘭橄欖球協會表示完全遵守指令會妥善處理延賽後續。
創辦於1883年。1940年改稱為五國錦標賽2000年再加入義大利改稱六國錦標賽（最近因贊助原因被稱為國民西敏寺銀行六國賽）。現時參賽國家包括：英格蘭、蘇格蘭、愛爾蘭、威爾斯、法國及義大利由於這六隊為歐洲最強的國家隊因此這項比賽的冠軍地位一般被視為等同歐洲冠軍。
英格蘭與義大利足球這歐洲兩強原定3月27日在英國溫布裡球場舉行友誼賽英格蘭足協已開始討論這場比賽是否照踢畢竟歐洲足壇已經出現閉門比賽以降低觀眾健康風險的先例。另外在6月於歐洲12座城市登場的歐洲國家盃前如何因應疫情衝擊也在討論之列。
原定3月中旬在南京舉行的世界室內田徑錦標賽1月就已經因新冠疫情而延期到明年。至於原定4月19日舉行的2020年F1中國大獎賽日前已確定延後舉行但今年F1賽季的前三站包括澳洲、巴林和越南分別在3月15、22日以及4月5日舉行隨著新冠疫情蔓延3個主辦國已面臨愈來愈高的取消賽事威脅。</t>
  </si>
  <si>
    <t>歐洲舉行疫情比賽大利錦標賽英格蘭原定愛爾蘭停辦ioc表示橄欖球是否包括日前討論已經延期風險國家</t>
  </si>
  <si>
    <t>歐洲義大利F1新冠肺炎</t>
  </si>
  <si>
    <t>大利歐洲肺炎</t>
  </si>
  <si>
    <t>政府尋求經濟部長延長緊急日本事態社會國際月底</t>
  </si>
  <si>
    <t>日本經濟再生大臣西村康稔（Yasutoshi Nishimura）週一在議會表示日本政府週一稍晚將尋求全國緊急事態宣言延長至5月31日。日本政府發布的緊急事態宣言原訂於本週三（56）屆滿也就是日本黃金周長假的最後一天。此</t>
  </si>
  <si>
    <t>日本政府日本宣言事態緊急週一西村康稔yasutoshi屆滿nishimura週三於本稍晚全國尋求大臣議會表示黃金發佈延長再生周長假</t>
  </si>
  <si>
    <t>日本經濟再生大臣西村康稔（Yasutoshi Nishimura）週一在議會表示日本政府週一稍晚將尋求全國緊急事態宣言延長至5月31日。
日本政府發布的緊急事態宣言原訂於本週三（56）屆滿也就是日本黃金周長假的最後一天。
此前NHK報導日本首相安倍晉三週一料將宣佈國家緊急事態宣言延長至5月底。安倍週一稍晚將召開記者會將解釋延長緊急事態宣言的原因。</t>
  </si>
  <si>
    <t>週一宣言緊急事態延長日本日本政府稍晚西村康稔yasutoshi黃金周長假最後此前nishimuranhk報導屆滿週三日本首相安倍晉三于本大臣</t>
  </si>
  <si>
    <t>日本安倍全國緊急事態延長</t>
  </si>
  <si>
    <t>全國安倍事態緊急日本延長</t>
  </si>
  <si>
    <t>感染至少教會韓國確診</t>
  </si>
  <si>
    <t>韓國媒體3月30日報導稱韓國萬民中央教會發生群聚感染。根據大陸《新京報》的報導3月初200名教徒曾聚集準備網絡禮拜視。韓疾控部門稱在此次活動中存在感染現象。到了3月25日該教會出現首例確診病例韓衛生</t>
  </si>
  <si>
    <t>教會感染報導首例出現網路準備禮拜聚集韓疾教徒月初部門現象活動韓國存在確診發生</t>
  </si>
  <si>
    <t>韓國媒體3月30日報導稱韓國萬民中央教會發生群聚感染。
根據大陸《新京報》的報導3月初200名教徒曾聚集準備網絡禮拜視。韓疾控部門稱在此次活動中存在感染現象。到了3月25日該教會出現首例確診病例韓衛生部門隨即展開疫情調查。
截至30日下午教會內至少28人確診感染。
該教教主李載祿因性侵9名女信徒正在監獄服刑。該教會鼓吹神奇療法擁有10餘萬名信徒。</t>
  </si>
  <si>
    <t>教會感染確診報導信徒準備網路禮拜鼓吹神奇聚集教徒韓疾月初服刑部門監獄性侵隨即衛生部門展開</t>
  </si>
  <si>
    <t>韓國萬民中央教會新冠肺炎新型冠狀病毒 COVID-19台灣</t>
  </si>
  <si>
    <t>肺炎教會冠狀病毒中央covid-萬民韓國臺灣</t>
  </si>
  <si>
    <t>疫苗az桃園立陶宛機場及時雨</t>
  </si>
  <si>
    <t>我國疫苗覆蓋率破30%部分縣市民眾最近卻陷入無疫苗可打的窘境連防疫指揮官陳時中都坦承「供貨有點緊」。就在此時立陶宛承諾捐贈的2萬劑AZ疫苗由土耳其航空運送今天上午抵達桃園機場。立陶宛今年6月宣佈</t>
  </si>
  <si>
    <t>疫苗立陶宛桃園抵達部分民眾運送今天上午最近航空坦承中都陳時指揮官土耳其陷入供貨有點防疫窘境打的az</t>
  </si>
  <si>
    <t>我國疫苗覆蓋率破30%部分縣市民眾最近卻陷入無疫苗可打的窘境連防疫指揮官陳時中都坦承「供貨有點緊」。就在此時立陶宛承諾捐贈的2萬劑AZ疫苗由土耳其航空運送今天上午抵達桃園機場。
立陶宛今年6月宣佈將捐贈2萬劑AZ疫苗給台灣雪中送炭的義舉博得民眾高度肯定。
今天疫苗終於來了！這架載運疫苗的土航貨機自伊斯坦堡機場起飛抵台後隨即進行卸貨、查驗作業按照程式送往冷儲待後續檢驗封緘再提供國人接種解燃眉之急。
這批疫苗由班號TK6210的土耳其航空波音777F型貨機負責載運台灣時間30日下午5時50分從伊斯坦堡起飛中途停靠烏茲別克首都塔什干後直飛台灣原本預定上午7時55分落地但因故延誤到10時30分左右才抵達桃園機場。
貨機落地後停靠在貨運機坪地勤人員立刻卸下裝載疫苗的貨盤為求時效海關人員在機邊驗放後隨即在海關及航警護送下將疫苗送往醫藥物流冷鏈倉儲存放。
立陶宛是繼日本、美國後歐洲第一個宣佈捐疫苗給台灣的國家拋磚引玉的行為也帶動後續包括斯洛伐克、捷克等國陸續跟進要捐疫苗給台灣。</t>
  </si>
  <si>
    <t>疫苗臺灣立陶宛貨機機場後續民眾送往隨即起飛落地伊斯坦堡宣佈土耳其載運航空az抵達桃園捐贈指揮官陳時</t>
  </si>
  <si>
    <t>立陶宛疫苗AZ新冠肺炎台灣</t>
  </si>
  <si>
    <t>az疫苗肺炎立陶宛臺灣</t>
  </si>
  <si>
    <t>大好義隆瑞昱續旺設計ic族群熱門帶勁</t>
  </si>
  <si>
    <t>在歐美疫情延燒下帶動居家辦公、遠距教學等趨勢正旺NB、網通、TV等晶片需求旺帶動IC設計族群第三季多檔個股營收登頂且第四季也持續看好也讓族群股價順勢反映利多瑞昱(2379)今大漲逾4%重新登上400元大</t>
  </si>
  <si>
    <t>帶動族群漲逾瑞昱居家利多辦公反映重新順勢趨勢教學正旺股價nb網通登頂tv需求個股</t>
  </si>
  <si>
    <t>需求nb歷史帶動四季新高預估合併延續ic居家辦公創下疫情族群包括</t>
  </si>
  <si>
    <t>義隆聯詠瑞昱IC設計居家辦公</t>
  </si>
  <si>
    <t>ic瑞昱設計居家義隆辦公</t>
  </si>
  <si>
    <t>肺炎擴散伊朗釋放囚犯防止</t>
  </si>
  <si>
    <t>為防止新型冠狀病毒進一步傳播帶來影響伊朗司法部長9日決定已經釋放70000名囚犯。 ​​​​根據《中國日報網》引述伊朗塔斯尼姆(Tasnim)通訊社報導為防止新型冠狀病毒進一步傳播帶來影響伊朗司法部長9日在高級司</t>
  </si>
  <si>
    <t>伊朗司法部長影響防止報導冠狀病毒通訊社tasnim進一步釋放尼姆傳播塔斯帶來引述中國日報囚犯已經決定高級</t>
  </si>
  <si>
    <t>為防止新型冠狀病毒進一步傳播帶來影響伊朗司法部長9日決定已經釋放70000名囚犯。 ​​​​
根據《中國日報網》引述伊朗塔斯尼姆(Tasnim)通訊社報導為防止新型冠狀病毒進一步傳播帶來影響伊朗司法部長9日在高級司法委員會召開的一次會議上稱全國大約有70000名囚犯已經臨時獲釋。</t>
  </si>
  <si>
    <t>伊朗囚犯已經司法部長影響大約報導防止冠狀全國病毒會議通訊社tasnim尼姆召開進一步塔斯傳播司法委員會引述高級帶來中國日報釋放決定</t>
  </si>
  <si>
    <t>伊朗囚犯新冠肺炎新型冠狀病毒 COVID-19</t>
  </si>
  <si>
    <t>肺炎冠狀囚犯病毒covid-伊朗</t>
  </si>
  <si>
    <t>遍及省份出現確診小學生本土感染</t>
  </si>
  <si>
    <t>據《北京青年報》報導大陸國家衛健委消息指出昨天（3日0—24時）新增確診病例104例。其中境外輸入病例17例本土病例87例其中黑龍江所占比例過半鄭州和石家莊2地出現小學生感染。浙江烏鎮景區停止遊客進入</t>
  </si>
  <si>
    <t>病例烏鎮衛健浙江感染消息小學生指出昨天出現石家莊鄭州和確診新增過半比例景區國家黑龍江停止大陸本土境外遊客報導</t>
  </si>
  <si>
    <t>據《北京青年報》報導大陸國家衛健委消息指出昨天（3日0—24時）新增確診病例104例。其中境外輸入病例17例本土病例87例其中黑龍江所占比例過半鄭州和石家莊2地出現小學生感染。浙江烏鎮景區停止遊客進入已在景區的遊客24小時內2次核酸檢測陰性可放行返程。
大陸87例的本土病例中黑龍江45例其中黑河市44例、哈爾濱市1例；河北23例其中石家莊市20例、辛集市3例；寧夏4例均在銀川市；江蘇3例均在常州市；河南3例其中鄭州市2例、周口市1例；內蒙古2例均在阿拉善盟；四川2例均在成都市；甘肅2例其中蘭州市1例、天水市1例；山東1例在日照市；重慶1例在沙坪壩區；青海1例在西寧市）含2例由無症狀感染者轉為確診病例（山東1例四川1例）。
★黑龍江新增本土確診45例 其中44例在黑河市
11月3日0-24時黑龍江省新增新冠肺炎本土確診病例45例（黑河市愛輝區44例、哈爾濱市平房區1例）新增本土無症狀感染者1例（哈爾濱市平房區1例）均為集中隔離或居家隔離管控期間主動排查發現。
截至11月3日24時全省現有境外輸入確診病例2例現有本土確診病例189例現有本土無症狀感染者2例。
★河北新增本土確診23例 其中石家莊市20例
11月3日0—24時河北省新增新型冠狀病毒肺炎確診病例23例（其中石家莊市20例、辛集市3例均在隔離點或封控區重點人群核酸篩查中發現並確診）無新增無症狀感染者。
截至11月3日24時河北省現有確診病例58例（含境外輸入1例）；尚在醫學觀察無症狀感染者0例。
★石家莊深澤縣新增20例確診 最小才2歲 辛集市3例確診均為小學生
今天（11月4日）淩晨石家莊市深澤縣發佈消息11月3日0時-24時經石家莊市疾控中心覆檢、專家組會診在深澤縣第二輪全員核酸檢測發現的19例初篩陽性和第三輪核酸檢測發現的6例初篩陽性中深澤縣新增新冠肺炎確診病例20例5例待覆檢和專家會診。上述陽性病例均在封控區和隔離點中檢出。
20例新增確診病例中15人來自大橋頭鎮河莊村、4人來自大橋頭鎮西河村、1人來自深澤縣嘉悅尚城小區最小的才2歲。
據辛集11月3日晚通報2021年11月2日0時—24時辛集市新增陽性感染者3例已由120負壓救護車轉運至石家莊市定點醫院均為11月1日確診病例2的同學均為11歲來自辛集市小辛莊鄉小章小學。
★浙江桐鄉檢出1例陽性人員 從石家莊飛抵上海後到烏鎮
據浙江桐鄉疫情防控指揮部11月3日通報11月3日下午桐鄉市隔離點人員中初篩檢出一例新冠病毒核酸陽性。
李某某男10月31號淩晨從石家莊飛抵上海虹橋機場由朋友自駕車從虹橋機場接至桐鄉市烏鎮蘭園小區。10月31日—11月2日在烏鎮有活動史。11月2日下午桐鄉市疾控中心接到河北省深澤縣疾控中心協查函李某某為當地密接曹某某（在河北隔離）的次密接。李某某曾活動過場所已封控並開展終末消毒。流調追蹤、隔離管控、核酸檢測、醫療救治、環境消毒等工作已全面展開。
★烏鎮景區停止遊客進入 已在景區遊客24小時內兩次檢測陰性可返程
浙江桐鄉烏鎮景區3日晚發佈公告為配合新冠肺炎疫情排查烏鎮東柵景區、西柵景區和烏村從即刻起停止遊客進入。景區內部分場館、店鋪、餐廳等臨時性停止運營。景區具體恢復時間將另行通知。
同時所有已在景區的遊客在離園前需要在西柵遊客服務中心接受核酸檢測並配合疾控中心現場工作24小時內兩次核酸檢測陰性後可返程。
對已經購買景區門票的遊客可以通過原購票管道申請退款。
★遼寧大連莊河市 發現一例疑似陽性病例
11月4日大連市人民政府新聞辦公室發佈消息11月4日莊河市發現一例新冠肺炎疑似陽性病例請2021年10月23日以來大連市到過莊河市科強食品有限公司、林茵大市場、盛峰早市、城關街道、海洋村的人員盡快到附近核酸檢測採樣點進行核酸檢測並向所在社區報備。
★河南新增本土病例3＋6 其中鄭州新增2＋6 其中有2名洞林水岸小學學生
據河南省衛健委通報11月3日0—24時河南省新增本土確診病例3例（鄭州2例周口1例）新增本土無症狀感染者6例（鄭州6例）新增境外輸入無症狀感染者1例無新增疑似病例。
此前11月3日記者從鄭州市新冠肺炎疫情防控第二十一場新聞發佈會上獲悉11月3日2時32分、2時34分和8時44分鄭州市中心醫院和鄭州大學第三附屬醫院分別復核判定2例確診病例和1例無症狀感染者全部是醫療機構對重點人員例行檢測中發現的。
3名感染者均居住於滎陽市賈峪鎮碧桂園小區其中有2名為洞林水岸小學學生未接種新冠疫苗；1名為學生家長已接種2劑次新冠疫苗。按照「四集中」原則將3名感染者第一時間閉環轉運至市第一人民醫院南院區進行隔離治療。經調查3人流行病學關係鏈清晰2人為父女1人為其女兒同班同學。
目前鄭州已完成洞林水岸小學954名學生、52名教職員工、2046名家長的核酸檢測工作已檢出陽性4人均已閉環轉運至市第一人民醫院南院區進行隔離治療其餘均為陰性。
目前鄭州景區、影劇院等娛樂場所均已暫停營業。此外自11月5日零時起本地14天以內有外省旅居史的人員返回鄭州後應提供48小時內核酸檢測陰性證明。
★四川新增2例本土確診病例
據「@健康四川」消息11月3日0—24時四川新增新型冠狀病毒肺炎確診病例2例（均為本土病例1例：男39歲為11月2日無症狀感染者轉確診；另1例：女42歲為重慶市和常州市通報的本土確診病例的共同密切接觸者11月2日作為密切接觸者納入集中隔離11月3日確診）無新增治癒出院病例無新增疑似病例無新增死亡病例。
自10月17日西安報告2例陽性病例以來十幾天的時間裡大陸全國累計報告新增本土陽性病例已超700例其中497例陽性感染者的軌跡或基因測序與內蒙古、甘肅等地疫情有直接或間接的關聯。</t>
  </si>
  <si>
    <t>病例確診核酸感染者新增檢測隔離景區陽性本土深澤縣烏鎮發現人員遊客鄭州</t>
  </si>
  <si>
    <t>新冠肺炎大陸11月3日確診病例</t>
  </si>
  <si>
    <t>肺炎大陸確診病例</t>
  </si>
  <si>
    <t>確診裡長疫苗妻子打完</t>
  </si>
  <si>
    <t>打疫苗仍染疫！新北市五股區某裡長表示5／28注射疫苗後第1、2天他感到身體不適出現頭痛、發燒情形以為是副作用未料第3天沒出門也沒打疫苗的妻子竟發燒第4天兩人雙雙確診。據瞭解該裡長曾為裡內獨居長</t>
  </si>
  <si>
    <t>疫苗裡長發燒瞭解確診副作用以為情形新北頭痛出現感到表示注射妻子不適身體</t>
  </si>
  <si>
    <t>打疫苗仍染疫！新北市五股區某裡長表示5／28注射疫苗後第1、2天他感到身體不適出現頭痛、發燒情形以為是副作用未料第3天沒出門也沒打疫苗的妻子竟發燒第4天兩人雙雙確診。據瞭解該裡長曾為裡內獨居長者送餐懷疑是當時染疫。
裡長表示他並不知道確切感染源但他近期確實有幫裡內幾乎全家確診的志工送餐該名志工因確診被送到外縣市志工特別打電話拜託裡長照顧家中老小裡長身負重任「有東西都幫你們送過去」全副武裝、大包小包送過去時有位重聽長者聽不清楚一直朝裡長衝去懷疑是當時染疫。
裡長表示他於5／28注射AZ疫苗隔日出現發燒、頭痛等症狀以為是疫苗副作用不以為意第3天卻換成妻子發燒他們認為不太對勁趕緊去快篩檢驗5／31雙雙確診幸好同住女兒採檢呈陰性。
「唉打疫苗還是確診」裡長不願多談他說目前的狀況就是一直反覆發燒、咳嗽；他也很擔憂裡內獨居長者的狀況目前與妻子分隔不同醫院治療中。五股區長洪崇璉表示該裡長職務暫由裡幹事代理希望裡長與裡長夫人早日康復。</t>
  </si>
  <si>
    <t>裡長疫苗確診發燒表示妻子長者目前狀況一直副作用出現注射獨居懷疑頭痛以為</t>
  </si>
  <si>
    <t>新冠肺炎台灣裡長染疫確診</t>
  </si>
  <si>
    <t>裡長臺灣肺炎確診</t>
  </si>
  <si>
    <t>標準判斷發燒南山</t>
  </si>
  <si>
    <t>新冠肺炎疫情仍在全球肆虐大陸防疫專家、國家衛健委高級別專家組組長鍾南山院士團隊近日研究指出近一半的新冠肺炎患者在入院時尚未出現發燒但隨著疾病進展887％的患者相繼出現發燒因此僅依靠發燒作為診斷</t>
  </si>
  <si>
    <t>發燒患者出現肺炎高級別專家組衛健組長國家專家南山防疫大陸院士團隊肆虐近日全球研究相繼指出疾病</t>
  </si>
  <si>
    <t>大陸患者疫情指出張伯禮肺炎研究南山團隊國家發燒衛健消化道併發症傳播作者月底報導透過</t>
  </si>
  <si>
    <t>團隊發燒肺炎層層併發症</t>
  </si>
  <si>
    <t>肺炎團隊發燒併發症</t>
  </si>
  <si>
    <t>解除確診包機台商武漢隔離</t>
  </si>
  <si>
    <t>台灣目前有32名新冠肺炎確診個案今天傳出好消息已有9人解除隔離其中6人出院。首架武漢包機中染疫的台商雖然多次採檢時陰性時陽性但也已幸運解除隔離。中央流行疫情指揮中心統計台灣新冠肺炎確診個案中</t>
  </si>
  <si>
    <t>解除隔離肺炎臺灣確診個案台商包機武漢幸運流行中心指揮疫情中央統計今天消息傳出</t>
  </si>
  <si>
    <t>台灣目前有32名新冠肺炎確診個案今天傳出好消息已有9人解除隔離其中6人出院。首架武漢包機中染疫的台商雖然多次採檢時陰性時陽性但也已幸運解除隔離。
中央流行疫情指揮中心統計台灣新冠肺炎確診個案中1名死亡、6名出院其餘個案持續住院隔離。
獲解除隔離的第11例是首架武漢返台包機的確診台商當時確診時讓陳時中一時難忍情緒留下男兒淚。
根據中央社報導陳時中表示這名台商經過多次採檢但結果有時候陰性、有時候陽性醫院每兩天就會重採一次直到確定都陰性且開過專家會議討論決定解除隔離。但還沒出院。</t>
  </si>
  <si>
    <t>隔離解除確診台商陰性中央個案陳時中武漢陽性包機肺炎臺灣有時候開過決定留下確定</t>
  </si>
  <si>
    <t>疫苗醫護人員週六診所基層完成北市接種</t>
  </si>
  <si>
    <t>臺北市獲配發56萬劑AZ疫苗今開始施打其中18萬劑將分配給基層診所醫事等工作人員施打北市衛生局專門委員歐佳齡指出衛生局已造冊採分區通知診所醫護人員到場施打並以「診所」為單位避免造成群聚的狀況</t>
  </si>
  <si>
    <t>診所施打衛生局疫苗單位開始分配北市基層通知分區造冊az工作人員避免到場委員歐佳齡指出專門醫護人員配發</t>
  </si>
  <si>
    <t>臺北市獲配發56萬劑AZ疫苗今開始施打其中18萬劑將分配給基層診所醫事等工作人員施打北市衛生局專門委員歐佳齡指出衛生局已造冊採分區通知診所醫護人員到場施打並以「診所」為單位避免造成群聚的狀況歐佳玲指出一天約可施打6800人盼能在週六前完成施打。
臺北市醫師公會也指出北市府決定在2日至4日共3天時間提供本全市基層院所醫事人員接種 AZ 疫苗接種地點將依診所所在行政區鄰近的聯合醫院就近接種請診所人員接到通知攜帶執業執照正本及健保卡正本前往指定地點接種。
歐佳齡說從今天開始施打包括聯合醫院各院區等地區都會協助施打疫苗計算下來一天可打6800人至7000人也有分批通知各診所施打的時間避免群聚至於週六前所有北市基層診所醫護人員是否會全面施打完成歐佳齡說除非疫苗不夠但會盡量滿足需求盼能在週六前完成施打。</t>
  </si>
  <si>
    <t>施打診所疫苗指出接種通知基層歐佳齡週六北市時間聯合醫院開始完成地點人員az避免</t>
  </si>
  <si>
    <t>施打診所接種基層診所醫護人員</t>
  </si>
  <si>
    <t>接種基層診所施打醫護人員</t>
  </si>
  <si>
    <t>物資印度緊急捐贈全球bbc</t>
  </si>
  <si>
    <t>在印度4月新冠肺炎（COVID-19）疫情失控、醫療體系陷入崩潰之時全球發揮人道精神緊急向其捐贈氧氣、藥品等醫療物資。不過「英國廣播公司」（BBC）6日指出印度政府對物資的整理與分配過於緩慢有些疫情嚴重的</t>
  </si>
  <si>
    <t>醫療疫情物資covid-分配失控整理印度政府體系英國廣播公司陷入發揮崩潰人道精神緊急全球向其藥品氧氣捐贈肺炎過於指出bbc緩慢印度嚴重</t>
  </si>
  <si>
    <t>在印度4月新冠肺炎（COVID-19）疫情失控、醫療體系陷入崩潰之時全球發揮人道精神緊急向其捐贈氧氣、藥品等醫療物資。不過「英國廣播公司」（BBC）6日指出印度政府對物資的整理與分配過於緩慢有些疫情嚴重的地區至今仍未獲得任何緊急援助物資。
BBC指出目前呼吸器、藥品、氧氣製造機等醫療物資正持續自全球湧向印度僅在1日期間便有25趟航班逾300噸物資送達印度但這些緊急用品大多被放在倉庫中等待清點；當地官員透露首批送達印度的緊急援助物資在倉庫待了超過一個星期才開始對外發放。
印度南部克勒拉省（Kerala）衛生局長柯布拉加德（Rajan Khobragade）告訴BBC該省疫情嚴峻本週已新增近4萬確診病例但至今仍未獲得任何來自外國的援助物資；克勒拉省長維加揚（Pinarayi Vijayan）5日已致信印度總理莫迪（Narendra Modi）呼籲其盡快向該省提供氧氣。
印度醫護協會（Healthcare Federation of India）會長馬哈揚（Harsh Mahajan）表示印度政府並未提供關於如何或何時領取援助物資的資訊；印度樂施會（Oxfam）官員阿南德（Pankaj Anand）也認為恐怕沒有任何人清楚物資上哪去了。
根據報導外國援助物資須先交給印度紅十字會由其帶過海關再交給印度衛生與家庭福利部旗下國營企業HLL Lifecare負責運送；期間由於物資包裝不一印度政府還須先開封清點再重新裝箱導致物資難以迅速向外發放。
不過印度政府強烈否認物資分配出現延宕強調其已引進簡化過的新標準作業程式（SOP）正每天24小時不間斷地向各地發放物資到4日為止已有31個省的38個機構獲得物資。</t>
  </si>
  <si>
    <t>物資印度援助印度政府緊急疫情氧氣醫療bbc清點提供期間須先官員克勒拉獲得倉庫全球分配至今外國送達仍未</t>
  </si>
  <si>
    <t>新冠肺炎印度BBC疫情氧氣</t>
  </si>
  <si>
    <t>肺炎印度bbc疫情氧氣</t>
  </si>
  <si>
    <t>官員疫情病例新增</t>
  </si>
  <si>
    <t>義大利為遏止新冠肺炎從10日開始全國封城至今已一個星期似乎稍微看到成效義大利民事保護部門負責人、新冠病毒緊急委員會專員博雷利(Angelo Borrelli)說新增感染人數增幅有下降趨勢他相信疫情拐點可能正</t>
  </si>
  <si>
    <t>大利相信趨勢下降增幅人數感染新增疫情borrelliangelo博雷利專員至今星期委員會似乎全國緊急稍微看到開始</t>
  </si>
  <si>
    <t>義大利為遏止新冠肺炎從10日開始全國封城至今已一個星期似乎稍微看到成效義大利民事保護部門負責人、新冠病毒緊急委員會專員博雷利(Angelo Borrelli)說新增感染人數增幅有下降趨勢他相信疫情拐點可能正在到來。
路透社報導博雷利在16日的每日疫情通報中說義大利的新冠肺炎死亡人數上升至2158與昨天記錄的1809相比增加了349人。確診的感染的人數也在增加全國染病人數為27980人比昨天的24747人增加了2470例增長幅度13％。
雖然如此但是博雷利說這是自2月21日疫情爆增長幅度最低的數字所以他認為大利的疫期已有減緩的趨勢預計未來幾天這一趨勢會更加明顯拐點可能正在到來。
治癒的人數總計為2749人高於昨天的2335人。重症監護患者也有所增加今天是1851人昨天為1672人。</t>
  </si>
  <si>
    <t>人數大利博雷利疫情增加昨天趨勢全國增長幅度感染可能到來肺炎似乎星期更加成效稍微</t>
  </si>
  <si>
    <t>新冠肺炎義大利確診</t>
  </si>
  <si>
    <t>大利肺炎確診</t>
  </si>
  <si>
    <t>準備金川高峰疾呼疫情解禁絕對不夠陸封</t>
  </si>
  <si>
    <t>新冠肺炎疫情出現院內感染前衛生署長葉金川表示即便接下來院內感染受控仍可能出現病例由於無症者具備傳播能力充滿高度不確定性疫情高峰何時到仍難估算接下來大陸若疫情控制住便會解禁封城面對一時</t>
  </si>
  <si>
    <t>疫情出現接下來院內感染控制解禁能力傳播具備充滿高度大陸確定性高峰病例估算可能衛生金川</t>
  </si>
  <si>
    <t>新冠肺炎疫情出現院內感染前衛生署長葉金川表示即便接下來院內感染受控仍可能出現病例由於無症者具備傳播能力充滿高度不確定性疫情高峰何時到仍難估算接下來大陸若疫情控制住便會解禁封城面對一時湧回上千台商以目前台灣的篩檢容量絕對不夠應盡快擴大預作準備。
17年前因SARS封院當年身先士卒進和平醫院指揮的葉金川說這次院內感染和當年和平醫院不一樣這次只是院內局部和平醫院則已到第二、三層傳染由曹姓婦人傳染給洗衣工洗衣工又傳出去。
因應大批台商湧回
葉金川說這幾天若院內感染未再現新病例以潛伏期14天算這波院內感染才有機會告一段落但未來還會有確診案例出現疫情何時結束只有上天知道台灣仍需面對疫情挑戰尤其篩檢量能需再提升。
葉金川表示目前國內一天篩檢600~700人是不夠的雖然台灣對選擇篩檢對象較嚴謹但以日前寶瓶星號為例全船1700多名旅客只有120多人採檢送驗雖然疫情指揮中心合理設了篩檢條件包括有無發燒、有無呼吸道症狀及旅遊史等但在會有無症狀傳播者前提下這樣的篩檢太保守防疫要料敵從寬只要檢驗量能足以應付就應儘量去找。
篩檢太少問題同樣反應在確診病例接觸者檢驗上葉金川說目前只對確診病例親密接觸者採檢至於一般接觸者要有症狀才採檢由於新冠肺炎傳染力強先前也有孫女只探視外祖母就被感染如果檢驗量能許可將一般接觸納入篩檢也無妨。
接觸者採檢可更多
葉金川強調現在疫情指揮中心已將一天檢驗量能提升到2500件以上由於大陸一些因新冠肺炎封城的城市在不久的未來會啟封屆時每天有上千名台商及小孩要回來疫情指揮中心要自問這樣的檢驗量夠嗎？以現階段篩檢量能答案顯然是不夠將檢驗量能繼續提高是接下來要努力旳重要方向。</t>
  </si>
  <si>
    <t>疫情感染檢驗院內金川病例接下來指揮接觸出現台商確診臺灣不夠</t>
  </si>
  <si>
    <t>武漢肺炎新冠肺炎新型冠狀病毒台灣NCP</t>
  </si>
  <si>
    <t>外語口罩</t>
  </si>
  <si>
    <t>因為新冠肺炎疫情近日衛福部推出「口罩20」但並無移工適用的如越語、印尼語、英語及泰語等外語版移工團體質疑雖然推出口罩網購但無論健保快易通App、口罩購買網站均無移工適用的外語版也沒有方便移工付</t>
  </si>
  <si>
    <t>口罩推出外語適用近日衛福部快易通app疫情購買網站沒有質疑團體印尼語英語泰語越語肺炎方便</t>
  </si>
  <si>
    <t>因為新冠肺炎疫情近日衛福部推出「口罩20」但並無移工適用的如越語、印尼語、英語及泰語等外語版移工團體質疑雖然推出口罩網購但無論健保快易通App、口罩購買網站均無移工適用的外語版也沒有方便移工付款等方式呼籲政府應督促雇主提供。
據勞動部統計截至去年年底全台移工逾71萬人包括產業移工45萬餘人、社福移工26萬餘人雖然近期衛福部針對移工製作外語文宣等但口罩取得仍不易。
目前口罩20提供的網路預購提供成人口罩成人口罩7天可購買3片每片5元每筆訂單需自付7元運費意謂22元可取得3片口罩付款方式則包括轉帳、信用卡等方式。
移工界人士表示目前觀察部分移工外出會配戴口罩但仍以自行製作的布口罩為主而未配戴口罩的原因主要為沒有時間排隊購買等雖然政府推出口罩20預購制度但沒有越語、印尼語、泰語及英語等外語版移工自行操作上有困難再加上如轉帳、信用卡等付款方式對移工而言並不友善遑論到超商領取呼籲政府應督促雇主提供口罩給移工。</t>
  </si>
  <si>
    <t>口罩沒有購買推出方式外語政府付款提供自行衛福部取得目前製作配戴適用包括呼籲預購越語督促雇主</t>
  </si>
  <si>
    <t>移工口罩外語付款新冠肺炎</t>
  </si>
  <si>
    <t>付款外語口罩肺炎</t>
  </si>
  <si>
    <t>口罩標榜檢驗</t>
  </si>
  <si>
    <t>新北市法制局抽驗市售11款抗菌布口罩結果有2件不符合國家抗菌標準8件商品標示不符規定至於甲醛及可遷移螢光劑檢測則全部合格。其中不符合國家抗菌標準的廠商1家在新北已要求下架另1家在北市已移由北市政府</t>
  </si>
  <si>
    <t>新北標準符合國家北市遷移甲醛廠商至於規定檢測不符商品標示合格口罩要求抽驗</t>
  </si>
  <si>
    <t>新北市法制局抽驗市售11款抗菌布口罩結果有2件不符合國家抗菌標準8件商品標示不符規定至於甲醛及可遷移螢光劑檢測則全部合格。其中不符合國家抗菌標準的廠商1家在新北已要求下架另1家在北市已移由北市政府做後續處理請他們下架日後不繼續販售。
消保官鍾佳儒認為抗菌布口罩的價格跟抗菌力未必有顯著相關性舉例北市廠商出產的布口罩一個要299元代表未必越貴越好但便宜也不見得能達到我們的要求。
法制局吳宗憲局長指出由於機能性紡織品通常係無法目測瞭解其標榜的效能消費者不易直接從產品的外觀及觸感來辨別產品的功能消保官身為消費權益的捍衛者更應替民眾好好把關；本次抗菌性檢驗依CNS 14945「一般用途抗菌紡織品性能評估」進行係評估標榜抗菌性能紡織品「減菌率」以金黃色葡萄球菌（革蘭氏陽性菌）和肺炎桿菌（革蘭氏陰性菌）作為代表菌種測試時係將定量菌液接種在標榜抗菌的紡織品上觀察經過一定時間後細菌能減少多少。根據本標準抗菌性紡織品減菌率至少應達到99％。
鍾佳儒說明經全國公證檢測結果11件樣品的甲醛及可遷移螢光劑檢測皆符合標準但有2件不符合國家抗菌標準其中1件樣品竟測出肺炎桿菌數沒有顯著減少抗菌效果令人存疑。另再經本府經濟發展局依據商品標示法及服飾標示基準進行標示查核8件樣品的商品標示不符包括無標示生產國別、尺寸或尺碼、纖維成分或填充物成分及洗燙處理方法等。
鍾佳儒說本次市售11款抗菌布口罩的抗菌性檢驗結果已請抗菌檢測不符合之製造廠商先行下架並由新北市經濟發展局或移請業者所在地其他縣市依據商品標示法及相關規定進行查處輔導改正。</t>
  </si>
  <si>
    <t>紡織品商品標示樣品檢測標準進行標榜口罩結果達到標示代表產品新北</t>
  </si>
  <si>
    <t>新冠肺炎台灣抗菌布口罩標準</t>
  </si>
  <si>
    <t>臺灣肺炎口罩標準</t>
  </si>
  <si>
    <t>西平晚會停辦事情苦口婆心負責</t>
  </si>
  <si>
    <t>新冠肺炎肆虐全球全球累積141萬人喪命各國恐將停辦跨年晚會不過台灣疫情控制得當跨年晚會照常舉行但屆時勢必數十萬人群聚一起恐將形成防疫破口也讓曹西平在臉書呼籲：「停辦一次跨年又會如何？」不過</t>
  </si>
  <si>
    <t>停辦晚會全球呼籲西平照常防疫累積舉行形成勢必屆時人群一起肆虐喪命得當臺灣肺炎</t>
  </si>
  <si>
    <t>新冠肺炎肆虐全球全球累積141萬人喪命各國恐將停辦跨年晚會不過台灣疫情控制得當跨年晚會照常舉行但屆時勢必數十萬人群聚一起恐將形成防疫破口也讓曹西平在臉書呼籲：「停辦一次跨年又會如何？」不過眼見似乎沒啥成效讓他再次發文喊話：「萬一出事情誰要負責」。
曹西平擔憂舉辦跨年晚會時數十萬人聚集會場並塞爆捷運屆時恐造成群聚感染導致台灣防疫破功再次呼籲各縣市能停辦跨年晚會改用現場轉播倒數計時就可以更強調跨年晚會時間這麼長誰能口罩可以帶七、八個小時都不會脫掉尤其參加跨年晚會的人來自世界各地誰身上帶有病毒也不清楚若真的出事了誰能扛起負責這30多萬人的責任。
此外曹西平表示12月起強制戴口罩不戴口罩要被罰1萬五千元既然如此為何還要眾人冒著群聚危險邊強迫大家戴口罩邊辦跨年晚會倒數更點出各縣市政府都哭喊發不出薪水了不解為何還是要燒錢辦跨年晚會讓他質問：「不懂這樣子的心態是什麼？」
對此網友多贊同曹西平的見解紛紛留言：「曹大哥那麽中肯的苦口婆心若聽不進去沒效就只能自求多福」、「大家都在努力做好防疫但跨年還群聚這麼多人真的很矛盾」、「跨年的模式一成不變政府花錢做這種跨年要幹嘛更何況疫情還未解除」。</t>
  </si>
  <si>
    <t>晚會西平口罩防疫停辦再次可以屆時真的臺灣負責呼籲</t>
  </si>
  <si>
    <t>曹西平跨年晚會停辦新冠肺炎群聚感染</t>
  </si>
  <si>
    <t>停辦晚會肺炎西平感染</t>
  </si>
  <si>
    <t>醫師升溫學校疫情宣導衛教肺炎</t>
  </si>
  <si>
    <t>新冠肺炎疫情持續延燒避免可能的群聚感染屏東基督教醫院與國小防疫中心宣導學校仁愛國小合作安排畢業後第1年的住院醫師前往學校及社區宣導正確防疫知識趁勢培訓社區防疫小尖兵。9位分別來自成大醫院、奇美醫</t>
  </si>
  <si>
    <t>防疫醫院社區國小宣導學校持續避免可能成大疫情感染來自分別尖兵基督教畢業正確住院安排前往醫師合作</t>
  </si>
  <si>
    <t>新冠肺炎疫情持續延燒避免可能的群聚感染屏東基督教醫院與國小防疫中心宣導學校仁愛國小合作安排畢業後第1年的住院醫師前往學校及社區宣導正確防疫知識趁勢培訓社區防疫小尖兵。
9位分別來自成大醫院、奇美醫院、嘉義基督教醫院、高雄長庚醫院、高雄榮民總醫院、高醫畢業後第1年的住院醫師目前在屏基接受2個月社區醫學訓練認識並體驗基層醫療。
由於學校已停止大型集會因此住院醫師們從上周開學後便進入仁愛國小依學校健康中心安排到各年級一班一班地宣導內容包括認識新型冠狀病毒肺炎的傳染途徑、症狀及預防；正確洗手步驟、如何戴口罩學生們反應熱烈發問各種問題從無症狀該怎麼辦到藥物治療等顯示學生們也很關注疫情發展。
醫師潘柏宏指出到校宣導衛教主要的目的就是教導學生如何打斷新冠肺炎的傳染途徑包括戴口罩、勤洗手其實懂得越多、沒來由的恐慌也就能夠避免。</t>
  </si>
  <si>
    <t>醫師學生學校醫院社區住院防疫肺炎國小症狀認識正確疫情口罩包括基督教安排途徑傳染仁愛避免中心畢業宣導</t>
  </si>
  <si>
    <t>新冠肺炎台灣屏基仁愛國小勤洗手</t>
  </si>
  <si>
    <t>屏基臺灣仁愛肺炎國小勤洗手</t>
  </si>
  <si>
    <t>傳播基層診所社區迎戰撐不住</t>
  </si>
  <si>
    <t>新冠肺炎疫情以來各家診所業績「雪崩式」減少尤以耳鼻喉科及牙科最多跌了5成以上基層診所反映防護相關設備不足無法因應未來大規模社區傳播。台灣麻醉科醫學會理事長陳坤堡指出他親眼看到很多醫師在</t>
  </si>
  <si>
    <t>診所理事長醫學會以來麻醉臺灣傳播社區業績未來雪崩因應陳坤堡無法不足尤以減少耳鼻喉科設備牙科相關防護反映以上基層</t>
  </si>
  <si>
    <t>新冠肺炎疫情以來各家診所業績「雪崩式」減少尤以耳鼻喉科及牙科最多跌了5成以上基層診所反映防護相關設備不足無法因應未來大規模社區傳播。
台灣麻醉科醫學會理事長陳坤堡指出他親眼看到很多醫師在演練執行插管時就只穿著普通隔離衣「萬一患者咳嗽噴出飛沫就會沾染到病毒」因此醫學會只好自我救濟研擬「降低插管感染風險麻醉醫學會發佈建議書」希望提供給各醫院一套安全的流程建議。
插管風險 盼有安全建議
彰化縣鹿港鎮豐安診所院長蔡明忠指出任何疫情產生會有民眾擔心的效應包括擔心而不敢看病、或害怕看病引發更大感染導致「遊離現象」且民眾對病毒的自我認知強烈讓診所面臨更大的看診麻煩。
一家基層診所每月基本支出約2、30萬元診所醫師林應然認為SARS疫情只有幾個月影響而新冠肺炎應會拖很久基層診所的呼籲只是未雨綢繆希望政府在紓困專案中提供基層診所補助、甚至支助未來遭到隔離的診所否則會有診所被迫關門。
蔡明忠強調經濟壓力是其次反而社會壓力與醫師面對生死交關的問題影響最大這代表醫療端的付出應受各界關心與支持現在基層院所更擔心設備不足以預防病毒政府應根據疫情發展程度提供不同裝備以對抗病毒。
防護不足 籲中央當靠山
基層診所需要政府告知什麼流程才能順利處理病人達到分流效果蔡明忠說新冠肺炎變異方式多、病情變化大政府要絕對支持基層醫療臨床診治如果衍生民眾對醫療的誤解政府要當基層醫療的靠山這比發給防疫裝備更重要。
蔡明忠指出當基層醫療有防疫裝備、有足夠心靈支持與法律協助台灣的基層醫療會在這場嚴峻的病毒戰爭中成為一道堅強的防線台灣的防疫體系才能完整。</t>
  </si>
  <si>
    <t>診所基層病毒政府醫療蔡明忠疫情醫師臺灣提供醫學會插管民眾指出支持裝備防疫肺炎擔心感染流程影響</t>
  </si>
  <si>
    <t>基層診肺炎病毒基層醫療蔡明忠</t>
  </si>
  <si>
    <t>病毒基層肺炎醫療蔡明忠</t>
  </si>
  <si>
    <t>有無疫情透露主席ioc東奧</t>
  </si>
  <si>
    <t>2020東京奧運因為新冠肺炎大流行從今年7月延到明年7月23日但是疫情至今尚未受到控制也依舊影響許多國際賽事進行不過國際奧會（IOC）副主席柯提斯（John Coates）表示不論有沒有新冠肺炎疫情東京奧運明年仍</t>
  </si>
  <si>
    <t>疫情明年肺炎國際ioc主席柯提斯john控制coates受到尚未表示至今奧運沒有延到流行今年進行賽事影響</t>
  </si>
  <si>
    <t>2020東京奧運因為新冠肺炎大流行從今年7月延到明年7月23日但是疫情至今尚未受到控制也依舊影響許多國際賽事進行不過國際奧會（IOC）副主席柯提斯（John Coates）表示不論有沒有新冠肺炎疫情東京奧運明年仍會舉行。
柯提斯向法新社證實2020東京奧運會在明年7月23日開始並形容東奧是「擊敗新冠肺炎的比賽」柯提斯補充：「比賽會有自己的主題原本東京奧運要以2011年日本地震及海嘯災難之後、象徵日本重建的大賽。」
柯提斯補充：「現在東京奧運就會是擊敗新冠病毒的比賽是陰暗通道後的光芒。」
東京奧運籌備委員會秘書長武藤敏郎在7月份表示這次東京奧運規模可能會限制觀眾人數但會盡量避免完全閉門進行屆時是否有疫苗也不是辦比賽的先決條件但如果疫苗問世絕對是很大的幫助。
國際奧會主席巴赫（Thomas Bach）說過要讓一個動輒出動3000到5000人的大型賽事並讓各國際協會在每年不斷修改行程是很困難的因此假如2021年還是辦不了那就不會再延期而在2020東京奧運延賽前奧運史上有過兩次因為戰爭取消但這是第一次延期。</t>
  </si>
  <si>
    <t>奧運東京柯提斯明年比賽賽事表示肺炎國際疫情進行日本主席補充延期疫苗擊敗</t>
  </si>
  <si>
    <t>柯提斯東京奧運2020東京奧運比賽東奧</t>
  </si>
  <si>
    <t>奧運東京東奧比賽柯提斯</t>
  </si>
  <si>
    <t>周內暴確診總數衝破美國</t>
  </si>
  <si>
    <t>過去2周美國確診案例暴增近百萬這數字比整個6月還要多也意味著美國距離疫情完全控制仍言之過早且正如川普總統所言情況在好轉之前會先變得更糟糕。在23日美國確診人數可望跨過4百萬大關。依照約翰霍普</t>
  </si>
  <si>
    <t>美國確診人數案例情況好轉總統之前川普正如言之過早糟糕控制數位完全還要疫情距離意味著可望</t>
  </si>
  <si>
    <t>過去2周美國確診案例暴增近百萬這數字比整個6月還要多也意味著美國距離疫情完全控制仍言之過早且正如川普總統所言情況在好轉之前會先變得更糟糕。
在23日美國確診人數可望跨過4百萬大關。依照約翰霍普金斯大學的系統美國至22日的總確診為397萬2千餘例以當天新增6萬8千多例確診來看4百萬里程碑鐵定落在23日。
美國第1個確診的新冠肺炎案例在1月21日通報。99天後美國被感染的人數到達百萬。再經過43天全美已有2百萬人感染新冠病毒。在這之後不到一個月28天後的7月8日美國確診衝上3百萬。可怕的是僅僅半個月染疫人數就飆到4百萬且新增百萬例的時間間隔愈來愈短。</t>
  </si>
  <si>
    <t>美國確診人數感染案例新增川普總統正如情況言之過早好轉之前控制完全疫情距離意味著還要</t>
  </si>
  <si>
    <t>美國4百萬確診新冠肺炎疫情</t>
  </si>
  <si>
    <t>肺炎確診疫情美國</t>
  </si>
  <si>
    <t>分析師鐘崑</t>
  </si>
  <si>
    <t>摩爾投顧分析師鐘崑禎表示台股17日盤中一度逼近具有長線投資意義的10年均線隨即吸引不少低接買盤進場終場下跌27814點跌幅明顯縮小緩步止跌的跡象浮現。個股方面本周納入投資組合的元大美債20正2受惠</t>
  </si>
  <si>
    <t>投資師鐘崑表示組合盤中納入一度逼近方面具有分析浮現跡象個股長線緩步縮小明顯跌幅下跌終場進場意義</t>
  </si>
  <si>
    <t>海嘯金融投資明顯肺炎經濟預期師鐘崑內應表示時間盤中fed准會閃電美國一度受惠降息指數資金</t>
  </si>
  <si>
    <t>金融海嘯摩爾投顧分析師鐘崑禎新冠肺炎</t>
  </si>
  <si>
    <t>分析鐘崑禎摩爾海嘯金融肺炎</t>
  </si>
  <si>
    <t>揮手阿劄爾臺灣民眾衛生部長打招呼</t>
  </si>
  <si>
    <t>美國衛生及公共服務部部長亞歷克斯·阿劄爾（Alex Azar）今天率團訪台這是及1979年以來訪台層級最高的美國內閣官員阿劄爾在台灣時間下午五點左右已經抵達松山機場下飛機後由AIT處長酈英傑等人迎接阿劄爾也向</t>
  </si>
  <si>
    <t>阿劄爾美國訪台酈英傑ait處長飛機松山機場亞曆克斯抵達alexazar今天已經下午最高時間官員臺灣內閣部長以來率團層級迎接公共服務</t>
  </si>
  <si>
    <t>美國衛生及公共服務部部長亞歷克斯·阿劄爾（Alex Azar）今天率團訪台這是及1979年以來訪台層級最高的美國內閣官員阿劄爾在台灣時間下午五點左右已經抵達松山機場下飛機後由AIT處長酈英傑等人迎接阿劄爾也向媒體揮手。
美國衛生部部長阿薩爾於本周率團訪問台灣阿薩爾為首位訪台的美國衛生部部長也是六年來首位訪台的美國內閣成員以及1979年以來訪台層級最高的美國內閣官員。
美國在台協會表示阿薩爾此次歷史性的訪問將強化美台夥伴關係並促進美台對抗全球新冠疫情的合作。台灣作為一個自由、透明的民主社會在對抗疫情上成果非凡展現出臺灣在國際社會所扮演的關鍵角色。</t>
  </si>
  <si>
    <t>臺灣阿劄爾美國訪台部長阿薩爾社會對抗疫情內閣訪問官員衛生部最高國際飛機ait松山機場處長抵達以來展現出全球酈英傑已經</t>
  </si>
  <si>
    <t>美國衛生部長阿劄爾新冠肺炎</t>
  </si>
  <si>
    <t>衛生部長阿劄爾肺炎美國</t>
  </si>
  <si>
    <t>打完疫苗台中</t>
  </si>
  <si>
    <t>全台陸續出現接種AZ疫苗後時間關連性的猝死案件台中市累計至21日已有12例；21日再傳出有一名66歲洗腎男子清晨被發現無呼吸、心跳送醫不治此外潭子另名86歲老婦跌約上午8時在家中跌倒救護人員到場已無生命</t>
  </si>
  <si>
    <t>az疫苗時間關連性猝死案件接種台中人員家中時在上午累計跌倒老婦潭子救護不治送醫心跳</t>
  </si>
  <si>
    <t>全台陸續出現接種AZ疫苗後時間關連性的猝死案件台中市累計至21日已有12例；21日再傳出有一名66歲洗腎男子清晨被發現無呼吸、心跳送醫不治此外潭子另名86歲老婦跌約上午8時在家中跌倒救護人員到場已無生命跡象送醫搶救無效過世經瞭解個案曾於15日施打AZ疫苗。
台中潭子區6月21日傳出兩名日前接種AZ疫苗患者猝逝意外先是清晨6時一名66歲洗腎男子被家人發現無呼吸、心跳送慈濟醫院救不治身亡經瞭解他在6月17日曾於洗腎診所施打AZ疫苗。
而上午約8點另外86歲老婦在家跌倒救護人員到場已無生命跡象送往豐原醫院搶救無效過世該婦人也曾於15日施打AZ疫苗。
台中市衛生局表示兩案例將通報中央釐清死亡與疫苗的相關性衛生局也將協助家屬提出預防接種受害救濟申請協助收集相關病歷資料提送中央審議如確定因預防接種致死最高將給付600萬元救濟金。</t>
  </si>
  <si>
    <t>疫苗az中央台中預防接種協助醫院不治潭子瞭解衛生局送醫接種傳出搶救無效過世老婦清晨上午心跳呼吸</t>
  </si>
  <si>
    <t>AZ疫苗洗腎猝死台中</t>
  </si>
  <si>
    <t>猝死疫苗az台中</t>
  </si>
  <si>
    <t>總統確診巴基斯坦疫苗接種肺炎</t>
  </si>
  <si>
    <t>巴基斯坦總統艾維今天在推特發文說他在接種2019冠狀病毒疾病（COVID－19）第1劑疫苗後驗出了病毒陽性反應。艾維（Arif Alvi）推文說：「我已接種過（第1劑）疫苗但要到一週後再次接種（第2劑）才會產生抗體</t>
  </si>
  <si>
    <t>接種疫苗病毒文說艾維再次特發陽性反應arifcovid-alvi疾病今天產生總統抗體巴基斯坦</t>
  </si>
  <si>
    <t>巴基斯坦總統艾維今天在推特發文說他在接種2019冠狀病毒疾病（COVID－19）第1劑疫苗後驗出了病毒陽性反應。
艾維（Arif Alvi）推文說：「我已接種過（第1劑）疫苗但要到一週後再次接種（第2劑）才會產生抗體所以請各位保持謹慎。」
巴基斯坦的病例增加快速總理伊姆蘭汗（Imran Khan）本月稍早在注射過第1劑疫苗2天後也驗出病毒陽性反應。不過巴國官員指出他可能是在接種疫苗之前即已感染病毒。（譯者：張佑之）1100330</t>
  </si>
  <si>
    <t>接種疫苗病毒巴基斯坦文說陽性反應艾維伊姆蘭汗快速增加病例總理imran謹慎khan保持本月抗體產生即已之前</t>
  </si>
  <si>
    <t>疫苗病毒巴基斯坦斯坦反應</t>
  </si>
  <si>
    <t>疫苗病毒斯坦反應巴基斯坦</t>
  </si>
  <si>
    <t>中風昏迷高端不良事件研究生</t>
  </si>
  <si>
    <t>一名曾接種過高端疫苗的嘉義大學生近日在通勤途中昏倒。指揮中心今天證實該名大學生曾在九月十日接種高端疫苗十六日在騎車途中昏倒目前醫師研判為右側缺血性腦中風正在加護病房搶救中個案現已通報進不良</t>
  </si>
  <si>
    <t>昏倒途中大學生疫苗高端個案搶救病房中風接種缺血性右側判為醫師目前通報嘉義曾在騎車證實九月</t>
  </si>
  <si>
    <t>一名曾接種過高端疫苗的嘉義大學生近日在通勤途中昏倒。指揮中心今天證實該名大學生曾在九月十日接種高端疫苗十六日在騎車途中昏倒目前醫師研判為右側缺血性腦中風正在加護病房搶救中個案現已通報進不良事件統計系統將協助家屬申請預防接種受害救濟（VICP）。
指揮中心發言人莊人祥表示該名男大生年約二十幾歲經醫院回傳資料發現有血栓症狀為右側缺血性腦中風正在加護病房住院至於相關疫苗接種後不良事件回報這幾天各醫院仍然在持續進行預計連假過後才會對外說明統計資訊。</t>
  </si>
  <si>
    <t>疫苗醫院接種事件不良指揮中心昏倒途中大學生統計右側病房缺血性高端中風才會申請家屬預計資料預防接種回傳</t>
  </si>
  <si>
    <t>血栓昏倒莊人祥高端疫苗指揮中心</t>
  </si>
  <si>
    <t>莊人祥高端疫苗昏倒指揮中心血栓</t>
  </si>
  <si>
    <t>cnn製造川普假新聞</t>
  </si>
  <si>
    <t>美國總統川普週四在新冠肺炎簡報會中發火當《華盛頓郵報》（The Washington Post）記者駱克（Philip Rucker）問及美國國土安全部（US Department of Homeland Security）科學技術局代理局長布萊恩（William Br</t>
  </si>
  <si>
    <t>代理科學技術局肺炎security簡報homelandofdepartment發火華盛頓郵報the美國國土安全部問及washingtonruckerpostphilip記者駱克週四局長川普布萊恩william</t>
  </si>
  <si>
    <t>美國總統川普週四在新冠肺炎簡報會中發火當《華盛頓郵報》（The Washington Post）記者駱克（Philip Rucker）問及美國國土安全部（US Department of Homeland Security）科學技術局代理局長布萊恩（William Bryan）說新冠肺炎可被濕與熱還有清潔劑遏制時滿腔怒火頓時大爆發。
據《國會山莊報》（The Hill）與天空新聞（Sky News）網報導川普在簡報會中說專家可以進一步研究以注射清潔劑和強光照射來治療新冠肺炎引發廣大爭議。
「我是總統而你是假新聞」川普對駱克說「那只是來自優秀實驗室來自十分十分聰明甚至是聰明絕頂人士的建議。他說的是太陽說的是熱。而你也看到數字了。就是那樣我說的就是這些。我只是在這兒秀人才提構想的。」
Trump to reporter: &amp;quot;I&amp;apos;m the President and you&amp;apos;re fake news&amp;quot; pictwittercom/QCtkX393l7
不過當川普轉頭問白宮新冠肺炎工作小組應變協調員柏克絲（Deborah Birx）時她卻回答不知道陽光能有效遏制任何病毒的事。
當另一名記者問川普他知不知道CNN報導北韓最高領導人金正恩動了心臟手術病危的事。川普在回答前先吹捧自己的政府和前任政府不同和金正恩關係親密接著就痛批CNN。
「我認為那報導不正確」他說「我認為那報導是由不正確的新聞網做的。我聽說他們用的是舊文件……我希望那是不正確的報導。」當CNN記者問他和金正恩是否有任何聯繫時他則拒絕回答。當她還想繼續提問時川普斷然回答：「別和我說話CNN是假新聞！」</t>
  </si>
  <si>
    <t>川普回答報導肺炎the金正恩cnn記者&amp;quotnews清潔劑駱克遏制正確簡報總統假新聞來自</t>
  </si>
  <si>
    <t>川普假新聞新冠肺炎武漢肺炎CNN</t>
  </si>
  <si>
    <t>肺炎武漢假新聞川普cnn</t>
  </si>
  <si>
    <t>ktv飲食唱歌雙鐵不用鬆綁口罩防疫</t>
  </si>
  <si>
    <t>國內疫情趨緩儘管防疫2級警戒11月2日不會調降但管制措施將大幅鬆綁。行政院長蘇貞昌今天宣佈11月2日起KTV可以不用戴口罩看電影、搭客運與雙鐵都開放飲食集會也不再受人數限制而八大行業也分階段規劃鬆</t>
  </si>
  <si>
    <t>行業八大防疫不再警戒集會飲食開放雙鐵客運電影措施大幅鬆綁管制口罩行政院長蘇貞昌今天</t>
  </si>
  <si>
    <t>國內疫情趨緩儘管防疫2級警戒11月2日不會調降但管制措施將大幅鬆綁。行政院長蘇貞昌今天宣佈11月2日起KTV可以不用戴口罩看電影、搭客運與雙鐵都開放飲食集會也不再受人數限制而八大行業也分階段規劃鬆綁相關實施時程與細節由指揮中心宣佈。
蘇貞昌今主持行政院會後由政院發言人羅秉成轉述會中結論表示目前全球每日新增約40萬確診數台灣因全國同胞共同努力已連續60天本土確診個位數累積超過30天零確診另由於目前疫苗愈來愈充足希望今年底前能將第二劑的施打率衝高到6成。
交通部指出現行交通場站內均已開放飲食故在維持基本防疫條件下全面鬆綁交通運具內飲食限制包含台鐵及高鐵列車內、公路客運及遊覽車內以及國內線班機與船舶內在維持適當社交距離下、鄰近無旅客或旅客有配戴口罩下可開放飲食。另郵局營業區域亦可在前開條件下開放飲食。
此外指揮中心解除室內80人、室外300人的容留管制規定因此交通部轄管國家風景區及觀光遊樂業也配合取消容留量上限為承載人數80％的規定不另訂上限。
蘇貞昌稍早在院會中也表示和指揮中心等部會討論過後11月2日起民眾到KTV唱歌可以不用再佩戴口罩集會人數也不會再受限制另外八大行業也會分階段鬆綁。</t>
  </si>
  <si>
    <t>飲食開放鬆綁蘇貞昌中心指揮口罩限制確診人數目前交通部防疫客運維持表示容留規定管制</t>
  </si>
  <si>
    <t>雙鐵防疫規範鬆綁佩戴口罩新冠肺炎</t>
  </si>
  <si>
    <t>佩戴口罩鬆綁規範防疫肺炎雙鐵</t>
  </si>
  <si>
    <t>肺炎陳其邁確診</t>
  </si>
  <si>
    <t>行政院副院長陳其邁在臉書大談口罩實名制的流行病學基礎他說若國內防疫工作不夠落實則依此等比級數累計增加只要傳遞9次確診人數就會來到26萬人將造成非常可怕的後果。陳其邁說在流行病學中有個常用</t>
  </si>
  <si>
    <t>陳其邁流行病確診人數傳遞增加累計等比級數口罩依此落實造成不夠工作非常防疫</t>
  </si>
  <si>
    <t>口罩確診指數表示購買陳其邁傳染覆蓋率防疫肺炎覆蓋增加傳染給落實居多傳染病年輕人預購網路</t>
  </si>
  <si>
    <t>患者康復肺炎治癒率陝西</t>
  </si>
  <si>
    <t>大陸陝西省衛生健康委員會4日表示截至4日8時全省確診的245例病例已治癒出院218例治癒率889％。陝西先後修訂完善醫療救治診療方案和流程圖制定執行新冠肺炎病例轉運工作方案、重型及危重型患者轉診工作方</t>
  </si>
  <si>
    <t>方案病例工作健康委員會全省確診危重治癒率修訂陝西表示先後完善醫療轉運救治診療流程圖制定肺炎執行截至</t>
  </si>
  <si>
    <t>大陸陝西省衛生健康委員會4日表示截至4日8時全省確診的245例病例已治癒出院218例治癒率889％。
陝西先後修訂完善醫療救治診療方案和流程圖制定執行新冠肺炎病例轉運工作方案、重型及危重型患者轉診工作方案、出院標準及出院流程和新冠肺炎患者遺體處置工作指引等。
同時陝西嚴格實行分類救治將重型及危重型患者全部集中在省級定點的唐都醫院救治兒童患者集中在西安市第八醫院、西安市兒童醫院救治孕產婦患者集中在西安交通大學第一、二附屬醫院救治外籍患者集中在西安交通大學第一附屬醫院救治。
此外陝西建立遠程醫療服務和指揮系統利用網路連結市縣救治指揮部和定點醫院由省級專家在線指導堅持每天與定點醫院實時互動及時瞭解全省患者特別是危重症、重症確診病例救治情況及時分析病情研討完善救治方案群策群力提高治療效率。
據瞭解陝西製定完善符合省情的新冠肺炎中醫藥預防方案和治療方案建立中西醫結合診療機制、會診制度及專家包市製度截至目前全省245名確診病例有229例接受中藥治療中醫藥參與治療率達到935％。</t>
  </si>
  <si>
    <t>救治患者方案陝西病例治療全省完善確診工作肺炎專家及時瞭解集中制定建立診療截至中醫藥醫療危重醫院定點醫院</t>
  </si>
  <si>
    <t>救治患者醫院方案陝西</t>
  </si>
  <si>
    <t>救治陝西醫院患者方案</t>
  </si>
  <si>
    <t>學長ok出國張上淳</t>
  </si>
  <si>
    <t>張上淳遭爆2個醫師兒在本月4日、14日分別赴美遊玩但由於上個月政府就針對醫護人員出國做出限制加上近日疫情持續擴大許多確診者都是出遊返國人士引起不少人質疑。對此張上淳表示預定14日出國的兒子已取消行</t>
  </si>
  <si>
    <t>張上淳日出預定表示上個月政府對此醫護人員質疑出國做出引起限制人士加上返國近日兒子出遊疫情持續擴大確診</t>
  </si>
  <si>
    <t>張上淳遭爆2個醫師兒在本月4日、14日分別赴美遊玩但由於上個月政府就針對醫護人員出國做出限制加上近日疫情持續擴大許多確診者都是出遊返國人士引起不少人質疑。
對此張上淳表示預定14日出國的兒子已取消行程而4日出國的兒子在當時台灣尚未將美國列入二級警示因此符合資格並未違反規定。
PTT八卦版有醫師爆料這件事情非常嚴重打擊醫護的士氣！
爆料醫師指出這位學弟-張P的兒子當到台灣最強NTU的內科R了出國很開心放fb爽翻一波？幫你cover的同儕有沒有靠北的要死？
醫師指出政府2/23開始放風向禁全體醫護出國假單寫出國在各大醫學中心基本上都不太會過啦身邊每個醫護都在法源尚不清楚的情況下默默取消行程損失還不是自己吞！
「結果」爆料醫師抱怨「我們OK你出國？」「3/4出國飛爽爽好羨慕我們只能每天滑檢體棒！」</t>
  </si>
  <si>
    <t>出國醫師醫護兒子政府臺灣指出行程張上淳取消日出好羡慕只能疫情確診擴大出遊返國持續引起人士符合</t>
  </si>
  <si>
    <t>確診陳時中疑慮返國境外</t>
  </si>
  <si>
    <t>中央流行疫情指揮中心今(31)日公佈國內新增6例境外移入COVID-19確定病例自美國(案1026)、緬甸(案1027)、印尼(案1028及1029)、衣索比亞(案1030)及孟加拉(案1031)入境。指揮中心表示案1026為本國籍70多歲男性長</t>
  </si>
  <si>
    <t>中心指揮確定covid-境外新增公佈國內表示美國病例國籍緬甸孟加拉入境疫情衣索比亞印尼男性流行中央</t>
  </si>
  <si>
    <t>中央流行疫情指揮中心今(31)日公佈國內新增6例境外移入COVID-19確定病例自美國(案1026)、緬甸(案1027)、印尼(案1028及1029)、衣索比亞(案1030)及孟加拉(案1031)入境。
指揮中心表示案1026為本國籍70多歲男性長期居住美國今(2021)年1月3日返臺持有搭機前3日內檢驗陰性報告入境後於住家單獨居家檢疫。個案在臺期間並無症狀3月29日因出境需要至醫院自費採檢於今日確診(Ct值31次日再驗Ct值36血清抗體IgM、IgG皆為陽性)。已掌握個案接觸者共53人其中12人列居家隔離、41人列自主健康管理。已採檢48人其中17人PCR採檢陰性其餘PCR及血清抗體檢驗中。
陳時中表示今天確診的案1026為本國籍70多歲男性自美國入境該案在台灣時間較久後才驗出疑慮比較深相關調查會持續進行。另自印尼入境的案1029為印尼籍漁工。還在居家隔離期間內公司便逕行安排採檢雖時間短但已違反居家隔離規定後續會再針對違法狀況裁罰。
許多人好奇該案的感染風險莊人祥補充案1026為公司高層主管還是會去公司上班但平常都是自己開車也會參加內部會議但會議的人數不多目前指揮中心會針對他可能接觸的對象作疫情調查與追蹤但目前該案抗體陽性看起來比較可能是在國外感染只是進入國內時沒有採檢出來因為出國才驗出來病毒量不高屬於時陰時陽的狀態。
指揮中心指出案1027為緬甸籍30多歲男性漁工今年3月14日來臺工作持有搭機前3日內檢驗陰性報告入境後至防疫旅宿居家檢疫。個案3月29日檢疫期滿後由公司安排至醫院自費採檢於今日確診(Ct值35血清抗體檢驗中)。個案在臺期間並無症狀已掌握個案接觸者共3人其中2人列居家隔離、1人列自主健康管理。
指揮中心表示案1028及1029均為印尼籍20多歲男性漁工今年3月4日來臺工作皆持有搭機前3日內檢驗陰性報告入境後至集中檢疫所檢疫3月17日接受檢疫期滿前採檢結果均為陰性。2人檢疫期滿後至其他住所自主健康管理。3月24日搭乘專車至醫院自費採檢自費採檢結果為陰性因同行中有5人確診(案1015至1019)轉列居家隔離對象。3月29日公司逕自安排至醫院自費採檢於今日確診(Ct值分別為34及31血清抗體檢驗中)。2人在臺期間均無症狀已掌握個案接觸者共6人其中4人列居家隔離2人列自主健康管理。
指揮中心指出案1030為本國籍20多歲男性去年10月至衣索比亞工作今年3月28日返臺持有搭機前3日內檢驗陰性報告入境時無症狀主動通報曾於國外出現咳嗽、嗅味覺異常等症狀入境採檢陰性。個案入境後至集中檢疫所檢疫3月30日再次採檢並於今日確診(Ct值31血清抗體檢驗中)。已掌握個案接觸者共17人其中5人列居家隔離、12人列自主健康管理。
指揮中心表示案1031為孟加拉籍20多歲女性今年3月26日來臺就學持有搭機前3日內檢驗陰性報告入境後至防疫旅宿居家檢疫。3月28日出現咳嗽症狀由衛生單位安排就醫採檢於今日確診(Ct值18)。已掌握個案接觸者共10人其中8人列居家隔離、2人列自主健康管理。 指揮中心統計截至目前國內累計189458例新型冠狀病毒肺炎相關通報(含187640例排除)其中1030例確診分別為914例境外移入77例本土病例36例敦睦艦隊、2例航空器感染及1例不明；另1例(案530)移除為空號。確診個案中10人死亡、981人解除隔離、39人住院隔離中。</t>
  </si>
  <si>
    <t>入境確診居家個案中心指揮症狀公司隔離檢疫抗體陰性檢驗男性國內感染目前安排</t>
  </si>
  <si>
    <t>境外移入指揮中心移工新冠肺炎</t>
  </si>
  <si>
    <t>中心指揮肺炎境外</t>
  </si>
  <si>
    <t>封鎖點出美聯社大陸戰略攻陷病毒挑戰delta</t>
  </si>
  <si>
    <t>《美聯社》5日報導隨著印度變種病毒株(首次發現於印度)在中國大陸橫流大陸代價高昂的封鎖與隔離戰略正面臨嚴峻的挑戰。考量到2022年北京不但要舉辦冬奧該年年底領導人也面臨更替習近平勢必希望能持續保持經</t>
  </si>
  <si>
    <t>面臨印度大陸習近平更替封鎖隔離領導人戰略年底舉辦冬奧變種北京嚴峻挑戰考量病毒勢必發現中國橫流代價高昂</t>
  </si>
  <si>
    <t>《美聯社》5日報導隨著印度變種病毒株(首次發現於印度)在中國大陸橫流大陸代價高昂的封鎖與隔離戰略正面臨嚴峻的挑戰。考量到2022年北京不但要舉辦冬奧該年年底領導人也面臨更替習近平勢必希望能持續保持經濟熱度。過去中國大陸領導人對於阻絕病毒於門外相當有自信而今日疫情或許正提醒北京另謀傷害性沒有這麼大的抗疫之道。
由於Delta變種病毒的高度傳染力已讓美國、澳洲與其他國家的政府重新祭出限制措施也讓北京必須與2020年武漢高峰期以來的最嚴重疫情搏鬥。北京政府再度祭出封鎖與隔離的老路將擁有150萬人口的城市對外連結全數切斷、航班通通取消並在部分地區展開大規模篩檢。
透過零容忍政策、隔離每個確診病例並阻止外國遭感染的人士入境大陸去年成功控制住疫情使得國內成功擺脫病毒的困擾。不過這樣的作法影響數百萬人的工作與生活也提醒北京政府應學會控制病毒而非反覆關閉經濟與社會生活。
疫情期間爆紅、粉絲人數高達300萬的大陸醫師張文宏在社群軟體上寫道「最新一波疫情的爆發顯示大陸的戰略應該改變畢竟病毒不會消失。世界需要學習如何與病毒共存」。
考量到2022年2月北京將舉辦冬季奧運屆時上千名運動員、記者等前往首都勢必考驗大陸的管制措施。另一方面2022年年底領導階層也會面臨變動這也讓領導階層希望大陸經濟情勢持續處於樂觀階段。
2020年中國大陸封閉境內大多數地區切斷擁有6000萬人口城市的對外通道。這種做法雖然被亞洲與美洲各國政府小規模的模仿與執行但封鎖與隔離政策卻導致大陸經歷近五年來最痛苦的經濟緊縮也逼得北京不得不在2020年3月恢復商業與國內旅行。
在大陸新一波的疫情中許多確診病例的患者已接種疫苗。疫情撼動全球金融市場市場憂心北京再度祭出隔離與封鎖措施恐打亂製造業與產業供應鏈。上海、東京與香港股票指標3日應聲下跌所幸5日重新上漲。
耶魯大學公共衛生學院的陳希建議透過加速疫苗接種或加快確診病患診療從而避免社區爆發感染並允許商業與旅行；大陸也應該思考開放各種疫苗包括德國BioNTech研發的疫苗。「我不認為零容忍的做法能夠持續下去；即使你封鎖全中國大陸依舊會有死亡人數出現甚至更多人是因為飢餓或失業而死」。
不過北京目前仍沒有放棄其作法的跡象。大陸國家衛生健康委員會疾病預防控制局官員指出疾病控制必須「更快、更堅定、更嚴格、更廣泛與做好準備」。
衛生官員表示這波2021年規模最大的疫情可追溯到7月10日南京俄國航空的機場清潔人員。部分遭感染的旅客自南京飛往熱門旅遊勝地張家界讓後者成為病毒傳染的大本營疫情更向北京等10多個省市擴散。張家界3日已宣佈任何人不得離開這種做法是模仿去年發現首起確診病例武漢的做法。
飛往南京與楊州的航班都已暫停這兩大城市與其他21個城市開往北京的火車也全都取消江蘇省在高速公路設立檢查站對駕駛進行快篩。政府呼籲北京與廣州民眾應盡可能避免離開城市。
揚州大學生周蕭蕭表示揚州部分地區已遭到封鎖更傳出有兩間補習班僅因班上出現1名同學篩檢結果為陽性而全班遭到隔離。由於預期封鎖可能造成物資不足大批民眾跑去賣場採購導致雞蛋與部分食物短缺目前政府配給米給每戶食用。「蔬菜價格上漲對於經濟生活不太理想或是沒有收入的家庭恐怕很麻煩」。
雖然與印度、美國每日新增確診數破萬相比大陸7月中旬以來的感染數為1142例(多半為南京)實屬小巫見大巫；但大陸領導人卻深深遭到震撼。畢竟自2月以來大陸就沒有出現死亡案例。
《環球時報》坦言這波疫情對大陸取得不易的抗疫勝利帶來嚴峻挑戰。迄今大陸確診數約93萬例死亡人數達4636人。
儘管人們擔心大陸疫苗保護作用不如其他疫苗但南京東南大學醫院楊毅表示南京的大部分確診者登有接種疫苗重症案例卻很少見這意味著疫苗的確有保護效用。
政府指控南京機場管理人員與地方官員在病毒開始傳播的10天內並未執行安全規範也沒有發現有人確診至到7月20才因疫情爆發而發現。
陳希認為大陸有必要學習在疫苗覆蓋率高、醫療保健資源更豐富的地區「容許病毒」的存在。大陸部分地區成年人疫苗覆蓋已達8成。「我不認為他們會對此視而不見(指病毒的存在)他們應該已經在考慮了」</t>
  </si>
  <si>
    <t>大陸病毒疫情北京疫苗確診封鎖南京政府沒有部分經濟隔離地區做法城市感染中國控制衛生發現</t>
  </si>
  <si>
    <t>新冠肺炎中國大陸Delta隔離封城</t>
  </si>
  <si>
    <t>中國大陸delta肺炎隔離封城</t>
  </si>
  <si>
    <t>抗體雞尾酒病毒進入臨床</t>
  </si>
  <si>
    <t>美國藥廠雷傑納隆（Regeneron Pharmaceuticals）11日（週四）宣佈用於預防與治療新冠肺炎的抗體藥物已在全美多處地點的患者進行測試此為新冠肺炎抗體雞尾酒療法在美國首度進入臨床實驗。一旦試驗成功雷傑納隆</t>
  </si>
  <si>
    <t>抗體肺炎美國雷傑納隆臨床實驗進入pharmaceuticals首度週四宣佈用於療法預防雞尾酒治療患者全美進行藥物測試一旦regeneron試驗成功藥廠</t>
  </si>
  <si>
    <t>抗體病毒雷傑納隆藥物藥廠雞尾酒患者治療進入進行預防肺炎臨床實驗全球感染例如指出取得實驗效果身體健康</t>
  </si>
  <si>
    <t>抗體肺炎病毒預防藥廠</t>
  </si>
  <si>
    <t>病毒藥廠肺炎預防抗體</t>
  </si>
  <si>
    <t>確診死亡境外</t>
  </si>
  <si>
    <t>中央流行疫情指揮中心9日公佈國內新增16例COVID-19境外移入確定病例；另確診個案中無新增死亡。指揮中心說明今日新增16例境外移入個案為11例男性、5例女性年齡介於10多歲至50多歲分別自美國(案16800)、越南(</t>
  </si>
  <si>
    <t>指揮中心個案新增境外介於分別年齡公佈死亡確診病例女性確定國內說明covid-今日美國男性疫情</t>
  </si>
  <si>
    <t>中央流行疫情指揮中心9日公佈國內新增16例COVID-19境外移入確定病例；另確診個案中無新增死亡。
指揮中心說明今日新增16例境外移入個案為11例男性、5例女性年齡介於10多歲至50多歲分別自美國(案16800)、越南(7例案16801-16802、案16806、案16809-16812)、西班牙(案16803)、英國(2例案16804-16805)、菲律賓(2例案16807、案16815)及印尼(3例案16808、案16813-16814)入境入境日介於今(2021)年11月25日至12月7日皆持有搭機前3日內檢驗陰性報告。
指揮中心統計截至目前國內累計4600226例新型冠狀病毒肺炎相關通報(含4582236例排除)其中16704例確診分別為2060例境外移入14590例本土病例36例敦睦艦隊、3例航空器感染、1例不明及14例調查中；無新增空號病例累計111例移除為空號。2020年起累計848例COVID-19死亡病例其中836例本土個案居住縣市分佈為新北市412例、臺北市321例、基隆市29例、桃園市27例、彰化縣15例、新竹縣13例、台中市5例、苗栗縣3例、宜蘭縣及花蓮縣各2例新竹市、南投縣、雲林縣、台南市、高雄市、屏東縣及台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指揮中心措施病例個案感染境外累計死亡國內covid-本土分別確診新增新竹防疫配合</t>
  </si>
  <si>
    <t>指揮中心境外移入台灣中央流行疫情指揮中心新冠肺炎</t>
  </si>
  <si>
    <t>中心指揮疫情流行臺灣中央境外肺炎</t>
  </si>
  <si>
    <t>布吉納法索部長邦交國同一天非洲</t>
  </si>
  <si>
    <t>新冠肺炎疫情擴散歐亞美洲都受到嚴重衝擊如今病毒更將觸手延伸至非洲。當地時間3月20日我前邦交國布吉納法索繼國會副議長龔保雷病逝後宣佈4名部長同日確診新冠肺炎目前該國已累計40例確診。綜合陸媒報導</t>
  </si>
  <si>
    <t>確診肺炎累計非洲當地延伸時間觸手邦交國病毒布吉納法索如今衝擊國會嚴重議長受到龔保雷病逝美洲</t>
  </si>
  <si>
    <t>新冠肺炎疫情擴散歐亞美洲都受到嚴重衝擊如今病毒更將觸手延伸至非洲。當地時間3月20日我前邦交國布吉納法索繼國會副議長龔保雷病逝後宣佈4名部長同日確診新冠肺炎目前該國已累計40例確診。
綜合陸媒報導這四名部長分別是外交部長艾法貝瑞；教育與語言推廣部長史鄧尼斯瓦夫瓦羅；國土管理、社會和解部長西梅翁薩瓦多戈與礦業、採石業部長奧馬魯伊達尼其中貝瑞也在推特上證實自己確診但並沒有透露更多訊息。
布吉納法索總統卡波雷也在同日晚間舉行記者會並宣佈禁足令要求民眾在晚上7點後到隔天早上5點前不得出門並關閉所有機場、封鎖邊界實施為期兩周即刻生效。</t>
  </si>
  <si>
    <t>部長確診布吉納法索貝瑞宣佈同日肺炎實施邊界封鎖機場關閉為期出門不得受到早上衝擊嚴重如今美洲病毒</t>
  </si>
  <si>
    <t>新冠肺炎部長布吉納法索邦交國貝瑞</t>
  </si>
  <si>
    <t>部長肺炎布吉納法索邦交國貝瑞</t>
  </si>
  <si>
    <t>解禁抗議川普專業暗中無視扇風點火</t>
  </si>
  <si>
    <t>新冠病毒肆虐全美迫使42個州都下達禁足令讓95%的美國人口處於半封鎖狀態。雖然美官方檔指出居家防疫時間不宜輕易鬆綁但包括共和黨與民主黨執政內的數州民眾開始「坐不住」認為禁足時間太長近日甚至出現</t>
  </si>
  <si>
    <t>時間全美迫使狀態官方封鎖處於人口檔指出居家防疫美國下達不宜輕易鬆綁包括共和黨民主黨執政</t>
  </si>
  <si>
    <t>新冠病毒肆虐全美迫使42個州都下達禁足令讓95%的美國人口處於半封鎖狀態。雖然美官方檔指出居家防疫時間不宜輕易鬆綁但包括共和黨與民主黨執政內的數州民眾開始「坐不住」認為禁足時間太長近日甚至出現上街抗議媒體分析指出這除了與愈來愈多人關注防疫與拚經濟之間的平衡之外也與川普在推特一旁「搧風點火」有關。
據美國有線電視新聞網（CNN）報導密西根、俄亥俄州、肯塔基州、明尼蘇達州、北卡羅納州以及猶他州已經在近日內出現抗議居家防疫令的聲浪。雖然密西根州州長惠特默（Gretchen Esther Whitmer）已將禁足令延長至4月30日一名住在當地、替福特汽車工作的抗議民眾無視規定表示「我知道防疫很重要但為此我們暫停生活太多」。
另外明尼蘇達州16日也在州政府大樓前抗議居家禁足令該州要求命令必須延長至5月3日。一名抗議活動發言人表示明尼蘇達州苦受於財政困難與經濟蕭條他們相信可以在對抗疫情期間讓他們恢復正常上班生活。
全美數州已按耐不住剛好與一再要求要讓全球經濟復工的川普不謀而合他也一再網路上鼓舞抗議復工在推特上寫著「解放明尼蘇達州！解放密西根州！」、「拯救你們偉大的（美國憲法）第二修正案它遭受圍攻！」。
LIBERATE VIRGINIA and save your great 2nd Amendment It is under siege!
不過據美國國土安全部與衛生及公共服務部的文件顯示居家防疫如實施30天就鬆綁全美新冠肺炎感染人數將在夏季飆升恐奪走20萬條人命死亡人數只比毫無防疫作為少10萬人。
《紐約時報》分析美國各州出現抗議活動要求放寬管制令人想起茶黨（Tea Party）運動初期情況當時怒氣沖沖的抗議群眾曾闖入民主黨籍國會議員在市政廳的會議抗議時任總統歐巴馬的健保改革但這些抗議群眾背後都有重量級保守派人士和金主暗中支持。</t>
  </si>
  <si>
    <t>抗議防疫明尼蘇達州居家美國經濟要求全美出現人數群眾民眾生活時間鬆綁密西根州表示川普指出檔</t>
  </si>
  <si>
    <t>WHO新冠肺炎武漢肺炎新冠病毒 COVID-19</t>
  </si>
  <si>
    <t>肺炎武漢病毒whocovid-</t>
  </si>
  <si>
    <t>範雲翻出事蹟嚴峻追究責任疫情</t>
  </si>
  <si>
    <t>對於目前台灣疫情面臨嚴峻的局面國民黨臺北市議員王鴻薇翻出民進黨立委範雲在去年3月間還主張拍攝抗疫成功的紀錄片。王鴻薇爆氣說目前局面就是施壓3+11的範雲造成的團結防疫不代表忘記范雲的責任提名範雲的</t>
  </si>
  <si>
    <t>范雲局面王鴻薇目前代表團結造成面臨嚴峻拍攝主張去年國民黨成功臺北市紀錄片黨立委民進翻出議員</t>
  </si>
  <si>
    <t>對於目前台灣疫情面臨嚴峻的局面國民黨臺北市議員王鴻薇翻出民進黨立委範雲在去年3月間還主張拍攝抗疫成功的紀錄片。王鴻薇爆氣說目前局面就是施壓3+11的範雲造成的團結防疫不代表忘記范雲的責任提名範雲的民進黨也不要再裝睡裝死。
範雲去（2020）年3月間在立法院質詢文化部長鄭麗君時表示全世界媒體都在報導我們我們有沒有可能主動出擊譬如說我們之後能有一個影像、紀錄片或電影變成是台灣的「獨立戰役」？
當時引發網友質疑時間點洽當嗎？不少網友跑到范雲臉書留言認為還在防疫期間這樣做似乎有點超過了。
國民黨立委林為洲當時也表示時間點應該還沒到防疫第二波高峰才剛開始要拍也是等防疫告一段落這時候不要歌功頌德。
範雲當時也回應不用擔心歌功頌德的事情吧！因為立法委員是代表民間力量才來做此呼籲。
國民黨臺北市議員王鴻薇今（17）日在臉書痛批目前疫情面臨嚴峻的局面到底是誰造成的？就是施壓3+11的大立委範雲還有指揮中心扛不住綠委壓力的錯誤決策。王鴻薇強調團結防疫不代表忘記范雲的責任提名範雲的民進黨也不要再裝睡裝死。
王鴻薇怒稱雖說在疫情延燒之際防疫是第一要務但看到去年範雲主張拍攝抗疫成功紀錄片的質詢還是忍不住爆氣！</t>
  </si>
  <si>
    <t>范雲防疫王鴻薇當時國民黨疫情紀錄片局面代表表示目前質詢臺灣時間民進歌功頌德臺北市</t>
  </si>
  <si>
    <t>范雲王鴻薇新冠肺炎台灣</t>
  </si>
  <si>
    <t>肺炎王鴻薇範雲臺灣</t>
  </si>
  <si>
    <t>陸官媒陰謀論起源病毒華府</t>
  </si>
  <si>
    <t>面對美國川普政府一再指責陸隱瞞疫情並揚言調查可能是病毒起源的武漢病毒研究所陸官媒連日反擊除了先前陸中央電視台連兩日指責美國國務卿蓬佩奧有「四大罪」之外陸《人民日報》也於4月30日晚發布《這10個追</t>
  </si>
  <si>
    <t>指責美國病毒人民日報一再之外可能隱瞞四大疫情調查揚言陸官媒反擊蓬佩中央電視臺先前國務卿政府起源武漢研究所川普</t>
  </si>
  <si>
    <t>面對美國川普政府一再指責陸隱瞞疫情並揚言調查可能是病毒起源的武漢病毒研究所陸官媒連日反擊除了先前陸中央電視台連兩日指責美國國務卿蓬佩奧有「四大罪」之外陸《人民日報》也於4月30日晚發布《這10個追問美國必須回答》除了批評美國忙著造謠抹黑「甩鍋」之外這些問題都指向美國可能早出現社區傳播懷疑美國恐為真正的病毒起源。
以下是《人民日報》追問美國的十大問題：
1禽流感病毒改造去年突然重啟之後無聲無息為什麼？
2019年2月據美國《科學》雜誌網站披露美國政府機構已「悄悄」批准曾引發巨大爭議的禽流感病毒改造實驗這類被認為「危險」的實驗在被禁多年後將很快重啟。相關實驗可將H5N1禽流感病毒改造得易於在哺乳動物間傳播被認為可能帶來人際傳播風險。美國為何在相關實驗被暫停4年多後重啟這類危險實驗？又為何不見披露進展？
2美軍生物實驗室一度關閉停產真相是什麼？
日前據「全球生物防禦」（globalbiodefence）網站報道位於馬裡蘭州德特裡克堡的美國陸軍傳染病醫學研究所（USAMRIID）已經全面恢復運行。2019年7月美國疾病控制與預防中心（CDC）正式向位於馬裡蘭州德特裡克堡的美國陸軍傳染病醫學研究所（USAMRIID）發出「停產令」要求其停止進行「特定生物製劑與毒素」研究。今年3月白宮請願網站出現一道特殊的請願帖要求美國政府公佈去年7月「關閉」德特裡克堡生物實驗室的真正原因。USAMRIID神秘「關閉」和迅速重啟引人關注。針對白宮請願網站請願帖上的要求美國作何回應？
3去年傳染病演習情景今年真實上演真的只是巧合？
今年3月《紐約時報》披露的一份美國官方秘密檔顯示2019年1月至8月16日舉行美國衛生與公共服務部（HHS）發起組織了一場代號為「赤色傳染」（Crimson Contagion）的推演演習以中國最早出現病毒為模擬情景。2019年10月美國多個機構又組織了一次代號為「Event 201」的全球流行病演習。演練中的模型假設一種名為CAPS的冠狀病毒比SARS致命又如感冒輕易傳播卻未開發出疫苗能迅速傳播促成全球大流行。美國去年進行的傳染病演習的設定與現實的吻合度如此之高是否只是巧合？既然有演練在前新冠疫情發生後美國為何沒有給予足夠的關注和重視、宣稱「尚在掌握之中」？
4提前預測疫情大流行又無視警告情報為什麼？
今年4月據美國廣播公司（ABC）報道有內部消息稱早在2019年11月下旬美國情報官員就曾多次向國防情報局、五角大樓和白宮警告一場傳染病正在席捲中國武漢地區。美國國家醫學情報中心（NCMI）去年11月出具了一份詳細闡述病毒大流行情況的報告也就是後來被確認的新型冠狀病毒肺炎「COVID-19」。有分析人士認為武漢疫情爆發可能會演變成一場災難性事件。據美國《華盛頓郵報》網站報道稱在年初的2個多月時間裏特朗普獲得了美國情報機構發出的關於新冠病毒的密集警告。美國政府為何一直拖到3月13日才宣佈進入「國家緊急狀態」？
5有多少流感患者感染的其實是新冠肺炎能不能說清楚？
今年2月21日日本朝日電視台報道的「美國14萬名因流感致死的人中部分可能死於新冠肺炎」掀起熱議。美疾控中心2月底發佈的報告顯示今冬流感季美國估計已有至少3200萬流感。3月11日在美國眾議院美國疾控中心主任雷德菲爾德（Robert Redfield）親口承認在美國確實有一些「流感」死者實際感染的可能是新冠肺炎。美國流感感染者中到底有多少新冠病例？美國有沒有借流感來掩蓋新冠肺炎的情況？美國何時才能公開美國流感病毒樣本及基因序列資訊或者允許世衛組織或聯合國派遣專家採樣分析？
6新冠病毒到底什麼時候在美國出現？社區傳播是否早已開始？
今年4月下旬美國加州聖克拉拉縣政府公共衛生部門公佈的最新檢測報告顯示早在2月6日當地就有人死於新冠肺炎這比美國此前公佈的首例新冠死亡病例出現時間提前了20多天。據《洛杉磯時報》報道聖克拉拉縣的衛生官員科迪表示這些新發現的死亡病例說明當時「已經有相當程度的社區傳播」。聖克拉拉縣行政長官史密斯表示這表明新冠病毒早在1月、甚至更早就已經開始在加州傳播。加州州長紐瑟姆（Gavin Newsom）已宣佈將對去年12月以來疑似新冠死亡病例進行屍檢。新冠病毒到底什麼時候在美國出現？美國新冠疫情在社區的傳播是否早已開始？
7全球首個啟動新冠疫苗人體試驗這麼快是怎麼拿到毒株的？
據《華爾街日報》報道美國國立衛生研究院（National Institutes of Health）3月16日稱生物科技公司Moderna Inc （MRNA）針對新型冠狀病毒的試驗性疫苗已開始首次人體測試。對於全球首次針對新型冠狀病毒的疫苗人體試驗在美國啟動一事專家表示美國這一針實在太快了除非很早就開始進行試驗更早的拿到了病毒株。美國疫苗人體試驗為何進行得如此之快？美國是什麼時候通過什麼方式獲得的毒株？
8政府說疫情不嚴重官員卻在狂拋股票為什麼？
據《華盛頓郵報》報道大約在新冠肺炎疫情引發美股暴跌之前一週美國國會參議院情報委員會主席伯爾密集出售了自己和夫人持有的33隻股票估價在628萬美元到172萬美元之間。為什麼2月中旬美國政府對本國新冠肺炎疫情輕描淡寫而參議院情報委員會的多位官員卻在那時拋售價值上百萬的股票？難道政客們竟然一邊利用內幕交易售賣股票一邊對公眾隱瞞疫情？
9不許美國專家學者隨意公開談論新冠病毒是想幹什麼？
據美國《紐約時報》報道在由副總統邁克·彭斯領導美國防疫工作之後白宮於當地時間2月27日開始加強了對新冠病毒資訊「發聲」的控制。包括美國國立衛生研究院（NIH）過敏和傳染病研究所（NIAID）主任、美國疾控中心（CDC）頂級傳染病專家福西（Anthony S Fauci）在內的眾多科學家和政府衛生官員被要求：只有與美國副總統辦公室協調商議後才能發聲明或公開露面談論新冠病毒的相關話題。為什麼號稱言論自由的美國不允許專家學者自由公開討論新冠病毒？是想隱瞞什麼還是在害怕什麼？
10海外生物實驗室到底在做什麼研究為什麼從不向外界透露？
據俄羅斯衛星通訊社日前報道俄羅斯國家杜馬國際事務委員會副主席波克隆斯卡婭提議核查世界各地美國生物實驗室的合法性。前不久俄羅斯外交部發言人就美國在前蘇聯國家建立生物實驗室表達關切。俄羅斯內政、外交和國防領域專家特羅菲姆丘克表示美國這些生物實驗室所從事的工作從不向外界透露並且這些實驗室引發了大量的問題在實驗室所在地就曾爆發過大範圍的麻疹等危險的傳染類疾病。美國建立的這些生物實驗室到底在進行什麼研究？美國為何對這些生物實驗室的功能、用途、安全系數等三緘其口？</t>
  </si>
  <si>
    <t>美國病毒報導生物疫情實驗室傳播流感肺炎傳染病去年今年可能官員進行股票全球開始網站出現演習</t>
  </si>
  <si>
    <t>益生在家中斷學習獅子防疫學子霧峰平板</t>
  </si>
  <si>
    <t>新冠肺炎疫情持續蔓延預防停課不停學台中市教育局建置線上教學系統 台中市霧峰區率先響應號召企業團體捐贈平板電腦益生獅子會響應20日捐贈30台協助霧峰區國中小弱勢學生於停課期間仍可在家持續學習</t>
  </si>
  <si>
    <t>停課持續捐贈霧峰回應台中蔓延預防期間停學教育局學生疫情弱勢教學系統平板電腦益生團體企業協助號召</t>
  </si>
  <si>
    <t>新冠肺炎疫情持續蔓延預防停課不停學台中市教育局建置線上教學系統 台中市霧峰區率先響應號召企業團體捐贈平板電腦益生獅子會響應20日捐贈30台協助霧峰區國中小弱勢學生於停課期間仍可在家持續學習弭平數位學習落差。
教育局長楊振昇表示中市教育局之防疫政策「超前部署線上教學停課不停學」5月1號起將進行全市各級學校測試停課不停學是最壞的打算但我們必須做好充足的準備經全面調查全市各級學校後屬低收入戶且家中無平板之學生數約2800餘位感謝社會各界踴躍捐贈平板給學校讓台中市弱勢學生能夠透過線上學習維持學習進度。
益生獅子會長陳又榛表示從霧峰區長陳宗祈處得知霧峰區屬低收入戶且家中無平板之學生登記有67位經扣除教育局提供及各界捐贈的平板後尚缺少 30台於是號召會員踴躍捐贈補足剩餘的缺口讓霧峰地區窮苦人家的學子也能無憂無慮的線上學習。
感謝益生獅子會的善心義舉台中市政府20日在霧峰區裡長聯合服務中心舉行行動學習設備平板電腦捐贈儀式會後此批平板電腦由光復國中小洪瑞濱校長代為統籌規劃出借且防疫結束後將直接捐贈予霧峰區國中小學家中無電腦或平板的弱勢家庭學子希望能確保在平等環境下就學讓愛心綿延不斷地挹注提供更多元的學習資源。</t>
  </si>
  <si>
    <t>霧峰平板學習捐贈停課學生電腦學校教育局弱勢停學持續獅子台中益生表示防疫家中提供</t>
  </si>
  <si>
    <t>新冠肺炎線上教學停課不停學平板電腦捐贈</t>
  </si>
  <si>
    <t>停課教學停學肺炎平板電腦捐贈</t>
  </si>
  <si>
    <t>歐銀降息失控疫情大利升高</t>
  </si>
  <si>
    <t>新冠肺炎已經攻陷歐洲多國其中又以義大利疫情最為嚴重！擔憂歐元區經濟恐將受到重創投資者押注歐洲央行（ECB）7月降息的機率已攀升到50％。隔夜與遠期Eonia利率的利差多被外界視為觀察投資者如何預期ECB利率曲</t>
  </si>
  <si>
    <t>投資者ecb利率攻陷歐洲多國大利疫情最為已經嚴重擔憂歐元區經濟受到重創攀升eonia外界</t>
  </si>
  <si>
    <t>大利疫情歐洲利率週一ecb可能嚴重變化出現肺炎申根投資者地區通車經濟感染外界預測最為</t>
  </si>
  <si>
    <t>利率肺炎投資歐洲疫情</t>
  </si>
  <si>
    <t>利率疫情肺炎歐洲投資</t>
  </si>
  <si>
    <t>先鋒績優股</t>
  </si>
  <si>
    <t>新冠肺炎疫情擴散至歐美地區全球股市慘遭恐慌拋售市場專家表示台股受股災影響的同時擁有籌碼面、技術面優勢且2月營收利多較去年成長的個股展現十足抗疫情力道包括南電、泰鼎-KY、原相、展旺等16檔可做</t>
  </si>
  <si>
    <t>疫情-ky泰鼎南電擴散包括歐美地區力道全球股市恐慌慘遭拋售市場展現專家表示個股原相股災去年影響成長擁有籌碼利多技術</t>
  </si>
  <si>
    <t>疫情市場展旺個股肺炎全球表現-ky影響表示公司受惠熱映上市國際開發利多泰鼎</t>
  </si>
  <si>
    <t>南電肺炎展旺額溫槍泰鼎</t>
  </si>
  <si>
    <t>展旺肺炎溫槍南電泰鼎</t>
  </si>
  <si>
    <t>夜市防疫黃偉哲無人機出動首度社交距離台南</t>
  </si>
  <si>
    <t>新冠肺炎疫情升溫中央疫情指揮中心１日起建議民眾採安全社交距離人與人間隔１公尺但在人群聚集地仍有民眾未聽勸台南市長黃偉哲昨晚會同台南市消防局通訊義消中隊在夜市等人群上空操作無人機吊掛大聲公宣導防</t>
  </si>
  <si>
    <t>人群民眾疫情無人機中心操作升溫上空建議夜市中央中隊通訊南市同台昨晚黃偉哲市長安全台南社交</t>
  </si>
  <si>
    <t>新冠肺炎疫情升溫中央疫情指揮中心１日起建議民眾採安全社交距離人與人間隔１公尺但在人群聚集地仍有民眾未聽勸台南市長黃偉哲昨晚會同台南市消防局通訊義消中隊在夜市等人群上空操作無人機吊掛大聲公宣導防疫。這也是台灣首度有縣市政府將無人機運用在防疫作為上。
新冠肺炎疫情日趨嚴峻為加強防疫台南市長黃偉哲今（4）日率經發局、環保局、警察局與消防局等單位前往台南相當具代表性的花園夜市向攤商及消費者宣導戴口罩、勤洗手及保持社交距離等防疫觀念期望透過自我保護也保護他人的各項防疫作為將新冠肺炎病毒傳染的機率降至最低。黃偉哲市長現場透過無人機廣播向民眾宣導保持社交距離及戴口罩以降低疫病感染與傳播的機會。
黃偉哲市長表示夜市、菜市場、賣場及觀光景點都是容易產生人潮聚集的熱點因此保持社交距離有相當的必要性市府為增強宣導效能更導入科技執法採用無人機廣播擴大宣傳效益未來對於公民營市場、賣場及交通運輸場站都將加強宣導民眾戴口罩並提供酒精與強化環境消毒盡全力降低疫病傳染風險。
黃偉哲市長進一步表示防疫期間需要全民齊心共度難關傳統市場與夜市人潮出入頻繁防疫作為不可疏忽目前市府因應疫情將原來傳統市場1個月1次的清潔消毒工作提高次數為1週1次。黃偉哲市長並不斷呼籲大家出入公共場所務必戴口罩養成勤洗手的好習慣並保持社交距離。</t>
  </si>
  <si>
    <t>防疫市長黃偉哲夜市無人機民眾宣導距離社交市場口罩台南疫情保持作為人群消毒市府傳染相當人潮出入廣播</t>
  </si>
  <si>
    <t>無人機黃偉哲台南防疫社交距離</t>
  </si>
  <si>
    <t>社交黃偉哲防疫台南距離無人機</t>
  </si>
  <si>
    <t>半年來最高！疫情肆虐 外資2月撤近1200億元</t>
  </si>
  <si>
    <t>疫情肆虐外資最高</t>
  </si>
  <si>
    <t>新冠肺炎嚇跑外資。據金管會5日發布最新統計僑外資與陸資在2月共淨匯出38967億美元（約合新台幣1182億元）創半年來單月最大淨匯出2月底僑外資及陸資淨匯入餘額為2109928億美元即還有近新台幣64兆元的外</t>
  </si>
  <si>
    <t>外資台幣陸資金管會還有統計匯入單月約合發佈最新月底肺炎</t>
  </si>
  <si>
    <t>新冠肺炎嚇跑外資。據金管會5日發布最新統計僑外資與陸資在2月共淨匯出38967億美元（約合新台幣1182億元）創半年來單月最大淨匯出2月底僑外資及陸資淨匯入餘額為2109928億美元即還有近新台幣64兆元的外資資金留在國內。
2019年7月及8月外資分別淨匯出近339億美元及649億美元之後外資都是一路淨匯入即便今年元月外資也是淨匯入近129億美元但農曆年後新冠肺炎疫情升溫外資2月有較明顯反應2月淨匯出近39億美元即去年9月以來的單月最大淨匯出。</t>
  </si>
  <si>
    <t>外資匯入台幣陸資單月肺炎金管會統計升溫疫情明顯農曆年分別</t>
  </si>
  <si>
    <t>外資淨匯出淨匯入新冠肺炎僑外資</t>
  </si>
  <si>
    <t>外資匯入肺炎</t>
  </si>
  <si>
    <t>專家措施疫情社交進入放寬社區</t>
  </si>
  <si>
    <t>歐盟最近放寬多個地區入境旅遊限制包括香港港府昨宣佈為使港人便利出行決定放寬抵港檢疫期只要符合3個條件包括已完成接種新冠疫苗並過14日、病毒檢測無確診、驗出有抗體即可將酒店檢疫期可縮減至7日30</t>
  </si>
  <si>
    <t>包括放寬檢疫入境抗體出有確診病毒檢測旅遊疫苗限制完成接種港人香港便利宣佈出行</t>
  </si>
  <si>
    <t>抗體檢疫個案表示香港人士疫苗地區測試血清澳門放寬檢測化驗出入境縮減關口風險</t>
  </si>
  <si>
    <t>共識專家指揮中心acip疫苗公佈追加</t>
  </si>
  <si>
    <t>全球紛紛開打第3劑COVID-19疫苗針對國內第3劑接種細節衛福部傳染病防治諮詢會預防接種組（ACIP）今天開會討論專家已達共識將由指揮中心指揮官陳時中決議預計明天記者會公佈。COVID-19（2019冠狀病毒疾病）</t>
  </si>
  <si>
    <t>covid-疫苗公佈國內記者會接種明天細節預計衛福部決議傳染病陳時中防治指揮官中心指揮共識預防接種acip今天開會討論專家</t>
  </si>
  <si>
    <t>疫苗接種中心指揮施打病毒covid-acip表示邱政洵專家國內施打第加強決議今年臺灣建議間隔選擇細節</t>
  </si>
  <si>
    <t>第3劑施打指揮中心接種疫苗</t>
  </si>
  <si>
    <t>疫苗接種施打中心指揮</t>
  </si>
  <si>
    <t>疫苗網友陳時中代理臺灣人東洋</t>
  </si>
  <si>
    <t>台灣東洋藥品3日傍晚臨時宣佈BNT與政府難有一致性共識未能如期代理新冠疫苗加上之前衛福部長陳時中表示不會編列公費購買大陸疫苗可能導致台灣沒有疫苗可用。對此有網友批評「陳時中害慘國人還要唱卡拉</t>
  </si>
  <si>
    <t>疫苗臺灣時中傍晚宣佈批評bnt國人政府網友表示一致性陳時中對此共識購買公費可用大陸部長</t>
  </si>
  <si>
    <t>台灣東洋藥品3日傍晚臨時宣佈BNT與政府難有一致性共識未能如期代理新冠疫苗加上之前衛福部長陳時中表示不會編列公費購買大陸疫苗可能導致台灣沒有疫苗可用。對此有網友批評「陳時中害慘國人還要唱卡拉OK嗎？」
台灣東洋藥品指出取得德國BNT新冠疫苗在台銷售的「有條件授權書」後經20多天密集地與BNT、衛生福利部疾病管制署協商討論雙方對數量及價格仍有落差、未能達成一致協議台灣東洋只好忍痛宣佈「無法如期代理該疫苗進口。」
日前衛福部長陳時中宣佈已與國際平臺「COVID-19 疫苗全球取得機制」（COVAX）簽約但特別強調在COVAX平臺上不會選擇中國大陸製的新冠肺炎疫苗但在東洋藥品取得代理權後卻陸續遭爆料其代理的疫苗是德國和大陸共同研製以及是陸資企業等等。
此事也在PTT上引起網友熱議有網友表示「陳時中害慘國人還要唱卡拉OK嗎」、「陳時中跟又再騙了不是說一定可以嗎」、「民進黨又在惡搞了當初跟時中大吹特吹真的好噁」、「時中部長真的跌落神壇從醫材的決策到美豬真的蠻讓人失望的」。
還有網友表示「當時就認為不要說得太早了」、「因為不用中國大陸疫苗啊這能想像」、「之前綠共才大內宣說這家不是陸資現在又要怪中國大陸？」、「不是說這間德國BNT公司有陸資嗎？嘻嘻」、「當初指揮中心說不是大陸廠哦」。</t>
  </si>
  <si>
    <t>疫苗大陸bnt臺灣表示陸資網友宣佈東洋真的部長取得中國代理德國當初藥品陳時中如期</t>
  </si>
  <si>
    <t>陳時中BNT新冠肺炎疫苗台灣東洋</t>
  </si>
  <si>
    <t>肺炎疫苗臺灣bnt陳時中東洋</t>
  </si>
  <si>
    <t>前臺力佳保護bnt需要混打az</t>
  </si>
  <si>
    <t>指揮中心最快可能在11月上旬開放AZ混打BNT一度傳出第二劑AZ的棄打潮。對此前臺大感染科醫師林氏璧表示國外研究顯示AZ混打mRNA疫苗的確會有較好的抗體表現但疫苗保護力能維持多久也很重要目前看來mRNA疫苗</t>
  </si>
  <si>
    <t>az疫苗混打mrna可能上旬開放前臺感染醫師林氏對此表示維持重要力能國外保護表現抗體</t>
  </si>
  <si>
    <t>指揮中心最快可能在11月上旬開放AZ混打BNT一度傳出第二劑AZ的棄打潮。對此前臺大感染科醫師林氏璧表示國外研究顯示AZ混打mRNA疫苗的確會有較好的抗體表現但疫苗保護力能維持多久也很重要目前看來mRNA疫苗抗體下降速度快腺病毒疫苗反而更持久且混打還須承擔不良反應發生率較高的風險因此他認為除了站在第一線迎戰Delta的醫護與邊境防疫人員外其他人不需要那麼執著於混打。
林氏璧今在臉書發文表示台灣將開放AZ混打mRNA疫苗中央流行疫情指揮中心指揮官陳時中昨表示目前規劃第13輪疫苗將會提供部分已打完第一劑AZ超過10周以上的民眾第二劑混打BNT疫苗。
林氏璧指出AZ混打mRNA疫苗的確會有較好的中和抗體與T細胞免疫而加拿大與瑞典的研究都顯示AZ混打mRNA疫苗的保護力比兩劑都接種AZ還要高但對於疫苗保護力的觀察除了施打後短期的保護力能維持多久也是重點。
林氏璧坦言目前看來mRNA疫苗抗體掉下來的速度是比較快的接種完的5至8個月就會有不定程度的下降反而腺病毒載體的疫苗可以撐比較久。
林氏璧也說多數台灣人出國返台免隔離可能也要半年以後才會發生因此現在將抗體打得很高也沒有太大的意義相反地可能會希望半年後要出國前再打一劑mRNA疫苗將抗體衝高才比較安全。
林氏璧引述加拿大的研究表示接種兩劑AZ疫苗防重症的效果維持的很好並沒有輸給mRNA疫苗或者是混打的組合。而且大家不要忘了混打2種不同的疫苗就是承受兩種不同疫苗的風險AZ第一劑、mRNA第二劑發生不良反應的機率會比較高。
林氏璧透露他其實沒有很建議第一劑打AZ的人要執著於混打mRNA疫苗因為不管是兩劑AZ還是AZ混打mRNA疫苗都很好且就目前的趨勢來看6個月後恐就要考慮打第三劑「反正我是AZAZ戰隊等待半年後出國前希望能打到莫德納加強針啦！」
林氏璧也補充說醫護人員與邊境防疫人員由於會在第一線迎戰Delta病毒所以才需要將抗體拉高他認為這纇人可以強烈考慮混打。</t>
  </si>
  <si>
    <t>疫苗az混打mrna抗體表示目前比較可能保護沒有接種維持</t>
  </si>
  <si>
    <t>混打AZmRNA疫苗林氏璧</t>
  </si>
  <si>
    <t>az林氏mrna疫苗混打</t>
  </si>
  <si>
    <t>疫苗保全堅稱水電工合法心肝</t>
  </si>
  <si>
    <t>好心肝診所被踢爆取得1000多劑AZ疫苗除醫事人員外還開放志工施打遭北市府開罰200萬元取消合約資格而中央流行疫情指揮中心昨也表示將由司法單位徹查還原真相。沈寂一天後肝病防治學術基金會今發出800</t>
  </si>
  <si>
    <t>防治取得肝病az疫苗沈寂一真相還原員外單位開放司法學術表示施打</t>
  </si>
  <si>
    <t>好心肝診所被踢爆取得1000多劑AZ疫苗除醫事人員外還開放志工施打遭北市府開罰200萬元取消合約資格而中央流行疫情指揮中心昨也表示將由司法單位徹查還原真相。沈寂一天後肝病防治學術基金會今發出800多字聲明稿承認給志工打疫苗這些志工的身分包含清潔人員、水電工、大樓保全等以及各種「好夥伴」。
肝基會接受媒體聯訪時表示肝基會的志工非常多很多都是長年服務的打了疫苗就可以確保服務的病患、其他人都安全。對於志工被安排接種北市衛生局是否知情？肝基會表示知道但沒有相關公文可佐證。另肝基會也說衛生局有要求8日提供的100瓶疫苗必須在當天打完不過媒體問及是否有公文肝基會表示沒有。另對志工接種一事肝基會說執行長粘曉菁、董事長許金川也都知情。
肝基會全文聲明如下：
肝病防治學術基金會創立已27年宗旨是結合社會愛心力量消滅肝病。創辦人是台灣肝病研究鼻祖宋瑞樓教授於民國73年推動全國新生兒注射B肝疫苗之創舉。自從成立以來工作同仁帶領大批義工全國走透透為民眾做肝炎、肝癌的篩檢活動至今已嘉惠六十多萬人。即使在去年疫情期間仍然在嚴峻的環境中服務了兩萬人次的民眾。
好心肝基金會延續其理念而成立其下設好心肝診所本諸「視病猶親」之宗旨從事醫療公益事業故與一般地方診所之規模及經營理念有所不同。
多年來基金會為國人健康而努力除了醫護同仁的付出大量的志工也是重要的動力。基金會及診所固定工作同仁三百多名此外還有經常性的志工六百多名及非經常性的協力志工參與推動肝病防治。志工大部分是退休的醫護人員及愛心人士還有經常義務支援社區服務的志工家屬。另外有很多經常在基金會進出的工作夥伴例如清潔人員、水電工人、大樓保全。還有經常性參與我們的活動作為專業顧問的好夥伴。好心肝診所正是這些志工及醫護合作夥伴主要的工作及進出地點他們就是這一次施打疫苗的對象。
因為新冠疫情突然猖獗我們判斷現在或未來即使疫情受控制但這些熱心社會服務的志工因大量的人際接觸而暴露在風險中很多即將推動的肝炎防治計畫將受阻。我們接到臺北市醫師公會的函文通知：請臺北市的醫事人員6 月4日前到指定地點完成疫苗的施打。因此我們認為臺北市的醫事人員大致已經施打完畢我們也知道大部分的醫院志工都已施打完畢。而且衛生局6 月7日和8日給我們疫苗都必須當日施打完畢而且這些疫苗8月也即將到期。因此我們根據施打疫苗優先順序規定的第一類「醫事人員」及「醫療院所非醫事人員」的分類辦法為上述人員施打疫苗。
基於「人飢己飢、人溺己溺」的基金會精神初衷出於善意然可能是做法不夠周延而造成爭議為各方所關切我們謹此致歉！
我們也要感謝社會民眾一直以來對基金會的支持希望各界一本過去對台灣肝炎防治公共衛生的支持繼續一起努力。</t>
  </si>
  <si>
    <t>疫苗基金會施打人員疫情防治診所肝病服務工作社會民眾表示還有推動肝炎</t>
  </si>
  <si>
    <t>台灣新冠肺炎志工疫苗肝病防治學術基金會</t>
  </si>
  <si>
    <t>疫苗肺炎肝病防治學術基金會臺灣</t>
  </si>
  <si>
    <t>確診鄭州暴雨疫情陸增</t>
  </si>
  <si>
    <t>大陸國家衛健委12日公佈11日新增81例新冠肺炎確診病例其中61例為本土病例江蘇占38例湖北10例湖南7例河南和雲南各3例。上月底剛遇暴雨侵襲的河南鄭州市本輪疫情未見底不少鄭州市民希望疫情能夠早日結</t>
  </si>
  <si>
    <t>疫情河南病例希望市民公佈剛遇鄭州市侵襲暴雨新增肺炎鄭州月底能夠本土湖北確診國家衛健</t>
  </si>
  <si>
    <t>大陸國家衛健委12日公佈11日新增81例新冠肺炎確診病例其中61例為本土病例江蘇占38例湖北10例湖南7例河南和雲南各3例。上月底剛遇暴雨侵襲的河南鄭州市本輪疫情未見底不少鄭州市民希望疫情能夠早日結束回歸正常生活。
除新增本土病例外大陸過去一日新增20例境外輸入確診病例分別為上海、廣東和雲南5例廣西3例福建、四川各1例。同日新增38例無症狀感染病例湖北和浙江分別報告10和1例本地個案其餘27例為境外輸入。至今大陸累計94161人確診當中4636人病亡。
河南前一日新增確診病例全部來自鄭州該省仍有137例新冠相關住院個案。鄭州市新冠肺炎疫情防控領導小組辦公室11日晚發通告自12日下午2時開始市內開展第二輪重點人群核酸檢測預計13日中午前完成。當地10日起進行的第一輪重點人群核酸檢測累計採樣逾62萬人截至11日上午11時從約40萬人的檢測樣本中驗出2人受感染均為集中隔離者。</t>
  </si>
  <si>
    <t>新增病例確診疫情檢測河南感染大陸鄭州鄭州市本土累計分別核酸重點人群輸入個案雲南湖北肺炎境外下午</t>
  </si>
  <si>
    <t>新冠肺炎大陸鄭州疫情暴雨</t>
  </si>
  <si>
    <t>肺炎鄭州大陸疫情暴雨</t>
  </si>
  <si>
    <t>顯示肺炎始於證據武漢蓬佩實驗室</t>
  </si>
  <si>
    <t>美國國務卿蓬佩奧3日在美國廣播公司（ABC）節目上表示有「大量證據」顯示新冠肺炎疫情始於中國大陸武漢的一個實驗室。蓬佩奧在節目中說：「我可以告訴你們有大量證據顯示這（新冠肺炎）來自武漢的那個實驗室。</t>
  </si>
  <si>
    <t>節目武漢顯示實驗室證據肺炎美國廣播公司abc表示佩奧可以大陸告訴中國疫情蓬佩國務卿來自美國</t>
  </si>
  <si>
    <t>美國國務卿蓬佩奧3日在美國廣播公司（ABC）節目上表示有「大量證據」顯示新冠肺炎疫情始於中國大陸武漢的一個實驗室。
蓬佩奧在節目中說：「我可以告訴你們有大量證據顯示這（新冠肺炎）來自武漢的那個實驗室。」他還說「這已經不是第一次世界因為中國一個實驗室的失誤而暴露在病毒之下了。」
蓬佩奧直指中國政府拒絕讓其它國家科學家獲得瞭解實情的途徑。蓬佩奧並未宣稱新冠肺炎病毒是人造的但他贊同美國國家情報總監辦公室某一報告的結論該報告排除了新冠病毒為基因改造或人造的可能。
蓬佩奧拒絕對中國大陸是否故意釋放病毒做出評論。</t>
  </si>
  <si>
    <t>病毒佩奧中國肺炎實驗室拒絕節目武漢蓬佩大陸美國顯示證據報告科學家獲得國家故意實情中國政府贊同</t>
  </si>
  <si>
    <t>蓬佩奧實驗室證據顯示新冠肺炎中國大陸</t>
  </si>
  <si>
    <t>顯示證據肺炎實驗室中國大陸蓬佩</t>
  </si>
  <si>
    <t>輸入病例黑龍江陸連緊急行動</t>
  </si>
  <si>
    <t>關閉邊境口岸陸路大陸輸入格拉尼奇內綏芬河陸方邊疆區克拉斯基諾琿春波爾塔夫卡濱海俄羅斯東寧包含當中都已通道晚間人員肺炎</t>
  </si>
  <si>
    <t>陸俄陸路邊境口岸人員通道在8日晚間已都已臨時關閉。當中包含俄羅斯濱海邊疆區與陸方間波格拉尼奇內—綏芬河、克拉斯基諾—琿春、波爾塔夫卡—東寧三對陸俄公路客運口岸關閉。通過陸俄陸路邊境輸入大陸的新冠肺炎確診病例不斷增加。
黑龍江綏芬河市為有效治療境外輸入的新冠肺炎病例綏芬河市開始著手建設方艙醫院預計4​​ 月11日完工投入使用可提供600餘張床位俄羅斯在7日一天增加病例破千人一天內新增1154例新冠病毒感染確診個案全俄累計感染人數已達到7497人。
黑龍江自4日起單日新增境外輸入確診13例首次突破兩位數。接下來幾天境外輸入病例不斷攀升從5日20例、6日20例、7日25例到8日創下單日新高40例。這些確診病例都有一個共同點均為囉籍從俄羅斯輸入。
黑龍江省委並在7日成立赴綏芬河市疫情防控工作組工作組第一時間奔赴綏芬河並連夜召開工作對接會。
省委赴綏芬河市疫情防控工作組組長省委常委、政法委書記張安順8日一行深入綏芬河口岸入境人員集中隔離醫學觀察點和剛剛完成土建改造任務的綏芬河方艙醫院指導檢查疫情防控工作。他強調要堅決落實外防輸入「六個百分百」形成閉環管控堅決打贏陸地邊境疫情跨境輸入戰疫。
大陸駐符拉迪沃斯托克總領事館微信公眾號7日發佈公告稱：「黑龍江輸入型病例仍在大幅增加總領館強烈提醒中國公民切勿通過綏芬河口岸回國。」該總領事館已連續三天發佈出行風險通告。</t>
  </si>
  <si>
    <t>輸入病例疫情綏芬河綏芬河市確診俄羅斯增加黑龍江防控邊境境外綏芬河口岸堅決人員工作總領事館醫院關閉大陸新增</t>
  </si>
  <si>
    <t>確診堅稱染病槍斃</t>
  </si>
  <si>
    <t>北韓領導人金正恩17日宣佈北韓已經成功撐過這次新冠肺炎威脅締造境內「零確診」紀錄但西方懷疑其隱瞞疫情。南韓媒體引述知情人士爆料北韓至少有3人因新冠肺炎遭槍斃包括一名確診病例。北韓自大陸爆發疫情</t>
  </si>
  <si>
    <t>確診肺炎疫情南韓媒體引述隱瞞知情懷疑人士西方紀錄病例已經境內締造成功威脅至少撐過包括槍斃</t>
  </si>
  <si>
    <t>北韓領導人金正恩17日宣佈北韓已經成功撐過這次新冠肺炎威脅締造境內「零確診」紀錄但西方懷疑其隱瞞疫情。南韓媒體引述知情人士爆料北韓至少有3人因新冠肺炎遭槍斃包括一名確診病例。
北韓自大陸爆發疫情後隨即封鎖國界之前曾傳出境內隔離7000名疑似病例以及1名走私碼頭管理員染疫。但北韓官媒一概否認堅稱國內零確診。
北韓與新冠肺炎2大疫區大陸和南韓比鄰但宣稱僅在疫情初期出現2例病例。駐韓美軍司令艾布蘭近日表示由於北韓軍隊長時間停止活動美方「相當肯定」北韓仍然有新冠病例「他們的軍隊已經封鎖30天直到最近才重新開始例行訓練。而且有24天他們一架軍機都沒起飛過」。
另外南韓《東亞日報》引據知情人士爆料雖然北韓聲稱境內零確診但因為新冠肺炎遭槍斃者至少就有3人其中1人是確診病患另2人是因為違反防疫措施遭槍斃。確診者為一家專門走私無煙炭及礦物的貿易公司專用碼頭警衛教官他於14日確診感染新冠肺炎。
報導指出北韓早在1月22日就下令封鎖邊境但這名教官卻在封鎖邊境的23天後出現疑似症狀引發當局懷疑審問後發現他曾私下接觸大陸人違反防疫法規。金正恩在2月初下令違反防疫規定者皆以軍法處置這名確診者因此在2月16日遭槍決。</t>
  </si>
  <si>
    <t>確診封鎖南韓疫情肺炎病例境內違反防疫走私懷疑出現碼頭軍隊大陸槍斃下令教官</t>
  </si>
  <si>
    <t>封鎖肺炎違反懷疑境內</t>
  </si>
  <si>
    <t>肺炎境內封鎖懷疑違反</t>
  </si>
  <si>
    <t>詭異正常防疫鎖國時評長久之計</t>
  </si>
  <si>
    <t>台灣防疫繳出亮眼成績單不過《紐約時報》（New York Times）2日刊文指出當世界許多國家都在進行封鎖時台灣人的生活正常到「詭異」的程度文章點出臺灣很早就開始鎖國而且嚴格執行隔離政策是疫情控制得當</t>
  </si>
  <si>
    <t>臺灣隔離政策嚴格執行鎖國開始成績單紐約時報newyorktimes點出文章指出世界程度國家進行正常</t>
  </si>
  <si>
    <t>台灣防疫繳出亮眼成績單不過《紐約時報》（New York Times）2日刊文指出當世界許多國家都在進行封鎖時台灣人的生活正常到「詭異」的程度文章點出臺灣很早就開始鎖國而且嚴格執行隔離政策是疫情控制得當的主因但文末也點出鎖國政策或許並非萬靈丹更不是長久之計。
《紐約時報》2日刊出一篇以「台灣如何計劃（大致）免於疫情？」（How Taiwan Plans to Stay (Mostly) Covid-Free?）為題的文章文章開宗明義指出好幾個月來台灣人仍能維持正常的生活這種正常的狀況甚至到了「詭異」的程度婚禮照常舉行人們如常進場看球賽、觀賞音樂會、逛夜市等指出台灣總人口比美國佛州還多新冠死亡人數卻能控制在2位數。
文章也指出這樣成功防疫的經驗反而讓許多台灣人內心產生不祥預兆：台灣的好運還能維持多久？
文章點出臺灣防疫成功關鍵在於3月就實施鎖國禁止大部分觀光客入境以及嚴格執行的隔離政策能入境的人士必須隔離14天當中也包含台灣人隔離期也比許多國家都長。
文章引述中央流行疫情指揮中心指揮官陳時中的說法指出除非出現一支證實有效、保護效力長久的新冠疫苗否則台灣不會考慮鬆綁邊境「我相信還會有另一波疫情因為每個人都想「我打了疫苗或是我下周要打疫苗我等了這麼久我現在自由了』」「除非有證據顯示現在的疫苗提供持久的免疫力只有到那時候我們才可以真正放鬆一點。」
即便台灣防疫成果令人驚豔不過文章引述史丹佛大學副教授王智弘（Jason Wang）說法指出台灣成功阻擋病毒入侵或許也是因為運氣好他說現在各國疫情反撲加上又有更具傳染力的變種病毒出現未來必然會有更多染疫人士抵達台灣邊境台灣出現更多確診病例「只是時間早晚問題」。
王智弘也指出台灣的防線能堅持這麼久確實很了不起不過他也表示就算台灣於今年中開始大規模接種疫苗「你還是必須等上6個月要再堅持另外6個月將會非常困難。」
報導引述專研傳染病的新加坡國立大學教授費雪（Dale Fisher）說法費雪指出新加坡採取更為「靈活」的邊境管制措施「我們認為就算旅客攜帶病毒入境仍然有很大的機會不會讓疫情散播」「如果你對你的防疫系統沒有信心你的邊境只會愈守愈緊。」新加坡近期解除對台灣旅客的入境限制但台灣並未回以對等措施。
《紐報》指出台灣真正的挑戰在於如果疫苗無法給予持久免疫力全世界還需要和新冠病毒共存更長一段時間「台灣人還能忍受另一個與世界隔絕的一年嗎？甚至是另外5年？」
費雪：「這也是為什麼我們說如果你需要爭取時間整頓你才會關閉邊界但不要把它當作一種策略。」</t>
  </si>
  <si>
    <t>臺灣指出疫情文章疫苗臺灣人防疫病毒邊境引述入境出現說法鎖國點出現在成功</t>
  </si>
  <si>
    <t>台灣新冠肺炎鎖國陳時中紐約時報</t>
  </si>
  <si>
    <t>鎖國肺炎陳時中紐約時報臺灣</t>
  </si>
  <si>
    <t>惡意侯友宜絕對檢疫居家最重新北</t>
  </si>
  <si>
    <t>新北市2名居家檢疫失聯者已經找到1人郭富文新北市長侯友宜19日受訪時指出新北目前有4316名居家檢疫者絕大多數都相當遵守規定他也體諒這些人都很苦悶、很痛苦市府可提供生活各種協助但只要失聯者故意趴趴</t>
  </si>
  <si>
    <t>新北檢疫居家提供協助生活侯友宜體諒指出市長相當郭富文目前遵守找到已經市府痛苦苦悶受訪</t>
  </si>
  <si>
    <t>新北市2名居家檢疫失聯者已經找到1人郭富文新北市長侯友宜19日受訪時指出新北目前有4316名居家檢疫者絕大多數都相當遵守規定他也體諒這些人都很苦悶、很痛苦市府可提供生活各種協助但只要失聯者故意趴趴走市府絕對罰最重並公告姓名。
新北市民政局18日公佈居家檢疫2名失聯者包括郭富文與管永安在民政與警政人員努力下通報查獲其中1位失聯的郭富文他投宿於桃園地區旅社確認個案無發燒症狀及身體狀況健康良好。不過郭男竟以自己狀況好為由沒報到因為他居無定所已送至集中檢疫處所執行居家檢疫。
侯友宜今參加市政會議後受訪指出 新北市居家檢疫人數是全台最多高達4316人市府要關懷、支持他們但有有一、兩個故意的決不寬貸、不姑息一定重罰公告並集中檢疫這次找到的人是故意失聯也相信另外一位很快就能找到是否也是故意還在調查中。
侯友宜也說大部分人都很遵守規定上次找回來的也都不是故意而是資料上錯誤導致侯強調不要挑戰公權力新北市重罰一定罰最重還要送集中檢疫所。</t>
  </si>
  <si>
    <t>新北 市 2 名 居家 檢疫 失 聯 者 已經 找到 1 人 郭富文 新北 市長 侯友宜 19 日 受訪 時 指出 新北 目前 有 4316 名 居家 檢疫 者 絕大多數 都 相當 遵守 規定 他 也 體諒 這些 人 都 很 苦悶 很 痛苦 市府 可 提供 生活 各種 協助 但 只要 失 聯 者 故意 趴 趴 走 市府 絕對 罰 最重 並 公告 姓名 新北 市民 政局 18 日 公佈 居家 檢疫 2 名 失 聯 者 包括 郭富文 與 管永安 在 民政 與 警 政 人員 努力 下 通報 查獲 其中 1 位 失 聯 的 郭富文 他 投宿 於 桃園 地區 旅社 確認 個案 無 發燒 症狀 及 身體狀況 健康 良好 不 過 郭男 竟 以 自己 狀況 好 為由 沒 報到 因為 他 居無定 所 已 送至 集中 檢疫 處所 執行 居家 檢疫 侯友宜 今 參加 市政 會議 後 受訪 指出 新北 市 居家 檢疫 人數 是 全台 最 多 高達 4316 人 市府 要 關懷 支持 他們 但有 有 一兩 個 故意 的 決不寬貸 不 姑息 一定 重罰 公告 並 集中 檢疫 這次 找 到 的 人 是 故意 失 聯 也 相信 另外 一 位 很快 就 能 找到 是否 也 是 故意 還 在 調查 中 侯友宜 也 說 大 部分 人 都 很 遵守 規定 上次 找 回來 的 也 都 不是故意 而是 資料 上 錯誤 導致 侯 強調 不要 挑戰 公 權力 新北 市 重罰 一定 罰 最重 還要 送 集中 檢疫所</t>
  </si>
  <si>
    <t>檢疫新北故意居家侯友宜市府郭富文集中公告找到最重一定重罰受訪指出遵守</t>
  </si>
  <si>
    <t>居家檢疫侯友宜新北新冠肺炎武漢肺炎</t>
  </si>
  <si>
    <t>新北侯友宜肺炎檢疫武漢居家</t>
  </si>
  <si>
    <t>疫情影響肺炎nba</t>
  </si>
  <si>
    <t>根據知名NBA記者史坦報導指出NBA費城七六人與NHL紐澤西魔鬼隊決定針對年薪超過5萬美元的高階主管減薪幅度高達20%七六人成為NBA第一支減薪的球團。據瞭解這個減薪計畫從4月15日至6月底為止減薪對象為球團管理</t>
  </si>
  <si>
    <t>nba費城nhl決定魔鬼紐澤西年薪超過高階主管報導幅度成為指出對象月底史坦瞭解</t>
  </si>
  <si>
    <t>根據知名NBA記者史坦報導指出NBA費城七六人與NHL紐澤西魔鬼隊決定針對年薪超過5萬美元的高階主管減薪幅度高達20%七六人成為NBA第一支減薪的球團。
據瞭解這個減薪計畫從4月15日至6月底為止減薪對象為球團管理高層以及教練團七六人總裁赫克、總管布蘭登與母公司CEO歐內爾都同意這個減薪計畫。
然而這個減薪計畫並不包含球員因為每個球員的合約都是單獨性不適合這個減薪措施聯盟允諾4月1日照發球員薪水。</t>
  </si>
  <si>
    <t>nba聯盟措施費城球員單獨適合nhl決定魔鬼紐澤西母公司年薪總管布蘭登赫克總裁ceo超過</t>
  </si>
  <si>
    <t>減薪NBA七六人</t>
  </si>
  <si>
    <t>周重全球股市</t>
  </si>
  <si>
    <t>新冠肺炎在多國蔓延投資人擔憂疫情影響經濟衰退美股28日早盤跌逾千點本周已跌約4000點連7個交易日下挫28日南韓、日本及中國大陸等亞太七大股市全跌入修正領域；美股道瓊工業指數連日恐慌開盤再度大跌約8</t>
  </si>
  <si>
    <t>蔓延投資人擔憂疫情指數恐慌影響工業多國經濟衰退領域股市修正七大亞太跌入大陸中國日本南韓交易日下挫開盤</t>
  </si>
  <si>
    <t>新冠肺炎在多國蔓延投資人擔憂疫情影響經濟衰退美股28日早盤跌逾千點本周已跌約4000點連7個交易日下挫28日南韓、日本及中國大陸等亞太七大股市全跌入修正領域；美股道瓊工業指數連日恐慌開盤再度大跌約800點且跌勢仍在持續。外界認為全球股市本周跌幅可能面臨2008年金融危機以來最糟單周走勢。
美股三大指數28日早盤續跌逾4%道瓊指數盤中一度跌逾千點跌破25000點收2540936點本周累計跌約4000點。那斯達克綜合指數盤中一度跌35%收856737點、史坦普500指數下跌2454點收259422點創下2011年8月以來最大單日跌幅。道瓊指數單周下跌超過12%是2008年金融危機來最大單周跌幅。
日本、南韓、中國大陸、香港、澳洲新加坡、泰國等亞太七大股市難逃賣壓相繼跌入修正領域日經指數昨日終場跌逾805點單周累計跌逾2200點。印尼、菲律賓股市瀕臨熊市歐股普遍跌逾3%道瓊歐洲Stoxx 600指數、德股也相繼下跌。全球股市市值自1月20日以來至少已蒸發6兆美元。
更多 CTWANT 報導</t>
  </si>
  <si>
    <t>指數股市以來跌幅下跌全球股市相繼亞太七大修正跌入領域金融危機單周大陸中國南韓</t>
  </si>
  <si>
    <t>全球股市美股千點南韓新冠肺炎</t>
  </si>
  <si>
    <t>南韓全球股市肺炎</t>
  </si>
  <si>
    <t>交流遇上跨欄</t>
  </si>
  <si>
    <t>新冠肺炎期間賽事延期或取消國家隊選⼿仍在國家運動訓練中⼼內專⼼備戰21日下午藉著訓練空擋⽬前世界排名第8的桌球⼀姊鄭怡靜與世界排名21的跨欄⼀哥陳傑破天荒交流雙⽅當起彼此的教練將⾃⼰的專業傾囊相授。鄭怡</t>
  </si>
  <si>
    <t>訓練世界排名教練賽事當起延期交流取消破天荒國家隊陳傑跨欄期間國家運動空擋備戰下午鄭怡靜</t>
  </si>
  <si>
    <t>新冠肺炎期間賽事延期或取消國家隊選⼿仍在國家運動訓練中⼼內專⼼備戰21日下午藉著訓練空擋⽬前世界排名第8的桌球⼀姊鄭怡靜與世界排名21的跨欄⼀哥陳傑破天荒交流雙⽅當起彼此的教練將⾃⼰的專業傾囊相授。
鄭怡靜表示國⼩有參加過⽥徑比賽經驗也因為疫情關係有機會可以嘗試不同的運動這是她第⼀次學習跨欄陳傑告訴她跨欄是個需要節奏感和協調這⼀點和桌球有點像也能練習到⼀些平時比較練不到的肌⾁真的是很特別的⼀次經驗。
陳傑也說：「我⼩時候也有打有打過幾次桌球趁著這段沒比賽的期間來跟⼀姊學習桌球重視橫向移動、⼿眼協調還有旋轉的爆發⼒跟⽥徑還蠻不⼀樣的在⼀姊的教導之下我的殺球變得比較有速度了來回也可以多打好幾拍⼀姊除了是個好選⼿還是個好教練！」
最後雙方分別給了對⽅評價鄭怡靜說：「傑哥第⼀次上⼿打就可以連續對打20個簡直是武林⾼⼿。」陳傑也回應「⼀姊不愧是世界級的起跑後7步跨欄的⽅式⼀說就懂協調性和過欄都做得很好跨三個欄輕輕鬆鬆我都懷疑是不是給她的難度太低了真是萬中選⼀的奇才！」</t>
  </si>
  <si>
    <t>陳傑協調跨欄鄭怡靜可以訓練期間運動教練比賽比較學習經驗</t>
  </si>
  <si>
    <t>桌球跨欄陳傑鄭怡靜新冠肺炎</t>
  </si>
  <si>
    <t>陳傑鄭怡靜跨欄肺炎</t>
  </si>
  <si>
    <t>輕鬆台人包機方便後續磋商負擔返台參采</t>
  </si>
  <si>
    <t>歷經一波三折第二批武漢包機昨晚終返台共有361人返台。國民黨團首席副書記長林奕華說兩岸應在此次包機模式基礎上盡速磋商第三批返台包機名單讓欲返台者提前準備；國民黨立委鄭正鈐表示政府應基於人道考</t>
  </si>
  <si>
    <t>返台包機表示鄭正鈐昨晚國民黨提前準備政府黨團首席書記長奕華兩岸應在模式基礎磋商共有國民</t>
  </si>
  <si>
    <t>歷經一波三折第二批武漢包機昨晚終返台共有361人返台。國民黨團首席副書記長林奕華說兩岸應在此次包機模式基礎上盡速磋商第三批返台包機名單讓欲返台者提前準備；國民黨立委鄭正鈐表示政府應基於人道考量讓願意返台的國人以輕鬆、方便、無太大負擔的方式回來。
對於二次包機一波三折才成行鄭正鈐說兩岸溝通不順暢缺乏互信基礎的情況下加深共同合作一件事情的困難性加上新冠肺炎疫情攀升彼此都處於高度緊張狀態就會有更多不協調產生。
國民黨團首席副書記長林奕華表示二次包機中有些人沒有登機不是不願意回來而是措手不及近日兩岸從原先政治考量到各退一步才促成二次包機成行。
林奕華說既然兩岸已確定包機的模式未來就能更穩定地確定滯留湖北台人的人數同時考量台灣的防疫能量盡快磋商第三批返台包機名單讓欲返台者提前準備檢測報告避免又錯失搭機機會。</t>
  </si>
  <si>
    <t>包機返台考量兩岸基礎鄭正鈐回來願意確定模式提前準備一波三折磋商黨團首席書記長成行奕華國民避免</t>
  </si>
  <si>
    <t>包機兩岸林奕華磋商新冠肺炎</t>
  </si>
  <si>
    <t>磋商林奕華兩岸包機肺炎</t>
  </si>
  <si>
    <t>即日起一般中心醫學病房禁止探病</t>
  </si>
  <si>
    <t>因應近期新冠肺炎疫情日趨嚴峻奇美醫學中心配合台南市政府規定為加強防堵疫情降低感染風險自即日起至04月30日止除加護病房、安寧病房等有特殊探視需求且經醫師醫療專業評估後有其急迫性、必要性者之外</t>
  </si>
  <si>
    <t>疫情病房肺炎評估日趨專業嚴峻醫療醫師需求探視醫學中心自即日起配合台南風險市政府感染規定降低加強</t>
  </si>
  <si>
    <t>因應近期新冠肺炎疫情日趨嚴峻奇美醫學中心配合台南市政府規定為加強防堵疫情降低感染風險自即日起至04月30日止除加護病房、安寧病房等有特殊探視需求且經醫師醫療專業評估後有其急迫性、必要性者之外一律禁止探病。
至於陪病者仍依規定以1人為限。至於限制探病時間如下：加護病房10點30分至11點30分；安寧病房12點至13點。此外如有特殊狀況病人病況危急而接受急救者探病者得經現場人員聯絡後進入院內。
奇美醫學中心也呼籲盡量減少進出醫院陪、探病並建議改用通（視）訊軟體保護病人安全也維護自身健康。</t>
  </si>
  <si>
    <t>探病疫情病人規定病房至於醫學中心特殊安寧肺炎日趨保護嚴峻降低感染風險</t>
  </si>
  <si>
    <t>新冠肺炎武漢肺炎奇美醫台南探病</t>
  </si>
  <si>
    <t>肺炎武漢台南探病</t>
  </si>
  <si>
    <t>病毒謝錦芳突變企業創新</t>
  </si>
  <si>
    <t>全球頂尖科學家正在與時間賽跑加速研發新冠疫苗。哈佛大學團隊最新研究指出新冠肺炎可能像季節型流感一樣傳播如果立即取消社交疏離措施可能使疫情惡化社交疏離措施必須持續至2022年。這段期間病毒可能突</t>
  </si>
  <si>
    <t>可能措施疏離社交賽跑加速研發疫苗哈佛大學持續時間研究指出必須肺炎傳播季節立即流感取消期間正在最新團隊惡化病毒</t>
  </si>
  <si>
    <t>全球頂尖科學家正在與時間賽跑加速研發新冠疫苗。哈佛大學團隊最新研究指出新冠肺炎可能像季節型流感一樣傳播如果立即取消社交疏離措施可能使疫情惡化社交疏離措施必須持續至2022年。這段期間病毒可能突變疫情也驅動人類不斷創新找出解方。
歷史上戰爭往往促進科技大躍進例如第一次世界大戰促使航空科技創新第二次世界大戰使得電腦、雷達、半導體、通訊等科技大突破。
防疫如同作戰這次台灣在防疫上超前部署行政院數位政委唐鳳與民間網路高手共同打造網路購買口罩平臺、口罩地圖民眾可以透過網路預購在便利商店取貨方便上班族選購。
臺北市政府與科技部、健保署合作推出口罩販賣機只要插入健保卡不到1分鐘完成採購提供民眾另類選擇。從e-mask口罩預購平臺、口罩地圖到口罩販賣機都是利用科技創新提升公共服務品質的成功案例。
創新公共服務上路初期可能因系統穩定度不足、流量超載而出現許多問題但系統開發者依使用者回饋而改進或透過巧妙規畫分流避免超載而當機不斷修正與精進口罩預購功能也將大幅提升。
新冠疫情在全球造成逾13萬人死亡迫使各國政府採取積極防疫措施同時加速公共服務創新。以英國為例為避免慢性病患就醫遭感染遠距醫療服務大量增加。《經濟學人》指出英國皇家全科醫學院主席馬歇爾表示以往看診9成是病患親赴醫院現在醫院風險較高大約9成改為遠距醫療成長速度驚人。
新冠疫情同時加速司法系統數位元化。《經濟學人》指出英國在2016年曾推動司法系統數位化引進視訊法庭不過進度緩慢；這次新冠疫情大爆發許多法院聽證會改採視訊最高法院已全面採視訊進行。
新冠肺炎重創全球經濟在社交疏離政策下讓數位經濟更加火紅包括醫療、保健、科技、網購電商等相關產業前景看好。以客服中心為例南韓曾有客服中心爆發群聚感染如今許多客服中心允許員工在家工作；在防疫優先的大原則下許多企業採取視訊會議大幅降低人員出差洽公的交通、食宿成本同時也大幅降低碳排放量。
新冠肺炎宛如照妖鏡映照人類的貪婪與自私但也加速政府與民間的創新。面對狡猾的新冠病毒政府與民間企業應把握契機利用創新科技加速提升公共服務品質。</t>
  </si>
  <si>
    <t>科技創新加速口罩疫情可能系統防疫醫療預購指出民間政府大幅肺炎中心網路措施社交疏離全球</t>
  </si>
  <si>
    <t>系統許多新冠肺炎社交疏離不斷</t>
  </si>
  <si>
    <t>社交肺炎疏離系統</t>
  </si>
  <si>
    <t>縣府抓到</t>
  </si>
  <si>
    <t>恆春日前有民宿包棟遊客不僅不戴口罩、更群聚喧嘩引來當地居民不滿屏東縣政府率隊稽查掌握投宿旅客來自彰化將依依傳染病防治法開罰。當地民眾將整起事件影像公佈痛罵遊客不戴口罩又在住宅區群聚居民在</t>
  </si>
  <si>
    <t>當地遊客口罩居民宿包棟投宿掌握稽查率隊旅客來自縣政府傳染病防治法不滿民眾整起影像事件公佈</t>
  </si>
  <si>
    <t>恆春日前有民宿包棟遊客不僅不戴口罩、更群聚喧嘩引來當地居民不滿屏東縣政府率隊稽查掌握投宿旅客來自彰化將依依傳染病防治法開罰。
當地民眾將整起事件影像公佈痛罵遊客不戴口罩又在住宅區群聚居民在擔心有疫情延燒之虞同時發起「我家鄉不是你的避難所」、勸說店家停業防疫串連。
屏縣府交旅處副處長倪國鈞指出19日就宣佈不得戶外群聚且全程需佩戴口罩遊客顯然觸犯防疫規定將依業者提供的資料針對來自彰化的旅客開罰同時呼籲遊客若非必要減少移動、少出門一同防疫。</t>
  </si>
  <si>
    <t>遊客防疫口罩當地居民來自旅客倪國鈞指出處長家鄉發起避難所勸說</t>
  </si>
  <si>
    <t>新冠肺炎台灣恆春包棟彰化</t>
  </si>
  <si>
    <t>臺灣肺炎包棟</t>
  </si>
  <si>
    <t>肺炎貨櫃啟用黃偉哲安全台南有效率</t>
  </si>
  <si>
    <t>因應新冠肺炎疫情延燒台南市衛生局斥資40萬打造首座貨櫃採檢屋設立於傳染病應變醫院-衛生福利部台南醫院減輕前線急診檢疫人員負擔、解決民眾就醫久候及改善戶外採檢環境品質貨櫃屋採檢站為戶外獨立採檢空間</t>
  </si>
  <si>
    <t>台南戶外貨櫃醫院疫情肺炎人員減輕檢疫負擔前線急診解決衛生局民眾就醫應變斥資久候傳染病改善打造設立采檢</t>
  </si>
  <si>
    <t>因應新冠肺炎疫情延燒台南市衛生局斥資40萬打造首座貨櫃採檢屋設立於傳染病應變醫院-衛生福利部台南醫院減輕前線急診檢疫人員負擔、解決民眾就醫久候及改善戶外採檢環境品質貨櫃屋採檢站為戶外獨立採檢空間採檢區與被採檢區完全密封式隔離提高安全與效率台南市長黃偉哲今天出席啟用儀式也親自上場接受採檢他說貨櫃採檢高效能一天可採檢500多人「磐石艦300多人半天就採檢完了。」
台南醫院感染科指出採檢人員一次可完成4人採檢工作量省卻過去採檢1人就要穿上隔離衣等裝備一趟採檢可節省2小時民眾則可省下約30分鐘時間提升安全與效率。採檢作業分流1間採檢1人避免等候時間過長又能減少醫護人員執行相關處置時與病人接觸採檢後立即以紫外線消毒避免交叉感染守護醫護人員及市民。
貨櫃屋採檢站具備機動性可移動為戶外獨立採檢空間採檢區與被採檢區完全密封式隔離阻隔病毒穿透。採檢人員雙手伸進採檢洞口藉由作業手套進行篩檢採檢區有4間獨立密封式隔離空間並設有獨立紫外線消毒設備；採檢作業以分流方式1間採檢1人可避免等候時間過長、無須受限戶外天候影響。
黃偉哲說政府帶頭做防疫營造安全採檢環境期望以此模式鼓勵其他醫院無需受限空間硬體設備不足也能提升收治量能及照護品質。衛生局長陳怡說後續扶輪社將捐贈第二座貨櫃採檢站預計將放置於新營醫院。</t>
  </si>
  <si>
    <t>台南醫院貨櫃戶外隔離人員時間空間獨立避免黃偉哲醫護人員提升品質受限民眾設備密封式環境效率安全</t>
  </si>
  <si>
    <t>貨櫃醫院人員戶外安全</t>
  </si>
  <si>
    <t>安全貨櫃人員醫院戶外</t>
  </si>
  <si>
    <t>境外過年回家煎熬</t>
  </si>
  <si>
    <t>新冠肺炎肆虐包含陸生在內境外生多已表明留台過新年學子透露確實很想家每晚都與家人視訊只能以網路視訊互吐思念遙遙無期的歸途讓他們備感煎熬另也有極少數境外生堅持返鄉過年卻又無法接受往返隔離</t>
  </si>
  <si>
    <t>境外包含過年陸生返鄉堅持家人無法確實歸途透露學子遙遙無期思念備感新年表明</t>
  </si>
  <si>
    <t>新冠肺炎肆虐包含陸生在內境外生多已表明留台過新年學子透露確實很想家每晚都與家人視訊只能以網路視訊互吐思念遙遙無期的歸途讓他們備感煎熬另也有極少數境外生堅持返鄉過年卻又無法接受往返隔離費用昂貴兩種反應呈現境外學子身處疫期的進退維穀回家與否都困難。
受疫情影響各大學幾乎都建議境外生不要回家過年為平復學子思鄉心情世新大學舉辦境外生與陸生餐會甚至校內師生也邀境外生吃年夜飯文化大學則安排包水餃或煮湯圓等活動讓境外生感受年味。
不過談到無法回家學子都深有所感。來自馬來西亞的蕭文翰為世新大學公廣系大二學生身兼世新大學境外聯誼會會長。他說大馬疫情嚴重當地人沒有歷經過SARS甚至H1N1大流行大馬確診也只是零星案例防疫意識不及台灣家人因此不希望他回家。
「想家是肯定的」蕭文翰坦言歸途遙遙無期即便每晚都與媽媽視訊但隔著螢幕難以感受親情的溫度「沒辦法家人覺得安全最重要」建議他留在台灣待疫情趨緩再返鄉。
與蕭文翰情況相同包含越南、香港與大陸等境外生也都是農曆春節都留在台灣。政大歷史系一名畢業陸生說前段時間苦等開放陸生回台多時終於在去年8月底放行回台他因此回台完成論文並取得碩士文憑現已返回上海開始工作。
該名政大陸生不斷強調去年回台過程太艱辛想起甫飛抵桃園機場心中感慨萬千當下就掉淚；之後在學校遇到替陸生站出來召開記者會的台生學弟更是激動不已「看到他的時候我不停跟他說謝謝。」
世新大學副校長李功勤提到目前只有極少數境外生堅持返鄉過年但無法接受往返隔離費用高昂校方只能善意提醒如果疫情嚴重不能返台將安排網課協助學業不中斷。</t>
  </si>
  <si>
    <t>境外陸生疫情學子回家世新大學蕭文翰家人臺灣回台安排返鄉無法甚至感受大馬大學嚴重包含</t>
  </si>
  <si>
    <t>境外生回台世新大學回家蕭文</t>
  </si>
  <si>
    <t>回台回家世新大學境外蕭文</t>
  </si>
  <si>
    <t>鼓勵全民種菜小人</t>
  </si>
  <si>
    <t>新冠肺炎疫情引發各國封鎖邊境讓新加坡意識到糧食依賴進口所造成的問題。■Coronavirus-related border closures show that dependence on the outside world for food could spell trouble人口近600萬人的新加坡</t>
  </si>
  <si>
    <t>新加坡引發封鎖邊境spelltroublecouldfood意識forworldoutside糧食the進口on依賴dependence造成that問題showcoronavirus-relatedclosuresborder疫情人口肺炎</t>
  </si>
  <si>
    <t>新冠肺炎疫情引發各國封鎖邊境讓新加坡意識到糧食依賴進口所造成的問題。
■Coronavirus-related border closures show that dependence on the outside world for food could spell trouble
人口近600萬人的新加坡農地總面積約500英畝僅相當於美國一個普通農場大小逾九成糧食依賴外國進口。但全球爆發新冠肺炎疫情後各國採取封鎖措施讓新加坡意識到糧食不能全完靠進口而開始增加投資以發展國內農業。
新加坡食品局強調星國愈來愈注重內部糧食需求重要性甚至高於國際貿易。新加坡經濟命脈向來依靠國際貿易現在則是認為發展農業的任務更重要但地狹人稠讓其無法採用傳統耕作方式來發展農業。
以科技開發室內農場
為此商界試圖革新農業把工業建築轉變為垂直式、以科技控制農作物所需種植條件的室內農場。
室內農場種植一排一排像萵苣和甘藍菜等農作物不用泥土來培植而是透過自動系統滴下已注入營養劑的水提供養分以LED燈取代陽光進行光合作用。
高科技室內農場新加坡近年已發展至逾三十間。部分農場夾雜在半導體工廠與汽車經銷商之間。其中有一間是把停車場頂樓轉化成大型溫室種植萵苣、羅勒和當地民眾最常食用的菜心。
新加坡希望把糧食自供自給比率目標從目前不到一成到2030年時提高至三成。有專家認為這不容易達成但政府已開始朝這目標前進。
除了政府已對許多家庭派發40萬包葉菜、黃瓜和番茄等各類植物種子鼓勵民眾在家種植蔬菜外9月還宣佈推出約4000萬美元補助金協助擴大高科技農業規模。
食品局資料顯示新加坡的高科技農場已從2016年的12間增加至目前31間。但不少人懷疑高科技農場的產量規模能否持續大幅增加。
農業科技公司Archisen共同創辦人楊斯文（Sven Yeo音譯）說其管理的室內農場Commonwealth Greens專門種植葉菜每年最高可生產100公噸。
雖然業者的種植技術能控制光與溫度來增加產量並且沒有蟲害問題而使產量最大化但場地租金與所消耗電力為業者最沉重的經營成本是限制產業規模擴大的主要障礙。
Archisen為此透過常溫方式和設法增加室內農場的自然光源來削減電費支出讓種植效率最大化。
面對進口農產品競爭
即使降低營運支出新加坡生產的蔬菜價格仍然很難跟鄰國馬來西亞競爭因為後者土地供應充足和人力成本低廉。更重要是新加坡沒有像美國和日本那樣以關稅保護本地農業來對抗進口農產品的競爭壓力。
楊氏強調在新加坡這種租金和電費等經營成本高昂的地方所種植蔬菜很難跟進口貨競爭對業者來說是內外夾攻的雙重壓力。但他仍看好發展機會因為在新鮮食材需求帶動下高科技農場能最有效率地滿足本地市場。
雖然他預期要花很長時間才能回收當初所投資的成本但估計明年中的銷售額就能超過營運成本。
另一農業公司Sustenir Agriculture依靠政府補助和自動化系統播種等方式讓其每年生產約90公噸的蔬菜。現在計畫透過擴大種植空間要把產量提高四倍並準備自動化包裝來提高出貨效率。
即使專家認為新科技無法改變新加坡對進口糧食的依賴但食品局糧食供應策略司司長吳偉豪說政府會協助高科技農業的發展強調多層式室內農場跟傳統農場相較使用相同的土地面積前者蔬菜產量是後者10倍到15倍之間。
他說科技是讓室內農場產量能遠超傳統農場的關鍵。</t>
  </si>
  <si>
    <t>新加坡農場種植農業室內進口科技成本發展產量糧食增加蔬菜政府高科技競爭業者透過效率認為</t>
  </si>
  <si>
    <t>室內農場農場高科技種植糧食</t>
  </si>
  <si>
    <t>種植高科技農場糧食室內</t>
  </si>
  <si>
    <t>侯友宜大增運輸量網路代替新北馬路</t>
  </si>
  <si>
    <t>本土疫情嚴峻新北市今新增44例本土確診確診個案不斷降低。新北市長侯友宜表示根據市府做的交通量預警機製錶國道、公車、台鐵、高鐵運量都較上周大幅上升他提醒大家想要透透氣是人性但請大家忍耐用網</t>
  </si>
  <si>
    <t>新北本土透透氣想要提醒上升大幅上周運量確診人性高鐵台鐵公車國道製錶市長預警機交通量侯友宜表示市府新增</t>
  </si>
  <si>
    <t>增加侯友宜上周出來新北忍耐人性資料不斷預警機製表疫情交通量台鐵代替網路週六全國最後公車馬路本土</t>
  </si>
  <si>
    <t>新冠肺炎台灣侯友宜網路新北</t>
  </si>
  <si>
    <t>侯友宜肺炎臺灣網路新北</t>
  </si>
  <si>
    <t>公墓工作確診新增</t>
  </si>
  <si>
    <t>南投縣27日新增1例確診個案6762是草屯鎮65歲男性26日主動到草屯中山裡社區篩檢站快篩結果陽性經PCR篩檢陽性確診已住院隔離治療尚無不適症狀。另外中央配發AZ疫苗1800劑已送達將以醫護及警消為優先施</t>
  </si>
  <si>
    <t>確診陽性醫護送達新增疫苗az配發症狀中央不適草屯鎮主動尚無男性社區草屯山裡治療隔離</t>
  </si>
  <si>
    <t>南投縣27日新增1例確診個案6762是草屯鎮65歲男性26日主動到草屯中山裡社區篩檢站快篩結果陽性經PCR篩檢陽性確診已住院隔離治療尚無不適症狀。另外中央配發AZ疫苗1800劑已送達將以醫護及警消為優先施打對象。
衛生局長黃昭郎表示確診個案活動史除工作的草屯鎮坪頂裡第12公墓、中原裡第13公墓及雙冬裡公墓及到大觀市場購物外未有其他足跡將請警方協助持續追查；確診個案5名共同及9名非共同居住家人和3名共事者共17人匡列為接觸者均已採檢並居家隔離。
黃昭郎表示26日在草屯鎮中山裡社區篩檢站統計結果顯示篩檢陽性率約為083％；28日下午2點到4點將在草屯鎮寶島時代村開設新冠肺炎篩檢站如有與確診個案足跡重疊者及認為自己有症狀者可前往篩檢請帶身分證、健保卡並全程戴醫療口罩。
黃昭郎說原本向中央提報8000劑疫苗供縣內醫事、警消人員優先施打中央則配送1800劑將分別供1670名醫事人員及員警100人、消防50人登記施打；1800劑施打完畢後南投縣醫事人員接種率將從現行356％提升到496％警、消接種人數則分別為334人及159人。
建設處長李正偉針對公告禁止營業的八大等高風險行業稽查成果指出已開罰2家違規營業業者各30萬元分別是草屯一家養生館及埔裡鎮一家夾娃娃店縣府聯合稽查小組會持續查察若再查獲違規將再罰30萬元並同步斷水幾電絕不寬貸。</t>
  </si>
  <si>
    <t>確診草屯鎮個案黃昭郎中央分別施打人員稽查營業持續足跡草屯症狀</t>
  </si>
  <si>
    <t>新冠肺炎台灣 公墓南投縣確診個案</t>
  </si>
  <si>
    <t>公墓臺灣肺炎確診個案</t>
  </si>
  <si>
    <t>檢疫縮短台商返家春節</t>
  </si>
  <si>
    <t>因應2022年1月農曆春節國人返台指揮中心預估明年返台人數將更勝2021年中央流行疫情疫情指揮中心副指揮官陳宗彥1日宣佈在不調整檢疫14天及7天自主健康管理情況下推動春節期間新的檢疫措施。陳宗彥指出重點</t>
  </si>
  <si>
    <t>檢疫春節陳宗彥指揮中心返台人數疫情健康期間自主推動情況管理調整宣佈國人中央措施流行預估明年指揮官</t>
  </si>
  <si>
    <t>因應2022年1月農曆春節國人返台指揮中心預估明年返台人數將更勝2021年中央流行疫情疫情指揮中心副指揮官陳宗彥1日宣佈在不調整檢疫14天及7天自主健康管理情況下推動春節期間新的檢疫措施。
陳宗彥指出重點高風險國家維持入住檢疫場所包含印度、英國、緬甸3個國家監測組跟邊境組會根據國際及3個國家狀況更新、調整。
其他國家入境的會採取幾個部分包括：第一前10天可以入住防疫旅宿或是自費入住集中檢疫場所在前10天一樣依照檢疫規範入境採檢一次、第10天採檢一次。後面4天如果採檢陰性之後可以搭防疫返回住家繼續檢疫。返家過程必須搭防疫計程車回家後必須是一人一戶為原則進行後面4天檢疫措施。如果要一人一室的話必須是同住家人都打滿兩劑。
第二：入境時候依照現行要進行一次PCR檢測在第9或10天增加一次PCR檢測檢測採檢陰性的且符合剛剛所說的要件就可以返家但必須一人一戶為原則。一人一室必須是家裡同住家人都完成了完整的兩劑施打就可以一人一室。而在期滿期一天也會再做一次PCR檢測。
第三入住防疫旅館者如果是同行的家人原則上是以兩個人同住防疫旅館一個房間的規定同時處理這個時間會從12月14日到明年2月14日為期兩個月來推動很多已經預計在2021年1月份返國的民眾可依交通部觀光局也同時跟各縣市觀光主管機關還有防疫旅館業者去調整也回協助旅客如果符合相關要件後4天可以返回家裡做檢疫措施時就會退費、調整、變更。
交通部也會協助各縣市強化防疫計程車的量能因為會增加防疫旅館返家的這一段部分量能的安排交通部也會協調各縣市計程車業者就防疫計程車的量能去完備。這是有關春節部分的調整措施。</t>
  </si>
  <si>
    <t>檢疫防疫調整可以措施國家入住入境必須部分返家推動旅館計程車各縣市明年春節指揮家人中心返台</t>
  </si>
  <si>
    <t>台商檢疫措施台灣返家新冠肺炎</t>
  </si>
  <si>
    <t>臺灣返家措施檢疫台商肺炎</t>
  </si>
  <si>
    <t>新冠肺炎疫情延燒尋求相對穩定收益需求下及預期各國進一步寬鬆亞洲高收益債持續受到資金青睞根據EPFR統計資金續大幅買超亞高收債成為資金避風港有利佈局亞高收債基金掌握這波行情。日盛亞洲高收益債</t>
  </si>
  <si>
    <t>收益資金亞洲尋求相對疫情穩定需求預期寬鬆大幅受到買超高收持續成為掌握肺炎基金行情日盛</t>
  </si>
  <si>
    <t>新冠肺炎疫情延燒尋求相對穩定收益需求下及預期各國進一步寬鬆亞洲高收益債持續受到資金青睞根據EPFR統計資金續大幅買超亞高收債成為資金避風港有利佈局亞高收債基金掌握這波行情。
日盛亞洲高收益債券基金經理人鄭易芸表示今年以來亞高收債受資金追捧指數大幅衝高新冠肺炎疫情爆發的恐慌影響反轉小跌但跌幅僅093％隨後快速反彈回升指數並再創新高。全球主要央行貨幣政策續偏向寬鬆市場追逐收益熱情不減亞高收延續強勁吸金力支撐亞高收牛市強勁。
宏利投信亞洲固定收益部首席投資總監彭德信認為亞洲固定收益市場後續發展視肺炎疫情對大陸及亞洲經濟影響近來美國公債殖利率下跌預料續維持窄幅整提供區間內短線交易機會。且疫情影響應不會動搖利率政策目前發展難預料將持續多久但若利差進一步顯著擴大將是加碼亞高收債良機。
安本標準投信認為新興亞洲多元化程度具龐大潛力帶來分散投資效益並提供不少機會亞洲公司債具吸引力的風險報酬特質因相關性日增的低利時代可望在投資組合中發揮關鍵作用帶來穩健風險調整後報酬。
為降低潛在匯率風險佈局當地貨幣債時建議採一籃子貨幣並選擇預期與新興經濟體同步的歐元、英鎊和澳幣等避免危機期間美元和日圓等避險貨幣通常逆向走勢結果造成匯損。
群益全民成長樂退組合基金經理人林宗慧強調在新冠肺炎疫情幹擾下金融市場震盪加劇但全球主要央行接連採貨幣寬鬆政策相對有助固定收益資產後市表現。其中亞洲國家企業體質穩健、經濟成長動能無虞且政經風險較低亞高收債更能吸引資金流入有利後續表現。</t>
  </si>
  <si>
    <t>亞洲收益疫情貨幣風險資金影響投資肺炎寬鬆固定高收成長組合預料指數帶來穩健經濟預期發展持續</t>
  </si>
  <si>
    <t>亞洲固定收益收益肺炎全球主要央行穩健</t>
  </si>
  <si>
    <t>收益肺炎全球固定穩健央行亞洲</t>
  </si>
  <si>
    <t>雙重標準放縱確實申報健康咖啡聲明書防疫下屬秘派遲早觀光局</t>
  </si>
  <si>
    <t>日前新增的新冠肺炎確診案277被踢爆是交通部觀光局主任祕書之子這名高官非但在3/20翹班前往機場接送還要求觀光局駐機場人員隨行接待「喝咖啡、聊是非」造成後續案269、案299的感染。先不論翹班接送返國兒子</t>
  </si>
  <si>
    <t>機場接送肺炎確診咖啡接待隨行人員交通部觀光局主任秘書高官前往後續造成是非觀光局感染</t>
  </si>
  <si>
    <t>日前新增的新冠肺炎確診案277被踢爆是交通部觀光局主任祕書之子這名高官非但在3/20翹班前往機場接送還要求觀光局駐機場人員隨行接待「喝咖啡、聊是非」造成後續案269、案299的感染。先不論翹班接送返國兒子是否適當指揮中心這次對案277未確實申報健康聲明的輕放態度就足以看出民進黨政府在防疫對策上的雙重標準以及台灣官場的特權、馬屁文化。
曾在菲住院3天 返台未檢疫
指揮中心28日表示案277從3/1起就有症狀出現喉嚨痛、發燒等症狀發言人莊人祥昨補充該案還在菲律賓當地住院3天出現血尿症狀住院期間靠抗生素與類固醇才壓下症狀但案277入境時卻不需檢疫指揮中心給的理由竟是案277在入境前14天並無相關症狀因此無須採檢如此浮動式採檢標準恐讓國內出現巨大防疫破口。
可疑的是指揮中心29日將案277發病日從3/1改為3/22雖然指揮中心聲稱案277在菲律賓住院出現的血尿、喉嚨痛症狀皆與新冠肺炎、類流感等呼吸道症狀無關但卻對將案277發病日改為3/22中間轉折交代不清指揮中心有必要說明清楚這段過程否則前後矛盾的回應外界合理懷疑指揮中心是要為案277未確實通報健康聲明開脫責任。
更改發病日期 轉折未交代
我國防疫最高總指揮陳時中昨並未對案277與觀光局高官喝咖啡有所苛責反而掛保證不會對在機場逗留的居家檢疫人員開罰。但指揮官是否曾想過此例一開恐引起模仿效應？若未來返國居家檢疫者皆可在機場內不按規定到處走動人人都來一杯咖啡與親友暢聊防疫破口難保不會出現。
疫情指揮中心 疑護航高官
疫情指揮中心早在1/27就宣佈未確實填寫健康聲明書者可依傳染病防治法第58條規定處最高15萬元罰緩但這次指揮中心不但公然在記者會上為觀光局高官之子護航還對其發病日調整轉折交代不清實在難甩外界對高官耍特權規避防疫責任的質疑。</t>
  </si>
  <si>
    <t>指揮中心症狀防疫高官出現檢疫機場住院咖啡發病觀光局健康特權交代外界確實轉折返國</t>
  </si>
  <si>
    <t>咖啡聲明觀光局發病高官</t>
  </si>
  <si>
    <t>高官聲明觀光局發病咖啡</t>
  </si>
  <si>
    <t>確診岩手肺炎淪陷日本</t>
  </si>
  <si>
    <t>日本國內29日新冠肺炎的單日新確診人數達1071人 首度破1千人。原本唯一零確診的岩手縣29日也首次出現2位確診患者其中位是40多歲的男性。東京都29日有250人確診東京已連續21天確診數超過100人累計確診人數達1</t>
  </si>
  <si>
    <t>確診人數肺炎出現岩手男性超過東京原本患者東京都日新連續累計首度日本國</t>
  </si>
  <si>
    <t>日本國內29日新冠肺炎的單日新確診人數達1071人 首度破1千人。原本唯一零確診的岩手縣29日也首次出現2位確診患者其中位是40多歲的男性。
東京都29日有250人確診東京已連續21天確診數超過100人累計確診人數達1萬1千861人。大阪府29日有221人確診創單日確診最高紀錄大阪也是首次超過200人確診。愛知縣29日有167人確診福岡縣有101人確診都創單日確診數的新高紀錄。</t>
  </si>
  <si>
    <t>確診超過人數紀錄肺炎岩手出現男性日新都創原本東京患者最高東京都</t>
  </si>
  <si>
    <t>創新高單日確診岩手縣零確診東京</t>
  </si>
  <si>
    <t>確診岩手新高東京</t>
  </si>
  <si>
    <t>艾利斯馬沙利斯肺炎大師病逝爵士樂享壽</t>
  </si>
  <si>
    <t>自50年代活躍爵士樂壇的美國爵士鋼琴大師艾利斯馬沙利斯（Ellis Marsalis）  日前因新冠肺炎逝世享壽85歲。艾利斯曾於2015年訪台在兩廳院夏日爵士派對上為樂迷帶來鋼琴四重奏演出。艾利斯出身紐奧良為爵士</t>
  </si>
  <si>
    <t>艾利斯爵士鋼琴演出大師日前四重奏ellis肺炎marsalis逝世夏日享壽樂迷利斯派對訪台馬沙帶來美國出身樂壇紐奧</t>
  </si>
  <si>
    <t>自50年代活躍爵士樂壇的美國爵士鋼琴大師艾利斯馬沙利斯（Ellis Marsalis） 日前因新冠肺炎逝世享壽85歲。艾利斯曾於2015年訪台在兩廳院夏日爵士派對上為樂迷帶來鋼琴四重奏演出。
艾利斯出身紐奧良為爵士樂界第一家庭「馬沙利斯家族」的大家長。家人透過艾利斯的臉書粉絲專頁昨（2）日貼文宣佈他不幸逝世的消息家族將舉行私人葬禮也將在未來設置公共紀念碑非常感謝每位為艾利斯哀悼的人。也根據艾利斯的願望希望大家將慰問的花與卡片替換為支援馬沙利斯家族為音樂資源不足的兒童設立的音樂中心以紀念艾利斯為兒童的努力將文化與音樂帶給紐奧良的兒童。
艾利斯共有6個兒子4位都成了音樂家其中最知名的便是林肯中心爵士樂團藝術總監、爵士小號手溫頓（Wynton Marsalis）他在臉書貼文懷念父親「父親是一位謙卑的人用音樂捕捉地方的精神」。除此之外艾利斯也是位致力於傳承音樂的教育家指導過當代許多優秀的樂手任教於多所音樂學校影響力遍佈爵士樂壇。
在2011年獲得爵士音樂最高榮譽「NEA爵士大師獎」的艾利斯見證爵士樂歷史超過60年音樂經驗豐富從藍調到傳統紐奧良爵士咆勃等各種風格都能掌控恰如其分層次分明顯見大師風範。</t>
  </si>
  <si>
    <t>艾利斯爵士音樂家族利斯馬沙大師兒童marsalis爵士樂樂壇鋼琴紐奧恰如其分風格知名</t>
  </si>
  <si>
    <t>爵士樂大師艾利斯馬沙利斯罹新冠肺炎武漢肺炎</t>
  </si>
  <si>
    <t>艾利斯馬沙利斯肺炎大師武漢爵士樂</t>
  </si>
  <si>
    <t>進度新藥瑞德西韋超前國衛院完成肺炎公克級合成</t>
  </si>
  <si>
    <t>美國藥廠吉立亞公司的「瑞德西韋（Remdesivir）」藥物被認為可能是有效治療新冠肺炎的藥國家衛生研究院今宣佈繼完成毫克級的合成後今天進度超前完成了公克級合成讓藥物研發的進展往前邁向一大步。國衛院臉</t>
  </si>
  <si>
    <t>藥物合成完成公司進展瑞德西韋remdesivir研發認為可能治療有效公克級肺炎國家衛生研究院宣佈邁向超前今天</t>
  </si>
  <si>
    <t>美國藥廠吉立亞公司的「瑞德西韋（Remdesivir）」藥物被認為可能是有效治療新冠肺炎的藥國家衛生研究院今宣佈繼完成毫克級的合成後今天進度超前完成了公克級合成讓藥物研發的進展往前邁向一大步。
國衛院臉書表示為了協助政府因應新型冠狀病毒(COVID-19)疫情之防疫工作國衛院利用2003對抗SARS與2005年合成克流感之經驗積極投入美國藥廠吉立亞公司（Gilead Science）「瑞德西韋（Remdesivir）」藥物合成工作。
國衛院指出國衛院在2月19日成功完成瑞德西韋毫克級合成。如今原預定二周的作業時程於短短五日提前達陣今2月24日成功完成公克級合成讓藥物研發的進展往前邁向一大步。同時已有國內廠商表達後續大量合成生產之意願期盼能共同為此次抗疫一起努力。</t>
  </si>
  <si>
    <t>合成藥物完成瑞德西韋工作國衛院remdesivir成功一大邁向公克級共同公司期盼意願生產後續進展</t>
  </si>
  <si>
    <t>墨西哥出差男子境外新增國內</t>
  </si>
  <si>
    <t>「＋0」又破功！台灣今天新增一例新冠肺炎境外移入個案患者是一位來自墨西哥的本國籍男子目前國內累積共448例確診者還有兩名未出院。中央流行疫情指揮中心醫療應變組副組長羅一鈞表示國內新增1例境外移入COV</t>
  </si>
  <si>
    <t>新增國內境外今天流行疫情中央指揮中心醫療未出還有應變組長來自確診男子國籍墨西哥羅一鈞累積目前</t>
  </si>
  <si>
    <t>「＋0」又破功！台灣今天新增一例新冠肺炎境外移入個案患者是一位來自墨西哥的本國籍男子目前國內累積共448例確診者還有兩名未出院。
中央流行疫情指揮中心醫療應變組副組長羅一鈞表示國內新增1例境外移入COVID-19病例(案448)為50多歲男性今(2020)年2月初至墨西哥工作昨(1)日返國入境。
指揮中心表示個案6月17日至22日陸續出現頭痛、咳嗽、四肢無力及發燒症狀並曾於墨西哥當地多次就醫但未採檢經治療後於6月25日症狀緩解。個案7月1日入境時主動告知過去14天內曾有不適症狀由機場檢疫人員安排採檢後送至集中檢疫所隔離經檢驗於今日確診目前個案收治住院隔離。
指揮中心指出衛生單位已掌握個案接觸者共23人其中11人須居家隔離包括同行同事1人同班機前後二排乘客10人(另有1人轉機未入境)同班機機組員11人因全程有適當防護列為自主健康管理對象。
指揮中心統計國內截至目前累計77025例新型冠狀病毒肺炎相關通報(含76084例排除)其中448例確診分別為357例境外移入55例本土病例及36例敦睦艦隊。</t>
  </si>
  <si>
    <t>個案指揮中心墨西哥症狀隔離確診入境目前國內境外新增表示肺炎班機病例今天四肢</t>
  </si>
  <si>
    <t>境外移入個案召開臨時記者會說明新增</t>
  </si>
  <si>
    <t>召開記者會個案說明境外</t>
  </si>
  <si>
    <t>感染者院區危機流動翻版和平醫院</t>
  </si>
  <si>
    <t>為因應疫情升溫北市14日緊急啟用4個快篩站而中央流行疫情指揮中心15日也宣佈北市聯合醫院中興院區快篩站共發現46個陽性、剝皮寮快篩站則找到16人總篩檢人數525人陽性率有10％左右引起全國震驚；投訴人指</t>
  </si>
  <si>
    <t>北市疫情引起陽性率全國宣佈中心指揮震驚聯合醫院人數啟用中興中央緊急發現陽性院區</t>
  </si>
  <si>
    <t>為因應疫情升溫北市14日緊急啟用4個快篩站而中央流行疫情指揮中心15日也宣佈北市聯合醫院中興院區快篩站共發現46個陽性、剝皮寮快篩站則找到16人總篩檢人數525人陽性率有10％左右引起全國震驚；投訴人指出北市聯醫某院區恐將出現類似和平醫院的狀況至於是否會釀院內感染有待嚴密觀察。
投訴人指出北市聯醫和平院區目前只出不進導致萬華地區居民往外擴散篩檢甚至四處換醫院求醫流動到北區的各醫院去反而增加擴散危險；台大醫院某醫師表示院內感染可能會壓垮醫療體系一定要嚴防。
投訴人爆料北市聯醫某院區12日替一名外科患者手術但術後患者血氧濃度無法回到正常值經胸部X光檢查才發現已罹患肺炎並在14日確診但確診後院方竟未積極通知照顧患者的護理人員甚至未立即安排採檢更沒通知與確診人同病房的患者及陪病家屬相當離譜。
北市聯醫表示有關所有檢疫相關事項統一由中央流行疫情指揮中心發佈。</t>
  </si>
  <si>
    <t>北市患者院區投訴人發現表示甚至確診疫情通知院內感染醫院流行指出中央指揮</t>
  </si>
  <si>
    <t>新冠肺炎台灣和平醫院聯醫</t>
  </si>
  <si>
    <t>肺炎和平醫院臺灣</t>
  </si>
  <si>
    <t>接種臺灣疫苗證明日本友好</t>
  </si>
  <si>
    <t>日本放寬邊境管制並宣佈若有完整接種日本認可的3種疫苗（BNT、AZ或莫德納）入境隔離期間可從10天縮短為3天；但因日本不承認台灣的疫苗接種證明引發國內網友熱議、甚至論戰有批踢踢網友譏諷「真是台日友好？</t>
  </si>
  <si>
    <t>日本網友接種疫苗踢踢國內引發入境隔離期間完整莫德納縮短證明az譏諷bnt臺灣承認認可論戰甚至宣佈管制真是</t>
  </si>
  <si>
    <t>日本臺灣網友友好接種疫苗隔離證明放寬az互相認可bnt高端承認名單踢踢台日</t>
  </si>
  <si>
    <t>邊境管制台日友好台灣日本接種證明</t>
  </si>
  <si>
    <t>臺灣友好台日日本接種管制證明邊境</t>
  </si>
  <si>
    <t>學生確診全國新增人數維持連續</t>
  </si>
  <si>
    <t>教育部今(21)日公佈最新全國確診學生人數已連續3天沒有新增案例累計全國學生確診個案維持在754人。根據教育部最新統計自4月20日到9月20日下午5點半共有754名學生確診新冠肺炎其中721名是本土案例33名境</t>
  </si>
  <si>
    <t>學生確診全國案例最新教育部肺炎沒有維持連續個案累計人數統計下午共有公佈本土</t>
  </si>
  <si>
    <t>案例學生教育部人數確診最新申領國中高中孩童國小全國統計資料沒有防疫家庭行政院以下實際監護人至於父母照顧可以障礙進行</t>
  </si>
  <si>
    <t>教育部全國學生新冠肺炎台灣</t>
  </si>
  <si>
    <t>學生肺炎全國臺灣教育部</t>
  </si>
  <si>
    <t>南山指望消失疫情</t>
  </si>
  <si>
    <t>新冠肺炎何時會消失？近日確診病例又增加是否是疫情反彈？大陸防疫專家、中國科學院院士鍾南山對這些熱點問題一一回應。他指出不要指望疫情全部消失；境外輸入病例近日雖多但非疫情反彈。鍾南山稱大陸的新冠肺炎</t>
  </si>
  <si>
    <t>疫情南山消失近日大陸反彈病例一一指望不要熱點問題指出回應肺炎確診院士境外中國科學院是否是防疫增加專家輸入</t>
  </si>
  <si>
    <t>新冠肺炎何時會消失？近日確診病例又增加是否是疫情反彈？大陸防疫專家、中國科學院院士鍾南山對這些熱點問題一一回應。他指出不要指望疫情全部消失；境外輸入病例近日雖多但非疫情反彈。
鍾南山稱大陸的新冠肺炎疫情基本屬於控制狀態但海外仍處高位由於核酸檢測沒有全覆蓋非洲、印度、巴基斯坦等人口大國確診病例處於爬坡階段這樣的反差會造成外來輸入病例而且會有外來輸入以後感染的病人。
廣州對境外入穗者採核酸檢測全覆蓋鍾南山說這實際上是外防輸入升級的措施與當前世界疫情形勢有關。採全覆蓋核酸檢測和隔離非常有必要。
鍾南山也指出留學生是非常值得注意的群體特別是一些發展中國家的疫情還很難估測。所以留學生和其密切接觸者一定要通過常規檢查沒有問題後才能同意回來上課。
廣州出現多例境外輸入病例的關聯病例。鍾南山不認為是疫情反彈他明白表示出現大群體的爆發才是反彈。傳染性疾病無界限早發現是好事。廣州採取措施比較早這是好事不認為是反彈而是及早發現的做法和結果。
無症狀感染者的傳染隱患成為公眾普遍關注的問題。鍾南山說無症狀感染者不是新冠病毒後期的特徵這類人群一直都存在。目前從很多境外輸入案例看很多人在境外感染病毒沒有發生症狀到大陸過程中或抵達之後才出現症狀這也促進社會更加關注無症狀感染者「我也再次重申這是一種傳染病不要指望疫情全部消失只要不影響生活生產即可。」
鍾南山認為新冠肺炎疫情是否會再次大爆發取決於人為幹預、特別是政府幹預的力度。「今年秋冬季節是否會再發生？不敢說有這個可能但不會像這次狼狽。」</t>
  </si>
  <si>
    <t>疫情南山輸入反彈症狀境外病例沒有出現大陸廣州感染者消失核酸檢測覆蓋問題留學生</t>
  </si>
  <si>
    <t>廣州肺炎反彈輸入鍾南山</t>
  </si>
  <si>
    <t>反彈肺炎輸入廣州南山</t>
  </si>
  <si>
    <t>學者破百公立醫院激增周內確診香港爆滿</t>
  </si>
  <si>
    <t>香港第三波新冠肺炎疫情持續惡化單計8小時就有108例確診！香港衛生防護中心傳染病處主任張竹君19日表示有關確診數字是由18日下午4時至淩晨12時計算引發各界關注。對此中文大學醫學院呼吸系統科講座教授許樹</t>
  </si>
  <si>
    <t>確診香港呼吸系統醫學院大學中文對此關注疫情肺炎引發持續計算惡化單計淩晨小時時至下午主任衛生防護表示</t>
  </si>
  <si>
    <t>香港第三波新冠肺炎疫情持續惡化單計8小時就有108例確診！香港衛生防護中心傳染病處主任張竹君19日表示有關確診數字是由18日下午4時至淩晨12時計算引發各界關注。對此中文大學醫學院呼吸系統科講座教授許樹昌直言若每日確診個案都破百公立醫院會在一周內爆滿。
香港確診新冠肺炎案例爆增至今累計個案1886例確診。據《東網》許樹昌今天在電台節目表示香港新增破百例確診就是專家擔心個案以幾何式急增的情況。他說疫情現在相當險峻預料今天新增個案達三位數的機會都高未來幾天確診個案也仍會持續增加若每日確診個案皆破百公立醫院會在一周內爆滿。
許樹昌也提及市民恐因「抗疫疲勞」致防疫意識鬆懈！他希望抗疫措施嚴謹後一周內可看到新確診個案數字降低。他也表示規定市民在所有室內公共場所戴口罩是重要措施及早採取嚴謹措施到疫情放緩時再逐步放寬。</t>
  </si>
  <si>
    <t>確診個案疫情香港措施破百今天新增市民許樹昌表示嚴謹持續數字肺炎爆滿</t>
  </si>
  <si>
    <t>香港新冠肺炎疫情公立醫院許樹昌</t>
  </si>
  <si>
    <t>疫情肺炎公立醫院許樹昌香港</t>
  </si>
  <si>
    <t>署長防疫關鍵臺灣</t>
  </si>
  <si>
    <t>台灣在對抗新型冠狀病毒的戰役中表現突出備受他國推祟連現任國光科技董事長、前衛生署長詹啟賢也高度讚賞認為政府和防疫官員警覺性高、反應明快民眾也能充分配合遵守防疫措施養成良好的衛生習慣。不過他</t>
  </si>
  <si>
    <t>防疫戰役表現突出備受國光病毒遵守科技董事長配合衛生充分署長詹啟賢民眾明快警覺性官員高度讚賞反應認為</t>
  </si>
  <si>
    <t>台灣在對抗新型冠狀病毒的戰役中表現突出備受他國推祟連現任國光科技董事長、前衛生署長詹啟賢也高度讚賞認為政府和防疫官員警覺性高、反應明快民眾也能充分配合遵守防疫措施養成良好的衛生習慣。不過他指出台灣防疫能傲視全球最重要的關鍵還是因為22年前爆發腸病毒讓台灣制定了先進的防疫體制這套體制連日本至今也付之闕如。
面對新型冠狀病毒來勢凶猛連先進國家義大利、德國、法國、西班牙疫情嚴峻為何被視為疫情可能第二嚴重的台灣相對表現傑出？
詹啟賢接受《鏡週刊》專訪時表示其他國家防疫做不好就是因為沒有制定《傳染病防治法》。他指出1988年他在衛生署長任內提出《傳染病防治法》架構對防疫的相關強制隔離、徵調民間醫療資源或對發布不實訊息施以裁罰等都有所規範。
詹啟賢說1989年台灣成立疾病管制局並修訂了嚴謹的《傳染病防治法》這是亞洲第一個立法的國家時至今日亞洲醫療先前國日本仍沒相關法規。至於為何台灣能對防疫超前部署詹啟賢則透露其實「和腸病毒有關」。
根據資料1998年腸病毒大流行時造成全台140萬名兒童得到手足口症和咽峽炎共405人併發重症、78名兒童不幸死亡。</t>
  </si>
  <si>
    <t>防疫臺灣國家腸病毒傳染病防治法兒童表現醫療詹啟賢相關啟賢日本先進指出制定病毒冠狀署長衛生疫情亞洲併發</t>
  </si>
  <si>
    <t>新冠肺炎武漢肺炎新型冠狀病毒台灣詹啟賢</t>
  </si>
  <si>
    <t>肺炎武漢冠狀病毒臺灣詹啟賢</t>
  </si>
  <si>
    <t>怒飆髒話黃明志臺灣胡說八道德塞防疫強大</t>
  </si>
  <si>
    <t>黃明志日前因應新冠肺炎疫情無奈取消本月二場的「鐵漢柔情」系列演唱會對於各國近期疫情措施黃明志不僅力讚台灣政府防疫完善還怒飆髒話嗆世界衛生組織WHO：「這次台灣防疫跟應變能力都太強大！比起那個什麼</t>
  </si>
  <si>
    <t>防疫疫情黃明志臺灣who世界衛生組織髒話肺炎無奈完善取消本月柔情鐵漢演唱會臺灣政府力贊對於近期措施應變能力因應太強大</t>
  </si>
  <si>
    <t>黃明志日前因應新冠肺炎疫情無奈取消本月二場的「鐵漢柔情」系列演唱會對於各國近期疫情措施黃明志不僅力讚台灣政府防疫完善還怒飆髒話嗆世界衛生組織WHO：「這次台灣防疫跟應變能力都太強大！比起那個什麼懶叫WHO每天胡說八道強多了台灣應該要禁止WHO加入台灣！然後建議那個WHO秘書長可以改行去歌舞伎町做鴨幫人舔屁股洞賺錢比較快！」
黃明志回想自己一月中在臺北舉辦的新歌演唱會感慨表示：「謝謝每一位出席這次新歌發表會的朋友讓我重拾Unplugged演出的樂趣。不知道要等到什麼時候才能再次公開演出最近由於武漢肺炎導致所有的公開活動都取消了害林北只能寫寫劇本寫寫歌錄錄音拍拍MV。」自嘲近來沒事做「害林北的作品越做越多跑出來了多到林北都不知道該先發表哪一個你說怎麼辦好」！
黃明志特別欣賞大支日前推出的抗疫公益歌曲〈台灣隊長Remix〉該曲除了描述台灣在防疫上的作為以及成效也感謝因這次疫情、集結組成最強勁軍隊的台灣英雄們此外大支也透過該曲表達對WHO打壓台灣一事不滿歌詞強調「健康是全人類基本人權不應該有人被遺棄」。</t>
  </si>
  <si>
    <t>臺灣who黃明志疫情防疫林北演唱會演出取消肺炎應該知道公開日前寫寫屁股健康</t>
  </si>
  <si>
    <t>WHO黃明志台灣新冠肺炎秘書長</t>
  </si>
  <si>
    <t>臺灣黃明志肺炎who秘書長</t>
  </si>
  <si>
    <t>接觸痊癒再度病毒研究是否免疫英國</t>
  </si>
  <si>
    <t>英國科學家19日針對新冠肺炎展開最新研究這回讓曾確診新冠肺炎並痊癒者再度接觸病毒以瞭解痊癒者是否對病毒免疫。今年2月英國成為全球第一個實行「人體挑戰試驗」的國家號召全國健康志願者參與人體試驗在封</t>
  </si>
  <si>
    <t>肺炎人體英國痊癒試驗病毒全國號召國家挑戰實行全球成為今年免疫展開最新研究回讓確診志願者健康是否再度參與瞭解</t>
  </si>
  <si>
    <t>人體試驗研究病毒肺炎疫苗痊癒號召是否再度最新接觸確診免疫免疫力瞭解英國有效療法設計資料所得有助</t>
  </si>
  <si>
    <t>英國新冠肺炎痊癒免疫病毒</t>
  </si>
  <si>
    <t>肺炎痊癒免疫英國病毒</t>
  </si>
  <si>
    <t>疫情源頭調查世衛放寬客機北京世界</t>
  </si>
  <si>
    <t>展開新的一天中時新聞網帶您看看世界發生了哪5件大事。【1】北京爆發另一波新冠肺炎疫情世界衛生組織（WHO）認為事關重大正在調查源頭。【2】美中緊張關係似乎出現緩和跡象美國已證實將與大陸互相放寬旅遊</t>
  </si>
  <si>
    <t>證實美國跡象緩和新聞網出現看看似乎關係世界緊張大陸發生美中源頭調查大事正在北京重大事關爆發認為who世界衛生組織</t>
  </si>
  <si>
    <t>展開新的一天中時新聞網帶您看看世界發生了哪5件大事。
【1】北京爆發另一波新冠肺炎疫情世界衛生組織（WHO）認為事關重大正在調查源頭。
【2】美中緊張關係似乎出現緩和跡象美國已證實將與大陸互相放寬旅遊禁令允許每週4架客機互飛。
【3】日本因為技術問題決定停止部署陸基「神盾」系統。
【4】美國總統川普為了爭取連任卯足力氣拚經濟竟然語出驚人說要是不檢測美國就不會有那麼多新冠肺炎病例。
【5】由於台灣防疫有成日本執政黨要政府將台灣列入第1波開放入境名單。</t>
  </si>
  <si>
    <t>美國日本臺灣肺炎新聞網看看世界源頭美中調查緊張正在關係重大卯足力氣發生列入事關似乎經濟竟然禁令</t>
  </si>
  <si>
    <t>北京中國大陸新冠肺炎武漢肺炎WHO</t>
  </si>
  <si>
    <t>肺炎大陸武漢中國北京who</t>
  </si>
  <si>
    <t>野戰醫院南韓</t>
  </si>
  <si>
    <t>美國疫情再創紀錄！12月9日3214人因新冠肺炎送命住院人數達107萬雙雙締造單日新高。日本和南韓確診數也暴增。美國食品暨藥物管理局（FDA）10日將討論輝瑞／德國BioNTech研發的疫苗預料將可望獲准緊急使用但</t>
  </si>
  <si>
    <t>美國預料疫苗研發德國輝瑞討論送命締造人數日本南韓肺炎fda確診管理局食品藥物可望biontech</t>
  </si>
  <si>
    <t>美國疫情再創紀錄！12月9日3214人因新冠肺炎送命住院人數達107萬雙雙締造單日新高。日本和南韓確診數也暴增。美國食品暨藥物管理局（FDA）10日將討論輝瑞／德國BioNTech研發的疫苗預料將可望獲准緊急使用但加拿大卻搶先在9日宣佈批准輝瑞疫苗開打。
感恩節假期5千萬美國人不顧專家警示出遊或與親友團聚的後果化為屢破新高的單日確診和死亡數字。3000多死的恐怖門檻醫療體系瀕臨崩解。《紐約時報》表示美國3分之1地區的醫院加護病房均已爆滿。加州、德州與羅德島等已著手打造野戰醫院。另外兒童醫院也加入分擔病患的行列。
在亞洲日本10日新增確診達2811例東京一口氣增加602例刷新單日紀錄。南韓增加682例確診累計確診也跨過4萬大關為避免醫療體系崩盤衛生部10日宣佈將打造由貨櫃改裝而成的流動病床分佈在首爾150處醫療院所。
香港10日新增112例新冠肺炎確診個案連續3天日增超過百例全港確診累計已達7292例。新增確診個案來自多起群聚感染鏈；綜合香港電台等港媒報導香港九龍灣麗晶花園第6幢迄昨已累計7例新冠肺炎確診個案都來自D室單位。港府已要求特定居民先遷往隔離地點其餘居民則需要接受強制檢測。港大微生物學系講座教授袁國勇昨到疫廈視察指單位多個汙水管都接到同一糞管不排除傳播方式與當年的淘大花園相似。
病毒肆虐下疫苗成為最後的「靈方妙藥」。白宮「曲速行動」疫苗專案小組最快週末前就可把290萬劑疫苗配送到各地。</t>
  </si>
  <si>
    <t>疫苗確診美國醫療新增單位花園累計醫院打造個案香港肺炎宣佈體系居民輝瑞</t>
  </si>
  <si>
    <t>確診個案美國疫苗肺炎南韓</t>
  </si>
  <si>
    <t>疫苗美國肺炎個案南韓確診</t>
  </si>
  <si>
    <t>抗體研究柯文哲血清週五啟動說明細節北市</t>
  </si>
  <si>
    <t>外傳北市府即將展開萬華區血清抗體研究臺北市長柯文哲今日證實此事並說該研究要查3件事包括社區中是否藏有許多黑數民眾確診、打疫苗後的抗體變化以及台灣是否該追加購買第三劑疫苗也承諾週五將請研究計</t>
  </si>
  <si>
    <t>研究抗體是否疫苗展開華區血清週五臺北市證實承諾即將社區包括購買追加民眾變化確診今日</t>
  </si>
  <si>
    <t>研究抗體是否血清市府計畫萬華臺灣作為柯文哲疫苗變化說明社區許家禎進行</t>
  </si>
  <si>
    <t>血清抗體說明北市府研究柯文哲</t>
  </si>
  <si>
    <t>說明市府抗體研究柯文哲血清</t>
  </si>
  <si>
    <t>沈榮津現金消費傾聽意見整體評估</t>
  </si>
  <si>
    <t>新冠肺炎衝擊產業經濟部規劃待疫情舒緩後推出酷碰券、振興抵用券刺激消費其中酷碰券需先消費才享有折抵被立委批評政策不食人間煙火傳出經濟部有意調整方案是否有考慮改發現金或消費券經濟部長沈榮津今表</t>
  </si>
  <si>
    <t>消費經濟部產業規劃有意調整方案傳出是否金或人間煙火疫情考慮發現政策批評推出衝擊</t>
  </si>
  <si>
    <t>新冠肺炎衝擊產業經濟部規劃待疫情舒緩後推出酷碰券、振興抵用券刺激消費其中酷碰券需先消費才享有折抵被立委批評政策不食人間煙火傳出經濟部有意調整方案是否有考慮改發現金或消費券經濟部長沈榮津今表示酷碰券使用方式會傾聽各界意見會做整體考量現在還在蒐集資訊階段。
行政院今天召開「行政院紓困振興進度記者會」行政院長蘇貞昌率領龔明鑫政委、衛福部、經濟部、勞動部、交通部、財政部、主計總處等部會首長出席說明政府近期紓困措施進度面對政府何時啟動振興經濟相關措施蘇貞昌說要等疫情緩下來才會實施。
蘇貞昌表示不論酷碰券或抵用券等振興措施希望刺激消費現在仍在防疫階段指揮中心呼籲大家減少群聚如果這時候推動振興方案會產生矛盾之處政府不該縣在鼓勵民眾出來消費會視疫情發展超前部署。
至於酷碰券方案遭批評限制多除必須綁定電子支付付款且民眾必須先掏錢才能享有折扣刺激消費誘因不足出現希望政府改發現金或消費券的聲浪。
對此沈榮津表示酷碰券問題各界都很關注也提出非常多的建議例如透過既有電子支付平臺限制消費者使用通路經濟部會收集、傾聽各界意見後做為未來相關政策調整參考。</t>
  </si>
  <si>
    <t>消費經濟部振興政府疫情方案蘇貞昌措施刺激現在階段民眾批評相關限制表示支付使用政策希望意見必須</t>
  </si>
  <si>
    <t>新冠肺炎紓困振興酷碰券抵用券行政院</t>
  </si>
  <si>
    <t>振興紓困肺炎行政院</t>
  </si>
  <si>
    <t>喝到假酒伊朗防疫禍不單行</t>
  </si>
  <si>
    <t>伊朗衛生部發言人賈汗普爾3月9日稱伊朗一省份出現集體酒精中毒事件已造成20人死亡。中毒者為了預防新冠肺炎而誤飲假酒。據大陸《澎湃新聞》引述伊朗半官方媒體《法爾斯通訊社》3月9日報導賈汗普爾表示伊朗胡</t>
  </si>
  <si>
    <t>伊朗普爾賈汗預防中毒者死亡肺炎造成假酒中毒事件大陸酒精澎湃集體新聞引述出現省份官方報導媒體法爾斯通訊社</t>
  </si>
  <si>
    <t>伊朗衛生部發言人賈汗普爾3月9日稱伊朗一省份出現集體酒精中毒事件已造成20人死亡。中毒者為了預防新冠肺炎而誤飲假酒。
據大陸《澎湃新聞》引述伊朗半官方媒體《法爾斯通訊社》3月9日報導賈汗普爾表示伊朗胡齊斯坦省今日只有73名新冠肺炎確診病例但過去兩天中有331人因酒精中毒住院20人死亡。他在視頻講話中表示這些人為了預防新冠肺炎而誤飲了假酒。
賈汗普爾表示「如果人們能夠消除恐懼（該省份）也許到了疫情流行末期也不會死這麼多人」。
根據伊朗衛生部最新通告截至3月9日伊朗累計確診新冠肺炎病例7161例累計死亡237例。
警語：禁止酒駕喝酒不開車安全有保障</t>
  </si>
  <si>
    <t>伊朗死亡表示肺炎普爾賈汗省份酒精累計假酒衛生部預防確診病例末期疫情也許流行喝酒</t>
  </si>
  <si>
    <t>伊朗新冠肺炎新型冠狀病毒 COVID-19台灣</t>
  </si>
  <si>
    <t>冠狀肺炎病毒covid-臺灣伊朗</t>
  </si>
  <si>
    <t>今年合併榮剛新高</t>
  </si>
  <si>
    <t>台灣鋼鐵集團旗下特殊鋼大廠榮剛材料（5009）9日公告3月份自結合併營收為新台幣841億元雖較去年同期減少1017％但創今年來新高累計1至3月自結合併營收為2266億元較去年同期減少1255％。榮剛表示新冠</t>
  </si>
  <si>
    <t>結合減少去年同期特殊鋼大廠材料公告月份今年新高累計台幣榮剛鋼鐵集團表示臺灣</t>
  </si>
  <si>
    <t>台灣鋼鐵集團旗下特殊鋼大廠榮剛材料（5009）9日公告3月份自結合併營收為新台幣841億元雖較去年同期減少1017％但創今年來新高累計1至3月自結合併營收為2266億元較去年同期減少1255％。
榮剛表示新冠肺炎疫情肆虐全球增添許多不確定性也明顯影響到世界各國經濟體系運作部分歐美客戶進行庫存調整不過由於大陸子公司已全面復工需求迅速回補榮剛3月整體營收優於1、2月表現僅較去年同期微幅減少但隨著疫情逐漸受到控制後續市場需求可望逐漸回穩。
受限於歐美客戶因新冠肺炎疫情與封城等影響榮剛的航太、能源、油氣三大高值化產品線雖維持一定接單水準但公司持續密切觀察疫情後續變化並透過優化產品組合、調整庫存與增強成本管控等內部改善活動增強公司對市場波動的抵禦力。
榮剛表示在疫情尚未明朗的狀況下對於客戶應收帳款的管理以及加強現金流的掌握也是公司著重的要點。</t>
  </si>
  <si>
    <t>疫情公司客戶減少去年同期影響榮剛庫存調整歐美後續增強結合逐漸肺炎表示產品</t>
  </si>
  <si>
    <t>榮剛全球疫情來新高新冠肺炎疫情</t>
  </si>
  <si>
    <t>疫情新高全球肺炎榮剛</t>
  </si>
  <si>
    <t>疫情病毒周內重返delta去年確診節點</t>
  </si>
  <si>
    <t>《美聯社》7日報導根據最新統計顯示美國新冠疫情再次重返2020年冬季激增期的關鍵點目前每日平均新增確診人數皆破10萬。令人憂心的是2020年美國歷經9個月才破10萬大關如今6週內就重返此一節點反映出Delta</t>
  </si>
  <si>
    <t>重返美國統計顯示周內疫情如今冬季再次激增平均關鍵點目前新增大關確診人數最新歷經憂心節點</t>
  </si>
  <si>
    <t>《美聯社》7日報導根據最新統計顯示美國新冠疫情再次重返2020年冬季激增期的關鍵點目前每日平均新增確診人數皆破10萬。令人憂心的是2020年美國歷經9個月才破10萬大關如今6週內就重返此一節點反映出Delta變種病毒的強大傳染力以及該種病毒在全美擴散速度有多快。
報導中指出6月下旬時美國每日平均確診人數為11000例如今則飆升到107143例。在疫情剛爆發時美國歷經9個月的時間才在11月突破10萬大關並於1月達25萬的疫情高峰。在超過7成的成年民眾接種疫苗後確診數已於6月分觸底如今只花6週就重返10萬人以上確診。
Delta變種病毒正在未接種疫苗的民眾間迅速傳播南方各州因疫苗覆蓋率過低而疫情大爆炸導致醫院充斥著病患。衛生官員警告如果美國民眾還是不接種疫苗病例數會持續上升。
美國疾病控制與預防中心（CDC）主任瓦倫斯基（Rochelle Walensky）日前接受美國有線電視新聞網(CNN)訪問時表示「根據模型計算顯示如果民眾再不接種疫苗美國確診人數將破10萬大關回到2020年10月初的激增情況」。
隨著大量民眾因Delta變種病毒而確診住院病患大增情況已讓偏遠地區的醫院為張羅病床而傷透腦筋。
休士頓官員證實新一波新冠確診病例導致地方醫療保健體系幾乎逼近崩潰臨界點部分患者被迫送往他處接受治療例如送往北達科他州。休士頓衛生局沛斯博士(David Persse)表示由於缺少病床部分救護車開到休士頓的地方醫院外要等好幾個小時才能放下病人恐讓911回應民眾求援的時間拖長。
其表示「現在醫療保健系統幾乎在崩潰邊緣但接下來3週內仍不太可能看到急診塞車獲得緩解」。上週末1名休士頓的求診患者被迫送到北達科州接受治療。8月5日1名罹患新冠肺炎且癲癇發作的11個月大女孩從休士頓送到274公里外的醫院接受治療。
密蘇裡州州長帕森（Mike Parson）宣佈已派出30輛救護車60多名醫護人員駐紮在全洲各地以便在醫院無法接收病患時送新冠患者至其他地方求診。</t>
  </si>
  <si>
    <t>確診民眾美國休士頓醫院疫情疫苗接受表示接種病毒治療重返大關如今地方變種人數患者delta救護車</t>
  </si>
  <si>
    <t>新冠肺炎美國醫療體系Delta疫苗</t>
  </si>
  <si>
    <t>醫療美國肺炎體系delta疫苗</t>
  </si>
  <si>
    <t>柯文哲疫苗游泳免費不實廣告中心運動萬華</t>
  </si>
  <si>
    <t>台灣疫苗還在拚第1劑接種覆蓋率但臺北市萬華運動中心卻推出「打第3劑疫苗可免費游泳1個月」的優惠但國內截至14日僅有48％的1劑覆蓋率、45％的2劑覆蓋率。臺北市長柯文哲表示製作創意廣告的委外廠商本意是想諷</t>
  </si>
  <si>
    <t>覆蓋率疫苗臺北市廠商廣告創意製作本意表示柯文哲截至國內接種優惠游泳免費華運動推出中心</t>
  </si>
  <si>
    <t>台灣疫苗還在拚第1劑接種覆蓋率但臺北市萬華運動中心卻推出「打第3劑疫苗可免費游泳1個月」的優惠但國內截至14日僅有48％的1劑覆蓋率、45％的2劑覆蓋率。臺北市長柯文哲表示製作創意廣告的委外廠商本意是想諷刺中央但市府已判定它為不實廣告現已下架。
萬華運動中心日前貼出廣告內容指出即日起至9月21日民眾只要出示打完疫苗的小黃卡即可享「 COVID-19 疫苗 打3劑 」的優惠可獲得免費游泳月卡每人限領一張還說這是振興防疫價廣告一出就引發大批網友討論質疑到底誰能符合這項資格。
對此柯文哲今日主持防疫記者會時表示萬華運動中心是北市府的委外廠商他也知道小編是要諷刺中央做了一個創意廣告但後來北市府判定為不實廣告目前已經下架了。</t>
  </si>
  <si>
    <t>廣告疫苗中心市府柯文哲防疫表示覆蓋率創意華運動游泳中央諷刺廠商臺北市優惠免費不實判定</t>
  </si>
  <si>
    <t>廣告萬華運動中心免費不實下架</t>
  </si>
  <si>
    <t>中心免費運動不實萬華廣告</t>
  </si>
  <si>
    <t>製作網協防疫一起影片</t>
  </si>
  <si>
    <t>最近新冠肺炎疫情肆虐不少運動賽事宣佈延期或取消中華民國網球協會關心選手以及進場觀賽民眾的健康除了在正常舉行的賽事訂立完整防疫規則之外更特別製作「網球防疫大作戰」影片加強宣導重要防疫觀念提醒選</t>
  </si>
  <si>
    <t>防疫賽事網球疫情肆虐重要運動宣導宣佈作戰延期觀賽肺炎取消協會製作民眾關心健康進場選手正常中華民國規則之外完整舉行訂立加強</t>
  </si>
  <si>
    <t>最近新冠肺炎疫情肆虐不少運動賽事宣佈延期或取消中華民國網球協會關心選手以及進場觀賽民眾的健康除了在正常舉行的賽事訂立完整防疫規則之外更特別製作「網球防疫大作戰」影片加強宣導重要防疫觀念提醒選手及觀眾在非常時期的自我保護措施。
影片分為選手篇以及觀眾篇選手篇邀請到台灣網球好手蘇鈺翔擔任主角提醒選手除了勤洗手、量體溫之外比賽開始以及結束時改以球拍碰觸取代握手致意。另外雙打隊友溝通戰術與暗號時也以背對著對手方式溝通避免把球拿至嘴巴旁邊沾染口沫。而觀眾篇也建議大家在觀眾席看球時與其他觀眾保持至少一公尺距離且不高聲吶喊以避免口沫飛傳。
本週末「美傑仕OPI盃全國青少年網球錦標賽」即將於臺北市網球中心點燃戰火大會為配合政府新冠肺炎防疫只要選手進入室內場館就會安排體溫量測以及酒精消毒也會將防疫影片於場館內電視上輪播強調「比賽重要防疫也重要」的觀念呼籲大家一起在球場及防疫作戰中打出一記漂亮的ACE球讓選手及民眾能夠更加安心享受比賽。</t>
  </si>
  <si>
    <t>選手防疫網球觀眾影片比賽避免賽事口沫溝通民眾之外重要作戰體溫提醒場館肺炎觀念取代握手</t>
  </si>
  <si>
    <t>選手觀眾防疫網球口沫</t>
  </si>
  <si>
    <t>全國監所人犯隔離肺炎發現感染因應個案</t>
  </si>
  <si>
    <t>為防治新冠肺炎疫情法務部矯正署針對全台各監所收容人採取強制傳染病感染管制措施自今年1月1日到2月11日共計隔離170名收容人犯迄今沒有發現任何感染個案目前還有19名收容人仍繼續隔離中。法務部長蔡清祥表</t>
  </si>
  <si>
    <t>收容感染隔離疫情法務部矯正肺炎全台繼續監所管制法務採取傳染病強制還有人犯迄今發現沒有目前個案今年</t>
  </si>
  <si>
    <t>為防治新冠肺炎疫情法務部矯正署針對全台各監所收容人採取強制傳染病感染管制措施自今年1月1日到2月11日共計隔離170名收容人犯迄今沒有發現任何感染個案目前還有19名收容人仍繼續隔離中。
法務部長蔡清祥表示矯正機關是人口密集機構人員進出頻繁為了因應嚴重特殊傳染性肺炎所以要求所屬矯正機關執行傳染病監控及通報流程加強防疫觀念宣導並徹底執行防疫措施及確實管控防疫物資。
根據法務部矯正署統計全國各監所對收容人隔離措施自1月1日到2月11日總共隔離170名收容人其中新入監收容人有自大陸、港澳地區返台的有32位目前只有5位仍在隔離中；外役監返家探視與大陸、港澳地區有旅遊史的人接觸者35位目前還有14人還在隔離中。
另有其他隔離的收容人則是呼吸道感染等疾病都沒有發現新冠肺炎感染至各監所的口罩庫存量目前只剩2周的量矯正機關也通令各監所控制防疫物資的使用。
更多 CTWANT 報導</t>
  </si>
  <si>
    <t>矯正收容隔離監所感染防疫目前機關肺炎措施執行物資傳染病法務部沒有發現還有容人大陸</t>
  </si>
  <si>
    <t>隔離收容人監所發現矯正機關</t>
  </si>
  <si>
    <t>容人發現監所矯正隔離機關</t>
  </si>
  <si>
    <t>板橋曝光分佈萬華本土</t>
  </si>
  <si>
    <t>國內暴增206例本土案例確診人數再創下單日新高。指揮中心公佈206例當中新北市佔97例最多以板橋區32例最多、臺北市為89例其中58例分佈在萬華。指揮中心表示今日新增206例本土病例為90名為男性、116名女</t>
  </si>
  <si>
    <t>本土中心指揮案例新增確診今日人數公佈表示創下新北分佈當中萬華板橋臺北市病例國內男性</t>
  </si>
  <si>
    <t>國內暴增206例本土案例確診人數再創下單日新高。指揮中心公佈206例當中新北市佔97例最多以板橋區32例最多、臺北市為89例其中58例分佈在萬華。
指揮中心表示今日新增206例本土病例為90名為男性、116名女性年齡介於未滿5歲至80多歲發病日到採檢日介於4月6日到5月15日。確診個案分別分佈於新北市97例、臺北市89例、彰化縣9例、宜蘭縣、新竹縣各3例、桃園市及基隆市各2例台中市1例。
指揮中心指出新北市97例確診案例中以板橋32例最多；另外臺北市89例中其中的58例分佈在萬華。</t>
  </si>
  <si>
    <t>確診指揮中心本土新北分佈案例介於臺北市板橋發病年齡女性男性病例新增今日人數</t>
  </si>
  <si>
    <t>新冠肺炎台灣確診者本土</t>
  </si>
  <si>
    <t>確診肺炎臺灣本土</t>
  </si>
  <si>
    <t>多頭解析盤後</t>
  </si>
  <si>
    <t>台股今開低走高儘管權值股熄火資金流向航運、生醫、宅經濟等族群在題材股點火下指數盤中兩度黑翻紅終場台股收漲3233點、報在1279546點、成交量為212679億元；台股周線收連9紅、本周指數漲3266點。權值</t>
  </si>
  <si>
    <t>指數權值資金流向航運經濟族群題材點火盤中終場翻紅熄火成交量開低走高</t>
  </si>
  <si>
    <t>台股今開低走高儘管權值股熄火資金流向航運、生醫、宅經濟等族群在題材股點火下指數盤中兩度黑翻紅終場台股收漲3233點、報在1279546點、成交量為212679億元；台股周線收連9紅、本周指數漲3266點。
權值股今普遍熄火股王大立光(3008)整場多震盪於平盤附近終場收013%台積電(2330)開低震盪股價小跌047%、收在427元鴻海(2317)則逆勢小漲收漲113%躍上80元大關聯發科(2454)則受到高通傳出搶單消息股價走跌在5日線、月線下方震盪收跌058%面板雙虎友達(2409)、群創(3481)盤中漲幅拉抬連袂上揚逾1%。
在全球持續受疫情壟罩下宅經濟持續發燒廣達(2382)法說會對下半年釋出樂觀訊息全年筆電出貨上看雙位數今開高走高大漲85%華碩(2357)、宏碁(2353)也在疫情關係下NB出貨看俏今股價雙雙走揚漲幅在15%~2%。
今日台股資金也流向航運以及生醫股下半年原油價格漲幅有限有利於航運成綁長榮(2603)盤中亮燈漲停終場鎖住陽明(2609)亦一度漲停萬海(2615)午盤後則維持約4%~5%漲幅表現。
和碩(4938)宣佈以總價145億元每股875元併購鎧勝-KY(5264)外資多維持持有或中立評等今早盤鎧勝-KY一開盤即跳空漲停鎖住和碩亦大漲逾7%尾盤也受買單拉抬。
分析師表示目前全球市場仍密切關注美中間衝突發展台股指數回到5日與10日均線之間但中長線仍維持多方架構不變短期在科技股回檔的壓力下可能再測月線支撐但仍可能受國際市場消息波動影響預期指數將於12600-13000點震盪盤堅逢回聚焦業績題材股操作另外只要美股不要連續性的大幅回檔則台股有機會於此整理一段時日之後再次蓄勢向上挑戰13000點。</t>
  </si>
  <si>
    <t>指數漲幅震盪維持盤中股價終場航運回檔-ky下半年消息題材全球</t>
  </si>
  <si>
    <t>大立光鴻海台積電新冠肺炎廣達</t>
  </si>
  <si>
    <t>台積電肺炎廣達</t>
  </si>
  <si>
    <t>環球影城迪士尼休東京</t>
  </si>
  <si>
    <t>據NHK報導受疫情影響位於千葉縣的東京迪士尼樂園及迪士尼海洋宣佈自29日起臨時休園至3月15日。該公司表示暫定於3月16日恢復營運但「將與政府有關單位密切溝通後再行宣佈」；大阪環球影城也於迪士尼宣佈休園</t>
  </si>
  <si>
    <t>宣佈迪士尼影響於千疫情有關恢復單位營運政府密切溝通再行葉縣東京樂園暫定海洋表示公司環球</t>
  </si>
  <si>
    <t>據NHK報導受疫情影響位於千葉縣的東京迪士尼樂園及迪士尼海洋宣佈自29日起臨時休園至3月15日。該公司表示暫定於3月16日恢復營運但「將與政府有關單位密切溝通後再行宣佈」；大阪環球影城也於迪士尼宣佈休園後做出同樣決定暫休至3月15日暫定3月16日恢復營運。
日本共同社報導也指出東方樂園公司28日發佈消息稱為防止新冠肺炎疫情擴大東京迪士尼樂園和東京迪士尼海洋從2月29日至3月15日臨時關閉為2011年311大地震發生後首次閉館。至於已購票的觀光客園方將採取退款或延長票期的因應方式。
報導指出新冠肺炎在日延燒首相安倍晉三先前已呼籲暫停各類大型活動而多家遊樂園也為了防疫考量宣佈暫停營業如日本「三麗鷗樂園」21日宣佈從22日起休園至3月21日。</t>
  </si>
  <si>
    <t>宣佈報導迪士尼疫情樂園肺炎指出公司營運恢復東京暫定海洋先前影響退款暫停大型活動呼籲觀光客</t>
  </si>
  <si>
    <t>新冠肺炎武漢肺炎新冠病毒東京迪士尼休園</t>
  </si>
  <si>
    <t>病毒東京迪士尼肺炎武漢</t>
  </si>
  <si>
    <t>指揮中心下午境外說明新增</t>
  </si>
  <si>
    <t>國內今天新增2例新冠肺炎確診均為境外移入中央流行疫情指揮中心將於下午2點召開記者會由發言人莊人祥說明最新疫情。截至目前國內累計742例確診分別為650例境外移入55例本土病例36例敦睦艦隊及1例不明；</t>
  </si>
  <si>
    <t>疫情確診國內境外記者會召開發言人下午莊人祥說明肺炎中心最新截至指揮目前流行中央本土累計分別病例新增</t>
  </si>
  <si>
    <t>國內今天新增2例新冠肺炎確診均為境外移入中央流行疫情指揮中心將於下午2點召開記者會由發言人莊人祥說明最新疫情。
截至目前國內累計742例確診分別為650例境外移入55例本土病例36例敦睦艦隊及1例不明；另1例(案530)移除為空號。確診個案中7人死亡、606人解除隔離、129人住院隔離中。
指揮中心提醒民眾出入醫療照護、公共運輸、生活消費、教育學習、觀展觀賽、休閒娛樂、宗教祭祀及洽公機關(構)等八大類高感染傳播風險場域因不易與他人保持社交距離且會近距離接觸不特定對象請務必佩戴口罩並應落實勤洗手、咳嗽禮節等個人衛生習慣以降低感染風險。</t>
  </si>
  <si>
    <t>確診疫情中心指揮感染風險距離國內境外務必對象咳嗽佩戴口罩勤洗手落實禮節個人保持休閒娛樂觀賽</t>
  </si>
  <si>
    <t>境外移入新冠肺炎指揮中心確診說明</t>
  </si>
  <si>
    <t>肺炎指揮中心確診說明境外</t>
  </si>
  <si>
    <t>飯店溫泉萬元房高雄趁現在</t>
  </si>
  <si>
    <t>新型肺炎疫情重創觀光業在景氣寒冬之際高雄田寮花季飯店逆向操作祭出促銷方案推出「2020花季愛您」湯屋優惠活動活動期間2月20日至3月20日間原價要2500元高級湯屋只要2020就可享受另體恤旅遊業辛苦</t>
  </si>
  <si>
    <t>花季湯屋景氣寒冬之際高雄田寮飯店觀光業逆向原價操作享受促銷日間期間方案推出活動優惠活動高級重創祭出體恤</t>
  </si>
  <si>
    <t>新型肺炎疫情重創觀光業在景氣寒冬之際高雄田寮花季飯店逆向操作祭出促銷方案推出「2020花季愛您」湯屋優惠活動活動期間2月20日至3月20日間原價要2500元高級湯屋只要2020就可享受另體恤旅遊業辛苦原價破13萬元的五星級溫泉房型也下殺5折只要5999元。
花季飯店為提振國內旅遊市場推出了「2020花季愛您」湯屋優惠活動原本要2500元的高級湯屋只要2020元就可以享受甚至在3月還提出旅運同業的優惠價體恤旅運同業在疫情中遭受的損失只要出示旅運同業相關執照就能讓原本要價1萬3800元五星級溫泉房型只要花費5999元就可以體驗到萬元五星級的享受。
花季飯店經理黃慧萍提到現階段全台旅遊業都很慘許多旅運同業甚至選擇放無薪假但「花季」持續鼓勵民眾多走出家門遠離人潮密集的地方來山裡親近大自然、泡泡湯以增強抵抗力一起對抗這波世界級的寒冬。
「不只旅行社有很大的損失我們也不例外！」黃慧萍強調為提倡民眾出門加強民眾的防疫觀念「花季」依然會持續推出許多優惠希望民眾能認知到提升自身免疫力才是對抗新型冠狀病毒最佳的方式。</t>
  </si>
  <si>
    <t>花季民眾飯店同業推出對抗寒冬享受湯屋黃慧萍損失旅遊業原價持續溫泉房原本疫情甚至可以體恤</t>
  </si>
  <si>
    <t>花季飯店民眾  溫泉花季</t>
  </si>
  <si>
    <t>飯店民眾溫泉花季</t>
  </si>
  <si>
    <t>發燒傳播參加出現南韓婚禮</t>
  </si>
  <si>
    <t>南韓大邱市在20日出現新冠肺炎的超級傳播者根據南韓當局的調查結果指出這名超級傳播者為第31例確診病患61歲女性她在3周內至少接觸數百人而她所屬的教會「新天地」1001名成員都要實施居家隔離。根據《韓聯社</t>
  </si>
  <si>
    <t>傳播南韓成員天地教會所屬至少出現實施接觸女性確診肺炎居家指出邱市調查結果當局</t>
  </si>
  <si>
    <t>南韓大邱市在20日出現新冠肺炎的超級傳播者根據南韓當局的調查結果指出這名超級傳播者為第31例確診病患61歲女性她在3周內至少接觸數百人而她所屬的教會「新天地」1001名成員都要實施居家隔離。
根據《韓聯社》報導韓國中央防疫對策本部本部長鄭銀敬20日表示已經從新天地教會取得本月9日、16日與該名患者一起做禮拜的1001名教徒名單正對他們實施居家隔離措施並通過電話確認這些人的健康狀況。
由於這位61歲的婦人在2/7開始出現症狀因此防疫部門認為這是開始出現新冠肺炎病毒感染症狀的時間點並展開了流行病學調查。
鄭銀敬補充在慶尚北道清道郡和大邱市出現的確診病例多與新天地教會有關聯教徒的家屬等很多人存在感染風險政府呼籲減少在封閉的環境下長時間進行集體活動。
截至20日上午新天地大邱教會1001名教徒中有症狀的有90人、沒症狀的有515人其餘396人尚未取得聯繫。
另外根據韓媒《首爾新聞》報導這名61歲婦人在6日發生交通事故後先住進了大邱市壽城區的新韓方醫院治療雖然醫生要求她要住院但9日婦人卻還是去了新天地教會禮拜而10日到14日期間婦人都在院內接受治療10日當天開始出現發燒症狀雖然醫護人員曾勸她接受新冠肺炎的檢驗但她卻認為自己沒有海外旅遊史、接觸史而拒絕。
沒想到婦人14日確診罹患肺炎後即使院方再次勸說她卻到17日才接受檢驗並在18日確診得到新冠肺炎。而在這段期間內15日該婦人還曾到酒店內參加婚禮、16日也二度去大邱南區的教會禮拜。</t>
  </si>
  <si>
    <t>婦人肺炎症狀出現教會確診天地教徒接受時間開始鄭銀敬報導接觸治療防疫隔離居家</t>
  </si>
  <si>
    <t>新冠肺炎武漢肺炎NCP新型冠狀病毒全球</t>
  </si>
  <si>
    <t>肺炎武漢ncp冠狀病毒全球</t>
  </si>
  <si>
    <t>美國關鍵疫苗推手促成柯建銘helpneedtaiwan</t>
  </si>
  <si>
    <t>國內疫情嚴峻國人關注疫苗取得進度民進黨立院黨團總召柯建銘昨晚於臉書表示5月時自己和美國加州共和黨籍眾議員金映玉（Young Kim）聯絡並希望美方能提供疫苗金映玉回應台灣應該被列為美國提供疫苗的優先</t>
  </si>
  <si>
    <t>疫苗金映玉美國提供關注取得進度民進立院黨團柯建銘昨晚於臉書表示國人加州列為共和黨youngkim眾議員聯絡希望美方回應</t>
  </si>
  <si>
    <t>國內疫情嚴峻國人關注疫苗取得進度民進黨立院黨團總召柯建銘昨晚於臉書表示5月時自己和美國加州共和黨籍眾議員金映玉（Young Kim）聯絡並希望美方能提供疫苗金映玉回應台灣應該被列為美國提供疫苗的優先名單內並提供足夠疫苗。
柯建銘指出5月15日雙北發布三級警戒5月30日前僑務委員林清吉（Harry C Lin CPA）來電表達僑界想為台灣做些事請他致信給金映玉表達台灣急需疫苗的狀況也請金映玉代為向美國總統拜登、國務卿布林肯轉達。同時僑界也會發起寫信給美國各州參、眾議員為台灣取得疫苗努力。
柯建銘說6月3日金映玉回信提及感謝台灣過去贈送大批防護裝備給美國現在美國已超過半數成人打完疫苗因此金映玉認為台灣應該被放在美國提供疫苗的優先名單之列並提供足夠疫苗。
柯建銘表示金映玉也提到已和我國駐美代表蕭美琴碰面討論提供台灣疫苗也強調會持續對外發聲讓更多人知道台灣需要被幫助(Taiwan Need Help)。</t>
  </si>
  <si>
    <t>臺灣疫苗美國金映玉柯建銘提供僑界取得表達眾議員表示足夠需要關注知道林清吉僑務委員harry日前警戒優先發聲</t>
  </si>
  <si>
    <t>新冠肺炎台灣金映柯建銘台灣</t>
  </si>
  <si>
    <t>金映臺灣肺炎柯建銘</t>
  </si>
  <si>
    <t>移送口罩中校監守自盜</t>
  </si>
  <si>
    <t>新冠肺炎疫情嚴峻國防部協助「口罩國家隊」生產口罩竟爆發監守自盜弊情。後備指揮部中校李志交、上士張政陽涉嫌利用督導新北市某工廠生產外科、醫用口罩機會A走至少6000片口罩檢調懷疑2人對外販售涉嫌貪</t>
  </si>
  <si>
    <t>口罩生產涉嫌嚴峻國防部對外懷疑中校指揮部李志上士張政陽爆發疫情利用外科監守自盜督導新北工廠協助國家隊</t>
  </si>
  <si>
    <t>新冠肺炎疫情嚴峻國防部協助「口罩國家隊」生產口罩竟爆發監守自盜弊情。後備指揮部中校李志交、上士張政陽涉嫌利用督導新北市某工廠生產外科、醫用口罩機會A走至少6000片口罩檢調懷疑2人對外販售涉嫌貪汙昨搜索約談漏夜偵辦中。
國防部後備指揮部因新冠肺炎嚴峻依「中央流行疫情指揮中心」命令配合經濟部工業局口罩增產需求動員後備軍人輔導幹部及派遣後備指揮部官兵協力口罩生產工作自2月3日起截至4月14日止累計支援44家廠商、3萬7000人次。
但檢調發現臺北市後指部的中校李志交涉嫌在今年2月間被調派新北市某工廠負責督導生產外科、醫用口罩時和上士張政陽分工以利用「螞蟻搬象」的方式偷口罩至少已偷走1大箱、6000片的醫療用口罩。
事後國防部後指部接獲檢舉先將李暫調苗栗地區同時全力配合檢調偵辦協助司法單位清查實際口罩被偷數量以及去向。
昨檢調搜索並未查扣到口罩但根據生產線的原料出貨報告比對查出至少短缺6000片口罩經調閱生產線出入人員紀錄發現2人涉嫌重大。據瞭解李疑似在外欠債是否因經濟因素鋌而走險有待釐清昨深夜2人已被移送北檢複訊。
檢調指出2人涉犯《貪汙治罪條例》竊取或侵佔公用或公有器材、財物者最輕可處10年徒刑最重要面臨無期徒刑刑責相當重。</t>
  </si>
  <si>
    <t>口罩涉嫌指揮部生產至少國防部貪污配合發現生產線搜索協助疫情利用中校張政陽上士外科李志</t>
  </si>
  <si>
    <t>口罩肺炎國防部協助嚴峻</t>
  </si>
  <si>
    <t>肺炎國防部口罩嚴峻協助</t>
  </si>
  <si>
    <t>擴大參院追加紓困台幣</t>
  </si>
  <si>
    <t>新冠肺炎重創全球經濟領頭羊美國更在28天內一口氣損失2千2百萬個工作機會。正當各州預備重啟經濟之際聯邦參議院21日無異議表決通過總額達4840億美元（約台幣147兆元）的新冠肺炎危機追加救助法案以協助受</t>
  </si>
  <si>
    <t>經濟肺炎追加危機表決台幣總額異議損失工作機會一口氣參議院正當天內聯邦預備美國之際領頭羊全球</t>
  </si>
  <si>
    <t>新冠肺炎重創全球經濟領頭羊美國更在28天內一口氣損失2千2百萬個工作機會。正當各州預備重啟經濟之際聯邦參議院21日無異議表決通過總額達4840億美元（約台幣147兆元）的新冠肺炎危機追加救助法案以協助受疫情衝擊的小型企業和醫療體系。
在國會兩黨領袖、白宮就法案內容達成協議後不久參議員們透過口頭表決（voice vote）方式全票通過這項援助計畫。法案預計23日交付由民主黨掌控的眾院表決總統川普發推特敦促眾議員們盡快放行這項法案。由此推論只要眾院表決通過川普可望迅速簽署讓法案正式成為法律。這將是美國第4條為因應新冠肺炎的相關法律總紓困規模高達3兆美元。
根據法案內容將對小企業提供3820億（美元以下皆同）貸款方案其中3210億協助給付員工薪水也為緊急災難貸款計畫提供6百億另外對醫院追加750億援助款對全國性的新冠肺炎檢測撥發250億資金。
原本共和黨版本只把小企業納入紓困貸款對象但民主黨在協商中把援助範圍擴大到醫院、照護中心和新冠篩檢。
參院民主黨領袖舒默21日在表決前的辯論中強調這筆資金除了抗疫就是要幫助小企業包括夫妻共同經營的小商店以及少數族裔的小店面。「我們可以貸款給小企業但如果沒有顧客踏進他們的商店那還有什麼意思？」</t>
  </si>
  <si>
    <t>法案表決小企業貸款肺炎民主黨經濟資金協助美國領袖援助紓困法律內容醫院提供川普眾院追加</t>
  </si>
  <si>
    <t>肺炎民主黨小企業紓困醫療體系</t>
  </si>
  <si>
    <t>民主黨醫療小企業紓困肺炎體系</t>
  </si>
  <si>
    <t>侯友宜一定檢疫居家手軟</t>
  </si>
  <si>
    <t>新北市一名家住三重的30多歲男子昨清晨被警方查獲違反居家檢疫規定到北市忠孝東路某夜店狂歡新北衛生局從重罰處100萬新北市長侯友宜今(23)表示「只要你(居家檢疫者)踏出門口一定罰你如果到人多不通風的</t>
  </si>
  <si>
    <t>新北居家檢疫男子一定清晨門口狂歡警方查獲市長違反侯友宜忠孝東路北市表示規定衛生局重罰</t>
  </si>
  <si>
    <t>新北市一名家住三重的30多歲男子昨清晨被警方查獲違反居家檢疫規定到北市忠孝東路某夜店狂歡新北衛生局從重罰處100萬新北市長侯友宜今(23)表示「只要你(居家檢疫者)踏出門口一定罰你如果到人多不通風的地方趴趴走被逮到一定送集中檢疫所然後罰一百萬我一定不手軟。」
侯友宜指出新北市居家檢疫的量大概為全國最高累計至今早有10516個可以講全台灣三分之一到四分之一都在新北市居家檢疫落跑一定採取重罰絕不手軟。
侯友宜表示這段時間疫情高張大家顧自己外也要顧別人健康如果碰到困難所有的裡幹事、志工都會為你服務安心的在家或是來住防疫旅館這個部份我一定把他們照顧的無微不至。
侯友宜說每天晚上都會請同仁到人潮聚集的地方不斷查察白天也會到易逗留、人潮多的地方瞭解有沒有居家檢疫者跑出來「在這裡也要拜託我們業者公有封閉空間已經封閉了兩個禮拜業者也盡量全力配合不要把太多人帶到店裡面來以免交叉感染、群聚感染一發不可收拾。」</t>
  </si>
  <si>
    <t>檢疫一定居家侯友宜新北地方表示人潮重罰手軟業者封閉店裡帶到</t>
  </si>
  <si>
    <t>新冠肺炎COVID-19武漢肺炎新型冠狀病毒NCP</t>
  </si>
  <si>
    <t>武漢肺炎covid-病毒冠狀ncp</t>
  </si>
  <si>
    <t>今日疫情記者會重點快速</t>
  </si>
  <si>
    <t>新冠肺炎（COVID-19）疫情全球升溫我國全力防堵疫情擴散今（20）中央流行疫情指揮中心說明最新進度記者會重點如下：◎今日新增2例新冠肺炎確診案例2例皆為境外移入。截至目前為止國內共累計422例確診6例</t>
  </si>
  <si>
    <t>疫情肺炎確診指揮中心截至說明進度記者會升溫最新目前為止國內全球重點如下境外今日新增案例擴散</t>
  </si>
  <si>
    <t>新冠肺炎（COVID-19）疫情全球升溫我國全力防堵疫情擴散今（20）中央流行疫情指揮中心說明最新進度記者會重點如下：
◎今日新增2例新冠肺炎確診案例2例皆為境外移入。截至目前為止國內共累計422例確診6例死亡。
◎海軍敦睦艦隊磐石艦爆發國內最大宗的群聚感染陳時中表示群聚事件已經進入次波感染且潛伏期期間也會陸續發病因此都在集中檢疫所觀察。召集人張上淳則表示昨天一早對其中5位抽血昨晚初步5個有3人身體出現抗體雖然PCR是陰性但出現抗體表示曾經感染過。
◎張上淳指出根據5人就醫紀錄發燒時間點落在3/21～3/26沒辦法確定是不是在上船前就感染可能是在船上感染還需要更多證據因此目前感染源還不明。
◎針對敦睦遠訓支隊24例確診個案衛生單位目前已掌握接觸者共255人其中177人為居家隔離對象78人為自主健康管理對象將陸續安排採檢。另外指揮中心公佈官兵曾出入的足跡約90多處公共場所活動並上網公告。
◎陳時中坦承沒有掌握到敦睦艦隊的防疫工作並強調雖然軍方的防疫SOP充足但彈性不足造成通報窒礙難行才會出現下情難以上達的狀況。</t>
  </si>
  <si>
    <t>感染表示出現確診疫情陸續中心指揮掌握國內艦隊張上淳敦睦陳時中目前防疫肺炎抗體</t>
  </si>
  <si>
    <t>全員確診分行警衛代班陰性銀行</t>
  </si>
  <si>
    <t>本土疫情來勢洶洶金融業確診案頻傳現在連警衛也受波及；臺北富邦銀行證實昨接獲通報位於臺北市萬華區的桂林分行代班警衛確診除進行全行舍消毒外也同步安排分行全體行員進行快篩慶幸的是全體行員的檢</t>
  </si>
  <si>
    <t>確診警衛進行分行全體行員證實銀行通報位於臺北市臺北波及華區現在桂林同步代班安排消毒</t>
  </si>
  <si>
    <t>本土疫情來勢洶洶金融業確診案頻傳現在連警衛也受波及；臺北富邦銀行證實昨接獲通報位於臺北市萬華區的桂林分行代班警衛確診除進行全行舍消毒外也同步安排分行全體行員進行快篩慶幸的是全體行員的檢測結果均呈陰性反應。
臺北富邦銀行表示桂林分行駐衛警是由外包保全公司委派日前因原派遣人力休假保全公司指派代班警衛於5月18日輪職一天桂林分行依例行消毒行程19進行全行舍消毒工作。
臺北富邦銀行昨接獲通知該名代班警衛確診立刻再安排全行舍清消工作；臺北富邦銀行強調持續關心員工健康狀況並嚴格落實各項防疫措施確保客戶及同仁健康安全。</t>
  </si>
  <si>
    <t>警衛分行確診臺北代班桂林銀行進行全行消毒安排保全公司行員全體確保措施防疫落實客戶嚴格工作</t>
  </si>
  <si>
    <t>新冠肺炎台灣警衛代班臺北富邦銀行</t>
  </si>
  <si>
    <t>警衛代班臺北臺灣肺炎銀行</t>
  </si>
  <si>
    <t>各縣市中心指揮暫停延長警戒公祭</t>
  </si>
  <si>
    <t>中央流行疫情指揮中心宣佈全國疫情警戒第三級延至6月14日指揮中心副指揮官陳宗彥表示為防堵疫情擴散也延長全國各地宗教寺廟場所暫不進入、各縣市暫停公祭到6月14日請民眾能多體諒。陳宗彥今天上午在指揮中</t>
  </si>
  <si>
    <t>指揮疫情陳宗彥全國中心進入體諒暫不各縣市暫停公祭場所寺廟民眾宗教延長擴散表示指揮官延至宣佈警戒今天上午</t>
  </si>
  <si>
    <t>中央流行疫情指揮中心宣佈全國疫情警戒第三級延至6月14日指揮中心副指揮官陳宗彥表示為防堵疫情擴散也延長全國各地宗教寺廟場所暫不進入、各縣市暫停公祭到6月14日請民眾能多體諒。
陳宗彥今天上午在指揮中心記者會上指出因應三級警戒延長已經跟22縣市的民政單位溝通並取得共識延續之前各宗教場所暫不進入的規範且各縣市暫也停公祭喪葬禮儀只限家祭不進行公祭請民眾能多體諒這段期間有家屬遇喪親之痛也請體諒。</t>
  </si>
  <si>
    <t>中心指揮公祭延長疫情警戒體諒全國宗教場所暫不民眾進入各縣市單位溝通民政取得共識延續已經之前喪葬因應</t>
  </si>
  <si>
    <t>新冠肺炎台灣公祭三級警戒延長</t>
  </si>
  <si>
    <t>公祭臺灣肺炎警戒延長</t>
  </si>
  <si>
    <t>混打莫德納高端盧秀燕衛福部</t>
  </si>
  <si>
    <t>國內疫苗短缺逾300萬人等不到第2劑莫德納650萬人沒有AZ第2劑可打合計近1000萬人的「疫苗孤兒」政府將提供另一選擇混打高端。台中市長盧秀燕16日表示此事要慎重並聆聽民意市府不反對疫苗混打；但要有科學根</t>
  </si>
  <si>
    <t>疫苗混打反對az表示沒有聆聽盧秀燕慎重市長台中高端合計民意選擇市府提供孤兒政府莫德納</t>
  </si>
  <si>
    <t>國內疫苗短缺逾300萬人等不到第2劑莫德納650萬人沒有AZ第2劑可打合計近1000萬人的「疫苗孤兒」政府將提供另一選擇混打高端。台中市長盧秀燕16日表示此事要慎重並聆聽民意市府不反對疫苗混打；但要有科學根據民眾是否能接受莫德納混打高端也需再討論且要重視民意。
長庚大學與台大醫院分頭進行「AZ＋高端」、「莫德納＋高端」混打試驗。衛福部長陳時中昨表示學理上可行性相當高。臺北市長柯文哲則說高端疫苗臨床三期試驗都沒做現在還要混打已超越他的醫學理解。
針對莫德納疫苗是否能混打高端疫苗議題盧秀燕今天日出席南屯區精密園區停三立體停車場新建工程動土典禮受訪時說此事要慎重並聆聽民意市府不反對疫苗混打但要有科學根據民眾是否能接受莫德納混打高端也需再討論且要重視民意。
盧秀燕說中央已下訂莫德納疫苗立法院也已通過300多億元的預算採購疫苗全國估計約300多萬人正等待施打第二劑疫苗包括台中65歲至75歲及其它各行各業的民眾中央雖已訂貨也編列預算但絕大部分尚未動支；建議中央盡快催貨或提供民眾更公開透明的疫苗貨源相關資訊讓民眾判斷是否接受混打。</t>
  </si>
  <si>
    <t>疫苗混打高端莫德納民眾中央民意盧秀燕表示提供台中預算az試驗是否慎重重視聆聽接受停車場新建</t>
  </si>
  <si>
    <t>新冠肺炎台灣混打盧秀燕民眾</t>
  </si>
  <si>
    <t>混打肺炎臺灣盧秀燕民眾</t>
  </si>
  <si>
    <t>傳遞講話劉結一訊息</t>
  </si>
  <si>
    <t>國台辦15日頒布支持台企11條展現大陸繼續加深兩岸經濟合作的態度會上國台辦主任劉結一的講話港媒直言透露五點玄機。劉結一15日在助力台企11條暨台商參與新基建政策說明會上發表講話。劉結一表示「疫情對兩岸</t>
  </si>
  <si>
    <t>台企講話會上劉結一兩岸台辦發表台商助力參與劉結基建大陸政策玄機透露繼續加深展現說明直言經濟支持合作態度</t>
  </si>
  <si>
    <t>國台辦15日頒布支持台企11條展現大陸繼續加深兩岸經濟合作的態度會上國台辦主任劉結一的講話港媒直言透露五點玄機。
劉結一15日在助力台企11條暨台商參與新基建政策說明會上發表講話。劉結一表示「疫情對兩岸經濟合作雖帶來一定消極影響但兩岸經濟互利合作的基本格局沒有改變融合發展的勢頭不會減弱」他還端出兩岸經貿數字指今年4月臺灣對大陸出口同比增長14％這個比例「前所未有」。劉認為疫情後雙方都更應把重心放在拚經濟。
對於劉結一的講話港媒《中評網》認為傳遞五個訊息：
第一高度肯定台商在抗疫中的貢獻。
第二大陸不僅高度重視在陸臺胞的身心狀況也同樣關心在台灣的人民情形不僅安排台灣專家來武漢實地考察並向台灣分享疫情防控技術同心攜手對抗疫情。
第三在防疫基礎上大陸將協助台企度過經濟難關提供必要因應措施。
第四大陸將不斷完善惠台政策吸引台企創新和拓展內銷市場。
第五疫情雖對兩岸合作帶來負面影響但兩岸互利合作的基本格局並未改變。也可見台灣一些知名企業加大對陸投資這可表明大陸仍是台商投資的最佳選擇。</t>
  </si>
  <si>
    <t>大陸疫情臺灣經濟兩岸台企台商合作講話劉結一認為政策會上改變格局投資台辦互利基本帶來關心分享</t>
  </si>
  <si>
    <t>大陸劉結一台企台灣惠台11條</t>
  </si>
  <si>
    <t>大陸劉結一台企惠台臺灣</t>
  </si>
  <si>
    <t>精准馬維欣董事長女傑投資創造科技巾幗不讓鬚眉收益</t>
  </si>
  <si>
    <t>和鑫董事長馬維欣是金融業出身隨著華新麗華集團跨足科技業曾任彩晶董事長、現任和鑫董事長近年更因為跨業投資進軍飯店、文創產業在科技業中是很特別的例子。馬維欣管理風格犀利、乾脆講究數字管理展現</t>
  </si>
  <si>
    <t>科技馬維欣董事長管理風格例子乾脆特別華新出身犀利投資金融業產業進軍集團講究數字文創</t>
  </si>
  <si>
    <t>和鑫董事長馬維欣是金融業出身隨著華新麗華集團跨足科技業曾任彩晶董事長、現任和鑫董事長近年更因為跨業投資進軍飯店、文創產業在科技業中是很特別的例子。
馬維欣管理風格犀利、乾脆講究數字管理展現鐵娘子的一面但談起飯店經營和文創柔性的一面又表露無遺顯露出女性企業家軟硬兼俱的特色。
彩晶是台灣轉型最早的面板廠早在2006年、2007年陸續賣掉兩座3代廠只保留一座53代廠專注於中小尺寸面板經營。後來馬維欣擔任彩晶董座大刀闊斧砍掉不必要的投資、精簡組織、重整品牌讓虧損的彩晶很快地止血、甚至轉為獲利。
2015年馬維欣接任和鑫董事長近年除了本業受惠於AMOLED面板滲透率提升觸控面板事業獲利轉趨穩健之外在馬維欣主導之下成立白石投資、金蘋果開始跨足酒店、文創。
一般科技公司業外投資的面向往往都很窄馬維欣帶入金融業的思維從資產與現金配置著眼在臺北精華區房地產投資甚至進一步再開發如打造瀚寓酒店只要不造成負擔、創造出收益對公司來說就是好的投資為公司分散風險和轉型。
馬維欣是虔誠的基督徒也常引用聖經、套用在管理上。原訂在今年4月底正式開幕的瀚寓酒店碰上新冠肺炎攪局意外變成臺北市防疫旅館。
馬維欣直言會這麼做就是基於信仰！她指出若不是因為宗教的信仰在疫情肆虐之際可能會延後開幕等疫情過了再觀望一下。此時碰到新冠肺炎可以提供台灣留學生及其家人有地方可以暫時居家檢疫「這是我該做的事情」。</t>
  </si>
  <si>
    <t>馬維欣投資彩晶管理面板酒店科技公司臺灣開幕獲利董事長甚至經營一面飯店金融業可以疫情肺炎</t>
  </si>
  <si>
    <t>馬維欣開幕代廠肺炎投資</t>
  </si>
  <si>
    <t>肺炎代廠馬維欣開幕投資</t>
  </si>
  <si>
    <t>觀光雙城記新北滿玩好嘉市</t>
  </si>
  <si>
    <t>新冠肺炎疫情解封嘉義市政府、新北市政府合推觀光雙城記嘉義市長黃敏惠穿上母校宏仁女中制服、新北市長侯友宜穿嘉中制服2人重回17歲青春young熱情揪大家南下北上好好玩並pk嘉義、新北的伴手禮好吃好玩都抵嘉。
黃敏惠、侯友宜合體拍遊客來我「新嘉」玩的影片行銷雙城的觀光同時歡迎更多的遊客來我「新嘉」玩黃敏惠力推檜意森活村、嘉義製材所、嘉義公園、蘭潭及文化路夜市等觀光景點侯友宜主打青春山海線、淡蘭古道、新北大都會公園、十分景點特定區、烏來風景區2人國台語雙聲帶卯足全力介紹城市特色。
勇媽黃敏惠帶了噴水雞肉飯、阿娥豆花讓侯Sir嚷著要帶回去孝敬老婆黃敏惠說阿娥豆花相傳約60年軟嫩滑順用豆漿代替糖水外表樸質好吃又平價1碗才30元就是嘉義人的氣味實實在在又有情有義。
侯友宜也準備永和豆漿大王的豆漿、燒餅油條讓黃敏惠嘗鮮他說永和豆漿大王也有約60年歷史24小時營業賣中式燒餅油條、蘿蔔絲蛋餅、馬來糕等30多種點心是在地人及遊客都愛的美食小吃。
黃敏惠並邀請侯Sir回嘉搭乘嘉義市區電動公車到年底前皆免費12月嘉義市國際管樂節是城市品牌的音樂盛會；侯友宜則介紹新北市環狀線大眾運輸系統遊新北市十分便利新北歡樂耶誕城也是名氣響叮噹的節慶活動。</t>
  </si>
  <si>
    <t>嘉義黃敏惠新北侯友宜觀光豆漿遊客好吃城市介紹青春景點燒餅油條公園豆花好玩sir</t>
  </si>
  <si>
    <t>觀光黃敏惠雙城記阿娥豆花永和豆漿</t>
  </si>
  <si>
    <t>豆花雙城記阿娥黃敏惠永和觀光豆漿</t>
  </si>
  <si>
    <t>東奧備戰疫情擴散持續科爾nba</t>
  </si>
  <si>
    <t>新冠肺炎疫情肆虐全球東京奧運能否如期舉辦還在未知數但美國男籃教練、勇士教頭科爾表示已向總教練帕波維奇討論過仍將持續備戰但疫情難防想要有效控制非常不容易。根據美國媒體報導科爾目前已返回聖地</t>
  </si>
  <si>
    <t>美國疫情科爾教練肆虐全球東京報導能否奧運媒體如期舉辦非常想要備戰持續控制不容易有效波維奇討論已向未知數</t>
  </si>
  <si>
    <t>新冠肺炎疫情肆虐全球東京奧運能否如期舉辦還在未知數但美國男籃教練、勇士教頭科爾表示已向總教練帕波維奇討論過仍將持續備戰但疫情難防想要有效控制非常不容易。
根據美國媒體報導科爾目前已返回聖地牙哥家中準備利用這段封館時間觀看影帶找尋合適的夢幻隊成員。
對於籃網4名球員確診新冠肺炎科爾說希望勇士球員這段時間沒有跟籃網球員有接觸但老實說這個機率恐怕很低。
柯爾表示以目前新冠肺炎疫情的擴散程度來看NBA想要在6月恢復比賽的願望恐不樂觀至今勇士全隊尚未進行檢驗如今大家都在同一艘船上期盼大家都能健康平安。</t>
  </si>
  <si>
    <t>勇士科爾疫情想要時間肺炎美國目前球員表示教練檢驗期盼進行船上尚未全隊至今如今樂觀願望觀看比賽影帶</t>
  </si>
  <si>
    <t>科爾新冠肺炎勇士NBA東京奧運</t>
  </si>
  <si>
    <t>勇士肺炎nba東京科爾奧運</t>
  </si>
  <si>
    <t>樂觀坦承侯友宜長期抗戰解除</t>
  </si>
  <si>
    <t>疫情嚴峻新北市今日再增三重及新莊熱區防疫中心新北市長侯友宜今早視察2熱區防疫中心作業情形被問到是否於5月28日解決三級警戒？侯友宜回應「狀況不樂觀民眾要有長期抗戰的準備」。雙北本土疫情激增臺北</t>
  </si>
  <si>
    <t>侯友宜新北熱區防疫中心疫情雙北準備長期抗戰民眾樂觀狀況今日本土回應警戒解決是否問到新莊情形作業視察</t>
  </si>
  <si>
    <t>侯友宜疫情活動營業新北停止中心防疫狀況指出認為目前熱區呼籲非必要樂觀解決已經警戒</t>
  </si>
  <si>
    <t>新冠肺炎台灣侯友宜長期抗戰</t>
  </si>
  <si>
    <t>臺灣肺炎侯友宜長期抗戰</t>
  </si>
  <si>
    <t>民眾醫院官網傳染醫師北部</t>
  </si>
  <si>
    <t>北部某醫院昨晚傳出疑似新冠肺炎感染事件引發民眾焦慮由於指揮中心尚未說明情況一早民眾就到被傳有院內感染的醫院官網查詢導致該醫院官網當機直到今下午1時多點進該醫院網站後網頁不僅一直轉圈圈最</t>
  </si>
  <si>
    <t>醫院感染民眾官網網頁網站時多下午直到一直肺炎中心說明指揮情況一早事件引發焦慮院內</t>
  </si>
  <si>
    <t>北部某醫院昨晚傳出疑似新冠肺炎感染事件引發民眾焦慮由於指揮中心尚未說明情況一早民眾就到被傳有院內感染的醫院官網查詢導致該醫院官網當機直到今下午1時多點進該醫院網站後網頁不僅一直轉圈圈最終頁面轉不出來呈現一片空白。
該起院內感染事件疑似是該院內科病房感染控制不當其中負責照顧確診病患的男住院醫師近日出現類似症狀因此趕緊通報採檢據瞭解目前含男醫師有二名醫護採檢陽性近20名醫護隔離採檢由於全案恐是全台首起醫師染疫個案引發民眾高度關注連帶造成醫院官網當機。
不僅如此由於院內疑有感染發生桃園台茂購物中心、大江購物中心、IKEA桃園店都已緊急宣佈「為配合防疫作業」關門消毒其中大江購物中心今宣佈暫停營業一天而IKIA桃園店則是貼出「消毒作業暫停營業」的公告。</t>
  </si>
  <si>
    <t>感染醫院醫師民眾中心桃園院內引發官網事件消毒宣佈購物作業暫停營業大江醫護一直網頁</t>
  </si>
  <si>
    <t>新冠肺炎感染防疫</t>
  </si>
  <si>
    <t>肺炎感染防疫</t>
  </si>
  <si>
    <t>病例累計確診肺炎超過大陸</t>
  </si>
  <si>
    <t>截至大陸累計確診病例超過即時統計資料顯示北京時間發佈全球衛健肺炎國家以外霍普金斯大學官方網站地區約翰斯通報美國</t>
  </si>
  <si>
    <t>累計大陸確診即時統計資料截至發佈病例霍普金斯大學超過肺炎以外衛健國家顯示北京時間全球約翰斯·義大利依據官方網站通報統計</t>
  </si>
  <si>
    <t>《業績-電腦設備》光寶科2月營收月減23％年減20％</t>
  </si>
  <si>
    <t>光寶電腦設備業績</t>
  </si>
  <si>
    <t>受到新冠肺炎疫情(COVID-19)導致農曆春節延後復工影響光寶科(2301)2月合併營收為867億元月減23%年減20%在大陸各廠區返崗率陸續提升與大陸以外廠區全力調度生產支援下光寶科預估3月整體出貨與營運將優於</t>
  </si>
  <si>
    <t>光寶大陸疫情covid-導致農曆整體春節預估延後肺炎復工影響合併提升支援外廠全力生產調度</t>
  </si>
  <si>
    <t>受到新冠肺炎疫情(COVID-19)導致農曆春節延後復工影響光寶科(2301)2月合併營收為867億元月減23%年減20%在大陸各廠區返崗率陸續提升與大陸以外廠區全力調度生產支援下光寶科預估3月整體出貨與營運將優於2月。
新冠肺炎疫情全球延燒讓今年第1季淡季更淡光寶科2月合併營收為867億元月減23%年減20%累計前2月合併營收為1998億元。
就各部門來看2月光電、資訊產品與儲存裝置部門營收佔比分別為21%、62%與11%。
隨著大陸各地區加速復工光寶科表示希望3月底復工率能到達80%到90%3月整體出貨與營運將優於2月。
光寶集團總執行長陳廣中表示原本今年公司計畫是下半年比上半年好今年上半年比去年上半年保守一點新冠肺炎爆發後由於開工延後且員工返工比率不佳第1季比原來計畫差10%到20%若和去年同期相比是年減20%到30%整體成本也會高一點保守看待第1季及上半年。</t>
  </si>
  <si>
    <t>光寶今年復工大陸肺炎整體計畫上半年表示合併保守疫情部門優於營運</t>
  </si>
  <si>
    <t>光寶科全球合併營收上半年新冠肺炎疫情</t>
  </si>
  <si>
    <t>上半年合併全球肺炎光寶疫情</t>
  </si>
  <si>
    <t>確診新增核酸廣州採樣</t>
  </si>
  <si>
    <t>在8日召開的廣州市疫情防控新聞發布會上廣州市衛健委副主任陳斌表示6月7日0時至24時廣州新增10例新冠肺炎確診病例。此外還有4例無症狀感染者轉為確診病例。在7日新增的10例中9例在白鶴洞封閉區1例番禺區</t>
  </si>
  <si>
    <t>新增病例廣州市確診主任陳斌表示時至廣州還有感染者轉為新聞發佈會疫情防控封閉症狀</t>
  </si>
  <si>
    <t>在8日召開的廣州市疫情防控新聞發布會上廣州市衛健委副主任陳斌表示6月7日0時至24時廣州新增10例新冠肺炎確診病例。此外還有4例無症狀感染者轉為確診病例。
在7日新增的10例中9例在白鶴洞封閉區1例番禺區大石街均與白鶴洞街感染者有關聯。
陳斌表示廣州市自5月26日啟動核酸大排查以來截至6月7日24時全市累計核酸採樣279855萬份共發現陽性40人。
5月21日至6月7日24時廣州市累計報告108例境內感染者其中確診98例無症狀感染者10例目前所有感染者均在廣州市第八人民醫院隔離治療。</t>
  </si>
  <si>
    <t>廣州市感染者核酸陳斌表示確診累計病例新增白鶴採樣番禺區大石主任全市截至啟動新聞</t>
  </si>
  <si>
    <t>新冠肺炎大陸廣州市10例98</t>
  </si>
  <si>
    <t>廣州市大陸肺炎</t>
  </si>
  <si>
    <t>石化外資曙光煉油塑化燃氣</t>
  </si>
  <si>
    <t>日系外資針對台塑化(6505)出具最新報告指出由於煉油利潤和石化產品的價差逐漸恢復將有利於台塑化故將台塑化評等從中立調升到買進、目標價由746元調升到113元。日系外資表示受益於煉油利潤和化學產品的價差</t>
  </si>
  <si>
    <t>塑化煉油利潤外資調升產品價差逐漸石化表示受益指出報告出具最新評等中立恢復買進有利於目標價化學</t>
  </si>
  <si>
    <t>日系外資針對台塑化(6505)出具最新報告指出由於煉油利潤和石化產品的價差逐漸恢復將有利於台塑化故將台塑化評等從中立調升到買進、目標價由746元調升到113元。
日系外資表示受益於煉油利潤和化學產品的價差恢復儘管調降了台塑化獲利調了34%僅上下281元但看好台塑化2021年獲利預計2020年將是油價急劇下跌的最低一年油價從2019年的63美元/桶下降至2020年的34美元/桶但到2021年將回升至41美元/桶預測台塑化的煉油利潤將從2019年的92美元/桶降至2020年的43美元/桶然後反彈至10美元/桶此將有利於台塑化因此將台塑化評等從中立調升到買進、目標價由746元調升到113元。
日系外資表示台塑化的煉油利潤和石化產品利差持續回升台塑化的煉油利潤已從4月的負20美元/桶提高到5月的負4美元/桶顯示原油庫存逐漸到底與此同時台塑化的化學價差也從4月20日的底部224美元/噸恢復到目前的256美元/噸儘管目前的原油價格低於60美元/桶但油價的上漲趨勢對煉油廠而言是良性的回顧歷史經驗油價從2014年下半年的下跌中恢復過來台塑化在2015~2017年連三年盈利恢復然而由於原油價格超過60美元/桶故其2018年利潤下降了25%認為這種歷史格局可能會在2020~2022年重演因為預測原油價格將回升但仍會保持在60美元/桶以下。</t>
  </si>
  <si>
    <t>塑化利潤煉油恢復原油價格回升油價下降價差產品下跌化學逐漸預測石化獲利外資調升表示趨勢</t>
  </si>
  <si>
    <t>台塑台塑化原油新冠肺炎煉油</t>
  </si>
  <si>
    <t>原油肺炎塑化台塑煉油</t>
  </si>
  <si>
    <t>八卦蔡英文不見</t>
  </si>
  <si>
    <t>對於總統蔡英文7日開線上記者會呼籲今年端午節拜託大家「愛家鄉就留在原地愛家人也請不要移動」意外引爆民怨PTT八卦版好幾篇貼文、每篇上百筆留言表達不滿竟未見到1450護航文的確少見。行政院宣佈延長防</t>
  </si>
  <si>
    <t>開線記者會少見呼籲今年的確端午節愛家鄉護航留在原地愛家不要移動意外引爆民怨</t>
  </si>
  <si>
    <t>對於總統蔡英文7日開線上記者會呼籲今年端午節拜託大家「愛家鄉就留在原地愛家人也請不要移動」意外引爆民怨PTT八卦版好幾篇貼文、每篇上百筆留言表達不滿竟未見到1450護航文的確少見。
行政院宣佈延長防疫三級警戒蔡英文總統7日下午再度親上火線呼籲今年端午節拜託大家「愛家鄉就留在原地愛家人也請不要移動」。她也保證政府會盡所有的力量爭取更穩定的疫苗供給並要求大家對家人和身邊的朋友多體諒多鼓勵。
蔡英文表示最近大家都在討論端午節要不要回家到昨天高鐵、台鐵和國道客運在端午節期間賣出的將近十萬張票經過很多人的呼籲雖然有減少但是還有85萬張票。
她想跟各位說端午節雖然是家人團聚的大節日但是今年因為疫情的關係要拜託大家「愛家鄉就留在原地愛家人也請不要移動」端午節明年還有但若因為跨區移動而造成疫情的大爆發家鄉和家人都會陷入險境。因此她奉勸民眾「留在原地不要移動」這就是她今年端午節對國人同胞最重要的請託。
此番說話竟意外引爆網友怒火被八卦版留言噓到爆過去挺蔡英文、挺黨、罵藍、罵柯的言論全部不見了！好幾篇八卦版貼文以及每篇百筆以上的留言都在表達不滿的意見。
整理網友批評的角度略分為下：
一質疑台灣有充足的疫苗了嗎？為何要擋民間進口疫苗？尤其又是要捐給政府並非要獲利！
二不滿意只會看稿說話當讀稿機。
三講空話、文青式廢話、大內宣不敢扛責任只會道德勸說到底是要怎樣？
四不滿防疫作為3+11改了嗎？沒必要不出門但民眾仍需要上班。
五最後就是砲轟蔡英文做不好就下臺要求返鄉民眾退高鐵票被反嗆2020年投的選票可不可以退？
蔡英文這次引民怨大爆發PTT八卦版把蔡英文噓到爆每篇文章引起百筆網友留言表達不滿竟沒有一筆1450留言幫蔡英文護航也沒有「擁護黨」的言論的確是少見。</t>
  </si>
  <si>
    <t>蔡英文端午節民眾不滿移動留言今年疫苗網友八卦不要呼籲要求說話防疫</t>
  </si>
  <si>
    <t>新冠肺炎台灣蔡英文端午節八卦版</t>
  </si>
  <si>
    <t>蔡英文臺灣端午節肺炎八卦</t>
  </si>
  <si>
    <t>法國英國確診</t>
  </si>
  <si>
    <t>根據路透社的報導新冠肺炎在歐洲國家造成嚴重疫情法國衛生部今天證實境內新冠肺炎確診案例增至1191例；英國衛生部也說境內確診增至319例。路透社報導法國衛生部同時通報境內因新冠肺炎死亡人數增加2例累</t>
  </si>
  <si>
    <t>肺炎境內法國衛生部增至確診報導路透社死亡嚴重疫情造成歐洲國家今天案例證實通報人數英國衛生部增加</t>
  </si>
  <si>
    <t>根據路透社的報導新冠肺炎在歐洲國家造成嚴重疫情法國衛生部今天證實境內新冠肺炎確診案例增至1191例；英國衛生部也說境內確診增至319例。
路透社報導法國衛生部同時通報境內因新冠肺炎死亡人數增加2例累計來到21人死亡。
英國衛生部今天也說境內確診案例從273例增至319例。到目前為止英國已有3人因感染武漢肺炎死亡。</t>
  </si>
  <si>
    <t>肺炎境內死亡今天增至法國衛生部確診英國衛生部案例報導路透社英國嚴重疫情造成歐洲國家來到增加人數證實通報</t>
  </si>
  <si>
    <t>招商新北減租優惠</t>
  </si>
  <si>
    <t>新冠肺炎疫情延燒新北市長侯友宜訂下今年招商1500億元目標不變為吸引廠商提早投資侯友宜16日表示包括沙崙園區、臺北港產專區與汐止長安段3招商案將提供3個月租金減半優惠吸引廠商投資。侯友宜也喊話中央放</t>
  </si>
  <si>
    <t>侯友宜招商投資廠商吸引新北市長疫情臺北園區港產沙侖專區汐止長安包括今年表示提供目標減半月租金</t>
  </si>
  <si>
    <t>新冠肺炎疫情延燒新北市長侯友宜訂下今年招商1500億元目標不變為吸引廠商提早投資侯友宜16日表示包括沙崙園區、臺北港產專區與汐止長安段3招商案將提供3個月租金減半優惠吸引廠商投資。侯友宜也喊話中央放寬紓困限制否則再多預算也是看得到、申請不到。
新北市府昨防疫會議中經發局長何怡明指出將透過招商優惠讓廠商投入盡早增加就業機會新北目前國、市有土地招標案3案將提供3個月租金減半優惠預計會減少317萬元租金收入將在5、6月公告。
何怡明也說市府已訪視轄內多家業者包括玻璃製品、幫浦與紙盒等廠商有業者積極轉型想在亞洲成立研發中心市府招商一條龍將全力協助業者。
何怡明也說新北上周推出企業安心辦服務有117件諮詢電話其中有65％有資金貸款需求業者反映部分民營銀行會變相拖延市府將發文要求銀行作業一致性在可控風險下提供業者貸款需求也建議經濟部訂定一致性審查流程更呼籲中央對自營業者補助應該盡快開始。
侯友宜說很多企業很難在這波衝擊下生存希望中央把條件放寬 讓企業貸到款否則光有1兆500億同樣是看得到申請不到拜託中央給地方協助。
交通局長鍾鳴時也說中央已針對國道、公路客運提出紓困專案市區公車較去年同期減少74％運量換算每天少了5萬6000段次收入每個月累積損失約3200萬盼中央納入紓困。</t>
  </si>
  <si>
    <t>中央新北市府招商侯友宜業者廠商企業紓困提供優惠包括減少收入一致性局長協助放寬</t>
  </si>
  <si>
    <t>企業廠商招商紓困侯友宜</t>
  </si>
  <si>
    <t>侯友宜招商紓困廠商企業</t>
  </si>
  <si>
    <t>研究焦躁流行食物</t>
  </si>
  <si>
    <t>為瞭解蔬菜、水果的攝取量與壓力知覺量的關係澳洲伊迪斯可文大學研究團隊針對逾8000名參與者進行問卷調查。結果發現每天吃至少470克蔬菜與水果的參與者壓力知覺水準約下降10%。隨著新冠肺炎在台灣重燃疫</t>
  </si>
  <si>
    <t>參與者壓力知覺水果蔬菜肺炎臺灣下降迪斯可文水準大學關係研究團隊澳洲進行問卷調查結果發現至少</t>
  </si>
  <si>
    <t>壓力蔬果攝取參與者研究知覺胡蘿蔔素疫情澳洲水果心理健康攝取量維生素降低民眾進行健康團隊成為礦物質人體飲食</t>
  </si>
  <si>
    <t>壓力知覺新冠肺炎蔬果免疫力焦慮症</t>
  </si>
  <si>
    <t>肺炎蔬果免疫力焦慮知覺壓力</t>
  </si>
  <si>
    <t>增加疫苗科興接種感染者智利</t>
  </si>
  <si>
    <t>大陸科興疫苗對於防範新冠肺炎究竟有沒有用？台大公衛學者張維容今天透過第四期疫苗效益評估方法分析發現在智利每增加1％的科興疫苗施打不但無助降低疫情發生還可能會增加3％的新冠肺炎個案。張維容所使用的這</t>
  </si>
  <si>
    <t>疫苗增加張維容肺炎科興大公有用學者今天透過評估究竟效益發生疫情防範降低方法發現無助可能分析</t>
  </si>
  <si>
    <t>疫苗發生科興施打張維容增加人數感染接種肺炎加拿大廖思涵試驗美國發現指出對照組個案智利看出風險</t>
  </si>
  <si>
    <t>科興疫苗新冠肺炎張維容疫苗施打</t>
  </si>
  <si>
    <t>肺炎疫苗張維容科興施打</t>
  </si>
  <si>
    <t>年輕張上淳死亡潛伏疾病</t>
  </si>
  <si>
    <t>新冠肺炎疫情延燒中央流行疫情指揮中心今公佈新增21名死亡案例最年輕只有30多歲最年長則是90多歲。專家諮詢小組召集人張上淳說大部分死亡案例都有潛伏疾病今只有1名50多歲案例沒有潛伏疾病。今日新增21例</t>
  </si>
  <si>
    <t>案例死亡新增疫情潛伏疾病指揮中心中央專家小組召集人公佈張上淳年長流行沒有肺炎</t>
  </si>
  <si>
    <t>新冠肺炎疫情延燒中央流行疫情指揮中心今公佈新增21名死亡案例最年輕只有30多歲最年長則是90多歲。專家諮詢小組召集人張上淳說大部分死亡案例都有潛伏疾病今只有1名50多歲案例沒有潛伏疾病。
今日新增21例死亡個案共計為男性14位、女性7位年齡介於30多歲至90多歲發病日介於5月15日至5月27日確診日介於5月21日至5月30日死亡日介於5月27日至6月2日。
張上淳表示死亡案例大部分都有潛伏疾病年輕的2名個案有洗腎、糖尿病。死亡個案中除1名50多歲的個案沒有潛伏疾病外其餘都有潛伏疾病。</t>
  </si>
  <si>
    <t>死亡個案案例疾病潛伏新增疫情年輕沒有介於張上淳指揮中央中心女性男性專家流行小組</t>
  </si>
  <si>
    <t>新冠肺炎台灣死亡個案潛藏疾病</t>
  </si>
  <si>
    <t>臺灣死亡肺炎個案潛藏疾病</t>
  </si>
  <si>
    <t>韓國生意計程車協助</t>
  </si>
  <si>
    <t>針對來勢洶洶的新冠肺炎疫情高雄市長韓國瑜20日在交通局長鄭永祥陪同下前往鳥松區倫永計程車衛星大車隊訪視其準備的防疫措施外業者向韓市長反映農曆春節過後生意掉快一半收入受到影響希望市長協助紓困</t>
  </si>
  <si>
    <t>市長疫情高雄影響韓國瑜受到收入鄭永祥交通陪同前往鳥松生意倫永計程車局長衛星車隊訪視準備過後防疫春節農曆</t>
  </si>
  <si>
    <t>針對來勢洶洶的新冠肺炎疫情高雄市長韓國瑜20日在交通局長鄭永祥陪同下前往鳥松區倫永計程車衛星大車隊訪視其準備的防疫措施外業者向韓市長反映農曆春節過後生意掉快一半收入受到影響希望市長協助紓困韓國瑜允諾市府及中央會一起協助計程車司機度過難關。
韓市長表示高雄市受到新冠肺炎疫情的影響造成觀光人數減少高雄市計程車業者千萬不要大意除請計程車駕駛服務時全程戴口罩乘客下車後也拜託有身體不適或自疫區返台的民眾搭車時全程戴口罩除保護乘客自己外也保護計程車駕駛大家一起來對抗新冠肺炎高市府會盡最大力量讓更多人流進到高雄。
倫永計程車衛星大車隊董事長葉國榮表示受到新冠肺炎疫情影響估計運量較去年同期下降約4成但為提供民眾一個安全的乘車環境目前除要求所屬計程車駕駛服務時全程戴口罩並於乘客下車後針對乘客可能會碰觸的地方如內外門把、車窗按鈕、安全帶扣環、椅套、座椅調整鈕及空調出風口等處進行消毒。
倫永車隊經理葉國彬說這次生意受到武漢肺炎影響掉將近一半不少車輛停放公司沒出去跑車可說是經營車隊66年來最慘的一次希望政府能夠給予業者或司機們經濟上的補助讓大家度過難關。
負責長照接送的計程車司機王先生說現在許多病人或老人就醫寧願不要一個月2000元的補助金而選擇由家人接送為了解除乘客憂心他每天一定將車輛清潔乾淨但搭乘的客人仍大不如前。
韓國瑜說高雄市爭取交通部醫療口罩來給予計程車駕駛來購買目前口罩主要透過高市計程車公（工）會、計程車車隊與計程車合作社來分售；針對業者及司機提出的經濟困境市府會盡力幫助並想辦法向中央請求協助幫大家度過難關。
新冠肺炎市長韓國瑜計程車司機戴口罩生意倫永計程車紓困</t>
  </si>
  <si>
    <t>計程車司機車隊肺炎市長口罩業者影響乘客高雄市市府度過難關受到駕駛生意韓國瑜協助民眾車輛接送疫情</t>
  </si>
  <si>
    <t>計程車肺炎新冠口罩新冠肺炎</t>
  </si>
  <si>
    <t>肺炎計程車口罩</t>
  </si>
  <si>
    <t>足夠台南黃偉哲日僑疫苗優先日本施打</t>
  </si>
  <si>
    <t>日本捐124萬劑AZ疫苗給台灣台南市長黃偉哲3日晚間率先透過臉書宣佈「在台南日本人優先施打疫苗」被質疑與中央流行疫情指揮中心公佈接種順序不符黃偉哲說中央並未反對且這是民間友善象徵這批疫苗台南</t>
  </si>
  <si>
    <t>台南疫苗中央黃偉哲日本接種中心公佈指揮反對率先並未順序不符疫情民間宣佈臺灣流行透過晚間市長質疑優先</t>
  </si>
  <si>
    <t>日本捐124萬劑AZ疫苗給台灣台南市長黃偉哲3日晚間率先透過臉書宣佈「在台南日本人優先施打疫苗」被質疑與中央流行疫情指揮中心公佈接種順序不符黃偉哲說中央並未反對且這是民間友善象徵這批疫苗台南約可分到5、6萬劑台南日僑700多位疫苗量足夠。
黃偉哲表示日本首相菅義偉宣佈提供台灣124萬劑疫苗這是日本對台灣非常正面的反應因此他認為台灣也應該善盡朋友的義務當疫苗分配至台南時可以優先讓在台南的700多位日本僑民率先施打量能完全足夠相信國人同胞也會肯定台日友好的表現。
他也提到關於優先順序的施打中央雖訂定指導原則但地方也可以「因地制宜」例如最近長照機構疫情連環爆台南的長照人員大約2000多位也會提到最優先順序來施打以免長照機構繼續群聚感染。
台南市日本人協會理事長野崎孝男表示他很感謝黃偉哲市長關懷台南的日本僑民他認為這對台日的關係有很大的幫助自從311以來台灣和日本的關係發展非常良好台灣和日本是危難時會互相幫助的朋友去年台灣提供200萬個口罩給日本現在台灣有難日本能幫助台灣這是一件非常開心的事充分展現出臺日友好。</t>
  </si>
  <si>
    <t>日本台南臺灣疫苗黃偉哲施打優先中央順序朋友非常率先宣佈可以表示足夠台日疫情認為市長</t>
  </si>
  <si>
    <t>新冠肺炎台灣 台南施打台灣</t>
  </si>
  <si>
    <t>台南臺灣肺炎施打</t>
  </si>
  <si>
    <t>時機外幣</t>
  </si>
  <si>
    <t>降息風吹來新台幣看似愈存愈薄但你或許不知道新台幣一點都不弱！光是最近1個月新台幣對英鎊、澳幣、紐幣、加幣至少都有6％以上升幅漲得可凶如果要趁便宜撿些外幣囤著可別錯過機會。新冠肺炎掀起降息</t>
  </si>
  <si>
    <t>台幣升幅以上錯過機會便宜外幣可別知道至少都有降息看似最近</t>
  </si>
  <si>
    <t>降息風吹來新台幣看似愈存愈薄但你或許不知道新台幣一點都不弱！光是最近1個月新台幣對英鎊、澳幣、紐幣、加幣至少都有6％以上升幅漲得可凶如果要趁便宜撿些外幣囤著可別錯過機會。
新冠肺炎掀起降息浪潮美國聯準會一降就是6碼讓許多國家慌了。包括英國、澳大利亞、紐西蘭等國前僕後繼加入降息陣容亞洲央行不落人後除了降不了的日本韓星馬泰等國都降息了。
影響所及全球貨幣市場大風吹。一般來說美國降息加上無限制量化寬鬆美元應該變成落水狗不過亂世「現金至上」許多人寧可抱美元避險這讓美元指數意外衝破100關卡成為最強貨幣。
相較於美元非美貨幣就沒有這種待遇。過去1個月英鎊、澳幣、紐幣、加幣跌得鼻青臉腫亞洲以東南亞受衝擊最大泰銖、馬來西亞令吉與星幣貶幅都相當重。
與台幣交叉匯率新台幣兌換英鎊、澳幣、紐幣、加幣最為划算光是近1個月新台幣對英鎊就升值超過7％拉長到3個月則達8％台銀牌告價已經來到36元附近。
紐澳幣則是重災區台幣對澳幣、紐幣過去1個月分別升值超過8％、7％拉長到3個月甚至高達12％目前澳幣、紐幣在台銀牌告都到18字頭算是撿便宜中的首選。
另外可以觀察的是歐元雖然歐洲央行沒有降息只祭出量化寬鬆但隨著歐洲疫情持續擴散歐元也爬不起來目前台銀牌告約在33字頭盤旋如果疫後想要去歐洲玩此時或許是不錯的低檔買進時機。
亞幣方面東南亞最值得撿台幣對馬幣近1個月升值超過4％對星幣、泰銖也超過35％觀光客最愛的泰國更是受疫情導致旅客大減衝擊近3個月對新台幣貶逾7％。
銀行主管表示這波疫情吹起降息巨浪造成多國貨幣貶值幾乎是前所未見的低價但要注意有些貨幣在台灣只能買現鈔因為流動性的關係會加一筆手續費吃掉匯差結匯前還是得先算過別吃了虧。</t>
  </si>
  <si>
    <t>降息台幣貨幣疫情銀牌超過亞洲歐洲寬鬆歐元沒有美國</t>
  </si>
  <si>
    <t>澳幣美國台幣對降息新台幣</t>
  </si>
  <si>
    <t>台幣降息美國</t>
  </si>
  <si>
    <t>發現菌素伊維研究抑制大學病毒</t>
  </si>
  <si>
    <t>長庚大學新興病毒感染研究中心近日在科技部駐澳大利亞科技組的促成下成功與澳洲蒙納許大學生物醫學研究所展開合作將就抗寄生蟲藥物「伊維菌素(Ivermectin)」抑制新冠病毒的有效性進行研究以共同研發新型抗病</t>
  </si>
  <si>
    <t>研究科技病毒感染進行中心有效性病毒抑制成功ivermectin澳洲菌素藥物大學寄生蟲生物醫學研究所將就展開合作學新興近日</t>
  </si>
  <si>
    <t>長庚大學新興病毒感染研究中心近日在科技部駐澳大利亞科技組的促成下成功與澳洲蒙納許大學生物醫學研究所展開合作將就抗寄生蟲藥物「伊維菌素(Ivermectin)」抑制新冠病毒的有效性進行研究以共同研發新型抗病毒藥物。
澳洲蒙納許大學生物醫學研究所前於4月3日宣佈該所與澳洲彼得杜哈堤感染與免疫研究所(Peter Doherty Institute for Infection and Immunity)共同進行的一項研究發現顯示伊維菌素藥物可在48小時內抑制新冠病毒生長並有助於細胞將病毒清除消息發布後引發各界關注。
科技部表示經評估後推薦長庚大學新興病毒感染研究中心主任施信如特聘教授為我方研究主持人並請駐澳大利亞科技組聯繫推動雙方進行合作。
科技部指出雙方研究人員經密切聯繫討論後於5月7日進行首次視訊會議並就後續具體合作項目達成共識。未來將由我方提供病毒株及P2／P3實驗室設備澳方提供實驗用藥物共同研究伊維菌素針對新冠病毒的抑制效果另外也將合作層面進一步擴及至愛滋、茲卡、流感及登革熱等病毒研究。
科技部提到雙方也同意將由長庚大學與蒙納許大學代表簽署相關合作及保密協定一旦協定完成簽署後將儘速展開具體研究。科技部將持續瞭解合作進度並適時提供最大的協助以期盡早產生具體成果以協助抗疫。
長庚大學新興病毒感染研中心於2009年成立持續接受科技部補助執行研究計畫2018年獲得科技部補助特色研究中心計畫。該中心任務為因應新興病毒如SARS、禽流感(H1N1)等對社會經濟、交通、生態、教育等層面所造成的衝擊與威脅。</t>
  </si>
  <si>
    <t>研究病毒科技合作進行藥物中心具體提供研究所澳洲共同大學層面菌素病毒感染抑制展開雙方持續</t>
  </si>
  <si>
    <t>新冠肺炎研究病毒大學科技部</t>
  </si>
  <si>
    <t>肺炎研究病毒大學科技</t>
  </si>
  <si>
    <t>譚德不能臺灣揭穿謊言</t>
  </si>
  <si>
    <t>世界衛生組織（WHO）秘書長譚德塞日前在記者會指遭台灣惡意攻擊甚至受到種族歧視不僅引發全球民眾不滿甚至連署要他下臺對此董事長樂團成員林大鈞則PO文痛批：「世界不能揭穿惡人的謊言嗎」?新加坡《聯合早</t>
  </si>
  <si>
    <t>甚至惡人德塞揭穿日前不能記者會世界po臺灣林大鈞惡意謊言成員攻擊樂團董事長受到種族歧視對此民眾下臺不滿連署</t>
  </si>
  <si>
    <t>世界衛生組織（WHO）秘書長譚德塞日前在記者會指遭台灣惡意攻擊甚至受到種族歧視不僅引發全球民眾不滿甚至連署要他下臺對此董事長樂團成員林大鈞則PO文痛批：「世界不能揭穿惡人的謊言嗎」?
新加坡《聯合早報》以「台灣真的沒攻擊譚德塞嗎」為標題報導指證台灣的確有攻勢譚德塞引發各界議論對此林大鈞則坦言「台灣的確有罵譚德賽啊」但針對的並非種族歧視的言論而是身為世界衛生組織秘書長卻失格就事論事的言論不叫攻擊況且身為自由民主的世界為何不能揭穿惡人謊言。
林大鈞更撂下狠話怒斥譚德塞導致全世界死了那麼多人此番失職行為別想卸責等著被國際法庭審判該賠償的一個都不能少此番言論也引起大批網友贊同。</t>
  </si>
  <si>
    <t>德塞臺灣言論攻擊不能種族歧視對此引發確有甚至林大鈞秘書長揭穿謊言惡人世界世界衛生組織卸責行為國際法庭審判失職</t>
  </si>
  <si>
    <t>林大鈞譚德塞種族歧視新冠肺炎武漢肺炎</t>
  </si>
  <si>
    <t>種族歧視德塞肺炎武漢林大鈞</t>
  </si>
  <si>
    <t>不該停辦表示民眾人為自主硬性決定媽祖</t>
  </si>
  <si>
    <t>新冠肺炎疫情延燒不少大型活動因此停擺其中一年一度大甲鎮瀾宮媽祖遶境活動也受疫情影響大甲鎮瀾宮基金會董事長顏清標日前表示衛福部仍要做出專業判段遶境活動在未禁止前仍照常舉行。實際走上街頭詢問民眾的</t>
  </si>
  <si>
    <t>疫情活動大甲鎮實際舉行照常禁止大型活動衛福部表示仍要日前做出顏清標一年一度專業</t>
  </si>
  <si>
    <t>新冠肺炎疫情延燒不少大型活動因此停擺其中一年一度大甲鎮瀾宮媽祖遶境活動也受疫情影響大甲鎮瀾宮基金會董事長顏清標日前表示衛福部仍要做出專業判段遶境活動在未禁止前仍照常舉行。
實際走上街頭詢問民眾的看法多數民眾則表示應當延期或禁止大型活動一旦人潮聚集導致疫情蔓延後果不堪設想。認為媽祖可以體諒因應疫情而做出的決定並不會因為取消就不保佑人民。不過也有民眾表示若遶境如期舉行還是會參加也呼籲其他民眾先自行評估個人身體狀況再決定是否前往參與遶境活動此盛事。
最後松山慈祐宮陳玉峰董事長表示因疫情關係請示媽祖後獲得媽祖同意將暫停此次的遶境活動也取消了原先計畫要到北港和六家廟宇的互惠活動。</t>
  </si>
  <si>
    <t>疫情活動表示媽祖民眾大型活動禁止決定做出董事長取消大甲鎮實際舉行照常要到計畫</t>
  </si>
  <si>
    <t>大甲媽祖鎮瀾宮遶境新冠肺炎顏清標</t>
  </si>
  <si>
    <t>肺炎媽祖顏清標</t>
  </si>
  <si>
    <t>同日專家接種流感疫苗分開</t>
  </si>
  <si>
    <t>世衛日前更新指引指新冠疫苗及流感疫苗可以同日接種。香港大學感染及傳染病中心總監何栢良今（25日）表示兩種疫苗可分開在兩隻手接種且若同時接種流感疫苗所產生的抗體比分開接種高出2倍。大陸已展開18歲以</t>
  </si>
  <si>
    <t>接種疫苗分開流感疫苗總監可以感染傳染病中心何柏良香港大學表示同日指引高出更新大陸抗體產生日前世衛</t>
  </si>
  <si>
    <t>世衛日前更新指引指新冠疫苗及流感疫苗可以同日接種。香港大學感染及傳染病中心總監何栢良今（25日）表示兩種疫苗可分開在兩隻手接種且若同時接種流感疫苗所產生的抗體比分開接種高出2倍。
大陸已展開18歲以上人士接種第三劑新冠疫苗而港府專家委員會將開會研究接種第三劑。何栢良認為大陸目前的疫苗政策中打針已不只是預防重症也是預防傳播尤其是懷疑因輸入個案引起的感染群組。
何栢良指出民眾同時接種新冠疫苗及流感疫苗對安全及成效沒有影響抗體反應也不會互相影響更發現若同時接種流感疫苗所產生的抗體比分開接種高出2倍。
何續指如果香港要盡快與大陸通關應該在政策上與大陸對接同時開放讓民眾選擇在何時接種第3劑以及開放選擇接種同款疫苗或是「混打」。</t>
  </si>
  <si>
    <t>接種疫苗大陸流感疫苗抗體感染何柏良分開政策影響民眾高出開放預防懷疑輸入個案引起選擇對接儘快已不</t>
  </si>
  <si>
    <t>香港新冠肺炎流感疫苗新冠疫苗何栢良</t>
  </si>
  <si>
    <t>流感疫苗肺炎疫苗香港何柏良</t>
  </si>
  <si>
    <t>案例確診新增國史國內</t>
  </si>
  <si>
    <t>台灣新冠肺炎COVID-19疫情不斷升溫今天新增2例為國內累積第27例第28例為北部 80多歲男性和其50多歲的兒子父子兩人都沒有旅遊史但其最小的兒子因工作頻繁往返大陸過年期間也曾和有大陸旅遊史的人有聚餐</t>
  </si>
  <si>
    <t>兒子旅遊大陸covid-疫情不斷升溫今天肺炎父子新增過年往返頻繁最小工作北部男性期間曾和沒有國內累積</t>
  </si>
  <si>
    <t>台灣新冠肺炎COVID-19疫情不斷升溫今天新增2例為國內累積第27例第28例為北部 80多歲男性和其50多歲的兒子父子兩人都沒有旅遊史但其最小的兒子因工作頻繁往返大陸過年期間也曾和有大陸旅遊史的人有聚餐。指揮中心定調這對父子檔為國內第三起「零星社區感染」。
指揮中心專家諮詢小組召集人張上淳表示第27例的80多歲男性因為年事已高加上具高血壓、糖尿病等慢性病之洗腎病人情況嚴重目前還在加護病房密切照顧中。而其小兒子因密切往返大陸目前有呼吸道症狀住院隔離中。
指揮中心表示案27於2月6日出現咳嗽、流鼻水等症狀9日因發燒、診斷為肺炎而收治單人病房治療16日出現呼吸急促情形轉至加護病房20日由於懷疑結核病轉負壓隔離病房並於21日通報COVID-19並採檢送驗於今日確診。
而案28曾於1月31日出現發燒、流鼻水及喉嚨痛等症狀2月4日至門診就醫8日因持續發燒至急診就醫被診斷為肺炎後返家自主健康管理並於11及18日2次回診21日通報並隔離採檢亦於今日確診COVID-19(新冠肺炎)陽性。
指揮中心張上淳表示由於案28與案27白天同住研判為密切接觸者傳染為一起家庭群聚。
指揮中心初步匡列案27之醫院工作人員接觸者115人已採檢40人將持續調查、追蹤、採檢及隔離。目前調查發現案27之小兒子因工作關係頻繁往返中國大陸地區最後一次為108年12月2日自廣州返台且過年期間亦曾與具中國旅遊史之友人聚餐感染源釐清中。指揮中心將針對個案發病14天前之活動史與可能暴露者持續進行回溯追蹤調查。
莊人祥表示案27包含這對父子、還有其妻與小兒子再加上其他同住家人共有9人會陸續採檢。
陳時中表示24例追查中而這案是昨天晚上才發生已經追查中並重申「這是很局限一個家庭內的傳染」。
而案24的感染源不明引發諸多爭議中央流行疫情指揮中心今天表示目前有關案24的密切接觸者共掌握533人目前已採檢194人維持2人確診陽姓的個案另173人為陰性其餘皆檢驗中。</t>
  </si>
  <si>
    <t>中心指揮表示目前兒子肺炎父子大陸病房感染持續症狀旅遊covid-隔離出現確診往返發燒</t>
  </si>
  <si>
    <t>直播記者會新冠肺炎武漢肺炎新型冠狀病毒</t>
  </si>
  <si>
    <t>肺炎武漢記者會冠狀直播病毒</t>
  </si>
  <si>
    <t>說法免疫人民群體極不李蘭娟責任</t>
  </si>
  <si>
    <t>大陸國家衛健委高級別專家組成員、中國工程院院士李蘭娟表示有些國家提出所謂「「群體免疫」的觀點這是對老百姓極不負責任的做法。大陸疫情已經趨緩如果到3月20日前後武漢新增病例如果歸零再過2周後就可</t>
  </si>
  <si>
    <t>國家大陸病例新增武漢日前歸零已經疫情成員做法專家組責任老百姓觀點高級別極不中國工程院院士李蘭娟免疫群體表示所謂</t>
  </si>
  <si>
    <t>大陸國家衛健委高級別專家組成員、中國工程院院士李蘭娟表示有些國家提出所謂「「群體免疫」的觀點這是對老百姓極不負責任的做法。大陸疫情已經趨緩如果到3月20日前後武漢新增病例如果歸零再過2周後就可以恢復正常生活與生產秩序。
在大陸極負盛名的傳染病學家李蘭娟接受《中新網》訪問時表示一些國家面對新冠肺炎疫情提出的「群體免疫」觀點是對老百姓不負責任的做法。中國大陸抗擊新冠肺炎疫情的經驗和教訓值得其他國家學習和借鑒。
對於武漢疫情何時能結束李蘭娟表示到3月20日前後武漢新發感染病例若為零再觀察大約兩周後可以恢復到正常的生產生活秩序中。
英國首相強生曾公開表示如果有6至7成的民眾染病就能有大量的民眾獲得抗體並因而形成「群體免疫」現象。不過這種說法被批評為英國政府打算放任民眾染病的政策遭到普遍的批評。</t>
  </si>
  <si>
    <t>表示疫情國家大陸李蘭娟武漢民眾免疫群體生活可以周後染病做法批評病例日前肺炎提出老百姓觀點</t>
  </si>
  <si>
    <t>保處心急如焚新北溫馨接送愛犬確診就醫</t>
  </si>
  <si>
    <t>新北市板橋區一名新冠肺炎確診者陳小姐因共居的的柯基犬「仔仔」罹癌急需就醫但她因被隔離無法帶愛犬出門就醫致電新北市動保處求助動保處隨即派員接送仔仔就醫再將牠安全送回解決目前居家隔離陳小姐的困擾</t>
  </si>
  <si>
    <t>就醫隔離新北保處居家陳小姐確診肺炎解決目前送回安全仔仔派員接送出門致電共居柯基</t>
  </si>
  <si>
    <t>新北市板橋區一名新冠肺炎確診者陳小姐因共居的的柯基犬「仔仔」罹癌急需就醫但她因被隔離無法帶愛犬出門就醫致電新北市動保處求助動保處隨即派員接送仔仔就醫再將牠安全送回解決目前居家隔離陳小姐的困擾。
陳小姐向動保處表示14歲的仔仔今年1月底突然罹患鼻腔腫瘤從一開始口服止痛藥至今需使用高劑量嗎啡貼片才能止住疼痛她因居家隔離無法出門帶仔仔去動物醫院就醫心中非常著急眼看仔仔因疼痛而食慾不振、精神鬱悶非常心疼她曾詢問動物醫院可否幫忙郵寄嗎啡貼片但由於嗎啡是第二級管制藥品無法郵寄她因此向動保處尋求幫助。
動保處獲報後隨即前往陳小姐家中人員作好全身防護措施使用安全無害消毒劑先將將仔仔進行全面皮毛消毒再運送到指定動物醫院看診由獸醫師幫仔仔貼上嗎啡貼片再將仔仔安全送回家讓陳小姐萬分感謝。
動保處表示疫情期間確診者被隔離寵物無親友代為照料如有安置或就醫需求可撥打1999通報動保處協助呼籲在防疫期間碰觸寵物前後仍需落實手部衛生、避免有親密接觸攜帶寵物外出返家也應清潔腳部或洗澡避免沾染病原帶回家做好防疫措施共同保護家人與毛寶貝！</t>
  </si>
  <si>
    <t>仔仔就醫保處隔離寵物陳小姐動物醫院嗎啡安全貼片無法避免措施防疫使用疼痛確診非常居家郵寄期間隨即表示</t>
  </si>
  <si>
    <t>仔仔鼻腔腫瘤動保處新北嗎啡</t>
  </si>
  <si>
    <t>保處腫瘤新北鼻腔仔仔嗎啡</t>
  </si>
  <si>
    <t>觀光慘兮兮縣長親自延期拉客花火節</t>
  </si>
  <si>
    <t>新冠肺炎疫情嚴重衝擊澎湖觀光遊客量減半、住房率暴跌澎湖縣政府振衰起敝搶救觀光祭出旅館業房屋稅調降等優惠縣長賴峰偉更信心喊話「現在遊澎湖正好」。即將邁入澎湖觀光旺季怎料新冠肺炎席捲而來打落穀</t>
  </si>
  <si>
    <t>觀光肺炎優惠縣長賴峰偉信心房屋喊話現在旅館業祭出遊澎搶救縣政府暴跌旺季嚴重衝擊</t>
  </si>
  <si>
    <t>新冠肺炎疫情嚴重衝擊澎湖觀光遊客量減半、住房率暴跌澎湖縣政府振衰起敝搶救觀光祭出旅館業房屋稅調降等優惠縣長賴峰偉更信心喊話「現在遊澎湖正好」。
即將邁入澎湖觀光旺季怎料新冠肺炎席捲而來打落穀底尤其日前縣府公佈今年海上花火節延期地方旅遊產業雪上加霜慘兮兮。
連日來澎湖交通運輸業、旅行業、旅宿業、觀光遊樂業、特產店、餐廳等退團、退訂電話接不停短短兩個月內遊樂乏人問津、住房率暴跌就連航空班機也無預警臨時取消。
縣府將邀集地方各界業者召開觀光發展推動委員會集思廣益展開救觀光大作戰協助申請紓困補助、爭取國旅力挺、調降旅館業房屋稅、強化文旅年觀光新亮點等。
縣長賴峰偉親上火線化身代言人宣傳澎湖觀光大聲拉客現在遊澎湖正好雖然花火節無奈延期但既定行程澎湖遊客們先別急退單澎湖氣候宜人好舒服、生猛海鮮好口福、風光明媚好景致一定邀請您跨海澎湖來作客。
縣府指出花火節延期勢必影響澎湖觀光面對全台各地大型活動臨時喊卡澎湖業者多次建議逆向操作花火節如期舉行縣府再三考量仍不敢絲毫疏失守護澎湖這片淨土。</t>
  </si>
  <si>
    <t>觀光縣府延期地方業者縣長賴峰偉暴跌花火節遊澎住房現在旅館業肺炎房屋退訂電話紓困</t>
  </si>
  <si>
    <t>新冠肺炎新冠肺炎NCP台灣澎湖</t>
  </si>
  <si>
    <t>ncp臺灣肺炎</t>
  </si>
  <si>
    <t>免得感冒視界潘懷宗肺炎健康</t>
  </si>
  <si>
    <t>2020年8月4日美國科學家雜誌記者巴拉努克（Chris Baraniuk）撰寫了一篇健康類文章特別提到最近在世界各地研究新冠肺炎的科學家們一次又一次地發現了一個重複出現的現象。那就是：從未接觸過新冠病毒的健康者血液樣</t>
  </si>
  <si>
    <t>科學家健康記者巴拉chris努克baraniuk撰寫文章現象出現特別重複發現從未提到接觸世界各地最近肺炎研究雜誌病毒美國</t>
  </si>
  <si>
    <t>2020年8月4日美國科學家雜誌記者巴拉努克（Chris Baraniuk）撰寫了一篇健康類文章特別提到最近在世界各地研究新冠肺炎的科學家們一次又一次地發現了一個重複出現的現象。那就是：從未接觸過新冠病毒的健康者血液樣本中竟然有些人已經擁有了對抗新冠病毒的T細胞和抗體這將可以幫助該位健康者在日後罹患新冠肺炎時降低疾病的嚴重程度。科學家於是提出大膽假設認為有些人預先擁有了對抗新冠肺炎的免疫力。如果此項假設正確這種免疫力就可以使數千人從新冠肺炎死亡威脅中被拯救出來。
2020年7月29日《自然》雜誌德國的一組科學家在68位完全沒有接觸過新冠病毒的健康人血液樣本裡發現其中24人(35%)的血液中存在有少量的T細胞會和新冠病毒表面的刺突蛋白（Spike）結合這表明他們體內存在著新冠病毒的免疫抵抗力。但為什麼預先就會有免疫力呢？一個可能的解釋是這些人在最近被另一個非常類似的冠狀病毒感染過由於可能只是一個普通感冒而已因此並未注意到。論文作者柏林市夏裡特醫學院的免疫學蒂爾教授(Andreas Thiel)提到幾十年來冠狀病毒遍及世界各地通常只會引起人類輕度的感染與不舒服像是新冠肺炎或是SARS這種非常嚴重的疾病還是比較少見。儘管這些普通的冠狀病毒與新冠病毒並不一樣但縱使相似度低也足以使某些人的免疫系統發生交叉反應這是一個可能發生的事情。
稍早2020年7月15日杜克-國大醫學院 (Duke-NUS Medical School)的免疫學家勒伯特教授(Nina Le Bert)在《自然》雜誌上也同樣發現17年前曾感染SARS病毒的23位元康復者以及從未感染過SARS或新冠病毒的37位元健康者竟然都擁有可以對抗新冠肺炎的兩種免疫T細胞CD4 +輔助型T細胞和CD8 +殺手型T細胞。從新加坡科學家的這項發現和上述德國蒂爾教授的發現以及更多沒有在這裡提到的其他研究成果在在顯示某些人類早已預先存在著新冠肺炎的免疫抵抗力。
2020年8月4日在《科學》雜誌上的一項研究更進一步發現25個健康人在新冠肺炎大流行之前留下的血液樣本中存在可以對抗新冠病毒的T細胞且主要是和病毒之間有著142個特定的結合點(epitopes)。因此大大的支持了以前只要接觸過類似的冠狀病毒就可能會讓我們的免疫系統擁有對下一個新型冠狀病毒的交叉免疫力。當然勒伯特教授說要100%確定這些預先存在的T細胞是否真的對新冠肺炎具有保護作用也就是說拿出直接證據是比較困難的因為您需要在感染前後對同一個人進行觀察研究。再加上具有交叉性的免疫力也不意味著人們絕對不會受到感染他們可能仍會出現輕微的症狀。
德國蒂爾教授指出這些預先存在的T細胞會不會甚至產生相反的結果最終傷害到患者也未可知。例如當某人經歷過度的炎症或無法清除病毒時(細胞激素風暴)特別是在老年人中如果此時具有這種交叉反應性T細胞可能是不好的。
另外預先存在的免疫抵抗力可能不僅限於T細胞。2020年 7月23日發表在medRxiv上的預印本的論文就提到新冠肺炎在英國廣泛傳播之前(2018年至2020年初)因為其他目的預先留存的英國人血液樣本中就發現了新冠肺炎的抗體。論文作者不僅發現從未患過新冠肺炎的262人中有15個人(57%)具有可以和新冠病毒反應的IgG抗體而且進一步的測試表明這些抗體對新冠病毒具有中和抵抗作用。最驚人的發現之一是這些抗體在1至16歲的孩童血液中更為普遍。實際上有60％的孩童具有中和性IgG抗體比具有相同抗體的成年人比例高出一個數量級(約10倍)。論文作者英國倫敦市法蘭西斯·克裡克研究所(the Francis Crick Institute)的免疫學家比爾教授（Rupert Beale）在推特上說道小孩子通常是會比較頻繁地碰觸到其他冠狀病毒例如引起普通感冒的那些所以可以解釋這個現象。
值得注意的是雖然比爾教授的研究小組在一些受試者中檢測到IgG中和抗體但德國蒂爾教授及其同事的研究中並沒有類似的發現。而中和抗體的存在並不能保證這些兒童對新冠肺炎免疫但確實也提供了一種可能的解釋即兒童為什麼通常在感染該疾病時都會出現較輕的症狀。
英國曼徹斯特大學的免疫學家克魯克申克教授(Sheena Cruickshank)通過電子郵件說未暴露於新冠狀病毒的健康個體並未測到另一種類型的抗體即IgA這可能意味著任何先前存在的免疫保護力都受到限制。她補充說另一大警告是人們對普通感冒病毒的免疫力不被認為對人們而言是持久的無論其年齡如何因此保護作用的持久性是值得注意的一項議題。
在新加坡勒伯特教授的研究中患者似乎保留了T細胞免疫抵抗力近二十年。她和她的同事在他們的論文中寫道這對於疫苗研究者是一大鼓舞因為這證明瞭通過某些疫苗獲得的免疫力是有可能持續數月或數年之久的大家可以預期有效疫苗的上市真的是安定民心。(作者為陽明大學醫學院教授佛光大學講座教授)</t>
  </si>
  <si>
    <t>病毒肺炎教授可能細胞抗體存在發現免疫可以研究預先具有免疫力論文冠狀感染健康科學家</t>
  </si>
  <si>
    <t>新冠肺炎細胞感冒新冠病毒抗體</t>
  </si>
  <si>
    <t>感冒細胞病毒肺炎抗體</t>
  </si>
  <si>
    <t>透露士兵病毒蹤跡軍艦</t>
  </si>
  <si>
    <t>台灣每3人就有1人鼻子過敏！現在正值好發季節日前有一位居家檢疫者誤以為流鼻水是鼻過敏症狀而不以為意後來擴大採檢之後才發現感染新冠病毒近來的敦睦艦隊群聚感染事件中也有士兵誤以為是過敏性鼻炎發作而到</t>
  </si>
  <si>
    <t>感染誤以為過敏正值現在擴大季節後來日前不以為意士兵之後居家發現病毒敦睦檢疫艦隊</t>
  </si>
  <si>
    <t>台灣每3人就有1人鼻子過敏！現在正值好發季節日前有一位居家檢疫者誤以為流鼻水是鼻過敏症狀而不以為意後來擴大採檢之後才發現感染新冠病毒近來的敦睦艦隊群聚感染事件中也有士兵誤以為是過敏性鼻炎發作而到診所就醫後來檢驗同樣發現確診新冠肺炎。這些案例接二連三爆發也讓民眾紛紛疑惑到底如何分辨畢竟台灣的鼻過敏患者人數眾多、老少皆有。
「坦白說真的很難分辨！」亞東醫院耳鼻喉科醫師溫明勳說流鼻水、鼻塞是鼻過敏、新冠肺炎共有的症狀就連專業醫師第一時間也難以判斷但正因如此所以過敏族更應積極控制病況才能避免與新冠肺炎混淆。
「現在正是鼻子過敏的好發季節所以難怪那位患者會誤認。」鄒瑋倫中醫師說想要分辨到底是鼻過敏或新冠肺炎其實從「舌相」便可以明顯看出差別「鼻過敏患者的舌頭通常會胖胖的、舌苔會略白；新冠肺炎患者的舌頭則呈現赤紅色有些類似豬肝的顏色同時舌苔非常厚彷彿可以刮下來一般。」
鄒瑋倫說如果是單純的感冒舌頭形狀正常但是舌苔會顯得又黃又白而靠近舌根的地方會再黃一點。另外問診時也會詢問咳嗽、鼻涕的持續時間一般感冒大約七天會好若是鼻過敏就可能長期都有症狀。</t>
  </si>
  <si>
    <t>過敏肺炎患者舌苔分辨舌頭後來可以一般醫師感冒感染鄒瑋倫發現誤以為到底季節現在</t>
  </si>
  <si>
    <t>鼻過敏新冠肺炎症狀舌頭舌苔</t>
  </si>
  <si>
    <t>肺炎症狀舌頭過敏舌苔</t>
  </si>
  <si>
    <t>出入單獨住家鄰居研究員匡列確診</t>
  </si>
  <si>
    <t>台灣本土連續34天零確診昨破功北市南港中研院P3實驗室一名家住新北市的女研究員在試驗中不慎染疫確診各界關心是否可能比照過去板橋社區封樓新北市衛生局長陳潤秋表示女研究員住處是單獨進出門戶目前匡列</t>
  </si>
  <si>
    <t>研究員確診新北單獨住處北市表示中研院進出關心是否可能比照實驗室衛生局長過去家住板橋社區</t>
  </si>
  <si>
    <t>台灣本土連續34天零確診昨破功北市南港中研院P3實驗室一名家住新北市的女研究員在試驗中不慎染疫確診各界關心是否可能比照過去板橋社區封樓新北市衛生局長陳潤秋表示女研究員住處是單獨進出門戶目前匡列同住1名男性友人且PCR陰性其他家人在外縣市沒有鄰居被匡列。
陳潤秋說女研究員主要活動地點在新北市汐止與臺北南港侯友宜也說女研究員生活單純其他家人在其他縣市 。
到底女研究員怎麼感染陳潤秋說這部分跟昨天一樣主要是實驗中間有被污染到那段時間該實驗室用Delta變異株初判是Delta後續要等感染者基因定序才能確認。</t>
  </si>
  <si>
    <t>研究員新北確診實驗室匡列delta家人基因感染者後續北市時間關心是否可能中研院</t>
  </si>
  <si>
    <t>新冠肺炎台灣研究員匡列陳潤秋</t>
  </si>
  <si>
    <t>臺灣研究員肺炎匡列陳潤秋</t>
  </si>
  <si>
    <t>詹皇少nba損失好慘</t>
  </si>
  <si>
    <t>難怪湖人球星「小皇帝」詹姆斯那麼希望NBA趕緊找出復賽方案了！根據《看臺報告》3日報導假如NBA本季剩下例行賽全部因為新冠肺炎疫情取消詹皇不只每場比賽少了40萬美元(約台幣1201萬元)甚至還要把領到的錢退給</t>
  </si>
  <si>
    <t>nba甚至台幣皇帝詹姆斯比賽詹皇希望取消疫情肺炎趕緊球星方案例行剩下複賽看臺報導</t>
  </si>
  <si>
    <t>難怪湖人球星「小皇帝」詹姆斯那麼希望NBA趕緊找出復賽方案了！根據《看臺報告》3日報導假如NBA本季剩下例行賽全部因為新冠肺炎疫情取消詹皇不只每場比賽少了40萬美元(約台幣1201萬元)甚至還要把領到的錢退給湖人。
詹姆斯2018年夏天跟湖人簽下4年154億美元合約他在本季可領3744萬美元根據勞資協議不可抗拒條款球員每缺席1場比賽將損失約11％薪水等於詹皇每場損失40萬美元目前湖人還有19場沒打讓他將損失約760萬美元。
更讓詹姆斯頭痛的是美國時間4月1日是NBA球員發薪日包含他在內的少數球員已經拿走大約9成的年薪假如NBA真的決定取消本季剩餘例行賽(目前看來很有可能這麼做)詹皇不得不把多領的薪水退還給湖人等於到手的錢又飛了。
目前NBA復賽規劃屢屢受阻最可能成真的計畫就是取消全部例行賽把季後賽移到拉斯維加斯關門進行且不會進行以往的7戰4勝制系列戰而是集中晉級季後賽的16支球隊舉辦單淘汰賽制可是這種一戰定生死賽制恐怕也會遭到反對。</t>
  </si>
  <si>
    <t>nba取消詹姆斯詹皇目前例行球員損失可能季後複賽比賽薪水等於進行恐怕</t>
  </si>
  <si>
    <t>NBA詹姆斯年薪湖人例行賽</t>
  </si>
  <si>
    <t>年薪例行詹姆斯nba</t>
  </si>
  <si>
    <t>死亡az疫苗莫德納接種高端各</t>
  </si>
  <si>
    <t>中央流行疫情指揮中心今天公佈最新疫苗接種後不良事件通報昨日共新增9件接種疫苗後的死亡個案其中有7例接種AZ、1例接種莫德納、1例接種高端目前全國累積817例接種疫苗後死亡個案仍以接種AZ疫苗後死亡的個案</t>
  </si>
  <si>
    <t>接種疫苗中心az今天死亡公佈最新指揮不良昨日事件個案新增疫情累積通報高端目前全國流行仍以莫德納中央</t>
  </si>
  <si>
    <t>中央流行疫情指揮中心今天公佈最新疫苗接種後不良事件通報昨日共新增9件接種疫苗後的死亡個案其中有7例接種AZ、1例接種莫德納、1例接種高端目前全國累積817例接種疫苗後死亡個案仍以接種AZ疫苗後死亡的個案最多。
國人相當關注的高端疫苗目前共施打出75萬劑根據指揮中心統計截至昨日共累計18例接種後死亡個案昨天新增的1例死亡為53歲男性在8月23日接種高端因本身有腎結石、高血壓、心臟病、糖尿病史等9月3日出現心臟不適到醫院就醫自述心臟功能變差且雙腳出現嚴重水腫隨後更是無法下床於9月23日死亡。
除高端疫苗外指揮中心表示昨天也有七例接種AZ疫苗後死亡的個案年齡介在56歲至92歲間另有一例莫德納疫苗接種後死亡的不良事件死者年齡為68歲。
指揮中心表示截至9月22日為止國內接種疫苗後死亡的個案中有333人本身就有血管相關疾病273人有代謝及營養疾病209人有神經系統相關疾病207例有心臟疾病。</t>
  </si>
  <si>
    <t>疫苗死亡接種指揮中心高端心臟個案出現年齡表示截至昨日目前昨天事件新增疾病不良相關莫德納自述功能</t>
  </si>
  <si>
    <t>接種疫苗死亡AZ高端</t>
  </si>
  <si>
    <t>接種高端az死亡疫苗</t>
  </si>
  <si>
    <t>沈富雄作戰拆穿時中疫苗</t>
  </si>
  <si>
    <t>全球新冠疫情略有緩和趨勢各國為解決邊境開放後的安全疑慮問題聚焦「疫苗護照」概念如何實施。沈富雄昨(19日)在政論節目中反問衛福部長陳時中等到全球多國邊境啟封、拿疫苗護照要來台灣的時候「那你還固守目</t>
  </si>
  <si>
    <t>邊境護照疫苗全球臺灣要來緩和略有趨勢解決節目反問政論衛福部長開放陳時中沈富雄等到實施概念安全問題聚焦多國</t>
  </si>
  <si>
    <t>全球新冠疫情略有緩和趨勢各國為解決邊境開放後的安全疑慮問題聚焦「疫苗護照」概念如何實施。沈富雄昨(19日)在政論節目中反問衛福部長陳時中等到全球多國邊境啟封、拿疫苗護照要來台灣的時候「那你還固守目前的方法嗎？」 一句話直言這是陳現在頭最大的地方。
有關我國施打AZ疫苗問題陳時中對外界許多提問常都搞神祕、未提供確切答案。前民進黨立委沈富雄昨(19日)在政論節目《少康戰情室》中提到陳時中現在要想的是醫護人員願意施打疫苗的不到四成將來我們的基本防護力要有六到七成之間那我們沒人得病要全靠打疫苗可是現在全球每一個先進國家他們其實國境啟封的條件都很寬鬆等到大家都啟封了、拿疫苗護照要來台灣的時候那陳時中還固守目前的方法嗎？「我覺得這是他現在頭最大的地方」。
另外國民黨立法院黨團日前提出設立疫苗採購調閱專案小組的臨時提案並突襲通過行政院長蘇貞昌卻對此表示買疫苗都有簽保密契約不論什麼政黨都要以保護國人健康為先呼籲不要因違反保密規定而買不到疫苗。
關於蘇貞昌這一席話沈富雄表示「我也搞不懂他說的話為什麼這麼神秘兮兮這些機密到底洩漏之後會影響到已經定案、採購完成的那些交貨？為什麼呢？實在搞不懂不需要這樣神秘兮兮的。」</t>
  </si>
  <si>
    <t>疫苗現在陳時中全球沈富雄採購邊境護照啟封問題搞不懂保密施打蘇貞昌表示等到固守地方政論</t>
  </si>
  <si>
    <t>沈富雄陳時中疫苗護照疫苗蘇貞昌</t>
  </si>
  <si>
    <t>疫苗陳時中護照沈富雄蘇貞昌</t>
  </si>
  <si>
    <t>水氣運動加重負擔病毒口罩入侵</t>
  </si>
  <si>
    <t>新冠肺炎不僅威脅國人生命健康安全也影響著每個人的生活習慣在台灣戶外空間也需配戴口罩的情況下醫師呼籲切勿戴著口罩運動以免發生危險。●戴口罩運動易加重負擔　不論有氧或靜態都不宜！胸腔內科/重症醫學黃</t>
  </si>
  <si>
    <t>口罩運動胸腔國人不宜生命靜態健康安全有氧加重負擔內科影響威脅戴著臺灣戶外醫師空間情況配戴</t>
  </si>
  <si>
    <t>新冠肺炎不僅威脅國人生命健康安全也影響著每個人的生活習慣在台灣戶外空間也需配戴口罩的情況下醫師呼籲切勿戴著口罩運動以免發生危險。
●戴口罩運動易加重負擔　不論有氧或靜態都不宜！
胸腔內科/重症醫學黃軒醫師表示不論是快跑、慢跑、騎車運動、爬山或是瑜珈、筋骨身展等靜態活動或是有氧運動都不應戴口罩執行。
●戴口罩運動２大問題：恐加重負擔、口罩失效！
黃軒醫師表示外科口罩會增加吸吐氣的阻力研究推測與口罩已成濕布有關此時肺部需耗費更大的力氣運作容易耗損體力配戴者就連走路都會感覺氣喘吁吁。
而N95口罩會減低氧氣濃度32%增加二氧化碳89%在一開始運動時就容易滯留二氧化碳且容易超標這也使得身體需做出代償增加新陳代謝這也增加體力消耗很大的負擔。而有氣喘等慢性肺病或心臟病等心肺功能不佳者更是要注意絕對避免。
另一方面運動在正常情況下是一定會流汗的流汗便會使得口罩浸濕會失去阻擋病毒飛沫傳染的功能病菌也就可能隨著水氣進入口罩失去防護力。
●防疫兼顧體能在家運動最妥當！
黃軒醫師提醒要做好防疫又得維持生活健康在現在防疫當前人人室內外都得配戴口罩的情況下最好的方式就是在家運動如此不僅能夠在家防疫也可以做到有氧運動且一般情況下無需配戴口罩。若要在外運動應時時注意防疫並配戴好口罩運動建議以散步、漫步的方式進行其它的應全面避免以免危及生命安全發生憾事。</t>
  </si>
  <si>
    <t>口罩運動防疫醫師增加情況配戴黃軒容易健康功能避免有氧運動靜態體力失去方式注意</t>
  </si>
  <si>
    <t>今健康新冠肺炎台灣運動口罩</t>
  </si>
  <si>
    <t>肺炎臺灣健康運動口罩</t>
  </si>
  <si>
    <t>陳時中挨批衛福部道歉時間紓困改正擴大</t>
  </si>
  <si>
    <t>行政院長蘇貞昌今下午舉行紓困振興記者會首先對於紓困亂象道歉並要求衛福部簡化流程由中央負責審查基層免責。衛福部長陳時中表示防疫與福利本來就是衛福部重要的一環擴大紓困方案有缺失沒注意到造成困</t>
  </si>
  <si>
    <t>紓困衛福部舉行缺失方案擴大亂象注意道歉衛福部長免責陳時中基層表示審查防疫要求重要下午簡化負責福利流程中央</t>
  </si>
  <si>
    <t>行政院長蘇貞昌今下午舉行紓困振興記者會首先對於紓困亂象道歉並要求衛福部簡化流程由中央負責審查基層免責。衛福部長陳時中表示防疫與福利本來就是衛福部重要的一環擴大紓困方案有缺失沒注意到造成困擾很抱歉但也請大家給他們一點時間改正努力把事情做好。
針對行政院擴大紓困亂象外界把矛頭指向行政院與衛福部蘇貞昌今下午與陳時中親上火回應陳時中說衛福部本來除了衛生方面的事務外照顧弱勢福利也是應該做的事情名單內低收或中低收或急難救助對象有些相同或不同名單整理審核造成很大困擾。
陳時中說衛福部執行擴大紓困方案沒有注意到相關細節造成程式上帶給基層人員很大的困擾對此要向他們說聲辛苦了也對社會大眾感到困擾說聲抱歉請大家都給他們一點時間讓他們改正問題把事情做好。</t>
  </si>
  <si>
    <t>衛福部紓困困擾擴大造成陳時中名單事情福利亂象本來行政院下午方案注意抱歉時間蘇貞昌改正審查</t>
  </si>
  <si>
    <t>衛福部陳時中擴大紓困困擾新冠肺炎</t>
  </si>
  <si>
    <t>困擾紓困擴大陳時中衛福部肺炎</t>
  </si>
  <si>
    <t>疫苗包正豪高端推測管署最後結局</t>
  </si>
  <si>
    <t>台灣疫情爆發目前台灣最需要的是疫苗。但是外傳有人在阻擋購買國際大廠疫苗甚至不讓民間自購是為了炒股。如今衛福部疾管署已與高端及聯亞兩家國產疫苗廠簽約各採購500萬劑。淡江大學全球發展學院院長包正豪</t>
  </si>
  <si>
    <t>疫苗發展全球淡江大學採購需要簽約學院院長外傳管署高端大廠衛福部如今炒股甚至不讓民間臺灣阻擋國際</t>
  </si>
  <si>
    <t>台灣疫情爆發目前台灣最需要的是疫苗。但是外傳有人在阻擋購買國際大廠疫苗甚至不讓民間自購是為了炒股。如今衛福部疾管署已與高端及聯亞兩家國產疫苗廠簽約各採購500萬劑。淡江大學全球發展學院院長包正豪表示「我OK你先打」。他推測高端疫苗解盲「一定」會過關以及不需要做三期試驗並有緊急授權。
衛福部疾管署已在28日與高端、聯亞兩家國產疫苗廠簽約每家各採購500萬劑含開口合約最多各採購1000萬劑。中央採購國產疫苗數量最多可達2000萬劑。不過高端疫苗目前僅完成二期臨床試驗尚未取得台灣緊急使用授權（EUA）。高端預計6月初、聯亞6月中送交檢體最快6月底提出申請緊急授權。高端則表示依採購機關要求合約其他細節不予公開。
包正豪30日在臉書貼文表示「我OK你先打」根本就是已經簽約要買了如果他假設高端疫苗解盲「一定」會過關以及不需要做三期試驗並有緊急授權也是合理的推測。
包正豪接著表示政府對高端真好不知道如果從現在開始監聽監控高端經營階層和大股東們的通訊和相關金流最終我們會得到什麼樣的內幕？當然這時候政府肯定不會做違反人權的事情。
有網友在底下貼了一張高端股市圖包正豪回應網友說「看起來現在追的話就是被人當韭菜了還好我窮。」也有網友表示「明天週一開市」、「促轉會還不趕緊介入喔？」</t>
  </si>
  <si>
    <t>高端疫苗表示授權網友緊急採購簽約需要現在試驗臺灣推測目前政府合約</t>
  </si>
  <si>
    <t>包正豪高端高端疫苗新冠肺炎台灣</t>
  </si>
  <si>
    <t>疫苗高端肺炎臺灣包正豪</t>
  </si>
  <si>
    <t>年齡確診衝擊本土要來</t>
  </si>
  <si>
    <t>台灣本土個案狂炸已連續6天單日破百例臺北市立聯合醫院陽明院區胸腔內科主治醫師蘇一峰在臉書分享確診者的年齡統計表指出這波感染者中60歲以上的人佔了三分之一由於老年人重症比率較高因此我國新冠重症</t>
  </si>
  <si>
    <t>重症連續破百比率臺北市立聯合醫院老年人陽明分之一院區胸腔內科以上主治醫師蘇一峰感染者指出分享統計表確診</t>
  </si>
  <si>
    <t>台灣本土個案狂炸已連續6天單日破百例臺北市立聯合醫院陽明院區胸腔內科主治醫師蘇一峰在臉書分享確診者的年齡統計表指出這波感染者中60歲以上的人佔了三分之一由於老年人重症比率較高因此我國新冠重症率恐因此增加「醫療量能衝擊要來了！」
蘇一峰昨晚在臉書PO出一張近日確診患者的年齡統計表直呼台灣這波疫情的感染者中60歲以上的患者比例佔了三分之一重症的比率也因此會增加因為老年人更容易產生重症醫療量能的衝擊要來了！
從統計表中可見5月15日至5月20日期間共有1512名確診個案其中9歲以下確診者29人、10至19歲共36人、20至39歲共225人、40至59歲共628人、60歲以上者佔了584人。
不少網友看完嚇歪表示年長者真的不愛戴口罩「老人家很愛脫口罩、不戴口罩耳根子又硬但非常時期為了延長壽命請戴口罩啊！」也有網友分享自身經歷表示在路上騎車看見一位阿伯沒有戴口罩善意上前提醒對方結果反而被嗆。</t>
  </si>
  <si>
    <t>口罩重症確診統計表表示網友分享患者增加個案蘇一峰老年人年齡以上臺灣感染者比率要來衝擊</t>
  </si>
  <si>
    <t>醫療量能新冠肺炎台灣年長者確診</t>
  </si>
  <si>
    <t>肺炎臺灣年長者確診醫療</t>
  </si>
  <si>
    <t>《業績-百貨》全家2月營收月減1294％年增617％</t>
  </si>
  <si>
    <t>全家百貨業績</t>
  </si>
  <si>
    <t>全家便利商店(5903)2月合併營收為6094億元月減1294%年增617%由於進入3月抹茶季相關新品上市將成為話題重點且鮮食冷凍新品、母親節預購展開下的網購冷凍食品、防疫概念日用品主題行銷活動、疫情商機下的</t>
  </si>
  <si>
    <t>新品冷凍主題行銷日用品相關概念防疫上市食品成為話題重點預購母親節進入合併</t>
  </si>
  <si>
    <t>全家便利商店(5903)2月合併營收為6094億元月減1294%年增617%由於進入3月抹茶季相關新品上市將成為話題重點且鮮食冷凍新品、母親節預購展開下的網購冷凍食品、防疫概念日用品主題行銷活動、疫情商機下的EC網購趨勢向上可望成為推升營收成長動能。
雖2月受到新冠肺炎影響致使全家便利商店2月合併營收較1月下滑但受惠於店數、EC件數、以及鮮食業績三成長仍是維持較去年同月成長趨勢；累計前2月合併營收為13093億元年成長888%。
就產品別來看2月鮮食成長7%在開工、情人節、二二八連假的連番優惠活動以及草莓季相關話題新品上市下帶動現煮飲料成長超過15%霜淇淋年增超過20%；而健康環保概念素材如植物肉、超級大麥的創新運用適逢疫情下消費者自主健康管理意識提升致調理麵、沙拉等品類亦成長近10%；生鮮冷凍的鮮食品類也在疫情引發在家簡單煮的消費行為轉變下成長近40%；至於一般商品中因疫情所帶動的成長品類也主要與內食需求提升、補充身體營養、維持家中基本生活物資等有關包含罐頭食品、保健飲品、衛生紙濕紙巾等日用品、大包裝點心零食等。
截至109年2月29日止全家便利商店總店舖數達3606家。
展望3月全家表示時序進入春暖花開抹茶季相關新品上市將成為話題重點；同步鮮食冷凍新品、母親節預購展開下的網購冷凍食品、防疫概念日用品主題行銷活動、疫情商機下的EC網購趨勢向上將成為驅動營收成長的動能。</t>
  </si>
  <si>
    <t>成長疫情冷凍全家新品成為日用品趨勢概念健康維持便利商店提升合併ec帶動話題品類</t>
  </si>
  <si>
    <t>全家鮮食網購新品疫情</t>
  </si>
  <si>
    <t>新品疫情全家</t>
  </si>
  <si>
    <t>美國死亡社會國際</t>
  </si>
  <si>
    <t>人數美國死亡平均值門檻悲慘約翰霍普金斯大學跨過首度資料截至以來週二呈報突破再度病毒新增感染病例平均趨於平穩</t>
  </si>
  <si>
    <t>美國人數死亡平均現在病毒減少病例目前增加肺炎人口表示約翰霍普金斯大學仍然數位感染資料</t>
  </si>
  <si>
    <t>數字美國染疫死亡人數新冠病毒</t>
  </si>
  <si>
    <t>死亡人數美國數位病毒</t>
  </si>
  <si>
    <t>超乎想像蘋果重新惡化疫情關閉門市</t>
  </si>
  <si>
    <t>眼看美國新冠肺炎疫情再度惡化蘋果25日又宣佈佛羅裡達州14家先前恢復營業的門市再度關閉自上周以來重新關閉的美國門市已達32家令外界擔心美國疫情惡化速度超乎想像。受到銀行股下跌及耐吉財報拖累美股週五早</t>
  </si>
  <si>
    <t>美國再度惡化疫情門市關閉下跌拖累銀行受到超乎想像速度肺炎宣佈佛羅里達州擔心先前營業恢復蘋果外界</t>
  </si>
  <si>
    <t>眼看美國新冠肺炎疫情再度惡化蘋果25日又宣佈佛羅裡達州14家先前恢復營業的門市再度關閉自上周以來重新關閉的美國門市已達32家令外界擔心美國疫情惡化速度超乎想像。
受到銀行股下跌及耐吉財報拖累美股週五早盤下挫。道瓊工業指數大跌約556點跌幅為217％標普500指數與那斯達克綜合指數跌幅分別為178％與202％。
而隨著美洲疫情尚未達高峰世界衛生組織（WHO）預估全球新冠肺炎確診人數將於下周突破千萬人。
美國疫情經歷3、4月高峰期後稍有趨緩令各州政府近日開始解除封鎖沒想到各地確診病例再度爆增。美國在25日當天一口氣新增39972名確診病例創下單日最高紀錄包括亞利桑那州、佛州、密西西比州及密蘇裡州等地都創下單日最高新增病例。
日前率先解封的德州也在25日宣佈暫停重啟經濟因為當地在22日新增超過6千名確診病例且新冠肺炎病患住院人數已連續13天破紀錄。
蘋果發言人在25日表示：「蘋果門市所在的部分地區疫情惡化因此我們決定暫時關閉這些門市。我們非常謹慎做出這項決定並將密切注意疫情發展希望我們的團隊能盡快回到工作岡位服務顧客。」
回顧今年3月美國疫情爆發初期蘋果便採取超前部署的防疫政策率先關閉全美271家門市。今年5月美國各州陸續解封後蘋果多數門市恢復營業並嚴格實施為顧客量體溫及限制社交距離等防疫措施。
然而蘋果在6月19日突然宣佈亞利桑那州、佛州、北卡羅萊納州、南卡羅萊納州共11家門市再度關閉原因是當地確診病例再度攀升。蘋果在24日宣佈德州關閉7家門市後25日又宣佈橫跨佛州6個縣市共14家門市自26日起關閉。
這一連串的關店消息引起全球關注因為蘋果門市大多開在大型購物中心一直被外界視為美國零售業復甦的參考指標如今蘋果在美國共有32家門市再度關閉意味著蘋果無視地方政府的解封計畫而是優先考量各地疫情最新進展令外界擔心美國疫情惡化速度比政府預期還嚴重。</t>
  </si>
  <si>
    <t>疫情蘋果美國門市關閉再度病例確診宣佈惡化政府解封佛州新增指數肺炎外界顧客防疫全球跌幅率先</t>
  </si>
  <si>
    <t>蘋果家門市美國肺炎門市</t>
  </si>
  <si>
    <t>蘋果肺炎門市美國</t>
  </si>
  <si>
    <t>餐廳delta看到柯文哲取消病毒地球新北毀滅</t>
  </si>
  <si>
    <t>新北市長侯友宜預告一旦幼兒園確診者是Delta病毒將立即取消餐廳內用臺北市長柯文哲7日表示若是遇到Delta病毒會再檢視一遍啟動警戒的標準與定義但不用製造恐慌不要看到1例Delta病毒就地球毀滅別那麼</t>
  </si>
  <si>
    <t>病毒delta一旦幼稚園確診標準預告警戒啟動看到臺北市餐廳柯文哲立即取消表示遇到</t>
  </si>
  <si>
    <t>新北市長侯友宜預告一旦幼兒園確診者是Delta病毒將立即取消餐廳內用臺北市長柯文哲7日表示若是遇到Delta病毒會再檢視一遍啟動警戒的標準與定義但不用製造恐慌不要看到1例Delta病毒就地球毀滅別那麼緊張。
柯文哲今午主持防疫記者會指出北市因應疫情有訂出警戒表格每一級都有啟動的標準再由各局處去做管制措施若是遇到Delta病毒因為傳染力表較強會再檢視一遍啟動與降級標準、要不要改定義但他也認為不用製造恐慌。
他表示像幼兒園染疫來勢洶洶好多人感染但經過今年5月疫情爆發後雙北市在疫調、隔離的速度比以前快太多新常態就是把警戒表格訂好按SOP該怎麼做就怎麼做也不要事先就讓大家很緊張神經線放大條一點但會針對Delta病毒重新檢視一下防疫管製表。
柯文哲說外界關心中秋節烤肉但2周以後的事2周後再問他就好本來就說下週一對外宣佈但2周後的事很難預測不要在群眾當中製造恐慌做政府的有完整準備該怎麼做就怎麼做。
他強調Delta病毒比先前Alpha病毒強很多到底多厲害也不用太恐慌每次遇到問題千萬不要驚慌上網讀一下資料、國外論文報告想清楚再做Delta病毒穿透力、傳染力比較強但不要看到1例Delta病毒就地球毀滅別那麼緊張北市聯合醫院副總院長璩大成指揮一個專業小組市府把問題丟進去把全世界論文調出來整理後擬出政策做政策還是要有科學證據。</t>
  </si>
  <si>
    <t>病毒delta恐慌北市柯文哲遇到警戒緊張製造幼稚園論文問題疫情標準表示</t>
  </si>
  <si>
    <t>Delta病毒柯文哲地球毀滅檢視</t>
  </si>
  <si>
    <t>地球柯文哲毀滅病毒delta</t>
  </si>
  <si>
    <t>注意肺炎新聞考生不易作答生物</t>
  </si>
  <si>
    <t>今年指考生物科一口氣有6題跟新冠肺炎相關創下單一時事出最多題的紀錄！補教老師說今年生物科考得很深、很細比去年難預估頂標81分比去年降1分。補教老師游夏表示過去單一時事頂多出個1、2題但今年新冠</t>
  </si>
  <si>
    <t>今年老師時事單一去年很細一口氣科考生物肺炎創下游夏相關表示過去頂多紀錄</t>
  </si>
  <si>
    <t>今年指考生物科一口氣有6題跟新冠肺炎相關創下單一時事出最多題的紀錄！補教老師說今年生物科考得很深、很細比去年難預估頂標81分比去年降1分。
補教老師游夏表示過去單一時事頂多出個1、2題但今年新冠肺炎一口氣考了6題創了紀錄。今年第14至17題及45至46題均是考新冠肺炎包括病徵、檢測及對肺功能的影響都考到了平時沒有涉獵這個新聞的考生答起來會有點吃力。
游夏表示今年生物科題目敘述不長又清楚但考得很深、很細加上許多題目有陷阱整體來說比去年難作答即使是高手也會失誤。
全國教師會解析第18、19題以杜甫詩「烽火連三月家書抵萬金」來導入神經生理動作電位的原理具有創意；非選擇題由閱讀入題比較動物與人體生理並測驗學生推論的能力很有趣；實驗題僅著重於靜態的玻片觀察和實驗步驟的理解可惜缺乏藉實驗引導探究能力的試題。
全國高級中等學校教育產業工會指出第45題RNA病毒的實驗分析並未在正課內容中涉及雖有超出課綱規範的疑慮但學生可以藉由DNA粗萃取的原理去推論對用功的學生應該不會太難；單選第9題只有翰林版使用Pr／Ptotal的表示方式有偏向特定版本的疑慮應該避免。</t>
  </si>
  <si>
    <t>今年實驗學生表示肺炎原理去年全國題目推論能力疑慮很細應該生物科老師單一紀錄時事</t>
  </si>
  <si>
    <t>今年肺炎實驗新冠肺炎新冠</t>
  </si>
  <si>
    <t>今年肺炎實驗</t>
  </si>
  <si>
    <t>何必藥局關鍵原因到處當然口罩</t>
  </si>
  <si>
    <t>口罩自由買賣後若不追求特殊色民眾其實可在許多地方買到口罩有網友好奇發問現在還會去領實名制口罩嗎？引發熱議釣出許多人喊+1綜合網友的回應發現仍繼續領取的原因是擔心第二波疫情出現因此還不能鬆</t>
  </si>
  <si>
    <t>口罩網友疫情追求擔心特殊原因領取民眾繼續其實發現回應綜合地方引發</t>
  </si>
  <si>
    <t>口罩自由買賣後若不追求特殊色民眾其實可在許多地方買到口罩有網友好奇發問現在還會去領實名制口罩嗎？引發熱議釣出許多人喊+1綜合網友的回應發現仍繼續領取的原因是擔心第二波疫情出現因此還不能鬆懈。
網友在臉書社團《口罩現貨資訊》發文指出現在口罩變得超好買一整包、一整盒的都有在賣但實名制2周9片的口罩仍可以領原PO表示他是還是都會去領畢竟出門全家都還是要戴口罩但好奇大家都還會去領嗎？
貼文也釣出許多準時領「實名制口罩」的網友「時間到就買實名制+1」、「一樣乖乖領」、「還是會用健保卡領」、「還是有在領！買起來放更安心」、「會現在藥局也不用排隊」、「實名制繼續領比較便宜」。
另綜合網友的回應發現即便現在口罩很好買仍有不少人繼續按時領「實名制口罩」的原因是新冠肺炎的疫情尚未結束也不確定台灣是否會有第二波疫情所以還不能鬆懈萬一再度爆發口罩還是很需要因此當然要領以備不時之需。
而中央流行疫情指揮中心也曾在6月底宣佈口罩徵用時間確定將延長至今年的12月底每日定額徵用800萬片口罩。</t>
  </si>
  <si>
    <t>口罩網友現在疫情繼續確定好奇原因時間月底回應發現綜合</t>
  </si>
  <si>
    <t>口罩網友許多實名制口罩藥局</t>
  </si>
  <si>
    <t>網友口罩藥局</t>
  </si>
  <si>
    <t>原因恐怖死亡率症狀缺氧快樂就醫</t>
  </si>
  <si>
    <t>台灣這波疫情爆發至今累計321人死亡其中35人為到院前死亡佔118%中央流行疫情指揮中心醫療應變組副組長羅一鈞表示快樂缺氧通常並無前兆氧氣濃度都很低症狀嚴重時再送醫通常都已經太遲。另外林口長庚</t>
  </si>
  <si>
    <t>通常疫情死亡已經中央流行指揮中心醫療應變組長送醫羅一鈞時再表示快樂缺氧症狀至今爆發氧氣濃度前兆</t>
  </si>
  <si>
    <t>台灣這波疫情爆發至今累計321人死亡其中35人為到院前死亡佔118%中央流行疫情指揮中心醫療應變組副組長羅一鈞表示快樂缺氧通常並無前兆氧氣濃度都很低症狀嚴重時再送醫通常都已經太遲。另外林口長庚醫院兒科急診醫師吳昌騰也分享4個症狀包括胸悶、無法呼吸、呼吸急促達正常呼吸速率的3倍及嘴唇和手指發青。
羅一鈞於昨日記者會上表示從5月11日爆發至今總共有321人死亡當中有35人為到院前死亡佔118%由於新冠肺炎的病程可以變化得很快速有快樂缺氧的情況到院前死亡的案例不少特別是在家中猝死的患者已無法調查死亡前或病程開始後中間曾有出現什麼症狀就專家跟國外的研究仍以快樂缺氧最為可能不論年紀都有可能因此死亡。
羅一鈞補充表示快樂缺氧通常並無前兆氧氣濃度都很低但症狀很嚴重時再送醫都已經太遲。另外吳昌騰日前也曾在臉書指出快樂缺氧即為病人的血氧飽和度水準低於預期的飽和度但當下病人並未感到任何呼吸困難。
吳昌騰說快樂缺氧的出現「真的令醫師們感到擔憂」原因在於快樂缺氧最初不會引起呼吸短促但可能會在患者內部造成快速損害且這類病患通常就醫前2至7天前會出現一些症狀包括突然胸悶或無法呼吸幾天後呼吸非常急促幾乎是正常呼吸速率的3倍嘴唇和手指也有發青現象直到醫師檢查了血氧濃度才真正明白病患的病情有多嚴重。
★《中時新聞網》提醒您：因應新冠肺炎疫情疾管署持續加強疫情監測與邊境管制措施 如有疑似症狀請撥打：1922專線或 0800-001922 並依指示配戴口罩儘速就醫同時主動告知醫師旅遊史及接觸史以利及時診斷及通報。</t>
  </si>
  <si>
    <t>快樂缺氧症狀死亡醫師疫情呼吸通常出現表示無法可能感到就醫患者病人病程濃度嚴重快速吳昌騰</t>
  </si>
  <si>
    <t>快樂缺氧新冠肺炎症狀隱形缺氧確診</t>
  </si>
  <si>
    <t>肺炎缺氧症狀快樂確診</t>
  </si>
  <si>
    <t>爆發海灘天體法國肺炎</t>
  </si>
  <si>
    <t>法國地區衛生機構表示地中海沿岸的一個裸體度假勝地暴發嚴重的新冠肺炎。 據《每日郵報》報導測試結果顯示大約100名遊客感染新冠病毒。上週一在非常受天體主義者歡迎的cap d&amp;apos;agde度假村發現38例新冠病毒確診</t>
  </si>
  <si>
    <t>病毒地中海沿岸度假勝地暴發表示嚴重歡迎主義者capd&amp;apos天體agde非常度假村肺炎發現週一結果顯示測試郵報報導大約感染遊客</t>
  </si>
  <si>
    <t>法國地區衛生機構表示地中海沿岸的一個裸體度假勝地暴發嚴重的新冠肺炎。 據《每日郵報》報導測試結果顯示大約100名遊客感染新冠病毒。
上週一在非常受天體主義者歡迎的cap d&amp;apos;agde度假村發現38例新冠病毒確診病例上週三又發現57例。 與此同時度假村天體主義者的感染率是附近村莊的四倍。
另外還有50名度假者在返回家中後檢測呈陽性預計下周將會有更多的檢測結果。官員們稱這些數字「非常令人不安」。
歐洲國家上週末暴發新一輪新冠肺炎。過去24小時法國有4900人確診感染這是過去5個月以來感染人數最多的一天。</t>
  </si>
  <si>
    <t>感染檢測非常確診主義者天體過去暴發度假村發現肺炎法國病毒地中海陽性家中沿岸返回預計周將</t>
  </si>
  <si>
    <t>法國天體暴發新冠肺炎新冠病毒</t>
  </si>
  <si>
    <t>肺炎暴發天體法國病毒</t>
  </si>
  <si>
    <t>個案az死亡在家年輕身亡</t>
  </si>
  <si>
    <t>國內出現接種疫苗後最年輕的死亡個案中央流行疫情指揮中心今天宣佈一名年僅24歲的男性無慢性病史9月11日接種AZ疫苗後9月29日被發現在家身亡另外昨天也接獲117件疫苗不良事件通報包含3例死亡、70件嚴重</t>
  </si>
  <si>
    <t>疫苗死亡接種通報不良事件指揮中心今天宣佈疫情流行中央個案男性病史身亡年輕昨天在家發現包含</t>
  </si>
  <si>
    <t>國內出現接種疫苗後最年輕的死亡個案中央流行疫情指揮中心今天宣佈一名年僅24歲的男性無慢性病史9月11日接種AZ疫苗後9月29日被發現在家身亡另外昨天也接獲117件疫苗不良事件通報包含3例死亡、70件嚴重不良事件。
發言人莊人祥表示該名最年輕死亡個案9月11日接種AZ後返家即出現高燒服用退燒藥後在13日退燒無其他身體不適不料家屬在9月29日上午11點發現個案躺臥在房間床上無回應隨即送醫急救仍宣告無效。
莊人祥說死者除尿酸有些微偏高外沒有其他慢性病史法醫已在10月5日進行解剖將持續關注死因是否與疫苗有關。
莊人祥也公佈昨日(13日)疫苗接種人數為24萬9077劑其中以BNT最多打了17萬4023劑、AZ接種4萬0399劑、莫德納2萬8006劑高端僅6649劑。
目前全國疫苗涵蓋率已達5966％劑次人口比來到每百人8009劑。</t>
  </si>
  <si>
    <t>疫苗接種死亡個案az病史發現不良事件年輕出現涵蓋高外中心尿酸今天</t>
  </si>
  <si>
    <t>AZ最年輕死亡個案接種新冠疫苗新冠肺炎</t>
  </si>
  <si>
    <t>個案死亡接種年輕疫苗az肺炎</t>
  </si>
  <si>
    <t>郵輪維修長崎船員停泊確診</t>
  </si>
  <si>
    <t>停泊在日本九州長崎港維修中的大型郵輪歌「詩達大西洋號」（Costa Atlantica）繼船上1名外籍船員確診感染新冠病毒後還有人出現發燒等症狀57名密切接觸者經病毒篩檢後又有33人確診。船上只有工作人員沒有乘客。</t>
  </si>
  <si>
    <t>病毒船上確診維修中的郵輪長崎大西洋costaatlantica外籍船員感染密切接觸症狀出現發燒</t>
  </si>
  <si>
    <t>停泊在日本九州長崎港維修中的大型郵輪歌「詩達大西洋號」（Costa Atlantica）繼船上1名外籍船員確診感染新冠病毒後還有人出現發燒等症狀57名密切接觸者經病毒篩檢後又有33人確診。船上只有工作人員沒有乘客。
這艘船至3月25日為止一直在長崎港的三菱重工長崎造船所香燒工廠維修試航後預定停泊在長崎港至4月底。第1名確診的船員4月14日出現發燒症狀20日確診之後一直在單獨房隔離。
這艘船加上外籍船員共有623名工作人員長崎縣為防止疫情擴大曾要求船員3月13日避免下船。厚生勞動省將派厚勞省的1名職員及1名國立感染症研究所的專家到當地控制疫情。</t>
  </si>
  <si>
    <t>船員確診長崎維修工作人員外籍病毒船上一直疫情症狀發燒出現研究所感染症專家職員勞省停泊勞動</t>
  </si>
  <si>
    <t>長崎港維修船員停泊郵輪</t>
  </si>
  <si>
    <t>船員維修停泊長崎郵輪</t>
  </si>
  <si>
    <t>訊息侯友宜不實假名送交警方停課流傳網路</t>
  </si>
  <si>
    <t>幼兒園群聚感染累計16例確診新北強化二級警戒7日至21日今天網路上也流傳一份停課名單新北市長侯友宜今主持疫情記者會表示停課名單是不實故意造成大家恐慌將依《傳染病防治法防治》送交警察局偵辦最高</t>
  </si>
  <si>
    <t>新北停課名單送交防治防治法確診傳染病恐慌警察局造成故意累計不實流傳表示主持記者會市長疫情侯友宜強化警戒</t>
  </si>
  <si>
    <t>幼兒園群聚感染累計16例確診新北強化二級警戒7日至21日今天網路上也流傳一份停課名單新北市長侯友宜今主持疫情記者會表示停課名單是不實故意造成大家恐慌將依《傳染病防治法防治》送交警察局偵辦最高可罰300萬希望疫情嚴峻時不要造成大家恐慌。
新北市教育局表示目前新北有5校共4327人停課強調新北規範是出現1例確診同班被匡列者停課14天全校預防性停課3天；2例以上全校停課14天出現1例Delta全校停課14天。
★《中時新聞網》提醒您：因應新冠肺炎疫情疾管署持續加強疫情監測與邊境管制措施 如有疑似症狀請撥打：1922專線或 0800-001922 並依指示配戴口罩儘速就醫同時主動告知醫師旅遊史及接觸史以利及時診斷及通報。</t>
  </si>
  <si>
    <t>停課新北疫情確診恐慌造成表示名單全校出現接觸史及旅遊醫師告知主動以利就醫口罩配戴指示症狀</t>
  </si>
  <si>
    <t>停課名單Delta新北侯友宜全校</t>
  </si>
  <si>
    <t>新北侯友宜delta名單停課全校</t>
  </si>
  <si>
    <t>仲琦通信網</t>
  </si>
  <si>
    <t>仲琦(2419)上月營收創下109年新高累計計109全年度自結合併營收達1028億元已經連三年突破100億元大關。仲琦109年12月自結合併營收為1266億元較108年同期成長42%亦較去年11月成長2%再創109年新高；累計109</t>
  </si>
  <si>
    <t>結合新高累計仲琦同期創下全年度已經連三年突破大關去年再創上月</t>
  </si>
  <si>
    <t>仲琦(2419)上月營收創下109年新高累計計109全年度自結合併營收達1028億元已經連三年突破100億元大關。
仲琦109年12月自結合併營收為1266億元較108年同期成長42%亦較去年11月成長2%再創109年新高；累計109全年度自結合併營收為1028億元連續三年合併營收突破100億元。
國際美元指數持續下探新台幣兌美元已攻破285元創下23年來新高仲琦在出口導向受美元貶值的巨幅影響之下營收仍可維持新台幣百億元已屬不易。
仲琦認為全球新冠疫情再度陷入緊張狀態之際展望2021年網通消費市場對寬頻上網的需求依賴性及供應鏈出貨達交順暢與否將會是整個網通產業成長脈動的關鍵指標。</t>
  </si>
  <si>
    <t>網通新高結合突破台幣創下仲琦成長全年度產業累計需求上網消費市場</t>
  </si>
  <si>
    <t>仲琦新冠肺炎網通產業匯率</t>
  </si>
  <si>
    <t>肺炎網通產業仲琦匯率</t>
  </si>
  <si>
    <t>好萊塢女星確診冰雪</t>
  </si>
  <si>
    <t>好萊塢確診再添一例26歲女星瑞秋麥修斯（Rachel Matthews）當地時間16日晚間在IG自曝上週她確診新冠肺炎目前正隔離治療中她詳細記錄自己染病的過程將症狀表現公開希望能夠幫助到其他人。瑞秋麥修斯曾為《</t>
  </si>
  <si>
    <t>瑞秋麥確診修斯希望公開症狀表現能夠過程染病記錄詳細説明治療女星隔離目前肺炎rachel上周時間</t>
  </si>
  <si>
    <t>好萊塢確診再添一例26歲女星瑞秋麥修斯（Rachel Matthews）當地時間16日晚間在IG自曝上週她確診新冠肺炎目前正隔離治療中她詳細記錄自己染病的過程將症狀表現公開希望能夠幫助到其他人。瑞秋麥修斯曾為《冰雪奇緣2》配音北烏卓人哈妮瑪倫也在驚悚片《忌日快樂》、《祝你忌日快樂》展露頭角。她表示目前感覺好多了並透露了自己一開始很難能去檢測是因為身邊已經有人確診了而且自己也有症狀表現最終才能去篩檢。
她在貼文中詳細描述發病首日至第7天的感受「第一天：喉嚨痛、疲勞、頭痛；第2天：輕度發燒、全身酸痛、發冷肺部劇烈疼痛開始乾咳食慾不振」到了第3天沒有發燒、輕微身體疼痛肺部深層開始惡化、乾咳並呼吸急促身體嚴重疲勞和食慾不振。而第4天症狀似乎變得溫和但是肺部仍然沉重且呼吸急促而失去嗅覺和味覺「第5、6、7天一切基本上沒有太大變化仍有呼吸急促、食慾不振、疲倦等症狀但總體而言還算OK。」</t>
  </si>
  <si>
    <t>症狀確診食欲不振開始急促呼吸肺部目前修斯瑞秋麥疲勞表現沒有發燒身體疼痛乾咳忌日快樂配音瑪倫</t>
  </si>
  <si>
    <t>確診症狀食慾不振呼吸急促冰雪奇緣2</t>
  </si>
  <si>
    <t>呼吸急促食欲不振冰雪症狀確診</t>
  </si>
  <si>
    <t>馬祖屏確診兩地失守足跡連江縣曝光</t>
  </si>
  <si>
    <t>中央流行疫情指揮中心今（26日）公佈國內新增304例COVID-19確診病例其中本土302例中包括連江縣1例案5774該名27歲女性確診個案本月13日搭機抵達馬祖21日搭機回台24日因失去嗅覺在屏東就醫確診目前在台治療</t>
  </si>
  <si>
    <t>確診中心公佈國內本月新增個案包括連江縣女性例案指揮就醫失去搭機回嗅覺covid-病例本土疫情馬祖抵達</t>
  </si>
  <si>
    <t>中央流行疫情指揮中心今（26日）公佈國內新增304例COVID-19確診病例其中本土302例中包括連江縣1例案5774該名27歲女性確診個案本月13日搭機抵達馬祖21日搭機回台24日因失去嗅覺在屏東就醫確診目前在台治療中經疫調匡列在南竿密集接觸15人返台同機34人。
連江縣疫情指揮中心表示案5774自台灣本島到馬祖從事服務業5月13日來馬21日返台經疫調匡列21日返台同班機34人其中29位乘客在台已轉各縣市衛生局追蹤連江縣5位乘客及停留期間密切接觸者15人已進行居家隔離並採檢進行PCR核酸檢測其中8名陰性12名持續檢測中。
案5774於13日下午4時5分搭搭乘立榮班機從松山機場赴馬祖南竿晚間先到南竿介壽村朋友住處訪友之後數日均留宿仁愛村男友住處。
19日上午10時案5774先到山隴弘爺漢堡早餐店用餐半小時後前往山隴澳口釣魚。21日下午1時到山隴統一超商店對面水果攤買水果下午2時即搭乘立榮航空班機返台。
連江縣疫情指揮中心已對確診者足跡由環資局派員消毒並呼籲於該時段與確診者足跡重疊者主動聯繫連江縣疫情指揮中心並進行自我健康監測14天。
連江縣指揮中心今在防疫會議決議強化3級警戒並落實5大措施包括外出全程戴口罩、嚴查不得營業休閒娛樂場所、餐飲一律外帶、賣場及超市加強人流管制少去多買一次購足、結婚不宴客喪禮不公祭、宗教集會活動全面暫停辦理宗教場所暫不開放等阻絕病毒擴散入境降低社區潛在風險。
屏東縣政府衛生局也公佈足跡案號5774是在連江縣工作的27歲女子5月22日抵屏東佳冬居住5月24日因嗅覺異常就醫經醫師評估採檢25日確診；疫調足跡包括佳冬鄉全聯玉光店、佳冬石光見市場等處均已消毒匡列6人檢疫及隔離至於感染源仍在調查中。</t>
  </si>
  <si>
    <t>連江縣確診足跡中心指揮包括山隴疫情返台下午班機匡列進行宗教消毒</t>
  </si>
  <si>
    <t>連江縣案5774馬祖屏東返台</t>
  </si>
  <si>
    <t>馬祖返台連江縣</t>
  </si>
  <si>
    <t>陽性個案大樓召回高雄鳳住戶</t>
  </si>
  <si>
    <t>網傳高雄鳳山某大樓29日下午傳出有住戶確診大批住戶緊急被召回採檢。衛生局會同警方前往封樓並替住戶快篩。衛生局在防疫記者會上證實該訊息強調該大樓確實出現一名陽性個案目前已清查並召回該大樓60戶、150多</t>
  </si>
  <si>
    <t>住戶衛生局大樓召回下午陽性目前個案出現確實強調訊息證實記者會防疫警方前往會同傳出高雄鳳</t>
  </si>
  <si>
    <t>網傳高雄鳳山某大樓29日下午傳出有住戶確診大批住戶緊急被召回採檢。衛生局會同警方前往封樓並替住戶快篩。衛生局在防疫記者會上證實該訊息強調該大樓確實出現一名陽性個案目前已清查並召回該大樓60戶、150多人進行PCR檢測晚間PCR結果出爐會將住戶分送至防疫旅館。
衛生局表示釐清陽性個案的時序後發現一些關聯性的存在經警方協助清查緊急召回該大樓60戶、150多人進行PCR檢測檢測結果預計今晚出爐住戶也將分送至防疫旅館。
衛生局也強調陽性個案不代表確診一切還是以中央疫情指揮中心公佈的訊息為準。「枋山專案」篩檢已採檢1033人快篩及PCR結果均無異常。</t>
  </si>
  <si>
    <t>住戶衛生局個案陽性大樓pcr結果訊息召回確診警方防疫強調緊急清查出爐下午旅館</t>
  </si>
  <si>
    <t>新冠肺炎台灣高雄鳳山陽性</t>
  </si>
  <si>
    <t>臺灣高雄肺炎鳳山陽性</t>
  </si>
  <si>
    <t>臺北醫院衛福部侯友宜盤整新莊</t>
  </si>
  <si>
    <t>雙北疫情持續升溫新北聯合醫院板橋院區社區篩檢站今下午2時啟動居住板橋區、有萬華高風險區活動或接觸史者優先；新北市長侯友宜今主持疫情記者會表示目前板橋確診人數比較多快篩站整備已經就緒此外新莊區</t>
  </si>
  <si>
    <t>板橋新北疫情整備活動接觸史者優先市長侯友宜目前聯合醫院居住主持確診比較記者會人數表示啟動院區下午社區</t>
  </si>
  <si>
    <t>雙北疫情持續升溫新北聯合醫院板橋院區社區篩檢站今下午2時啟動居住板橋區、有萬華高風險區活動或接觸史者優先；新北市長侯友宜今主持疫情記者會表示目前板橋確診人數比較多快篩站整備已經就緒此外新莊區的衛福部立醫院也正在協調中。
侯友宜說設置快篩站是把陽性個案找出來最快速的方式目前板橋確診數比較多新北市已在新北聯合醫院板橋院區設置社區篩檢站以居住板橋區、有萬華高風險區活動或接觸史者優先相關整備已經到位將在下午2點起開始快篩工作。
侯友宜說盼透過快篩站快速檢驗先解決板橋社區的狀況。至於其他地區是否要增設快篩站會隨疫情滾動式檢討。
媒體問及新莊區的衛福部立醫院也被列為專門篩檢醫院是否也增設社區快篩站？侯友宜說這需要考慮部北的醫療量能現階段是否能夠負荷再設一座快篩站新北市衛生局正跟醫院協調中這些都需要重新盤整。</t>
  </si>
  <si>
    <t>板橋侯友宜新北是否疫情醫院快速社區需要已經整備下午協調設置目前確診新莊優先比較增設居住</t>
  </si>
  <si>
    <t>快篩侯友宜新莊區新冠肺炎板橋</t>
  </si>
  <si>
    <t>新莊侯友宜肺炎板橋</t>
  </si>
  <si>
    <t>強化防禦配置</t>
  </si>
  <si>
    <t>在新冠肺炎、油價崩跌、全球面臨經濟衰退等黑天鵝衝擊下今年來金融市場相當不平靜震盪幅度已達2008年金融海嘯水準投資人投資困難度大幅提升。投信法人分析新興短期高收益債具有「短天期低波動」及「較佳息收</t>
  </si>
  <si>
    <t>全球具有面臨經濟衰退收益天鵝分析衝擊法人今年波動油價提升金融市場大幅困難相當投資</t>
  </si>
  <si>
    <t>在新冠肺炎、油價崩跌、全球面臨經濟衰退等黑天鵝衝擊下今年來金融市場相當不平靜震盪幅度已達2008年金融海嘯水準投資人投資困難度大幅提升。
投信法人分析新興短期高收益債具有「短天期低波動」及「較佳息收」二大優勢在雷曼事件、美國降評、油價重挫、中美貿易戰及新冠肺炎等重大利空期間其跌幅明顯小於全球高收債、美國高收益債、美國短高收債甚至在中美貿易戰期間逆勢上揚建議投資人現階段將新興短期高收債納入資產配置組合強化資產防禦力。
台新新興短期高收益債券基金經理人尹晟龢指出債券距離到期日愈近債券價格波動愈小只要不違約到期時債券價格將回到面額因此短天期債券對利率敏感度較低波動幅度也相對較小以過去十年年化波動率來看新興短期公司債僅525％皆不到美國投資債、新興公司債、新興主權債及美國高收益債的一半最適合目前大幅震盪下的避險操作。
另方面今年來債市波動加劇投資人頻繁進出大幅增加交易成本而新興短期公司債因為價格波動低本金不易被侵蝕債息自然能成為總報酬主要來源更有機會強化長期投資複利效果。
歐義銳榮新興市場債券基金總代理第一金投信指出從評價面來看新興投資級債目前的殖利率約49％在歐美等成熟國家大都已進入零負利率情形下投資吸引力浮現。
安本標準2026到期新興亞太債券基金經理人李艾倫指出全球央行再次攜手降息為企業財務困境鋪上資金安全網但此舉造成債券殖利率不斷下探。若想追求收益相較於成熟市場債券新興亞債的利差深具吸引力在新興市場資產類別的表現也最佳值得納入資產配置的考量。
野村投信表示美國聯準會6月15日宣佈將開始透過SMCCF制度購買個別公司債由於美國聯準會政策買盤空間仍非常充足因此高收益債可望受惠這一波流動性盛宴使利差持續收斂。
此外隨著各國政策利率已降至歷史低點未來再降息空間有限投資需求將從最低風險的公債、抵押債轉移至有利差優勢的債種其中又以高收益債最被看好因為在全球成熟市場紛紛來到零利率或負利率環境相對較高殖利率的債券可望持續吸金。</t>
  </si>
  <si>
    <t>債券波動投資收益美國利率全球市場公司投資人成熟大幅利差價格指出資產基金</t>
  </si>
  <si>
    <t>肺炎納入資產配置美國聯準會投資高收益債</t>
  </si>
  <si>
    <t>美國准會投資配置資產收益納入肺炎</t>
  </si>
  <si>
    <t>打完防線兩劑保護攻破太強delta</t>
  </si>
  <si>
    <t>國際突破性感染頻傳根據中央流行疫情指揮中心統計國內的境外移入個案中共有12人完整接種滿14天仍染疫其中3人感染的是印度變異株（Delta）。醫療應變組副組長羅一鈞說全台7月2日開始推動入境3採當時至今</t>
  </si>
  <si>
    <t>感染推動開始全台羅一鈞中央組長疫情應變流行指揮入境醫療中心統計國內delta境外變異印度個案共有完整</t>
  </si>
  <si>
    <t>國際突破性感染頻傳根據中央流行疫情指揮中心統計國內的境外移入個案中共有12人完整接種滿14天仍染疫其中3人感染的是印度變異株（Delta）。
醫療應變組副組長羅一鈞說全台7月2日開始推動入境3採當時至今共累計145例境外移入個案其中40人打過疫苗。40人當中有14人接種1劑疫苗26人接種2劑疫苗但完整接種滿14天者有14人其中2人在接種第2劑前在國外確診過扣除後有12例境外移入個案完整接種仍染疫其中有人發病、有人無症狀比例不高不到10%。
羅一鈞表示接種疫苗後染疫者有28%不過大部分接種疫苗的確診病例都不是在完整接種後染疫的只有12人完整接種仍染疫Ct值平均27其中3人感染的是Delta。
12人中有5人接種BNT疫苗3人接種嬌生、3人接種莫德納、1人打AZ。而40例曾經接種過疫苗者有19人接種BNT、7人接種AZ、6人接種莫德納、4人接種嬌生、4人接種科興各種廠牌都看得到。</t>
  </si>
  <si>
    <t>接種疫苗感染完整境外delta個案確診開始全台推動中央入境疫情</t>
  </si>
  <si>
    <t>Delta保護力打疫苗兩劑台灣</t>
  </si>
  <si>
    <t>疫苗保護兩劑delta臺灣</t>
  </si>
  <si>
    <t>山包基層確診來者不拒高層打火</t>
  </si>
  <si>
    <t>新冠肺炎疫情緊張第一線醫護警消工作量暴增還得承受高壓有一名消防人員在臉書上不滿地表示開防疫巴士接送確診者與消防任務根本無關要消防局不要什麼工作都延攬給弟兄更控訴「若弟兄確診越來越多哪個局</t>
  </si>
  <si>
    <t>確診緊張第一線弟兄醫護工作量承受疫情高壓消防人員書上不滿表示工作防疫不要巴士接送</t>
  </si>
  <si>
    <t>新冠肺炎疫情緊張第一線醫護警消工作量暴增還得承受高壓有一名消防人員在臉書上不滿地表示開防疫巴士接送確診者與消防任務根本無關要消防局不要什麼工作都延攬給弟兄更控訴「若弟兄確診越來越多哪個局處會來幫我們打火？」
一名消防人員在臉書專頁《靠北消防20》投稿31日刊出的內容開頭就寫下「請問開防疫巴士或防疫救護車去防疫旅館到底跟消防三大任務哪一個有關係？」並不滿的表示難道是會開車之人穿上防護衣就可以開了嗎？
該名消防員抱怨不管什麼事都要求消防來做導致消防同仁確診不少分隊因此關閉進行清消害得其餘正常運作的分隊要擴大支援只會累死自己人；該名消防員還說載運新冠陽性患者並非緊急救護的工作項目之一希望消防局不要對於各局處包山包海的工作來者不拒若確診同仁越來越多試問究竟有哪個局處會來幫忙救災打火？
投稿文章刊出後不少網友於留言區回覆「新北現在還要開返鄉專車去各縣市的檢疫所把人載回來呢」、「沒有發生的事我們不要先預設你說對不對發生了我們再想辦法嘛」、「還有下雨天拿尺去量積水是怎樣？公路養護單位建設工務都沒出門了」。
實際上醫護警消傳出不滿已非第一次日前臺北市政府警察局信義分局鑑識小隊的孫姓偵查佐才在個人臉書發文指稱上月底接獲一名老翁居家死亡到場後經救護人員量體溫卻高達391度懷疑有染疫但專責單位衛生局卻甩鍋不到場也不採驗害他們只好穿著防護衣硬上處理對這樣的防疫SOP感到相當心寒。</t>
  </si>
  <si>
    <t>確診防疫不滿工作發生單位救護分隊到場刊出任務投稿</t>
  </si>
  <si>
    <t>新冠肺炎台灣消防基層打火</t>
  </si>
  <si>
    <t>基層臺灣肺炎打火</t>
  </si>
  <si>
    <t>空服喉嚨曾說返台西非夫婦確診</t>
  </si>
  <si>
    <t>國內新冠肺炎在連續6天無新增個案後破功一次增加3名境外移入確診。其中案431、432是一對夫婦從西非到法國轉機返台機上空服員爆料兩人早在上機前就告知喉嚨痛機上更是狂吃喉糖試圖止咳減緩喉嚨不適。案43</t>
  </si>
  <si>
    <t>喉嚨個案增加連續境外確診上空試圖返台轉機法國止咳夫婦</t>
  </si>
  <si>
    <t>國內新冠肺炎在連續6天無新增個案後破功一次增加3名境外移入確診。其中案431、432是一對夫婦從西非到法國轉機返台機上空服員爆料兩人早在上機前就告知喉嚨痛機上更是狂吃喉糖試圖止咳減緩喉嚨不適。
案431與432為一對夫婦2月11日至塞內加爾工作陸續於4月26日、27日出現全身倦怠及咳嗽等症狀兩人5月1日返國入境時因仍有咳嗽症狀由機場檢疫人員採檢通報、確診。
《TVBS》報導這對夫妻其實還帶著2個小孩回台在上機前就先說有喉嚨痛在從巴黎返台的班機上更是一直吃喉糖想止咳、舒緩喉嚨痛一旁的商務艙乘客嚇得只能把自己包緊緊。之後飛機落地不到半天該班機的空服員立刻收到居家隔離14天簡訊包括乘客、機組人員在內匡列了11名接觸者。</t>
  </si>
  <si>
    <t>喉嚨乘客確診班機返台夫婦症狀上機咳嗽更是止咳個案連續包括</t>
  </si>
  <si>
    <t>喉嚨痛塞內加爾確診夫婦空服員</t>
  </si>
  <si>
    <t>夫婦確診塞內加爾空服喉嚨</t>
  </si>
  <si>
    <t>伊朗對抗病毒川普開口</t>
  </si>
  <si>
    <t>近日新冠肺炎疫情延燒。美國總統川普表示只要伊朗開口求援美國已準備好援助他們對抗2019冠狀病毒疾病（COVID-19）。外媒報導川普2月29日在華府附近召開的年度保守政治行動會議上表示：「如果我們能夠幫助伊朗</t>
  </si>
  <si>
    <t>川普美國表示伊朗疫情會議行動保守年度政治召開附近華府疾病病毒對抗報導covid-援助準備</t>
  </si>
  <si>
    <t>近日新冠肺炎疫情延燒。美國總統川普表示只要伊朗開口求援美國已準備好援助他們對抗2019冠狀病毒疾病（COVID-19）。
外媒報導川普2月29日在華府附近召開的年度保守政治行動會議上表示：「如果我們能夠幫助伊朗人民對付這個問題我們當然樂意之至…就等他們開口。我們會派優秀的專業人士過去。」
據統計伊朗全國新冠肺炎死亡總數至今已達43人是除了大陸以外全球死亡病例數最多的國家。
美國國務院表示已透過瑞士傳話正式告知伊朗美方有意提供協助不過並未詳細說明協助方式。由於美國在伊朗並無正式外交機構因此透過中立、在伊朗設有使館的瑞士做為利益代表國。
美國於1980年與伊朗斷絕外交關係2018年退出具重大意義的「2015年伊朗核協議」恢復對伊朗的癱瘓性制裁措施並於今年1月刺殺伊朗最有權力的指揮官蘇萊曼尼兩國關係迄今仍處於緊張狀態。</t>
  </si>
  <si>
    <t>伊朗美國表示川普開口死亡瑞士透過肺炎正式兩國關係協助蘇萊曼尼指揮官權力迄今刺殺今年癱瘓年度保守華府附近召開</t>
  </si>
  <si>
    <t>伊朗川普新型冠狀病毒</t>
  </si>
  <si>
    <t>伊朗川普冠狀病毒</t>
  </si>
  <si>
    <t>產生疫苗病毒抗體</t>
  </si>
  <si>
    <t>新冠肺炎肆虐全球已奪走超過30萬條人命疫苗何時研發成功成為對抗這波疫情的關鍵。英國與美國團隊14日公佈初步成果他們對6隻恆河猴注射疫苗後猴子體內產生新冠病毒抗體有效抑制病毒的破壞與增生能力。這</t>
  </si>
  <si>
    <t>疫苗病毒全球美國團隊英國關鍵公佈疫情初步產生成果抑制超過體內對抗人命成為成功恒河研發</t>
  </si>
  <si>
    <t>新冠肺炎肆虐全球已奪走超過30萬條人命疫苗何時研發成功成為對抗這波疫情的關鍵。英國與美國團隊14日公佈初步成果他們對6隻恆河猴注射疫苗後猴子體內產生新冠病毒抗體有效抑制病毒的破壞與增生能力。這項進展為人類與新冠病毒的戰爭打了一劑強心針。
儘管恆河猴的免疫系統近似人類不過疫苗對獼猴產生的結果不保證會轉換到人類身上。
牛津大學4月底宣佈總部設於英國倫敦的阿斯利康製藥（AstraZeneca）與該校的詹納研究所合作開發新冠肺炎疫苗已啟動人類臨床試驗。
另一方面由牛津大學、以及美國國家衛生研究院（NIH）科學家組成的研究團隊也在美國以恆河猴進行小規模研究。他們先為猴子施打疫苗接著讓牠們暴露在高濃度的新冠病毒中。其中有些在14天之內產生新冠病毒抗體全部6隻猴子都在28天內產生抗體。
研究人員發現病毒受到疫苗遏阻不能損害肺部、也無法在肺內複製增生或發展成肺炎。猴子肺部和呼吸道內的病毒數量都比未施打疫苗的控制組少。不過猴子鼻腔內的病毒仍有增生能力。
據英國廣播公司（BBC）報導這篇報告未經其他科學家審核也尚未正式出版而是先發表在生物預印本網站BioRxiv。不過倫敦大學衛生與熱帶醫學院的伊凡斯教授形容此研究素質極高且「令人鼓舞。」</t>
  </si>
  <si>
    <t>疫苗病毒研究猴子產生人類增生恒河肺炎牛津大學科學家美國團隊肺部能力抗體biorxiv網站倫敦大學衛生</t>
  </si>
  <si>
    <t>抗體疫苗肺炎病毒增生</t>
  </si>
  <si>
    <t>疫苗病毒肺炎增生抗體</t>
  </si>
  <si>
    <t>疫苗朱立倫政府az積極捐贈管道日本感謝</t>
  </si>
  <si>
    <t>日本捐贈台灣124萬濟AZ疫苗下午抵台國民黨前主席朱立倫表示由衷感謝日本政府在台灣最需要幫助的時刻幫忙台灣後續更期待有更多國際的協助讓急需疫苗的台灣能夠早日脫困同時也感謝許多民間團體與企業紛紛</t>
  </si>
  <si>
    <t>臺灣疫苗脫困早日az能夠幫忙主席國民黨感謝日本政府下午由衷感謝朱立倫急需表示協助幫助後續時刻需要期待</t>
  </si>
  <si>
    <t>日本捐贈台灣124萬濟AZ疫苗下午抵台國民黨前主席朱立倫表示由衷感謝日本政府在台灣最需要幫助的時刻幫忙台灣後續更期待有更多國際的協助讓急需疫苗的台灣能夠早日脫困同時也感謝許多民間團體與企業紛紛表達要爭取疫苗更希望政府能夠積極落實讓疫苗早日到達台灣。
朱立倫強調為了人民沒有面子的問題。台灣確實需要幫助更大聲地向全世界發出「Taiwan Needs Help」、「Taiwan Needs Vaccines 」的呼喚此時沒有那麼多政治陰謀論或顏色之別台灣需要幫助能夠幫忙台灣就是朋友。
朱立倫日前表示政府防疫的首要工作除了圍堵就是疫苗政府應「沒有任何政治考量不要任何官僚心態」。他認為任何疫苗來源不管中央或地方、民間或企業、海內或海外、僑胞或台商能夠爭取到疫苗食藥署快速核准就立即施打。</t>
  </si>
  <si>
    <t>疫苗臺灣能夠沒有朱立倫政府説明需要企業表示爭取早日幫忙needstaiwan快速az呼喚認為心態來源中央地方</t>
  </si>
  <si>
    <t>新冠肺炎台灣日本朱立倫AZ疫苗</t>
  </si>
  <si>
    <t>日本臺灣朱立倫肺炎az疫苗</t>
  </si>
  <si>
    <t>施打學生bnt校園新北送醫</t>
  </si>
  <si>
    <t>新北今天完成校園BNT疫苗施打新北市教育局表示今有8女6男共14人送醫其中27日施打送醫者有4人、28日施打為5人29日施打為1人、30日施打為4人狀況主要為胸悶、頭痛、四肢無力、發燒其中11人已回家休養截</t>
  </si>
  <si>
    <t>新北疫苗施打發燒無力教育局四肢表示狀況送醫bnt頭痛校園完成回家今天休養</t>
  </si>
  <si>
    <t>新北今天完成校園BNT疫苗施打新北市教育局表示今有8女6男共14人送醫其中27日施打送醫者有4人、28日施打為5人29日施打為1人、30日施打為4人狀況主要為胸悶、頭痛、四肢無力、發燒其中11人已回家休養截至下午3時尚有3人仍在醫院看診。
教育局指出29日共施打19校、預計施打2萬963名學生實際施打學生數2萬731人施打率：9889％出現輕微不適症狀有2854人、發燒大於38度120人、不良反應231人今有579人請疫苗假、請疫苗假比率279％。</t>
  </si>
  <si>
    <t>施打疫苗教育局發燒新北指出四肢無力狀況回家下午時尚休養醫院症狀送醫</t>
  </si>
  <si>
    <t>新冠肺炎台灣新北BNT校園</t>
  </si>
  <si>
    <t>新北肺炎臺灣bnt校園</t>
  </si>
  <si>
    <t>祖孫關廟司機休息秘魯站上廁所</t>
  </si>
  <si>
    <t>新北市府衛生局今證實當初搭載秘魯返台租孫的防疫計程車司機住在新北中央下午已通知地方要求司機前往採檢目前結果尚未出爐。據瞭解該名司機當天將祖孫載回屏東時祖孫兩人有在台南的關廟休息站下車上廁所。</t>
  </si>
  <si>
    <t>司機祖孫新北休息關廟台南當初證實搭載秘魯返台防疫當天計程車出爐瞭解尚未結果目前</t>
  </si>
  <si>
    <t>新北市府衛生局今證實當初搭載秘魯返台租孫的防疫計程車司機住在新北中央下午已通知地方要求司機前往採檢目前結果尚未出爐。據瞭解該名司機當天將祖孫載回屏東時祖孫兩人有在台南的關廟休息站下車上廁所。
新北市衛生局今表示該名司機是在機場排班的防疫計程車該對祖孫6日返國由該名司機接送回屏東今天（27日）收到中央通知要求安排該名司機前往篩檢目前結果尚未出爐新北市會和中央及相關縣市密切聯繫並積極協助疫調。
稍早一度傳出秘魯返國的祖孫返國搭的防疫計程車其司機為台中人對此台中市衛生局表示經查司機為新北市人。
台中市衛生局長曾梓展表示經與桃園衛生局連繫這對祖孫從秘魯返國時在桃園機場叫了防疫計程車搭返屏東該司機是新北市人並非台中人。
★《中時新聞網》提醒您：因應新冠肺炎疫情疾管署持續加強疫情監測與邊境管制措施 如有疑似症狀請撥打：1922專線或0800-001922並依指示配戴口罩儘速就醫同時主動告知醫師旅遊史及接觸史以利及時診斷及通報。</t>
  </si>
  <si>
    <t>司機祖孫新北防疫計程車表示秘魯中央衛生局返國疫情台中人桃園要求機場接觸台中史及旅遊尚未醫師</t>
  </si>
  <si>
    <t>司機祖孫秘魯屏東關廟休息站</t>
  </si>
  <si>
    <t>關廟秘魯休息祖孫司機</t>
  </si>
  <si>
    <t>確診足跡官兵嚇壞</t>
  </si>
  <si>
    <t>國內海軍敦睦艦隊爆發新冠肺炎疫情累計共24官兵染疫其中有3名軍官居住在台中中市府緊急公開足跡後有網友仔細看完資訊發現其中一名官兵早在13日出現症狀但卻還是見了外婆、女友等人讓人直呼太誇張。台</t>
  </si>
  <si>
    <t>官兵爆發肺炎症狀疫情女友出現累計艦隊外婆發現資訊市府仔細居住足跡</t>
  </si>
  <si>
    <t>國內海軍敦睦艦隊爆發新冠肺炎疫情累計共24官兵染疫其中有3名軍官居住在台中中市府緊急公開足跡後有網友仔細看完資訊發現其中一名官兵早在13日出現症狀但卻還是見了外婆、女友等人讓人直呼太誇張。
台中市府19日公佈3名確診的敦睦艦隊官兵足跡有網友轉發到PTT後引起了熱烈討論。其中一名年約28歲的男性於4/13就出現喉嚨痛的症狀到醫務所就醫但15日、17日還是分別去見了外婆、北上至苗栗拜訪女友家人直到18日早上接獲回營通知由父親開車載往集合點集中檢疫後確診。
網友看完該案後紛紛驚呼「有症狀還去女友家…」、「案40那個太誇張 都什麼時間了有症狀還接觸這麼多人」、「喉嚨痛就醫了還到處跑」、「外婆跟女友家人…」、「星火燎原整個台灣放火燒」。</t>
  </si>
  <si>
    <t>女友症狀官兵外婆網友誇張艦隊市府台中確診家人出現敦睦足跡就醫喉嚨爆發通知</t>
  </si>
  <si>
    <t>新冠肺炎武漢肺炎covid-19台灣新型冠狀病毒</t>
  </si>
  <si>
    <t>結婚物件宣佈女星單眼皮品格前輩皇后</t>
  </si>
  <si>
    <t>因為新冠肺炎全球爆發疫情肆虐下限制了許多自由尤其疫情曾經飆升的國家更是痛失許多生命南韓就包含在其中在一片戒慎恐懼中南韓演藝圈今出現喜悅的光芒《皇后的品格》中飾演皇后卞賢真的女星申高恩</t>
  </si>
  <si>
    <t>疫情南韓皇后爆發肆虐尤其曾經光芒國家全球更是痛失生命出現喜悅演藝圈卞賢真下限飾演自由品格包含戒慎恐懼</t>
  </si>
  <si>
    <t>因為新冠肺炎全球爆發疫情肆虐下限制了許多自由尤其疫情曾經飆升的國家更是痛失許多生命南韓就包含在其中在一片戒慎恐懼中南韓演藝圈今出現喜悅的光芒《皇后的品格》中飾演皇后卞賢真的女星申高恩宣佈結婚喜訊且對象也是影星演藝圈將多一對明星夫妻檔。
申高恩有著不同於一般女演員的經歷她在觀眾面前有過很多不同的樣貌最初是作為娛樂線記者在採訪藝人時於鏡頭前現身清新模樣給人好印象而她還有副好歌喉出演過音樂劇直到2018年演出《皇后的品格》精湛演技讓人眼睛為之一亮她也自此正式以戲劇演員身分在圈內發展。
就在今天(3/19)申高恩透過所屬經紀公司Image 9 Communications發布了婚訊對像是大她7歲的單眼皮性格男星尹鍾和兩人將在5月19日於首爾某處舉行婚禮新人們考量了新冠肺炎(COVID-19)疫情將在遵守防疫方針的情況下舉辦婚宴只會邀請家人及親近朋友參加屆時將由尹鍾和的主播親姊姊尹賢真擔任司儀祝歌則由家人來演唱預計走溫馨小巧婚禮路線。
신고은（@shinggoni）分享的貼文
申高恩隨後也在IG發布文章告知粉絲這個喜訊還談論了未來的夫婿「在片場受到眾人喜愛總散發正能量的那個人現在將成為我珍貴的人他承諾將一輩子伴我左右我們會互相扶持、成長並幸福度過未來每一天的」申高恩署名時還特別在兩人的名字中間加上愛心並用了表情符號「&amp;gt;_&amp;lt;」展現準人妻的嬌羞與喜悅。</t>
  </si>
  <si>
    <t>高恩疫情皇后婚禮未來發佈演藝圈尹鍾和喜訊演員物件品格南韓喜悅肺炎鏡頭時於</t>
  </si>
  <si>
    <t>申高恩皇后的品格結婚尹鍾和壞愛情</t>
  </si>
  <si>
    <t>結婚品格皇后尹鍾和高恩愛情</t>
  </si>
  <si>
    <t>大拇指醫護表達回家可以謝意</t>
  </si>
  <si>
    <t>重症病房內的暖流！一位50多歲的新冠肺炎重症男由北部轉到中港澄清醫院專責加護病房治療經14天的治療順利拔管轉普通病房並經肌力訓練後出院返回北部的家。PCR轉陰也剛好是拔管日院方出動7名人力協助病患換新衣</t>
  </si>
  <si>
    <t>病房北部重症協助人力出動院方管日肺炎剛好治療專責澄清普通pcr中港轉到轉陰醫院返回出院並經</t>
  </si>
  <si>
    <t>重症病房內的暖流！一位50多歲的新冠肺炎重症男由北部轉到中港澄清醫院專責加護病房治療經14天的治療順利拔管轉普通病房並經肌力訓練後出院返回北部的家。PCR轉陰也剛好是拔管日院方出動7名人力協助病患換新衣並轉進新病房迎接無病毒的「新生日」護士訝然看到病人努力、反覆彎著右手大拇指表達「謝謝」心情也激動不已。
這位病患於5月29日由北部轉中港澄清醫院專責加護病房時當天血氧在未使用氧氣設備下降至70％~80％雙側肺浸潤、呈現急性呼吸窘迫症狀群治療期間病情曾一度變壞。專責加護病房醫師謝佳珍表示還好經過治療後有改善插管治療期間也逐漸調降呼吸器往拔管計劃努力邁進。
到了6月8日患者的鼻咽PCR檢測為陰性接連6月9日與6月10日採檢氣管內管檢體檢測PCR的結果也是陰性6月11日獲通知可以解除隔離這樣的結果振奮醫護團隊醫護貼心策劃要在拔管後讓患者換新衣穿沒有病毒的新衣、轉進普通病房慶祝他的重生。
謝佳珍說拔管當天總共出動7名人力3人穿著兔寶寶裝進去拔管及負責房間的清潔。一個人著兔寶寶裝在外面急救車前準備萬一喉頭水腫可能馬上進去支援插管。3人在門外穿著一般防水隔離衣準備將病人轉移去乾淨的房間。
護理長潘姵君很感動地說當成功拔管後由另一組醫護把病人送往乾淨的病房此時病人的右手一直在動仔細一看原來病人很努力、反覆的彎著右手大拇指表達著無法說出口的「謝謝」。
因為這段時間的臥床肌力嚴重流失病患轉由復健團隊接手治療經完整肌力訓練病人終於可以下床安全地走路也順利出院返回北部的家。</t>
  </si>
  <si>
    <t>病房病人治療北部努力pcr右手準備當天進去期間房間隔離可以醫護患者</t>
  </si>
  <si>
    <t>新冠肺炎台灣拔管病人表達</t>
  </si>
  <si>
    <t>臺灣肺炎病人表達</t>
  </si>
  <si>
    <t>累計確診指揮中心境外說明新增</t>
  </si>
  <si>
    <t>國內今天新增2例新冠肺炎境外移入個案9天下來已累計高達22例確診中央流行疫情指揮中心為因應「新冠肺炎疫情」於今天14：30召開臨時記者會由莊人祥發言人說明。指揮中心統計截目前國內累計104019例新型冠</t>
  </si>
  <si>
    <t>指揮中心肺炎疫情累計今天國內個案下來高達說明發言人境外確診統計記者會莊人祥召開流行中央目前因應新增</t>
  </si>
  <si>
    <t>國內今天新增2例新冠肺炎境外移入個案9天下來已累計高達22例確診中央流行疫情指揮中心為因應「新冠肺炎疫情」於今天14：30召開臨時記者會由莊人祥發言人說明。
指揮中心統計截目前國內累計104019例新型冠狀病毒肺炎相關通報(含102449例排除)其中580例確診分別為488例境外移入55例本土病例36例敦睦艦隊及1例不明； 另1例(案530)移除為空號。確診個案中7人死亡、526人解除隔離、47人住院隔離中。</t>
  </si>
  <si>
    <t>確診肺炎個案累計指揮中心疫情國內境外今天空號病毒冠狀說明發言人高達統計莊人祥記者會召開下來目前</t>
  </si>
  <si>
    <t>新冠肺炎境外移入確診指揮中心說明</t>
  </si>
  <si>
    <t>境外確診指揮肺炎中心說明</t>
  </si>
  <si>
    <t>青島症狀感染</t>
  </si>
  <si>
    <t>來自大陸國家衛生健康委員會的資料顯示截至10月10日24時大陸31個省區市和新疆生產建設兵團已連續56天無新增新冠肺炎本土確診病例和疑似病例大陸度過十一長假報復式旅遊的防疫考驗。不過11日上午山東青島市卻罕</t>
  </si>
  <si>
    <t>大陸上午考驗健康防疫資料本土委員會旅遊確診病例長假疑似病例顯示度過新疆生產建設兵團省區市截至山東衛生肺炎連續</t>
  </si>
  <si>
    <t>來自大陸國家衛生健康委員會的資料顯示截至10月10日24時大陸31個省區市和新疆生產建設兵團已連續56天無新增新冠肺炎本土確診病例和疑似病例大陸度過十一長假報復式旅遊的防疫考驗。不過11日上午山東青島市卻罕見地提前公佈當天新增3位無症狀感染者病例的消息3例無症狀感染者與青島市胸科醫院相關聯令人憂心是否再出現醫院群聚感染。
此消息一出來青島市連續213天全大陸連續56天無本土病例的成績是否毀於一旦就看接下來的防疫工作執行情況。
連夜實施全封閉管控
青島市衛健委11日上午公佈10月11日青島市新增3例新型冠狀病毒肺炎無症狀感染者其中2例是醫院在對普通就診患者進行核酸檢測時發現1例在對排查出的密切接觸者進行即時核酸檢測時發現。3例無症狀感染者與市胸科醫院相關聯該院部分獨立區域承擔著收治境外輸入新冠病毒感染者的任務具體感染源正在進一步排查中。
青島已連續213天無本土病例。接報後青島市對3例無症狀感染者居住的小區單元樓、青島市胸科醫院、青島市中心醫院急診科等重點場所連夜實施全封閉管控並對環境進行全面消毒殺菌。
大陸衛健委公告10月10日0～24時全大陸報告新增確診病例21例均為境外輸入病例（上海10例廣東6例四川3例遼寧1例福建1例）；新增無症狀感染者23例（均為境外輸入）；當日轉為確診病例2例（均為境外輸入）。
9月30日青島市在召開記者會介紹近期青島疫情防控的系列情況時當時青島市政府副祕書長於冬泉介紹先前青島港大港公司境外輸入2名無症狀感染者疫情發生後迅速對重點人群、重點場所實行風險管控對進口冷鏈產品和從業人員進行全方位、全覆蓋追蹤管理本次與青島港大港公司直接關聯的疫情得到有效控制使社區傳播的可能性很小。
防疫工作再次受考驗
沒想到大港公司2名無症狀感染者2次IgM抗體檢測結果均為陰性進一步證明2人屬於早期感染者且沒有新增感染者或確診病例後卻又發生醫院傳出無症狀感染者再度考驗防疫工作。</t>
  </si>
  <si>
    <t>青島市感染者症狀大陸病例進行防疫輸入新增疫情境外醫院確診大港公司考驗檢測胸科醫院工作連續本土</t>
  </si>
  <si>
    <t>大陸醫院輸入無症狀感染確診病例</t>
  </si>
  <si>
    <t>症狀輸入感染醫院確診病例大陸</t>
  </si>
  <si>
    <t>查詢預先發揮資格施打功能疫苗</t>
  </si>
  <si>
    <t>依疫情指揮中心公告第11期Covid-19疫苗預約將於今起開放第一劑BNT預約明日起開放第二劑AZ預約符合本期BNT預約資格約有118萬人、AZ約有101萬人。本次特別於開放疫苗施打資格「預先查詢」功能讓民眾能先查詢是</t>
  </si>
  <si>
    <t>疫苗預約開放資格查詢bntaz公告功能covid-預先民眾施打中心特別指揮於今符合疫情明日</t>
  </si>
  <si>
    <t>依疫情指揮中心公告第11期Covid-19疫苗預約將於今起開放第一劑BNT預約明日起開放第二劑AZ預約符合本期BNT預約資格約有118萬人、AZ約有101萬人。
本次特別於開放疫苗施打資格「預先查詢」功能讓民眾能先查詢是否符合當期資格若符合者再於開放後上線預約節省大家寶貴時間。
關貿網路表示本次於COVID 19公費疫苗預約平(1922govtw)首頁增加「資格查詢」選項民眾點選進入後只需輸入身分證號及健保卡號平臺便會帶出資格查詢結果未符合當期預約資格的民眾則不必再浪費時間上線等候排隊。
第11期資格查詢開放3天就已經超過150萬人次查詢未來每期疫苗開放預約前兩天平臺都會開放資格查詢功能呼籲民眾多加運用。</t>
  </si>
  <si>
    <t>資格預約查詢開放疫苗民眾符合上線平臺功能bntaz公告covid-證號身分輸入卡號中心網路關貿</t>
  </si>
  <si>
    <t>新冠肺炎台灣查詢資格開放</t>
  </si>
  <si>
    <t>查詢肺炎臺灣資格開放</t>
  </si>
  <si>
    <t>師生儘快大學納入出國建議行列黃偉哲</t>
  </si>
  <si>
    <t>新冠肺炎境外移入確診病例上揚中央流行疫情指揮中心已宣佈禁止高中以下師生出國。鑑於南部國立大學傳出確診病例後連帶引發2所國立大學多名師生停課台南市長黃偉哲18日建議中央應盡快將大學師生納入出國禁令</t>
  </si>
  <si>
    <t>師生大學確診病例出國上揚指揮中心中央疫情流行建議宣佈禁止黃偉哲高中儘快境外市長台南以下停課</t>
  </si>
  <si>
    <t>新冠肺炎境外移入確診病例上揚中央流行疫情指揮中心已宣佈禁止高中以下師生出國。鑑於南部國立大學傳出確診病例後連帶引發2所國立大學多名師生停課台南市長黃偉哲18日建議中央應盡快將大學師生納入出國禁令中。
黃偉哲認為大學師生趴趴走的情況比起高中職以下師生嚴重許多；既然高中職均已納入禁出國行列加上又有大學生染病造成停課中央應該盡快將風險更高的大學師生也納入禁出國的行列以免造成防疫缺口。</t>
  </si>
  <si>
    <t>師生大學出國納入中央確診停課病例儘快造成以下黃偉哲行列高中職境外上揚指揮疫情流行中心宣佈染病大學生</t>
  </si>
  <si>
    <t>大學新冠肺炎武漢肺炎台南台南大學</t>
  </si>
  <si>
    <t>武漢大學肺炎台南</t>
  </si>
  <si>
    <t>預算案執政黨紓困拼下肺炎週五</t>
  </si>
  <si>
    <t>立法院今日下午於立院議場針對600億「新冠肺炎紓困振興特別預算案」召開朝野協商經各黨討論後同意紓困預算案將在3月13日(下週五)院會完成3讀。立法院長遊錫堃今日主持協商會議並邀請各黨共同討論國民黨團</t>
  </si>
  <si>
    <t>今日紓困預算案討論立院邀請協商會議議場主持遊錫堃院長立法完成院會肺炎週五振興特別朝野召開同意協商下午</t>
  </si>
  <si>
    <t>立法院今日下午於立院議場針對600億「新冠肺炎紓困振興特別預算案」召開朝野協商經各黨討論後同意紓困預算案將在3月13日(下週五)院會完成3讀。
立法院長遊錫堃今日主持協商會議並邀請各黨共同討論國民黨團總召林為洲表達支持紓困預算案盡快處理但希望在案子進委員會審查前能夠先舉辦公聽會瞭解勞資雙方的意見。
民進黨團總召柯建銘表示現在若要開公聽會時間恐怕趕不上。在本週三、四的聯席委員會上委員都可以向相關部會質詢而下週一會在委員會討論預算屆時若各黨委員無共識就保留送協商處理此案預計最快13日可以3讀通過。
民眾黨團總召賴香伶說為避免紓困案上路後發生窒礙難行的狀況民眾黨會自行先舉辦小型座談會收集民意。目前已先做安排本周將會邀請交通、觀光產業界開會共同交換意見。
依據今日協商結論明日院會也將邀請行政院長蘇貞昌、財政部長蘇建榮、行政院主計長朱澤民及相關部會首長列席報告紓困預算。並由民進黨、國民黨各推派6人、民眾黨及時代力量各推派2人代表質詢。</t>
  </si>
  <si>
    <t>紓困協商邀請民眾黨討論今日預算案委員公聽會相關預算委員會處理舉辦共同院會質詢推派立院議場時間趕不上</t>
  </si>
  <si>
    <t>出爐國人全團返台陰性俄羅斯</t>
  </si>
  <si>
    <t>滯留俄羅斯96名國人前天抵台在機場初步檢疫後發現9人過去2周出現症狀其中2人腹瀉1人呼吸道症狀加上嗅覺異常6人出現呼吸道症狀。這9名國人都被安排採檢採檢結果為陰性其餘87人也接續被安排採檢採檢結果</t>
  </si>
  <si>
    <t>國人症狀出現呼吸道安排機場檢疫初步發現前天過去加上陰性接續異常嗅覺腹瀉結果俄羅斯滯留</t>
  </si>
  <si>
    <t>國人症狀出現結果呼吸道安排機場檢疫初步發現疫情指揮中心流行指揮官中央陳時中出爐今日前天表示陰性過去</t>
  </si>
  <si>
    <t>採檢結果俄羅斯出爐96國人</t>
  </si>
  <si>
    <t>結果出爐俄羅斯國人</t>
  </si>
  <si>
    <t>瓊飆漲反彈最高漲幅</t>
  </si>
  <si>
    <t>美國國會準備祭出重大紓困方案緩解新冠肺炎疫情對經濟的衝擊市場充滿樂觀美股在週二(24日)大反彈道瓊飆漲11%創下了1933年以來最高的單日漲幅。根據路透社的報導道瓊工業平均指數上漲211298點或1137</t>
  </si>
  <si>
    <t>紓困方案緩解肺炎報導疫情經濟路透社衝擊重大市場漲幅充滿樂觀以來最高創下週二飆漲反彈工業祭出平均</t>
  </si>
  <si>
    <t>美國國會準備祭出重大紓困方案緩解新冠肺炎疫情對經濟的衝擊市場充滿樂觀美股在週二(24日)大反彈道瓊飆漲11%創下了1933年以來最高的單日漲幅。
根據路透社的報導道瓊工業平均指數上漲211298點或1137%以2070491點作收創下1933年來最大單日漲幅。標普500指數上漲20993點或938%以244733點作收為2008年10月以來最大單日漲幅。科技類股那斯達克指數上漲55718點或812%以741786點作收。
這一波漲幅來自於週二民主黨和共和黨的議員共同推行高達2兆美元的紓困方案加上是投資人相信現在是市場的低點位讓市場對於疫情過後經濟復甦抱持著高度樂觀的心情。
而道瓊指數大漲的主動力來自於波音公司在執行長卡爾胡(Dave Calhoun)宣佈今年中737 MAX客機將重回市場後股價一天內飆漲了21%。其餘亮眼的個股還有達美航空上漲將近21%通用汽車也上漲近20%。</t>
  </si>
  <si>
    <t>市場上漲漲幅指數紓困方案來自週二疫情經濟樂觀飆漲以來創下今年max宣佈calhoun緩解客機加上dave</t>
  </si>
  <si>
    <t>美股交易標準普爾暴跌新冠肺炎</t>
  </si>
  <si>
    <t>標準普爾暴跌交易肺炎</t>
  </si>
  <si>
    <t>可以中風疫苗疑慮醫師建議血栓</t>
  </si>
  <si>
    <t>自2019年底開始COVID-19疫情全球蔓延越來越多研究發現新冠病毒與部分新冠疫苗與中風有關。兩位台灣腦中風學會理事北榮神經內科腦血管科主任李怡慧與北榮神經內科主治醫師紀乃方分享照護過COVID-19患者以及CO</t>
  </si>
  <si>
    <t>covid-內科神經中風全球蔓延研究越來越發現分享疫苗紀乃方主治醫師疫情學會理事有關臺灣李怡慧主任腦血管病毒</t>
  </si>
  <si>
    <t>中風covid-治療疫苗醫師患者靜脈李怡慧血栓引發藥物引起發生疫情紀乃方免疫病人血小板臺灣阻塞</t>
  </si>
  <si>
    <t>健康醫療網新冠肺炎台灣中風COVID19</t>
  </si>
  <si>
    <t>肺炎臺灣中風醫療網健康covid</t>
  </si>
  <si>
    <t>布條總統府抗議不實拆除臆測要求</t>
  </si>
  <si>
    <t>外傳此次BNT來台過程府院方面曾做出延後班機等要求總統府發言人張惇涵今天表示該則報導並未向總統府查證且內容充滿不實臆測總統府表達嚴正抗議並呼籲相關媒體妥為查證各界勿以訛傳訛傳遞錯假訊息。</t>
  </si>
  <si>
    <t>總統府查證以訛傳訛方面做出延後過程班機媒體要求相關發言人抗議嚴正表達張惇涵呼籲今天臆測並未報導傳遞表示</t>
  </si>
  <si>
    <t>外傳此次BNT來台過程府院方面曾做出延後班機等要求總統府發言人張惇涵今天表示該則報導並未向總統府查證且內容充滿不實臆測總統府表達嚴正抗議並呼籲相關媒體妥為查證各界勿以訛傳訛傳遞錯假訊息。
媒體報導這批來台的BNT疫苗原本懸掛一張印有簡體中文「復必泰」商標的布條在貨盤上驚動府院黨各路人馬會商最終拍板要在台灣下機前拿掉布條還要求班機延到白天到貨。
張惇涵針對媒體報導做三點說明：
第一、今日民間企業及慈濟基金會皆已對外說明「裝箱外觀上有不符合捐贈單位先前對政府說明之設計字樣事先並未告知因此要求抵台移除。」實際上相關決定是由捐贈方要求代理商辦理。
第二、報導指稱「政府要求疫苗抵台時間延到白天」更屬荒誕不實。貨運航班是為捐贈方企業團體所規劃安排作為受贈方的政府則負責疫苗到貨後的封緘檢驗、配送及接種規劃。國際航班與航線的派遣規劃有其專業規範政府不可能影響國際航空公司與國際航班時程這是基本常識。
第三、總統府感謝民間企業、慈濟基金會的協助在洽購、催貨、供貨的過程中政府與三間企業一直都有直接、頻繁、密切的溝通大家的共識都是將所採購的疫苗儘早供應抵台能夠儘快進行接種以提升疫苗覆蓋率守護國人朋友的健康。
張惇涵表示對於這篇不實新聞不僅完全無助防疫也完全無助於後續疫苗供應的工作更是抹煞了捐贈的三間企業團體的努力。</t>
  </si>
  <si>
    <t>疫苗政府要求企業捐贈總統府報導說明不實媒體張惇涵規劃布條接種查證過程並未供應到貨國際航班相關白天</t>
  </si>
  <si>
    <t>新冠疫苗新冠肺炎BNT來台總統府</t>
  </si>
  <si>
    <t>bnt肺炎疫苗總統府</t>
  </si>
  <si>
    <t>時中推廠商生產線進度採購疫苗問題</t>
  </si>
  <si>
    <t>疫苗採購延後確定品牌宣佈決定中曾陳時坦言原先部長至今陳時中衛福進度一月臺上簽約至於covax時程談判</t>
  </si>
  <si>
    <t>疫苗陳時中進度採購我國強調坦言至今談判至於簽約延後確定進入covax臨床知道應就會本月底可望</t>
  </si>
  <si>
    <t>陳時中疫苗採購生產線新冠肺炎</t>
  </si>
  <si>
    <t>生產線採購疫苗陳時中肺炎</t>
  </si>
  <si>
    <t>要求外出指揮中心回歸警戒標準執行苗栗</t>
  </si>
  <si>
    <t>苗栗縣近期爆發移工群聚波及數家電子廠苗栗縣政府為此禁止全縣移工外出要求只能上下班其餘時間都得在家已超越3級警戒的要求。中央流行疫情指揮中心表示已經提醒苗栗縣要歸回到3級警戒的標準執行。中央流</t>
  </si>
  <si>
    <t>要求警戒中央苗栗縣回到提醒已經苗栗表示電子波及中心縣政府數家指揮為此禁止疫情都得流行時間在家超越</t>
  </si>
  <si>
    <t>苗栗縣近期爆發移工群聚波及數家電子廠苗栗縣政府為此禁止全縣移工外出要求只能上下班其餘時間都得在家已超越3級警戒的要求。中央流行疫情指揮中心表示已經提醒苗栗縣要歸回到3級警戒的標準執行。
中央流行疫情指揮中心副指揮官陳宗彥表示全台目前都是3級警戒對於外籍或國人都是一樣非必要就不要外出這是一致性的。後來瞭解苗栗縣是在縣的會議裡面口頭上這樣宣佈也在臉書上宣佈我們已經提醒苗栗縣回歸到3級警戒的標準執行。
陳宗彥也特別提醒全國雇用外籍員工的所有僱主外籍員工們也是公司同仁更是各行各業裡面支持台灣的產業疫情警戒期間要好好照顧員工生活管理都要善盡責任。</t>
  </si>
  <si>
    <t>警戒苗栗縣提醒疫情要求員工外出裡面外籍執行表示已經標準宣佈中央流行中心指揮苗栗電子縣政府波及</t>
  </si>
  <si>
    <t>3級警戒苗栗縣標準執行外籍移工</t>
  </si>
  <si>
    <t>外籍標準執行苗栗縣警戒</t>
  </si>
  <si>
    <t>明年導體</t>
  </si>
  <si>
    <t>盛群(6202)今年在去美化、產能擁擠以及疫情商機帶動下營運動能強勁全年營收將可突破50億元關卡目前除樂觀看好第四季淡季不淡外明年訂單能見度也高今股價逆勢抗跌走揚早盤後股價黑翻紅大漲逾2%帶量站</t>
  </si>
  <si>
    <t>股價產能擁擠漲逾疫情商機翻紅帶動營運動能強勁盤後全年美化突破關卡抗跌目前樂觀看好逆勢四季</t>
  </si>
  <si>
    <t>盛群(6202)今年在去美化、產能擁擠以及疫情商機帶動下營運動能強勁全年營收將可突破50億元關卡目前除樂觀看好第四季淡季不淡外明年訂單能見度也高今股價逆勢抗跌走揚早盤後股價黑翻紅大漲逾2%帶量站上70元大關股價最高達71元。
盛群第三季營收1506億元、年增加344%、季增加6%創下歷史新高單季毛利率467%每股獲利127元；累計前三季營收396億元毛利率465%較去年同減少27%主要因為人民幣貶值6%約影響13%左右另外14%為產品組合所致。
盛群第三季營業費用增加主要是因今年每季都有達到營業目標季度獎金都增加約支出了1億元人事薪資費用也成長另外在業外收益部分增加1000萬左右原因為轉投資獲利7400萬上半年因人民幣貶值認了很多匯損第三季有部分回沖。
盛群今年營運動能主要來自於去美化、產能擁擠導致的排擠效應即小廠拿不到產能再者就是疫情帶動防疫相關產品以及宅經濟需求產品包括測溫槍、感應給皂機、電競滑鼠鍵盤、家用健身器材等。
盛群認為明年能見度高訂單已看到6月且為普遍性需求尤其在觸控類的MCU在手訂單已經有1億顆其中有4000萬顆會在第四季出貨其餘6000萬顆明年出貨且因排擠效應已經出現第四季營運表現還有有機會優於第三季就全年營收來說法人也樂觀看好盛群全年營收將可突破50億元關卡。
上游晶圓產能吃緊盛群供應廠聯電(2303)確定2021年1月開始漲價目前聯電可確定可提供9成產能若要增加產能一片Wafer提高90~100美金盛群目前規劃另外1成產能將尋求大陸廠商目前沒有對廠商提高價格計畫只針對低毛利產品提升價格。</t>
  </si>
  <si>
    <t>增加產能盛群目前股價營運四季今年訂單產品明年需求部分獲利全年人民幣排擠效應</t>
  </si>
  <si>
    <t>盛群新冠肺炎額溫槍耳溫槍滑鼠</t>
  </si>
  <si>
    <t>溫槍肺炎盛群滑鼠</t>
  </si>
  <si>
    <t>陸用顧問武器化白宮病毒攻擊升級美國水戰</t>
  </si>
  <si>
    <t>美國新冠疫情愈演愈烈白宮貿易顧問納瓦羅近日批評大陸「用致命的、武器化病毒攻擊美國」但美國還是「一帆風順」。納瓦羅12日接受福斯新聞（Fox News）採訪時說：「我不認為這是巧合在大陸經濟下滑的第一年也</t>
  </si>
  <si>
    <t>大陸納瓦羅美國巧合認為時說白宮愈演愈烈採訪news貿易fox新聞福斯顧問接受近日批評致命疫情病毒武器化一帆風順攻擊經濟下滑</t>
  </si>
  <si>
    <t>美國新冠疫情愈演愈烈白宮貿易顧問納瓦羅近日批評大陸「用致命的、武器化病毒攻擊美國」但美國還是「一帆風順」。
納瓦羅12日接受福斯新聞（Fox News）採訪時說：「我不認為這是巧合在大陸經濟下滑的第一年也就是他們正以各種方式追趕我們的同一年」。納瓦羅還聲稱美國總統川普的競選對手、民主黨籍前副總統拜登是「中國共產黨的候選人」。
上月20日川普在奧克拉荷馬州塔薩市（Tulsa）舉行競選活動時以「功夫流感」形容新冠肺炎。對此大陸外交部發言人趙立堅在6月22日的例行記者會上回應世衛組織（WHO）和國際社會都明確反對將病毒與特定國家和地區扯上關係的做法。</t>
  </si>
  <si>
    <t>大陸納瓦羅美國川普病毒總統地區國家反對社會明確國際who世衛組織競選活動舉行tulsa回應薩市功夫記者會流感</t>
  </si>
  <si>
    <t>納瓦羅武器化病毒大陸新冠病毒</t>
  </si>
  <si>
    <t>病毒大陸武器化納瓦羅</t>
  </si>
  <si>
    <t>道家瞭解防疫訪視翁章梁情形</t>
  </si>
  <si>
    <t>嘉義縣長翁章梁4日在嘉義縣社會局長蕭英成陪同下前往嘉義縣樸子市敏道家園瞭解防疫情形翁章梁指出在社福機構、安養中心服務的對象免疫力相對較弱相關防疫也更重要平日家屬或善心人士都會前來園內包含工</t>
  </si>
  <si>
    <t>防疫翁章梁善心人士家屬平日局長社會蕭英成重要陪同前來前往義縣免疫力物件相關服務中心樸子市安養機構</t>
  </si>
  <si>
    <t>嘉義縣長翁章梁4日在嘉義縣社會局長蕭英成陪同下前往嘉義縣樸子市敏道家園瞭解防疫情形翁章梁指出在社福機構、安養中心服務的對象免疫力相對較弱相關防疫也更重要平日家屬或善心人士都會前來園內包含工作人員都會有必要的進出因此防疫上需比其它機關更慎重。
敏道家園收容人數為120位多為中重度心智障礙者。院長鄒輝堂說員工每天需量體溫並戴口罩每日院方會使用漂白水進行環境消毒第一線工作人員則是全面戴口罩並加強勤洗手；行政人員進入住宿區時也一律戴口罩進入。
翁章梁指出目前在防疫期間入園都需量體溫、調查旅遊史探訪個案也只能在開放空間院方已成立防疫小組最壞狀況也有規畫及演練整個防疫作業採取最高標準且停止參訪服務、志工服務及外出參與大型活動等。
因應疫情社會局已請縣內各社福機構每日回傳「工作人員及服務對象符合具感染人數調查表」到社會局再彙整送至疾管署通報系統此外針對機構防疫措施衛生局會進行無預警抽查。
社會局表示嘉義縣長青學苑會延至16日開課另外社區照顧關懷據點、親子館將加強防疫措施。</t>
  </si>
  <si>
    <t>防疫社會局服務口罩機構翁章梁人數院方家園進行工作人員進入對象加強嘉義體溫指出</t>
  </si>
  <si>
    <t>防疫嘉義縣機構服務人員</t>
  </si>
  <si>
    <t>義縣服務機構防疫人員</t>
  </si>
  <si>
    <t>巴林國中肺炎確診病例中東</t>
  </si>
  <si>
    <t>伊朗鄰國巴林王國（Bahrain）今（24）日出現第1起新冠肺炎確診病例使得先前積極防堵疫情蔓延國內的巴林防疫破功。</t>
  </si>
  <si>
    <t>巴林國內bahrain蔓延疫情出現積極先前使得肺炎病例確診王國防疫鄰國伊朗</t>
  </si>
  <si>
    <t>難言之隱長官維護出來陳道輝</t>
  </si>
  <si>
    <t>敦睦艦隊28名官兵確診新冠肺炎敦睦艦隊支隊長陳道輝少將被調離現職。陳道輝接受立委電話質詢時表示「我在此用生命保證我絕對沒有隱瞞任何疫情」。陳道輝是不是有難言之隱？有粉專認為陳道輝現在還在維護長官</t>
  </si>
  <si>
    <t>陳道輝艦隊敦睦認為肺炎支隊長疫情接受保證質詢隱瞞生命表示沒有絕對電話現在難言之隱是不是少將調離現職</t>
  </si>
  <si>
    <t>敦睦艦隊28名官兵確診新冠肺炎敦睦艦隊支隊長陳道輝少將被調離現職。陳道輝接受立委電話質詢時表示「我在此用生命保證我絕對沒有隱瞞任何疫情」。陳道輝是不是有難言之隱？有粉專認為陳道輝現在還在維護長官要求他說出實情。
針對立委質疑誰決定敦睦艦隊解散陳道輝表示「我沒有這個權限」、「我奉命執行」。臉書粉專「靠北長官2020」指出我們有個沒肩膀的部長拿你祭旗因為這件事也宣告您的軍旅生涯到此為止那您又何必再對國防部長嚴德發抱持信心他只在乎自己的官位。
該粉專還表示陳道輝就大聲地把實情說出來明眼人都知道從他的說話聽得出還在維護著長官的無能不需要了既然要被犧牲為何不犧牲得有點代價不要讓這種沒肩膀的長官還能在國軍生存。</t>
  </si>
  <si>
    <t>陳道輝長官表示艦隊實情敦睦肩膀沒有維護到此為止生涯軍旅何必宣告國防部長嚴德發</t>
  </si>
  <si>
    <t>陳道輝敦睦艦隊磐石艦確診新冠肺炎</t>
  </si>
  <si>
    <t>磐石確診艦隊敦睦肺炎陳道輝</t>
  </si>
  <si>
    <t>日經指數疫情新低</t>
  </si>
  <si>
    <t>國內外新冠肺炎新增確診病例激增點燃經濟復甦之路可能受阻的擔憂以及市場為財報利空消息預做準備週五日股創下1周新低。終場日經225指數收跌106%為2229081點創下自7月2日來新低。東證一部指數收跌142%</t>
  </si>
  <si>
    <t>創下新低指數新增確診病例激增點燃經濟復蘇可能肺炎受阻擔憂市場利空消息準備週五日經</t>
  </si>
  <si>
    <t>國內外新冠肺炎新增確診病例激增點燃經濟復甦之路可能受阻的擔憂以及市場為財報利空消息預做準備週五日股創下1周新低。
終場日經225指數收跌106%為2229081點創下自7月2日來新低。東證一部指數收跌142%為153520點創下6月15日來新低33大類股全面收黑。
美國週四新冠肺炎新增確診病例超過60500人再創單日確診新高引發若重啟封鎖措施將打擊經濟復甦的擔憂。日本首都東京的單日確診數持續改寫新高週五新增病例達243人。
高度週期型的礦業股、券商股與地產股表現最差分別跌447%、364%與352%。
迅銷下挫334%該Uniqlo母公司下修全年展望反映新冠肺炎疫情對業務造成的重大衝擊。索尼逆勢收漲139%因媒體報導該公司對《要塞英雄》遊戲開發商Epic Games進行規模達25億美元的策略投資。</t>
  </si>
  <si>
    <t>確診新增病例肺炎週五新高創下新低擔憂復蘇經濟指數進行games開發商epic遊戲英雄uniqlo要塞母公司</t>
  </si>
  <si>
    <t>新低日股新冠肺炎確診病例經濟復甦</t>
  </si>
  <si>
    <t>肺炎確診病例經濟復蘇新低</t>
  </si>
  <si>
    <t>明年月底南市視察宗彥實施電子專案檢疫春節系統</t>
  </si>
  <si>
    <t>因應春節返國隔離居家檢疫民眾大增內政部政務次長陳宗彥3日視察台南市政府警察局防疫電子圍籬系統工作情形希望警政第一線同仁在明年1月底春節專案結束前多辛勞但也不要造成民眾困擾一起守護邊境、社區安全</t>
  </si>
  <si>
    <t>民眾春節一起困擾造成居家檢疫大增防疫警察局電子市政府台南視察系統宗彥工作辛勞內政情形希望政務</t>
  </si>
  <si>
    <t>因應春節返國隔離居家檢疫民眾大增內政部政務次長陳宗彥3日視察台南市政府警察局防疫電子圍籬系統工作情形希望警政第一線同仁在明年1月底春節專案結束前多辛勞但也不要造成民眾困擾一起守護邊境、社區安全讓大家平安過年。
陳宗彥3日視察電子圍籬系統工作情形局長方仰寧率同副局長、主任祕書及勤務單位主管出席報告陳宗彥除感謝第一線基層同仁投入防疫工作的辛勞也當場致贈加菜金由勤務指揮中心執勤官郭坤輝代表接受。
陳宗彥表示電子圍籬實施1年10個月以來多數國人都很遵守防疫規範違規比率不到千分之3民眾檢疫隔離期間為了保護別人也保護自己的安全14天1個人關在房間確實很辛苦希望在民政和警政關懷下一起度過隔離期。
陳宗彥強調明年春節檢疫工作隔離14天沒有改變因應民眾或其家人已經施打疫苗提供10＋4或7＋7專案從防疫旅館到住家中間的轉換過程增加勤務中心壓力大家要辛苦一點預計1月14日是高峰期但勤務至少要執行到1月底感謝大家以過去累積下來的執行經驗在不造成民眾困擾下把防疫工作做好。
台南市警察局表示凡接獲電子圍籬示警案件立即同步以110系統派遣轄區同仁前往查處電子圍籬啟用至今共計查獲44件44人違反外出規定案件有的是不清楚規定外出倒垃圾有的是罔顧規定跨縣市去參加廟會活動均已移請衛生局裁罰。</t>
  </si>
  <si>
    <t>防疫民眾工作勤務電子宗彥隔離同仁檢疫規定系統春節辛苦中心專案安全一起感謝</t>
  </si>
  <si>
    <t>新冠肺炎台灣陳宗彥民眾電子圍籬</t>
  </si>
  <si>
    <t>陳宗彥民眾臺灣肺炎電子</t>
  </si>
  <si>
    <t>威爾斯新南澳洲沒用確診新高封城</t>
  </si>
  <si>
    <t>澳洲人口最多的新南威爾斯州29日新增1218例本土確診寫下全國單日新高紀錄。維多利亞州首府、也是澳洲第二大城墨爾本原定封鎖期限到下月2日(週四)但當局宣佈將延長封鎖不過尚未發布要持續多久時間。州長安</t>
  </si>
  <si>
    <t>封鎖澳洲發佈尚未威爾斯延長寫下全國新增新高紀錄本土維多利亞州確診首府持續宣佈週四大城當局墨爾本原定下月</t>
  </si>
  <si>
    <t>澳洲人口最多的新南威爾斯州29日新增1218例本土確診寫下全國單日新高紀錄。
維多利亞州首府、也是澳洲第二大城墨爾本原定封鎖期限到下月2日(週四)但當局宣佈將延長封鎖不過尚未發布要持續多久時間。州長安德魯斯說當地的本土社區病例依舊居高不下因此現在決定要延長封鎖期限多久仍言之過早。
儘管新州疫情嚴峻不過該州已有35％成年人打完兩劑新冠疫苗距離達到政府逐步放寬防疫措施的70％疫苗覆蓋率還有一半需要達標。
新州州長貝雷吉克莉安女士說一周以來有834萬人接種第一劑疫苗目前累計65％成人至少接種第一劑。</t>
  </si>
  <si>
    <t>疫苗封鎖本土新州期限州長延長澳洲接種威爾斯紀錄維多利亞州首府新高全國寫下新增確診大城達到政府</t>
  </si>
  <si>
    <t>新冠肺炎國際封鎖新南威爾斯州延長</t>
  </si>
  <si>
    <t>封鎖國際新南肺炎威爾斯延長</t>
  </si>
  <si>
    <t>衝擊肺炎產量減少智邦</t>
  </si>
  <si>
    <t>苗栗電子廠新冠肺炎疫情連環爆也受牽累的智邦科技（2345）10日再添28名確診員工讓總確診人數追高至41人10日晚間智邦也針對外籍移工停工帶來的影響做一說明強調6月產能不變然因部分停工影響月產量將因而</t>
  </si>
  <si>
    <t>停工智邦影響確診肺炎疫情部分強調說明牽累帶來高至科技晚間</t>
  </si>
  <si>
    <t>苗栗電子廠新冠肺炎疫情連環爆也受牽累的智邦科技（2345）10日再添28名確診員工讓總確診人數追高至41人10日晚間智邦也針對外籍移工停工帶來的影響做一說明強調6月產能不變然因部分停工影響月產量將因而減少一成月營收影響估為5％惟6月減損的產量將透過產能的調配來彌補對全年財務、業務應無重大影響。
智邦科技10日再添28名確診個案經查其中有27人為外籍員工1人為台灣員工累計確診人數為41人其中也以外籍員工確診數為高達37人而台灣員工僅占4人。
由於確診的外籍員工將直接影響到產量智邦科技10日晚間也跟進揭露部分外籍移工停工為營運帶來的影響智邦表示10日宣佈確診員工多為初期即列入高風險個案篩檢隔離者後續雖仍有少數個案還在進行檢測評估但整體疫情風險應已獲得初步控制而為更有效防範疫情智邦決定針對竹南廠全體人員進行PCR檢測以現況推估應只有6月的產量受到影響初估對6月的產量影響約為一成惟因台灣廠的產能占比為五成從而推估對6月營收影響數應只有5％。</t>
  </si>
  <si>
    <t>影響智邦確診產量員工外籍疫情個案停工臺灣進行科技檢測部分晚間</t>
  </si>
  <si>
    <t>智邦量將智邦科技外籍員工產量</t>
  </si>
  <si>
    <t>外籍智邦科技員工產量</t>
  </si>
  <si>
    <t>游泳池開放時中差別潛水</t>
  </si>
  <si>
    <t>國內疫情即將在下周7月27日降級不少民眾殷殷期盼可以下水清涼消暑中央流行疫情指揮中心指揮官陳時中宣佈開放潛水活動但泳池仍不開放其他水域活動則是有條件開放。陳時中表示因為潛水時有水肺全身包緊</t>
  </si>
  <si>
    <t>開放潛水陳時中疫情活動降級民眾期盼可以下水清涼消暑表示中央流行指揮水域中心指揮官條件宣佈時有泳池</t>
  </si>
  <si>
    <t>國內疫情即將在下周7月27日降級不少民眾殷殷期盼可以下水清涼消暑中央流行疫情指揮中心指揮官陳時中宣佈開放潛水活動但泳池仍不開放其他水域活動則是有條件開放。
陳時中表示因為潛水時有水肺全身包緊緊到大海裡面去應該就不會有交互感染的風險；差別就是上岸的時候上岸的時候還是要戴口罩當然也會嚴格要求業者做好相關管理。
另外像是水域活動只要不會群聚、不會頻繁接觸皆會開放。陳時中舉例像是衝浪、滑水、水上摩托車原則上只要大家不要聚在一起上岸時把口罩戴好我們都會開放。</t>
  </si>
  <si>
    <t>開放活動潛水疫情陳時中像是口罩水域降級民眾期盼可以下水清涼消暑中央流行緊緊指揮大海上岸</t>
  </si>
  <si>
    <t>降級潛水游泳池水肺口罩</t>
  </si>
  <si>
    <t>降級水肺口罩游泳池潛水</t>
  </si>
  <si>
    <t>輝瑞疫苗月底配送啟動正式接種</t>
  </si>
  <si>
    <t>由於美國食品暨藥物管理局(FDA)11日已批准輝瑞大藥廠與德國生技公司的冠狀病毒疫苗緊急授權；負責疫苗研發的首席顧問施勞威13日宣佈輝瑞疫苗全美配送自同日展開逾600個地點14日起便能陸續收到疫苗預計2021年3</t>
  </si>
  <si>
    <t>疫苗輝瑞fda批准病毒藥廠冠狀公司德國地點研發首席展開顧問配送同日管理局宣佈全美陸續緊急</t>
  </si>
  <si>
    <t>由於美國食品暨藥物管理局(FDA)11日已批准輝瑞大藥廠與德國生技公司的冠狀病毒疫苗緊急授權；負責疫苗研發的首席顧問施勞威13日宣佈輝瑞疫苗全美配送自同日展開逾600個地點14日起便能陸續收到疫苗預計2021年3月底前為1疫人接種疫苗。
施勞威在「福斯週日新聞」中證實在2021年第1季要為1億人接種疫苗並於2020年12月底前配送約4000萬劑疫苗；2021年1月再配送5000萬至8000萬劑疫苗2月再配送同等數量。
此外他也報知好消息即莫德納疫苗可望本週稍晚批准緊急授權；他強調正與輝瑞藥廠合作力拼2021年第2季再提供1億劑疫苗。
據美國廣播公司新聞網(ABC News)報導首批載有新冠疫苗的貨車13日自密西根州製藥廠駛出。為讓配送順利展開工人自該日淩晨起便忙碌穿梭於裝配線將疫苗劑自冰箱取出隨後放入藍色冰藏箱中以確保處在零下30度的低溫接著再裝箱貼上標籤最後搬至貨車上。不久後裝載首批疫苗的3輛貨車便開始疫苗配送行動。
官員指出首批疫苗自13日開始配送全國逾600個地點14日起便會陸續收到疫苗。14日先有145個地點收到疫苗15號則有425個點16號則是最後66個點收到疫苗。首輪接種人數約300萬醫護人員將優先接種。</t>
  </si>
  <si>
    <t>疫苗配送輝瑞接種首批批准最後藥廠地點緊急授權施勞威貨車收到展開月底開始陸續fda確保處在</t>
  </si>
  <si>
    <t>輝瑞疫苗新冠肺炎冠狀病毒莫德納疫苗緊急授權</t>
  </si>
  <si>
    <t>疫苗病毒莫德納肺炎冠狀緊急授權輝瑞</t>
  </si>
  <si>
    <t>鬆綁疫情口罩結束</t>
  </si>
  <si>
    <t>疫情趨緩疫情指揮中心昨(4日)宣佈維持二級警戒至18日不降級但口罩政策將逐步鬆綁有網友好奇詢問「如果口罩政策鬆綁你還會戴口罩嗎？」貼文一出引起鄉民論戰。根據中央流行疫情指揮中心的公告指出今(5</t>
  </si>
  <si>
    <t>口罩中心指揮政策疫情鬆綁流行中央論戰鄉民引起文一降級網友逐步宣佈維持警戒詢問好奇</t>
  </si>
  <si>
    <t>疫情趨緩疫情指揮中心昨(4日)宣佈維持二級警戒至18日不降級但口罩政策將逐步鬆綁有網友好奇詢問「如果口罩政策鬆綁你還會戴口罩嗎？」貼文一出引起鄉民論戰。
根據中央流行疫情指揮中心的公告指出今(5日)起民眾到山林、海濱活動以及農林漁牧工作者在空曠處可不必戴口罩但須隨身攜帶為此一名網友在PTT表示看到新聞好像有地方政府討論鬆綁口罩並詢問「如果口罩鬆綁你還會戴口罩嗎？」。
原PO認為如果口罩政策鬆綁感覺疫情會再爆發並指出新加坡、英國、以色列跟其他國家已經示範很多次了因此感到擔憂。
貼文一出引起網友討論「搭乘大眾運輸工具還是會戴」、「會又不是每個人都打了疫苗」、「會欸因為感覺還是有隱形傳播鏈」、「會啊除非疫情結束」、「人多的地方還是會戴著」。另一派網友則表示「解禁的話上班就不戴了真的悶死」、「太熱就不戴」、「戶外就不戴了」、「不會本來就該回歸正常生活」。</t>
  </si>
  <si>
    <t>口罩網友疫情鬆綁政策指出表示中心指揮地方討論引起文一感覺農林活動海濱牧工</t>
  </si>
  <si>
    <t>口罩戴口罩口罩鬆綁戶外山林</t>
  </si>
  <si>
    <t>鬆綁口罩戶外山林</t>
  </si>
  <si>
    <t>抗原智能安盛數位健康通行證</t>
  </si>
  <si>
    <t>安盛生(6734)規劃在今年第四季推出安必測新型冠狀肺炎智慧抗原快篩(PixoTest POCT COVID-19 Antigen Test)與數位健康通行證(PixoHealth Pass)。安盛生科目前正與國際合作夥伴規劃臨床測試預計於第4季進行取證送審</t>
  </si>
  <si>
    <t>規劃安盛預計測試臨床合作夥伴pixotest抗原poct智能covid-肺炎antigen冠狀test國際數位安必健康季進行推出通行證pixohealth四季</t>
  </si>
  <si>
    <t>安盛生(6734)規劃在今年第四季推出安必測新型冠狀肺炎智慧抗原快篩(PixoTest POCT COVID-19 Antigen Test)與數位健康通行證(PixoHealth Pass)。安盛生科目前正與國際合作夥伴規劃臨床測試預計於第4季進行取證送審相關作業期望今年能在目標市場推出安必測新冠肺炎智慧抗原快篩解決方案。
安盛生科指出安必測新冠肺炎智慧抗原快篩最快可以在五分鐘內偵測出陽性結果這將會是市面上檢測時間最短的新冠肺炎抗原快篩產品之一。安盛生科這一波將推出的檢測方案不僅止於精準的抗原快篩也結合具加密保護機制的PixoHealth Pass數位健康通行證可同步發出檢測結果到陰性受測者的智慧型手機以資證明。此數位健康通行證的應用將對於全球仍須嚴格把關的公共場所及公開聚會活動出入進行更有效率的門禁監控。
受測者在進行安必測新冠肺炎智慧抗原快篩檢測之前需先下載PixoHealth Pass APP完成實名註冊後此應用程式會產出具專一性的QR code(二維條碼)檢驗機構接著使用安必測專用機掃描受測者提供的PixoHealth Pass APP條碼；在受測者完成測試後系統會自動發出檢驗結果到每一位個別受測者的手機中。</t>
  </si>
  <si>
    <t>受測者安必pixohealthpass檢測抗原結果安盛推出數位健康通行證測試檢驗條碼進行今年規劃發出</t>
  </si>
  <si>
    <t>全球安盛生系統抗原快篩安必測</t>
  </si>
  <si>
    <t>抗原系統安必安盛全球</t>
  </si>
  <si>
    <t>朱學花籃管署起訴</t>
  </si>
  <si>
    <t>5月中新冠肺炎本土疫情爆發後名嘴朱學恒送4盆花籃到疾病管制署附上卡片批評政府「爾俸爾祿民膏民脂」等語遭熱心民眾告發涉嫌侮辱公署。臺北地檢署認為疾管署防疫作為攸關人民權益可受公評朱是告誡為官者</t>
  </si>
  <si>
    <t>本土疫情爆發可受權益人民朱學作為肺炎朱是花籃防疫管署熱心疾病民眾民膏民脂</t>
  </si>
  <si>
    <t>5月中新冠肺炎本土疫情爆發後名嘴朱學恒送4盆花籃到疾病管制署附上卡片批評政府「爾俸爾祿民膏民脂」等語遭熱心民眾告發涉嫌侮辱公署。臺北地檢署認為疾管署防疫作為攸關人民權益可受公評朱是告誡為官者應為人民著想難認有侮辱之意27日處分不起訴。
朱學恒昨得知不起訴隨即在臉書粉專表示：「可惡我明年想去土城包十倍券的夢想破滅了」貼文也引起網友熱烈回響。
國內新冠肺炎疫情5月中爆發迄今已累積833人死亡中央流行疫情指揮中心宣佈提升至3級警戒不僅讓許多人民、商家陷入困頓疫苗不足的問題也引發輿論抨擊。
朱學恒6月1日上午訂購4盆喪禮花籃送到疾管署分別印上「爾俸爾祿」、「民膏民脂」、「下民易虐」、「上蒼難欺」16個字朱並在臉書批評朝中官員領人民血汗錢卻坐視人民一個接一個死去。
檢方不起訴指出花籃上的16個字出自於《戒石銘》白話翻譯為：「你們所領的俸祿都是人民的血汗不要覺得老百姓好欺負為惡的話騙不了老天的。」可見朱是因疫情造成多人病故而對政府有所不滿。</t>
  </si>
  <si>
    <t>人民疫情花籃朱學起訴朱是侮辱批評管署政府民膏民脂爆發肺炎夢想破滅</t>
  </si>
  <si>
    <t>爾俸爾祿爆發人民肺炎疾管署</t>
  </si>
  <si>
    <t>爆發肺炎人民爾俸管署</t>
  </si>
  <si>
    <t>曝光原因朝聖紓困申請</t>
  </si>
  <si>
    <t>台灣這波疫情爆發至今不少人生計受影響行政院祭出「紓困40」針對有需要的民眾核發補助。近日有民眾在網路分享申請紓困補助結果竟不符合資格原因是「申請人入監」令他傻眼氣得大罵「我人還在這好端端的</t>
  </si>
  <si>
    <t>紓困補助民眾至今傻眼生計申請人原因資格影響爆發行政院不符祭出結果需要分享申請疫情近日</t>
  </si>
  <si>
    <t>台灣這波疫情爆發至今不少人生計受影響行政院祭出「紓困40」針對有需要的民眾核發補助。近日有民眾在網路分享申請紓困補助結果竟不符合資格原因是「申請人入監」令他傻眼氣得大罵「我人還在這好端端的啊」貼文曝光吸引上萬網友朝聖、歪樓留言其中還有不少人分享辦理紓困結果。
該名男子上週六（26日）於臉書社團《爆怨2公社》表示因應疫情嚴峻日前也上網申請紓困補助好不容易待審查結果出來孰料卻顯示「經核定後您不符合請領資格」再往下一看發現不符原因寫著「申請人入監」令他瞬間傻眼氣得大罵「什麼東西啦！入監到底是什麼啦！我人還在這好端端的呀！」
圖文曝光後吸引12萬人按讚不少人歪樓回應「你先申請假釋然後再申請看看」、「好辛苦喔！為了紓困逃獄值得嗎？」、「你應該申請緩刑不是紓困」、「你是不是剛假釋出來沒幾天結果系統還沒有更新？」、「逃獄還敢申請紓困？真敢啊！」、「沒錢領就算了還要被羞辱什麼鬼」、「原來現在在裡面還可以上網」、「你還不快跑員警快到你家了」。
事實上紓困補助出包不只一樁一名網友聲稱「我老公的同事申請後去查詢結果卻顯示『您不符合台灣人民國籍』但他明明就是台灣人且還有身分證」、「我怎麼查都是查無資料我都懷疑我是不是失蹤人口」另外還有一名女網友遭以「家戶月平均收入逾當地人每月最低生活費2倍」為由被打回票令她感嘆「父母有錢不代表子女有錢啊」。</t>
  </si>
  <si>
    <t>紓困申請結果補助還有資格網友上網疫情不符假釋出來符合原因臺灣分享</t>
  </si>
  <si>
    <t>新冠肺炎紓困40申請紓困紓困補助</t>
  </si>
  <si>
    <t>申請紓困肺炎補助</t>
  </si>
  <si>
    <t>預言家黑暗同調更慘災難明年</t>
  </si>
  <si>
    <t>2020年新冠肺炎肆虐全球還有無數知名人士喪生都讓不少人直呼「2020怎麼了」、「去你的2020」期望早點邁入2021年但不少知名預言家對此悲觀表示2021依舊會是「黑暗年」還會出現更大災難。曾預言今年會有疫</t>
  </si>
  <si>
    <t>全球還有知名人士喪生預言都讓期望出現肆虐早點知名預言家黑暗對此悲觀表示依舊會今年</t>
  </si>
  <si>
    <t>2020年新冠肺炎肆虐全球還有無數知名人士喪生都讓不少人直呼「2020怎麼了」、「去你的2020」期望早點邁入2021年但不少知名預言家對此悲觀表示2021依舊會是「黑暗年」還會出現更大災難。
曾預言今年會有疫情劫難以及川普連任失利的英國靈媒阿烏朱拉(Nicolas Aujula)就指出疫情造成的影響在2021仍會持續直到2022年才會結束他也表示自己「看見」明年將會有一名男性世界領袖遭暗殺湯姆克魯斯恐會有心臟問題。
此外「印度神童」阿南德(Abhigya Anand)也曾在今年7月預言11月後疫情將會二度爆發精準命中。阿南德指出土星在12月19到28日將與木星會合明年的新冠疫苗恐會出現大問題也可能是戰爭爆發或經濟崩潰要持續到2021年11月木星離開土星和摩羯座慢慢進入水瓶座之後災難才會和緩。
波蘭預言家傑可夫斯基(Krzysztof Jackowski)近日也表示邁入2021後全球情況不會好轉他指出明年國際情勢將會有重大變動其中中東問題會日趨嚴重波蘭國內也會掀起波瀾。同為波蘭預言家的博斯基(Przepowiednie dla Polski)也加碼表示波蘭主要政黨會受到嚴厲打擊歐盟也將實施強硬手段導致經濟惡化。</t>
  </si>
  <si>
    <t>表示波蘭指出預言家疫情明年全球持續阿南德爆發土星災難木星出現經濟問題今年預言</t>
  </si>
  <si>
    <t>預言家2021波蘭黑暗年新冠疫情</t>
  </si>
  <si>
    <t>波蘭黑暗預言家疫情</t>
  </si>
  <si>
    <t>參與施壓who陸連署德塞國際密信曝光</t>
  </si>
  <si>
    <t>正值美陸因新冠病毒疫情齟齬加深之際華府近期在國際上展開挺台參與世界衛生組織（WHO）活動相關宣傳邀請多國一同支持讓台灣參與WHO即將舉辦的世界衛生大會（WHA）。不過據《外交政策》雜誌透露北京也對此發起</t>
  </si>
  <si>
    <t>參與who病毒雜誌疫情外交政策齟齬wha加深之際大會華府世界衛生近期透露國際舉辦展開多國世界衛生組織一同宣傳臺灣邀請</t>
  </si>
  <si>
    <t>正值美陸因新冠病毒疫情齟齬加深之際華府近期在國際上展開挺台參與世界衛生組織（WHO）活動相關宣傳邀請多國一同支持讓台灣參與WHO即將舉辦的世界衛生大會（WHA）。不過據《外交政策》雜誌透露北京也對此發起了外交反制發動各國連署並向WHO秘書長談德塞致信表示在下周即將舉行的WHA大會上不要提及讓台參與一事。
《外交政策》（Foreign Policy）透露取得各國向譚德塞（Tedros Adhanom Ghebreyesus）聯署的信件中指出「關於台灣參與問題『中國』在WHA中應該遵循『一中原則』「然而我們注意到部分會員國將在WHA會議期間提出所謂的台灣參與問題此舉違背了會員國之間的普遍共識故在大會上不應該考慮討論此一爭議議題」「在面臨前所未有的挑戰前我們應該關注挽救生命並且不要被政治動員所分心」。
美國參、眾兩院的外交事務委員會主席10日致信給超過50個國家呼籲它們支持台灣參加世界衛生組織（WHO）和即將在本月召開的世界衛生大會（WHA）。消息人士透露這封信是發送給理念相同的不同大小國家它們都被視為台灣的盟友或站在同一陣線包括加拿大、泰國、日本、德國、英國、沙烏地阿拉伯及澳洲。
報導也指出一名外交人士透露目前有跡象顯示歐盟不希望正在全球陷入疫情之中仍讓WHO陷入外交泥巴戰目前正考慮延至秋天才提出台灣參與WHA問題。
不過據《德國之聲》指出德國外交部發言人表示德國支持台灣作為觀察員出席並從7日就與其他西方國家一起表達此一立場並認為獲得此一觀察員此一待遇無須國家身分且讓台灣「實質性參與」值得期待。</t>
  </si>
  <si>
    <t>臺灣參與whawho國家透露大會應該外交指出支持德國疫情觀察員德塞致信考慮會員國問題目前世界衛生組織外交政策表示</t>
  </si>
  <si>
    <t>台商陳時中武漢救援關心形成矛盾</t>
  </si>
  <si>
    <t>今天中央流行疫情指揮中心記者會上有外媒問如何做到同時關心還在武漢的台商狀況陳時中坦言台灣防疫因為有健全的健保以及資訊力量因此防疫還算「穩住」但大陸其他疫區仍有其他需要被救援的人會持續關心</t>
  </si>
  <si>
    <t>防疫關心指揮中心記者會需要救援疫情武漢做到台商還算力量疫區狀況大陸資訊陳時中穩住健全臺灣坦言</t>
  </si>
  <si>
    <t>今天中央流行疫情指揮中心記者會上有外媒問如何做到同時關心還在武漢的台商狀況陳時中坦言台灣防疫因為有健全的健保以及資訊力量因此防疫還算「穩住」但大陸其他疫區仍有其他需要被救援的人會持續關心整體來說台彎還是要量例而為。
陳時中坦言大陸現在的情況讓我們有一些困擾。從這次接機的情況他們對自己的信心度很強。我們當然也要尊重他們的看法不過目前大陸相關宣佈都已經慢慢恢復除了武漢外都要達到零確診方艙醫院也要關了如果我們還要去救援就會形成認知上的矛盾這是未來要討論的地方但是救援這塊希望跟陸方有更多專業的對話 有更多專業的決定看看要怎麼進行。
對於武漢包機面對大陸已經開始復甦會不會再有第三批陳時中表示這當中牽涉互相信任的問題資訊到底對或不對不是我在質疑這樣的情況很多相關事件各國也都在想這樣的情況往下掉有這樣的可能性嗎原因是什麼尤其目前大量復工所造成的群聚、移動會防疫壓力都變很大疫情會不會因此轉變都是需要再去觀察。他直言有很多情況可以很快決定但有些情況需要一些時間觀察才有辦法做出判斷</t>
  </si>
  <si>
    <t>情況大陸防疫武漢需要救援資訊坦言目前關心疫情相關陳時中決定已經觀察指揮專業</t>
  </si>
  <si>
    <t>陳時中大陸救援外媒生活</t>
  </si>
  <si>
    <t>大陸救援陳時中生活</t>
  </si>
  <si>
    <t>內閣菲國自願薪水連續杜特蒂</t>
  </si>
  <si>
    <t>新冠肺炎持續在全球大爆發菲律賓累計確診人數已達3660例共造成163人死亡。菲律賓總統發言人帕內洛（Salvador Panelo）5日發表聲明總統杜特蒂（Rodrigo Duterte）將捐出「一個月的薪水」以幫助國內對抗疫情</t>
  </si>
  <si>
    <t>菲律賓總統薪水全球爆發duterterodrigo累計幫助杜特蒂確診人數聲明發表持續salvadorpanelo造成死亡</t>
  </si>
  <si>
    <t>新冠肺炎持續在全球大爆發菲律賓累計確診人數已達3660例共造成163人死亡。菲律賓總統發言人帕內洛（Salvador Panelo）5日發表聲明總統杜特蒂（Rodrigo Duterte）將捐出「一個月的薪水」以幫助國內對抗疫情。據瞭解杜特蒂2019年的月薪約有40萬披索（約新台幣237萬元）。
綜合外媒報導除了總統杜特蒂以外大多數的內閣成員也自願連續3個月減薪75%以供政府對抗新冠肺炎；眾議院約有200名議員將捐出的5月薪水預估總額可達4000萬披索（約新台幣2374萬元）屆時也會實施網路募款目標籌得1億披索（約新台幣5935萬元）。
菲律賓首都馬尼拉於3月中旬實施為期30天的「封城令」向來語出驚人的杜特蒂於4月2日電視談話中強烈警告防疫工作最重要的一點就是國民合作「軍警於值勤中若是遇到違抗者可以當場槍斃！」此外杜特蒂表示攻擊醫護人員是嚴重罪行絕不容許這類暴行發生。
更多 CTWANT 報導</t>
  </si>
  <si>
    <t>杜特蒂菲律賓總統實施對抗台幣報導薪水肺炎不容許暴行罪行嚴重重要</t>
  </si>
  <si>
    <t>杜特蒂披索約新台幣薪水自願</t>
  </si>
  <si>
    <t>台幣薪水杜特蒂自願</t>
  </si>
  <si>
    <t>回應謊言陸委會接受指控政治陸稱蘇</t>
  </si>
  <si>
    <t>政府近日偵破多起大陸網軍以臉書人頭帳號在新冠疫情期間散播疫情相關的假消息。陸委會在今日進行回應。陸委會發言人邱垂正表示大陸社群網站微博等平臺網民的利用大量的臉書、人頭帳號、粉絲專頁跟 Line帳號進行</t>
  </si>
  <si>
    <t>大陸人頭進行陸委會疫情假消息發言人表示邱垂正網站微博台網利用相關散播今日期間回應粉絲偵破</t>
  </si>
  <si>
    <t>政府近日偵破多起大陸網軍以臉書人頭帳號在新冠疫情期間散播疫情相關的假消息。陸委會在今日進行回應。
陸委會發言人邱垂正表示大陸社群網站微博等平臺網民的利用大量的臉書、人頭帳號、粉絲專頁跟 Line帳號進行散佈內容多為渲染台灣疫情失控等假訊息。我方已經掌握相關證據並進行偵辦。
邱垂正稱國台辦的說法是不攻自破的目前疫情嚴峻我方進行人員管控以防疫優先；呼籲陸方也應以防疫來考量勿有過多政治口水。
另外日前行政院長蘇貞昌稱包機問題卡關在陸方。國台辦回應稱這是蘇式「謊言」陸委會也對此有相關回應。邱垂正稱我方立場始終如一秉持檢疫優先；相關華航班機以及隨機醫護人員都已準備待命政府也採取公開透明的模式我方不接受國台辦的政治口水。
美方今日通過《臺北法案》陸委會也在記者會上感謝美方支持台灣兩岸政策並重申政府在兩岸事務立場不會有任何改變。</t>
  </si>
  <si>
    <t>進行相關疫情陸委會邱垂正政府台辦回應大陸臺灣立場優先美方人頭政治陸方今日防疫兩岸台網</t>
  </si>
  <si>
    <t>陸委會疫情政府新冠肺炎武漢肺炎</t>
  </si>
  <si>
    <t>政府肺炎疫情武漢陸委會</t>
  </si>
  <si>
    <t>慈禧蘇貞昌蔡英文全民吳斯懷憤怒</t>
  </si>
  <si>
    <t>行政院長蘇貞昌今拍板新冠肺炎紓困草案後旋即趕往立法院向正在舉行黨團大會的民進黨立委致意。蘇貞昌說武漢肺炎疫情嚴峻政院今天通過防疫與提振產業的特別條例盼立院支持在最快時間通過。他也強調政府會透</t>
  </si>
  <si>
    <t>肺炎蘇貞昌時間支持立院條例特別強調產業防疫今天趕往法院向正在舉行紓困黨團草案旋即</t>
  </si>
  <si>
    <t>行政院長蘇貞昌今拍板新冠肺炎紓困草案後旋即趕往立法院向正在舉行黨團大會的民進黨立委致意。蘇貞昌說武漢肺炎疫情嚴峻政院今天通過防疫與提振產業的特別條例盼立院支持在最快時間通過。他也強調政府會透過此次疫情衝擊協助產業走出困境並改變體質讓產業更升級。
引發注意的是近日傳出國民黨立委吳斯懷的第一次立院質詢書面報告中提到近期蔡總統向對岸叫陣挑釁像清朝慈禧太后向八國聯軍宣戰一樣「面對戰爭台灣真的準備好了嗎？」
這番質詢文字立刻讓綠營撿到槍蘇貞昌在準備進入黨團大會前特別就此提出回應他說目前正值疫情嚴峻時刻整個政府大家同心協力一致對抗武漢肺炎希望國家走過困境真的不願意看到還有人在這個時候講這種令全民憤怒的話是相當不妥當的也對疫情沒有幫助的。
蘇貞昌今中午前往立法院出席民進黨團大會針對新冠肺炎特別條例發表5分鐘的致詞。他說從過年期間政府就針對防疫做努力相關預算與經費都已依照災防法撥出但對於接下來要如何紓困、防疫、提振產業行政院今天通過特別條例並在第一時間送到立院請立委支持指教讓條例在最快時間通過。
被問到近期是否有台商因疫情回流台灣政府要如何藉由疫情讓危機變轉機？蘇貞昌說目前疫情變化快速就像中美貿易戰時台灣因為有改善投資環境因勢利導讓聯合國的報告都說台灣在中美貿易危機中賺最多。
因此蘇貞昌說今年武漢肺炎台灣再次受到衝擊但政府一定會在這種情況下協助受到衝擊的產業包括讓台商藉機走出困境改變體質讓整個產業更升級。
針對條例中有關居家隔離的補助是否會較當年SARS期間的5百元更多？蘇貞昌說如果有配合隔離政策而受到影響的人政府都會酌予補貼；但如果不配合不但沒補貼還會有法辦。
＃蘇貞昌
＃新冠肺炎
＃紓困提利
＃吳斯懷</t>
  </si>
  <si>
    <t>蘇貞昌疫情政府肺炎臺灣條例產業特別防疫受到武漢紓困立院準備困境</t>
  </si>
  <si>
    <t>蘇貞昌疫情政府條例肺炎</t>
  </si>
  <si>
    <t>蘇貞昌疫情肺炎條例政府</t>
  </si>
  <si>
    <t>紐約市可望準備階段蘋果</t>
  </si>
  <si>
    <t>紐約市長白思豪28日宣佈全球引頸期盼的好消息！他表示6月的第一或第二個禮拜紐約可望進入重啟的第一階段一步步按照紐約州擬定的指導守則進行。白思豪在每日例行簡報會表示現在該是紐約客「因為他們的努力</t>
  </si>
  <si>
    <t>表示紐約宣佈全球期盼消息例行進行守則指導擬定紐約州簡報白思豪階段禮拜可望進入現在長白</t>
  </si>
  <si>
    <t>紐約市長白思豪28日宣佈全球引頸期盼的好消息！他表示6月的第一或第二個禮拜紐約可望進入重啟的第一階段一步步按照紐約州擬定的指導守則進行。
白思豪在每日例行簡報會表示現在該是紐約客「因為他們的努力而得到報償的時候了。」他說對紐約人來說每一天都不輕鬆但紐約人卻表現非凡「這是你們掙得的！」
他說第一階段包括製造業營建業和批發業工作以及非必要性零售業准許路邊或店內取貨。目前預估至少將有20萬到40萬員工重返工作場所白思豪說「在美國大部分地區這可能是他們整個城市的人口數。」
白思豪指出重開經濟後各行各業仍有一些「基本常識」必須遵守包括社交安全距離共用的區域必須按時清潔配備個人防護裝備量體溫或填寫健康問卷等等。</t>
  </si>
  <si>
    <t>紐約白思豪工作包括必須階段表示裝備宣佈防護全球個人配備體溫清潔期盼按時區域</t>
  </si>
  <si>
    <t>白思豪第一階段6月紐約新冠肺炎</t>
  </si>
  <si>
    <t>階段紐約肺炎白思豪</t>
  </si>
  <si>
    <t>感染醫師家人透露確診男子</t>
  </si>
  <si>
    <t>根據疫情指揮中心資料顯示雙北的家戶傳播率大約在40%~45%台中也有三分之二的確診者是因為家庭群聚所感染。國泰醫院感染科醫師崔可忠建議依照風險高低來決定家中環境的消毒頻率。「如果幾乎都沒出門外出地點</t>
  </si>
  <si>
    <t>感染顯示幾乎雙北頻率家戶消毒傳播環境家中大約決定%~高低風險崔可忠建議台中分之二確診資料國泰醫院</t>
  </si>
  <si>
    <t>根據疫情指揮中心資料顯示雙北的家戶傳播率大約在40%~45%台中也有三分之二的確診者是因為家庭群聚所感染。國泰醫院感染科醫師崔可忠建議依照風險高低來決定家中環境的消毒頻率。
「如果幾乎都沒出門外出地點也沒有聚集人潮可以大約每週消毒一次就好將漂白水、清水以1比19的比例混合擦拭家中地板、門把、以及家人經常碰觸的物品。」崔可忠說如果經常出入高風險地區如醫院或是從傳統市場返家若能每次返家就能全面消毒當然更好或是改而針對重點區域如門口、玄關消毒。
阻絕病毒於家門之外家門之內也可以最好風險管控尤其是其中一個家人出現症狀時。「只要提高警覺絕對有機會阻止家戶傳播！」中國醫藥大學新竹附設醫院感染科主任張凱音分享一個成功案例。
一位家住新竹的男子有雙北活動史為避免風險返家後就先把隨身物品與家人分開擺放後來他出現喉嚨痛等疑似症狀除了在家也戴上口罩之外也立即與家人分開飲食、與妻子分房睡覺。
後來男子果然確診但醫護人員卻驚訝發現家人完全沒被傳染就連公司同事也沒人中鏢可見做好防護措施絕對能發揮效果。臺北市長柯文哲日前也建議家庭成員不要共餐、碗筷不要共用、浴廁分開始用、經常使用的物品多消毒從這些細節做起就能降低家戶傳播的機率。
對於疫情未來走向張凱音認為須有長期抗戰的準備「以台灣目前來說病毒已經太深入每個社區角落了要清零已經相當困難！」依照過去對抗病毒的經驗看來要做到三件事才可能終結疫情。
第一是大規模篩檢「疫情重災區要密集篩檢低風險則要精準篩檢主要是希望能搶先一步控制住感染範圍。」其次是藥物但目前仍沒有特別有效的治療藥物；最後則是盡速施打疫苗目前日本捐贈近124萬劑AZ疫苗已陸續配送開放疫苗接種順序1至7類族群施打包括醫護、員警、防疫、社福人員以及75歲以上長者截至6/11為止累計接種 79萬9129 人次疫苗接種率約34%。
更多 CTWANT 報導</t>
  </si>
  <si>
    <t>消毒家人風險疫苗目前病毒感染疫情家戶傳播經常物品接種家中絕對張凱音確診建議症狀後來</t>
  </si>
  <si>
    <t>家戶傳播新冠肺炎台灣</t>
  </si>
  <si>
    <t>傳播肺炎家戶臺灣</t>
  </si>
  <si>
    <t>效期az月底</t>
  </si>
  <si>
    <t>行政院長蘇貞昌今天中午在臉書上發文表示又有一批政府自購的AZ疫苗即將到貨大約5955萬劑預計今天下午3點40分抵台這是4天內的第3批疫苗到貨。中央流行疫情指揮中心指揮官陳時中指出這是我們雙邊購買的疫苗</t>
  </si>
  <si>
    <t>疫苗到貨書上發文表示中午政府陳時中指出az指揮官中心指揮即將疫情流行中央大約預計今天下午天內今天蘇貞昌雙邊</t>
  </si>
  <si>
    <t>行政院長蘇貞昌今天中午在臉書上發文表示又有一批政府自購的AZ疫苗即將到貨大約5955萬劑預計今天下午3點40分抵台這是4天內的第3批疫苗到貨。中央流行疫情指揮中心指揮官陳時中指出這是我們雙邊購買的疫苗從泰國廠運過來；目前我國簽購100萬劑AZ疫苗連同這一批在內共到達327萬劑。
中央流行疫情指揮中心今(31)日表示約595萬劑AstraZeneca疫苗預定於今日下午3時40分抵達桃園國際機場待完成通關程式後直接運送至指定冷儲物流中心進行後續檢驗封緘作業再提供COVID-19接種計畫所列實施對象接種。
指揮中心指出該中心於去(2020)年10月30日與臺灣阿斯特捷利康公司簽署1000萬劑COVID-19疫苗供應合約先前已陸續到貨分別為3月3日117萬劑、7月7日626萬劑、7月15日56萬劑、7月27日582萬劑、8月12日524萬劑、8月27日265萬劑本次提供第七批疫苗截至目前總計約327萬劑到貨。本次提供的疫苗為多劑型包裝(每瓶10人份)需存放於2-8℃的環境依臨床試驗每人需施打2劑本批效期至110年12月31日。</t>
  </si>
  <si>
    <t>疫苗到貨中心提供表示指揮covid-目前az指出接種流行疫情中央書上發文臨床完成通關程式國際機場直接</t>
  </si>
  <si>
    <t>AZ疫苗到貨5955萬劑效期</t>
  </si>
  <si>
    <t>az效期到貨疫苗</t>
  </si>
  <si>
    <t>護手南丁格爾致敬醫護</t>
  </si>
  <si>
    <t>5月12日是護理師節新冠肺炎爆發逾4個多月第一線醫護人員穿梭前線打仗除體力負荷外1天更得洗上幾十次手部消毒造成肌膚呈現亁癟手皺。蓋婭社企挺防疫募集護手霜今（12）日各致贈100條護手霜給彰化基督教醫院</t>
  </si>
  <si>
    <t>護手肺炎募集爆發防疫第一線醫護人員穿梭前線蓋婭打仗體力負荷乾癟呈現肌膚洗上</t>
  </si>
  <si>
    <t>5月12日是護理師節新冠肺炎爆發逾4個多月第一線醫護人員穿梭前線打仗除體力負荷外1天更得洗上幾十次手部消毒造成肌膚呈現亁癟手皺。蓋婭社企挺防疫募集護手霜今（12）日各致贈100條護手霜給彰化基督教醫院、高醫附設醫院養護醫護人員的雙手。
蓋婭社企創辦人楊洵表示在新聞上看到醫護人員洗手洗到龜裂感到非常敬佩。本身擁有醫學檢驗背景知道這些工作真的非常辛苦想為醫護人員盡一份心力因此號召具有理念相同的朋友舉辦這場「您買我捐」以精油植萃護手霜支持前線醫護的活動。
蓋婭社企發起的活動募集了200條護手霜分別致贈了100條護手霜給彰化基督教醫院由醫學檢驗部主管代表接收。而今天致贈給高醫附設醫院的100條護手霜則是由護理部主管代表接收。
蓋婭社企品牌總監林盈提到蓋婭社企是三屆獲選進駐經濟部社創中心的的社會企業是以專利仿生農法種植技術與天然植萃保養保健品開發見長。今天剛好是國際護理師節能在今天把大家的心意送達覺得非常有意義、非常榮幸。</t>
  </si>
  <si>
    <t>醫護人員護手蓋婭非常醫院今天前線檢驗醫學接收代表主管附設高醫募集護理活動相同理念朋友</t>
  </si>
  <si>
    <t>新冠肺炎高雄高醫護手霜社會企業</t>
  </si>
  <si>
    <t>高醫高雄護手肺炎社會企業</t>
  </si>
  <si>
    <t>美股上市的大陸知名線上視頻業者愛奇藝27日美股盤後發表2019年第四季和全年未經審計的財報。值得注意的是在會員服務業務力撐半壁江山下愛奇藝2019年第四季營收與淨虧損表現均優於市場預期。特別是受到新冠肺炎</t>
  </si>
  <si>
    <t>四季特別預期市場優於表現虧損值得注意會員服務業務視頻受到審計未經業者全年</t>
  </si>
  <si>
    <t>美股上市的大陸知名線上視頻業者愛奇藝27日美股盤後發表2019年第四季和全年未經審計的財報。值得注意的是在會員服務業務力撐半壁江山下愛奇藝2019年第四季營收與淨虧損表現均優於市場預期。
特別是受到新冠肺炎疫情肆虐影響促使當前大陸「宅經濟」發威。對此愛奇藝坦言2020年年初肺炎疫情期間由於民眾減少外出愛奇藝各項增長指標都經歷大幅增長。但隨著2月下旬各地復工公司的流量開始有所減弱公司管理層將之後將透過各種方式留下這些使用者讓其成為公司的付費用戶。
全天候科技28日報導愛奇藝財報指出公司2019年第四季營收為人民幣（下同）75億元年增7％高於市場預期。第四季淨虧損為25億元較上年同期淨虧損35億元有所改善。公司在2019年全年營運虧損為93億元。
在具體細分專案方面會員服務收入為39億元年增21％季增4％；廣告營收為19億元年減145％季減9％；內容發行業務營收為878億元年增68％；第四季度其他營收達到874億元。
另外愛奇藝的訂閱會員規模達到1069億年增長22％較上一季微漲113％季度淨增約120萬。會員服務收入已經連續六個季度超過廣告收入成為愛奇藝第一大收入來源。愛奇藝預計2020年第一季的營收在71億至752億元年增長2％～8％。</t>
  </si>
  <si>
    <t>公司會員四季增長虧損成為疫情肺炎大陸全年預期業務季度市場廣告服務收入</t>
  </si>
  <si>
    <t>季度收入肺炎淨虧損愛奇藝</t>
  </si>
  <si>
    <t>虧損肺炎收入季度</t>
  </si>
  <si>
    <t>原油波動專欄趨勢操作期貨謹慎商品</t>
  </si>
  <si>
    <t>2020年4月20日5月美西德州小型輕原油期貨在結算日當天一夕暴跌出現史上首次的負值這代表賣方必須向買方支付金錢才能將手中的原油脫手。而造成原油市場如此慘烈的主因為新冠肺炎導致全球石油需求大減石油產</t>
  </si>
  <si>
    <t>原油石油全球結算導致肺炎當天暴跌慘烈出現史上負值代表才能賣方支付需求必須金錢買方原油期貨市場造成脫手</t>
  </si>
  <si>
    <t>2020年4月20日5月美西德州小型輕原油期貨在結算日當天一夕暴跌出現史上首次的負值這代表賣方必須向買方支付金錢才能將手中的原油脫手。而造成原油市場如此慘烈的主因為新冠肺炎導致全球石油需求大減石油產業上下游持續承受供需失衡的壓力開採出的原油無處存放也導致原油期貨價格暴跌。
觀察原油6月分期貨價格截至5月4日為止儘管自4月20日之後已稍有反彈但目前價格仍落在2008年金融危機以來的最低點之下。
而新冠肺炎疫情仍肆虐全球截至5月3日截止全球確診人數達到了356萬人在疫情尚未明朗化前對於石油有大量需求的航運業仍是復航狀況遙遙無期歐洲甚至已經有多家支線航空公司和廉價航空公司申請破產保護再加上全球已漸漸有許多企業採取居家辦公這也間接導致一般民生汽油的需求銳減上述各種情況對於石油業者無疑是雪上加霜。
投資人可透過交易臺灣期貨交易所布蘭特原油期貨合約或美國紐約商業交易所輕原油期貨合約參與原油行情但商品類行情波動較大仍需善用停損控制風險。（統一期貨提供李娟萍整理）</t>
  </si>
  <si>
    <t>原油原油期貨全球導致需求石油暴跌價格疫情對於合約截至肺炎統一風險控制航空公司期貨</t>
  </si>
  <si>
    <t>原油合約肺炎暴跌疫情</t>
  </si>
  <si>
    <t>合約暴跌疫情肺炎原油</t>
  </si>
  <si>
    <t>名冊民政局配合中央要求施志昌規定</t>
  </si>
  <si>
    <t>台中市議員施志昌表示顏清標董事長將此次所節省下來的費用包含遊覽車、餐食、住宿等捐贈新台幣三千萬元給疫情指揮中心並且要求衛福部給全台統一停辦宮廟活動的標準這等於把自身的難題與輿論壓力試圖丟還給</t>
  </si>
  <si>
    <t>表示難題顏清標標準董事長活動宮廟停辦節省下來費用統一全台包含衛福部遊覽車要求中心指揮住宿疫情捐贈台幣輿論壓力施志昌試圖議員</t>
  </si>
  <si>
    <t>台中市議員施志昌表示顏清標董事長將此次所節省下來的費用包含遊覽車、餐食、住宿等捐贈新台幣三千萬元給疫情指揮中心並且要求衛福部給全台統一停辦宮廟活動的標準這等於把自身的難題與輿論壓力試圖丟還給中央。其實這可以看出其實鎮瀾宮一直沒有將停辦放在討論項目中而是用盡各種方式排解異議。
民政局表示關於防疫期間宗教活動中央將召集相關宮廟代表開會討論後續市府民政局也會配合協助。
施志昌指出執意要舉辦大甲媽遶境進香活動不僅帶給台中市政府防疫的壓力而是中南部縣市都要警覺此活動是否可能成為防疫的黑天鵝。活動仍繼續舉辦鎮瀾宮轄下各個團體如神轎班、機車團、哨角隊等等要建立防疫的SOP如遶境名冊要建立、按時量體溫全程配戴口罩以及發現發燒個案時該如何處理等等之相關流程。
施志昌表示其實這項活動帶給防疫的最大挑戰就是流動的香客不只是來自全台各地更可能是其他國家的旅客也來參與當中只要有一例武漢肺炎個案就可能發生大規模的感染造成社會必須付出更大的成本善後。
施志昌強調過去可看到盧秀燕市長透過中部七縣市治理平臺做過各種政治操作此次台中市政府皮要繃緊將中區治理平臺真正的功能發揮出來不論是與鎮瀾宮溝通或是活動過程中的防疫工作都要努力落實嚴防活動成為防疫最大破口。</t>
  </si>
  <si>
    <t>活動防疫施志昌可能表示個案其實民政局停辦宮廟全台相關台中市政府舉辦治理中央平臺建立</t>
  </si>
  <si>
    <t>新冠肺炎疫情民進黨團延後補助</t>
  </si>
  <si>
    <t>肺炎疫情民進黨團延後補助</t>
  </si>
  <si>
    <t>紓困防疫盧秀燕中央積極爭取</t>
  </si>
  <si>
    <t>行政院會通過「中央政府嚴重特殊傳染性肺炎防治及紓困振興特別預算案」台中市長盧秀燕3日表示中央因應新冠肺炎疫情編列600億特別預算要求各局處能留意掌握中央各部會研擬的相關草案及資訊當這筆經費分配到各</t>
  </si>
  <si>
    <t>中央肺炎特別草案相關特殊資訊傳染性掌握防治留意紓困要求預算案台中預算振興表示市長盧秀燕因應</t>
  </si>
  <si>
    <t>行政院會通過「中央政府嚴重特殊傳染性肺炎防治及紓困振興特別預算案」台中市長盧秀燕3日表示中央因應新冠肺炎疫情編列600億特別預算要求各局處能留意掌握中央各部會研擬的相關草案及資訊當這筆經費分配到各局處時能盡速運用雖然中央可能跳過地方政府直接發放也可能針對各縣市自身的防疫作為審查補助提醒各局處必須瞭解並做好相關計畫極力爭取這筆預算。
盧秀燕指出行政院因應新冠肺炎疫情編列600億元特別預算立法院各委員會已選出召集人負責這項600億元審查包括防疫作為、減稅及補助等紓困措施該特別預算為全國資源中央將分配到衛福部、經濟部、教育部等各部會各部會再對應地方政府各局處為節省時間中央各部會已在作業。
盧秀燕表示如經濟部已編列振興券有些部會則編列人事補助或採買津貼等各行各業也開始討論如何運用這筆預算希望各局處能留意掌握中央各部會研擬相關草案及資訊
當這筆經費分配到各局處時才能盡速運用。
她說雖然中央也可能跳過地方政府直接發放但有可能針對各縣市自身的防疫作為審查補助因此市府必須瞭解並做好相關計畫極力爭取這筆預算地方政府與轄內機關資訊流通較容易市府各單位如掌握到中央資訊須適時轉達給所轄團體、民意機關或各行各業的負責人讓他們瞭解正確方向。</t>
  </si>
  <si>
    <t>中央預算特別補助資訊政府盧秀燕地方運用各行各業相關分配肺炎審查瞭解作為掌握市府振興紓困防疫經濟部</t>
  </si>
  <si>
    <t>新冠肺炎CONID-19武漢肺炎新型冠狀病毒台中</t>
  </si>
  <si>
    <t>武漢肺炎conid-病毒冠狀台中</t>
  </si>
  <si>
    <t>報喜聯發外資導體</t>
  </si>
  <si>
    <t>聯發科(2454)法說公佈第三季財報亮眼、第四季也將淡季不淡加上對2021年展望也持續樂觀6家外資對聯發科出具最新研究報告指出大多對聯發科給予正面肯定5家維持買進或優於大盤評等僅一家日系外資維持中立評等</t>
  </si>
  <si>
    <t>外資對聯維持評等公佈四季季財報淡季加上展望大盤一家優於買進持續樂觀肯定給予大多最新研究報告</t>
  </si>
  <si>
    <t>聯發科(2454)法說公佈第三季財報亮眼、第四季也將淡季不淡加上對2021年展望也持續樂觀6家外資對聯發科出具最新研究報告指出大多對聯發科給予正面肯定5家維持買進或優於大盤評等僅一家日系外資維持中立評等目標價以歐系外資的800元最高。
美系外資指出聯發科第三季財報符合預期目前因大陸5G智慧型手機需求旺盛預估今年大陸5G智慧手機出貨量將達13億支相較之前的預期為12億成長加上4G智慧手機SoC(系統單晶片)的市占率增長故聯發科第四季智慧型手產業前景持續看好更重要的是聯發科預估5G智慧手機出貨量明年將增加一倍以上這意味著聯發科有很大的收入增長空間相信隨著5G大陸滲透率提升對聯發科營收、獲利都將有助益加上聯發科還在Chromebook、NB、ASIC(客製化晶片)、Wi-Fi和PMIC(電源管理器IC)等產品繼續穩定增長明年仍可樂觀看待維持聯發科加碼評等、目標價760元。
除此之外美系外資說預估聯發科若可以拿下蘋果訂單將成為下一波營運催化劑最有機會打進的是iPad或是iPhone SE型號希望看到更多具體消息時間點有機會落在明年上半年。
另一家美系外資表示聯發科第四季營運動持續強勁且聯發科預計今年全球5G智慧手機出貨量將達到2億支且明年會在翻倍成長加上長線有有機會打入蘋果供應鏈為營運增加想像空間故維持目標價776元、加碼評等。
歐系外資表示聯發科第三季業績強勁但因基數較高預估故第四季度略降惟看好聯發科增長動力有望延續到2021年包括5G智慧機的滲透率持續提升以及Chromebook、WiFi 6、ASIC和PMIC的增加故對聯發科維持正面看法給予優於大盤評等、目標價800元。
日系外資表示聯發科在毛利率的趨勢表現符合預期預期2021年目前看到的商機(例如Chromebook)可能不足以推動聯發科的大規模營收成長值得注意是疫情帶動的居家辦公也可望成為聯發科營運的新趨勢維持聯發科目標價750元、中立評等。
另一家日系外資指出一直期待聯發科成功轉型為平臺公司產品多元化將為減輕其在智慧手機市場的高曝光風險聯發科目前產品動能除4G/5G智慧手機市場外還有遠端教學、居家上班得需求特別是來自Chromebook另外聯發科還看到WiFi和ASIC市場份額增加展望2021年聯發科也持續樂觀預計其在5G中的市占率將快速增長全球5G智慧機出貨量在明年將成長一倍加上新冠肺炎帶來的遠端新商機維持買進評等、目標價800元也其提高2020~2022年的每股收益提高14~18%。維持目標價840元、買進評等。
亞系外資表示目前看好大陸第四季智慧型手機需求持續強勁OPPO、vivo、小米等拉或抵消了華為訂單的減弱且非智慧型手機產品線依然強勁Chromebook、IoT、WiFi、PMIC、LCD電視和ASIC等銷售將持續增長維持目標價840元、買進評等維持聯發科2020年、2021年每股獲利229元、3231元預估不變。
聯發科第3季營業收入淨額為97275億元季增加439%、較去年同期增加447%單季合併淨利為133 67億元季增加828%、年增加937%單季淨利率為137%高於第二季的108%也高於去年同期之103%每股盈餘為842元。
以美金對台幣匯率1比288計算聯發科第四季營收預估在895~973億之間與第三季相比約持平到下降8%與去年相比增加38%到50%若排除匯率及奕力的影響與第二季相比第四季營收預估將是增加5%到下降3%代表即使在第三季的歷史新高季營收後第四季的營收動能仍比傳統季節性來得強營業毛利率預估為435%正負15%含員工分紅之營業費用率預估為29%正負2%。</t>
  </si>
  <si>
    <t>聯發智慧預估持續維持手機增加四季外資chromebook科第明年評等增長產品強勁目標價成長</t>
  </si>
  <si>
    <t>聯發科5G華為OPPOvivo</t>
  </si>
  <si>
    <t>華為oppovivo聯發</t>
  </si>
  <si>
    <t>死亡新北接種疫苗</t>
  </si>
  <si>
    <t>新冠疫苗死亡案件持續傳出新北市23日再添6人最年輕是板橋56歲男性洗腎患者新北市衛生局表示民眾有疑義通報新北市衛生局都會將相關資料上傳疾管署通報系統至於個案死亡原因是否與疫苗有關由中央「預防接</t>
  </si>
  <si>
    <t>通報死亡疫苗新北市衛生局是否案件原因持續傳出新北年輕板橋個案男性至於患者系統表示管署相關</t>
  </si>
  <si>
    <t>新冠疫苗死亡案件持續傳出新北市23日再添6人最年輕是板橋56歲男性洗腎患者新北市衛生局表示民眾有疑義通報新北市衛生局都會將相關資料上傳疾管署通報系統至於個案死亡原因是否與疫苗有關由中央「預防接種受害救濟審議小組」審議認定。目前新北市通報累積統計共 33例
新增6例包括新店區78歲男性14日上午在護理之家接種身患有高血壓15日到20日出現疲倦感21日早上出現臉色蒼白上午死亡。
另一例也是新店區86歲女性16日上午接種身患為多重慢性病17日出現發燒、四肢無力及嘔吐18日早上死亡。
還有新莊區通報72歲男性17日下午在洗腎中心接種身患有腎臟疾病 18日出現發燒及疲倦19日出現嘔吐緊急送至臺北醫院急救下午死亡。
還有板橋區通報79歲女性18日上午接種19日出現血壓低身患多重慢性病 20日到21日正常作息22日早上死亡。
新店區通報70歲男性15日下午在洗腎中心接種身患多重慢性病16日到21日正常作息22日早上死亡。
板橋區通報56歲男性18日在洗腎中心接種身患腎臟疾病19日出現嗜睡及發燒20日早上死亡。</t>
  </si>
  <si>
    <t>通報死亡出現早上接種男性上午板橋新北疫苗下午身患新北市衛生局嘔吐發燒慢性病中心審議疾病</t>
  </si>
  <si>
    <t>新冠肺炎台灣新北通報接種</t>
  </si>
  <si>
    <t>臺灣肺炎新北通報接種</t>
  </si>
  <si>
    <t>蘇貞昌黃偉哲</t>
  </si>
  <si>
    <t>中央流行疫情指揮中心日前針對全國11處景點發出國家級警報其中台南遭到點名讓台南市長黃偉哲認為是亂槍打鳥。對此行政院長蘇貞昌表示政府此舉是要提醒大家但相關作法可以更精進。對於蘇的回應黃偉哲再度</t>
  </si>
  <si>
    <t>黃偉哲台南中心日前全國景點發出對於警報精進指揮可以作法相關市長提醒對此政府認為表示蘇貞昌行政院長</t>
  </si>
  <si>
    <t>中央流行疫情指揮中心日前針對全國11處景點發出國家級警報其中台南遭到點名讓台南市長黃偉哲認為是亂槍打鳥。對此行政院長蘇貞昌表示政府此舉是要提醒大家但相關作法可以更精進。對於蘇的回應黃偉哲再度表示現在政府寧可錯殺一百也不能放過一個他們理解也會提出更嚴格措施。
新冠肺炎防疫期間湧現連假出遊潮中央流行疫情指揮中心宣佈這波連假到過11處國家級警報景點的民眾即日起配合居家辦公或自主健康管理黃偉哲6日對此坦言對台南被公佈3處警示景點感到困擾直呼中央亂槍打鳥「數字顯示更該注意夜市、菜市場人潮」。
對於黃偉哲的呼應蘇貞昌今赴立院進行施政總質詢前坦言面對疫情要戒慎恐懼所以政府也是要提醒大家但相關作法可以從各方面實際執行情形更精進。
對此黃偉哲再表示他們感謝院長關心也能體院長的壓力更能理解有時防疫必須做到寧可錯殺一百也不能放過一個的堅壁清野。但若訊息有誤就有可能既錯殺也放過像人潮密集的市場、賣場和夜市地方都很努力勸導保持社交距離。所以台南市政府現在也對去過市場、賣場和夜市的公務員和教師請他們做自主管理。地方都超前部署寧可錯殺一百也不願放過一個。
黃的發言讓批踢踢網友大驚表示講得勉強還算是客氣但是內容很不客氣了！直接嗆是錯誤資訊算是把話講得很重了！現在光頭是這麼不得人緣？</t>
  </si>
  <si>
    <t>黃偉哲表示台南現在放過對此景點夜市疫情政府防疫中央寧可坦言蘇貞昌自主管理對於地方</t>
  </si>
  <si>
    <t>黃偉哲蘇貞昌台南新冠肺炎武漢肺炎</t>
  </si>
  <si>
    <t>台南肺炎蘇貞昌武漢黃偉哲</t>
  </si>
  <si>
    <t>確診隔離相關人士新疆</t>
  </si>
  <si>
    <t>據陸媒19日報導大陸新疆維吾爾自治區衛生健康委同日發出最新通報自18日12時至24時新疆維吾爾自治區（含新疆生產建設兵團）增加新冠肺炎確診病例13例以及新增無症狀感染者18例所有病例均在烏魯木齊市目前全</t>
  </si>
  <si>
    <t>新疆維吾爾自治區病例確診肺炎健康增加衛生新疆生產建設兵團發出最新同日時至通報感染者新增大陸烏魯木齊市症狀報導目前</t>
  </si>
  <si>
    <t>據陸媒19日報導大陸新疆維吾爾自治區衛生健康委同日發出最新通報自18日12時至24時新疆維吾爾自治區（含新疆生產建設兵團）增加新冠肺炎確診病例13例以及新增無症狀感染者18例所有病例均在烏魯木齊市目前全部病例已進行集中醫學觀察。
新疆疫情近期出現反彈截至7月18日24時新疆（含兵團）累計確診病例達30例、無症狀感染者41例病例均在烏魯木齊市發生其餘有2705名密集接觸者正在接受醫學觀察。這是新疆相隔149天首度再有確診病例首起病例於烏魯木齊15日出現。
烏魯木齊當地政府目前尚未追溯到傳染源頭但已下令實施高度封閉管理地鐵停駛、航班大減商場和飯店關閉所有社區採封閉管理嚴控人員流動。
同樣面臨疫情反彈的香港在昨日累計確診個案已經達1777宗超出2003年SARS感染人數。也為因應接下來恐將更為嚴峻的疫情香港理工大學學生會昨日發文指出校方決定下學年第一學期除了必要的面授課其餘所有課堂將改為線上學習。</t>
  </si>
  <si>
    <t>病例確診疫情新疆管理封閉新疆維吾爾自治區昨日目前醫學觀察反彈出現累計烏魯木齊市課堂商場授課學期航班</t>
  </si>
  <si>
    <t>病例新疆烏魯木齊疫情症狀</t>
  </si>
  <si>
    <t>疫情病例新疆烏魯木齊症狀</t>
  </si>
  <si>
    <t>住宿生確診學生文大</t>
  </si>
  <si>
    <t>文化大學傳出大倫館宿舍4名住宿學生確診新冠肺炎文化大學教務長方元沂今(2)日回應宿舍為4人一室雅房校方擔憂衛浴共用恐有疑慮因此校方今日目標完成館內345名同學快篩而快篩陽性學生則依規定隔離與治療。文</t>
  </si>
  <si>
    <t>宿舍學生校方大學文化完成目標今日疑慮擔憂規定回應住宿教務長肺炎確診元沂</t>
  </si>
  <si>
    <t>文化大學傳出大倫館宿舍4名住宿學生確診新冠肺炎文化大學教務長方元沂今(2)日回應宿舍為4人一室雅房校方擔憂衛浴共用恐有疑慮因此校方今日目標完成館內345名同學快篩而快篩陽性學生則依規定隔離與治療。
文化大學大倫館4名確診學生並非同寢室室友根據學校掌握首位個案是在5月29日確診的台灣學生該生因遠距教學而回到台中住家後確診並由台中市衛生局通知回溯。
5月30日則再新增1名馬來西亞僑生為校內工讀生當時他發現自己出現感冒症狀嗅覺有問題校方請他檢測而確診。5月31日晚上再增加2名港生確診其中1人是聽說宿舍友人感染因為擔心而自行採檢便發現確診另1名港生則將返回香港採檢後發現確診。
文大表示4名確診學生都是主動告知校方仍在宿舍的3名確診學生文大校方已隔離不過其中2名港生為無症狀感染恐存在隱形傳播鍊因此請臺北市政府協助。
臺北市聯醫昨已赴文大場勘一天完成校內快篩200名學生其餘學生則由北市府派出4輛專車送至萬華剝皮寮篩檢站篩檢。
方元沂指出學校到學期末已全面啟動遠距教學今日將安排住宿生進行快篩和PCR核酸檢測而快篩陽性者會先另外安置陰性者先回寢室待晚上PCR結果出爐如PCR檢驗為陽性北市府將安排送至醫院或防疫旅館並且大倫館也會重新消毒再讓學生入住。</t>
  </si>
  <si>
    <t>確診學生校方宿舍pcr症狀晚上校內今日學校感染文化大學</t>
  </si>
  <si>
    <t>學生確診校方文大大倫館</t>
  </si>
  <si>
    <t>校方文大確診學生</t>
  </si>
  <si>
    <t>下船旅客飯店公主休息</t>
  </si>
  <si>
    <t>我駐日代表謝長廷19日偕代表處同仁及橫濱辦事處處長張淑玲等人在橫濱港候船室等候及並高舉我國國旗迎接下船的5位國人。代表處表示5位國人於下午2時前（臺北時間1點前)先後下船他們看到代表處人員舉國旗歡迎激</t>
  </si>
  <si>
    <t>代表處下船國旗橫濱國人同仁人員候船室等候高舉看到時前我國臺北先後時間迎接辦事處張淑玲處長謝長廷下午表示代表</t>
  </si>
  <si>
    <t>我駐日代表謝長廷19日偕代表處同仁及橫濱辦事處處長張淑玲等人在橫濱港候船室等候及並高舉我國國旗迎接下船的5位國人。
代表處表示5位國人於下午2時前（臺北時間1點前)先後下船他們看到代表處人員舉國旗歡迎激動地潸然淚下。
謝長廷代表政府向他們一一表達慰問之意。另蘇醫生向他們說明返台檢疫事宜及相關注意事項。5位國人均表示感謝。最後他們在本處人員引導下上車直接前往飯店。
郵輪上乘客今天約下船500人預定明天、後天還將有我國旅客下船台籍旅客共5人確診他們將留在日本治療。我國政府將待所有病毒檢驗陰性並無發燒等症狀的國人到齊後統一搭包機返台。包機目前預定21日從東京羽田機場出發。</t>
  </si>
  <si>
    <t>下船代表處我國國人人員政府返台國旗預定謝長廷代表橫濱包機注意事項相關事宜旅客前往檢疫人均表示感謝最後引導飯店上車</t>
  </si>
  <si>
    <t>下船台籍旅客飯店預定日本</t>
  </si>
  <si>
    <t>預定旅客台籍飯店日本下船</t>
  </si>
  <si>
    <t>傳染同居全黑畫面確診尹恩惠現況</t>
  </si>
  <si>
    <t>南韓女星尹恩惠今（9）日爆出確診新冠肺炎本人也在IG發文以一張全黑畫面並親口證實染疫特地向粉絲們報平安「幸運的是我的情況很好沒有任何嚴重症狀」；從尹恩惠的敘述中得知似乎是和她同居的友人身體不</t>
  </si>
  <si>
    <t>尹恩惠爆出似乎確診肺炎得知ig發文全黑畫面親口證實敘述特地症狀粉絲嚴重報平安幸運情況</t>
  </si>
  <si>
    <t>南韓女星尹恩惠今（9）日爆出確診新冠肺炎本人也在IG發文以一張全黑畫面並親口證實染疫特地向粉絲們報平安「幸運的是我的情況很好沒有任何嚴重症狀」；從尹恩惠的敘述中得知似乎是和她同居的友人身體不適確診不小心傳染給她。
15歲時就以童星身份出道的尹恩惠昔日透過電視劇《宮》、《咖啡王子一號店》和《想你》爆紅甚至有被誇讚為「哭戲最美的女演員」；但可惜的是尹恩惠一度到大陸發展參加時尚類實境秀節目卻被爆料「抄襲」形象重損近年才把工作重心轉回南韓。
배우 윤은혜 ｜ Yoon eun hye（@y1003_grace）分享的貼文
今日晚間尹恩惠突然在IG曬出一張全黑的照片向粉絲告知自己確診新冠肺炎的消息；文中透露她的同居友人身體不適她也跟著一起做了PCR檢測沒想到今日收到確診消息也依照檢疫部門的指導隔離中對此她對粉絲們感到很抱歉因為沒有好好照顧自己的身體。
萬幸的是尹恩惠說目前身體沒有什麼大礙情況還不錯請粉絲不用替她擔心「大家都要好好照顧自己的身體健康。有韓媒指出尹恩惠先前上節目時曾說到目前和一起工作10年的經紀人及聲樂家好友同住推測是兩人其一染疫尹恩惠才必須接受檢測沒料到也不幸確診。
★《中時新聞網》提醒您：因應新冠肺炎疫情疾管署持續加強疫情監測與邊境管制措施如有疑似症狀請撥打：1922專線或 0800-001922並依指示配戴口罩儘速就醫同時主動告知醫師旅遊史及接觸史以利及時診斷及通報。</t>
  </si>
  <si>
    <t>尹恩惠確診粉絲身體沒有肺炎告知節目症狀工作今日檢測一起全黑ig好好照顧情況</t>
  </si>
  <si>
    <t>尹恩惠確診新冠肺炎同居南韓</t>
  </si>
  <si>
    <t>肺炎同居確診南韓尹恩惠</t>
  </si>
  <si>
    <t>德國酒精口罩</t>
  </si>
  <si>
    <t>新冠肺炎疫情還在延燒今天就是國中、小開學日各校如臨大敵不斷在事前進行演練如何量測體溫要是發燒如何安置處理等動線。基隆市明德國中校長沈俊光準備開學禮讓人眼前一亮其中包含一人一瓶的75％酒精及口</t>
  </si>
  <si>
    <t>開學今天準備沈俊光包含校長國中德國開學日眼前一亮如臨大敵疫情基隆不斷事前進行</t>
  </si>
  <si>
    <t>新冠肺炎疫情還在延燒今天就是國中、小開學日各校如臨大敵不斷在事前進行演練如何量測體溫要是發燒如何安置處理等動線。基隆市明德國中校長沈俊光準備開學禮讓人眼前一亮其中包含一人一瓶的75％酒精及口罩他指出新冠肺炎有很高的傳染力自己希望每個孩子都能學習使用物資自主防疫。
沈俊光表示新冠肺炎要是有一個人中標處於同一個空間的人就很有可能會全都受影響千萬不可以輕忽。他指出開學的頭兩天校方將由學務處師長在校門口排四個動線為同學們逐一量額溫從第三天開始將由各班的防疫股長在進教室前都要量測體溫及噴灑酒精消毒讓孩子學習自主。
學務主任王淳純指出校方目前共計備妥30隻額溫槍、5隻的耳溫槍及100枚一次性使用的耳套供有發燒的學童可以進行二次複檢她說各班分配的防疫物資包括酒精、口罩、肥皂、額溫槍及一本防疫衛教文宣如果出現體溫超過37度的情形學童便必須前往觀察區她指出只要有發燒就一定要進行「單人觀察」以免造成人傳人的飛沫傳染而目前校方已準備好四間的單人觀察區誓將疫情防堵在校外。
校方指出學生如果發燒安排在健康中心休息並安置教室再通知家長要是無法馬上帶回去就會請護理師帶去看醫生。</t>
  </si>
  <si>
    <t>指出防疫校方發燒酒精進行觀察肺炎安置教室學童可以準備開學沈俊光溫槍疫情</t>
  </si>
  <si>
    <t>口罩發燒安置肺炎額溫槍</t>
  </si>
  <si>
    <t>安置肺炎發燒溫槍口罩</t>
  </si>
  <si>
    <t>中央流行疫情指揮中心今(2)日表示昨(1)日國內新增1013例新型冠狀病毒肺炎相關通報截至目前累計33733例(含29755例排除)其中339例確診(今日新增案330至339)分別為291例境外移入及48例本土病例。確診個案中5</t>
  </si>
  <si>
    <t>新增確診中心本土指揮分別截至通報相關冠狀病毒肺炎表示病例疫情累計國內境外目前排除流行今日</t>
  </si>
  <si>
    <t>中央流行疫情指揮中心今(2)日表示昨(1)日國內新增1013例新型冠狀病毒肺炎相關通報截至目前累計33733例(含29755例排除)其中339例確診(今日新增案330至339)分別為291例境外移入及48例本土病例。確診個案中5人死亡50人解除隔離其餘持續住院隔離中。有關3月29日及30日定點返台專案航班共367名湖北返台民眾其中1人有發燒症狀後送就醫；其餘健康情形良好持續密切健康監測。
指揮中心指出全球累計912276例確診分佈於180個國家/地區；病例數以美國209071例、義大利110574例、西班牙102136例、中國大陸81554例及德國67366例為多；病例中45958例死亡新增4591例以義大利13155例、西班牙9053例、美國4633例、法國4032例及中國大陸3312例為多。
指揮中心再次提醒民眾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及時診斷通報。</t>
  </si>
  <si>
    <t>中心症狀就醫通報指揮確診新增病例檢疫民眾發燒累計持續咳嗽健康死亡返台美國是否史及</t>
  </si>
  <si>
    <t>新冠肺炎武漢肺炎新型冠狀病毒台灣就醫</t>
  </si>
  <si>
    <t>肺炎武漢冠狀臺灣病毒就醫</t>
  </si>
  <si>
    <t>市府青年經濟復蘇</t>
  </si>
  <si>
    <t>後疫情時代來臨高雄市府發起「暖心相守挺青年」活動高雄市長韓國瑜12日表示疫情之後憂心今年畢業季後青年恐無工作機會市府幫青年就業路超前部署邀請高雄在地優質企業釋出逾500個職缺。另外青年局也在5月</t>
  </si>
  <si>
    <t>青年高雄市府疫情企業釋出邀請季後之後畢業恐無今年憂心部署就業表示超前發起活動韓國瑜市長相守挺來臨</t>
  </si>
  <si>
    <t>後疫情時代來臨高雄市府發起「暖心相守挺青年」活動高雄市長韓國瑜12日表示疫情之後憂心今年畢業季後青年恐無工作機會市府幫青年就業路超前部署邀請高雄在地優質企業釋出逾500個職缺。另外青年局也在5月推出「青年築夢獎勵金」提供125名青年申請。
今韓國瑜與經發局長伏和中、青年局長林鼎超、勞工局長王秋冬等共同召開「暖心相守 挺青年」記者會。韓國瑜提到今年因為疫情關係6月鳳凰花開之際恐怕成為青年朋友失業最嚴重的一年因此市府向企業界爭取釋放更多職缺給青年朋友。
韓國瑜表示除企業釋出工作機會給青年外針對在學青年方面市府放寬暑假工讀名額讓在學生有機會到市政府來上班預計釋出300多個打工職缺。
經發局長伏和中指出今天現場來了近25個企業代表包括醫療美容、電子零組件、螺絲螺帽傳產業等企業表達對於未來人才的需求提出570個職缺幫助青年就業也希望其他企業能夠加入徵才行列。</t>
  </si>
  <si>
    <t>青年企業市府高雄韓國瑜機會釋出疫情局長表示就業朋友今年伏和工作能夠元件電子螺絲螺帽美容醫療</t>
  </si>
  <si>
    <t>新冠肺炎韓國瑜高雄高市府青年</t>
  </si>
  <si>
    <t>高雄韓國肺炎市府青年</t>
  </si>
  <si>
    <t>進入經濟陳明璋年代</t>
  </si>
  <si>
    <t>新冠肺炎從武漢蔓延到歐洲、美洲臺北經營管理研究院長陳明璋昨日指出陸美貿易戰已讓大陸經濟增速放緩現在這頭經濟「灰犀牛」遇上疫情「黑天鵝」將導致企業倒閉浪潮、系統性金融風險陡升；陳明璋預測大陸首</t>
  </si>
  <si>
    <t>陳明璋大陸經濟蔓延到歐洲美洲臺北經營管理研究武漢金融風險院長浪潮企業倒閉導致天鵝系統性犀牛遇上疫情昨日指出陸美</t>
  </si>
  <si>
    <t>新冠肺炎從武漢蔓延到歐洲、美洲臺北經營管理研究院長陳明璋昨日指出陸美貿易戰已讓大陸經濟增速放緩現在這頭經濟「灰犀牛」遇上疫情「黑天鵝」將導致企業倒閉浪潮、系統性金融風險陡升；陳明璋預測大陸首季經濟成長率恐跌破3%未來10年大陸經濟將進入「保4爭5」的年代。
由臺北經營管理研究院舉辦的「疫情隊經濟和健康的影響與對策論壇」陳明璋表示大陸經濟下滑對韓國受創最深大陸GDP每下降1個百分點對韓國GDP衝擊將有035個百分點其次是香港、泰國、日本等而台灣外銷大陸占比逾40%台灣也難在這場疫戰中置身事外。
陳明璋形容大陸遇上新冠肺炎疫情如同「蝴蝶效益」現在產業因疫情停工、經濟停頓連遠在南大平洋的紐西蘭撈捕的龍蝦價格連下跌都滯銷因大陸消費市場突然按了「暫停鍵」。
陳明璋警示疫情終究會過去卻憂心疫情發展過程兩岸關係因政黨輪替演變成「政冰對抗」未來雙方握手言和不易。
陳明璋進一步指出目前我國對大陸的貿易順差高達800、900億美元若扣除對大陸的順差台灣將轉為逆差台灣領導人物考慮政治固然重要但也不能因為政治犧牲經濟面讓新冠肺炎瘟疫最後成為「政治瘟疫」。
面對疫情陳明璋表示台商幾乎成立緊急應變小組進入備戰狀態現在最重要的事是「想辦法存活下來」企業先拚活著未來才有大利潤。</t>
  </si>
  <si>
    <t>大陸陳明璋經濟疫情未來臺灣現在肺炎政治進入重要指出表示臺北管理經營韓國百分點瘟疫gdp企業</t>
  </si>
  <si>
    <t>大陸政治肺炎經濟台灣</t>
  </si>
  <si>
    <t>經濟臺灣大陸肺炎政治</t>
  </si>
  <si>
    <t>企業慘烈致力保護疫情印度員工</t>
  </si>
  <si>
    <t>印度新增病例慘烈經商企業連續財務紛紛物資援助人力重新調派提供員工保護致力案例確診超過疫情安全衛生部資料</t>
  </si>
  <si>
    <t>印度員工提供工作業務高盛銀行家人運作疫情肺炎治療穀歌當地富國銀行在家表示援助物資維護企業新增</t>
  </si>
  <si>
    <t>工作調派員工運作肺炎</t>
  </si>
  <si>
    <t>員工調派工作運作肺炎</t>
  </si>
  <si>
    <t>猝死防疫居檢男旅館馬桶新北</t>
  </si>
  <si>
    <t>63歲林姓男子8日自大陸返台於新北市板橋區防疫旅館內居家檢疫今（15日）下午被發現猝死於浴缸旁林男無明顯外傷曾有中風紀錄警方初步排除他殺詳細死因待檢警進一步釐清。據悉林男8日自大陸返台8日至1</t>
  </si>
  <si>
    <t>林男返台自大排除他殺初步詳細警方紀錄死因中風防疫新北旅館曾有板橋外傷明顯居家檢疫進一步</t>
  </si>
  <si>
    <t>63歲林姓男子8日自大陸返台於新北市板橋區防疫旅館內居家檢疫今（15日）下午被發現猝死於浴缸旁林男無明顯外傷曾有中風紀錄警方初步排除他殺詳細死因待檢警進一步釐清。
據悉林男8日自大陸返台8日至10日於機場集中檢疫隨後入住新北市板橋區某防疫旅館期間曾因為身體不適12日有短暫外出就醫紀錄2次採檢新冠肺炎均為陰性。警方指出林男無明顯外傷詳細死因將由檢察官進一步相驗釐清。</t>
  </si>
  <si>
    <t>林男紀錄警方詳細檢疫死因進一步外傷明顯返台旅館新北自大防疫板橋不適短暫身體檢察官入住</t>
  </si>
  <si>
    <t>8日林男居家檢疫大陸返台新北市板橋區</t>
  </si>
  <si>
    <t>大陸返台新北檢疫居家板橋林男</t>
  </si>
  <si>
    <t>生前張雅琴確診攝影電視臺結果出爐</t>
  </si>
  <si>
    <t>北市內湖的壹電視電視台7日傳出一名劉姓攝影師猝死陳屍廁所昨（8日）晚採檢結果出爐經過PCR檢測死者生前確診新冠肺炎年代新聞台主播張雅琴和劉姓攝影不在同一棟大樓辦公也未合作但部分新聞攝影棚會共用</t>
  </si>
  <si>
    <t>劉姓新聞電視臺合作傳出辦公大樓死者檢測生前pcr確診出爐不在攝影師結果攝影肺炎年代陳屍廁所</t>
  </si>
  <si>
    <t>北市內湖的壹電視電視台7日傳出一名劉姓攝影師猝死陳屍廁所昨（8日）晚採檢結果出爐經過PCR檢測死者生前確診新冠肺炎年代新聞台主播張雅琴和劉姓攝影不在同一棟大樓辦公也未合作但部分新聞攝影棚會共用為保險起見張雅琴一早8點去直奔醫院快篩結果出爐呈現「陰性」。
由於該名劉姓攝影上班時可能與公司員工有所接觸北市府不敢輕忽北市衛生局今天上午10時30分已在壹電視大樓前設立快篩站下午1點開始進行快篩約一天至多200人以有接觸者、再來是次接觸者以造冊順序篩檢。
張雅琴表示目前身體都ＯＫ沒有實際接觸到應該還好只是在同個環境還是會擔心怕新聞工作來不及早上8點就去醫院快篩結果出爐呈現陰性。
張雅琴聽到「攝影猝死」消息時覺得遺憾大於擔心這麼年輕的生命「我希望大家也幫新聞工作者講講話尤其第一線的新聞記者特別辛苦打疫苗部分應該也要讓他們優先雖然我現在沒有在第一線但我可以感同身受也有這個感觸。」</t>
  </si>
  <si>
    <t>新聞張雅琴接觸攝影出爐結果沒有應該擔心劉姓電視部分猝死醫院陰性呈現第一線新聞記者特別</t>
  </si>
  <si>
    <t>張雅琴快篩攝影新冠肺炎台灣</t>
  </si>
  <si>
    <t>攝影肺炎張雅琴臺灣</t>
  </si>
  <si>
    <t>企業長線擴大利差可期</t>
  </si>
  <si>
    <t>新冠肺炎疫情擴散以來金融市場波動劇烈美股重挫觸發熔斷機制油價單日崩跌也創下1991年以來單日最大跌幅VIX指數也隨之飆破50％市場出現恐慌性賣壓資金轉往公債避險美債殖利率也持續下滑因此新興市場</t>
  </si>
  <si>
    <t>以來市場擴散金融市場波動劇烈賣壓觸發恐慌性公債避險利率出現熔斷機制資金油價指數疫情創下</t>
  </si>
  <si>
    <t>新冠肺炎疫情擴散以來金融市場波動劇烈美股重挫觸發熔斷機制油價單日崩跌也創下1991年以來單日最大跌幅VIX指數也隨之飆破50％市場出現恐慌性賣壓資金轉往公債避險美債殖利率也持續下滑因此新興市場企業債券與美債信用利差擴大。法人表示新興市場企業債券利差擴大使長線投資價值浮現建議投資人可分批進場佈局。
保德信新興市場企業債券基金經理人張世民表示自1月新冠疫情爆發以來市場開始出現風險趨避態勢投資人擔憂疫情擴散將使全球經濟放緩乃至於衰退資金大量湧入公債避險美國債券殖利率大幅下滑由於新興市場企業債屬於信用債券範疇也難免受到波及但整體而言新企債今年以來因美債殖利率下滑仍有正報酬的表現。
近來俄羅斯與OPEC減產協議破裂致原油價格暴跌逼近2016年初水準由於能源產業在美國高收債和新興債比重逾10％倘若油價持續受到衝擊料將影響油商獲利導致高收與新興債信用利差擴大。
張世民表示新企債受到影響信用利差擴大但其擴大幅度較小主要係因新興市場能源企業多為類政府或國有企業財務體質較佳加上新興企業基本面持續改善他認為新企債信用風險尚在控制範疇內不至於會發生2008年般的金融風暴。
中國信託雄鷹新興市場債券基金經理人房旼表示隨著聯準會3月FOMC會後還有可能降息新興市場債券利差大幅擴大的情況可望趨緩。目前佈局策略上仍以財務穩健、營運狀況及體質佳之企業債以及財政健全、經濟成長展望佳的主權債為主。
房旼表示就資金流向觀察受冠狀病毒影響近期新興市場債券的資金有流出現象。展望後市隨著聯準會暗示已經為必要的降息做好準備而新興市場國家在通膨走穩之下普遍仍有降息的空間有利於新興市場經濟回穩。
近期新興市場債券價格的修正多為信用評等較差的高收益新興市場債券建議投資人應挑選違約風險較低、基本面較佳的新興市場主權債與投資等級債為主。
群益全球新興收益債券基金經理人李忠泰表示新冠肺炎疫情短期為市場增添不確定性然在新興國家方面隨著經濟改善以及財政改革題材發酵且在當前低利環境之下新興市場債因具備息收優勢加上新興國家仍多處在降息循環同時全球負利率債券金額處於高檔有助吸引資金持續配置新興債。</t>
  </si>
  <si>
    <t>市場債券資金表示持續擴大信用企業利差以來降息經濟全球投資人疫情影響受到企業債券佈局能源</t>
  </si>
  <si>
    <t>信用利差新興市場債券新企債降息利差擴大</t>
  </si>
  <si>
    <t>利差債券市場降息信用擴大</t>
  </si>
  <si>
    <t>塑化台化今年嚴峻塑膠</t>
  </si>
  <si>
    <t>台化(1326)今日舉辦股東會由副董事長洪福源親自主持今年在新冠肺炎衝擊以及美中貿易衝突未歇下塑化產業持續面臨嚴峻的挑戰他強調台化也只能嚴肅面對因應市場的變化另外台化今也通過配發現金股利38</t>
  </si>
  <si>
    <t>台化台化今洪福變化副董事長市場親自主持今年面對肺炎嚴肅衝擊美中貿易只能衝突歇下塑化產業持續面臨強調挑戰嚴峻</t>
  </si>
  <si>
    <t>台化(1326)今日舉辦股東會由副董事長洪福源親自主持今年在新冠肺炎衝擊以及美中貿易衝突未歇下塑化產業持續面臨嚴峻的挑戰他強調台化也只能嚴肅面對因應市場的變化另外台化今也通過配發現金股利38元。
台化108年度合併營收3154億9906萬元年減209%營收減少主要是108年度安排生產廠歲修較多及芳香烴三廠事故影響產量減少石化原料市場受到中美貿易摩擦衝擊及大陸新增石化產能投產市場保守競爭加劇銷售價格下滑售價差也減少獲利方面108年度合併稅前利益371億747萬元年減401%每股獲利509元。
洪福源表示去年除了芳香烴三廠異常的影響外主要還是上述中美貿易摩擦及新產能投產影響市場觀望氣氛濃厚石化產品價格大幅下跌其幅度遠大於油價下滑幅度導致營業利益減少。
展望今年台化經營困境仍需面對除了大陸石化新產能陸續穩定投產造成全面供過於求的市況外新冠病毒疫情擴散嚴重影響上半年度的市場秩序。另外「跨太平洋夥伴全面進步協定(CPTPP)」及將於今年簽署的「區域全面經濟夥伴協定(RCEP)」將使台灣面臨更多國際自由貿易關稅不平等的對待置台灣產業處於與他國不利的競爭地位。
另外洪福源認為美中貿易衝突未歇全球宏觀經濟短期展望不佳歐美主要國家經濟成長多有趨緩的態勢塑化產業持續面臨嚴峻的挑戰台化也只能嚴肅面對因應市場的變化。
台化將繼續努力貫徹循環經濟理念降低生產成本增加投資開發高值化、差異化及綠色產品等利基市場在安全生產前提下讓產品品質更好、製程更穩定、生產效率更高強化銷售服務品質提升高值化產品質與量分散市場避開市場價格競爭同時積極推動AI智慧生產擴大AI人工智慧應用於製程改善及設備工安預知診斷等方面持續開發新AI項目應用提高製程整合能力及製程管理效率。</t>
  </si>
  <si>
    <t>市場減少影響石化生產制程貿易今年洪福台化投產持續產業年度ai面臨經濟方面臺灣高值面對應用展望</t>
  </si>
  <si>
    <t>台化美中貿易新冠肺炎宏觀經濟石化界</t>
  </si>
  <si>
    <t>肺炎貿易宏觀經濟石化美中台化</t>
  </si>
  <si>
    <t>肺炎疫苗北市門診預約爆發全額疫情</t>
  </si>
  <si>
    <t>中央流行疫情指揮中心11日宣佈爆發感染源不明的本土案例證實台灣發生社區感染近日各醫院新冠肺炎疫苗施打門診也都額滿臺北市立萬芳醫院表示近期的預約門診全都額滿疫苗門診是採預約制需在2周前預約萬</t>
  </si>
  <si>
    <t>感染門診醫院預約疫苗中心宣佈爆發指揮案例本土證實臺灣發生社區近日肺炎施打臺北市立表示</t>
  </si>
  <si>
    <t>中央流行疫情指揮中心11日宣佈爆發感染源不明的本土案例證實台灣發生社區感染近日各醫院新冠肺炎疫苗施打門診也都額滿臺北市立萬芳醫院表示近期的預約門診全都額滿疫苗門診是採預約制需在2周前預約萬芳醫院分配到170瓶大約可施打人數為1700人；目前公費已施打700人、自費400人。
新冠肺炎疫情持續擴大民眾紛紛搶著打疫苗台大醫院公費、自費疫苗2周內的預約名額均已額滿院內同仁施打意願明顯上升；臺北市衛生局表示臺北市的疫苗總數量共2870瓶、約可施打28萬人目前已施打2萬人左右未來如疫苗不足也會再向中央叫貨。
臺北榮總表示公費施打名額皆額滿5月10日疫苗施打為130針、11日為165針；北市萬芳醫院也證實近期疫情擴大施打疫苗的意願有升溫臺北市立聯合醫院陽明院區共配發55瓶疫苗已施打23瓶；忠孝院區配發79瓶、已施打60瓶；仁愛院區配發135瓶、已施打107瓶；中興院區配發60瓶、已施打55瓶；和平院區配發110瓶、已施打79瓶。</t>
  </si>
  <si>
    <t>疫苗施打醫院表示預約疫情萬芳公費感染證實門診意願擴大院區肺炎名額中央近期配發自費</t>
  </si>
  <si>
    <t>施打額滿疫苗門診預約</t>
  </si>
  <si>
    <t>疫苗門診施打預約</t>
  </si>
  <si>
    <t>曝光確診地圖最新破百本土雙北</t>
  </si>
  <si>
    <t>台灣疫情拉警報單日爆增180例確診根據疾管署「全國本土病例地理分佈圖」顯示去年疫情爆發至今累計344例本土個案目前共6縣市亮紅燈分別是桃園市、新北市、臺北市、宜蘭縣、台中市以及昨日「由橙轉紅」的彰</t>
  </si>
  <si>
    <t>本土疫情昨日目前台中確診個案去年病例管署地理分佈圖顯示全國累計至今爆發新北分別亮紅燈警報宜蘭</t>
  </si>
  <si>
    <t>台灣疫情拉警報單日爆增180例確診根據疾管署「全國本土病例地理分佈圖」顯示去年疫情爆發至今累計344例本土個案目前共6縣市亮紅燈分別是桃園市、新北市、臺北市、宜蘭縣、台中市以及昨日「由橙轉紅」的彰化縣。
根據疾管署「全國本土病例地理分佈圖」顯示從去年1月至今國內累計344例本土個案其中以新北市139人最多接著依序是臺北市110人、桃園市57人、宜蘭縣13人、彰化縣10人、台中市6人這6縣市都是紅色警戒燈號。而彰化縣昨增加6人由橙色燈號轉紅。
目前呈現橙色燈號的縣市分別是基隆市和新竹市皆有3名本土個案；而淺綠色燈號為南投縣、台南市和高雄市目前3縣市都有1例本土個案；其他縣市目前沒有本土個案因此燈號仍舊維持深綠色。
台灣昨暴增180例本土個案是新冠疫情爆發以來首次出現三位數的本土確診數字其中臺北市新增89例、新北市75例、彰化縣6例、宜蘭縣及桃園市各4例、台中市及基隆市各1例。</t>
  </si>
  <si>
    <t>本土個案燈號疫情目前新北臺北市確診爆發臺灣桃園台中累計顯示去年分別管署</t>
  </si>
  <si>
    <t>新冠肺炎台灣本土個案確診地圖雙北</t>
  </si>
  <si>
    <t>本土臺灣個案肺炎確診地圖雙北</t>
  </si>
  <si>
    <t>肺炎輸入境外涉及新增北京航班</t>
  </si>
  <si>
    <t>北京市疾病預防控制中心副主任龐星火19日表示18日北京市新增報告境外輸入新冠肺炎確診21例共涉及6國、8個航班。龐星火指出21例境外輸入確診病例的來源增多涉及6個國家。西班牙、英國各7例另4國為境外輸入</t>
  </si>
  <si>
    <t>境外輸入涉及龐星火確診報告表示國家西班牙增多英國來源指出肺炎病例北京市新增航班國為北京市疾病預防控制中心主任</t>
  </si>
  <si>
    <t>北京市疾病預防控制中心副主任龐星火19日表示18日北京市新增報告境外輸入新冠肺炎確診21例共涉及6國、8個航班。
龐星火指出21例境外輸入確診病例的來源增多涉及6個國家。西班牙、英國各7例另4國為境外輸入首次報告包括匈牙利3例、奧地利2例、盧森堡與巴西各1例。當中東歐（匈牙利3例）、南美（巴西1例）均為首次報告。</t>
  </si>
  <si>
    <t>境外輸入報告涉及龐星火確診匈牙利巴西表示國家國為西班牙增多英國指出來源病例肺炎北京市新增包括航班南美奧地利</t>
  </si>
  <si>
    <t>境外匈牙利北京市報告新冠</t>
  </si>
  <si>
    <t>匈牙利報告北京市境外</t>
  </si>
  <si>
    <t>全體確診宣佈電視臺肺炎員工廁所緊急公司陳屍攝影師</t>
  </si>
  <si>
    <t>（9日03：30更新）北市內湖區某電視台攝影棚攝影師7日被人發現陳屍在廁所馬桶家屬一度以為是酗酒緣故不過檢警採檢後送驗今傍晚結果出爐該攝影師新冠肺炎篩檢呈現陽性當初協助相驗的員警已經急赴醫院快</t>
  </si>
  <si>
    <t>攝影師已經員警協助當初陽性電視臺呈現一度酗酒家屬馬桶攝影棚以為廁所送驗陳屍發現結果</t>
  </si>
  <si>
    <t>（9日03：30更新）北市內湖區某電視台攝影棚攝影師7日被人發現陳屍在廁所馬桶家屬一度以為是酗酒緣故不過檢警採檢後送驗今傍晚結果出爐該攝影師新冠肺炎篩檢呈現陽性當初協助相驗的員警已經急赴醫院快篩而電視台的同事現已自主健康管理。據悉該電視台宣佈9日要協助全體員工快篩並在衛生單位的指示下進行疫調。
7日上午電視台的清潔工發現48歲攝影師在廁所隔間內猝死警方到場相驗見死者褲子脫到一半排除無外力介入原打算請衛生所的醫師開立死亡證明書不過警方通知衛生所、1922兩方互踢皮球沒有醫師願意到場後經協調改由法醫進行採檢今天傍晚採檢結果出爐新冠肺炎確診。
家屬告訴檢警死者前1周均居家辦公第1天上班就陳屍廁所辦公室同事則自行展開疫調瞭解曾密切接觸的同仁通知自主健康管理；到場處理的員警包括派出所3名員警、偵查隊鑑識人員1名均有穿戴全套防疫裝備返所後都有使用消毒門全面清消現已前往醫院進行快篩。
★中時新聞網關心您：飲酒過量有礙健康！
★中時新聞網關心您：開車不喝酒、喝酒不開車！</t>
  </si>
  <si>
    <t>電視臺到場進行廁所攝影師健康死者通知警方醫師員警家屬同事協助陳屍衛生所管理</t>
  </si>
  <si>
    <t>新冠肺炎台灣內湖電視台廁所</t>
  </si>
  <si>
    <t>臺灣肺炎電視臺廁所</t>
  </si>
  <si>
    <t>石正麗專家冰山一角病毒</t>
  </si>
  <si>
    <t>中國大陸病毒專家石正麗警告要是全球不群策群力預防可能的傳染病爆發那目前席捲全球的致命新冠肺炎病毒在人類很快就會面對的傳染病中可能只是冰山一角。石正麗告訴「中國環球電視網」（CGTN）人類要是想</t>
  </si>
  <si>
    <t>全球石正麗傳染病可能病毒人類中國環球告訴冰山一角警告很快肺炎面對致命席捲目前預防爆發群策群力電視網專家</t>
  </si>
  <si>
    <t>中國大陸病毒專家石正麗警告要是全球不群策群力預防可能的傳染病爆發那目前席捲全球的致命新冠肺炎病毒在人類很快就會面對的傳染病中可能只是冰山一角。
石正麗告訴「中國環球電視網」（CGTN）人類要是想避免受下一次傳染病爆發之苦就必須先瞭解野生動物身上的不知名病毒並提早發出警告。她在週一播出的專訪中警告「要是我們不研究可能會爆發另一場疫情。」由於石正麗以研究蝙蝠聞名因此有「蝙蝠女」（bat woman）的綽號。
石正麗說病毒研究需要科學家和政府保持透明合作而科學被政治化令人「十分遺憾」。自從新冠肺炎疫情去年底從武漢爆發以來如今在全球已有近550萬人確診將近35萬人死亡。
石正麗是武漢病毒研究所新發傳染病研究中心主任自從新冠肺炎疫情蔓延後不斷有消息傳出是武漢實驗室意外讓病毒外傳。此外許多國家也不斷指控北京說中方掩蓋事實沒有趁早公開並因應疫情。
不過石正麗否認武漢實驗室和新冠肺炎大流行有關並強調團隊研究的病毒株與造成疫情的病毒株不同。由於美國總統川普和國務卿蓬佩奧（Michael Pompeo）不斷指控席捲全球的新冠肺炎病毒很可能和武漢實驗室有關導致美中關係日益緊張。而石正麗專訪的推出正值中國全國人大和政協會議也就是一般所謂的「兩會」召開期間。</t>
  </si>
  <si>
    <t>病毒研究疫情石正麗武漢傳染病爆發肺炎全球可能不斷實驗室警告人類有關指控專訪</t>
  </si>
  <si>
    <t>石正麗新冠肺炎武漢肺炎病毒專家中國大陸</t>
  </si>
  <si>
    <t>肺炎武漢病毒中國專家石正麗大陸</t>
  </si>
  <si>
    <t>明年疫情民眾預估染病英驚世</t>
  </si>
  <si>
    <t>英國新冠肺炎疫情在政府未積極遏制病毒傳播也未實施大規模檢測的鬆散做法之下確診人數節節攀高。根據《衛報》從衛生部門取得的一份內部檔顯示預計英國未來12個月都會受疫情影響直到2021年春季。文件並做出</t>
  </si>
  <si>
    <t>疫情檔英國鬆散做法檢測實施政府衛生部門影響取得內部顯示預計未來人數確診之下病毒傳播衛報直到積極</t>
  </si>
  <si>
    <t>英國新冠肺炎疫情在政府未積極遏制病毒傳播也未實施大規模檢測的鬆散做法之下確診人數節節攀高。根據《衛報》從衛生部門取得的一份內部檔顯示預計英國未來12個月都會受疫情影響直到2021年春季。檔並做出最壞估計指出期間可能多達80%民眾會染疫感染人數中又有15%（約790萬人）須住院治療死亡人數可能逾50萬人。
文件已向醫院傳達
這份文件由英格蘭公共衛生署（PHE）緊急應變小組撰寫並已獲得負責此次疫情的首席官員霍普金斯（Susan Hopkins）授權公開給英格蘭各大醫院負責人及資深醫生。儘管預測數字都是根據最糟糕的情況推算暗示實際情況會比較好但是檔明確指出預計未來12個月內4/5的人會感染新冠肺炎其中15%染疫患者需要住院治療。
文件提到在疫情高峰期間（預期落在5月底至6月中）500萬名服務於基本及關鍵基礎設施的人（包括100萬醫護人員與150萬從事社會照護的人）可能有50萬人染疫請假。此外全英會有10%的人出現咳嗽症狀。按照強森政府上周公佈的防疫建議任何有咳嗽症狀的人都應自我隔離7天。50萬人請病假加上自我隔離的人數恐造成基礎設施當機。
該報告點出目前有症狀而須接受檢測的人數已超出醫療系統負荷因為實驗室「供不應求」所以只能將檢測對象限縮於住院的重症患者、長照中心病患、關在出現確診病例監獄的囚犯。
病毒6月趨緩但永存
不過東安格利亞大學（University of East Anglia）教授亨特（Paul Hunter）認為雖然社會大眾聽到疫情將持續12個月可能會不安與憂慮但一年的時間是合理的。他說：「我認為（新冠肺炎疫情）會在近6月底時趨緩11月左右再度回籠就和普通的流感一樣。病毒應該會永遠存在但隨著免疫力增強疫情就不會那麼嚴重。」
英國至16日中午為止確診病例達1391人、35死。全球疫情排行榜裡排名第10。</t>
  </si>
  <si>
    <t>疫情檔人數可能檢測確診症狀英國英格蘭病毒月底醫院肺炎政府認為設施基礎</t>
  </si>
  <si>
    <t>檔病毒肺炎英國檢測</t>
  </si>
  <si>
    <t>病毒肺炎檢測英國文件</t>
  </si>
  <si>
    <t>指揮收治確診排除醫院強制手段民間</t>
  </si>
  <si>
    <t>臺北市面對新冠肺炎疫情市立聯合醫院的病床相當吃緊傳出市長柯文哲希望能和非聯醫體系醫院調用病床卻遭到拒絕市府認為《傳染病防治法》有授權地方政府徵用如果再有醫院不配合不排除採強制手段。柯文哲18</t>
  </si>
  <si>
    <t>病床醫院柯文哲肺炎疫情聯合醫院相當吃緊授權傳出防治法希望傳染病市長認為拒絕市府遭到體系調用配合</t>
  </si>
  <si>
    <t>臺北市面對新冠肺炎疫情市立聯合醫院的病床相當吃緊傳出市長柯文哲希望能和非聯醫體系醫院調用病床卻遭到拒絕市府認為《傳染病防治法》有授權地方政府徵用如果再有醫院不配合不排除採強制手段。柯文哲18日表示並不是醫院不合作只是醫院要降載需要時間。
現在到快篩站採檢的民眾若確診陽性市府會協助到防疫旅館居住但自行到民間大一型醫院採檢確診卻拒絕安置讓很多人面臨無病床可住的問題。
柯文哲今天下午主持防疫記者會面對聯醫體系以外的醫院不肯配合釋出病床柯文哲表示他相信大家願意幫忙但一開始大家也知道上星期五到現在變化太快今天下午開始清理清理病床情況會好一點並不是他們不合作只是醫院要降載需要時間要慢慢把病人清掉今天會下達命令給各大醫院以後會更有效管制。</t>
  </si>
  <si>
    <t>醫院病床柯文哲市府拒絕開始防疫今天下午表示現在面對確診體系配合時間需要合作肺炎以後</t>
  </si>
  <si>
    <t>醫院柯文哲病床新冠肺炎台灣</t>
  </si>
  <si>
    <t>病床柯文哲肺炎醫院臺灣</t>
  </si>
  <si>
    <t>加速複製病毒出現成分常見重症止咳</t>
  </si>
  <si>
    <t>根據中央流行疫情指揮中心統計新冠肺炎初期症狀以咳嗽最多3日有醫師提出警告從一項猴子細胞實驗中發現止咳藥水中的常見成分「Dextromethorphan」會加速新冠病毒的複製。陽明大學助理教授、胸腔重症醫師蘇一</t>
  </si>
  <si>
    <t>醫師中心統計教授助理大學陽明實驗發現止咳細胞猴子水中警告肺炎提出複製常見病毒成分初期咳嗽症狀</t>
  </si>
  <si>
    <t>根據中央流行疫情指揮中心統計新冠肺炎初期症狀以咳嗽最多3日有醫師提出警告從一項猴子細胞實驗中發現止咳藥水中的常見成分「Dextromethorphan」會加速新冠病毒的複製。
陽明大學助理教授、胸腔重症醫師蘇一峰在臉書上發文表示「Dextromethorphan」是目前臨床上最常使用的止咳藥之一。在知名國際期刊《自然》（Nature）刊登的一項研究從猴子細胞實驗中發現Dextromethorphan會加速新冠病毒的複製甚至可能使患者病情更加惡化。但他也表示這是猴子細胞實驗的研究結果人體感染不一定有一樣的反應。因此研究專家建議「在疫情期間使用止咳藥物Dextromethorphan尤其是疫區一定要小心謹慎因為可能會造成新冠肺炎疫情的惡化甚至導致重症患者的出現。
蘇一峰也表示目前健保藥物品項中就有174項的呼吸道藥物都含有Dextromethorphan許多市售的鎮咳、止咳成藥也都含有Dextromethorphan。
更多 CTWANT 報導</t>
  </si>
  <si>
    <t>dextromethorphan止咳疫情研究表示猴子醫師細胞實驗一定重症可能藥物使用目前含有惡化肺炎蘇一峰甚至患者複製</t>
  </si>
  <si>
    <t>Dextromethorphan止咳藥新冠病毒蘇一峰複製</t>
  </si>
  <si>
    <t>病毒止咳蘇一峰dextromethorphan複製</t>
  </si>
  <si>
    <t>自主管理乾淨</t>
  </si>
  <si>
    <t>跨年夜臺北市、桃園市靠「天網」揪出有自主健康管理者違反參加大型集會的規定雖中央疫情指揮中心已正名為「電子圍籬20」強調非對全民監控但仍引發爭議。對此「宅神」朱學恒表示還是支持把居家檢疫時</t>
  </si>
  <si>
    <t>表示朱學出有對此自主爭議健康管理者引發違反監控參加桃園支持全民集會規定強調中央疫情</t>
  </si>
  <si>
    <t>跨年夜臺北市、桃園市靠「天網」揪出有自主健康管理者違反參加大型集會的規定雖中央疫情指揮中心已正名為「電子圍籬20」強調非對全民監控但仍引發爭議。對此「宅神」朱學恒表示還是支持把居家檢疫時間延長到21天只要7天自主健康管理還能出門「天網也抓不乾淨啦」。
朱學恒今（5）日在臉書引述《紐約時報》中文網報導指出台灣的觀點是隔離14天後仍無癥狀的病毒攜帶者不太可能具有很強的傳染性。不過衛福部長陳時中也提到毫不懷疑有一些無癥狀的病例從未被發現而問題是他的病沒有產生問題是不是要花很大力氣去把這些不會產生問題的人找出來？還是要集中精神去做其他已經有問題的？
朱學恒直言「只希望智障側翼看得懂陳時中自己承認有感染者早就進入國門只是不想花資源去追蹤而已」不要再拿什麼台灣銅牆鐵壁的神話到處洗版「你們的神已經把你們的臉都打到外太空去了好了啦回家睡覺啦」。
此外朱學恒認為應把居家檢疫時間延長到21天只要7天自主健康管理還能出門即使出動「天網」也抓不乾淨。網友問說「國際上有強制隔離21天的國家嗎？」朱學恒則回覆越南是28天。
另有網友也同意居家檢疫應拉長到21天「7天自主管理邏輯是很奇怪去演唱會抓出來開罰去上班或聚餐或是出門等等都沒事？」要做就做到最好、最嚴厲並提到不覺得陳時中是個很好的部長人選「太軟了事到關頭還在同理心」。</t>
  </si>
  <si>
    <t>朱學問題自主臺灣出門隔離健康已經症狀管理提到</t>
  </si>
  <si>
    <t>朱學恒自主管理天網新冠肺炎居家檢疫</t>
  </si>
  <si>
    <t>管理肺炎自主居家朱學檢疫</t>
  </si>
  <si>
    <t>官兵接觸感染林縣結果艦雲磐石出爐</t>
  </si>
  <si>
    <t>磐石艦新冠肺炎感染者之一是雲林縣民密切接觸者有8人19日第一次採驗結果全是陰性衛福部疾病管制署昨（24日）要求二採甫引進「聚合酶連鎖反應儀及自動核酸萃取儀」的台大雲林分院緊急協助採驗昨晚化驗結果</t>
  </si>
  <si>
    <t>結果肺炎感染者林縣密切接觸大雲連鎖反應協助分院聚合緊急引進管制衛福部疾病要求</t>
  </si>
  <si>
    <t>磐石艦新冠肺炎感染者之一是雲林縣民密切接觸者有8人19日第一次採驗結果全是陰性衛福部疾病管制署昨（24日）要求二採甫引進「聚合酶連鎖反應儀及自動核酸萃取儀」的台大雲林分院緊急協助採驗昨晚化驗結果立即出爐8人二採仍是陰性。
磐石艦首批感染者21人中有1人是雲林子弟雲林縣衛生局匡列8名密切接觸者19日採驗病毒及居家隔離20日結果出爐8人都是陰性。
因疾管署要求需「二採」雲林縣衛生局委託臺大雲林分院實驗室統一採驗該院緊急加班24日晚上9 點檢驗結果出爐二採8人仍都為陰性。
臺大雲林分院日前引進即時「聚合酶連鎖反應儀及自動核酸萃取儀」自4月20日起提供新型冠狀病毒核酸檢驗成為疾病管制署「嚴重特殊傳染性肺炎」指定檢驗機構每日最大檢驗量可達30件雲林縣採檢的個案不必再外送到彰化檢驗。</t>
  </si>
  <si>
    <t>檢驗陰性林縣結果大雲分院肺炎核酸出爐要求管制疾病感染者病毒緊急引進衛生局密切接觸</t>
  </si>
  <si>
    <t>磐石艦陰性雲林新冠肺炎敦睦艦隊</t>
  </si>
  <si>
    <t>雲林肺炎陰性敦睦磐石艦隊</t>
  </si>
  <si>
    <t>縣府滿天飛謠言專稿澄清疫情金門警告</t>
  </si>
  <si>
    <t>新冠肺炎疫情全球發燒金門鄉親也是人心惶惶。縣府今（21）日專稿說明2名居家隔離、39名居家檢疫者現況澄清外界不實傳言。縣長楊鎮浯提醒鄉親切勿再以訛傳訛如散佈未經證實的疫情謠言縣府將依〈傳染病防治法</t>
  </si>
  <si>
    <t>縣府鄉親疫情居家全球謠言現況發燒澄清外界不實金門傳言證實縣長散佈人心惶惶未經楊鎮提醒以訛傳訛</t>
  </si>
  <si>
    <t>新冠肺炎疫情全球發燒金門鄉親也是人心惶惶。縣府今（21）日專稿說明2名居家隔離、39名居家檢疫者現況澄清外界不實傳言。縣長楊鎮浯提醒鄉親切勿再以訛傳訛如散佈未經證實的疫情謠言縣府將依〈傳染病防治法〉移請警政及檢調單位處理也歡迎鄉親向衛生局提出檢舉。
縣府強調由於地區民眾對於居家隔離及居家檢疫對象的定義不夠瞭解加上部分人士刻意引導已造成大家人心惶惶。但事實上金門迄無確診案例2名居家隔離、39名居家檢疫者均依中央疫情指揮中心規定進行每日監測及追蹤狀況確保做好相關工作。
在居家隔離方面1名於定點檢疫處所隔離中有土耳其旅遊史為與確診旅遊團同班機旅客也已採檢送驗結果為「陰性」。另昨日新增1名通知居家隔離為旅遊確診案例接觸者今天為返國後第14天已依疾管署通知進行採檢送驗須等檢驗報告為陰性後解除隔離。
另在居家檢疫方面縣府也說明多數為具旅遊史的鄉親。其中具土耳其旅遊史者共2人雖與確診旅遊團同班機但班機座位距離甚遠楊鎮浯特別也要求衛生及民政單位高度關切。
縣府再次強調居家檢疫和居家隔離者不是確診案例相關定義是居家隔離者為與確定病例接觸者由衛生主管機管每天主動監測2次；
居家檢疫者則是具有國外旅遊史者疾管署開立通知單後由民政單位負責追蹤村裡幹事每日撥打電話詢問健康狀況並紀錄「健康關懷記錄表」。
楊鎮浯呼籲鄉親切勿恐慌更不要對居家隔離、檢疫者有非理性的言語攻擊與暴力行為。他也譴責刻意利用修飾文字來導引輿論風向造成地區人心恐慌的「特定人士」於網路社群媒體貼文強調如此行徑只會增加防疫負擔且無法讓相關防疫部署更加完善。
他更呼籲此刻全民應該凝聚團結共識齊力防疫切勿因特定人士蓄意煽動造成彼此間的分裂與仇視。同時也提醒鄉親可提升自我防護勤洗手在人多的密閉空間可戴口罩做好居家環境消毒工作更要睡眠充足、飲食營養均衡、以提升自我免疫力。</t>
  </si>
  <si>
    <t>居家隔離鄉親檢疫縣府旅遊確診疫情人士單位造成強調防疫相關呼籲追蹤刻意地區恐慌監測</t>
  </si>
  <si>
    <t>新冠肺炎武漢肺炎金門縣府居家隔離、居家檢疫</t>
  </si>
  <si>
    <t>肺炎武漢縣府居家金門隔離檢疫</t>
  </si>
  <si>
    <t>處理小時遺體新北</t>
  </si>
  <si>
    <t>全國火化遺體數激增殯葬人員也吃不消。新北市三峽火葬場「三峽昇華園」為消化大量新冠肺炎遺體原本夜間休息不火化6月起改為24小時不打烊運作16名工作人員分三班制負責火化甚至還有1天火化110具以上遺體</t>
  </si>
  <si>
    <t>火化遺體三峽吃不消殯葬消化人員運作打烊肺炎工作人員原本休息夜間火葬場新北甚至昇華還有激增負責小時</t>
  </si>
  <si>
    <t>全國火化遺體數激增殯葬人員也吃不消。新北市三峽火葬場「三峽昇華園」為消化大量新冠肺炎遺體原本夜間休息不火化6月起改為24小時不打烊運作16名工作人員分三班制負責火化甚至還有1天火化110具以上遺體雖然沒有打破紀錄但也可以排入前3名。
三峽火葬場人員表示新冠肺炎死者24小時內要火化就算是半夜收到也要馬上作業因為有2座專責的火化爐火化部分勉強應付得來；但像本月3日是習俗上的旺日共火化110具遺體只比農曆春前夕趕著出山將近130具左右遺體少一點但也可列入數量最多的前幾名看著排隊的喪家不斷湧入一具接著一具火化一有空檔還要忙著整理、消毒基本上連休息時間都沒有。
臺北市立第二殯儀館長劉瑞隆說以往殯儀館人員執行火化儀式時部分家屬會在一旁陪同今年遇上新冠疫情有些家屬、親人因為接觸可能正在隔離或擔心受到感染沒有到場陪同火化的人數相對銳減有親屬到場送死者最後一程館內保全則會在現場要求保持距離。
桃園殯葬所人員指出5月爆發疫情後全桃園已陸續處理12件新冠肺炎確診死亡案相較去年僅個位數爆增不少坦言一開始真的很緊張尤其還要綁手環都會擔憂被傳染所幸逐步增加作業規範像是醫院套2層屍袋、穿全套防護衣。
為避免其他家祭家屬恐慌殯葬人員都要加班以額外時間處理有時清晨4、5時就要到火化場熱爐但就當服務希望幫他們一路好走。</t>
  </si>
  <si>
    <t>火化人員遺體沒有家屬殯葬肺炎作業還要處理疫情陪同死者到場桃園三峽部分</t>
  </si>
  <si>
    <t>家屬處理三峽肺炎火化</t>
  </si>
  <si>
    <t>家屬肺炎火化處理三峽</t>
  </si>
  <si>
    <t>翻倍占比明年啟棋台越產能通信網</t>
  </si>
  <si>
    <t>啟碁(6285)今日舉辦法人說明會董事長謝宏波認為隨著新冠肺炎疫情舒緩5G依舊是各國政府會著力的一塊啟碁5G營收占比今年約3~5%明年希望有翻倍成長、上看7~10%另外由於美中貿易戰恐無法在短期結束故今</t>
  </si>
  <si>
    <t>啟棋貿易戰美中成長說明會董事長希望謝宏波明年認為今年占比肺炎疫情一塊政府</t>
  </si>
  <si>
    <t>啟棋今年疫情比較預計已經謝宏波大陸影響越南臺灣客戶產能現階段目前汽車供應需要可以</t>
  </si>
  <si>
    <t>啟碁5GIoT車用 WiFi 6</t>
  </si>
  <si>
    <t>車用啟棋iotwifi</t>
  </si>
  <si>
    <t>疫情日後真章疫苗柯文哲施打市場拭目以待</t>
  </si>
  <si>
    <t>臺北市13日新增9例本土確診個案臺北市長柯文哲表示萬華區上周仍有新增36例先前批發市場專案大規模PCR篩檢、施打疫苗後15日起就可看出是否有效擋住請大家拭目以待另外北市除了市場感染比較麻煩的是家戶</t>
  </si>
  <si>
    <t>臺北市感染市場北市拭目以待擋住有效是否比較看出上周疫苗表示柯文哲華區施打個案pcr</t>
  </si>
  <si>
    <t>臺北市13日新增9例本土確診個案臺北市長柯文哲表示萬華區上周仍有新增36例先前批發市場專案大規模PCR篩檢、施打疫苗後15日起就可看出是否有效擋住請大家拭目以待另外北市除了市場感染比較麻煩的是家戶感染是現在疫調主力。
北市新增確診個案連續2天在10例以下柯文哲今表示從過去記錄來看北市感染分為3類一類是市場感染過去2周大規模PCR篩檢、打疫苗希望這周可解決掉每週12個行政區新增案例萬華到上周還有36例批發市場專案疫苗打下去要14天發揮作用最後一批是1日施打所以15日後就可看出是否有效擋住他要大家拭目以待。
柯文哲指出除了市場另外是醫院發生院內感染會加強醫院管制也由於醫院較少一旦有確診疫調很容易發現針對爆出感染的醫院處理最後比較麻煩的就是家戶感染大概是現在疫調的主力這周再努力看看。
此外柯文哲說今天北市新增9例分佈在5個行政區中山區是家戶感染萬華今天新增2例沒有特別多但只看1天不準要看1周累積起來的趨勢案例雖然變少但市府一直擴大匡列追蹤的居家隔離人數保持在1000人上下病例愈少就加大疫調範圍希望透過這樣努力達到清零。</t>
  </si>
  <si>
    <t>感染柯文哲新增北市醫院確診疫苗市場案例希望上周表示過去行政區努力批發市場專案萬華</t>
  </si>
  <si>
    <t>新冠肺炎台灣北市市場柯文哲</t>
  </si>
  <si>
    <t>臺灣北市肺炎市場柯文哲</t>
  </si>
  <si>
    <t>確診近期寧可新北坦言不要侯友宜漏掉</t>
  </si>
  <si>
    <t>新北市確診人數持續攀增今日累計465個確診案例；新北市長侯友宜今主持防疫會議表示新北市擴大匡列的量很龐大採檢的量也很龐大這段期間新北市的確診數一定是愈來愈多但大家不要怕多只怕沒有抓出來「因</t>
  </si>
  <si>
    <t>新北確診龐大不要愈來愈多只怕一定累計案例市長侯友宜防疫會議表示匡列期間擴大沒有攀增今日主持人數持續</t>
  </si>
  <si>
    <t>新北市確診人數持續攀增今日累計465個確診案例；新北市長侯友宜今主持防疫會議表示新北市擴大匡列的量很龐大採檢的量也很龐大這段期間新北市的確診數一定是愈來愈多但大家不要怕多只怕沒有抓出來「因為寧可這段時間把確診者找出來也不要讓確診者的病毒在社區內持續蔓延」。
侯友宜說新北市人口數量龐大跟萬華區又僅一橋之隔很多個案感染源來自萬華區、但住在新北市境內「所以我跟警察局說『有接觸史就要擴大匡列就要擴大採檢』要用刑警偵查方式來辦案有失聯要快速找到一個都不要給我漏掉。
侯友宜說所以新北市擴大採檢的量很多這段期間確診數量也一定很多不可能馬上把確診數字壓下來「但大家不要怕多只怕確診個案沒有抓出來」寧可這段時間把確診者找出來阻絕傳染風險也不要讓確診者在社區裡面繼續蔓延。</t>
  </si>
  <si>
    <t>確診新北侯友宜不要擴大出來個案龐大華區持續一定只怕匡列期間社區蔓延沒有</t>
  </si>
  <si>
    <t>新冠肺炎台灣新北市侯友宜確診數</t>
  </si>
  <si>
    <t>臺灣新北肺炎侯友宜確診</t>
  </si>
  <si>
    <t>連結人生母親華人疫病確診</t>
  </si>
  <si>
    <t>一名確診者今（6日）在我是板橋人臉書社團留言說自己是一名確診者因自己有去萬華人與人的連結害母親、胞兄染疫母親5月19日住院治療於6月1日病歿是人生的痛！留言也吸引網友幫他加油打氣但留言目前已刪</t>
  </si>
  <si>
    <t>留言母親確診加油打氣人生連結華人人臉板橋言說網友吸引胞兄住院治療目前社團</t>
  </si>
  <si>
    <t>一名確診者今（6日）在我是板橋人臉書社團留言說自己是一名確診者因自己有去萬華人與人的連結害母親、胞兄染疫母親5月19日住院治療於6月1日病歿是人生的痛！留言也吸引網友幫他加油打氣但留言目前已刪除。
確診者留言說首先要感謝全台第一線的警消及北市府的安排5月12日萬華疫情爆發後自己有去人與人的連結回家後立刻告知家人及戴上口罩。但母親5月14日一直咳嗽因母親有喉嚨乾咳的狀況就不在意一直叫她喝水。
但隔幾天上午大哥因高燒前往臺北市立聯合醫院快篩結果為陽性立刻被安排去防疫旅館下午時母親想洗頭、洗澡洗完後母親很疲憊躺在床上二哥連忙帶她去臺北市就醫隨即入住負壓隔離病房是自己第一次也是最後一次感受人生的痛。
母親從5月19日住院6月1日病歿不到6小時火化自己是5月20日快篩陰性5月24日被通知PCR陽性隔天就被入住集中檢疫所。留言也吸引不少網友加油打氣但目前留言已經刪除。</t>
  </si>
  <si>
    <t>母親留言安排入住立刻陽性一直確診言說連結人生目前吸引加油打氣</t>
  </si>
  <si>
    <t>母親5月留言確診者病歿</t>
  </si>
  <si>
    <t>留言確診母親</t>
  </si>
  <si>
    <t>客人東西商店</t>
  </si>
  <si>
    <t>國內超商都有賣地瓜但一名超商店員無奈表示客人挑選時總是要用手把地瓜捏過一輪讓他得常常提醒客人「旁邊有夾子」。貼文一出引起網友熱議直呼「我地瓜連皮一起吃耶以後不敢買了」時值新冠肺炎疫情侵襲全</t>
  </si>
  <si>
    <t>地瓜客人時值不敢以後肺炎一起網友引起文一夾子無奈挑選旁邊商店手把</t>
  </si>
  <si>
    <t>國內超商都有賣地瓜但一名超商店員無奈表示客人挑選時總是要用手把地瓜捏過一輪讓他得常常提醒客人「旁邊有夾子」。貼文一出引起網友熱議直呼「我地瓜連皮一起吃耶以後不敢買了」時值新冠肺炎疫情侵襲全球還有人深怕吃到被捏過的地瓜會中鏢。
這名超商店員昨（23）日在臉書社團「爆怨公社」發文：「不要用手捏地瓜！真的很奇怪欸每個人都覺得自己手超級乾淨一直捏捏捏剛剛有位先生捏的好開心。」原PO見狀立即上前制止說：「先生旁邊有夾子麻煩不要用手捏可以嗎？現在疫情這麼嚴重！」那位客人被其他盯看覺得沒面子只好隨便夾了一顆就結帳了。
原PO感嘆表示這個時候如果各大超商再不想點辦法預防這種鹹豬手「我奉勸各位別買地瓜了因為你不知道你買的地瓜到底被多少人摸過…超噁心的」。</t>
  </si>
  <si>
    <t>地瓜客人要用po覺得疫情商店表示旁邊夾子先生網友以後不敢一起引起社團</t>
  </si>
  <si>
    <t>地瓜客人超商噁心超商店員地瓜</t>
  </si>
  <si>
    <t>地瓜商店客人</t>
  </si>
  <si>
    <t>剝離關聯主動脈分析可先高端</t>
  </si>
  <si>
    <t>第六輪國產高端疫苗於23日開放施打截至目前（26日）已出現4起猝死案件其中2人死因推斷為「主動脈剝離」是否跟接種高端疫苗有關？感染科、心臟科醫師紛紛認為兩者並無因果關係只是剛好在接種後發生主動脈剝</t>
  </si>
  <si>
    <t>接種主動脈疫苗高端認為只是關係因果剛好出現猝死案件死因推斷是否剝離紛紛醫師目前心臟截至施打感染</t>
  </si>
  <si>
    <t>第六輪國產高端疫苗於23日開放施打截至目前（26日）已出現4起猝死案件其中2人死因推斷為「主動脈剝離」是否跟接種高端疫苗有關？感染科、心臟科醫師紛紛認為兩者並無因果關係只是剛好在接種後發生主動脈剝離。醫師也說若擔心接種後身體出現不適這幾種人可先暫緩接種疫苗。
指揮中心發言人莊人祥表示高端疫苗接種後不良事件截至25日已出現18起另出現4起死亡。目前僅50多歲陸姓作家完成解剖研判死因為主動脈剝離合併心包填塞；另一位40多歲基隆女性經電腦斷層初步診斷也是主動脈剝離觀察到有大規模剝離情形。
根據《ETtoday》報導振興醫院心臟血管內科主治醫師黃建龍指出主動脈剝離大多和先天性血管結締組織健康狀態有關若結締組織不健康血壓太高就會破裂這樣就很難救回來。因此家族有主動脈剝離史者、心血管內膜不健康者都是高風險族群。
但黃建龍表示學界並不支持主動脈剝離與種疫苗有關聯性主動脈剝離通常有潛在原因在打疫苗後發生只是「剛好」而非因果關係；中國醫藥大學感染權威黃高彬也指出接種疫苗與主動脈剝離在理論上無關聯性剛好在接種後發生這種事只能說實在很不幸。
若真的要分析關聯性黃高彬認為應觀察預期值從統計上來判斷接種疫苗後主動脈剝離人數有無增加。黃高彬提醒若在接種自我評估身體狀況不佳有頭痛、疲憊沒睡飽、喘不過氣、胸背疼痛、食慾不佳等症狀都可以先暫緩施打；黃建龍也說高血壓者可以數值狀態穩定後再去接種。</t>
  </si>
  <si>
    <t>剝離主動脈接種疫苗黃建龍黃高彬出現健康關聯發生高端可以暫緩認為表示心臟血管死因施打</t>
  </si>
  <si>
    <t>主動脈剝離接種關聯性高端疫苗</t>
  </si>
  <si>
    <t>接種關聯剝離高端主動脈疫苗</t>
  </si>
  <si>
    <t>支援三軍醫院板橋提升</t>
  </si>
  <si>
    <t>中央流行疫情指揮中心今（23日）公佈新增287例本土COVID-19確定病例另有170例本土個案校正回歸上周各日個案新北市至今已有27處可篩檢新北市長侯友宜今（23日）表示三軍總醫院明（24日）將加入板橋機動篩檢站</t>
  </si>
  <si>
    <t>新北本土個案中心加入公佈新增侯友宜市長至今已有指揮covid-板橋醫院三軍表示校正上周回歸</t>
  </si>
  <si>
    <t>中央流行疫情指揮中心今（23日）公佈新增287例本土COVID-19確定病例另有170例本土個案校正回歸上周各日個案新北市至今已有27處可篩檢新北市長侯友宜今（23日）表示三軍總醫院明（24日）將加入板橋機動篩檢站提升篩檢量能。
新北市長侯友宜今（23日）下午主持防疫應變會議記者會侯說今天增設2處機動篩檢站三軍總醫院5月24日將加入板橋機動篩檢站服務。
此外校正回歸後集中檢疫所由中央徵用除了原有已經啟用的183間外要再增用3間旅館再增加938間房調整醫療量能。</t>
  </si>
  <si>
    <t>新北校正回歸中央本土個案侯友宜三軍市長醫院板橋啟用已經原有徵用檢疫所中心</t>
  </si>
  <si>
    <t>新冠肺炎台灣 機動篩檢站板橋</t>
  </si>
  <si>
    <t>臺灣肺炎板橋</t>
  </si>
  <si>
    <t>semi市場變數設備半導體</t>
  </si>
  <si>
    <t>SEMI（國際半導體產業協會）公告最新北美半導體設備出貨報告今年4月份設備製造商出貨金額止跌回升達22619億美元年增率連續七個月維持正成長。SEMI全球行銷長暨台灣區總裁曹世綸指出新冠肺炎疫情及地緣政治風</t>
  </si>
  <si>
    <t>semi設備肺炎指出曹世綸總裁臺灣區協會公告疫情行銷全球最新成長北美導體維持連續製造商年增率止跌回升金額產業</t>
  </si>
  <si>
    <t>設備semi市場疫情變數全球今年金額導體成長下半年北美未來肺炎充滿曹世綸表示連續復蘇</t>
  </si>
  <si>
    <t>成長肺炎變數正成長設備製造商</t>
  </si>
  <si>
    <t>變數成長設備製造商肺炎</t>
  </si>
  <si>
    <t>告知缺氧快樂症狀插管沒有</t>
  </si>
  <si>
    <t>這波新冠肺炎疫情來得又快又急加上「快樂缺氧」的特殊徵兆許多患者會在尚無不適的狀況下被醫護人員告知需要插管因此產生畏懼、抗拒的心理恐致延誤治療。●新冠肺炎插管  病人拔管轉病房臺北慈濟醫院為收治</t>
  </si>
  <si>
    <t>插管肺炎病房管轉快樂特殊缺氧徵兆患者病人尚無不適狀況臺北醫護人員告知需要產生畏懼抗拒心理延誤</t>
  </si>
  <si>
    <t>這波新冠肺炎疫情來得又快又急加上「快樂缺氧」的特殊徵兆許多患者會在尚無不適的狀況下被醫護人員告知需要插管因此產生畏懼、抗拒的心理恐致延誤治療。
●新冠肺炎插管 病人拔管轉病房
臺北慈濟醫院為收治新冠肺炎患者之重度級急救責任醫院已成功為44名插管病人拔管順利控制病情其中最年輕者32歲最年長者90歲。胸腔內科藍冑進主任指出及早插管不只是為了搶救生命更有爭取時間讓藥物發揮作用、助於提早拔管的多重用意。
●病患長時間缺氧 插管幫助呼吸
一般而言臨床醫師會依據病患動脈內氧氣的壓力(PaO2)以及給氧分率(FiO2)來評估病人的氧合指數確認是否缺氧。如果需要插管會適時使用鎮定劑、肌肉鬆弛劑協助病患放鬆減緩不適而新冠肺炎患者因具傳染風險醫護人員須著全套隔離裝備不僅影響手感、視野也增加插管難度因此往往會與麻醉科醫師共同合作。
此外病患氧氣濃度不足(氧合指數小於150mmHg)、呼吸費力嚴重至輔助肌肉明顯用力以及出現意識障礙甚至休克都是臨床醫師會考慮插管的情況。
●插管後觀察 可自主呼吸即可拔管
藍冑進主任說明插管後若病況穩定醫療團隊會逐步將鎮定藥物減量調整呼吸機的壓力模式從完全由機器幫助呼吸改成輔助呼吸的模式最後再執行自主呼吸訓練若插管病人可以在不倚靠機器的狀態下自主呼吸半小時到兩小時就可以考慮拔管。
●鼻高流量濕化氧氣治療 避免插管
插管不是沒有希望但對許多新冠肺炎患者而言礙於自身沒有不適的緣故當臨床端給予醫療建議時往往無法接受。藍冑進主任特別說到：「現在針對缺氧患者除了藥物治療外臨床也會視病人情況予以經鼻高流量濕化氧氣治療降低插管機率甚或有改善呼吸衰竭免於插管的可能。」</t>
  </si>
  <si>
    <t>插管呼吸病人患者缺氧臨床肺炎治療藥物氧氣不適自主主任醫師醫護人員肌肉醫療往往</t>
  </si>
  <si>
    <t>健康醫療網新冠肺炎台灣插管拔管</t>
  </si>
  <si>
    <t>肺炎臺灣插管醫療網健康</t>
  </si>
  <si>
    <t>病毒產品報告公佈以上普力生</t>
  </si>
  <si>
    <t>普力生化科技公司4日公佈國防醫學院實驗室檢驗報告該公司產品「普力600二氧化氯抗菌錠」對抗新冠病毒可達9999％以上普力生技今更與國防醫學院簽署產學防疫研發合作也捐贈公司產品與研究設備一盡軍民共同抗</t>
  </si>
  <si>
    <t>公司產品國防醫學院病毒以上研究設備對抗普力生公佈防疫捐贈氧化氯研發簽署</t>
  </si>
  <si>
    <t>普力生化科技公司4日公佈國防醫學院實驗室檢驗報告該公司產品「普力600二氧化氯抗菌錠」對抗新冠病毒可達9999％以上普力生技今更與國防醫學院簽署產學防疫研發合作也捐贈公司產品與研究設備一盡軍民共同抗疫的責任。
今日普力與國防醫學院在新板希爾頓飯店舉行簽約儀式國防醫學院教育長李俊泰代表簽約李俊泰表示新冠肺炎疫情蔓延國防醫學院除了獲得科技部「防疫科學研究中心」研究計畫也持續與疾管署等單位合作其中預醫所與國衛院合作研發的新冠病毒治療性抗體及快篩試劑都有亮眼成果。
李俊泰說今日在國防部軍醫局支持與指導走出校園與產業結合是很突破性的一步也感謝普力生技對國軍防疫工作的支持期盼此次簽屬合作一起為防疫注入強心針。
普力生技董事長廖偉凱表示公司積極研發「普力600二氧化氯抗菌錠」等防疫產品除取得台灣藥品製成發明專利也通過美國FDA核准使用於環境清消也獲得衛服部頒發「協助傳染病防治貢獻卓越」獎章。
廖偉凱今日更拿出國防醫院院實驗室的報告指出產品針對對抗新冠病毒實驗檢測結果達9999％以上可提供研究同仁環境清消另一項新利器也展現普力對國家防疫工作盡一份心力的責任感。</t>
  </si>
  <si>
    <t>防疫國防醫學院產品合作公司今日研究研發李俊泰普力病毒支援獲得廖偉凱工作普力生表示環境</t>
  </si>
  <si>
    <t>普力生化科技新冠病毒國防醫學院生技產品</t>
  </si>
  <si>
    <t>國防病毒醫學院科技生化產品普力</t>
  </si>
  <si>
    <t>方針國門川普cdc政府走開一邊專家</t>
  </si>
  <si>
    <t>雖然新冠疫情在美仍未有明顯下降趨勢美國總統川普為了救經濟堅持將在近期重啟國門讓部分疫情已受控的州得以恢復正常生活。不過為了安全重啟經濟美國疾病管制與預防中心（CDC）特別草擬在此階段的防疫方針</t>
  </si>
  <si>
    <t>美國經濟疫情特別cdc中心仍未預防草擬管制下降明顯趨勢疾病總統川普部分國門得以堅持</t>
  </si>
  <si>
    <t>雖然新冠疫情在美仍未有明顯下降趨勢美國總統川普為了救經濟堅持將在近期重啟國門讓部分疫情已受控的州得以恢復正常生活。不過為了安全重啟經濟美國疾病管制與預防中心（CDC）特別草擬在此階段的防疫方針然而一名CDC官員透露川普政府不會實施CDC的建議「該方針恐永遠被埋沒」。
據美聯社報導這份17頁的重啟美國國門方針其中包括了對商業、學校、教會以及其他公共場所在疫情仍存的情況下應如何運作幫助地方官員安全地重新運作經濟生活。一名匿名且未授權對外發言的CDC官員表示這份方針原本預定將於8日公佈但是CDC的科學家被告知該方針「恐怕永遠無法問世」。
報導指出一名接近白宮疫情工作小組的人士表示CDC的方針永遠不會由該機構領導人來對外發布。他表示由於病毒影響全美各地程度不一白宮早就不願對外提供重啟國門特定環節的相關細節準則。
雖然川普本人在白宮疫情簡報記者會上一向隨心所欲演出但川普政府卻一直緊密掌控專家所公佈的各項關於新冠病毒以及防疫方針與資訊。傳統上美國CDC主要角色之一即是在公衛危機期間向大眾以及地方官員公佈相關方針以及科學資訊。然而在新冠疫情期間美CDC已經長達兩個月沒有舉行例行關於大流行資訊的記者會主任雷德菲爾德（Robert Redfield）雖然是白宮防疫小組成員之一但很少在大眾面前出現。
雖然川普政府一再堅稱政府有責任處理新冠疫情其展現方式完全反應在川普的聲明上但不論是從他先前聲稱不需對全國缺乏檢測負起責任甚至在各州需求檢測劑之時稱聯邦政府只是「最後的提供者」可謂要地方州政府要「自立自強」。
美聯社已取得CDC的防疫方針並公佈於網路上。</t>
  </si>
  <si>
    <t>cdc方針疫情川普政府白宮美國官員防疫公佈對外經濟地方資訊表示永遠國門記者會責任大眾美聯社病毒</t>
  </si>
  <si>
    <t>工作人員態度阿湯哥離職回家不可能</t>
  </si>
  <si>
    <t>好萊塢巨星湯姆可魯斯(Tom Cruise)正在拍攝知名系列動作電影《不可能的任務》最新第7集該片不僅由阿湯哥主演他還擔任監製製片方也投注钜額資本因此讓他背負不小的壓力但《不可能7》開拍以來曲折不斷前些</t>
  </si>
  <si>
    <t>不可能cruise開拍拍攝知名壓力動作不小電影背負資本任務tom最新製片方監製擔任阿湯哥主演以來湯姆可魯斯曲折</t>
  </si>
  <si>
    <t>好萊塢巨星湯姆可魯斯(Tom Cruise)正在拍攝知名系列動作電影《不可能的任務》最新第7集該片不僅由阿湯哥主演他還擔任監製製片方也投注钜額資本因此讓他背負不小的壓力但《不可能7》開拍以來曲折不斷前些日子阿湯哥才因防疫問題對工作人員大爆粗口如今又爆出離職潮阿湯哥當今的態度也被曝光讓劇組人員心生倦怠紛紛表示「只想回家」。
《不可能的任務7》自去年開拍就遇上新冠肺炎疫情爆發而該片本就設定要到全球各國拍片因此困難重重數度中斷拍攝去年10月即便小心翼翼仍爆出有12名工作人員染疫又折騰快2個月才復工結果又被阿湯哥看到有2名劇組人員在片場不遵守防疫距離讓他理智斷線當場爆粗口：「再一次你就他X的給我滾！」將工作看得比生命還重的他不希望再發生任何差錯且堅持一定要拍完這部片。
如今《不可能7》進度稍微趕上據《太陽報》報導英國拍攝的部分即將結束接下來將移師阿拉伯取景但如今疫情又升溫英國方面已發布禁飛令表示他們這一趟飛出去可能疫情沒結束前都回不了家這個狀況對整個劇組於心理層面及實際層面都產生了重大影響。
劇組知情人士透露他們覺得拍《不可能7》真的諸事不順這一整年折騰下來整個團隊士氣很低落已從過去的希望能趕快拍完到現在已經變成希望暫時停拍等疫情結束再說但阿湯哥卻不是這麼想的「他很堅持要趕快完工沒人可以阻止他」而基於上述風波目前已有5名劇組人員請辭接下來的拍攝之路可能會更辛苦。</t>
  </si>
  <si>
    <t>不可能劇組阿湯哥拍攝疫情結束希望如今人員折騰英國爆粗去年可能防疫趕快爆出</t>
  </si>
  <si>
    <t>阿湯哥湯姆克魯斯不可能的任務7新冠肺炎劇組人員</t>
  </si>
  <si>
    <t>任務肺炎不可能湯姆克魯斯劇組人員阿湯哥</t>
  </si>
  <si>
    <t>授課校長學生氣炸實體維持護專防疫台南</t>
  </si>
  <si>
    <t>國內疫情持續擴大延燒全台大專校院紛改採線上遠距教學國立台南護專目前仍維持實體授課學生為此罵翻天在臉書「黑特南護」直指學校「不要再賭了好嗎？」校長黃美智今表示考量市府未宣佈停班停課在兼顧防疫</t>
  </si>
  <si>
    <t>宣佈全台市府大專考量校院表示美智校長擴大再賭教學不要台南學校護專</t>
  </si>
  <si>
    <t>國內疫情持續擴大延燒全台大專校院紛改採線上遠距教學國立台南護專目前仍維持實體授課學生為此罵翻天在臉書「黑特南護」直指學校「不要再賭了好嗎？」校長黃美智今表示考量市府未宣佈停班停課在兼顧防疫和學生受教權採取不影響學業成績與上課時數的防疫假目前約300多位學生請假占全校約16％後續將視疫情演變若有需要就會調整為線上授課。
國立台南護專校長黃美智前日前發給全校師生一封公開信提到雙北學生可採非同步線上上課不便返校者也可請防疫假不過根據目前台南市政府宣佈疫情警戒尚未進入全面採取線上授課階段宣佈正常上課。
由於目前全台各大專校院幾乎都停課南護學生認為學校並非都是南部學生不停課太輕率也有學生批評在校內看見校長不戴口罩有違醫護專業；黃美智說應該是誤解之前疫情不嚴峻時空曠處可能未全天候戴口罩但上周開始疫情嚴峻一直都戴著口罩但面對學生的批評她虛心檢討認為大家都有防疫意識是好事。
校方指出目前南護約2000名學生以護理系占大宗約1200位其中250位本來在醫院實習也因應疫情都已經先暫停實習返校改為在校內實作場域維持學習不中斷。
南護學生控訴實體授課造成防疫危機引起兩派學生論戰學生傾向放假者認為改成線上授課比較安全也有人認為「不是說可以請防疫假了嗎？到底在吵什麼？」校方則強調尊重學生聲音但有不少學生比較弱勢目前也是爭取時間全面建置線上遠距教學相關事宜以備不時之需。</t>
  </si>
  <si>
    <t>學生疫情目前防疫授課認為宣佈口罩校長美智停課學校全校維持採取</t>
  </si>
  <si>
    <t>學生南護防疫假新冠肺炎台灣</t>
  </si>
  <si>
    <t>防疫南護肺炎臺灣學生</t>
  </si>
  <si>
    <t>集中基隆施打莫德納長者</t>
  </si>
  <si>
    <t>基隆市長林右昌今日說明基隆市65至67歲市民（原住民55至57歲）第二劑莫德納疫苗施打作業預計於25日至27日採取集中施打符合資格市民這幾天會陸續收到市府發送的通知單。林右昌表示基隆為了幫65至67歲（原住民</t>
  </si>
  <si>
    <t>市民林右昌基隆施打原住民通知單符合發送疫苗資格市府陸續收到莫德納天會說明採取預計作業表示集中今日市長</t>
  </si>
  <si>
    <t>基隆市長林右昌今日說明基隆市65至67歲市民（原住民55至57歲）第二劑莫德納疫苗施打作業預計於25日至27日採取集中施打符合資格市民這幾天會陸續收到市府發送的通知單。
林右昌表示基隆為了幫65至67歲（原住民55至57歲）市民施打第二劑莫德納疫苗今日公告全市7區各裡別的施打時段造冊在10月25到27日接種共3天進行。
林右昌說這幾天有些長輩收到中央流行疫情指揮中心的簡訊通知可能心裡有些疑慮他強調基隆長者不論是否有上網預約都會在22日前收到通知單大家可以到集中施打站接種疫苗「一定打得到、不用預約」。
林右昌提醒大家可以多多利用市府提供的疫苗專車、防疫計程車等就像第一劑施打時一樣便利；此外本市的整體疫苗施打率已經高達66％在全國名列前茅。</t>
  </si>
  <si>
    <t>疫苗施打林右昌收到基隆市民預約市府可以通知單接種集中今日莫德納原住民已經通知簡訊中心可能心裡指揮疑慮疫情強調流行整體</t>
  </si>
  <si>
    <t>施打莫德納第二劑林右昌基隆</t>
  </si>
  <si>
    <t>施打莫德納林右昌基隆</t>
  </si>
  <si>
    <t>肺炎不離其實護目鏡劉倩文隱情</t>
  </si>
  <si>
    <t>伊林娛樂藝人劉倩妏最近總是戴著護目鏡引來不少側目還有人以為她是為了防疫才自我保護如此周全。其實是她之前拍哭戲常常被隱形眼鏡影響甚至曾為拍戲戴變色瞳孔放大片眼前完全看不到差點從高處摔下。剛好</t>
  </si>
  <si>
    <t>差點最近看不到總是完全戴著眼前護目鏡大片引來瞳孔變色還有拍戲高處以為劉倩文曾為防疫甚至影響隱形眼鏡其實之前</t>
  </si>
  <si>
    <t>伊林娛樂藝人劉倩妏最近總是戴著護目鏡引來不少側目還有人以為她是為了防疫才自我保護如此周全。其實是她之前拍哭戲常常被隱形眼鏡影響甚至曾為拍戲戴變色瞳孔放大片眼前完全看不到差點從高處摔下。剛好她參與拍攝的電影近期因新冠肺炎疫情關係延拍因此趁空安排雷射治療近視矯正度數成功讓她擺脫500度近視10歲開始就戴眼鏡的她終於告別15年的近視眼鏡
劉倩妏說拍戲時間有時非常長隱形眼鏡經常戴到16小時以上非常不方便兩年前她主演公視《生死接線員》當時在化妝間戴隱形眼鏡時就有同劇演員建議她可以去嘗試雷射矯正但是她自己擔心術後必須戴著護目鏡、一個月不能化眼妝及擦眼部保養品洗臉也要避免水進入眼睛覺得不方便所以就先將雷射計畫擱置。
劉倩妏說還有一次拍恐怖片要戴白色變色瞳孔放大片她戴上去幾乎是盲眼的狀態那次在高處拍攝她一直撞到東西還差點摔下來；其他還有拍哭戲有幾次也因為隱形眼鏡打斷情緒她說印象中有次在拍非常生氣的哭戲必須要睜大眼睛盯住對方結果盯太久整個隱形眼鏡突然掉出來只能喊卡把隱形眼鏡重新戴好情緒整個重來很不方便。日前她鼓起勇氣去雷射最近減少用手機眼睛休養中。</t>
  </si>
  <si>
    <t>隱形眼鏡雷射還有非常方便哭戲最近拍攝高處必須戴著差點護目鏡矯正拍戲劉倩文說眼睛情緒</t>
  </si>
  <si>
    <t>劉倩妏隱形眼鏡雷射護目鏡近視</t>
  </si>
  <si>
    <t>近視隱形眼鏡劉倩文雷射護目鏡</t>
  </si>
  <si>
    <t>金融機構防疫員警</t>
  </si>
  <si>
    <t>新冠肺炎疫情當頭員警全力投入監控協查居家隔離、檢疫對象防疫情破口。但最近1個多月全台已發生5件金融機構搶案其中2件持槍。犯罪學者說疫情導致經濟蕭條歹徒可能缺錢鋌而走險為防治安因疫情出現破口</t>
  </si>
  <si>
    <t>疫情當頭員警全力監控投入居家隔離鋌而走險檢疫防治對象可能防疫金融機構最近全台發生歹徒蕭條經濟</t>
  </si>
  <si>
    <t>新冠肺炎疫情當頭員警全力投入監控協查居家隔離、檢疫對象防疫情破口。但最近1個多月全台已發生5件金融機構搶案其中2件持槍。犯罪學者說疫情導致經濟蕭條歹徒可能缺錢鋌而走險為防治安因疫情出現破口政府要拿出對策。
今年2月底起臺北內湖、萬華；高雄、台南接連發生銀樓、銀行搶案除昨天板信商銀案其他都迅速破案。
官警說近年金融機構搶案銳減跟監視器普及、科技辦案有關歹徒犯罪成本高不划算。但近1個月搶案頻傳難免讓人覺得與景氣變差、員警忙防疫有關。
目前員警防疫主要落在派出所員警身上他們與衛生、民政單位一起監控電子圍籬協查趴趴走的防疫者刑案偵查仍由刑警負責。刑事局說治安絕不會有防疫空窗期。
警大法律系主任許福生指出犯罪率趨勢要長時間觀察是否與疫情有關還有待觀察。他說國外研究報告指出犯罪率提高與相對剝奪感正相關也就是經濟弱勢者不滿貧富差距大進而靠犯罪維生。
中正大學犯防系教授鄭瑞隆則說除疫情致經濟不景氣人人都戴口罩防疫也讓歹徒有機可乘藉此混在人群讓檢警不易從監視畫面鎖定身分。但新冠肺炎變數大是否衝擊治安政府需嚴正面對短時間內發生多起金融機構搶案確實是警訊。不論疫情與治安都關乎人民的生命財產安全只能說員警真的辛苦了。</t>
  </si>
  <si>
    <t>疫情防疫員警歹徒治安犯罪經濟有關發生金融機構監控政府時間犯罪率是否指出</t>
  </si>
  <si>
    <t>員警肺炎犯罪發生金融機構</t>
  </si>
  <si>
    <t>肺炎金融機構犯罪員警發生</t>
  </si>
  <si>
    <t>正常專家回復等到生活疫苗打完日後</t>
  </si>
  <si>
    <t>近期我國爆發上千起新冠本土個案中央流行疫情指揮中心將全國到28日以前列為三級警戒但中研院研究員何美鄉表示就算阻斷傳播鏈做的再好5月28日後也不可能可以回到過去的生活「可能要等到打完疫苗才會回去」</t>
  </si>
  <si>
    <t>打完等到本土可能個案生活過去中央回到流行可以疫情指揮不可能中心疫苗日後再好全國傳播</t>
  </si>
  <si>
    <t>近期我國爆發上千起新冠本土個案中央流行疫情指揮中心將全國到28日以前列為三級警戒但中研院研究員何美鄉表示就算阻斷傳播鏈做的再好5月28日後也不可能可以回到過去的生活「可能要等到打完疫苗才會回去」。
何美鄉表示因為篩檢量能不足因此不斷呼籲強化篩檢能量我國也與其他甫爆發的國家一樣剛開始的篩檢量能不足因此才會有「校正回歸」。她也說如果5月15日三級警戒大家因此減少傳播的話應該會在28日後走平穩下降的趨勢預計近期就是出現症狀的高峰期但剛開始出現症狀不會立刻就醫估計近期確診人數會再增加。
何美鄉呼籲現在不能再採檢的量能不能再落後應該要及時確診、當下公佈這樣才能看到疫情的全貌。</t>
  </si>
  <si>
    <t>近期確診應該表示疫情警戒日後傳播呼籲爆發開始我國不足出現症狀不能流行中央</t>
  </si>
  <si>
    <t>疫苗何美鄉台灣新冠肺炎三級警戒</t>
  </si>
  <si>
    <t>臺灣肺炎何美鄉警戒疫苗</t>
  </si>
  <si>
    <t>Burberry賣3600元高級口罩</t>
  </si>
  <si>
    <t>口罩高級burberry</t>
  </si>
  <si>
    <t>新冠肺炎疫情帶動口罩需求各式各樣的口罩應運而生。英國精品品牌Burberry就在近日宣佈推出單價90英鎊（約台幣3600元）的經典格紋布口罩成為全球第一家跨入口罩時尚的精品大廠。Burberry在20日宣佈即將上市的</t>
  </si>
  <si>
    <t>口罩burberry精品宣佈英國大廠帶動疫情台幣經典時尚單價推出近日品牌需求各式各樣成為應運而生全球跨入肺炎即將</t>
  </si>
  <si>
    <t>新冠肺炎疫情帶動口罩需求各式各樣的口罩應運而生。英國精品品牌Burberry就在近日宣佈推出單價90英鎊（約台幣3600元）的經典格紋布口罩成為全球第一家跨入口罩時尚的精品大廠。
Burberry在20日宣佈即將上市的口罩外層採用Burberry服飾產線的剩餘布料再運用抗菌技術加強防護力可重複使用並強調口罩生產過程合乎環保標準、促進永續發展。
Burberry雖未公佈口罩上市時間但英國官網指出這款口罩將推出米色及淺藍色兩種顏色有大、中、小三種尺寸並附贈一個隨身袋讓消費者外出時將口罩收進袋子裡避免接觸病菌。每片口罩的銷售所得將捐出20％給Burberry新冠肺炎社區基金會作為防疫基金。
雖然這不是Burberry第一次生產口罩卻是該公司首度為了商業目的生產口罩。今年4月歐洲疫情高峰期各地醫療耗材短缺當時Burberry就曾挪用風衣生產線來生產醫療防護衣與口罩提供給英國第一線醫護人員使用。
Burberry也在當時成立Burberry新冠肺炎社區基金會除了募款支持醫護人員之外也捐款給醫學研究單位推動新冠肺炎疫苗研發吸引許多精品同業響應。
今年初中國率先爆發疫情時全球最大奢侈品集團LVMH就捐款人民幣1600萬元給中國紅十字會隨後在3月底又從中國訂購4千萬片口罩提供給法國第一線醫療人員使用。
法國精品業巨頭開雲集團（Kering）也在4月捐款1百萬美元給美國疾病控制與預防中心基金會（CDC Foundation）協助採購個人防護用具及其他醫療器材。年初以來開雲集團已在全球捐款4百萬美元協助各大組織推動防疫工作。</t>
  </si>
  <si>
    <t>口罩burberry精品捐款醫療疫情生產全球肺炎基金會英國推出中國協助宣佈醫護人員集團當時使用上市防疫</t>
  </si>
  <si>
    <t>口罩肺炎基金會協助社區</t>
  </si>
  <si>
    <t>社區肺炎口罩基金會協助</t>
  </si>
  <si>
    <t>努力貢獻蔡其昌肺炎慰勉國衛院</t>
  </si>
  <si>
    <t>苗栗》立法院副院長蔡其昌赴國家衛生所研究慰勉新冠肺炎研究努力貢獻謝明俊／苗栗報導立法院副院長蔡其昌11上午親自前往竹南國家衛生研究院對合成瑞德西韋的研究團隊給予嘉勉同時見證藝術家黃騰輝特別為了國衛</t>
  </si>
  <si>
    <t>研究蔡其昌院長法院見證嘉勉苗栗給予團隊藝術家瑞德西韋合成國家衛生研究院努力貢獻前往竹南謝明衛生所親自國家上午報導黃騰輝肺炎</t>
  </si>
  <si>
    <t>苗栗》立法院副院長蔡其昌赴國家衛生所研究慰勉新冠肺炎研究努力貢獻
謝明俊／苗栗報導
立法院副院長蔡其昌11上午親自前往竹南國家衛生研究院對合成瑞德西韋的研究團隊給予嘉勉同時見證藝術家黃騰輝特別為了國衛院繪製「國家衛生研究院全景圖」的畫作捐贈簽約儀式。
國衛院為了協助政府因應新冠肺炎疫情防疫工作生技與藥物研究所研究團隊不眠不休在短短19天內率先完成肺炎抑制藥物瑞德西韋公克級高純度合成並仍持續進一步的藥物研發及防疫策略。
為獎勵並感謝研究團隊的努力國衛院長梁賡義特別安排於11日進行表揚立院副院長蔡其昌為此特地前來給予鼓勵與肯定對國衛院充分利用多年累積的藥物研發技術與經驗展現國際級的亮眼成績安定國人對抗疫情的信心成為此次疫情防疫工作上堅實的後盾。
先前國衛院邀請華人首位作品登上國際VISA卡並曾為英國皇家御用品牌設計英國威廉王子大婚紀念瓷器的著名藝術家黃騰輝為國衛院繪製院區景緻恰逢新冠肺炎疫情爆發黃先生對於國衛院不眠不休的努力與義不容辭的精神相當感動特別將畫作「國家衛生研究院全景圖」的著作權捐贈給國衛院作為國衛院歷史典藏及公開使用並在蔡副院長的見證下完成授權簽約儀式。
梁賡義院長表示國衛院身為台灣最高醫藥研究機構醫藥衛生政策的智庫在面臨如此緊迫嚴峻的疫情自然是第一時間就致力於可用藥物及疫苗的研發對於全院同仁都繃緊神經一體同心的共同努力感到非常感動及感謝。但並不是就此止步快篩試劑、疫苗、治療藥物的開發還在持續流行病學的預測模型、資料庫及研究網也陸續建構利用2003對抗SARS與2005年合成克流感之經驗結合國內醫院、學研機構與業界之力量望能盡速獲得對抗新型冠狀病毒的武器降低第一線醫療人員的壓力穩固國人信心保護國人健康。</t>
  </si>
  <si>
    <t>國衛院研究藥物院長疫情肺炎對抗合成研發努力特別團隊蔡其昌防疫國家衛生研究院機構國人經驗感動感謝對於疫苗給予持續見證完成不眠不休信心儀式</t>
  </si>
  <si>
    <t>研究藥物國家疫情肺炎</t>
  </si>
  <si>
    <t>疫情肺炎藥物研究國家</t>
  </si>
  <si>
    <t>美國務院佩奧妻子確診病毒</t>
  </si>
  <si>
    <t>據美媒《國會山莊》報導國務卿蓬佩奧（Mike Pompeo）的太太蘇珊（Susan Pompeo）已在本月初確診新冠比國務院在16日宣佈蓬佩奧曾因接觸新冠肺炎人士自主隔離的時間還要更早。報導稱目前蓬佩奧檢測仍為陰性但</t>
  </si>
  <si>
    <t>蓬佩報導pompeo國務卿目前mike還要時間隔離本月自主人士肺炎接觸國務院確診太太蘇珊susan</t>
  </si>
  <si>
    <t>據美媒《國會山莊》報導國務卿蓬佩奧（Mike Pompeo）的太太蘇珊（Susan Pompeo）已在本月初確診新冠比國務院在16日宣佈蓬佩奧曾因接觸新冠肺炎人士自主隔離的時間還要更早。報導稱目前蓬佩奧檢測仍為陰性但國務院不願透露是因為接觸誰而宣佈自主隔離。
報導指出根據蓬佩奧的公開行程顯示就在他16日宣佈自主隔離的前一日舉行了邀請了各國外交官參加宴會廣邀9百名貴賓不過當天宴會上出席的人數不到70人原本要致詞的蓬佩奧也臨時取消行程由他人代打。
不過正值新冠疫情在美惡化之際蓬佩奧不顧「避免室內聚會」的防疫建議也違反了國務院內部「避免參加與職務無重大相關的聚會」的防疫方針不僅引起外界批評公衛專家更擔憂導致超級傳播事件。
另外如同其他川普政府內的高階成員與幕僚彭佩奧一再無視防疫規範在出國旅行時仍多次沒戴口罩例如在上月12日至23日的旅外行程中被媒體捕捉到他與妻子都未戴上口罩且在巴黎參加團體聚餐時也未戴上。
雖然在感恩節連假之後新冠疫情在美加速惡化至今已造成1800萬人確診、327萬人病歿。不過川普與其政府團隊一再舉行大型聚會白宮在聖誕節前一周也接連舉行室內派對引起廣泛批評。</t>
  </si>
  <si>
    <t>參加防疫聚會國務院報導舉行蓬佩佩奧行程隔離自主一再宣佈川普政府避免口罩未戴</t>
  </si>
  <si>
    <t>蓬佩奧確診新冠病毒國務院疫情</t>
  </si>
  <si>
    <t>病毒確診國務院蓬佩疫情</t>
  </si>
  <si>
    <t>披薩大學生送暖防疫醫護</t>
  </si>
  <si>
    <t>新冠肺炎疫情衝擊商圈買氣也讓第一線醫護人員備感艱辛宜蘭大學園藝系3年級學生曾品均邀約畢業學長林聖翔開著自己經營的披薩窯烤車到陽明大學附設醫院門口現烤50份總價值超過萬元的披薩贈送給醫院醫護人員表</t>
  </si>
  <si>
    <t>大學披薩醫護人員醫院衝擊買氣疫情備感畢業學長艱辛曾品均學生園藝系年級宜蘭聖翔經營超過</t>
  </si>
  <si>
    <t>新冠肺炎疫情衝擊商圈買氣也讓第一線醫護人員備感艱辛宜蘭大學園藝系3年級學生曾品均邀約畢業學長林聖翔開著自己經營的披薩窯烤車到陽明大學附設醫院門口現烤50份總價值超過萬元的披薩贈送給醫院醫護人員表達支持與鼓勵；蘇澳鎮公所也宣佈中原、新馬2處公有零售市場的52家攤商免收租金3個月官民紛紛雪中送炭盼共同撐過疫期。
曾品均說防疫醫護人員真的很辛苦也讓台灣的防疫工作做得很好日前看到某些店家或外送人員拒送餐點給醫院醫護人員心裡感到很不捨因此希望盡自己一點能力傳遞溫暖讓醫護人員感受到民眾對他們的支持及鼓勵。
林聖翔剛服完兵役接到學弟曾品均的電話後二話不說專程從臺北搭車到宜蘭兩人一起動手現場烤製披薩並由陽大醫院院長楊純豪代表受贈。
楊純豪說全國一線醫護人員在照顧新冠肺炎隔離病人面臨高風險對自己生活及家庭造成不便確實很辛苦也很了不起來自社會的這份心意醫護人員確實被鼓勵到了。
蘇澳鎮公所指出中原、新馬公有零售市場每月租金為1500元至2400元但從新冠肺炎爆發後傳統市場消費民眾減少還有攤商嘆道向公所承租攤位20、30年生意從未有如此慘淡。
鎮長李明哲表示攤商們平日經營不易且疫情有不斷拉高趨勢為因應疫情衝擊與攤商共體時艱從3至5月期間免收租金。</t>
  </si>
  <si>
    <t>醫護人員披薩醫院公所鼓勵市場租金疫情肺炎大學經營聖翔民眾確實</t>
  </si>
  <si>
    <t>醫護人員品均租金肺炎人員</t>
  </si>
  <si>
    <t>租金肺炎人員醫護人員</t>
  </si>
  <si>
    <t>把戲只是抗體沒過避免死亡eua關鍵</t>
  </si>
  <si>
    <t>聯亞疫苗EUA審核結果未通過指揮中心指揮官陳時中指出是聯亞的中和抗體效力差是未通過的主因。然而胸腔暨重症醫師黃軒表示不想重症、死掉需要的不只是抗體而是T細胞的反應直言「中和抗體檢測多好、多高</t>
  </si>
  <si>
    <t>抗體中和重症結果醫師指揮審核需要胸腔中心主因指揮官指出陳時中效力直言反應表示黃軒細胞</t>
  </si>
  <si>
    <t>聯亞疫苗EUA審核結果未通過指揮中心指揮官陳時中指出是聯亞的中和抗體效力差是未通過的主因。然而胸腔暨重症醫師黃軒表示不想重症、死掉需要的不只是抗體而是T細胞的反應直言「中和抗體檢測多好、多高只是商業手法的把戲而已！」
黃軒在臉書指出各廠商一直說抗體有多高那其實只是免疫系統的初階反應而已真正可以讓人免於重症和死亡的是負責殺毒的「T細胞反應」不只是因為人體內產生很多的中和抗體而已。
黃軒表示單純的抗體只是輕症患者的滅毒主要工具真正能對抗病毒的殺手是叫CD8+T細胞也就是「殺手T細胞」只有有用的殺手T細胞持續存在才可能殺死重症病患身體內的COVID-19病毒。一但進入重症狀態決勝點就是看你的殺手T細胞強不強、夠不夠久、T細胞殺毒的工具好不好。
為什麼需要的不只是抗體？黃軒表示有科學家研究在COVID-19重症存活下來的人和重症死亡的人檢查他們血液中的T細胞濃度差異才知道重症存活者其第一線參與戰鬥的T細胞都維持很高的水準﹔而重症死亡者都無法維持有效的T細胞反應因此人不想死需要的不只是抗體而已還需要的是T細胞參與。
黃軒表示T細胞在對抗病毒感染中扮演非常重要的角色負責殺毒其中輔助性T細胞為協助淋巴細胞B細胞產生抗體和協調其他免疫細胞的應答而殺手T細胞負責殺死受感染的細胞以減少病毒量此外T細胞還有記憶病毒的記憶性T細胞、防止免疫過度反應的調節T細胞。所以人類身體內需要的不只是有足夠的抗體也得有足夠、真的可以工作的T細胞。且疫苗一定要打完二劑滿14天體內才能有足夠的T細胞保護免於重症、死亡。
對於EUA沒過聯亞表示疫苗經第一、二期臨床證實是高度安全可有效誘導T細胞毒殺病毒且對印度Delta變異株仍保有與原始病毒株相近的中和抗體效價但食藥署公告是以對原始病毒株中和抗體效價與AZ比較當作EUA免疫橋接認定標準。</t>
  </si>
  <si>
    <t>細胞重症抗體病毒表示中和黃軒反應殺手eua免疫需要疫苗負責死亡指出足夠</t>
  </si>
  <si>
    <t>聯亞EUAT細胞抗體效價黃軒</t>
  </si>
  <si>
    <t>細胞eua抗體效價黃軒</t>
  </si>
  <si>
    <t>黑豆結合住宿雲朗觀光推廣免費農會品嘗</t>
  </si>
  <si>
    <t>雲朗觀光與嘉義縣新港農會為共同推動提振國產農產品旗下飯店將於12月中起陸續於各館客房擺放「黑娘媽」黑豆茶包讓住宿房客可以免費品嘗台灣黑豆茶的好滋味。雲朗觀光集團擁有「君品酒店」、「雲品溫泉酒店」、「</t>
  </si>
  <si>
    <t>黑豆觀光雲朗擁有集團農會共同推動農產品飯店月中陸續於各館客房滋味擺放</t>
  </si>
  <si>
    <t>雲朗觀光與嘉義縣新港農會為共同推動提振國產農產品旗下飯店將於12月中起陸續於各館客房擺放「黑娘媽」黑豆茶包讓住宿房客可以免費品嘗台灣黑豆茶的好滋味。
雲朗觀光集團擁有「君品酒店」、「雲品溫泉酒店」、「翰品酒店」、「兆品酒店」以及「品文旅」五個品牌共十間飯店遍及國內北中南東九個縣市。新港農會為了讓新港生產尚青的黑豆茶可以走出嘉義、同步接觸多個縣市的客群此次特與雲朗觀光合作共同推廣台灣優質農產品。
新港農會民國106年以新港在地知名廟宇奉天宮主神媽祖林默娘為精神象徵推出「黑娘媽」自有品牌開發出黑豆茶、黑豆粉、黑豆漿、香酥黑豆、黑豆糙米香、黑豆蔭油、黑豆蔭油膏、青仁黑豆等黑豆產品。農會總幹事林雅欣說農會黑豆茶使用新港在地生產、非基因改造、通過「產銷履歷驗證(TAP)」的國產黑豆製作安全且品質新鮮有保障。
飯店業者表示受新冠肺炎影響許多國人無法出國改走國內旅遊行程飯店願意盡一份心力協助推廣國產優質的農產品。農糧署副署長姚志旺指出農糧署南區分署長期輔導新港農會種植與推廣國產黑豆新港農會黑豆產品品質好且價格實惠農會用心生產高品質的黑豆產品光黑豆保存設備就投入上千萬目的在顧好黑豆品質例如黑豆乾燥機燃料堅持不用柴油而是用碾米後的粗糠當燃料隔絕重金屬汙染讓黑豆味道不會被油味汙染給消費者高品質且可安心食用的黑豆產品。</t>
  </si>
  <si>
    <t>黑豆農會品質飯店農產品觀光生產推廣產品國內污染品牌燃料臺灣可以</t>
  </si>
  <si>
    <t>國產安心黑豆新港農會</t>
  </si>
  <si>
    <t>安心農會黑豆</t>
  </si>
  <si>
    <t>家長會劉美芳停課國小支持新埔</t>
  </si>
  <si>
    <t>新北市政府宣佈板橋區新埔國小預防性停課3天新北市議員劉美芳今（8）日與新埔國小家長會長高玉素表達支持讓疫情遠離校園。劉美芳表示這一波的疫情來洶洶甚至有Delta入侵的疑慮顯示開學季的開始就有病毒</t>
  </si>
  <si>
    <t>新埔國小劉美芳疫情新北開學顯示疑慮入侵delta甚至洶洶支持遠離表達開始高玉素預防家長會議員</t>
  </si>
  <si>
    <t>新北市政府宣佈板橋區新埔國小預防性停課3天新北市議員劉美芳今（8）日與新埔國小家長會長高玉素表達支持讓疫情遠離校園。
劉美芳表示這一波的疫情來洶洶甚至有Delta入侵的疑慮顯示開學季的開始就有病毒進入校園的疑慮希望中央及新北市政府能研議學生防疫的守則並且在這一次的停課當中能全力的清消校園讓病毒遠離學校遠離孩童。
高玉素說這次臨時停課家長會全力配合市府及學校的安排在防疫相關宣導上家長會也會來配合宣傳希望在家長及學童的配合之下能讓疫情順利的中止並且趕快恢復讓學生正常的上學。
2人共同表示身為家長的她們都能感受到停課帶來的不便及困擾但畢竟健康安全是第一希望大家都能平安而新北市能趕緊回到繁榮日常。</t>
  </si>
  <si>
    <t>停課新北家長會希望疫情校園配合學生疑慮新埔國小表示防疫學校劉美芳全力遠離家長病毒高玉素市政府開學顯示困擾</t>
  </si>
  <si>
    <t>新冠肺炎台灣停課新埔國小劉美芳</t>
  </si>
  <si>
    <t>停課臺灣肺炎新埔國小劉美芳</t>
  </si>
  <si>
    <t>發放燃眉之急經濟個體路還侯友宜補助紓困</t>
  </si>
  <si>
    <t>新冠肺炎疫情衝擊國內經濟政府推出多項紓困方案協助民眾度過困難時期但許多繁雜手續引發不小民怨。新北市長侯友宜視察汐止區公所表示中央防疫又要紓困很辛苦大家要共體時艱侯強調個體發放只是解燃眉之急</t>
  </si>
  <si>
    <t>紓困個體衝擊強調國內經濟時艱政府推出發放方案疫情協助困難引發時期不小手續繁雜民怨新北市長民眾侯友宜視察汐止</t>
  </si>
  <si>
    <t>新冠肺炎疫情衝擊國內經濟政府推出多項紓困方案協助民眾度過困難時期但許多繁雜手續引發不小民怨。新北市長侯友宜視察汐止區公所表示中央防疫又要紓困很辛苦大家要共體時艱侯強調個體發放只是解燃眉之急路還很長要共同拚經濟。
侯友宜稍早接受訪問時表示區公所同仁有反應很多聲音他都給予很多打氣。他說中央政策下來新北市會貫徹他說中央防疫又要紓困很辛苦大家要共體時艱。他說他也反映很多狀況很多民眾仍對於紓困方案不瞭解有些問題還在溝通有些錢還沒到位。侯強調會跟中央站一塊解決民眾痛苦中央地方共同瞭解怎樣做才能到位才能解決民眾問題讓民眾安心、好好生活「這是有責任的政府要做的」。
對於滾動式修正侯表示要碰到特別狀況才會滾動政策下來要力求執行到底讓民眾有感。滾動式調整是因為疫情改變才要調整。他說經濟紓困一定能快速解決民眾問題不斷隨疫情舒緩過程當中紓困力道要越來越大怎樣讓經濟活絡起來。他說全民在疫情舒緩後要拚經濟個體發放只是解燃眉之急路還很長要共同拚經濟。</t>
  </si>
  <si>
    <t>民眾紓困經濟中央疫情表示問題解決侯友宜新北政府共同區公所狀況對於下來政策強調到位方案</t>
  </si>
  <si>
    <t>民眾拚經濟侯友宜個體發放</t>
  </si>
  <si>
    <t>侯友宜經濟個體民眾發放</t>
  </si>
  <si>
    <t>民間開放企業傅昆萁喊話地方政府採購蘇貞昌疫苗</t>
  </si>
  <si>
    <t>疫情嚴峻掀疫苗搶打但至今台灣僅有71萬劑AZ疫苗。無黨籍立委傅崐萁今天再次呼籲行政院長蘇貞昌儘速開放民間企業與地方政府採購疫苗民間與地方絕對有能力來承擔唯有疫苗才能讓台灣成為全世界最安全的地方台</t>
  </si>
  <si>
    <t>疫苗臺灣地方民間行政院長呼籲再次今天至今蘇貞昌成為開放傅昆萁無黨籍az才能唯有承擔絕對全世界</t>
  </si>
  <si>
    <t>疫情嚴峻掀疫苗搶打但至今台灣僅有71萬劑AZ疫苗。無黨籍立委傅崐萁今天再次呼籲行政院長蘇貞昌儘速開放民間企業與地方政府採購疫苗民間與地方絕對有能力來承擔唯有疫苗才能讓台灣成為全世界最安全的地方台灣應把握機會讓經濟再度起飛。
傅崐萁重申很遺憾過去一年政府的防疫只剩「三不政策」包含不封城、不設方艙醫院、不設新冠專責醫院現在則是「三沒有」沒有全民普篩、沒有足夠篩檢量能更沒有歐美優良疫苗；面對嚴峻疫情必須同島一命解決目前的問題。
傅崐萁呼籲行政院過去政府一再宣傳現階段是台美關係最好的時刻那就應該立即與美國政府協商至少購買到2000萬劑的莫德納疫苗讓全民都可以免疫。倘若買不到莫德納至少也應該開放民間企業與地方政府來採購疫苗相信全民都樂見其成。
傅崐萁表示這段時間不論是德國BNT或上海復星醫藥早就和台灣有非常充分的接觸希望閣揆蘇貞昌能立即開放地方政府與民間企業把全世界最好的；台灣至少要有4000萬劑的莫德納或輝瑞才能讓全體國人都施打2劑達到接種率95％以上全台群體免疫成為全世界最安全的國家。
傅崐萁認為台灣必須以美國為借鏡過去美國因一個疏失而造成十分之一人口、超過三千萬人染疫變成全世界最危險的國家但全面施打疫苗後美國如今卻即將解除封城迎接經濟啟動。
傅崐萁指出立院將於31日第三次追加紓困預算提高上限至6300億他推估若疫情持續未來即便突破兆元救災都不夠然而全球最好的輝瑞疫苗國際均價每劑約22美元如果台灣採購4000萬劑一人打2劑只要約264億元就能讓全民免疫讓印度等重災區的訂單轉向台灣而我國一整GDP約22兆只要經濟成長5％就有1兆台幣。</t>
  </si>
  <si>
    <t>疫苗臺灣傅昆萁政府全民經濟最好全世界地方過去免疫疫情美國至少莫德納民間沒有必須施打呼籲立即</t>
  </si>
  <si>
    <t>新冠肺炎台灣傅崐萁台灣開放</t>
  </si>
  <si>
    <t>傅昆萁臺灣肺炎開放</t>
  </si>
  <si>
    <t>劉和然停課學校明日新北複課</t>
  </si>
  <si>
    <t>新北市板橋區某幼兒園群聚基因定序確定為Delta病毒因為有不少學生居住在隔離的社區或是有相關接觸新北今天增加13個學校、3170名學生停課新北市劉和然表示因接觸學生PCR都為陰性明日3170名學生將全數復課。</t>
  </si>
  <si>
    <t>學生接觸新北基因幼稚園確定delta病毒表示相關停課明日今天陰性pcr居住隔離劉和然社區增加學校板橋</t>
  </si>
  <si>
    <t>新北市板橋區某幼兒園群聚基因定序確定為Delta病毒因為有不少學生居住在隔離的社區或是有相關接觸新北今天增加13個學校、3170名學生停課新北市劉和然表示因接觸學生PCR都為陰性明日3170名學生將全數復課。
劉和然說疫情防治不管地方還是中央都是要合作因為疫情分佈情況處理情形都不同第一線觀察非常重要 對於外界各種質疑與指導新北都會虛心接受處理過程中央防疫醫師都有加入討論也就是為何社區B棟清空A棟沒有都經過專業判斷。
劉和然說新北市這次增加13所學校停課大家可能擔心疫情是否擴大但都是預防性的做法 明日3170名學生將全數復課。</t>
  </si>
  <si>
    <t>新北學生劉和然中央疫情社區接觸停課增加明日學校基因重要對於外界非常質疑觀察指導第一線幼稚園</t>
  </si>
  <si>
    <t>新冠肺炎台灣新北劉和然停課</t>
  </si>
  <si>
    <t>新北臺灣肺炎劉和然停課</t>
  </si>
  <si>
    <t>萬華沒錯po網友姐姐留言草莓鼻酸</t>
  </si>
  <si>
    <t>本土疫情多點爆發中央流行疫情指揮中心今（14日）宣佈新增29例本土確診其中16例確診與萬華區茶藝館有關。「草莓姐姐」簡皎竹今日也在臉書抒發身為一個母親且又住在疫情爆發的萬華的心情更在看到眾多網友留言鼓</t>
  </si>
  <si>
    <t>疫情爆發本土心情萬華有關草莓姐姐簡皎竹今日確診抒發宣佈中心指揮母親</t>
  </si>
  <si>
    <t>本土疫情多點爆發中央流行疫情指揮中心今（14日）宣佈新增29例本土確診其中16例確診與萬華區茶藝館有關。「草莓姐姐」簡皎竹今日也在臉書抒發身為一個母親且又住在疫情爆發的萬華的心情更在看到眾多網友留言鼓勵時忍不住感動鼻頭酸。
草莓姐姐與「香蕉哥哥」林掄元結婚近3年育有1子她今日在臉書有感而發地寫下：「沒錯我們住在萬華一個疫情爆發的地區。雖然沒有在地圖框框內但也是每天買東西吃東西坐車的地方。」
草莓姐姐坦言身為媽媽的她現在出門都要花30分鐘思考做準備但仔細想想這些診足跡是一個禮拜前的事現在再來躲避這些地方好像來不及了。她表示最根本的方法還是做好個人防疫正確面對疫情觀念以及記得自己的足跡。
草莓姐姐還說電視上好多政府官員都是醫生對他們有信心至少他們對疫情有正確觀念「就讓我們能做的做好保持平常心提升免疫力一起加油。再次期待可以讓孩子安全旅遊的世界。」
最後草莓姐姐更不忘為萬華人加油要彼此為了我們愛的人勤洗手戴口罩互相加油打氣比封區更重要。草莓姐姐這一席話立刻吸引網友熱烈留言鼓勵也讓她看了忍不住感動鼻頭酸再次留言感謝：「謝謝大家的鼓勵～～大家一起防疫大作戰！」</t>
  </si>
  <si>
    <t>草莓姐姐疫情鼓勵留言爆發地方現在加油做好足跡一起再次防疫今日正確觀念網友</t>
  </si>
  <si>
    <t>草莓姐姐香蕉哥哥萬華新冠肺炎</t>
  </si>
  <si>
    <t>哥哥萬華香蕉姐姐草莓肺炎</t>
  </si>
  <si>
    <t>蔡英文電話陳時中接到真心話</t>
  </si>
  <si>
    <t>總統蔡英文今天(2日)在疫情指揮中心指揮官、衛福部長陳時中陪同下視察指揮中心她坦言這段時間有時很害怕接到陳時中的電話。蔡英文表示疫情指揮中心每天開記者會應該是收視率最高的時候。她可說是一喜一</t>
  </si>
  <si>
    <t>中心指揮疫情蔡英文應該記者會收視率害怕接到陳時中的電話有時時間表示坦言指揮官視察部長陳時中陪同衛福最高今天時候</t>
  </si>
  <si>
    <t>總統蔡英文今天(2日)在疫情指揮中心指揮官、衛福部長陳時中陪同下視察指揮中心她坦言這段時間有時很害怕接到陳時中的電話。
蔡英文表示疫情指揮中心每天開記者會應該是收視率最高的時候。她可說是一喜一憂因憂心疫情失控所以每天都要看指揮中心的報告去瞭解疫情是不是穩定；喜的是整個社會對專業人員的尊敬和信任越來越深。
據《東森新聞雲》報導蔡英文也坦言她這段時間有時很害怕接到陳時中打來的電話因為可能確診的人數比較多她的心情會比較不好一點。但是她也很期待陳時中打電話告知每一個重要發展她自己的心情和國人是一樣的每天起起伏伏但是心裡還是有穩定的感覺「因為我們有一個很好的團隊在照顧這個國家及每一個國人」。</t>
  </si>
  <si>
    <t>疫情指揮中心陳時中蔡英文心情穩定電話國人坦言接到時間有時比較害怕信任越來越尊敬東森人員新聞專業社會</t>
  </si>
  <si>
    <t>陳時中衛福部長蔡英文疫情指揮中心新冠肺炎</t>
  </si>
  <si>
    <t>疫情指揮中心蔡英文部長衛福陳時中肺炎</t>
  </si>
  <si>
    <t>《經濟》景氣連亮3綠燈疫情致短期受幹擾</t>
  </si>
  <si>
    <t>綠燈疫情景氣干擾經濟</t>
  </si>
  <si>
    <t>國發會今（27日）發布2020年元月景氣報告景氣燈號綜合判斷分數為25分月減2分為連續第三個月亮出代表景氣穩定的綠燈。國發會表示景氣同時指標續呈上升惟領先指標連續2個月緩跌顯示景氣回溫暫時受不確定因</t>
  </si>
  <si>
    <t>景氣連續指標國發顯示判斷分數暫時表示亮出代表穩定元月報告發佈燈號領先綜合呈上升綠燈</t>
  </si>
  <si>
    <t>國發會今（27日）發布2020年元月景氣報告景氣燈號綜合判斷分數為25分月減2分為連續第三個月亮出代表景氣穩定的綠燈。國發會表示景氣同時指標續呈上升惟領先指標連續2個月緩跌顯示景氣回溫暫時受不確定因素幹擾須密切關注後續發展。
台灣景氣於2019年11月擺脫低迷的黃藍燈接連兩個月出現綠燈並且景氣綜合判斷分數持續升高原本前景光明但受到今年初以來全球景氣走疲加以新冠肺炎疫情升溫未來景氣增加不確定性。
國發會表示1月景氣對策分數為25分較去年12月的27分減少2分燈號續呈綠燈。9項構成項目中工業生產指數由綠燈轉呈黃紅燈分數增加1分；機械及電機設備進口值由紅燈轉呈黃紅燈分數減少1分；批發、零售及餐飲業營業額由綠燈轉呈藍燈分數減少2分；其餘6項燈號不變。
另外領先指標不含趨勢指數為10163較去年12月下降011%。同時指標不含趨勢指數為10127較去年12月持續上升028%。
展望未來國發會表示政府即將施行防疫特別條例推動防疫、紓困及振興相關措施以降低企業損失、協助產業復甦。此外半導體廠商持續投資先進製程疫情亦可望加速台商回台及外商對台投資有助民間投資穩健擴增；加以政府加速公共建設執行率、優化投資環境將推升國內整體投資動能。
外需方面美中正式簽署首階段貿易協議5G通訊、人工智慧等商機蓄勢待發廠商持續調升在台產能配置以及疫情轉單商機可望帶動出口成長。惟近期IMF等國際機構因肺炎疫情下修中國大陸與全球經濟預測加以疫情延燒影響中國大陸復工進而衝擊全球供應鏈對我國影響須密切關注。</t>
  </si>
  <si>
    <t>景氣疫情投資分數綠燈持續加以全球指標國發燈號表示減少政府廠商加速指數可望去年肺炎增加連續影響</t>
  </si>
  <si>
    <t>國發會景氣燈號新冠肺炎疫情</t>
  </si>
  <si>
    <t>燈號景氣肺炎國發疫情</t>
  </si>
  <si>
    <t>確診護理肺炎羈押確定北市</t>
  </si>
  <si>
    <t>今年5月因新冠肺炎確診遭隔離在雙和醫院的洪姓男子持刀攻擊3名護理人員檢方起訴後新北地方法院裁定羈押他不服提抗告台灣高等法院認定他犯罪嫌疑重大且有逃亡及反覆實施同一犯罪之虞駁回抗告裁定羈押</t>
  </si>
  <si>
    <t>犯罪裁定確診隔離雙和醫院羈押洪姓男子肺炎攻擊護理人員起訴新北地方法院重大嫌疑實施不服認定</t>
  </si>
  <si>
    <t>今年5月因新冠肺炎確診遭隔離在雙和醫院的洪姓男子持刀攻擊3名護理人員檢方起訴後新北地方法院裁定羈押他不服提抗告台灣高等法院認定他犯罪嫌疑重大且有逃亡及反覆實施同一犯罪之虞駁回抗告裁定羈押確定。
洪男在雙和醫院隔離期間今年5月31日持刀攻擊護理人員3名經警方到場予以逮捕請示檢察官後檢察官以被告罹患新冠肺炎且在隔離中考量此病傳染性甚強有事實上不可抗力而無法進行偵查6月9日下午4時15分許解除隔離後向法院聲請羈押新北地檢偵結後將洪起訴。</t>
  </si>
  <si>
    <t>隔離羈押犯罪裁定護理人員攻擊雙和醫院肺炎新北今年起訴檢察官事實上重大不可抗力嫌疑</t>
  </si>
  <si>
    <t>新冠肺炎確診確定砍殺護理師羈押</t>
  </si>
  <si>
    <t>確定確診肺炎護理羈押</t>
  </si>
  <si>
    <t>習近平進一步發展有效中醫藥</t>
  </si>
  <si>
    <t>新冠肺炎疫情爆發後在西醫尚無專門針對這一新型病毒特效藥的背景下中醫藥當時發揮了重要作用。大陸國家主席習近平近日於考察時指出經過抗擊新冠疫情等重大傳染病後對中醫藥的作用有了更深的認識未來要進一</t>
  </si>
  <si>
    <t>作用中醫藥疫情近日考察主席習近平國家大陸認識背景特效藥專門重要指出發揮當時西醫抗擊病毒尚無爆發</t>
  </si>
  <si>
    <t>新冠肺炎疫情爆發後在西醫尚無專門針對這一新型病毒特效藥的背景下中醫藥當時發揮了重要作用。大陸國家主席習近平近日於考察時指出經過抗擊新冠疫情等重大傳染病後對中醫藥的作用有了更深的認識未來要進一步發展中醫藥走中西醫結合的道路。
習近平於12日來到河南省南陽市的醫聖祠和南陽藥益寶艾草製品公司瞭解中醫藥發展和艾草製品產業發展情況。
習近平說過去中華民族幾千年都是靠中醫藥治病救人特別是經過抗擊新冠肺炎疫情、SARS等重大傳染病之後對中醫藥的作用有了更深的認識。他指出要發展中醫藥注重用現代科學解讀中醫藥學原理走中西醫結合的道路。
去年6月一場專家學者座談會上習近平也曾表示「中西醫結合、中西藥並用」是這次疫情防控的一大特點也是中醫藥傳承精華、守正創新的生動實踐「中國藥方」還助力全球戰疫被多個國家借鑒和使用。
新冠疫情爆發後以清肺排毒湯等「三方三藥」為代表的多種中醫藥防控救治手段被廣泛於中國運用。
新華社報導稱中國國家中醫藥管理局於2020年1月在河北、山西、黑龍江、陜西四省定點醫院展開清肺排毒湯臨床救治和療效觀察顯示有效率達90％以上該方後被納入國家診療方案成為治療各型新冠肺炎患者的通用方劑。
中國工程院院士、天津中醫藥大學校長張伯禮曾說明中醫藥在抗擊疫情的應用情況。他表示中醫藥在治療輕症患者、降低轉重率方面效果顯著中藥、針灸、按摩、八段錦等療法能夠有效調節康復患者的心肺功能和血熱等症狀幫助復陽患者排解痰栓。
另一方面近日大陸商務部、國家中醫藥管理局等7部門聯合印發《關於支援國家中醫藥服務出口基地高質量發展若干措施的通知》支援基地開展境外投資和技術合作在國際醫療保險、業態融合等方面創新發展並支持培養更多懂中醫、懂外語的複合型人才完善人才激勵制度。</t>
  </si>
  <si>
    <t>中醫藥發展患者國家習近平疫情支持結合抗擊方面中國中西醫創新救治肺炎大陸作用表示近日指出防控</t>
  </si>
  <si>
    <t>國家中中西醫結合中國肺炎中醫藥</t>
  </si>
  <si>
    <t>中西醫結合中國肺炎國家中醫藥</t>
  </si>
  <si>
    <t>可能意義前臺delta傳染源幼稚園社區潛伏</t>
  </si>
  <si>
    <t>新北某幼兒園群聚案已累計29人確診外界猜疑埃及爸就是這起事件的傳染源。前臺大醫院感染科醫師林氏璧表示目前還未確認裝修工人夫婦的病毒基因序列是否與幼兒園相同裝修工人在9月1日發病但他是在8月12至14</t>
  </si>
  <si>
    <t>裝修幼稚園工人累計確診外界猜疑埃及就是事件相同傳染源前臺醫院感染醫師林氏表示目前病毒基因夫婦</t>
  </si>
  <si>
    <t>新北某幼兒園群聚案已累計29人確診外界猜疑埃及爸就是這起事件的傳染源。前臺大醫院感染科醫師林氏璧表示目前還未確認裝修工人夫婦的病毒基因序列是否與幼兒園相同裝修工人在9月1日發病但他是在8月12至14日前往板橋某社區潛伏期長達18至20天這「不是不可能」但當時埃及爸還在居隔中代表感染源並非埃及爸而是社區恐早有未知的傳播鏈。
林氏璧日前與個人臉書粉專《日本自助旅遊中毒者》分析追感染源並非要獵巫而是要弄清楚源頭才能對感染範圍清楚的掌握特別在Delta變異株進入社區時更要努力溯源匡列。若因此追殺幼兒園教師、埃及爸或是裝修工人「那都大可不必」。
林氏璧指出沒有人想生病更何況埃及爸完全依照中央的防疫措施問題完全不在他身上要檢討也應該是14天3採檢的檢疫政策再者目前也未確認裝修工人夫婦的病毒定序是否和幼兒園完全相同現在只是先確認他們也感染Delta變異株而已。
林氏璧說先假設裝修工人的病毒序列與幼兒園一致依照先前的疫調結果他在9月1日發病但他是在8月12至14日去板橋某社區大樓但當時埃及爸還在居隔中這代表裝修工的潛伏期高達18至20天這「不是不可能」但也代表感染根源不是埃及爸而是在板橋社區中有未知的傳染鏈在且在8月12至14日就已有傳染力。
林氏璧接著說若裝修工人的序列與幼兒園不同那就是另一個獨立的Delta變異株傳播鏈同時他也提醒Alpha變異株一直沒有離開而Delta變異株可能已經在你我身邊。
★《中時新聞網》提醒您：因應新冠肺炎疫情疾管署持續加強疫情監測與邊境管制措施 如有疑似症狀請撥打：1922專線或 0800-001922 並依指示配戴口罩儘速就醫同時主動告知醫師旅遊史及接觸史以利及時診斷及通報。</t>
  </si>
  <si>
    <t>感染埃及幼稚園工人裝修變異delta社區旅遊醫師措施確認序列疫情沒有</t>
  </si>
  <si>
    <t>幼兒園Delta變異株Delta裝修工人埃及爸</t>
  </si>
  <si>
    <t>delta裝修變異埃及工人幼稚園</t>
  </si>
  <si>
    <t>保單關懷借款防疫最低利率</t>
  </si>
  <si>
    <t>新冠肺炎病毒肆虐全球造成百業蕭條不只飯店、旅行社接連關門許多人也被迫放無薪假造成不小的經濟壓力為提供保戶彈性的資金運用需求新光人壽推出「防疫關懷」台幣保單借款專案線上、線下借款優惠利率分</t>
  </si>
  <si>
    <t>造成借款肆虐保單台幣全球關懷防疫推出百業蕭條新光人壽需求飯店資金運用彈性旅行社保戶關門接連提供被迫壓力經濟不小</t>
  </si>
  <si>
    <t>新冠肺炎病毒肆虐全球造成百業蕭條不只飯店、旅行社接連關門許多人也被迫放無薪假造成不小的經濟壓力為提供保戶彈性的資金運用需求新光人壽推出「防疫關懷」台幣保單借款專案線上、線下借款優惠利率分別為1％及2％即日起至8月31日止保戶可善加利用調度資金讓生活及資金運用更具靈活性。
「防疫關懷」優惠專案活動期間符合資格者自符合資格日起享優惠利率至12月31止優惠額度最低須達2萬元。新光人壽保單借款具備手續簡便、撥款快速、毋須徵信、免擔保人、免開辦費等優點外對於有資金需求的保戶而言專案固定期間的優惠利率更能靈活調配利息支出。
因應新冠肺炎疫情新光人壽也提醒保戶可多利用快速便捷且全年不打烊的新光人壽網路會員專區線上借款服務在家不出門便可完成保單借款降低接觸感染風險；另有新光人壽與新光銀行合作推出的ATM現貸卡可使用各地金融機構ATM提款機輕鬆辦理借還款或者委託新光人壽服務人員代辦、親臨新光人壽全國各行政中心等方式完成保單借款申請程式。</t>
  </si>
  <si>
    <t>新光人壽借款優惠保戶保單利率專案造成快速服務資金推出atm資金運用需求完成防疫關懷肺炎期間</t>
  </si>
  <si>
    <t>肺炎專案資金關懷借款</t>
  </si>
  <si>
    <t>借款關懷專案資金肺炎</t>
  </si>
  <si>
    <t>po內衣女孩劉品言困擾</t>
  </si>
  <si>
    <t>劉品言常在社群網站與粉絲分享日常生活向來敢說敢言的她突然在Instagram限時動態寫下「接下來是一篇真心抱怨文廠商們莫慌朋友們別怕」接著便分享網購內衣的心路歷程不禁感嘆大胸女孩挑選內衣時的困擾。劉</t>
  </si>
  <si>
    <t>分享內衣粉絲挑選instagram廠商女孩動態抱怨寫下真心接下來感歎不禁心路歷程網站</t>
  </si>
  <si>
    <t>劉品言常在社群網站與粉絲分享日常生活向來敢說敢言的她突然在Instagram限時動態寫下「接下來是一篇真心抱怨文廠商們莫慌朋友們別怕」接著便分享網購內衣的心路歷程不禁感嘆大胸女孩挑選內衣時的困擾。
劉品言表示疫情關係多了不少網購的機會但疑惑的是買一般衣服沒有尺寸問題但是內衣就永遠小一號總是沒有一件合穿的即便認真對照尺寸表最後仍然是穿不下由於試了3間不同品牌都出現同樣問題讓她不禁感嘆：「能不能照顧一下大胸女孩兒們的需求？能不能給我一件真實的D而不是塞了水餃當D」更向網友求救：「請問這樣我應該要買到幾號呢？」
最後劉品言也向所有賣家喊話「難不成大家網購點size還不能對自己誠實嗎？不然為何你們要這樣設計這巧思呢？還是哪個廠商願意聽聽我們的需求啊？！」不過抱怨完則立刻怒吃一堆零食來宣洩心中不滿情緒。</t>
  </si>
  <si>
    <t>內衣不能劉品言分享最後需求抱怨尺寸問題廠商沒有不禁感歎零食立刻完則粉絲</t>
  </si>
  <si>
    <t>劉品言網購內衣大胸女孩新冠肺炎</t>
  </si>
  <si>
    <t>內衣女孩劉品言肺炎</t>
  </si>
  <si>
    <t>肺炎季節性流感德塞差異</t>
  </si>
  <si>
    <t>世界衛生組織(WHO) 總幹事譚德塞在記者會上表示新冠肺炎與季節性流感存在4個重要區別它相比季節流感的差異包括：1新冠病毒傳染力較流感低；2引發病情較嚴重；3目前還無針對新冠病毒的疫苗與療法；4 流感不可</t>
  </si>
  <si>
    <t>流感病毒德塞記者會表示肺炎季節季節性嚴重目前差異包括傳染幹事重要區別相比疫苗病情引發</t>
  </si>
  <si>
    <t>世界衛生組織(WHO) 總幹事譚德塞在記者會上表示新冠肺炎與季節性流感存在4個重要區別它相比季節流感的差異包括：1新冠病毒傳染力較流感低；2引發病情較嚴重；3目前還無針對新冠病毒的疫苗與療法；4 流感不可控但新冠肺炎疫情可以得到控制。
據《新華網》報導譚德塞在例行記者會上說世衛組織正在加深對新冠肺炎的認識並發現它與季節性流感存在4個重要區別：
一現有資料顯示新冠病毒的傳播效率低於季節性流感。譚德塞指出無症狀感染者是流感病毒的主要傳播者而新冠病毒並非如此。「來自中國的證據顯示只有約1%的確診病例沒有症狀且這些病例中的大多數會在兩天內出現症狀。」
二與季節性流感相比新冠病毒引發的疾病更嚴重。譚德塞說目前全球新冠肺炎導致的病亡率約為34%而季節性流感的病亡率通常遠低於1%。全球許多人已經具備對季節性流感病毒毒株的免疫力而新冠病毒是一種新病毒。這意味著新冠肺炎的易感人群更多有些人會出現重症。
三目前尚無針對新冠病毒的疫苗和專門療法。譚德塞說目前有20多種針對新冠病毒的疫苗正在研發一些療法也在進行臨床試驗。
第四流感不可控但新冠肺炎疫情可以得到控制。譚德塞說：「我們不會針對季節性流感進行接觸者追蹤但各國應該追蹤新冠肺炎患者的密切接觸者這樣可以阻止傳染並挽救生命。」
譚德塞強調正因為新冠肺炎疫情可被控制世衛組織呼籲各國採取全面的防控措施特別是那些已建立流感檢測和防控體系的國家可對現有體系進行相應調整無需從零開始。</t>
  </si>
  <si>
    <t>流感病毒德塞肺炎季節性進行目前症狀療法控制顯示可以防控世衛組織現有傳染疫苗低於全球出現</t>
  </si>
  <si>
    <t>短評開學再延</t>
  </si>
  <si>
    <t>高中以下學校2月25日開學因新冠肺炎疫情日益嚴峻許多學生家長憂心忡忡擔心校園爆發群聚感染危害子女健康教育部不應猶豫應立即宣佈開學日再往後延。目前各大學因應防疫作為大多把開學日延至3月2日避</t>
  </si>
  <si>
    <t>開學日開學肺炎疫情日益嚴峻大多學生家長憂心忡忡擔心校園爆發作為感染防疫危害子女大學健康教育部因應目前不應猶豫往後</t>
  </si>
  <si>
    <t>高中以下學校2月25日開學因新冠肺炎疫情日益嚴峻許多學生家長憂心忡忡擔心校園爆發群聚感染危害子女健康教育部不應猶豫應立即宣佈開學日再往後延。
目前各大學因應防疫作為大多把開學日延至3月2日避開228連假部分大學只延後1周於2月25日開學；至於中小學開學日依法由教育部統一規定對於家長及學者專家的呼籲再延後教育部卻堅持延至2月25日開學不變。
教育部長潘文忠為安撫家長的憂心宣佈協助學校採購額溫槍25萬支、酒精84萬公升以及防疫備用口罩645萬片。家長批判這些防疫物資根本不夠用尤其年輕上班族父母親沒時間排隊孩子上學沒口罩根本不安心。
教育部深諳口罩無法分發每位學生竟呼籲學校及家長配給備用口罩是有咳嗽等呼吸道症狀的師生才戴。這又讓家長更加擔憂因為最近不但新冠肺炎疫情有擴大趨勢流感及腸病毒也來勢洶洶。
疾管署18日公佈原本春夏好發的腸病毒上周不只新增兩例腸病毒併發重症其中1位甚至是15歲少年成了感染腸病毒重症年紀最大者。
更恐怖的是流感上周就新增15例流感併發重症死亡案例其中1位是30歲的病患從發病到死亡僅5天。對照新冠肺炎目前1人死亡流感7天就奪走15人的寶貴生命目前媒體聚焦新冠肺炎流感的嚴重性反而被忽略了。
面對新冠肺炎爆發疑似社區感染台大公衛學院院長詹長權已公開呼籲如果疫情是圍堵期就應延後開學如今再加上腸病毒及流感蠢蠢欲動防疫視同作戰教育部應當機立斷絕不能拿師生的健康當賭注！</t>
  </si>
  <si>
    <t>教育部流感家長腸病毒肺炎開學防疫口罩感染呼籲開學日學校疫情目前死亡根本重症宣佈爆發師生大學</t>
  </si>
  <si>
    <t>口罩家長肺炎日腸病毒</t>
  </si>
  <si>
    <t>肺炎口罩腸病毒家長</t>
  </si>
  <si>
    <t>治療風險憂鬱死亡降低帶來新希望有效</t>
  </si>
  <si>
    <t>治療新冠傳出好消息巴西近日的千人實驗發現又有一款老藥可降低死亡發生是一款名為氟伏沙明（Fluvoxamine）的抗憂鬱症老藥陽明醫院胸腔科醫師蘇一峰指出該研究指出可減少新冠感染後死亡風險達9成並獲Nature</t>
  </si>
  <si>
    <t>死亡指出風險近日巴西消息感染實驗發現胸腔陽明醫院fluvoxamine伏沙名為憂鬱</t>
  </si>
  <si>
    <t>治療新冠傳出好消息巴西近日的千人實驗發現又有一款老藥可降低死亡發生是一款名為氟伏沙明（Fluvoxamine）的抗憂鬱症老藥陽明醫院胸腔科醫師蘇一峰指出該研究指出可減少新冠感染後死亡風險達9成並獲Nature期刊註明為重要發現可望為全球的新冠疫情帶來轉機。
臺北市立聯合醫院急診醫學科醫師賴昭智今日於新冠肺炎科學防疫線上論壇說明新藥發展提到氟伏沙明是一款抗憂鬱症老藥經巴西的千人試驗後發現能有效降低新冠住院風險達32％若服藥遵從度能超過8成降低住院風險更可達66％。
衛福部草屯療養院精神科醫師沈政男表示氟伏沙明是一款使用超過20年的老藥主要用於重度憂鬱症病患當大腦血清素降低人就容易鑽牛角尖引起負面情緒而氟伏沙明的功能就是抑制大腦回收血清素讓血清素保持在高水準幫助人控制良好情緒。
沈政男說目前不清楚氟伏沙明預防新冠重症的機轉為何但這款藥副作用低是精神科的常見用藥且價格便宜若將來能廣大應用在治療新冠肺炎可望帶來很大的幫助。
賴昭智也指出除氟伏沙明能夠老藥新用外近期國際間也有Sotrovimab的單株抗體以及再生元單株抗體雞尾酒療法進入三期臨床前者可降低8成5的住院風險後者具有可接受的安全性並能有效降低住院、死亡率為根除新冠疫情帶來新希望。</t>
  </si>
  <si>
    <t>降低伏沙醫師發現住院風險肺炎情緒賴昭智帶來指出沈政男</t>
  </si>
  <si>
    <t>氟伏沙明老藥新冠肺炎台灣血清素</t>
  </si>
  <si>
    <t>肺炎臺灣伏沙血清</t>
  </si>
  <si>
    <t>計程車出車遊覽車</t>
  </si>
  <si>
    <t>新冠肺炎疫情蔓延準備因應旺季來臨的觀光業首當其衝高雄遊覽車業界已傳出有兩、三家業者司機放無薪假、出車率僅剩1成計程車業者業績也狂掉5至7成大家都希望政府能伸出援手補貼協助他們度過考驗。高市遊覽</t>
  </si>
  <si>
    <t>蔓延協助準備補貼因應援手旺季來臨伸出觀光業首當其衝高雄政府遊覽車疫情希望度過傳出家業司機</t>
  </si>
  <si>
    <t>新冠肺炎疫情蔓延準備因應旺季來臨的觀光業首當其衝高雄遊覽車業界已傳出有兩、三家業者司機放無薪假、出車率僅剩1成計程車業者業績也狂掉5至7成大家都希望政府能伸出援手補貼協助他們度過考驗。
高市遊覽車公會理事長林士勛表示三至五月是遊覽車業旺季每月有9成出車天數很正常。但受疫情影響目前高雄百家遊覽車業者全數受影響大家一個月只出車3、4天所有國內旅遊行程全數取消僅剩工廠、公司行號的交通車。
林士勛表示業者買車有貸款、利息、信用瑕疵等壓力還會關係到連帶保證人、不動產設定。以他為例旗下40輛車每月車貸200多萬元40名司機每月人事成本約120萬元還要加上大型停車場的年租費用。面對疫情嚴峻考驗短期一兩個月還能硬撐但若拉長戰線就得走上與銀行、租賃公司協商展延貸款一途希望政府適度補貼舒緩業者壓力間接維持司機們生計。
北部一山遊覽車業者表示「這冬天很長快撐不下去」以前幾乎高達8成的遊覽車都會出去在進香旺季還會供不應求現在因為新冠肺炎疫情關係不僅各國政府都祭出各種限令連一般民眾也都打消出遊的念頭對整個觀光產業鏈的影響相當嚴重出車量不到1成運輸業全掛盼政府能有配套搶救「不是一個慘字能形容」。
「威士特丹號」爆發新冠肺炎個案高雄計程車司機也人心惶惶有運將乾脆休息放大假也有人為討生活歹命大嘆得面對「恐懼」。高市計程車公會理事長甘光華表示原本受疫情影響已接不太到客人了如今心情更是七上八下整體業績差了4、5成；陳姓女司機表示建議政府多少能在油價上補助。
基隆市觀光服務促進會理事長謝燦榮指出車隊司機的載客量絕對有下降因為要顧家庭、顧生活這些曾經負責載送郵輪旅客的司機都會繼續載客車內都以消毒水來進行全面消毒請民眾放心而司機也都會戴上口罩來保護自己。</t>
  </si>
  <si>
    <t>司機遊覽車業者政府表示疫情影響旺季計程車出車理事長高雄公司面對生活肺炎貸款</t>
  </si>
  <si>
    <t>肺炎出車壓力遊覽車業都會</t>
  </si>
  <si>
    <t>出車遊覽車壓力都會肺炎</t>
  </si>
  <si>
    <t>護理要求組委協助奧運引爆東京怒火</t>
  </si>
  <si>
    <t>東京奧運倒數81天由於新冠肺炎疫情仍未受到控制東奧組委會要醫療院所派遣500位護理師在東奧期間幫忙此舉引起護理人員不滿認為政府竟然在接近疫情爆發臨界點之際還無視國內防疫。據瞭解東京奧運需要1萬名</t>
  </si>
  <si>
    <t>疫情東奧東京奧運防疫國內無視之際肺炎臨界點爆發不滿接近竟然政府認為仍未派遣護理護理人員醫療組委會引起幫忙期間受到</t>
  </si>
  <si>
    <t>東京奧運倒數81天由於新冠肺炎疫情仍未受到控制東奧組委會要醫療院所派遣500位護理師在東奧期間幫忙此舉引起護理人員不滿認為政府竟然在接近疫情爆發臨界點之際還無視國內防疫。
據瞭解東京奧運需要1萬名護理人員協助因此東奧組委會希望有更多護理人員投入協助但日本國內東京、大阪兩大都會區都再度進入緊急狀態增加了護理人員的負擔一位來自名古屋的護理師表示：「在憤怒之餘我更震驚的是日本政府對新冠肺炎疫情的漠然展現出人民性命是可以這樣被忽視。」
日本醫療勞動人員工會秘書長森田進指出現在應該要重視新冠肺炎大流行的問題而不是奧運應該要阻止送更多醫療志工去幫忙奧運的請願而是應該要好好一起跟人民對抗新冠肺炎真的很生氣政府堅決舉辦奧運不顧病人、護理師的風險。  新冠肺炎目前在日本造成1萬人死亡加上變種病毒都讓防疫工作更加困難醫護人員也無法確定能否控制住情況籌辦賽事高昂的金額也增價納稅人負擔估計為了這次奧運日本估計要花費154億美元（約4346億台幣）民調顯示有八成民眾希望取消或延期。</t>
  </si>
  <si>
    <t>奧運日本肺炎護理人員醫療護理疫情應該東奧防疫東京控制政府負擔幫忙國內組委會希望協助估計顯示</t>
  </si>
  <si>
    <t>護理人員東京奧運協助應該新冠肺炎</t>
  </si>
  <si>
    <t>應該協助奧運東京肺炎護理人員</t>
  </si>
  <si>
    <t>感染世衛邱市群密切南韓聯繫</t>
  </si>
  <si>
    <t>世界衛生組織（WHO）發言人賈撒列維克（Tarik Jasarevic）今天表示關於南韓中部大邱市一帶發生新冠病毒「群聚」感染世衛正與南韓保持密切聯繫。南韓昨天通報20起2019年冠狀病毒疾病（COVID-19武漢肺炎）新增感</t>
  </si>
  <si>
    <t>南韓病毒列維克covid-tarik疾病jasarevic今天表示冠狀通報中部昨天邱市發生世衛一帶感染武漢發言人聯繫密切</t>
  </si>
  <si>
    <t>世界衛生組織（WHO）發言人賈撒列維克（Tarik Jasarevic）今天表示關於南韓中部大邱市一帶發生新冠病毒「群聚」感染世衛正與南韓保持密切聯繫。
南韓昨天通報20起2019年冠狀病毒疾病（COVID-19武漢肺炎）新增感染病例其中14人與大邱市數起教堂禮拜疫情有關。當局稱這是「超級傳播事件」。
賈撒列維克以電郵告訴路透社：「回應大邱市地區新冠病毒群聚感染確診病例世衛正與南韓政府進行密切溝通。」
他還說：「世衛不會以『超級傳播』作為術語。然而可能發生大量感染者來自同一源頭的傳播事件。這可能因為一連串環境及流行病學原因而發生。」</t>
  </si>
  <si>
    <t>南韓傳播發生病毒世衛感染事件列維克病例邱市可能密切一連串環境疫情當局禮拜有關</t>
  </si>
  <si>
    <t>南韓世衛新冠肺炎大邱市</t>
  </si>
  <si>
    <t>肺炎世衛南韓</t>
  </si>
  <si>
    <t>時中採購價格疫苗居心叵測</t>
  </si>
  <si>
    <t>疫苗價格合約六月花新面上台幣實際上目前都還指出現在購買國際今天衛福陳時中部長截至就是</t>
  </si>
  <si>
    <t>疫苗採購現在今天合約我國指出價格事項保密簽約到貨進貨爭議陳時中份檔</t>
  </si>
  <si>
    <t>陳時中疫苗價格新冠肺炎台灣</t>
  </si>
  <si>
    <t>價格疫苗肺炎陳時中臺灣</t>
  </si>
  <si>
    <t>南市強化感染關懷據點防疫擔心</t>
  </si>
  <si>
    <t>新冠肺炎全球肆虐高齡者更是感染發病死亡的高風險族群長輩的防疫絕對不能輕忽。台南市政府社會局為讓關懷據點能持續照顧長輩特別強化據點防疫物資及宣導防疫觀念希望避免發生群聚感染。社會局表示台南市積</t>
  </si>
  <si>
    <t>防疫感染社會局長輩台南據點肆虐高齡者更是發病全球死亡希望發生高風險避免族群強化持續關懷特別市政府絕對不能輕忽表示肺炎</t>
  </si>
  <si>
    <t>新冠肺炎全球肆虐高齡者更是感染發病死亡的高風險族群長輩的防疫絕對不能輕忽。台南市政府社會局為讓關懷據點能持續照顧長輩特別強化據點防疫物資及宣導防疫觀念希望避免發生群聚感染。
社會局表示台南市積極打造健康樂活的高齡友善城市目前全市有368個社區照顧關懷據點日前該局透過台南市工商發展投資策進會共同協助據點備齊75％防疫專用消毒酒精還提供據點因應新冠肺炎疫情防疫服務處理作為輔導據點志工服務人員落實長者進出據點館室量測體溫、使用酒精消毒手部等防疫措施並於志工會議運用宣導防疫短片加強社區志工服務知能。
另外為防止群聚感染也要求各據點的健康促進活動課程以戶外空間為原則長輩倆倆間應距離1公尺以上；為避免近距離同桌共餐問題可打菜帶回家食用；並宣導社區民眾若有發燒或呼吸道症狀遵守呼吸道衛生及咳嗽禮節務必配戴口罩並勤洗手一同落實據點環境整潔消毒相關措施全體做好防疫工作不讓社區據點成為防疫破口
台南市長黃偉哲認為長輩到據點參與活動不僅能有愉快的社交生活適度的運動又可提升免疫力同時透過防疫宣導學習正確防疫觀念讓長者瞭解預防新冠肺炎最有效、最經濟實惠方式是落實勤洗手、避免觸摸眼鼻口、保持環境清潔及通風等措施。</t>
  </si>
  <si>
    <t>據點防疫長輩社區台南避免感染落實宣導消毒服務措施肺炎健康透過勤洗手長者活動環境社會局</t>
  </si>
  <si>
    <t>新冠肺炎武漢肺炎台南關懷據點社會局</t>
  </si>
  <si>
    <t>肺炎武漢台南據點關懷社會局</t>
  </si>
  <si>
    <t>感染肺炎部長接受衛生部隔離伊朗</t>
  </si>
  <si>
    <t>據大陸《央視》引述伊朗媒體報導伊朗衛生部副部長哈利其(Iraj Harirchi)確診感染新冠病毒已接受隔離目前情況良好。據伊朗伊斯蘭通訊社25日報導哈利其在其社交媒體證實了這一說法。他表示24日晚上的測試顯</t>
  </si>
  <si>
    <t>伊朗哈利媒體報導表示說法病毒接受證實隔離目前感染情況確診harirchi良好社交iraj部長伊斯蘭通訊社衛生部晚上引述測試</t>
  </si>
  <si>
    <t>據大陸《央視》引述伊朗媒體報導伊朗衛生部副部長哈利其(Iraj Harirchi)確診感染新冠病毒已接受隔離目前情況良好。
據伊朗伊斯蘭通訊社25日報導哈利其在其社交媒體證實了這一說法。他表示24日晚上的測試顯示陽性此後他已經接受隔離目前狀況良好。
報導說當地時間2月25日伊朗衛生部公共關係與資訊中心主任賈汗普爾表示伊朗新冠肺炎確診人數新增34例新增3例死亡病例。截至25日中午伊朗共確診新冠肺炎病例95例死亡15例。
34例新增確診病例中16人來自庫姆大多數確診病例都有庫姆接觸史。賈汗普爾呼籲民眾避免出行盡量待在家裡。
伊朗的疫情迅速擴大自昨日起已有阿聯酋與阿曼兩國暫停與伊朗之間的航班。</t>
  </si>
  <si>
    <t>伊朗確診報導病例表示賈汗普爾哈利目前接受隔離衛生部媒體肺炎新增阿曼阿聯酋死亡疫情昨日擴大</t>
  </si>
  <si>
    <t>新冠肺炎武漢肺炎新型冠狀病毒COVID-19伊朗</t>
  </si>
  <si>
    <t>肺炎武漢冠狀病毒covid-伊朗</t>
  </si>
  <si>
    <t>進入簡訊郵局全台</t>
  </si>
  <si>
    <t>國內新冠肺炎疫情升溫中華郵政公司宣佈5月20日起導入簡訊實聯制系統即起在全台1299間郵局營業場域實施。中華郵政表示除配合中央流行疫情指揮中心各項防疫措施實施營業場所量測體溫、佩戴口罩外亦提高整體</t>
  </si>
  <si>
    <t>疫情實施中華郵政口罩佩戴測體溫場所營業升溫措施防疫系統簡訊中心導入指揮全台流行宣佈中央郵局</t>
  </si>
  <si>
    <t>國內新冠肺炎疫情升溫中華郵政公司宣佈5月20日起導入簡訊實聯制系統即起在全台1299間郵局營業場域實施。
中華郵政表示除配合中央流行疫情指揮中心各項防疫措施實施營業場所量測體溫、佩戴口罩外亦提高整體環境清消頻次。各場域入口處執行實聯制措施民眾可透過簡訊實聯制掃描QR Code後完成簡訊發送即可使用人毋須支付簡訊費用；若未攜帶手機民眾亦可選擇以紙本填寫方式進入。</t>
  </si>
  <si>
    <t>簡訊疫情實施民眾措施中華郵政選擇亦可手機提高口罩佩戴整體攜帶紙本測體溫支付環境升溫費用</t>
  </si>
  <si>
    <t>新冠肺炎台灣簡訊實聯制郵局疫情</t>
  </si>
  <si>
    <t>簡訊臺灣肺炎郵局疫情</t>
  </si>
  <si>
    <t>關鍵獨居確診身影北市環南</t>
  </si>
  <si>
    <t>臺北市信義區確診數升高永利市場11日爆出1名菜販確診市場封市3天急清消。臺北市副市長黃珊珊表示這名確診攤商一開始疫調還沒有說實話北市府花兩天調閱資料還動員員警調監視器才讓攤商吐實發現攤販先生</t>
  </si>
  <si>
    <t>確診市場臺北市永利升高才讓封市調閱資料監視器動員說實話市長沒有員警黃珊珊表示開始吐實爆出</t>
  </si>
  <si>
    <t>臺北市信義區確診數升高永利市場11日爆出1名菜販確診市場封市3天急清消。臺北市副市長黃珊珊表示這名確診攤商一開始疫調還沒有說實話北市府花兩天調閱資料還動員員警調監視器才讓攤商吐實發現攤販先生曾到環南市場批貨目前已匡列49人免費篩檢。
黃珊珊指出該名婦人稱因為朋友告知可以免費篩檢就自行前往醫院做免費PCR篩檢後確診但在疫調時聲稱有先生跟小孩但沒有同住也沒有來往她平時也少使用電話因此毫無足跡可言導致疫調困難。
黃珊珊說疫調人員調出電信通聯紀錄並向警局調出監視器發現她與先生去篩檢疫調同仁拿資料向婦人詢問後結果婦人嚇到才告知是在永利市場賣菜也匡列49人市府透過精準疫調會讓匡列者免費去篩檢。
黃珊珊強調婦人一開始沒有說實話調出通聯紀錄及監視器影像才知她在市場賣菜先生有去環市場批貨目前是陰性並在居家隔離中此次疫調同仁很認真抽絲剝繭像辦案一樣辛苦旁邊的攤商也都匡列去篩檢後續有狀況再對外說明。</t>
  </si>
  <si>
    <t>市場確診先生黃珊珊免費沒有婦人監視器調出永利資料告知發現市府說實話同仁開始</t>
  </si>
  <si>
    <t>新冠肺炎台灣市場疫調攤商</t>
  </si>
  <si>
    <t>市場臺灣肺炎</t>
  </si>
  <si>
    <t>武漢返鄉兩岸臺胞滯留運送台辦湖北</t>
  </si>
  <si>
    <t>海基會26日上午表示已協調華航班機於29、30日晚從上海飛桃園送滯留湖北的國人返台。不過湖北省台辦26日晚表示滯留臺胞希望可就近從武漢飛回台灣若兩岸共同執飛各飛兩班本周內就可將申請搭乘的800多</t>
  </si>
  <si>
    <t>海基會 26 日 上午 表示 已 協調 華航 班機 於 2930 日 晚 從 上海 飛 桃園 送 滯留 湖北 的 國人 返台 不過 湖北省 台辦 26 日 晚 表示 滯留 臺胞 希望 可 就近 從 武漢 飛 回 臺灣 若 兩岸 共同 執 飛 各 飛 兩 班 本 周 內 就 可 將 申請 搭乘 的 800 多</t>
  </si>
  <si>
    <t>滯留表示武漢就近華航班機希望臺胞湖北國人上海返台桃園湖北省台辦臺灣協調</t>
  </si>
  <si>
    <t>海基會26日上午表示已協調華航班機於29、30日晚從上海飛桃園送滯留湖北的國人返台。不過湖北省台辦26日晚表示滯留臺胞希望可就近從武漢飛回台灣若兩岸共同執飛各飛兩班本周內就可將申請搭乘的800多名臺胞運送返鄉此想法也已正式向台灣提出。
新華社報導湖北省台辦透露大陸已通過兩岸民航聯繫管道提出為便利臺胞返鄉由東航或東航與華航再次執飛臨時航班運送滯留湖北臺胞返鄉。
報導指湖北省台辦負責人表示此前由東航和華航共同執飛運送返台的361名臺胞在結束集中隔離14天后已於25日全部回家。目前仍滯留在湖北的臺胞希望就近從武漢直接返回台灣。日前統計申請搭乘臨時航班的臺胞有800多人。如實現東航運送或東航、華航各執飛兩個航班運送本週內即可將滯留湖北臺胞全部運送返鄉滿足他們早日回家的需要。
湖北省和武漢市新冠肺炎疫情防控指揮部近日已就當地對外交通和人員流動逐步恢復正常發出通知。根據相關規定滯留湖北各地臺胞可提出離開湖北申請經核酸檢測及醫學檢查合格獲得健康證明後即可自行離開當地。
海基會26日上午則指出已指定兩架華航班機航班號碼皆為CI504飛行時刻表分別為3／29（日）、3／30（一）各一架次皆是19：50從上海浦東機場起飛預計21：50抵達桃園提供給滯留湖北當地的台灣民眾搭乘。</t>
  </si>
  <si>
    <t>臺胞湖北滯留運送湖北省航班臺灣華航當地返鄉提出申請台辦東航表示搭乘回家離開返台桃園班機</t>
  </si>
  <si>
    <t>重組單位清零病例疫苗本土廣東</t>
  </si>
  <si>
    <t>廣東官方「健康廣東」微信公號16日公佈6月15日0至24時廣東省無新增本土確診病例和本土無症狀感染者。廣東省獲批首批60萬支重組亞單位新冠疫苗已經到粵。該疫苗是由中國科學院微生物研究所和安徽智飛龍科馬生物製</t>
  </si>
  <si>
    <t>廣東省疫苗智飛龍安徽微生物研究所中國科學院症狀本土單位感染者重組公佈廣東微信已經病例</t>
  </si>
  <si>
    <t>廣東官方「健康廣東」微信公號16日公佈6月15日0至24時廣東省無新增本土確診病例和本土無症狀感染者。廣東省獲批首批60萬支重組亞單位新冠疫苗已經到粵。該疫苗是由中國科學院微生物研究所和安徽智飛龍科馬生物製藥有限公司聯合研發的重組新型冠狀病毒疫苗（CHO細胞）全程共接種3劑次。
據悉大陸全境新增境外輸入確診病例21例其中廣東14例（廣州1例來自柬埔寨；深圳報告13例均來自南非）截至6月15日24時廣東全省累計報告新冠肺炎確診病例2650例（境外輸入1098例）在院213例。
6月15日廣東省預防醫學會官方微信公號發布消息稱重組新型冠狀病毒疫苗技術原理和已經運用很成熟的B肝CHO細胞疫苗類似。它是採用基因工程技術在CHO細胞內表達病原體抗原RBD蛋白經過純化加入氫氧化鋁佐劑製成的疫苗。整個生產過程是蛋白表達和純化的過程沒有活病毒參與所以生產過程是安全的也容易大規模生產。
大陸國家衛健委發布的《新冠疫苗接種技術指南（第一版）》指出重組新型冠狀病毒疫苗全程共接種3劑次。相鄰2劑之間的接種間隔建議大於4周。第2劑盡量在接種第1劑次後8周內完成第3劑盡量在第1劑次後6個月內完成。上臂三角肌肌肉注射。
央視新聞報導中國疾控中心主任高福院士此前表示重組新型冠狀病毒疫苗要接種3針從臨床試驗結果來看2針效果已經很好了仍然採用3針是基於這次新冠疫苗是一種新疫苗但根據以往其他重組蛋白疫苗使用的經驗3針次會更好。
廣州市疾控中心副主任張周斌15日表示7月以後廣州市將繼續全面推進第一劑次和第二劑次的疫苗接種工作持續提高新冠疫苗接種人群覆蓋率。
此前廣州市曾暫停新冠疫苗的社會接種。5月31日廣州市副市長黎明在昨天記者會表示廣州決定從即日起調整新冠疫苗接種工作的節奏近日先有序安排重點行業、重點群體的團體預約和集體接種為主暫緩個人預約暫停新冠疫苗的社會接種。</t>
  </si>
  <si>
    <t>疫苗接種重組病毒表示冠狀廣州市已經細胞cho生產廣東省廣東蛋白大陸主任此前發佈過程病例確診廣州純化</t>
  </si>
  <si>
    <t>接種新冠疫苗大陸廣東新冠肺炎</t>
  </si>
  <si>
    <t>大陸廣東疫苗肺炎接種</t>
  </si>
  <si>
    <t>防疫支援殷琦全力感覺老公豪門溫暖</t>
  </si>
  <si>
    <t>伊林娛樂名模殷琦嫁給台中高明精機總經理張仕育婚後幸福。近日新冠肺炎疫情緊張政府趕著擴建口罩生產線背後仰賴「工具機國家隊」投身奉獻殷琦25日對外表示老公也投身其中支援組合製作口罩的機器「在這不</t>
  </si>
  <si>
    <t>殷琦投身口罩台中高明精總經理組合張仕育婚後幸福近日肺炎支援疫情緊張政府老公擴建表示生產線奉獻背後</t>
  </si>
  <si>
    <t>伊林娛樂名模殷琦嫁給台中高明精機總經理張仕育婚後幸福。近日新冠肺炎疫情緊張政府趕著擴建口罩生產線背後仰賴「工具機國家隊」投身奉獻殷琦25日對外表示老公也投身其中支援組合製作口罩的機器「在這不平靜的時刻看到同業間不分彼此工具自己帶便當自己訂不問獲利只為了台灣人民感覺很溫暖。」
殷琦透過經紀公司表示張仕育投入人力與設備的支援但已投入成本不方便透露「年後一開工就收到公會的召集希望能組織一個盟軍因為台灣遇到困難需要我們救援了我們要完成一個不可能的任務。」她也點出其中難處「原本一個月才能生產4台的口罩機器現在必須在3周內完成60條生產線。」
殷琦傳達張仕育心意「為了安定民心為了讓大家不要陷入恐慌讓每個人都可以無憂購買充足口罩讓第一線的醫療人員有充足的防禦武器對抗病毒。」經常陪老公出差世界四處跑的她因為這波疫情接連取消數個機械展行程包含上海、重慶以及韓國行幸好在疫情蔓延前她在過年前先帶了家人赴日旅遊全程戴口罩相當謹慎。</t>
  </si>
  <si>
    <t>口罩殷琦疫情張仕育臺灣老公完成生產線機器支援表示充足投身投入收到公會召集開工全程希望工具</t>
  </si>
  <si>
    <t>口罩殷琦生產張仕育新冠肺炎</t>
  </si>
  <si>
    <t>生產張仕育殷琦口罩肺炎</t>
  </si>
  <si>
    <t>坦言防疫delta難度密集人口都會區</t>
  </si>
  <si>
    <t>長榮機師染疫案成為第2起Delta變異株入侵社區疫情。醫師周百謙分析雙北、桃園人口密集室內聚集機會多比起先前屏東疫情控制難度更高並考驗全民防護措施是否落實。長榮有3名機師與1名機師之子確診COVID-19（20</t>
  </si>
  <si>
    <t>疫情機師落實是否成為措施防護全民考驗delta變異密集人口室內聚集桃園機會入侵難度社區控制雙北比起</t>
  </si>
  <si>
    <t>長榮機師染疫案成為第2起Delta變異株入侵社區疫情。醫師周百謙分析雙北、桃園人口密集室內聚集機會多比起先前屏東疫情控制難度更高並考驗全民防護措施是否落實。
長榮有3名機師與1名機師之子確診COVID-19（2019冠狀病毒疾病）中央流行疫情指揮中心今天公佈經基因定序全數為最早在印度發現的Delta變異株但與其中1名最早確診的機師案16066病毒基因序列有所不同。
今年6月Delta變異株首度入侵台灣社區在屏東縣引發本土群聚共有17人染疫。臺北醫學大學附設醫院胸腔內科主治醫師周百謙分析屏東相對地處偏遠人口密度低靠著迅速篩檢與隔離策略讓疫情迅速獲控制。
但周百謙認為這次長榮機師染疫案確診者足跡遍及雙北、桃園等大都市不僅人口密集、大眾交通運輸發達室內群聚機會也比屏東多一旦疫情擴散到社區防疫難度相對較高。
他舉例屏東民眾經常在戶外活動先前有確診個案僅聊天5分鐘就遭傳染確診而雙北都會區民眾經常在室內停留COVID-19病毒可能透過氣溶膠傳播氣溶膠在室內停留時間更久且賣場、購物車等若未加強消毒也可能有病毒停留。
周百謙說目前接觸者初步篩檢結果都呈陰性可能代表個人防護措施得宜但仍要觀察這段時間是否還有出現其他陽性個案且是否為預期中的個案即匡列隔離者或者收到警示簡訊的對象必須密切注意至少14天。
要圍堵Delta變異株個人防護基本功仍是重點。台大公衛學院教授詹長權說多數台灣民眾習慣室內外都佩戴口罩未來值得密切觀察或許可望讓社區傳播風險降低。
詹長權提醒目前疫調要著重確診者居家活動、在外用餐或其他可能取下口罩的機會並將這些可能取下口罩場域的接觸者列為重點篩檢對象有助圍堵疫情。</t>
  </si>
  <si>
    <t>確診疫情可能社區室內delta變異民眾防護機師周百謙病毒是否個案口罩機會觀察重點臺灣</t>
  </si>
  <si>
    <t>Delta屏東變異株周百謙人口密集</t>
  </si>
  <si>
    <t>變異周百謙人口密集delta</t>
  </si>
  <si>
    <t>年資可能mlb</t>
  </si>
  <si>
    <t>昨日大聯盟主席曼佛雷德(Rob Manfred)說雖然希望能在5月開季不過仍不排除縮短賽季。大聯盟與大聯盟球員工會達成協議針對因為新冠肺炎疫情而產生的年資、薪水、選秀的問題一一討論解決預計明日各隊老闆簽名同</t>
  </si>
  <si>
    <t>聯盟解決討論一一問題薪水年資產生疫情肺炎預計達成協議rob希望manfred排除雷德</t>
  </si>
  <si>
    <t>昨日大聯盟主席曼佛雷德(Rob Manfred)說雖然希望能在5月開季不過仍不排除縮短賽季。大聯盟與大聯盟球員工會達成協議針對因為新冠肺炎疫情而產生的年資、薪水、選秀的問題一一討論解決預計明日各隊老闆簽名同意後就宣佈。
首先有關球員服務年資今年有可能無法打滿162場過去球員要在大聯盟待滿172天才能獲得完整年資今年大聯盟同意只要去年有在25人名單內或在傷兵名單的選手即使今年取消賽季或縮短賽季都可直接獲得1年年資。
因此貝茲(Mookie Betts)、包爾(Trevor Bauer)、史卓曼(Marcus Stroman)、瑞爾穆托(JT Realmuto)等球星仍可在今年11月投入自由市場。
而根據《ESPN》報導大聯盟選秀可能延到7月進行且可能縮短輪次至5輪及簽約金延緩給付還可能在2021年縮短至20輪至於今年的國際球員簽約延到2021年1月2021年、2022年的國際球員簽約也都會順延。</t>
  </si>
  <si>
    <t>今年聯盟年資球員縮短可能簽約同意獲得賽季延到名單marcusstroman卓曼瑞爾bauertrevor</t>
  </si>
  <si>
    <t>大聯盟年資縮短球員選秀</t>
  </si>
  <si>
    <t>縮短球員年資聯盟</t>
  </si>
  <si>
    <t>曝光足跡醫大確診表揚值得防疫典範</t>
  </si>
  <si>
    <t>台灣本土昨增401例確診各縣市公佈確診者足跡醫藥粉專「MedPartner 美的好朋友」發現案6755非常值得表揚個案在5/10和家人去萬華某餐廳吃飯5/17發現該餐廳有人確診便與家人去醫院自費快篩當時的結果雖是</t>
  </si>
  <si>
    <t>確診發現家人自費醫院足跡醫藥medpartner朋友個案非常餐廳表揚值得各縣市公佈吃飯萬華某</t>
  </si>
  <si>
    <t>台灣本土昨增401例確診各縣市公佈確診者足跡醫藥粉專「MedPartner 美的好朋友」發現案6755非常值得表揚個案在5/10和家人去萬華某餐廳吃飯5/17發現該餐廳有人確診便與家人去醫院自費快篩當時的結果雖是陰性但這家人卻沒有因此而鬆懈反而在政府宣佈三級警戒時確實遵守、極少外出超自律的足跡曝光引發網友熱議根本是防疫典範這家人好謹慎。
醫藥粉專「MedPartner 美的好朋友」昨在臉書分享非常值得表揚的確診者（案6755）每個人都應該要一起做到這樣的自覺、自律。個案在5/10與丈夫和女兒去臺北萬華區某間海鮮餐廳聚餐5/11返回花蓮後在5/17看新聞得知該海鮮餐廳有人確診便與家人一起去醫院自費快篩結果為陰性。
根據花蓮衛生局公佈的疫調足跡顯示個案在5/21-5/26全國提升為三級警戒以後多數時間都待在家裡面若外出也都會戴口罩與他人接觸未達15分鐘；5/24個案開始發燒、流鼻水；5/25早上9點自行去醫院急診採檢；5/26疾管署通知PCR陽性確診。
醫藥粉專「MedPartner 美的好朋友」指出個案在快篩陰性之後仍有落實自主健康管理直到5/24開始出現症狀、5/25去醫院做檢查最後在5/26確診。許多人快篩陰性之後可能覺得安心就開始亂跑如果大家都跟這位確診者一樣這麼有警覺心相信病毒也難有機可趁。大家一定要加油一起撐過去！
超級自律的足跡吸引13萬人朝聖不少網友留言大讚「這種正向的防疫新聞才真的值得報導」、「這家人好謹慎從到萬華到有症狀差不多2星期還是很警覺一般人過了這麼久大概都覺得沒事了」、「非常讓人稱讚的一家人祝早日康復」、「這個是標準範本啊！一起提高病識感」、「病毒很狡猾希望大家提高警覺性！」</t>
  </si>
  <si>
    <t>確診個案一起足跡開始醫院陰性自律非常餐廳值得警戒外出病毒新聞防疫覺得花蓮網友</t>
  </si>
  <si>
    <t>新冠肺炎台灣確診足跡自律</t>
  </si>
  <si>
    <t>肺炎臺灣確診足跡自律</t>
  </si>
  <si>
    <t>外交部代表處駐法摩洛哥努力協助想接返台大陸</t>
  </si>
  <si>
    <t>摩洛哥突宣佈鎖國傳出大陸曾想派包機接回台灣旅行團居間處理者為前總統府發言人李佳霏。外交部部長吳釗燮表示我們沒有感受李小姐替大陸施壓但大使館已接收到大陸希望接回台灣的事宜此舉屬於統戰。因此駐</t>
  </si>
  <si>
    <t>大陸臺灣接回傳出曾想李佳霏外交部發言人部長總統府吳釗燮希望表示施壓沒有李小姐感受包機處理旅行團居間接收鎖國事宜</t>
  </si>
  <si>
    <t>摩洛哥突宣佈鎖國傳出大陸曾想派包機接回台灣旅行團居間處理者為前總統府發言人李佳霏。外交部部長吳釗燮表示我們沒有感受李小姐替大陸施壓但大使館已接收到大陸希望接回台灣的事宜此舉屬於統戰。因此駐法國代表處要更加努力確保摩洛哥國人安全歸來。</t>
  </si>
  <si>
    <t>大陸臺灣接回摩洛哥確保努力更加代表處傳出駐法外交部李佳霏部長吳釗燮發言人總統府統戰表示沒有感受李小姐施壓屬於曾想處理</t>
  </si>
  <si>
    <t>大陸摩洛哥李佳努力滯留</t>
  </si>
  <si>
    <t>摩洛哥滯留李佳努力大陸</t>
  </si>
  <si>
    <t>烈士念新冠疫情領導人默哀</t>
  </si>
  <si>
    <t>上午10時北京全城防空警報鳴響大陸國家主席習近平等國家領導人向大陸新冠肺炎疫情犧牲烈士和逝世同胞默哀3分鐘。習近平、李克強、栗戰書、汪洋、王滬甯、趙樂際、韓正、王岐山等大陸黨和國家領導人來到中南海懷</t>
  </si>
  <si>
    <t>大陸習近平領導人國家防空警報鳴響黨和國家王岐山趙樂際韓正王滬甯汪洋犧牲戰書李克強默哀同胞疫情逝世烈士肺炎全城北京來到主席中南海</t>
  </si>
  <si>
    <t>上午10時北京全城防空警報鳴響大陸國家主席習近平等國家領導人向大陸新冠肺炎疫情犧牲烈士和逝世同胞默哀3分鐘。
習近平、李克強、栗戰書、汪洋、王滬甯、趙樂際、韓正、王岐山等大陸黨和國家領導人來到中南海懷仁堂前佩戴白花神情凝重肅立。
今天(4日)上午十點為表達大陸全國各族人民對抗擊新冠肺炎疫情鬥爭犧牲烈士和逝世同胞的深切哀悼北京地鐵和京港地鐵所有線路列車皆臨時停車3分鐘期間所有列車鳴笛三次。
同時湖北武漢和大陸全國各地群眾靜立默哀。汽車、火車、艦船與防空警報同時鳴響。</t>
  </si>
  <si>
    <t>大陸默哀全國領導人習近平列車同胞上午防空警報逝世鳴響烈士肺炎犧牲疫情國家線路地鐵白花京港神情肅立佩戴鳴笛北京地鐵湖北今天</t>
  </si>
  <si>
    <t>國家烈士新冠肺炎武漢肺炎新型冠狀病毒</t>
  </si>
  <si>
    <t>肺炎武漢烈士冠狀國家病毒</t>
  </si>
  <si>
    <t>流量百貨成長</t>
  </si>
  <si>
    <t>新冠肺炎疫情蔓延未見趨緩全台百貨業亦積極往線上搶客包括新光三越線上網購從美妝類擴展至3C家電、超市與婦嬰用品等達3000項而SOGO百貨則以防疫用品為主力上線流量在近期均有數倍成長。三年前新光三越電商平</t>
  </si>
  <si>
    <t>百貨新光三越用品蔓延全台疫情年前成長近期流量上線擴展超市主力防疫家電積極</t>
  </si>
  <si>
    <t>新冠肺炎疫情蔓延未見趨緩全台百貨業亦積極往線上搶客包括新光三越線上網購從美妝類擴展至3C家電、超市與婦嬰用品等達3000項而SOGO百貨則以防疫用品為主力上線流量在近期均有數倍成長。
三年前新光三越電商平臺beauty STAGE美麗台推出僅限於美妝類在疫情催化下商品團隊原先要在半年後推的線上網購加速在20日提前推出「我的微型百貨」上線強調「世界很艱難購物要更簡單」亦頗得年輕同溫層有感首日流量即出現數倍成長且包括3C家電的蘋果Airpods新款等均一度賣到缺貨。新光三越商品副總歐陽慧指出總計6大商品館、逾3000項商品且首波至3月18日全站免運費 吸引驚人流量未來將隨著季節推出包括最新美妝、服飾專區等至於線下會員到府刷卡服務多以高單價商品需求為大宗但其實不限金額適用館內所有商用。
SOGO百貨則自3日起SOGO iStore推出防疫商品專區推出不到2周較去年同期業績成長超過3倍SOGO強調將陸續增加食品及民生用品。同時也與遠傳Friday購物平臺擴大合作。而在線下則推出宅配到府服務更新增A地購買、B地取貨等服務。
遠百線上亦應援線下實體賣場最新商品資訊與宅配到府服務其中又以美妝類為主遠百強調宅配服務多數以一級商圈像是信義A13、西門町寶慶店、板橋大遠百等為主其他各地門市受到影響不大對應策略是228檔期將推出一系列促銷活動除了防疫到位各櫃位廠商亦可為顧客意願提供店外取貨或快遞宅配到府。
微風則指出微風APP會員近60萬人次消費滿2000即提供免費宅配服務、到府刷卡等多項微風會員專屬智能購物服務今年上半年更將打造的「微風新科技」攜手「臺北文華東方酒店」透過微風APP即可線上訂房並獲得微風會員專屬優惠回饋。</t>
  </si>
  <si>
    <t>商品推出服務微風百貨會員sogo強調成長購物包括三越防疫新光用品疫情</t>
  </si>
  <si>
    <t>遠百微風美妝SOGO百貨</t>
  </si>
  <si>
    <t>sogo微風百貨</t>
  </si>
  <si>
    <t>出現傳播社區院內感染華盛頓州</t>
  </si>
  <si>
    <t>美西華盛頓州29日出現感染源不明的首例死者是一名50多歲男病患原本就有嚴重健康問題。但該州陸續出現至少4起不明感染源的確診個案讓專家擔心這已符合社區傳染定義。此外該州一個長照中心出現一名醫護人員</t>
  </si>
  <si>
    <t>出現感染傳染定義社區符合擔心專家原本嚴重健康死者問題個案陸續首例確診至少</t>
  </si>
  <si>
    <t>美西華盛頓州29日出現感染源不明的首例死者是一名50多歲男病患原本就有嚴重健康問題。但該州陸續出現至少4起不明感染源的確診個案讓專家擔心這已符合社區傳染定義。此外該州一個長照中心出現一名醫護人員確診也是美國首起醫護人員染疫中心另有50多人出現新冠肺炎症狀現正在接受檢驗。專家擔心華盛頓州除了社區傳染恐也出現院內感染。華盛頓州長英斯利已宣佈該州進入緊急狀態。
首例死者就醫地點位於金恩郡（King County）的柯克蘭（Kirkland）附近有家「生命長照中心」（Life Care Center of Kirkland）該中心29日新增了2例確診個案一為病患一為中心的員工兩人也都無出國史或接觸史。這也是美國第一起醫護人員確診病例。但更讓人憂心的是長照中心另外還有多達52人出現新冠症狀顯見該中心恐已出現院內大規模感染疾病管制暨預防中心（CDC）已派專員前往支援。
專家直言該州在1月21日出現第一例確診個案（從武漢回國）而今至少4起無感染源的確診病例已屬於社區傳播病例也顯示病毒在該州可能已擴散長達6周之久感染人數恐在150-1500人之間。金恩郡人口約220萬約占華盛頓1/3人口若爆發社區傳染或院內感染將是災難。
華盛頓州疫情擴大但川普29日發表談話呼籲國人無須恐慌也無須改變日常行程稱政府已做好「超級準備」可應付更廣泛疫情。CDC署長瑞德菲也強調染疫風險很低民眾應該維持正常生活。
但政府加強了邊界防疫川普宣佈對伊朗實施旅行限制禁止過去14天內出入伊朗的外國人入境。並提高對南韓和義大利的旅行警告調升至最高級「不要前往」。川普也表示考慮關閉美國與墨西哥的邊境。</t>
  </si>
  <si>
    <t>中心出現感染確診川普社區華盛頓州專家旅行個案傳染政府伊朗病例院內宣佈前往疫情cdc</t>
  </si>
  <si>
    <t>出現華盛頓州該州院內感染新冠肺炎</t>
  </si>
  <si>
    <t>感染院內華盛頓州出現肺炎</t>
  </si>
  <si>
    <t>走勢暴發疫情都可追溯到大陸境外解讀專家輸入</t>
  </si>
  <si>
    <t>大陸《環球時報》4日報導大陸8月3日0-24時新增本土確診病例71例、無症狀感染者15例顯示疫情依舊嚴峻。北京大學第一醫院呼吸和危重症醫學科主任王廣發表示大陸這一輪疫情有三個主要的「暴發點」一是南京-張家</t>
  </si>
  <si>
    <t>疫情大陸暴發本土病例確診新增顯示醫學科表示主任廣發嚴峻呼吸危重症北京大學第一醫院症狀感染者報導南京環球時報</t>
  </si>
  <si>
    <t>大陸《環球時報》4日報導大陸8月3日0-24時新增本土確診病例71例、無症狀感染者15例顯示疫情依舊嚴峻。北京大學第一醫院呼吸和危重症醫學科主任王廣發表示大陸這一輪疫情有三個主要的「暴發點」一是南京-張家界這一「暴發點」的疫情外溢到了揚州、北京等城市二是鄭州這是由院內感染外溢造成的三是上海從目前的資訊來看是和外航貨機有關是環境暴露引發的本土病例。三個「暴發點」最終根源都還是可追溯到境外輸入。
王廣發認為從目前來看大部分地方採取的是「精准應對」的防疫措施而並非大面積整體「封城」這類措施將成為未來常態化的防疫應對措施尤其是詳盡的流行病學調查將成為比救治更加重要的防疫手段。
據大陸國家衛健委4日通報8月3日0-24時大陸共報告新增本土確診病例71例（江蘇35例湖南15例湖北9例山東6例雲南3例河南2例福建1例）；本土無症狀感染者15例（河南9例湖北3例湖南3例）顯示出疫情形勢依舊嚴峻。
從各地通報的資料看涉及南京祿口機場傳染鏈的江蘇依然是3日新增感染者最多的省分新增的35例本土確診病例中南京3例揚州32例。7月20日至今南京累計報告本土確診病例223例揚州市累計報告126例無症狀感染者2例。
根公開資料顯示揚州疫情中心點是棋牌室。在本輪疫情中於7月21日離開已採取封控管理措施的南京江寧區乘大巴前往揚州的64歲毛姓女子是揚州報告首例病例。官方公佈行程軌跡顯示毛婦在揚州曾往多個棋牌室打牌。在7月28日毛某成為揚州第一例確診病例後揚州此後報告病例多數是去過棋牌室的老年人。揚州市與湖南張家界市已採取同樣最嚴格的防疫措施。
《環球時報》報導武漢大學醫學部病毒研究所教授楊占秋稱此次張家界疫情並非本土暴發屬於外來輸入型傳染鏈條較為明確除了外來輸入病例及其密接群體到過的地方其他地方應該不會有新病例這和去年年初武漢多地同時出現病例有很大不同。
楊占秋認為雖然張家界目前採取了類似「封城」措施但預計這種狀態不會持續很長時間當地疫情應該兩周內就可以得到有效控制相應防疫措施也會隨之調整。
武漢在本輪疫情迄3日24時已報告12例本土確診病例與8例無症狀感染者武漢市已根據疫情啟動全員核酸檢測。
在南京祿口機場疫情傳播鏈外上海2日也發現一例新增本土病例。上海市新冠肺炎臨床救治專家組組長張文宏指出作為機場員工新增病例接種過疫苗但這名確診者所有密接者沒有一例陽性。這說明如疫苗廣泛接種可使病毒傳播速度大幅衰減。大陸有更加大的把握在非常短的時間內做到防控。</t>
  </si>
  <si>
    <t>病例疫情措施本土揚州南京大陸防疫報告採取確診新增顯示暴發成為機場輸入感染者目前張家界時間救治</t>
  </si>
  <si>
    <t>新冠肺炎揚州疫情確診病例暴發</t>
  </si>
  <si>
    <t>疫情揚州肺炎確診病例暴發</t>
  </si>
  <si>
    <t>伺服器當道單旺</t>
  </si>
  <si>
    <t>新冠肺炎疫情在歐美蔓延許多城市陸續進入封城或半封城狀態想要維持正常營運又擔心疫情衝擊的企業在家遠距工作（Telework）成為新的模式並帶動雲端運算及資料中心龐大商機筆電及伺服器供應鏈接單暢旺成為</t>
  </si>
  <si>
    <t>疫情成為封城伺服器蔓延歐美龐大商正常中心營運資料運算擔心雲端帶動衝擊模式企業在家telework工作進入供應狀態想要</t>
  </si>
  <si>
    <t>新冠肺炎疫情在歐美蔓延許多城市陸續進入封城或半封城狀態想要維持正常營運又擔心疫情衝擊的企業在家遠距工作（Telework）成為新的模式並帶動雲端運算及資料中心龐大商機筆電及伺服器供應鏈接單暢旺成為肺炎疫情壟罩下的受惠族群法人點名台積電及南亞科等個股受惠。
包括臉書、Google、亞馬遜、微軟等大廠都已要求員工在家工作英特爾、台積電、日月光等半導體大廠也啟動分組上班不必進辦公室的員工則在家上班。為了避免資料外洩同時確定公司資料安全性除了在筆電或智慧型手機等邊緣運算裝置上要求支援安全性方案雲端運算及資料中心等應用更是大爆發並帶動新一代伺服器平臺強勁出貨動能。
受惠於ODM／OEM廠的伺服器接單接不完英特爾及超微直接受惠。英特爾現在主流的14奈米Cascade Lake處理器及Purley平臺出貨暢旺新一代14奈米Cooper Lake處理器及Cedar Island平臺可望在第二季開始交貨至於新一代10奈米Ice Lake處理器及Whitley平臺會在下半年開始交貨將帶動新一波伺服器平臺換機潮。
超微Zen 2架構第二代EPYC伺服器處理器Rome已經量產出貨採用台積電7奈米製程量產因為是目前市場上唯一支援PCIe Gen 4的伺服器平臺受到許多國際網路大廠或大型企業、研究機構等採用。
超微宣佈從極端氣候分析、自動駕駛、到各種國防系統歐洲各地的研究人員與科學家紛紛改用超微EPYC伺服器處理器以因應各種最嚴苛的需求超微已逐漸鞏固超級運算市場版圖。而超微近期持續提高對第二代EPYC處理器Rome在台積電7奈米投片量年底試產第三代EPYC處理器Milan將採用台積電7奈米量產。
新冠肺炎疫情推升雲端運算及超大規模資料中心強勁需求伺服器DRAM因此供不應求第二季合約價計畫調漲20％。然而近期韓國半導體廠員工傳出感染新冠肺炎韓國疫情仍未獲得控制且風險較高DRAM市場供給疑慮再起業界預期第二季伺服器DRAM價格漲幅可能擴大法人看好2020年搶進伺服器DRAM市場的南亞科將直接受惠。</t>
  </si>
  <si>
    <t>伺服器處理器平臺疫情台積電運算市場受惠dram資料大廠肺炎epyc在家員工採用英特爾帶動一代研究雲端企業</t>
  </si>
  <si>
    <t>超微資料中心肺炎台積電雲端運算</t>
  </si>
  <si>
    <t>中心肺炎台積電資料雲端運算</t>
  </si>
  <si>
    <t>接種尚未加開bnt學生北市門診</t>
  </si>
  <si>
    <t>臺北市今無本土病例北市衛生局說明新增4例境外移入從美國、烏克蘭、菲律賓入境。衛生局也提醒學生沒有在校園接種也未1922預約平臺登記的學生聯合醫院仁愛院區10月16日上午加開BNT門診可以前往接種。有</t>
  </si>
  <si>
    <t>衛生局學生接種病例北市門診加開說明bnt上午新增境外院區仁愛美國聯合醫院本土烏克蘭菲律賓登記入境平臺預約提醒</t>
  </si>
  <si>
    <t>臺北市今無本土病例北市衛生局說明新增4例境外移入從美國、烏克蘭、菲律賓入境。衛生局也提醒學生沒有在校園接種也未1922預約平臺登記的學生聯合醫院仁愛院區10月16日上午加開BNT門診可以前往接種。
有關校園BNT疫苗接種歐佳齡說147所學校、14萬3千多人皆種已全數完成但還有3千多名學生沒有在學校接種提醒學生若有在1922登記可在10月15日至18日到預約院所接種若學校沒有接種、預約平臺也沒有登記到有請聯醫仁愛院區16日上午加開學生BNT門診。
歐佳齡指出國高中的學生有給他們一張「小叮嚀」有教育局也有名冊給醫院只要符合學生身份確認沒有在學校施打即可在仁愛院區施打。
對於花博疫苗接種站亂象針對哪些地方改善？歐佳齡表示每天接種完後會檢討、改進昨天有民眾提出需求今各局處加派150人力去維持秩序、提供長輩協助同時運用場內跟場外調配不會讓他們久候或淋雨今天比昨天相較起來獲得大幅改善。</t>
  </si>
  <si>
    <t>接種學生學校沒有歐佳齡昨天衛生局仁愛登記院區bnt疫苗預約改善校園門診提醒施打場內運用場外協助調配長輩</t>
  </si>
  <si>
    <t>接種BNT學校學生加開</t>
  </si>
  <si>
    <t>學生接種bnt加開學校</t>
  </si>
  <si>
    <t>陰霾新高確診</t>
  </si>
  <si>
    <t>美國面臨第二波新冠肺炎疫情持續升高危機根據國家廣播公司（NBC）的統計週三單日新增確診人數飆破4萬大關來到逾45萬創下新高紀錄。近來相當強勢的美股受此利空襲擊應聲大跌那斯達克綜合指數更失守1萬點大</t>
  </si>
  <si>
    <t>綜合肺炎達克疫情那斯持續大跌升高應聲襲擊危機國家廣播公司nbc統計指數週三強勢相當新增近來確診人數紀錄</t>
  </si>
  <si>
    <t>美國面臨第二波新冠肺炎疫情持續升高危機根據國家廣播公司（NBC）的統計週三單日新增確診人數飆破4萬大關來到逾45萬創下新高紀錄。近來相當強勢的美股受此利空襲擊應聲大跌那斯達克綜合指數更失守1萬點大關。
美股週三收盤出現近期罕見的長黑道瓊工業指數重挫逾700點或27％那斯達克指數大跌22％跌破1萬點大關週四早盤進一步開低道指下跌逾百點或05％報25310點但有逐漸拉回趨勢。
歐股週四早盤跳空開低英國、德國與法國主要地區股市一度大跌約1％但稍後拉高到小漲的局面。
根據NBC的統計美國新冠肺炎確診人數週三新增45557人較4月26日第一波疫情高峰時的前高大增超過9000人改寫新高紀錄。包括德州與亞利桑那等好幾州單日確診人數都同創新高。
另外根據《華爾街日報》的分析自6月13日以來全美7日平均新增確診人數成長率皆高於14日平均值證明美國疫情快速加溫。
據約翰霍普金斯大學的資料美國迄今新冠肺炎累計感染人數已超過230萬逾12萬人死亡。由於疫情再度升溫引發外界擔憂將衝擊社會解封與經濟復甦。
紐約、紐澤西與康乃狄克州州長週三宣佈新措施規定從疫情熱區來的旅客需檢疫隔離兩周。
白宮傳染疾病專家佛奇（Anthony Fauci）指出「美國目前確實出現確診人數異常暴增的情況不過仍屬於第一波疫情的階段。」
隨著疫情升溫川普的抗疫表現民調支持度也連連破底。根據路透／易普索公佈的最新民調對川普抗疫表現表示滿意的美國人僅三成七創下3月初開始此一民調以來的新低不滿意的比率更高達五成八。
另一份由紐約時報／錫耶納學院週三發布的民調也呈現類似的結果有將近六成的受訪者不滿川普的抗疫表現。</t>
  </si>
  <si>
    <t>疫情週三人數美國確診大關指數肺炎新增川普大跌出現升溫創下以來</t>
  </si>
  <si>
    <t>大跌川普美國肺炎表現</t>
  </si>
  <si>
    <t>肺炎表現川普大跌美國</t>
  </si>
  <si>
    <t>人員近期不出非必要疫情限流開放嚴控北京景區</t>
  </si>
  <si>
    <t>央視新聞報導今天（25日）召開的北京市第247場新冠肺炎疫情防控工作新聞發佈會上北京市政府新聞發言人徐和建表示近期大陸多地相繼發生疫情北京陸續發現京外關聯和本地病例疫情形勢嚴峻複雜首都面臨的疫</t>
  </si>
  <si>
    <t>疫情新聞召開形勢嚴峻北京市病例關聯肺炎今天陸續防控工作北京發言人徐和發生表示相繼大陸近期複雜京外發現會上北京市政府新聞報導</t>
  </si>
  <si>
    <t>央視新聞報導今天（25日）召開的北京市第247場新冠肺炎疫情防控工作新聞發佈會上北京市政府新聞發言人徐和建表示近期大陸多地相繼發生疫情北京陸續發現京外關聯和本地病例疫情形勢嚴峻複雜首都面臨的疫情風險和防控壓力持續增大。首都嚴格進京管理聯防聯控協調機制對首都防控措施作出調整和加強實施「要求在京人員近期非必要不出京按75％限流開放景區」等措施。
徐和建表示北京市新冠疫情防控採取七項措施如下：
一是最大限度減少出京活動。在京人員近期非必要不出京不前往新增感染者及中高風險地區所在地級市。在京黨政機關、國有企事業單位、軍隊加強所屬人員日常防疫管理和排查管控嚴格出京審批落實「誰申請、誰負責」「誰審批、誰負責」要求。重點場所、重點行業可視情要求出京人員在返京後立即進行核酸檢測結果為陰性後方可返崗工作。
二是繼續堅持涉疫地區人員限制進返京政策。有1例及以上本土新冠病毒感染者的縣(市、區、旗)及14天內有該縣旅居史人員嚴格限制進返京就地落實防疫要求對其「北京健康寶」不賦綠碼。有1例及以上本土新冠病毒感染者所在地級市(直轄市、副省級城市的縣、市、區)其他縣人員非必要不進返京確需來京的須持「北京健康寶」綠碼和登機登車前48小時內核酸檢測陰性證明抵京後主動報告進行14天健康監測。
三是所有進京人員嚴格查驗「北京健康寶」。全國各地機場、火車站、長途客運站對來京人員逐一查驗「北京健康寶」嚴阻非綠碼人員登機登車。未安裝「北京健康寶」的現場下載並查驗賦碼狀態。對老年人、兒童、視力聽力殘疾人等群體可採取核驗同行人員賦碼狀態或查驗本人48小時內核酸檢測陰性證明等措施便利不使用或不會操作智慧手機人員出行。
四是加強進出京旅遊管理。市民群眾最大限度減少出京旅遊活動京內景點嚴格控制預約人數。暫停跨省旅遊在途團隊加強防疫管理。繼續暫停出入境旅遊業務。
五是嚴格會議論壇防疫要求。會議論壇等活動堅持非必要不舉辦原則盡可能採用視頻形式最大限度壓縮線下活動規模減少外埠人員進京。確需舉辦的按照「誰主辦、誰負責」「誰審批、誰負責」原則嚴格落實各項防疫要求。北京馬拉松推後舉行。
六是從嚴落實公共場所防控措施。按75％限流開放公園景區、影劇院、博物館等室內外文化娛樂場所。社區棋牌室、麻將館等場所暫停營業。商務樓宇、商超、餐館、酒店、各類門店等各類室內外公共場所嚴格落實掃碼登記、體溫檢測、佩戴口罩、「一米線」、清潔消殺、限流錯峰等措施做好有序排隊和客流疏導堅決防範紮堆聚集。
七是嚴格落實「四方責任」。在京各類用工單位要加強內部人員排查管理對入境進京人員、有風險地區旅居史人員以及與涉疫人員、地區、場所有交集人員要按要求及時排查管控報告對發現的漏管漏控漏檢問題將嚴肅倒查追責。個人要嚴格落實各項常態化防控要求不斷提升防控敏感性有涉疫地區旅居史、人員接觸史的加強健康監測第一時間主動報告按照要求進行核酸檢測、健康管理履行好個人防控義務。對拒不配合防疫管理故意隱瞞旅行史、接觸史、密接史的將追究法律責任並公開通報提高全社會主動防疫意識。</t>
  </si>
  <si>
    <t>人員嚴格要求防疫措施管理健康防控落實北京加強疫情場所檢測旅遊活動地區查驗返京</t>
  </si>
  <si>
    <t>新冠肺炎大陸人員嚴格出京</t>
  </si>
  <si>
    <t>大陸人員肺炎嚴格</t>
  </si>
  <si>
    <t>疫苗踴躍全民蘇貞昌大內穩住疫情</t>
  </si>
  <si>
    <t>行政院長蘇貞昌今天一早到台南市仁德區視察三爺溪排水治理情形被問到藍營批他說全台逾910萬人施打疫苗是大內宣數字根本沒那麼多蘇貞昌沒回應數字只說當全世界因變種病毒而疫情再起台灣70天內將疫情控制在</t>
  </si>
  <si>
    <t>數位蘇貞昌疫情病毒台南仁德變種視察全世界爺溪排水治理臺灣情形問到大內疫苗全台施打</t>
  </si>
  <si>
    <t>行政院長蘇貞昌今天一早到台南市仁德區視察三爺溪排水治理情形被問到藍營批他說全台逾910萬人施打疫苗是大內宣數字根本沒那麼多蘇貞昌沒回應數字只說當全世界因變種病毒而疫情再起台灣70天內將疫情控制在最平穩目前病例數只剩個位數民眾踴躍打疫苗裁能將疫情控制下來至於相關數字中央流行疫情指揮每天都會公佈。
蘇貞昌今天上午7點50分起馬不停蹄在台南依序視察三爺溪、歸仁西瓜及東山龍眼、絲瓜受損災情首站到三爺溪接受聯訪時
被問到民眾質疑五倍券效益「何不用五倍券付政務官薪水？」蘇貞昌說去年三倍券大成功有2333萬人領取使用創造千億效果且振興券全國普發、限期使用地方政府及企業也跟進效果更好。他強調今年是複製去年成功經驗並精進希望能在這波疫情下受衝擊內需市場包括餐廳、夜市、零售等都能使用帶動內需市場希望受衝擊產業能快速地振興。他也說針對紓困部分已經發1500多億元現金900多萬人領取。
針對高端疫苗在巴拉圭取得第3期臨床實驗核准但遭臺北市議員張斯綱暴料指與高端簽署臨床實驗備忘錄的巴拉圭國立亞松森大學醫學院文件以「中國台灣」稱呼台灣被問到此是否有矮化我國的嫌疑？他說外國相關作業將請外交部進一步瞭解。</t>
  </si>
  <si>
    <t>疫情蘇貞昌爺溪問到疫苗使用數字民眾效果去年相關臺灣振興臨床實驗視察台南巴拉圭高端領取</t>
  </si>
  <si>
    <t>新冠肺炎台灣蘇貞昌打疫苗三爺溪</t>
  </si>
  <si>
    <t>蘇貞昌臺灣肺炎疫苗爺溪</t>
  </si>
  <si>
    <t>婦聯會口罩麻兒應急</t>
  </si>
  <si>
    <t>新冠肺炎疫情全球肆虐人心惶惶腦麻孩子口罩用量約是一般人的2倍庫存不敷使用嘉義市婦聯會主委、前嘉義市議長蕭淑麗9日代表捐助500個口罩及2萬元防疫基金給嘉義市腦麻協會她說這是拋磚引玉希望有更多人</t>
  </si>
  <si>
    <t>嘉義口罩全球肆虐人心惶惶抛磚引玉疫情麻孩子使用不敷庫存用量一般議長協會代表蕭淑麗捐助基金防疫希望肺炎</t>
  </si>
  <si>
    <t>新冠肺炎疫情全球肆虐人心惶惶腦麻孩子口罩用量約是一般人的2倍庫存不敷使用嘉義市婦聯會主委、前嘉義市議長蕭淑麗9日代表捐助500個口罩及2萬元防疫基金給嘉義市腦麻協會她說這是拋磚引玉希望有更多人提供防疫物資幫助弱勢孩子們。
蕭淑麗說腦麻孩子會有一些不由自主的動作且在再耕園庇護工場群聚在一起學工藝口罩用量比一般人更大他們又不能去排隊買口罩因此與婦聯會姊妹特地來捐贈500個口罩及2萬元作為防疫基金希望讓腦麻協會能添購防疫物資提高防疫的能量。
蕭淑麗也為協會的志工老師們加油打氣感謝他們費心教導腦麻兒及幫忙相關防疫工作期許大家都能加強防疫一起平安健康渡過這次險峻的疫情。
腦麻協會主任林麗美說協會有40名腦麻兒及10名工作人員成人口罩不夠用只好戴先前善心人捐贈的兒童口罩目前成人口罩沒有庫存就是今天收到的500個可以應急。</t>
  </si>
  <si>
    <t>口罩防疫協會蕭淑麗嘉義一起庫存疫情麻孩子麻兒捐贈成人希望物資一般用量基金全球</t>
  </si>
  <si>
    <t>新冠肺炎武漢肺炎新型冠狀病毒台灣口罩</t>
  </si>
  <si>
    <t>肺炎武漢冠狀病毒臺灣口罩</t>
  </si>
  <si>
    <t>指數扯後腿修正疫情</t>
  </si>
  <si>
    <t>新冠肺炎疫情持續擴大全球經濟前景籠罩陰霾費城半導體指數連跌四個交易日之後已較前次波段高點大跌近12％意味著費半指數已進入修正。26日早盤反彈18％。費城半導體指數25日收盤重挫306％創下2008全球金</t>
  </si>
  <si>
    <t>指數全球導體費城持續擴大經濟疫情前景籠罩陰霾波段前次收盤高點進入之後意味著交易日修正</t>
  </si>
  <si>
    <t>新冠肺炎疫情持續擴大全球經濟前景籠罩陰霾費城半導體指數連跌四個交易日之後已較前次波段高點大跌近12％意味著費半指數已進入修正。26日早盤反彈18％。
費城半導體指數25日收盤重挫306％創下2008全球金融危機以來最大四日跌幅並較2月19日創下的波段高點大跌將近12％指數或股價跌幅超過10％即被視為進入修正。
即便費半指數近日連連下探但該指數過去12個月仍累計上漲27％。近幾年全球晶片需求陷入低迷市場預期半導體產業不久後將會復甦帶動費半指數不斷上攻但強勁的漲勢也令投資人擔心晶片類股更容易受到利空消息衝擊。
野村Instinet基於新冠肺炎恐打擊晶片需求和銷售24日將輝達（Nvidia）的投資評等由「中立」下修至「減碼」並將目標價由235美元下修至230美元。輝達股價25日收盤大跌411％報26205美元對費半指數帶來沈重下壓。
野村Instinet分析師David Wong指出：「新冠肺炎疫情對半導體產業的衝擊在近幾周逐漸加劇公司將輝達的繪圖晶片和任天堂Switch晶片視為非必需消費品肺炎對經濟的影響可能危及多數電子終端產品的需求。」
Wong表示輝達的遊戲晶片業務占整體營收比重過半且對手超微（AMD）在繪圖晶片市場的競爭日益加劇。
此外美銀美林預期肺炎疫情將影響美光（Micron）晶片銷售25日下修美光股票投資評等由「買進」一口氣調降至「遜於大盤」目標價訂為50美元。美光25日收盤報521美元。
美銀美林分析師Simon Woo指出調查顯示美光3月甚至第二季可能面臨砍單。
野村Instinet同時下修2020年全球晶片產業銷售預測由4370億美元降至4290億美元意味著營收成長率由6％減至4％。</t>
  </si>
  <si>
    <t>指數肺炎美光全球產業野村需求instinet疫情銷售可能經濟衝擊意味著wong評等</t>
  </si>
  <si>
    <t>輝達肺炎費半指數野村美光</t>
  </si>
  <si>
    <t>肺炎指數野村美光</t>
  </si>
  <si>
    <t>川普樂觀確診</t>
  </si>
  <si>
    <t>來到即將肆虐時機至今經濟全國面對資料美國陣亡人數總統確診越戰超越死亡川普樂觀造成暗示表示過去</t>
  </si>
  <si>
    <t>川普美國經濟表示防疫政府疫情白宮死亡人數小企業即將人民持續全美居家報導企業主接見團隊薪資</t>
  </si>
  <si>
    <t>歐洲新車最慘銷售史上產業國際</t>
  </si>
  <si>
    <t>為了防止新冠肺炎疫情擴散而實施的封鎖措施迫使經銷商關閉商店並導致生產與銷售中斷歐洲4月新車銷售崩跌。歐洲汽車製造商協會公佈4月歐盟新車登記數較去年同期暴跌763%較3月的年減55%進一步惡化。歐洲大</t>
  </si>
  <si>
    <t>新車歐洲銷售疫情擴散實施封鎖措施迫使登記數經銷商關閉肺炎商店歐盟導致公佈生產協會汽車製造商去年同期中斷暴跌</t>
  </si>
  <si>
    <t>為了防止新冠肺炎疫情擴散而實施的封鎖措施迫使經銷商關閉商店並導致生產與銷售中斷歐洲4月新車銷售崩跌。
歐洲汽車製造商協會公佈4月歐盟新車登記數較去年同期暴跌763%較3月的年減55%進一步惡化。
歐洲大部分國家在3月中開始實施封鎖措施。該協會表示4月是歐洲實施封鎖措施第一個完整的月份該月汽車需求量創下史上最大跌幅。歐盟4月新車銷量從去年同期的114萬3046輛跌至略逾27萬輛。
歐盟27個會員國的新車銷售都出現2位數衰退其中以義大利與西班牙的跌幅最大分別為976%與965%。此外德國4月新車銷量年減611%法國銷量年減888%。</t>
  </si>
  <si>
    <t>新車歐洲封鎖措施歐盟實施銷售汽車跌幅協會銷量去年同期疫情擴散肺炎迫使商店經銷商導致關閉西班牙生產大利出現</t>
  </si>
  <si>
    <t>歐洲新車銷售歐盟防疫</t>
  </si>
  <si>
    <t>歐洲新車防疫銷售歐盟</t>
  </si>
  <si>
    <t>震盪干擾區間疫情專欄擇強蕭幹祥切入</t>
  </si>
  <si>
    <t>鼠年新春全球金融市場受到中國大陸新冠肺炎（COVID-19）的突襲主要國際股市紛紛重挫也打亂了台股多方新春紅盤衝關12682點的步調台股加權指數一度回測半年線支撐。雖然現階段相關疫情的訊息仍不斷擾動人心但</t>
  </si>
  <si>
    <t>新春訊息疫情相關現階段受到支撐大陸半年線中國肺炎一度covid-突襲國際加權指數股市步調紛紛沖關紅盤</t>
  </si>
  <si>
    <t>疫情中國大陸產業經濟受到股市影響逐漸造成措施加上出現成長率市場來看金融市場</t>
  </si>
  <si>
    <t>經濟成長率中國肺炎中國大陸金融</t>
  </si>
  <si>
    <t>中國肺炎成長率大陸金融經濟</t>
  </si>
  <si>
    <t>患者愛犬確診首例病毒全球</t>
  </si>
  <si>
    <t>香港出現狗被確診新冠肺炎的首例！新冠肺炎確診者、香港女富豪周巧兒的愛犬之前經香港漁農自然護理署兩次病毒測試發現其口腔及鼻腔樣本呈弱陽性反應成為世界首例。頭條日報網4日報導香港漁護署曾徵詢港大、</t>
  </si>
  <si>
    <t>香港首例確診鼻腔樣本口腔發現測試病毒陽性反應漁農成為自然肺炎世界護理頭條報導日報</t>
  </si>
  <si>
    <t>香港出現狗被確診新冠肺炎的首例！新冠肺炎確診者、香港女富豪周巧兒的愛犬之前經香港漁農自然護理署兩次病毒測試發現其口腔及鼻腔樣本呈弱陽性反應成為世界首例。
頭條日報網4日報導香港漁護署曾徵詢港大、城市大學及世界動物衛生組織專家的意見他們一致認同有關結果顯示這條狗已低程度感染有關病毒並很可能由人類傳染目前正在港珠澳大橋口岸動物居留所接受檢疫。</t>
  </si>
  <si>
    <t>香港病毒世界動物有關首例確診口岸大橋目前樣本鼻腔傳染可能結果顯示陽性反應認同成為衛生組織口腔</t>
  </si>
  <si>
    <t>香港新冠肺炎武漢肺炎 COVID-19 台灣</t>
  </si>
  <si>
    <t>肺炎武漢covid-香港臺灣</t>
  </si>
  <si>
    <t>復工專家無效美國</t>
  </si>
  <si>
    <t>本周美國又有新的州不顧公共衛生專家的警告準備解除為控制疫情實施的限制舉措而白宮預計4月的失業率將達到16%或更高。科羅拉多、密西西比、明尼蘇達、蒙大拿和田納西州將加入嘗試重啟經濟的行列而這些州沒有衛</t>
  </si>
  <si>
    <t>不顧經濟衛生專家警告準備解除控制嘗試疫情實施加入限制舉措田納西州白宮密西西比大拿科羅拉多預計失業率明尼蘇達達到</t>
  </si>
  <si>
    <t>本周美國又有新的州不顧公共衛生專家的警告準備解除為控制疫情實施的限制舉措而白宮預計4月的失業率將達到16%或更高。科羅拉多、密西西比、明尼蘇達、蒙大拿和田納西州將加入嘗試重啟經濟的行列而這些州沒有衛生專家所稱防止疫情反彈所需的檢測和接觸追蹤的基礎設施無法保障民眾的生命安全。
在一個月的封鎖之後喬治亞俄克拉荷馬、阿拉斯加和南卡羅來納已經採取措施重啟經濟。
這些前所未有的限制措施導致3月中以來有創紀錄的2650萬美國人申請失業救濟。美國國會預算辦公室(CBO)週五預計第二季經濟年率將萎縮近40%。CBO預計即使是明年平均失業率也將在10%以上。
白宮經濟顧問哈西特(Kevin Hassett)對記者表示美國4月失業率可能達到16%甚至更高。「我認為未來幾個月將非常可怕」哈西特週日表示「你將看到的數字將是我們所見過的最糟糕的。」
在全美各地爆發抗議活動、要求解除居家令之際田納西州表示週一將允許餐館重新開門。密西西比州的居家令也在同一天到期。
蒙大拿州將允許企業週一復工但前提是他們需限制產能和實施社交距離明尼蘇達州將允許部分企業週一復工工業、製造業和在辦公室工作的8萬至10萬人將重回工作崗位。
科羅拉多州的民主黨州長Jared Polis允許可路邊取貨的零售店週一恢復營業。美發店理髮店和刺青店週五可以營業。零售店、餐廳和電影院之後也將開放。
但大多數州解除限制舉措的步伐並不統一。比如丹佛將居家令延期至5月8日但城市居民可駕車到附近的縣城理髮。喬治亞禁止地方實施比州法更嚴格的法規。
有八個州從未命令居民呆在家中他們是阿肯色州、愛荷華州、內布拉斯加州、北達科他州、俄克拉荷馬州、南達科塔州、猶他州和懷俄明州。
幾項民調顯示多數美國人希望待在家中以防感染新冠病毒儘管這會對經濟有影響</t>
  </si>
  <si>
    <t>經濟美國允許週一實施限制居家表示預計失業率喬治亞之後家中週五居民疫情解除</t>
  </si>
  <si>
    <t>復工新冠肺炎失業率公衛專家美國</t>
  </si>
  <si>
    <t>肺炎失業率公衛專家復工美國</t>
  </si>
  <si>
    <t>ptt鄉民防疫林飛帆生活</t>
  </si>
  <si>
    <t>民進黨副秘書長林飛帆近日PO出自己在廚房切雞肉的「防疫生活」照表示疫苗已陸續到位也呼籲民眾沒事宅在家。未料鄉民完全不領情紛紛大酸「這就是月薪9萬的廚房嗎」、「15萬(劑疫苗)又開始吹了」、「殺雞取暖？</t>
  </si>
  <si>
    <t>廚房疫苗近日po開始雞肉鄉民完全不領情沒事紛紛月薪民眾呼籲防疫到位表示陸續生活</t>
  </si>
  <si>
    <t>民進黨副秘書長林飛帆近日PO出自己在廚房切雞肉的「防疫生活」照表示疫苗已陸續到位也呼籲民眾沒事宅在家。未料鄉民完全不領情紛紛大酸「這就是月薪9萬的廚房嗎」、「15萬(劑疫苗)又開始吹了」、「殺雞取暖？」而林飛帆不久後也將照片悄悄下架。
林飛帆在臉書表示第一批莫德納疫苗已經抵達台灣還有上周抵台的AZ疫苗也開始提供給第一線防疫人員還有更多疫苗會陸續到位預估8月時能有1千萬劑。在疫情舒緩前請民眾沒事宅在家。文章還附上一張在中島式廚房切雞肉的照片。
此篇文章被鄉民CrazyWinnie(據網友稱此帳號為卡神楊蕙如所有)轉到PTT後鄉民大酸「殺雞是為了取暖？」、「日子過得不錯啊不抗議了嗎？」、「那隻雞=被魚肉的人民」、「領9萬的廚房就是專業」、「前線醫護人員有多慘這張照片就有多諷刺。」
還有鄉民發現林飛帆照片中的廚房疑似是專業攝影棚與過去藝人鄭元暢節目拍攝的廚房一樣。鄉民們紛紛表示「發個臉書還要先去攝影棚拍照？」、「不懂為何這時間點還要作秀耶飛帆」、「這人臉皮真的厚出一個新境界。」、「假鬼假怪的瘦版沈玉琳。」林飛帆在不久後悄悄將照片下架。</t>
  </si>
  <si>
    <t>廚房鄉民林飛帆疫苗照片攝影棚防疫專業表示開始雞肉沒事民眾陸續到位取暖</t>
  </si>
  <si>
    <t>新冠肺炎台灣林飛帆廚房鄉民</t>
  </si>
  <si>
    <t>臺灣林飛肺炎廚房鄉民</t>
  </si>
  <si>
    <t>下旬疫苗申報臨床肺炎陸新冠試驗</t>
  </si>
  <si>
    <t>大陸國新辦今（21日）舉行有關科技創新支撐疫情防控記者會大陸科學技術部副部長徐南平表示最快的疫苗將於4月下旬左右申報臨床試驗。大陸新冠肺炎確診與死亡人數持續攀升日前大陸科研團隊宣佈疫苗已經開始</t>
  </si>
  <si>
    <t>大陸疫苗舉行有關團隊科技創新科研支撐疫情日前防控死亡攀升記者會持續人數科學技術部確診部長肺炎徐南平試驗表示</t>
  </si>
  <si>
    <t>大陸國新辦今（21日）舉行有關科技創新支撐疫情防控記者會大陸科學技術部副部長徐南平表示最快的疫苗將於4月下旬左右申報臨床試驗。
大陸新冠肺炎確診與死亡人數持續攀升日前大陸科研團隊宣佈疫苗已經開始動物試驗最快4月就可進行人體臨床試驗。
當時第一財經報導一款新冠病毒疫苗由大陸疾控中心、上海同濟大學醫學院和上海生物技術公司斯微生物共同設計開發斯微生物提供生產疫苗樣本。新疫苗的樣本已經在100多隻健康的小鼠身上注射。疾控中心的官員證實疫苗進展的同時還強調「這還是非常早期的階段要用到人身上還有很多『步』要走。」
儘管大多數科學家相信「遠水救不了近火」等到疫苗被認為是安全的時候疫情可能已經有所緩解但是疫苗的儲備對於未來類似病毒的防控有積極意義。以伊波拉病毒為例2014年病毒首次在西非暴發時沒有疫苗可用然而在2019年剛果再次暴發伊博拉疫情時有超過20萬人注射疫苗及時抑制疫情的擴散。
目前全球包括美國、英國、法國、澳洲等國家的研究人員仍在積極投入新型冠狀病毒疫苗的研製。</t>
  </si>
  <si>
    <t>疫苗大陸疫情病毒試驗已經身上防控注射臨床微生物中心暴發上海澳洲國家法國研究</t>
  </si>
  <si>
    <t>疫苗大陸疫情將於申報</t>
  </si>
  <si>
    <t>大陸疫情申報疫苗</t>
  </si>
  <si>
    <t>縣府屢勸不聽防疫加強馬祖</t>
  </si>
  <si>
    <t>新冠肺炎疫情蔓延全球全台至15日累積確診達59人連江縣政府加強防疫措施進醫療院所須進行手部消毒、配戴口罩及量測體溫等步驟但卻傳出有民眾不配合情況。對此衛生福利局長謝春福強調屢勸不聽者將依違反</t>
  </si>
  <si>
    <t>蔓延屢勸不聽全球強調謝春福全台局長累積福利確診衛生對此情況配合連江縣政府疫情加強民眾防疫措施傳出</t>
  </si>
  <si>
    <t>新冠肺炎疫情蔓延全球全台至15日累積確診達59人連江縣政府加強防疫措施進醫療院所須進行手部消毒、配戴口罩及量測體溫等步驟但卻傳出有民眾不配合情況。對此衛生福利局長謝春福強調屢勸不聽者將依違反《傳染病防治法》開罰3000元至1萬5000元。
衛生福利局表示醫護同仁嚴守第一線工作相當辛苦呼籲民眾進出醫療院所要配合相關規定手部消毒、配戴口罩及量測體溫等民眾配合相關措施就是對醫護人員的支持。
謝春福提到民眾進出醫療院所若沒有口罩醫療院所也會盡力協助幫忙但若有屢勸不聽者將依違反《傳染病防治法》開罰3000元至1萬5000元目前尚未有開罰案例若勸導後仍幹擾防疫工作將協同各單位蒐證予以開罰嚴防疫情破口。</t>
  </si>
  <si>
    <t>民眾醫療院所配合工作防疫口罩措施謝春福疫情福利衛生相關進出屢勸不聽手部測體溫蔓延全球全台防治法配戴消毒</t>
  </si>
  <si>
    <t>新冠肺炎武漢肺炎新型冠狀病毒台灣醫療院所</t>
  </si>
  <si>
    <t>肺炎冠狀武漢病毒臺灣醫療院所</t>
  </si>
  <si>
    <t>足跡確診家樂福閉館消毒</t>
  </si>
  <si>
    <t>敦睦艦隊22日再新增1例屏東籍確診個案至今屏東累積5名官士兵確診屏東縣政府接獲防疫中心通報後隨即啟動相關疫調足跡新增屏東家樂福新屏店業者已在第一時間閉館全館消毒。屏縣府衛生局指出目前敦睦艦隊屏</t>
  </si>
  <si>
    <t>新增確診敦睦艦隊通報隨即中心啟動縣府消毒相關衛生局防疫全館閉館業者縣政府足跡指出第一時間</t>
  </si>
  <si>
    <t>敦睦艦隊22日再新增1例屏東籍確診個案至今屏東累積5名官士兵確診屏東縣政府接獲防疫中心通報後隨即啟動相關疫調足跡新增屏東家樂福新屏店業者已在第一時間閉館全館消毒。
屏縣府衛生局指出目前敦睦艦隊屏東籍共5例確診且匡列79名接觸者進行居家隔離、116名自主健康管理縣府加強電話關懷隨時掌握民眾健康情形。
另外4月18日國軍在潮州國中附近召集地點在校外文化路人行道旁屏縣府教育處強調車輛並沒有進入校園請家長與師生安心環保局也已完成校園周遭消毒作業。
屏東縣長潘孟安表示希望大家保持同理心不要歧視不要恐慌如需接受疫調也請誠實以對一起守護台灣。</t>
  </si>
  <si>
    <t>縣府健康確診校園消毒新增艦隊敦睦不要保持附近召集地點希望校外通報中心情形</t>
  </si>
  <si>
    <t>新冠肺炎敦睦艦隊家樂福潮州國中潘孟安</t>
  </si>
  <si>
    <t>艦隊家樂福潮州敦睦肺炎潘孟安</t>
  </si>
  <si>
    <t>議會高市不開還有攪局疫情變數</t>
  </si>
  <si>
    <t>綠營議員連署召開臨時會要求高雄市長進議會報告防疫政策及紓困措施然而海軍敦睦艦隊群聚感染高雄防疫風險升溫議員態度出現轉折有人認為應如期開臨時會、有人認為可轉視訊質詢、也有人建議臨時會取消5</t>
  </si>
  <si>
    <t>高雄防疫議員認為質詢召開轉折出現態度要求敦睦紓困措施海軍政策艦隊升溫議會市長報告感染風險</t>
  </si>
  <si>
    <t>綠營議員連署召開臨時會要求高雄市長進議會報告防疫政策及紓困措施然而海軍敦睦艦隊群聚感染高雄防疫風險升溫議員態度出現轉折有人認為應如期開臨時會、有人認為可轉視訊質詢、也有人建議臨時會取消5月15日直接開定期會22日臨時會確認議事日程表如何決定恐怕還有變數。
民進黨、時代力量、台聯等高市議員日前連署要求召開臨時會針對防疫措施及紓困方案要市長韓國瑜進議會報告議會程式委員會通過22日至24日開會3天且韓國瑜必須列席報告。
然而海軍群聚染疫有300多位官兵設籍高雄市府近日忙於疫調並陸續公佈確診個案行經的賣場、旅館、餐廳等公共場所要求業者閉館配合消毒據瞭解議會對開臨時會的看法已有所變化。
一名國民黨議員透露包括國民黨團及無黨籍議員在高雄疫情升溫後認為22日上午臨時會開議在確認議事日程錄時應提案討論方向包括取消臨時會、直接改為5月15日召開定期大會或改為視訊詢答確保防疫安全但最後結果如何仍須經由全體議員表決。
高市府多次表示向議會報告是市府職責市長韓國瑜已經準備好了隨時可到議會報告22日臨時會上午9點前韓國瑜也確定會到議會至於如何開會完全尊重議會決定。</t>
  </si>
  <si>
    <t>議會議員高雄防疫報告韓國瑜市府召開認為市長包括海軍開會升溫上午措施議事日程紓困取消</t>
  </si>
  <si>
    <t>高雄市議會臨時會高雄市長韓國瑜海軍</t>
  </si>
  <si>
    <t>高雄市長韓國議會海軍高雄市</t>
  </si>
  <si>
    <t>大力促銷車廠汽車銷量基期去年</t>
  </si>
  <si>
    <t>中國汽車工業協會（簡稱中汽協）4日表示2021年1月大陸汽車業銷量預計為254萬輛。由於2020年初新冠肺炎疫情爆發導致基數較低加上與當前各家車企積極促銷使得當月銷量年增大幅成長至319％。而2020年1月份大陸</t>
  </si>
  <si>
    <t>銷量大陸表示大幅汽車業當月基數加上當前導致爆發疫情肺炎使得預計促銷積極年初成長至</t>
  </si>
  <si>
    <t>大陸能源銷量汽車表示逐步預計車市汽車銷量消費者走勢乘用車受到市場表現汽車業</t>
  </si>
  <si>
    <t>大陸萬輛大陸汽車銷量車市</t>
  </si>
  <si>
    <t>汽車車市銷量大陸</t>
  </si>
  <si>
    <t>肺炎重症境內日本</t>
  </si>
  <si>
    <t>根據日媒統計截至今天上午10時30分止日本全境含鑽石公主號郵輪的武漢肺炎病例共有894例其中有51人重症；死亡人數加總鑽石公主號4人及境內感染死亡3人共7人。日本放送協會（NHK）報導日本政府厚生勞動省表示</t>
  </si>
  <si>
    <t>鑽石公主死亡日本政府今天上午報導日本厚生全境截至郵輪共有武漢病例nhk肺炎重症日本放送協會勞動統計境內加總人數</t>
  </si>
  <si>
    <t>根據日媒統計截至今天上午10時30分止日本全境含鑽石公主號郵輪的武漢肺炎病例共有894例其中有51人重症；死亡人數加總鑽石公主號4人及境內感染死亡3人共7人。
日本放送協會（NHK）報導日本政府厚生勞動省表示日本境內因確診武漢肺炎必須使用人工呼吸器、在加護病房接受治療的重症患者截至26日止共有51人包括鑽石公主號上的36人及境內感染的15人。
根據NHK自行統計日本全境疫情到上午10時30分止共有894例確診病例包括在境內確診感染的175名患者、鑽石公主號上705名患者及搭乘日本政府包機返回日本的14名患者。
以日本47個都道府縣目前的175例來看疫情最嚴重的是北海道共有39例；東京都35例居次；愛知縣25例排名第3。接下來依序是神奈川縣18例、和歌山縣13例、千葉縣13例、熊本縣5例、石川縣4例、沖繩縣3例、長野縣2例、京都府2例、福岡縣2例。
櫪木縣、埼玉縣、三重縣、岐阜縣、大阪府、奈良縣及德島縣各一例；另外還有包括厚生勞動省職員及檢疫官等共7例。
厚生勞動省表示不算鑽石公主號上旅客截至25日止日本境內已有32名患者因症狀改善等出院。</t>
  </si>
  <si>
    <t>日本患者境內公主鑽石共有包括截至厚生確診疫情勞動重症肺炎武漢日本政府全境統計感染nhk</t>
  </si>
  <si>
    <t>日本鑽石公主號鑽石患者厚生</t>
  </si>
  <si>
    <t>鑽石公主患者厚生日本</t>
  </si>
  <si>
    <t>要點救援新創新興事業度過基金國發寒冬</t>
  </si>
  <si>
    <t>國發會副主委鄭貞茂30日表示國發基金管理會今通過「受新冠肺炎影響新創事業投資要點」凡受此波疫情影響的新創事業可自即日起至今年9月底前提申請國發基金審查通過後可給予6個月的營運資金。鄭貞茂表示針對</t>
  </si>
  <si>
    <t>國發基金事業新創影響表示鄭貞茂給予審查申請前提管理月底今年自即日起肺炎投資要點疫情營運</t>
  </si>
  <si>
    <t>國發會副主委鄭貞茂30日表示國發基金管理會今通過「受新冠肺炎影響新創事業投資要點」凡受此波疫情影響的新創事業可自即日起至今年9月底前提申請國發基金審查通過後可給予6個月的營運資金。
鄭貞茂表示針對疫情給予新創事業協助過去都是以融資方式這是首次以投資方式協助他表示經近日與業者接觸發現新創業者受疫情影響不小因此提出此一過度性的投資要點。
鄭貞茂表示疫情期間新創事業仍有租金、薪資、進料等營運成本得支出藉此要點新創業者可提出受疫情影響情況、所需營運資金等資料經審查通過會給予6個月的營運資金而業者則需給國發基金等額的「特別股」並明訂來日景氣恢復後贖回的條件或轉換「普通股」的程式。
鄭貞茂說針對這一投資要點會設專案審查會議投資總金額雖未匡列但會盡量協助只要是新創事業即日起至9月底前皆可來申請為讓救援更即時審查時程也由三個月縮短至一個月。</t>
  </si>
  <si>
    <t>投資新創事業疫情表示營運國發基金鄭貞茂影響審查要點協助申請給予業者資金月底創業者提出即時救援</t>
  </si>
  <si>
    <t>新興要點新創事業國發基金鄭貞茂</t>
  </si>
  <si>
    <t>國發新創事業基金要點鄭貞茂</t>
  </si>
  <si>
    <t>發難文明對抗</t>
  </si>
  <si>
    <t>去年4月美國國務卿蓬佩奧宣稱中美貿易戰爭不只是貿易而且是科技、甚至是整體「文明的對抗」；從此之後敏銳的觀察家就到處可以看到這兩大文明之間的尖銳對抗。今年是庚子年。春節過後新冠肺炎在武漢爆發。2月</t>
  </si>
  <si>
    <t>文明對抗貿易宣稱過後蓬佩春節今年觀察家尖銳看到到處可以之後從此敏銳之間戰爭國務卿整體肺炎</t>
  </si>
  <si>
    <t>去年4月美國國務卿蓬佩奧宣稱中美貿易戰爭不只是貿易而且是科技、甚至是整體「文明的對抗」；從此之後敏銳的觀察家就到處可以看到這兩大文明之間的尖銳對抗。
今年是庚子年。春節過後新冠肺炎在武漢爆發。2月3日美國《華爾街日報》刊出一篇文章題目為〈中國是真正的亞洲病夫〉劈頭就說：「因為某種蝙蝠病毒像不可阻擋的重型卡車般的中國終於在本周停住了。儘管中國當局努力控制疫情並重啟經濟發展但這個正逐漸習慣中國崛起勢不可擋的世界已然發現：沒有什麼東西包括中國的實力可以視為理所當然。」
寫這篇文章的專欄作家瓦特·米德是美國哈德森學院外交戰略與政策研究學者他的幸災樂禍反映出美國的主流意見。一時之間西方主流媒體和社交網路充斥著諸如「新黃禍」、「黃色警戒」之類帶有種族歧視的粗鄙語言德國《明鏡週刊》甚至以「中國製造的冠狀病毒」作為封面標題。
2月初美國和日本從武漢撤僑美國是純撤僑並未捐贈任何醫療物資給中國大陸。日本的飛機則帶來兩萬個口罩和一批紅外線體溫計日本漢語水準考試事務所捐贈的包裝紙箱上寫著「山川異域風月同天」；日本醫藥仁心會等4家機構捐贈的物資上寫著「豈曰無衣與子同裳」。
後者出自《詩經》秦風；前者則是取自唐代日本長屋王邀請鑑真法師到日本弘法時送給大唐千領袈裟上繡的偈語：「山川異域風月同天寄諸佛子共結來緣」。難怪中國外交部發言人華春瑩立即表示：銘記在心！
天道好還。到了3月上旬新冠疫情在中國大陸已經基本上受到控制但在歐洲和中東快速蔓延開來其中以義大利和伊朗最為嚴重。3月10日義大利外交部長迪馬約向中國求援中國外交部長王毅立刻答應提供義國急需的口罩及醫療設備同時大陸國務院聯防聯控外事處宣佈成立「院士級」的「中國紅十字會志願專家組」準備對伊朗或其他需要幫助的國家輸出「中國防疫經驗」。
當中國已經學會源自西方的科技甚至已經「青出於藍而勝於藍」的時代所謂中美「文明對抗」並不僅止是「綜合國力」的對抗而且是價值觀和世界觀的對抗。東方傳統「人飢己飢、人溺己溺」的價值觀和西方「個人主義」的價值觀究竟何者比較能夠幫助人類應付大自然的挑戰將在這次的新冠肺炎危機中展現無遺。大家且拭目以待。
（作者為國立台灣大學心理系名譽教授）</t>
  </si>
  <si>
    <t>中國日本美國對抗大陸西方甚至文明捐贈已經説明控制病毒伊朗口罩可以疫情</t>
  </si>
  <si>
    <t>美國中國肺炎捐贈價值觀</t>
  </si>
  <si>
    <t>肺炎中國捐贈價值觀美國</t>
  </si>
  <si>
    <t>病房配合藥物治療女星最合適確診方法</t>
  </si>
  <si>
    <t>香港氣質女歌手施匡翹上月中確診新冠肺炎隨即被安排住院治療而她直到8月14日出院足足花了24天才恢復健康遭踢爆是因為不配合用藥才會拖長住院時間被說是「最壞的榜樣」。有名為「現役Dirty Team醫生」的</t>
  </si>
  <si>
    <t>翹上月中榜樣最壞確診說是時間肺炎住院隨即安排才會住院治療直到用藥施匡名為配合出院足足</t>
  </si>
  <si>
    <t>香港氣質女歌手施匡翹上月中確診新冠肺炎隨即被安排住院治療而她直到8月14日出院足足花了24天才恢復健康遭踢爆是因為不配合用藥才會拖長住院時間被說是「最壞的榜樣」。
有名為「現役Dirty Team醫生」的讀者對《立場新聞》投稿以〈施匡翹做了一個最壞的榜樣〉為題指出一般確診病患約7到14天療程就能恢復但施匡翹卻花了24天踢爆是她在隔離治療期間堅持不接受藥物治療才導致時間拖長認為這樣的行為相當不可取。
消息曝光後施匡翹打破沉默公開發文澄清表示自己自住院起完全遵循醫生的診斷及治療安排也每天跟醫護人員保持聯絡「期間主診醫生建議我不用藥原因是由於我一直沒有特別的病徵和年齡不大一般會慢慢好起來」。
她表示自己完全尊重醫生的專業「選擇這個情況下最合適的治療方法」最後也表達了對醫生及醫護人員的感謝之意藉由完全還原治療過程打臉個該名爆料者而事後「現役Dirty Team醫生」投稿的文章以從《立場新聞》中悄悄撤下還給施匡翹一個清白。</t>
  </si>
  <si>
    <t>醫生治療施匡翹完全確診一般安排住院期間表示榜樣最壞醫護人員dirty時間用藥新聞team投稿立場翹上月中</t>
  </si>
  <si>
    <t>施匡翹港星最壞榜樣藥物治療拖延</t>
  </si>
  <si>
    <t>榜樣最壞藥物治療施匡翹拖延</t>
  </si>
  <si>
    <t>《產業》與縣市觀光首長座談觀光局提振興3重心</t>
  </si>
  <si>
    <t>座談首長觀光觀光局振興產業重心</t>
  </si>
  <si>
    <t>交通部觀光局為落實強化與地方政府觀光施政意見雙向交流25日邀請縣市政府觀光首長召開座談會就新冠肺炎疫情對觀光產業衝擊的相關紓困方案進行討論。其中紓困方案已進入法制作業程式振興方案則將聚焦內旅遊、</t>
  </si>
  <si>
    <t>觀光方案紓困政府振興程式施政進入意見邀請縣市政府相關首長衝擊召開座談會疫情產業肺炎地方作業法制雙向交流</t>
  </si>
  <si>
    <t>交通部觀光局為落實強化與地方政府觀光施政意見雙向交流25日邀請縣市政府觀光首長召開座談會就新冠肺炎疫情對觀光產業衝擊的相關紓困方案進行討論。其中紓困方案已進入法制作業程式振興方案則將聚焦內旅遊、國際旅遊、旅遊景點優化3重心。
交通部20日核定紓困相關5大實施要點觀光局表示將以紓困、復甦及振興2方案協助業者度過難關。在紓困方案方面將陸續依法製作業公告後開始受理旅行業、旅宿業及觀光遊樂業申請就營運損失救濟、營運支持及減輕營運負擔等項目提供協助。
振興方面部分觀光局將以國內旅遊、國際旅遊、旅遊景點優化3大項目提供國內旅遊復甦計畫－國旅補助、促進旅行業發展方案、跨縣市區域合作結合觀光產業公協會以及鼓勵新創、國際旅客入境旅遊市場獎勵措施、旅遊景點優化等方案。
為持續提升國內觀光旅遊觀光局將持續搭配各年度行銷主軸推動「108、109年度台灣好行服務升級計畫」及「小鎮漫遊20及30」由各縣市政府及業者協助盤點及提案以新闢「台灣好行」旅行線並達成台灣小鎮推廣3年達100個小鎮目標。
此外觀光局將辦理觀光旅遊安全宣導周研討會以及i-Center旅遊服務體系服務品質考評作業等計畫透過專案講座與考核評比獎勵提升中央與地方旅遊服務品質。
觀光局表示藉由此次座談會議除讓各縣市觀光首長更深入瞭解觀光產業紓困及復甦與振興方案並透過實際討論及溝通廣泛蒐集各縣市觀光首長寶貴意見使政策能更貼近市場需求迅速及全方位協助業者度過難關將衝擊減到最低並在疫情過後迅速復甦。</t>
  </si>
  <si>
    <t>觀光方案旅遊觀光局紓困協助復蘇振興首長服務產業業者臺灣小鎮國際國內旅遊景點優化地方縣市政府透過旅行提升獎勵作業</t>
  </si>
  <si>
    <t>交通部觀光局新冠肺炎疫情地方</t>
  </si>
  <si>
    <t>肺炎觀光局疫情交通部地方</t>
  </si>
  <si>
    <t>疫苗百貨公司縣府施打注射提高</t>
  </si>
  <si>
    <t>新型非洲變種病毒Omicron來勢洶洶為提高民眾疫苗施打率屏東縣政府與縣內百貨公司合作廣設施打站加上屏東火車站及家樂福等增設疫苗施打站縣府呼籲民眾盡早接受疫苗施打以提升自身保護力。首位在屏東太平</t>
  </si>
  <si>
    <t>疫苗施打民眾來勢洶洶提高百貨公司合作omicron設施保護縣政府接受加上儘早縣府提升家樂福火車站增設病毒呼籲</t>
  </si>
  <si>
    <t>新型非洲變種病毒Omicron來勢洶洶為提高民眾疫苗施打率屏東縣政府與縣內百貨公司合作廣設施打站加上屏東火車站及家樂福等增設疫苗施打站縣府呼籲民眾盡早接受疫苗施打以提升自身保護力。
首位在屏東太平洋百貨施打疫苗的林小姐說自己第一劑打ＡＺ聽聞可以混打莫德納便決定就近施打她笑著說因為第一劑施打完畢身體不適、副作用大加上別人說莫德納第二劑很恐怖因此決定「親身體驗」感受兩者不同。
屏東縣衛生局表示即日起除了針對學生及上班族群在屏東火車站設站外潮州火車站也在接洽安排中另外針對社區民眾與家樂福、太平洋百貨、環球百貨合作12月4日星期六下午1點到5點在家樂福新屏店12月6日星期一下午3點到8點在家樂福仁愛店12月1日至12月5日下午5點到8點分別在環球百貨及太平洋百貨都有提供莫德納疫苗施打服務。提醒民眾記得帶健保卡第二劑要帶黃卡前往。
衛生局施丞貴局長表示非常感謝屏東火車站、家樂福、環球百貨及太平洋百貨對縣府疫苗政策的支持也提醒民眾新型非洲變種病毒Omicron國際間逐漸蔓延在許多國家都已出現確診個案國人切不可輕忽雖然流行疫情指揮中心加強邊境管制但病毒仍可能潛伏在人體內未被檢出呼籲民眾儘早完成COVID-19疫苗施打盡早產生抗體以提升保護力日常生活中時時做好防疫措施就能享有一個平安又愉快的春節假期。</t>
  </si>
  <si>
    <t>施打民眾疫苗家樂福太平洋百貨莫德納火車站病毒百貨環球衛生局決定加上合作儘早提醒縣府保護表示</t>
  </si>
  <si>
    <t>家樂福太平洋百貨12月屏東火車站疫苗施打</t>
  </si>
  <si>
    <t>火車站太平洋百貨疫苗施打家樂福</t>
  </si>
  <si>
    <t>累計曝光中部地圖確診逼近最新</t>
  </si>
  <si>
    <t>昨日新增334例本土案例及256例校正回歸全台僅剩台東縣沒有確診者。據疾管署「全國本土病例地理分佈圖」顯示今年以來已累計3691人確診雙北為重災區其中以新北市1786人最多其次為臺北市1407人、桃園市177</t>
  </si>
  <si>
    <t>確診本土回歸全台僅剩累計東縣沒有顯示分佈圖今年以來地理病例管署全國案例新北重災區校正雙北臺北市桃園昨日</t>
  </si>
  <si>
    <t>昨日新增334例本土案例及256例校正回歸全台僅剩台東縣沒有確診者。據疾管署「全國本土病例地理分佈圖」顯示今年以來已累計3691人確診雙北為重災區其中以新北市1786人最多其次為臺北市1407人、桃園市177人另外中部則以彰化縣96人最多警示燈號早已亮紅燈。
根據疾管署「全國本土病例地理分佈圖」顯示今年截至5月24日為止已累計3691人確診以新北市1786人佔最多其次依序為臺北市1407人、桃園市177人、彰化縣96人、基隆市53人、宜蘭縣41人、台中市40人、高雄市25人、屏東縣17人、南投縣11人、台南市及新竹市各8人、新竹縣及雲林縣各6人、苗栗縣及花蓮縣各4人最後嘉義縣、市各1人。
除了雙北成了這波疫情重災區確診人數加總達3193人中部則以彰化縣疫情最嚴峻昨日新增12人確診累計96人染疫警戒燈號早已轉為亮紅色另外台中市也有新增8人染疫目前共40人確診目前僅剩台東縣及外島地區包括金門縣、澎湖縣及連江縣零確診。
★《中時新聞網》提醒您：因應新冠肺炎疫情疾管署持續加強疫情監測與邊境管制措施 如有疑似症狀請撥打：1922專線或 0800-001922 並依指示配戴口罩儘速就醫同時主動告知醫師旅遊史及接觸史以利及時診斷及通報。</t>
  </si>
  <si>
    <t>確診疫情東縣累計管署本土早已僅剩燈號重災區台中接觸雙北史及旅遊醫師告知分佈圖</t>
  </si>
  <si>
    <t>新冠肺炎台灣確診地圖疫情</t>
  </si>
  <si>
    <t>確診肺炎臺灣地圖疫情</t>
  </si>
  <si>
    <t>肺炎疫情金庫紓困貸款農業措施全國</t>
  </si>
  <si>
    <t>新型冠狀病毒引起的肺炎（COVID-19）席捲全球影響本國企業及農漁民日常營運與資金調度。全國農業金庫配合政府訂定產業紓困、振興方案減低受疫情衝擊業者負擔協助本國企業及農漁民渡過難關。全國農業金庫應新冠</t>
  </si>
  <si>
    <t>農業企業金庫全國漁民covid-席捲全球影響方案振興減低紓困產業肺炎疫情衝擊業者政府負擔配合協助渡過難關營運調度資金</t>
  </si>
  <si>
    <t>新型冠狀病毒引起的肺炎（COVID-19）席捲全球影響本國企業及農漁民日常營運與資金調度。全國農業金庫配合政府訂定產業紓困、振興方案減低受疫情衝擊業者負擔協助本國企業及農漁民渡過難關。
全國農業金庫應新冠肺炎疫情紓困貸款措施如下。
一、受新冠肺炎影響之農（漁）民業者、農民團體、農企業（外銷業者）視其符合專案農貸資格提供利率079～168％之優惠貸款。
二、中小企業優惠貸款專案可搭配中小信保基金保證機制利率前三個月最低183％起融資期限最長三年。
三、提供舊貸戶還款困難者可申請延期還款及本金寬緩。
四、受理期間：即日起至2020年12月31日。</t>
  </si>
  <si>
    <t>肺炎企業業者提供貸款利率專案疫情紓困還款金庫影響農業漁民全國寬緩本金受理優惠舊貸長三期限融資</t>
  </si>
  <si>
    <t>全國農業金庫新冠肺炎疫情紓困貸款本國農漁民</t>
  </si>
  <si>
    <t>疫情肺炎紓困金庫貸款農業全國漁民</t>
  </si>
  <si>
    <t>期中小學生推出地震安全地震局知識大陸</t>
  </si>
  <si>
    <t>3月30日是大陸中小學生安全教育日大陸地震局當天組織推出《居家防疫期間如何做好地震安全準備》影片和《疫情期間中小學生地震安全知識圖解》旨在抗疫期間共同提高中小學生地震安全意識和能力。《疫情期間中小學</t>
  </si>
  <si>
    <t>期間中小學生安全地震大陸疫情當天地震局組織推出居家防疫做好共同提高旨在圖解知識教育能力安全意識影片準備中小學</t>
  </si>
  <si>
    <t>3月30日是大陸中小學生安全教育日大陸地震局當天組織推出《居家防疫期間如何做好地震安全準備》影片和《疫情期間中小學生地震安全知識圖解》旨在抗疫期間共同提高中小學生地震安全意識和能力。
《疫情期間中小學生地震安全知識圖解》圖文並茂包括做好防震準備、牢記震時避險原則、掌握就近躲避的方法、明確撤離時的要求、熟知震後疏散方法、震後疏散應遵循的要求等六方面內容希望中小學生在主動配合學校做好疫情防控的同時認真學習防震減災科學知識提升防震減災意識和能力。
防震準備方面要記住應急避難場所的標誌、嚴肅對待應急演練、準備「一包」和「一卡」等一包是裝有應急物品和藥物用品的應急包一卡是寫有家庭住址、父母姓名、聯繫電話等聯絡小卡片。
震時避險原則方面要根據震時就近躲避震後迅速疏散能跑則跑不能跑則躲等有效地震避險方法按各自實際情況因地制宜迅速做出抉擇同時要行動果斷不要猶豫不決在學校上課和校園活動時要聽從老師指揮。
據瞭解自1996年起大陸將每年3月份最後一周的星期一設為全國中小學生安全教育日。</t>
  </si>
  <si>
    <t>中小學生準備地震做好安全方法方面應急防震避險期間大陸學校迅速疫情疏散震後躲避就近能力要求圖解知識原則</t>
  </si>
  <si>
    <t>《國際社會》防疫情失控義大利宣佈全境封鎖</t>
  </si>
  <si>
    <t>失控大利防疫宣佈全境社會國際封鎖</t>
  </si>
  <si>
    <t>因新冠狀病毒感染確診與死亡病例持續激增義大利宣佈隔離措施擴及全國。義大利總理孔蒂（Giuseppe Conte）週一宣佈義大利倫巴底（Lombardy）行政區的封城措施將擴大至全國。義大利全國人民除了工作必要或緊急情況</t>
  </si>
  <si>
    <t>大利全國宣佈措施確診死亡病例持續病毒感染激增封城行政區總理週一孔蒂lombardy倫巴contegiuseppe擴大隔離工作人民必要</t>
  </si>
  <si>
    <t>因新冠狀病毒感染確診與死亡病例持續激增義大利宣佈隔離措施擴及全國。
義大利總理孔蒂（Giuseppe Conte）週一宣佈義大利倫巴底（Lombardy）行政區的封城措施將擴大至全國。義大利全國人民除了工作必要或緊急情況外不應離開居所。他並表示將禁止所有大眾集會並暫停所有體育活動。
孔蒂表示此決定是為了保護國內最脆弱的人全境封鎖措施將於本週二（3月10日）生效並持續到4月3日。他向全國人民呼籲：「現今正確的決定就是待在家裡我們的未來和義大利的未來掌握在我們手中現在我們必須比以往更有責任感」。
截至週一（3月9日）止義大利確診病例大增24%達到9172人創下自2月21日首例確診以來最大單日增幅。目前為止確診死亡病例增至463人。</t>
  </si>
  <si>
    <t>大利確診全國措施病例表示決定孔蒂持續週一人民宣佈死亡未來必須以往手中現在責任感居所禁止離開</t>
  </si>
  <si>
    <t>全國義大利新冠狀病毒新冠肺炎全境</t>
  </si>
  <si>
    <t>大利病毒肺炎全國全境</t>
  </si>
  <si>
    <t>陰謀論媒體政策揭最嚴重口罩問題國軍</t>
  </si>
  <si>
    <t>敦睦艦隊磐石艦爆發群聚感染傳出行政院早在4月9日會議拍板要求國防部發給國軍人員一天一片口罩然而國防部拖到17日才宣佈國軍每人每天一片口罩政策隔天便爆出官兵確診。國民黨立委林奕華質疑國防部早知情</t>
  </si>
  <si>
    <t>國防部口罩國軍爆發感染傳出行政院林奕華國民黨確診官兵爆出會議政策拍板每人每天發給要求拖到宣佈磐石質疑</t>
  </si>
  <si>
    <t>敦睦艦隊磐石艦爆發群聚感染傳出行政院早在4月9日會議拍板要求國防部發給國軍人員一天一片口罩然而國防部拖到17日才宣佈國軍每人每天一片口罩政策隔天便爆出官兵確診。國民黨立委林奕華質疑國防部早知情刻意選在公佈確診案例前一天提前危機處理掩蓋國軍口罩政策延誤的疏失。對此資深媒體人韋安直言最嚴重的問題就是行政院的口罩國家隊把目標產量訂在1500萬連軍警都無法保障。
據《鏡週刊》報導行政院4月9日會議拍板要求國防部依職務類別分別發放14天10片、14天14片的口罩給國軍人員但有官員爆料國防部卻未落實僅針對特殊勤務人員約4萬7500名國軍發放口罩。
對此韋安在臉書指出當初船艦出發的時候每人配發幾片口罩？就算9日開始配發14天14片船上的官兵也已經來不及了。他認為最嚴重的問題就是行政院的口罩國家隊把目標產量訂在1500萬連軍警都無法保障。
行政院發言人Kolas Yotaka回應表示國防部正在調查任何漫不經心或隱匿都不能容忍調查結果一出爐會儘速請相關部會對外說明真相。Kolas指出除國軍口罩政策會調查針對磐石艦隊整件事情來龍去脈包括軍人航程中集回程通報系統發現確診案例是否有回報都會逐一確認釐清事實真相一旦確認調查結果會請相關部會說明。</t>
  </si>
  <si>
    <t>口罩國防部行政院國軍確診政策軍人官兵案例調查結果調查指出kolas韋安發放對此磐石人員艦隊配發確認要求</t>
  </si>
  <si>
    <t>國防部韋安國軍口罩敦睦艦隊</t>
  </si>
  <si>
    <t>國軍韋安口罩敦睦艦隊國防部</t>
  </si>
  <si>
    <t>捆綁防疫員登堂入室洗劫假冒財物男子</t>
  </si>
  <si>
    <t>新冠肺炎肆虐眾志成城同心抗疫之際卻有人假冒防疫人員騙入民宅綑綁屋主洗劫財物警方據報很快逮捕這名可惡強盜並由法院速審速決判刑坐牢11年。據大陸中央電視台報導南京市一名男子上月11日正是武漢地區</t>
  </si>
  <si>
    <t>眾志成城男子同心南京市報導中央電視臺之際大陸坐牢判刑速決假冒防疫肆虐上月法院人員強盜可惡逮捕民宅</t>
  </si>
  <si>
    <t>新冠肺炎肆虐眾志成城同心抗疫之際卻有人假冒防疫人員騙入民宅綑綁屋主洗劫財物警方據報很快逮捕這名可惡強盜並由法院速審速決判刑坐牢11年。
據大陸中央電視台報導南京市一名男子上月11日正是武漢地區新冠肺炎大爆發之際其他省市嚴格抗疫防止擴展之際一名業姓男子謊稱自己是疫情防控人員以資訊登記為由騙取被害人開門用膠帶捆綁、持刀威脅等方式向被害人強行索取人民幣8000元（約台幣3萬5千元）後被害人被迫通過微信借款2000元（約台幣8700元）轉入入業某賭博遊戲帳戶。
當地警察局據報根據描述歹徒容貌在一天後就抓獲這名趁火打劫的強盜歸案。南京江寧開發區法院近日公開開庭審理並當庭判決被告人業某犯搶劫罪判處有期徒刑11年罰金4萬元剝奪政治權利2年。
報導指出該案發生在新冠肺炎疫情防控的關鍵時期由於案件事實清楚證據確實、充分被告人認罪認罰江寧開發區法院迅速啟動了刑事案件快速辦理機制受理案件後六日內審結對打擊和減少涉新冠肺炎疫情違法犯罪行為維護良好社會秩序起了「殺雞儆猴」積極作用。</t>
  </si>
  <si>
    <t>肺炎法院疫情被害人被告人報導案件人員男子捆綁江甯開發區強盜防控之際台幣社會秩序良好維護犯罪行為有期徒刑</t>
  </si>
  <si>
    <t>男子假冒新冠肺炎防疫員登堂入室</t>
  </si>
  <si>
    <t>肺炎防疫員假冒男子登堂入室</t>
  </si>
  <si>
    <t>國再全球預言解封恐怖神童時間印度曝光</t>
  </si>
  <si>
    <t>「印度神童」阿南德又有恐怖預言他在16日發表的最新影片中揭露包括印度、美國、日本及英國等4國可能爆發新一波疫情至於疫情何時好轉？可能要等到2023年4月以後全球才會逐漸解封。阿南德在16日發表的YouTube</t>
  </si>
  <si>
    <t>可能阿南德印度發表疫情爆發以後全球解封英國日本恐怖包括美國逐漸揭露最新預言影片至於好轉</t>
  </si>
  <si>
    <t>「印度神童」阿南德又有恐怖預言他在16日發表的最新影片中揭露包括印度、美國、日本及英國等4國可能爆發新一波疫情至於疫情何時好轉？可能要等到2023年4月以後全球才會逐漸解封。
阿南德在16日發表的YouTube影片中指出自6月20日開始木星將逆行回到土星這對全世界來說都不是好事影響層面向包括新冠疫情、全球經濟及股市。
阿南德更進一步指出6月20日至9月21日包括英國等歐洲多數國家以及印度、美國、日本等將爆發新一波疫情到7月火星與木星處於相對位置時才會趨緩9月至11月將會是全世界最動盪不安的時期經濟及股市將在11月後回歸穩定至於全球疫情要等到2023年4月以後才會好轉屆時全球才能逐漸解封。
因精準預言新冠疫情而爆紅的阿南德日前預言英國、以色列這2國將在6月20日之後發生嚴重大事與英國將原訂6月21日的解封日延後不謀而合接著阿南德在13日發布影片點出未來經濟復甦的5大階段表示2023年將有「大型重置」如今他預言下一波可能遭遇疫情侵襲的國家和解封時間點再度引起關注。</t>
  </si>
  <si>
    <t>疫情阿南德預言英國經濟全球包括解封可能影片國家木星全世界印度股市指出逐漸發表美國日本至於好轉</t>
  </si>
  <si>
    <t>印度神童阿南德預言疫情解封</t>
  </si>
  <si>
    <t>預言神童疫情阿南德解封印度</t>
  </si>
  <si>
    <t>外交部指揮中心相信情況准許外籍人士</t>
  </si>
  <si>
    <t>先前外交部已宣佈在3月21日前以免簽方式等入境台灣的外籍人士不需額外申請即可延長30天停留期限停留天數不得超過180天。外交部於3月時公佈因全球新冠肺炎疫情仍未有明顯趨緩且各國國境及飛航限制也未傳解</t>
  </si>
  <si>
    <t>外交部停留限制國境日前方式明顯入境臺灣申請外籍人士額外仍未疫情肺炎超過公佈全球</t>
  </si>
  <si>
    <t>先前外交部已宣佈在3月21日前以免簽方式等入境台灣的外籍人士不需額外申請即可延長30天停留期限停留天數不得超過180天。
外交部於3月時公佈因全球新冠肺炎疫情仍未有明顯趨緩且各國國境及飛航限制也未傳解禁故在3月21日（含當日）前持免簽證、落地簽或停留簽證入境台灣者且未預期停留的外籍人士無需申請在台停留期限將一律自動延長30天。
疫情記者會上有記者提問部分外籍人士認為台灣防疫有成盼可以延長簽證期限拉長在台停留時間待國外疫情趨緩後再離境。
中央流行疫情指揮中心指揮官陳時中對此表示「如果國外的疫情仍是嚴峻的那相信外交單位將會視情況予以延長」。</t>
  </si>
  <si>
    <t>疫情延長停留外籍人士臺灣簽證期限國外外交部入境申請單位公佈外交解禁日前當日指揮</t>
  </si>
  <si>
    <t>延長外籍人士簽證停留時間新冠肺炎</t>
  </si>
  <si>
    <t>停留時間簽證外籍人士延長肺炎</t>
  </si>
  <si>
    <t>場所侯友宜消費評估擴大</t>
  </si>
  <si>
    <t>為防止居家檢疫者亂跑新北市加強KTV、夜店臨檢此外針對其他人潮擁擠、密閉空間是否也會加強查察侯友宜表示私人場所有很多可以去瞭解不是只有KTV、夜店有一些場所也會評估原則上用道德勸說方式讓</t>
  </si>
  <si>
    <t>加強場所ktv亂跑新北原則評估道德私人表示是否空間密閉擁擠臨檢侯友宜檢疫勸說可以</t>
  </si>
  <si>
    <t>為防止居家檢疫者亂跑新北市加強KTV、夜店臨檢此外針對其他人潮擁擠、密閉空間是否也會加強查察侯友宜表示私人場所有很多可以去瞭解不是只有KTV、夜店有一些場所也會評估原則上用道德勸說方式讓業者能配合把人潮降到最低。
另對於疫情衝擊各行業其中公車業者反映受到很大影響侯友宜說公車業者從以前到現在對防疫作為都很協助這段時間確實有受到影響會跟業者談紓困的方式降低他們的損害針對其他面臨困境的業者們我們也都會想辦法用減稅、紓困方式來做完整的配套最近還會推出更多。</t>
  </si>
  <si>
    <t>業者方式加強侯友宜紓困場所公車ktv受到影響亂跑新北最近配套最低完整對於降到人潮配合</t>
  </si>
  <si>
    <t>居家檢疫侯友宜新冠肺炎新型冠狀病毒NCP</t>
  </si>
  <si>
    <t>肺炎侯友宜冠狀檢疫病毒居家ncp</t>
  </si>
  <si>
    <t>打造情緒復原焦慮不安疫情強大</t>
  </si>
  <si>
    <t>新冠疫情持續已超過一年近日又爆發群聚感染是否因受疫情影響產生焦慮和憂鬱的情緒進而影響自己的判斷力？根據2020年12月發表於《eLife》期刊的一項研究指出當混亂的事情愈多患有臨床焦慮或憂鬱症的人就愈</t>
  </si>
  <si>
    <t>疫情憂鬱焦慮影響超過近日爆發臨床患有混亂感染指出是否研究事情愈多elife期刊發表判斷力持續情緒產生</t>
  </si>
  <si>
    <t>新冠疫情持續已超過一年近日又爆發群聚感染是否因受疫情影響產生焦慮和憂鬱的情緒進而影響自己的判斷力？根據2020年12月發表於《eLife》期刊的一項研究指出當混亂的事情愈多患有臨床焦慮或憂鬱症的人就愈難做出明智的決定並且無法從錯誤中吸取教訓。
●情緒復原力　強者可以適應不斷變化
該研究由美國加州大學柏克萊分校學者進行研究者進行兩項實驗第一個實驗邀請86名18-50歲的民眾參與其中包含廣泛性焦慮症及重度憂鬱症患者、出現焦慮或憂鬱症狀者以及沒有症狀者受試者於實驗室中透過電腦遊戲反覆地在兩個形狀間做選擇選擇後會出現獎勵或電擊部份任務結果可預期部份則是變動的；第二個實驗研究者招募了147名患有不同焦慮和憂鬱程度的美國成人以遠距方式完成類似的任務。
兩個實驗結果皆指出與情緒復原力強的參與者相較不管決策結果對應的是獎勵或懲罰同時出現焦慮和憂鬱症狀者面對變化的環境時最難做出正確的決定；研究也發現人們通常不自覺地以過去正向或負向的結果來做為當下決策的參考情緒復原力強者可以更快地根據過去的成功結果來適應不斷變化的狀況。
●注意力轉為專注正向結果　有助穩定情緒
臺北長庚醫院精神科主治醫師劉嘉逸說明焦慮或憂鬱症患者若面臨重複出現且難以抉擇的情境時比較容易將注意力放在自己所犯的錯誤上從上述研究結果可發現情感復原力較佳者會專注於過往正向結果的經驗。
依此研究推論建議可於臨床中協助焦慮或憂鬱症患者將注意力從自己所犯的錯誤轉為專注於過往正向結果的經驗可能有助於焦慮或憂鬱患者穩定情緒能夠在困難的情境中做出較佳的決策。
●改變看待事物觀點　3招產生好的結果
董氏基金會心理衛生中心主任葉雅馨表示應將觀點放在「好」的事情避免被「壞」淹沒建議透過三個步驟來改變看待事物的觀點：
首先「瞭解自己」：確認自己是什麼個性的人以及做決策的方式；
再來「調整速度」：事緩則圓、急事慢做減少因倉促決定而犯下錯誤的機會；
最後增加「好的感覺」常提醒自己聚焦在好的感覺上當你做了對的決定你會有好的感覺、好的影響力產生好的結果此帶來的正面效應可讓自己穩定心情、增加自信。</t>
  </si>
  <si>
    <t>結果焦慮憂鬱研究決策決定錯誤情緒正向實驗復原出現變化觀點產生患者疫情注意力方式透過事情</t>
  </si>
  <si>
    <t>常春月刊焦慮情緒復原力疫情</t>
  </si>
  <si>
    <t>焦慮情緒復原月刊常春疫情</t>
  </si>
  <si>
    <t>口罩未戴司機上車乘客萬人贊</t>
  </si>
  <si>
    <t>新冠肺炎疫情延燒民眾繃緊神經做好防疫工作日前全台出現口罩荒行政院6日所推新制「口罩實名制」上路後不少民眾抱怨買不到一罩真的好難求。日前新北市有名客運司機看到上車乘客沒有配戴口罩便主動提供</t>
  </si>
  <si>
    <t>口罩民眾日前配戴沒有乘客看到上車司機客運有名新北繃緊神經買不到行政院抱怨做好真的防疫</t>
  </si>
  <si>
    <t>新冠肺炎疫情延燒民眾繃緊神經做好防疫工作日前全台出現口罩荒行政院6日所推新制「口罩實名制」上路後不少民眾抱怨買不到一罩真的好難求。日前新北市有名客運司機看到上車乘客沒有配戴口罩便主動提供口罩請他戴上無私的暖舉動獲得不少民眾讚賞。
防疫敏感時機點不少人大讚無私暖司機《中時新聞網》(12日)獨家找到這位欣欣客運670路線的司機江銘奇他表示「我很注意乘客是否戴口罩如果沒有戴的人我都會說為了你的安全為了車內乘客安全請戴上口罩若沒有戴口罩的人我會拿出全新口罩給他我秉持自己夠用就好因為公車是密閉空間傳染性很高。」
客運業者相當重視搭乘民眾的衛生與健康客運站長趙廷芳受訪時表示「公司規定每兩小時每位公車司機都要使用酒精擦拭扶手、欄杆、拉環地板則是用漂白水從裡到外拖過全面做好防疫清潔的工作一同度過這非常時期。」</t>
  </si>
  <si>
    <t>口罩民眾司機防疫乘客沒有公車日前客運表示工作做好安全清潔扶手地板擦拭拉環欄杆</t>
  </si>
  <si>
    <t>新冠肺炎疫情口罩公車乘客</t>
  </si>
  <si>
    <t>肺炎疫情口罩公車乘客</t>
  </si>
  <si>
    <t>通報確診廣州輸入宗最多大陸</t>
  </si>
  <si>
    <t>大陸週三（23日）公佈新增10宗新冠肺炎確診病例全部為境外輸入廣東通報最多的4宗患者分別由印尼及孟加拉入境後確診。雖然大陸疫情已受控制但中國工程院院士、傳染病學家、國家衛健委高級別專家組成員李蘭娟</t>
  </si>
  <si>
    <t>確診大陸衛健國家學家傳染病院士中國工程院高級別控制宗新冠新增肺炎病例通報境外患者疫情分別輸入廣東印尼孟加拉入境專家組</t>
  </si>
  <si>
    <t>疫情確診防控輸入新增境外常態控制分別加強需要李蘭娟患者印尼孟加拉報告全國肺炎來自強化救治落實能力廣州</t>
  </si>
  <si>
    <t>新冠肺炎孟加拉印尼境外輸入</t>
  </si>
  <si>
    <t>孟加拉印尼肺炎境外輸入</t>
  </si>
  <si>
    <t>羅智強全世界名揚臺灣人</t>
  </si>
  <si>
    <t>CBA球星林書豪對新冠肺炎疫情發表心聲呼籲起身對抗種族歧視更為亞裔身分感到驕傲。但因他使用「新冠病毒」及在大陸參加職籃運動便引來部分網友灌爆他的臉書指責「人民幣的味道！你慢慢奶啦！」、「武漢肺</t>
  </si>
  <si>
    <t>味道人民幣指責網友慢慢部分引來肺炎運動呼籲起身疫情對抗種族歧視更為心聲亞裔參加發表身分大陸病毒</t>
  </si>
  <si>
    <t>CBA球星林書豪對新冠肺炎疫情發表心聲呼籲起身對抗種族歧視更為亞裔身分感到驕傲。但因他使用「新冠病毒」及在大陸參加職籃運動便引來部分網友灌爆他的臉書指責「人民幣的味道！你慢慢奶啦！」、「武漢肺炎就是武漢肺炎」等等。見到這網路霸淩北市議員羅智強怒批「1450丟盡台灣人的臉」。
羅智強在臉書表示：「現在1450到處出征所有不稱『武漢肺炎』的人從釋昭慧法師到林書豪都不放過真是丟盡所有台灣人的臉。這麼愛出征民進黨中央黨部的公告都改口為『新冠肺炎』了舔朝廷的1450們怎麼不去把卓榮泰的台拆了」。
羅智強更點名「王定宇民進黨要不要黨紀處分卓榮泰；范世平你覺得卓榮泰夠蠢嗎？」
羅智強指出「這一切荒謬笑話鬧劇的源頭説穿了就是蔡英文堅持要用『武漢肺炎』。全世界195個國家的政府194都用『新冠病毒』只有偉大的蔡英文政府『世界唯一』堅持武漢肺炎1450還可以囂張跋扈地出征全世界真是見鬼了的丟盡台灣人的臉！」。
羅智強並貼出「丟臉」兩字底色大綠的貼圖暗喻民進黨的「1450丟盡台灣人的臉」。</t>
  </si>
  <si>
    <t>肺炎羅智強武漢出征民進榮泰全世界臺灣人林書豪蔡英文病毒堅持真是政府種族歧視更為對抗亞裔</t>
  </si>
  <si>
    <t>1450羅智強丟盡台灣人新冠肺炎</t>
  </si>
  <si>
    <t>臺灣人羅智強肺炎</t>
  </si>
  <si>
    <t>傳染媽媽肺炎強帶原小孩</t>
  </si>
  <si>
    <t>美國新冠疫情最嚴重的莫過於紐約州在3月時一位母親先被感染結果將病毒帶回家造成17個小孩也被感染好在一個月來陸續恢復母親說「這真是最可怕的經驗！」住在紐約州門羅縣的布特妮（Brittany Jencik）含</t>
  </si>
  <si>
    <t>母親紐約州感染門羅嚴重經驗莫過於可怕布特妮真是病毒造成小孩結果陸續恢復疫情brittany帶回家</t>
  </si>
  <si>
    <t>美國新冠疫情最嚴重的莫過於紐約州在3月時一位母親先被感染結果將病毒帶回家造成17個小孩也被感染好在一個月來陸續恢復母親說「這真是最可怕的經驗！」
住在紐約州門羅縣的布特妮（Brittany Jencik）含收養的小孩共有18個孩子。身為大家族的母親每天都很忙碌在3月中旬時布特妮在沒有意識到的情況下被感染了新冠肺炎開始一家人的悲劇因為一起住著的17個小孩接連被媽媽傳染。
布特妮表示「我根本不知道自己在哪裡被傳染的但我最早出現症狀兩天後小孩們就接連出現症狀我根本不敢回想這一個多月是怎麼渡過的。」現在一家人病情正在好轉中也請專門的清潔公司來把家裡全部清毒一下。
負責消毒的清潔公司也說「所有員工穿著核子戰爭時能抵抗放射能的塑膠防護衣進去消毒一般3個人可以消毒完的工程我們這次出動了12人。」
目前美國感染人數已超過76萬人光紐約州就有24萬8千人。
更多 CTWANT 報導</t>
  </si>
  <si>
    <t>感染小孩布特妮母親紐約州消毒根本接連清潔公司症狀出現傳染美國一家人現在病情渡過</t>
  </si>
  <si>
    <t>小孩17紐約州母親被感染</t>
  </si>
  <si>
    <t>感染母親紐約州小孩</t>
  </si>
  <si>
    <t>大跌反彈暴跌</t>
  </si>
  <si>
    <t>新冠肺炎延燒到東北亞連歐洲、美洲也遭殃投資人恐慌情緒加溫美股道瓊重挫1031點台股今天一開盤就大跌逾百點一度失守半年線但隨即跌幅收歛開盤1個小時後指數小漲12點、來到1萬1547點成交量已破867</t>
  </si>
  <si>
    <t>開盤東北亞歐洲小漲美洲指數遭殃投資人恐慌小時情緒延燒到加溫收斂跌幅瓊重來到失守隨即今天半年線一度大跌肺炎</t>
  </si>
  <si>
    <t>新冠肺炎延燒到東北亞連歐洲、美洲也遭殃投資人恐慌情緒加溫美股道瓊重挫1031點台股今天一開盤就大跌逾百點一度失守半年線但隨即跌幅收歛開盤1個小時後指數小漲12點、來到1萬1547點成交量已破867億元。
第一金投信全球大趨勢基金經理人葉菀婷分析美股大跌1031點是反映新冠肺炎疫情延燒到歐、美國家先前歐、美國家都將新冠肺炎視同SARS疫情局限中、港、台沒想到鑽石公主號遊客下船回到自己的國家後都有通過安全檢測但卻在檢測幾天後發病甚至出現失控擔憂疫情在全球延燒2個季度很多零組件斷鏈當第3季消費旺季來臨時陷入商品做不出來的窘境。
而日本疫情也有擴大趨勢日本股市日經225指數盤中一度暴跌逾千點隨後收斂、跌點在700點之內。
台股今表現相對抗跌葉菀婷表示台股對疫情的反應在新春開盤大跌近700點已經反映了若1萬1439點半年線可以守住台股近期不至於出現大跌、將呈盤整格局。
葉菀婷表示新冠肺炎對經濟仍屬短期影響如果疫情重災區能在今年夏季以前全部復工對市場的影響可以縮小若疫情延燒到夏季還未結束對經濟面</t>
  </si>
  <si>
    <t>疫情開盤大跌肺炎延燒到國家全球出現趨勢指數收斂可以表示夏季反映一度葉菀婷影響半年線日本經濟旺季</t>
  </si>
  <si>
    <t>疫情大跌台股肺炎新冠肺炎</t>
  </si>
  <si>
    <t>疫情肺炎大跌</t>
  </si>
  <si>
    <t>一連業績疫情</t>
  </si>
  <si>
    <t>國內新冠肺炎疫情趨緩帶動新竹零售業買氣新竹遠東巨城購物中心人潮回流及業績表現亮眼五一勞動節當天業績較去年同期成長36%今年三天連假更較去年有五成的成長包括美妝香氛、流行服飾、3C家電表現亮眼之外</t>
  </si>
  <si>
    <t>表現業績新竹疫情肺炎購物中心帶動家電人潮流行回流服飾妝香零售業包括成長買氣</t>
  </si>
  <si>
    <t>國內新冠肺炎疫情趨緩帶動新竹零售業買氣新竹遠東巨城購物中心人潮回流及業績表現亮眼五一勞動節當天業績較去年同期成長36%今年三天連假更較去年有五成的成長包括美妝香氛、流行服飾、3C家電表現亮眼之外美食街及主題餐廳用餐人潮同樣明顯增加。
Big City遠東巨城購物中心配合中央防疫政策持續加強防疫措施滴水不漏4月底改裝新櫃陸續開出已吸引不少消費者關注嘗鮮加上連日無本土病例的好消息五一勞動節3天連假可觀的人潮亦帶動買氣搭配母親節加碼推出的超值活動整體業績較去年同期成長約5成。
遠東巨城母親節活動即日起至5/10(日)流行服飾7折、精選鞋類配件5折起美妝保養系列商品各櫃品牌推出巨城獨家商品大打滿額贈換季保濕、美顏緊緻、頭皮秀髮護理等搭配組合一應俱全最低下殺3折起；SABON推出保養、沐浴、香氛組及明星商品自由配滿額再贈沐浴保養旅行組系彩妝品牌ETUDE及innisfree更祭出全台獨家首賣商品。
即日起至5/10(日)指定樓層專櫃單筆消費2000送100元抵用券；於遠東巨城購物中心全館消費累計達指定門檻還有機會兌換鹿窯菇事禮盒、威秀電影票、巨城主題餐廳抵用券、SABON香氛組等滿額好禮巨城VIP還可獨享單日全館累積消費20000送500元抵用券使用HAPPY GO PAY消費還享點數最高19倍送。
Big City遠東巨城購物中心表示持續進行各項改裝調整計劃近期陸續有桃竹苗獨家的「星野肉肉鍋」、來自日本大阪的「壽司郎」以及全台獨家泰式麻辣鍋「辛麻泰」、韓式燒肉「薑滿堂」等獨家話題新櫃開幕5F更將擴大營業面積延伸至創藝大樓更多餐飲輕食與婦嬰品牌全新登場還有精選熱門商品的「Big City線上商城」即將上線。</t>
  </si>
  <si>
    <t>獨家商品消費人潮品牌滿額推出中心購物bigcity保養遠東搭配</t>
  </si>
  <si>
    <t>全新巨城遠東巨城購物中心業績香氛</t>
  </si>
  <si>
    <t>中心購物業績遠東</t>
  </si>
  <si>
    <t>疫苗首批美國ait名單忘記奏效外交臺灣慷慨口罩</t>
  </si>
  <si>
    <t>隨著美國總統拜登宣佈6月底前將向國外提供8000萬劑新冠肺炎疫苗白宮更於3日宣佈將先釋出2500萬劑疫苗而台灣也在接受的名單之中。對此美國在臺協會(AIT)4日發布新聞稿指出美國民眾不會忘記一開始身處新冠肺</t>
  </si>
  <si>
    <t>美國疫苗宣佈拜登開始民眾忘記指出新聞稿ait發佈美國在台協會對此之中名單月底接受臺灣國外提供釋出肺炎</t>
  </si>
  <si>
    <t>隨著美國總統拜登宣佈6月底前將向國外提供8000萬劑新冠肺炎疫苗白宮更於3日宣佈將先釋出2500萬劑疫苗而台灣也在接受的名單之中。對此美國在臺協會(AIT)4日發布新聞稿指出美國民眾不會忘記一開始身處新冠肺炎大流行時台灣曾慷慨援助口罩與其他醫療緊急物資。至於援台疫苗的具體細節之後會更進一步宣佈。
新聞稿指出對於台灣也在接受疫苗的名單之上AIT熱切地歡迎。先前美國面臨新冠肺炎打擊時台灣慷慨地援助口罩與緊急物資美國民眾始終謹記在心。隨著新冠疫情在亞太升高加上全球也面臨疫苗短缺今天白宮的捐贈將協助台灣保護最急需保護的民眾。
新聞稿還表示就在美台持續合作對抗新冠肺炎於全球大流行的同時這批捐助的疫苗不只象徵雙方合作的一部分隨著台灣持續採購莫德納疫苗以及日本捐贈的AZ疫苗意味著台灣疫苗劑量將得以充足。
文中最後感性地提到從美國卡崔娜颶風、台灣莫拉克颱風到日本311大地震美日台民主政府將持續延續危難時期互助的傳統。
稍早白宮發言人莎琪(Jen Psaki)在記者上宣佈部分疫苗4日就會出貨。至於輸出的疫苗將由美國食品藥物管理局批准的疫苗庫存中撥出包括輝瑞、莫德納與嬌生疫苗。</t>
  </si>
  <si>
    <t>疫苗臺灣美國宣佈持續白宮新聞稿肺炎民眾面臨日本至於ait莫德納全球合作指出</t>
  </si>
  <si>
    <t>新冠肺炎台灣疫苗外交AIT口罩外交</t>
  </si>
  <si>
    <t>疫苗臺灣外交肺炎ait口罩</t>
  </si>
  <si>
    <t>整合市府設置神岡台中豐洲議員</t>
  </si>
  <si>
    <t>本土疫情嚴峻外籍移工不能成為防疫破口。市議員陳淑華指出台中市移工人數高達10餘萬人為全台第二多目前台中市只有兩個工業區及中科園區在快篩萬一未快篩工業區出現案例將容易失控。市府強調台中還有園區屬</t>
  </si>
  <si>
    <t>台中工業區園區不能成為防疫出現案例失控市府容易強調外籍中科工人高達全台目前</t>
  </si>
  <si>
    <t>本土疫情嚴峻外籍移工不能成為防疫破口。市議員陳淑華指出台中市移工人數高達10餘萬人為全台第二多目前台中市只有兩個工業區及中科園區在快篩萬一未快篩工業區出現案例將容易失控。市府強調台中還有園區屬於經濟部管轄經濟部正在籌備快篩作業中。
陳淑華表示苗栗爆發移工群聚染疫讓許多在工業區工作的民眾非常擔憂頻頻詢問台中市政府對工業區的防疫對策？中市目前只兩個工業區及中科園區在快篩市府應將醫護及相關防疫人力及物資應妥善分配不能有本位主義讓各工業區自行處理。
市府指出市府於8日在台中市主管的神岡豐洲及南屯精密兩產業園區設置快篩站屬於科技部管轄的中科當天也同步進行快篩作業台中還有一些園區屬於經濟部管轄經濟部正在籌備快篩作業中；市府主政園區快篩告一段落後亦將支援經濟部確保台中的安全。
經發局說中市主管的神岡豐洲及南屯精密兩產業園區設置快篩站接受園區內外廠商預約申請本國員工及國際移工快篩8日有5家業者共75人採檢；檢驗結果全部陰性；昨天參與快篩廠商共有14家檢驗結果全為陰性。
經發局強調今天神岡豐洲及南屯精密兩產業園區預計將有12家廠商包含本國與移工共310名員工將進行快篩市府持續鼓勵廠商預約快篩協助企業建立防護網避免工業區淪為防疫破口。</t>
  </si>
  <si>
    <t>工業區台中園區市府廠商防疫不能經濟部中科強調作業預約陰性結果檢驗</t>
  </si>
  <si>
    <t>新冠肺炎台灣 快篩工業區市府</t>
  </si>
  <si>
    <t>臺灣肺炎工業區市府</t>
  </si>
  <si>
    <t>複賽林書豪意義遠大打球cba</t>
  </si>
  <si>
    <t>隨著大陸CBA在20日迎接本季復賽林書豪即將領軍北京首鋼迎戰遼寧隊豪哥也在IG貼出閉眼沉思照片更寫「CBA球季今天重啟但此時感受格外不同復賽意義遠大於打球這代表身為人類的我們對抗後新冠時期下一步</t>
  </si>
  <si>
    <t>複賽cba對抗人類代表打球迎接遠大意義ig遼寧隊貼出迎戰北京首鋼林書豪即將沉思不同</t>
  </si>
  <si>
    <t>隨著大陸CBA在20日迎接本季復賽林書豪即將領軍北京首鋼迎戰遼寧隊豪哥也在IG貼出閉眼沉思照片更寫「CBA球季今天重啟但此時感受格外不同復賽意義遠大於打球這代表身為人類的我們對抗後新冠時期下一步！」
「換句話說我將帶著沉重心情站上球場我知道還有很多人受傷、很多人生病、很多的不義看來我打球並非正確但我也清楚球賽代表什麼人們可以團結在一起享受競爭性無關年齡、膚色或信仰籃球最棒之處就是團隊、公平與愛。」
「我還在持續學習、傾聽與思考自己如何可以變成更好的人同時更希望我們的球賽可以帶給全世界一些光芒！」林書豪在IG上面寫著。
林書豪19日也出席賽前記者會當被問到接下來目標他信心滿滿表示「當然是冠軍！從開始打球到現在從來沒有一個球季我的目標不是這個。我們之前一直努力訓練包含籃球智商與技術都獲提升所以我很期待跟隊友上場比賽。」
至於林書豪今天將跟好友郭艾倫的對決豪哥仍用標準答案回應「我們是朋友也是對手！」郭艾倫則把眼光放在贏球上面「這不是拳擊而是籃球！」北京首鋼將在今晚7點35分在青島賽區迎戰遼寧隊。
 Restarting the CBA season todaybut this time it feels so different The return of games means more than just hoops It represents us as humanity fighting to take our next steps post-COVID On the other hand I step onto the court with a heavy heavy heart I know there are so many people hurting so many sick so much injustice It almost doesnt seem right that I get to hoop But I also know what the game stands for - people who unite to enjoy competition regardless of age skin color or beliefs Bball at its best is a game of teamwork equality and love Im still learning listening and thinking about how I can be a better ally In the meantime hope our games can bring some light to the world ? ❤️
 Jeremy Lin 林書豪（@jlin7）分享的貼文 於 PDT 2020 年 6月 月 19 日 下午 4:55 張貼</t>
  </si>
  <si>
    <t>the林書豪to籃球of打球itcba可以so目標代表game球季ourcan複賽今天北京首鋼games</t>
  </si>
  <si>
    <t>林書豪CBA復賽籃球北京首港</t>
  </si>
  <si>
    <t>北京cba複賽籃球林書豪</t>
  </si>
  <si>
    <t>憑空口罩消失時中</t>
  </si>
  <si>
    <t>新冠肺炎疫情擴散出門戴口罩已成全民習慣但民眾黨立委高虹安質疑對比1月底到3月中的口罩總數與分配量發現有7600萬口罩不翼而飛對此中央疫情指揮中心指揮官陳時中記者會上回應指出這些口罩會用來作為14天</t>
  </si>
  <si>
    <t>口罩疫情指出擴散回應出門陳時中記者會指揮官已成中心高虹質疑全民總數習慣民眾黨月中對比月底指揮不翼而飛中央</t>
  </si>
  <si>
    <t>口罩回應陳時中高虹質疑今天庫存分配疫情資料表示記者會儲備作為加上管署</t>
  </si>
  <si>
    <t>口罩陳時中高虹安7600萬蘇貞昌</t>
  </si>
  <si>
    <t>高虹口罩陳時中蘇貞昌</t>
  </si>
  <si>
    <t>icu潛伏期北部正確確診演算法</t>
  </si>
  <si>
    <t>第24例新冠肺炎確診個案為北部一名60多歲的女性近2年皆無出國旅遊史發病29天才確診讓該病例的潛伏期引發各界熱議而ICU醫師陳志金則在臉書解釋潛伏期是被傳染後出現這之間的時間。ICU醫陳志金在臉書上P</t>
  </si>
  <si>
    <t>確診潛伏期icu陳志金個案北部女性出國旅遊發病天才肺炎病例之間傳染時間出現引發解釋醫師</t>
  </si>
  <si>
    <t>潛伏期確診時間發病傳染症狀個案陳志金icu出現解釋等級政府防疫檢討</t>
  </si>
  <si>
    <t>潛伏期確診時間ICU發病</t>
  </si>
  <si>
    <t>時間確診icu發病潛伏期</t>
  </si>
  <si>
    <t>肺炎治癒日後出現感染四川患者</t>
  </si>
  <si>
    <t>陸媒報導四川成都一治癒者出院10日後複檢出核酸陽性確認二次感染！據《央視》報導2月19日四川成都望江錦園出現一治癒10日後回家隔離的新型冠狀病毒患者目前該患者和家屬都送至醫療機關治療。今日（21日</t>
  </si>
  <si>
    <t>日後治癒四川成都報導患者送至醫療隔離回家陽性確認感染核酸機關家屬出現出院望江錦目前病毒</t>
  </si>
  <si>
    <t>陸媒報導四川成都一治癒者出院10日後複檢出核酸陽性確認二次感染！
據《央視》報導2月19日四川成都望江錦園出現一治癒10日後回家隔離的新型冠狀病毒患者目前該患者和家屬都送至醫療機關治療。今日（21日）該社區物業發佈了告全體業主書全文如下：
望江錦園新型冠狀病毒疫情防控通報
各位業主：
2月19日下午接社區通知5棟3樓治癒回家隔離的新型冠狀病患者（回家隔離第10天患者及家屬均未出過門所需物資由物業送上門）按統一要求需出門到定點醫院複檢（出門路線：從消防樓梯下樓經單元大廳出樓棟再經總平道路出社區大門；出門要求：戴口罩、手套）。當天晚上再次接社區通知患者的複檢結果為核酸陽性醫療機構需馬上接走患者及家屬做進一步的核查及隔離觀察。19日23:00左右和20日淩晨1:00左右相關機構先後接走家屬及患者（出門路線：從消防樓梯下樓經單元大廳出樓棟再經總平道路出社區大門；出門要求：患者戴口罩、手套家屬戴口罩）。物業及疾控中心隨即對該患者及家屬從家出門到社區大門所經過的路線進行了全面的消殺（詳見照片）。物業中心將會持續對該樓棟進行重點消殺持續跟進該患者的情況及時向全體業主通報。</t>
  </si>
  <si>
    <t>患者家屬社區物業隔離業主治癒出門路線冠狀要求中心日後大門病毒回家通知全體口罩進行陽性</t>
  </si>
  <si>
    <t>二次感染新冠肺炎央視武漢肺炎新型冠狀病毒</t>
  </si>
  <si>
    <t>肺炎武漢冠狀感染病毒</t>
  </si>
  <si>
    <t>受試者eua陳時中選擇</t>
  </si>
  <si>
    <t>國產聯亞疫苗沒有通過緊急授權EUA關於國內參加聯亞第二期人體臨床試驗的3800多名受試者接下來該怎麼辦？衛福部長陳時中表示將依照受試者意願協助安排接種其他疫苗可以打其他廠牌也可以等聯亞第三期臨床試</t>
  </si>
  <si>
    <t>受試者疫苗可以臨床表示衛福接下來意願安排協助接種試驗國內人體參加eua授權緊急陳時中部長沒有</t>
  </si>
  <si>
    <t>疫苗試驗受試者臨床接種陳時中國內表示eua退出專家授權人體協助緊急安排可以</t>
  </si>
  <si>
    <t>聯亞高端疫苗EUA聯亞受試者高端疫苗保護力</t>
  </si>
  <si>
    <t>疫苗受試者高端保護eua</t>
  </si>
  <si>
    <t>航空導遊華語飯店業旅行社衝擊疫情謀生</t>
  </si>
  <si>
    <t>新冠肺炎疫情除了衝擊旅行社、飯店業、航空產業外還有一群在第一線帶陸客團的華語導遊也大受衝擊面臨無團可帶的窘境。華語導遊改做洗碗工、代購謀生或參加勞工局職涯訓練等度難關。他們寫信到總統府及行政院陳情</t>
  </si>
  <si>
    <t>衝擊導遊華語寫信難關訓練勞工旅行社參加飯店業謀生航空代購產業還有改做第一線疫情面臨陸客團</t>
  </si>
  <si>
    <t>新冠肺炎疫情除了衝擊旅行社、飯店業、航空產業外還有一群在第一線帶陸客團的華語導遊也大受衝擊面臨無團可帶的窘境。華語導遊改做洗碗工、代購謀生或參加勞工局職涯訓練等度難關。他們寫信到總統府及行政院陳情訴求特約導遊及領隊也能申請失業補助希望能減免去年所得稅減低大家的負擔。
家住新北市、擔任華語導遊的陳佑雯表示2017年下半年起團量逐漸變少2019年更是少得可憐平均1個月能排到1團就要謝天謝地。她說導遊是領日工資自己去年一整年隻接到8團陸客最多7天、最少4天整年總收入低得可憐今年因疫情關係收入直接掛零。
陳佑雯表示現在只能想辦法找別的出路賺點吃飯錢、買點麵包最近更開始跟朋友一起做代購去商場拿一些手工豆腐乳或蘆薈水等貨品再把貨物送去給消費者賺點微薄的利潤。
另名家住高雄、53歲的汪姓導遊說他做華語導遊11年興盛時期幾乎整年沒有休息時間1個月能接4個8天團這意味著當天送機後立刻接機繼續帶團可惜好景不常現在幾乎所有的華語導遊基本上工作是完全停擺。
汪姓導遊強調自己是特約導遊拿不到旅行社開的失業證明無法跟勞動局申請失業補助；他沮喪地說女兒讀大二有學費要繳還有家庭生活開銷最近剛應徵到洗碗工的工作只求度過難關。
陳佑雯表示很多前輩為了生計改開計程車、去擺地攤跑員警或當保全、外送員年紀大的人面試到處碰壁被嫌太老為何大家不找正式工作？因為大家對帶團仍抱持一份熱忱。</t>
  </si>
  <si>
    <t>導遊華語工作整年表示帶團失業衝擊還有代購最近旅行社疫情可憐去年</t>
  </si>
  <si>
    <t>工作導遊華語導遊洗碗工 武漢肺炎</t>
  </si>
  <si>
    <t>導遊華語武漢肺炎工作</t>
  </si>
  <si>
    <t>環南曾赴警示提醒簡訊民眾中心指揮</t>
  </si>
  <si>
    <t>臺北市環南市場出現41人群聚中央流行疫情指揮中心今傍晚6點30分起提早發出8萬多則警示簡訊提醒曾前往該市場的民眾接受採檢。警示簡訊內容如下：[疫情警示]如您曾至環南市場且6月8日之後曾有發燒、呼吸道症狀</t>
  </si>
  <si>
    <t>警示疫情市場簡訊之後南市人群流行曾有中央指揮中心傍晚分起提早發出民眾提醒接受前往出現</t>
  </si>
  <si>
    <t>臺北市環南市場出現41人群聚中央流行疫情指揮中心今傍晚6點30分起提早發出8萬多則警示簡訊提醒曾前往該市場的民眾接受採檢。警示簡訊內容如下：
[疫情警示]如您曾至環南市場且6月8日之後曾有發燒、呼吸道症狀腹瀉或嗅、味覺異常等疑似症狀請就醫評估或可至社區篩檢站採檢。
指揮中心提醒民眾收到簡訊者若有不適務必正確佩戴外科口罩儘速就醫不可搭乘大眾交通工具就醫時應主動告知醫療人員相關暴露及接觸史。指定社區採檢院所醫院清單可至疾病管制署網站查詢：http://atcdctw/5y262t。
本次簡訊發送範圍：北至萬板大橋東至西藏路南至華翠大橋西至環河快速道路。</t>
  </si>
  <si>
    <t>簡訊就醫警示大橋症狀疫情中心市場社區指揮民眾提醒東至北至範圍時應主動發送at告知口罩</t>
  </si>
  <si>
    <t>細胞簡訊 環南市場採檢警示簡訊範圍</t>
  </si>
  <si>
    <t>簡訊南市警示細胞範圍</t>
  </si>
  <si>
    <t>個案陽性陽性率板橋</t>
  </si>
  <si>
    <t>新北市板橋快篩站截至昨日篩檢497人陽性個案達24例陽性率48％新北市長侯友宜表示今天除了增加三站其實在萬華事件後就已要求17個急救責任醫院展開篩檢因為板橋地區因為確診個案多才馬上再增加一個篩</t>
  </si>
  <si>
    <t>個案增加板橋新北要求事件急救萬華其實責任市長今天陽性率表示醫院侯友宜展開陽性才馬確診</t>
  </si>
  <si>
    <t>新北市板橋快篩站截至昨日篩檢497人陽性個案達24例陽性率48％新北市長侯友宜表示今天除了增加三站其實在萬華事件後就已要求17個急救責任醫院展開篩檢因為板橋地區因為確診個案多才馬上再增加一個篩檢站。
侯友宜強調臺北市萬華地區是集中的所以設了四個篩檢站新北因為在周遭才會請急救17家責任醫院在板橋篩檢站後中和確診個案多今天啟動了土城醫院、永和耕莘醫院做好中和地區周遭包括新店、永和、土城、樹林支援。另外新莊樂生療養院也加入板橋篩檢站也調整可接受三重、蘆洲地區。</t>
  </si>
  <si>
    <t>地區個案板橋新北醫院中和增加永和侯友宜確診急救責任調整新莊樹林樂生支援市長療養院</t>
  </si>
  <si>
    <t>新冠肺炎台灣板橋陽性篩檢站</t>
  </si>
  <si>
    <t>板橋臺灣陽性肺炎</t>
  </si>
  <si>
    <t>pssony導體</t>
  </si>
  <si>
    <t>全球新冠肺炎疫情持續升溫帶動宅經濟商機起飛傳出Sony將大幅調升預計在今年底開賣的次世代遊戲機PS5且調升幅度最高上看5成據悉鈺太(6679)為PS5的MEMS麥克風晶片獨家供應商隨著Sony調高生產計劃鈺太下</t>
  </si>
  <si>
    <t>sonyps調升疫情持續升溫帶動肺炎經濟商機起飛傳出生產大幅今年底供應商調高預計獨家世代遊戲機麥克風</t>
  </si>
  <si>
    <t>全球新冠肺炎疫情持續升溫帶動宅經濟商機起飛傳出Sony將大幅調升預計在今年底開賣的次世代遊戲機PS5且調升幅度最高上看5成據悉鈺太(6679)為PS5的MEMS麥克風晶片獨家供應商隨著Sony調高生產計劃鈺太下半年營運可望大進補第三季動能可望再更勝第二季。
全球第二波疫情捲土重來宅經濟商機持續發酵Sony預計在今年底開賣次世代遊戲機PS5傳已經調升生產計劃今年內的採購量將上看900萬台已經相較原先調升達5成之多。據瞭解因為鈺太為PS5的MEMS麥克風晶片獨家供應商鈺太是對PS5是出手把一個手把用2顆A-MIC套片(ASIC＋Sensor)隨著Sony調升出貨鈺太勢必將迎來追單貢獻第三季營運動能可期有機會延續第二季高檔表現甚至更勝第二季。
鈺太第三季除新遊戲的利多消息外鈺太也還會有TWS、穿戴等新品且因為目前新冠肺炎在全球持續延燒居家辦公、遠端教學等需求恐持續下去對NB需求應該不會快速降溫加上第三季將會有NB新品鈺太為全球5大NB廠合作廠商都可望持續受惠。
鈺太6月營收155億元月增加575%年增加2889%續創單月歷史新高累計前6月營收81億元年增加3139%。</t>
  </si>
  <si>
    <t>持續調升pssony全球可望營運nb動能已經計畫生產新品疫情需求商機</t>
  </si>
  <si>
    <t>鈺太PS5新冠肺炎MEMS宅經濟</t>
  </si>
  <si>
    <t>肺炎psmems經濟</t>
  </si>
  <si>
    <t>病房升級一般防疫開放小時醫院探病成大</t>
  </si>
  <si>
    <t>台灣新冠肺炎疫情在北部醫院已出現內疑似院內感染成大醫院1日宣佈大幅縮短探病時間提升防疫規格一般病房探視從每天開放12個半小時大幅縮短至1小時成人與小兒加護病房每天僅開放半小時。燒燙病房的探視縮短</t>
  </si>
  <si>
    <t>醫院縮短病房大幅小時開放疫情探視北部出現院內肺炎感染成大宣佈探病時間規格防疫提升一般小兒</t>
  </si>
  <si>
    <t>台灣新冠肺炎疫情在北部醫院已出現內疑似院內感染成大醫院1日宣佈大幅縮短探病時間提升防疫規格一般病房探視從每天開放12個半小時大幅縮短至1小時成人與小兒加護病房每天僅開放半小時。燒燙病房的探視縮短至1小時。
北部醫院已有看護與護理人員、清潔工確診新冠肺炎被認為疑似院內感染成醫1日立刻預防性提升防疫規格繼日前宣佈封閉管制住院大樓與門診大樓多處出入口。院方1日大幅限縮民眾探病時間。
成大醫院住院大樓仍維持上午7時到晚上9時限持陪病症進入規定。一般病房探視則大幅縮短從原本每天早上9時到晚上9時30分開放長達12個半小時的時間大幅縮短至每天下午5時30分至6時30分僅開放1小時探病。
成醫成人與小兒加護病房原本每天上午與下午6時至有兩個開放探視時段提升管制後限縮至僅開放下午6時至6時30分僅半小時。探病人數限每次2人。燒傷病房探視時間限下午2時至3時每次2人較以往縮短1小時。
院方強調全部陪病人員及訪客在病房時皆須全程正確配帶口罩接受護理師指導並登錄姓名；陪病者（含照護服務員）每天早晚由護理師量體溫。
成大醫院呼籲民眾如無特別需要儘量減少出入醫院避免感染風險。</t>
  </si>
  <si>
    <t>醫院病房小時縮短開放大幅探視時間探病成大提升感染護理下午時至院方大樓宣佈上午原本</t>
  </si>
  <si>
    <t>新冠肺炎武漢肺炎台灣探病病房</t>
  </si>
  <si>
    <t>武漢肺炎臺灣探病病房</t>
  </si>
  <si>
    <t>今年明年經濟保一民眾疫情再起</t>
  </si>
  <si>
    <t>全球正逐步走出新冠肺炎陰霾台灣政府的振興措施亦有功效國泰金控21日發布9月國民經濟信心調查有849％的受訪者認為今年台灣經濟成長率可在1％以上即鐵定「保一」最多比率即28％是估年長15~175％；但對20</t>
  </si>
  <si>
    <t>肺炎陰霾臺灣政府振興以上措施成長率經濟功效國泰今年金控認為發佈受訪者國民經濟信心調查比率</t>
  </si>
  <si>
    <t>全球正逐步走出新冠肺炎陰霾台灣政府的振興措施亦有功效國泰金控21日發布9月國民經濟信心調查有849％的受訪者認為今年台灣經濟成長率可在1％以上即鐵定「保一」最多比率即28％是估年長15~175％；但對2021年的經濟風險有485％的民眾擔心新冠肺炎疫情再次惡化。
預期2021年可能影響台股最大的黑天鵝或灰犀牛有343％受訪者認為是全球財政與貨幣政策寬鬆程度也就是各國持續放錢台股就會維持多頭行情但若緊縮、收錢股市就會出現波動；也有238％受訪者覺得美國股市影響明年台股最深兩者會連動；203％受訪者則是認為兩岸關係是明年台股最大變數。
主計總處估計2020年台灣經濟成長為156％通貨膨脹率則為-019％國泰金9月針對其集團客戶的電子問卷調查結果亦顯示民眾對2020年台灣經濟成長率的平均預期值維持在14％有近85％的受訪者認為經濟成長率會達1％以上若要攀上2％則只有22％的受訪者認有可能。
受訪者對2020年平均通膨預期值維持在04％ 預期今年通貨膨脹率將低於1％的民眾維持在90％但比8月的92％微降國泰金分析這是顯示疫情影響下民眾認為通膨緩和。
今年已過快3／4展望2021年的台灣經濟成長率國泰金調查有485％的受訪民眾認為若新冠肺炎疫情再次惡化將成為衝擊明年經濟的最大因素另有284％的受訪者擔心中美衝突進一步擴大94％的民眾則憂慮供應鏈重組會提高成本削弱企業獲利僅14％的民眾認為其他新興市場動盪會影響台灣2021年的經濟成長。
至於影響2021年台股走勢的可能因素有343％受訪民眾認為全球財政與貨幣政策的寬鬆程度是最主要原因有238％受訪者選擇美國股市走勢最影響台股另有203％民眾認為兩岸關係的穩定度最重要有17％則看重台灣經濟成長及企業獲利有3％認為是其他類別資產價格的走勢16％覺得大陸股市會影響台股。</t>
  </si>
  <si>
    <t>民眾經濟受訪者認為影響臺灣國泰維持成長率預期明年今年可能走勢疫情肺炎成長</t>
  </si>
  <si>
    <t>新冠肺炎國泰金控保一</t>
  </si>
  <si>
    <t>肺炎金控國泰保一</t>
  </si>
  <si>
    <t>語出驚人複課學校川普要死小孩</t>
  </si>
  <si>
    <t>美國總統川普急著讓學校在秋天全面復課日前更語出驚人指出孩童和父母被關在家裡悶出「精神創傷」甚至「快死了」（dying）。英國《每日郵報》（Daily Mail）報導川普近期疾呼讓學校在秋季復課不過全美第二</t>
  </si>
  <si>
    <t>川普學校複課精神創傷甚至家裡快死了關在dying父母英國孩童郵報daily指出mail秋天語出驚人近期報導日前疾呼全面秋季</t>
  </si>
  <si>
    <t>美國總統川普急著讓學校在秋天全面復課日前更語出驚人指出孩童和父母被關在家裡悶出「精神創傷」甚至「快死了」（dying）。
英國《每日郵報》（Daily Mail）報導川普近期疾呼讓學校在秋季復課不過全美第二大的洛杉磯聯合學區（Los Angeles Unified School District）卻已決定秋季只會進行網路授課對此川普14日接受美國哥倫比亞廣播公司新聞網（CBS News）專訪時批評當地政府做了一個「很糟糕的決定」。
記者追問部分家長及老師認為學校復課並不安全川普卻語出驚人「孩童及家長都快因為精神創傷死了他們快死了是因為他們不能做他們之前在做的事父母親不能去工作因為突然間他們必須待在家裡看小孩。」
川普強調不能讓小孩去學校上課對父母造成了「巨大壓力」「我們必須讓學校開學。」
不過川普並沒有權限強制要求學校何時復課只有州政府及地方政府才有權力川普日前揚言要扣住聯邦政府給予學校的經費以施壓地方政府復課不過報導指出川普同樣無法撤回國會已經批准的資金。</t>
  </si>
  <si>
    <t>川普學校複課不能決定政府秋季家長父母日前快死了精神創傷報導指出必須孩童語出驚人地方小孩撤回無法newscbs專訪批評</t>
  </si>
  <si>
    <t>陳若文突襲高通天鵝明年半導體冠黑健康科技</t>
  </si>
  <si>
    <t>全球半導體產能拉警報高通資深副總裁暨CDMA事業部營運長陳若文今表示原先就預期5G升級潮對於晶片的需求更勝4G但突然殺出來的2020年黑天鵝「新冠肺炎」究竟是擴大缺口或是收歛缺口仍有很大的想像空間畢竟半</t>
  </si>
  <si>
    <t>缺口警報高通總裁cdma究竟事業肺炎營運陳若文天鵝表示出來原先突然預期</t>
  </si>
  <si>
    <t>全球半導體產能拉警報高通資深副總裁暨CDMA事業部營運長陳若文今表示原先就預期5G升級潮對於晶片的需求更勝4G但突然殺出來的2020年黑天鵝「新冠肺炎」究竟是擴大缺口或是收歛缺口仍有很大的想像空間畢竟半導體產業的榮衰往往和GDP密不可分只是在全球GOP衰退之際半導體產業大好似乎又跳脫以往的格局另外他也預估「2021年半導體還是很健康的一年」。
半導體產業全球吃緊尤其是上游製程陳若文說目前所有的產業鏈都遇到產能吃緊且若將新冠肺炎的因素剔除本來在4G相較5G上的晶片使用就多很多在今年5G升級潮下儘管預估智慧機的總量不會增加但晶片需求絕對會增加整體來說「2021年半導體還是很健康的一年」。
另外陳若文也談到高通和台積電的合作他表示高通對於台積電每年的採購金額很大雙方一直有很密切的關係。
在供應鏈策略上陳若文表示高通非常重視第二供應鏈好比先前有晶圓廠火災對高通確實有影響但一下就解決了就是因為高通非常重視第二供應商一方面當然是高通的量非常大將風險降到最低是很重要的儘管需要更多的成本但這是需要的；其所指的就是欣興(3037)山鶯廠發生火警部分BT載板製程當時也影響高通部分4G晶片出貨。</t>
  </si>
  <si>
    <t>高通半導體產業陳若文全球表示部分制程吃緊預估對於肺炎影響非常重視需求升級供應</t>
  </si>
  <si>
    <t>高通半導體新興台積電智慧機</t>
  </si>
  <si>
    <t>高通半導體台積電智慧</t>
  </si>
  <si>
    <t>經濟重傷疫苗東森族群熱門</t>
  </si>
  <si>
    <t>全球新冠肺炎疫情可望因各國加速開發疫苗獲得控制電商龍頭-富邦媒(8454)卻遭逢賣壓市場擔心今年受惠疫情宅經濟需求業績高成長的富邦媒可能因疫情漸除而成長力道趨緩今天盤中股價逆勢大跌逾5%失守650元關卡</t>
  </si>
  <si>
    <t>疫情大跌逆勢股價盤中今天可望加速開發獲得疫苗成長力控制受惠今年擔心經濟龍頭市場</t>
  </si>
  <si>
    <t>全球新冠肺炎疫情可望因各國加速開發疫苗獲得控制電商龍頭-富邦媒(8454)卻遭逢賣壓市場擔心今年受惠疫情宅經濟需求業績高成長的富邦媒可能因疫情漸除而成長力道趨緩今天盤中股價逆勢大跌逾5%失守650元關卡擁有東森購物的東森(2614)盤中股價則力守平盤。
今年新冠肺炎疫情從年頭延燒到年尾帶旺宅經濟需求富邦媒、東森購物今年前10月業績表現亮眼其中富邦媒momo旗下通路包含購物網、摩天商城、電視購物及型錄10月合併營收約493億元年增212%再創歷年同月新高累計1至10月合併營收約5145億元較去年同期成長287%；東森購物10月合併營收2117億元、年增16%獲利14億元、年增106%累計前10月合併營收達19659億元獲利1121億元、年增177%每股盈餘達11元再創歷史新高。
儘管全球新冠肺炎疫情未止歐美各國積極投入新冠肺炎疫苗開發包括：美國輝瑞等藥廠新冠肺炎疫苗佳音頻傳讓疫情負面影響逐漸淡化市場樂觀期待疫苗問世後各國經濟活動可望重啟而今年受惠疫情宅經濟業績高成長的電商在經濟活動重啟及業績基期已高下明年營運成長幅度恐難如今年一樣因而引發居高思危獲利了結賣壓。
受到獲利了結賣壓影響富邦媒今天盤中股價逆勢重挫逾5%東森盤中股價亦一度翻黑股價表現疲弱。</t>
  </si>
  <si>
    <t>疫情購物疫苗東森業績肺炎股價經濟盤中成長獲利合併賣壓可望市場再創今年</t>
  </si>
  <si>
    <t>東森全球富邦媒宅經濟新冠肺炎疫情</t>
  </si>
  <si>
    <t>經濟肺炎全球東森疫情</t>
  </si>
  <si>
    <t>程電電腦設備今年股利穩中求進</t>
  </si>
  <si>
    <t>工業電腦廠融程電（3416）今（27）日召開股東常會通過2019年財報、盈餘分配及資本公積現金發放案決議以盈餘配發2元、資本公積配發1元合計配息3元。展望今年營運面對新冠肺炎疫情的嚴峻挑戰公司仍將審慎因</t>
  </si>
  <si>
    <t>公積資本配發挑戰嚴峻疫情肺炎召開面對股東公司營運今年常會程電展望分配現金發放</t>
  </si>
  <si>
    <t>工業電腦廠融程電（3416）今（27）日召開股東常會通過2019年財報、盈餘分配及資本公積現金發放案決議以盈餘配發2元、資本公積配發1元合計配息3元。展望今年營運面對新冠肺炎疫情的嚴峻挑戰公司仍將審慎因應續拚營運穩健成長。
融程電2019年合併營收創1665億元新高年增64％。毛利率3693％、營益率1633％分創近3年、近4年高點。歸屬母公司稅後淨利241億元年增達1765％、改寫歷史次高每股盈餘（EPS）334元優於前年284元。
融程電近年來專精於強固型工業電腦和手持行動解決方案研發產品廣泛應用於車檢、石化、物流倉儲、物聯網（IoT）、船舶、航太及公共安全等領域並通過各產業高規格專業認證。
融程電表示透過多年耕耘公司醫療級認證平板設計已獲得國際大廠導入開發（Design-in）並持續精進車檢及車用運算平臺為堆高機、貨車及車輛生產線開發各類處理器及作業系統的平板電腦滿足產業低中高階需求。
此外融程電因應人工智慧（AI）產業蓬勃發展亦開發車載適用的AI邊緣運算平臺並投入公共安全（Public Safety）領域研究結合Sub-G無線技術、防爆等級的安規設計及雲端運算提供人員監控、緊急通報的求救系統盼為產業安全提供妥善解決方案。
展望今年由於年初新冠肺炎疫情蔓延全球各國為控制疫情而陷入「大封鎖」狀態對全球經濟衝擊甚大國際貨幣基金（IMF）4月中將今年全球經濟成長率預期調降至衰退3％認為恐面臨1930年代美國大蕭條以來最嚴峻挑戰。
面對此嚴峻經濟情勢變化融程電表示將秉持「永續經營創造價值利益平衡」的經營理念提供行銷服務期許成為「產業智慧終端科技的領航者」深信在專心經營與積極努力下公司技術研發、產銷業務仍能穩健成長審慎因應以創造更佳的營收與獲利表現。</t>
  </si>
  <si>
    <t>產業程電提供運算開發公司因應經營經濟今年全球車檢技術設計電腦研發平板方案嚴峻領域公共安全平臺疫情</t>
  </si>
  <si>
    <t>融程電股東會股利營運展望</t>
  </si>
  <si>
    <t>股東會股利營運程電展望</t>
  </si>
  <si>
    <t>價格畜產影響農委會肺炎</t>
  </si>
  <si>
    <t>近期因新冠肺炎疫情無解多項農畜產品銷路受阻包含花卉、雞、鴨等產業團體都對前景感到憂心農委會今天表示已在本月預先盤點疫情對農業部門所造成的可能影響並啟動完整應對措施目前農產品的價格仍穩定呼</t>
  </si>
  <si>
    <t>疫情農產品目前措施應對完整啟動影響農畜產品可能受阻價格銷路包含造成花卉農業部門產業團體前景感到憂心農委會今天盤點</t>
  </si>
  <si>
    <t>近期因新冠肺炎疫情無解多項農畜產品銷路受阻包含花卉、雞、鴨等產業團體都對前景感到憂心農委會今天表示已在本月預先盤點疫情對農業部門所造成的可能影響並啟動完整應對措施目前農產品的價格仍穩定呼籲農漁業者與消費者放心。
農委會表示新冠肺炎疫情造成短期消費行為下降已在2月6日邀集各縣市政府與產業團體務實檢討農禽產品全年生產目標針對土雞、肉鴨分別減產1000萬隻、300萬隻經產業界自主性調節後土雞價格已從春節前的每斤35元上漲至43元肉鴨價格也維持在41元水準。
花卉部分根據國內5大花卉批發市場資料今年元旦至昨天為止國產切花交易量為956萬把雖然較去年同期減少107萬把但均價每把672元則較去年同期增加107％由於國內花卉需求多集中於年節、清明等節慶與祭祀需求因此年節後市場需求減少尚屬正常3月主要外銷市場日本將逢民俗掃墓節屆時預估需求將再增加。
對於因疫情影響外銷受阻的產品農委會強調已加強分散及拓展海外市場其中包含鳳梨、釋迦、石斑魚、午仔魚都提供海外市場拓銷補助增加業者外銷誘因另外也將於日本、新加坡、馬來西亞及穆斯林市場舉辦拓銷活動開發新興市場。
農委會指出因應春節後消費需求降低將加強電子商務網購平臺的銷售已在2月13～14日舉辦農漁畜產品大型媒合會媒合供貨農民團體與電商平臺合作另針對花卉產業推動花心陪伴傳遞愛網購宅配活動增進消費量。
除因應產銷措施外農委會表示亦提供總額度68億元之優惠利率貸款協助受疫情影響之農業相關業者紓困所需資金優惠利率079％到168％；舊貸戶還款困難者亦可申請延期還款。</t>
  </si>
  <si>
    <t>農委會花卉疫情市場需求團體產業表示影響增加價格外銷節後措施減少平臺包含提供業者加強受阻</t>
  </si>
  <si>
    <t>新冠肺炎武漢肺炎新型冠狀病毒台灣市場</t>
  </si>
  <si>
    <t>肺炎武漢冠狀臺灣病毒市場</t>
  </si>
  <si>
    <t>保單投資型</t>
  </si>
  <si>
    <t>忍不住想投資。資本市場行情居高不下帶動投資型保單買氣從穀底回升9月壽險投資型保單銷售逾345億元占當月新契約保費的5177％應是2008年金融海嘯之後再次出現單月投資型保單占率破五成。投資型保單是壽險</t>
  </si>
  <si>
    <t>投資型保單壽險市場行情居高不下帶動應是金融保費契約資本海嘯之後當月銷售單月再次出現買氣投資穀底回升</t>
  </si>
  <si>
    <t>忍不住想投資。資本市場行情居高不下帶動投資型保單買氣從穀底回升9月壽險投資型保單銷售逾345億元占當月新契約保費的5177％應是2008年金融海嘯之後再次出現單月投資型保單占率破五成。
投資型保單是壽險業對抗低利率環境的利器既然業務人員有商品可賣壽險公司也不用保證利率、承擔投資風險及匯率風險今年初不少公司就已打算要大推投資型保單但新冠肺炎打亂腳步加上7月降責任準備金利率出現傳統保單停售效應投資型保單新契約占率一度掉到三成以下。
9月因為資本市場仍佳壽險業面臨季報壓力不想承擔過高的增資壓力再加上老年化社會的退休金議題漸夯因此不少公司都轉向大推投資型保單主流商品都是月配型類全委投資型保單保戶多為躉繳一筆保費訴求專家替你理財且有穩定的現金流甚至還有身故保本、生存保本等各類設計
9月如國泰人壽投資型保單銷售92億多元是市場上第一大並占其單月新契約保費的725％；另外如台灣人壽亦銷售54億元占其新契約保費近66％富邦人壽亦有近35億元的投資型保單但占率僅近41％三商美邦人壽則有84％新契約來自投資型保單單月14億多元另外如安聯人壽、法國巴黎人壽、安達人壽及合庫人壽的投資型保單都占約9成以上。
且因為今年投資型年金銷量是投資型壽險的二倍代表保戶投保的投資用途高於保障用途不少人都是想藉由投資型保單參與資本市場估計第四季投資型保單依舊會是主流商品。</t>
  </si>
  <si>
    <t>保單投資型契約保費人壽利率公司壽險投資資本單月銷售市場加上商品壽險業保戶壓力承擔</t>
  </si>
  <si>
    <t>資本占率投資壽險億多</t>
  </si>
  <si>
    <t>投資資本占率壽險</t>
  </si>
  <si>
    <t>陳時中傳染源肺炎案例死亡台商透過血清浙江確認檢驗</t>
  </si>
  <si>
    <t>中央流行疫情指揮中心17日晚間召開記者會針對16日確診新冠肺炎的白牌車司機死亡案例也回溯到一名浙江台商。中央流行疫情指揮中心指揮官陳時中強調由於浙江台商檢驗為陰性所以未來將透過血清檢驗試劑來確認是</t>
  </si>
  <si>
    <t>台商浙江檢驗中心指揮疫情血清流行陰性肺炎確診司機試劑死亡案例回溯到強調透過陳時中中央指揮官未來</t>
  </si>
  <si>
    <t>中央流行疫情指揮中心17日晚間召開記者會針對16日確診新冠肺炎的白牌車司機死亡案例也回溯到一名浙江台商。中央流行疫情指揮中心指揮官陳時中強調由於浙江台商檢驗為陰性所以未來將透過血清檢驗試劑來確認是否為死亡確診個案的傳染者。
陳時中公佈確診時序圖台灣首例死亡案例是在1月22日載了一名自浙江返台的台商針對死亡案例以及後續相關的確診案例已經先後採檢了相關接觸者分別通知109人、採檢108人、103人為陰性以及通知72人、採檢68人、10人為陰性。
中央流行疫情指揮中心專家諮詢小組召集人張上淳解釋現在透過檢驗這名浙江台商的抗體來確認他是否曾經感染新冠肺炎由於這檢驗試劑不是現成買得到的所以在收到血清後需要2個工作天才能完成確認。
陳時中也再三強調這名浙江台商已經過了潛伏期如果是在他有症狀時傳染給其他人這些人也都過了14天潛伏期請大家放心現在疫情中心也會持續把檢驗案例完成抗體檢驗就要麻煩研究單位元加速進行。
張上淳也補充這名浙江台商身上已經沒有病毒「該有防疫措施釐清當中」他強調透過血清檢驗是要釐清事實而不是對防疫有所影響。</t>
  </si>
  <si>
    <t>檢驗台商浙江確診案例死亡中心確認疫情血清強調透過張上淳現在潛伏期陰性完成已經時中指揮肺炎</t>
  </si>
  <si>
    <t>檢驗浙江台商確認陳時中中央流行疫情指揮中心</t>
  </si>
  <si>
    <t>中央陳時中確認流行疫情台商浙江指揮中心檢驗</t>
  </si>
  <si>
    <t>同門專家變種分析英國不容南非哥倫比亞小覷</t>
  </si>
  <si>
    <t>台灣境外移入個案驗出首例哥倫比亞變異株北市副市長黃珊珊證實個案於昨天（13日）在臺北劍潭安心檢疫所驗出將謹慎看待此新興變異株。針對哥倫比亞變異株現身台灣毒理權威招名威教授分析該病毒與英國、南非</t>
  </si>
  <si>
    <t>個案變異哥倫比亞臺灣教授權威分析毒理昨天臺北檢疫所安心證實劍潭黃珊珊市長北市首例病毒現身看待謹慎英國</t>
  </si>
  <si>
    <t>台灣境外移入個案驗出首例哥倫比亞變異株北市副市長黃珊珊證實個案於昨天（13日）在臺北劍潭安心檢疫所驗出將謹慎看待此新興變異株。針對哥倫比亞變異株現身台灣毒理權威招名威教授分析該病毒與英國、南非變種病毒出自同一門傳播力和致死率雖然不能太早下定論但確實不容小覷。
面對Delta變異株肆虐全球哥倫比亞變異株也漸漸竄起並在昨天於我國境外被驗出。招名威表示該病毒於今年1月在哥倫比亞首度被驗出5月被WHO列入變異株名單目前在至少28國曾被檢驗出美國則有2％確診者染上哥倫比亞變異株推估傳播途徑是從南美洲往美國、少數歐洲國家擴散。
根據文獻招名威指出不像Alpha、Delta變異株哥倫比亞變異株尚無希臘字母歸屬目前只能用「B1621」代稱從病株的突變位點可得知它是從英國、南非變異株衍伸出來的。至於傳播力從哥倫比亞當地疫情分析B1621可以「以一傳五」的速度傳播出去近日比利時安養院就傳出有7名打完疫苗的老人仍集體感染到哥倫比亞變異株的案例。
招名威指出目前還沒有研究指出哥倫比亞變異株會特別增加傳染力或致死率的報告。儘管安養院本身就屬於有高度感染風險的區域再加上對象又是老年人但B1621確實不容小覷「畢竟它還是與南非及英國變異株系出同門」。
招名威坦言現在對哥倫比亞變異株下定論還太早儘管只多了一個突變點但Delta也「只不過」多變異了一兩個位點而已就造成全球肆虐。他強調「是否一定會對台灣造成影響這倒未必邊境守好才是關鍵！」指揮中心指揮官陳時中也表示邊境管制會持續用現在的強度來做管理。</t>
  </si>
  <si>
    <t>變異哥倫比亞傳播目前南非英國臺灣指出delta病毒現在邊境感染美國昨天個案是從表示</t>
  </si>
  <si>
    <t>哥倫比亞變異株Delta變異株疫苗傳播力</t>
  </si>
  <si>
    <t>疫苗delta變異傳播哥倫比亞</t>
  </si>
  <si>
    <t>出院纖維台商肺部首例</t>
  </si>
  <si>
    <t>新冠肺炎如SARS（嚴重急性呼吸道症候群）一樣會留下肺部纖維化後遺症！指揮中心專家諮詢小組召集人、台大副校長張上淳昨表示目前國內第1起案例有較明顯的肺炎症狀經電腦斷層檢查發現肺部有一點纖維化出院時</t>
  </si>
  <si>
    <t>肺炎肺部纖維sars嚴重台大校長召集人張上淳小組呼吸道表示症候專家目前國內中心案例留下指揮後遺症明顯</t>
  </si>
  <si>
    <t>新冠肺炎如SARS（嚴重急性呼吸道症候群）一樣會留下肺部纖維化後遺症！指揮中心專家諮詢小組召集人、台大副校長張上淳昨表示目前國內第1起案例有較明顯的肺炎症狀經電腦斷層檢查發現肺部有一點纖維化出院時肺功能也還沒有完全恢復跟SARS及H7N9也會產生肺部纖維化有點類似。
張上淳表示目前國內26例新冠肺炎病例僅有第1例及最近找不到感染源的60多歲婦人狀況較為嚴重其餘均為輕症目前國內第1例新冠肺炎的50多歲女台商已經出院。
對於外界表示自浙江台商身上驗出的微陽性抗體可作為治療之用張上淳指出目前大陸有試驗用這個方法去治療病人但這名台商身上驗出的抗體並不高如果要以血漿抗體治療的話反而是我們先前出院的2位病例的抗體較高要用也是用這2位的但還要考慮實際狀況及患者同意。
台灣感染症醫學會理事長黃立民則表示肺部纖維化顯示肺部曾被嚴重破壞有些免疫反應會造成肺部纖維化還有一些病毒像是SARS及H7N9感染也已知會造成肺部纖維化。
他強調每個病毒會造成身體如何的傷害通常要經歷過才知道依大陸及國內病例來看新冠肺炎也會造成肺部纖維化如同在17年前SARS病患有1/3均留下肺部纖維的後遺症不少病患深受後遺症之苦。</t>
  </si>
  <si>
    <t>肺部纖維表示肺炎sars目前治療國內造成抗體張上淳病例台商狀況感染嚴重大陸出院後遺症</t>
  </si>
  <si>
    <t>台商抗體後遺症肺炎肺部纖維化</t>
  </si>
  <si>
    <t>肺部肺炎後遺症纖維抗體台商</t>
  </si>
  <si>
    <t>提醒醫師疫苗接種兒童理由</t>
  </si>
  <si>
    <t>兒童感染新冠肺炎比例雖然遠低於成人且重症死亡率低但造成的危害仍不容小覷。目前國內12歲以下兒童尚無疫苗可打而12至17歲BNT第2劑暫緩接種感染科醫師提出5項理由建議兒童族群仍須接種疫苗。林口長庚醫院</t>
  </si>
  <si>
    <t>兒童接種疫苗感染低於成人重症比例死亡率肺炎造成危害容小覷目前以下國內尚無建議bnt暫緩醫師理由提出</t>
  </si>
  <si>
    <t>兒童感染新冠肺炎比例雖然遠低於成人且重症死亡率低但造成的危害仍不容小覷。目前國內12歲以下兒童尚無疫苗可打而12至17歲BNT第2劑暫緩接種感染科醫師提出5項理由建議兒童族群仍須接種疫苗。
林口長庚醫院副院長邱政洵今天在疾病管制署「COVID-19感染管制與防治策略研討會」分享各國兒童新冠肺炎染疫人數中僅占全年齡的1到2％且重症及致死率較成人低以美國今年中的Delta變異株疫情為例兒童死亡率遠低於成人；但即便如此新冠肺炎疫情還是對兒童族群造成不小的衝擊。
邱政洵提出「兒童需要接種疫苗」的5大理由包括：疫苗可以減少新冠肺炎傳播、預防重症死亡更能避免兒童成為疫情下的「漏網之魚」而且肥胖、糖尿病及氣喘等兒童患者更是重症高危險群另外也能盡早讓兒童恢復正常生活有助於身心獲得健全發展。
台灣兒童感染症醫學會理事長邱南昌則分享各國青少年接種經驗包括美國、英國、澳洲、加拿大、歐盟、日本、新加坡皆已提供12到17歲青少年接種BNT疫苗其中多數國家建議完整接種2劑而英國則是例外目前建議健康青少年打1劑、重症高風險群打2劑。另外美國近期已通過BNT疫苗用於5至11歲兒童劑量是一般疫苗的3分之1。
目前國內暫緩12至17歲青少年BNT第2劑接種。邱南昌說明衛福部傳染病防治諮詢會預防接種組（ACIP）在今年11月9日開會當時考量國內疫情平穩因此不急著施打第2劑要再看看國外資料作參考；但這些都是滾動式的策略並非「絕對不打」因為疫情會改變國際間也會有更多報告可供參考並做決策。
除了BNT疫苗已在多國使用於12至17歲族群目前歐盟、日本、新加坡、加拿大、澳洲也通過12到17歲族群可接種莫德納疫苗。
邱南昌提到目前國產高端疫苗也正在進行12到17歲試驗共收案399人已於今年8月打完第1劑、9月底打完第2劑預計11月底期中分析他個人持樂觀態度期待成果出爐可望提供青少年族群更多疫苗選擇。</t>
  </si>
  <si>
    <t>兒童疫苗疫情接種重症目前族群bnt青少年今年肺炎國內美國建議感染南昌成人防治策略邱政洵</t>
  </si>
  <si>
    <t>新冠肺炎台灣兒童BNT疫苗</t>
  </si>
  <si>
    <t>兒童肺炎臺灣bnt疫苗</t>
  </si>
  <si>
    <t>駭客微軟大廠防疫舉辦小時攜手斷電who</t>
  </si>
  <si>
    <t>世界衛生組織（WHO）與臉書、微軟等科技大廠合作舉行駭客松（hackathon）鼓勵開發者創造帶來社會影響力的軟體方案旨在解決當前COVID-19（新冠肺炎）疫情挑戰。上週末德國政府即舉辦一場48小時的防疫駭客松逾80</t>
  </si>
  <si>
    <t>駭客微軟科技大廠合作舉行小時德國政府上週末疫情挑戰肺炎covid-當前解決旨在舉辦方案影響力社會hackathon帶來創造</t>
  </si>
  <si>
    <t>世界衛生組織（WHO）與臉書、微軟等科技大廠合作舉行駭客松（hackathon）鼓勵開發者創造帶來社會影響力的軟體方案旨在解決當前COVID-19（新冠肺炎）疫情挑戰。上週末德國政府即舉辦一場48小時的防疫駭客松逾800個的創新構想出爐。
由德國政府舉辦對抗新冠肺炎駭客松吸引4萬多人參加共同合作找出對抗疫情的創新方法內容涵蓋購物、育兒、症狀監控等包羅萬象的議題。評審結果於3月29日公佈獲選專案可取得政府資金補助。4萬多位國際參與者並非像一般的駭客松模式齊聚一堂而是待在家中進行。
參與者組織團隊後集思廣益解決疫情帶來的挑戰包括追蹤、檢測流程、危機溝通、易受感染群體的保護措施以及隔離時期的心理健康等。例如一個團隊開發出症狀追蹤器程式可供疑似病例每日輸入症狀便於衛生機關進行確認另有團隊打造無須GPS、而是採用機器學習技術的監控隔離者App。
WHO週二宣佈名為「#BuildforCOVID19」的駭客松活動預計週四開始接受專案申請。此次臉書、微軟之外其他科技業者如推特（Twitter）、微信（WeChat）、抖音（TikTok）、Pinterest、Slack和Giphy也都參與其中。這些科技業者將「在這段提案期間共用資源藉此支持參與者」。
臉書執行長祖克伯在宣傳駭客松的貼文表示臉書「曾在駭客松曾率先打造捐血與危機處理等功能目前在全球獲得數百萬人使用。我們希望一些有用的原型和構想也可以在這次駭客松出現。」此次駭客松是鼓勵軟體開發者針對保健、企業、社區、教育和娛樂等多項主題提交專案。申請至下週一截止將於4月3日公佈獲選計畫。</t>
  </si>
  <si>
    <t>駭客參與者症狀專案團隊疫情科技隔離危機監控打造追蹤業者帶來解決進行創新申請合作對抗</t>
  </si>
  <si>
    <t>團隊肺炎專案微軟駭客松</t>
  </si>
  <si>
    <t>肺炎駭客專案微軟團隊</t>
  </si>
  <si>
    <t>回歸習慣切斯基旅遊初心改變重振從此airbnb業績疫情</t>
  </si>
  <si>
    <t>度假租屋網站Airbnb執行長切斯基（Brian Chesky）在疫情過後認清旅遊市場將從此改變也重新思考公司的核心價值決定回到最初創業的根本那就是全心投入創造個人專屬的的當地住宿體驗。今年2月切斯基剛從加州棕櫚</t>
  </si>
  <si>
    <t>切斯基airbnb執行長今年體驗brian住宿chesky個人當地疫情創造全心投入過後認清旅遊市場根本創業從此最初改變回到決定重新價值</t>
  </si>
  <si>
    <t>度假租屋網站Airbnb執行長切斯基（Brian Chesky）在疫情過後認清旅遊市場將從此改變也重新思考公司的核心價值決定回到最初創業的根本那就是全心投入創造個人專屬的的當地住宿體驗。
今年2月切斯基剛從加州棕櫚泉度假回來埋首準備Airbnb首度公開發行（IPO）的申請文件並在心中盤算著春假和大學老友來場小旅行沒想到新冠肺炎爆發讓他的旅遊計畫泡湯也打亂原本的IPO計畫。
近日他在受訪時表示Airbnb並未放棄IPO只是現階段公司有更重大的任務必須優先執行而IPO必須等到市況穩定後再說。他口中的重大任務無疑是如何在疫情過後讓Airbnb重振業績因為今年初各國實施邊境管制重創觀光旅遊業迫使Airbnb裁員1900人相當於公司25％人力。
Airbnb預期今年營收只有去年的一半但切斯基面對市場前景依舊樂觀。他表示：「我認為將來旅遊會再次成為特別體驗因為我們不再像從前一樣將旅遊視為理所當然。」
切斯基坦言新冠肺炎確實徹底改變全球消費者的旅遊習慣且短期內難以恢復昔日光景。他認為即便在疫情趨緩後全球旅客也不敢輕易搭飛機。為了避免長時間處於密閉空間增加群聚感染風險多數人將傾向自行開車到鄰近城鎮旅遊。
切斯基表示疫情爆發前Airbnb平臺上只有13％的房客計畫在離家50英里內的地區旅遊如今比例增至30％。他預期在短期未來全球旅客外出旅遊除了不敢跑太遠之外也不敢太早訂房並傾向人口密集度較低的鄉間旅遊。
目前Airbnb網站上最熱門的訂房日期是一周內入住或超過6個月以後才入住。以美國為例今年5月25日陣亡將士紀念日連續假期期間Airbnb在當地的訂房量高過去年同期。
切斯基表示：「大家可以預期一周內世界發生什麼事所以能安心旅遊。至於6個月到1年後大家也有信心出發旅遊了。」相較之下反而是中期未來的訂房需求下滑。
今年38歲的切斯基是在2007年移居舊金山時萌生將公寓空房分租給短期觀光客的念頭主要是為了替自己和室友分擔舊金山昂貴的房租沒想到一個單純的想法促成他在2008年創立Airbnb。
今年5月切斯基在公司內部信件中向全體員工表示當年他的創業初衷是提供一個讓旅客感受人際互動並擁有歸屬感的短期住處。
過去數年隨著Airbnb用戶量在全球快速成長公司也發展出當地運輸及其他周邊服務但新冠肺炎疫情讓他重新思考公司的核心價值決定回到最初創業的根本那就是全心投入創造個人專屬的的當地住宿體驗為此公司必須集中資源、暫時放下其他周邊事業。
他在5月宣佈關閉運輸服務部門並公佈一套全新的住房清潔規範包括要求房東使用當地主管機關認可的個人防疫用品及消毒工具也規定上一任房客退房後至少要間隔24小時才能讓新房客入住以確保房東有足夠時間進行消毒。
面對近日美國種族爭議再起切斯基也虛心檢討坦言Airbnb應該為種族平等貢獻更多例如讓公司董事會成員更多元化。Airbnb董事會目前包含4名白人男性、3名白人女性、1名非裔男性及1名亞裔男性但管理高層清一色都是白人。
切斯基表示：「這是矽穀的一大問題。我們距離理想還很遙遠。我們的基本原則是希望公司人口組成能與所在地的社會人口組成相呼應但目前我們連這點基本都未做到更何況是讓管理高層更多元化。」</t>
  </si>
  <si>
    <t>airbnb旅遊切斯基公司表示今年疫情當地ipo全球目前旅客預期房客體驗人口</t>
  </si>
  <si>
    <t>切斯基旅遊肺炎訂房IPO</t>
  </si>
  <si>
    <t>旅遊肺炎ipo切斯基</t>
  </si>
  <si>
    <t>重症公衛部署及早死亡率專家減少有效</t>
  </si>
  <si>
    <t>本土疫情延燒世界各地受到變種病毒影響除了確診個案與死亡比例大幅上升醫療能量也受到極大考驗台大公衛學院指出三級警戒自5月15日實施以來的確讓確診個案數降低專責病房數需求也會下降但是因應變異病</t>
  </si>
  <si>
    <t>受到個案確診世界各地需求變種病房病毒指出警戒衛學院專責大公實施考驗影響極大以來降低能量醫療死亡比例上升下降</t>
  </si>
  <si>
    <t>本土疫情延燒世界各地受到變種病毒影響除了確診個案與死亡比例大幅上升醫療能量也受到極大考驗台大公衛學院指出三級警戒自5月15日實施以來的確讓確診個案數降低專責病房數需求也會下降但是因應變異病毒的出現加護病房與重症照護能量需要早期部署與預估如此才能有效降低重症死亡率。
台大公衛學院教授陳秀熙今(2)日上午召開「新冠肺炎科學防疫」線上記者會陳秀熙指出本波本土疫情裡主要是萬華帶來的第一波社區感染不過政府5月15日實施三級警戒後雙北以外縣市的確診數並未隨著時間明顯增加Rt值也趨向小於1顯見三級警戒措施有發揮功能目前看來臺北市疫情已經開始受到控制接下來就要來看醫療照護的需求。
台灣大學公共衛生學院校友、醫師許辰陽指出以去年義大利倫巴底新冠肺炎疾病進展指標為模型來看當時倫巴底大約有3成輕症者僅需自我隔離就能自行康復另外7成需要進入門診治療或住院治療當中近8成可康復剩下的2成因為有重症或急性呼吸窘迫症需要高度醫護需求其中近半會死亡。
但是大部分國家只有1成左右是重症這部分解釋了義大利急重症照護能力無法趕上大量出現的病人使得重症指數與死亡率攀升。
許辰陽表示去年1到6月全球主要疫情仍以武漢原生株為主傳播力相對英國變異株較低但是大量出現的疫情讓臨床照護需求嚴重不足全球當時肺炎轉至急性呼吸窘迫症比例約16％年底因為疫苗和臨床指引的出來所以降到64％；然而今年截至5月因為巴西變異株、印度變異株、南非變異株等出現重症照護量能大量增加轉重症率又增加到77％台灣目前轉重症率為64％臨床照護勉強能跟上需求。
許辰陽指出隔離病床相對可以快速擴充但是重症病人的照護需要密集的人力包含精密嚴格的侵入性、循環性照顧重症照護能量、加護病房數應及早部署與評估才能進一步減少重症率及死亡率。</t>
  </si>
  <si>
    <t>重症疫情需求指出需要確診受到出現變異警戒肺炎辰陽增加臨床能量病房死亡率相對陳秀熙隔離</t>
  </si>
  <si>
    <t>新冠肺炎台灣重症照護確診三級警戒</t>
  </si>
  <si>
    <t>重症臺灣肺炎確診警戒</t>
  </si>
  <si>
    <t>自滿專家社區感染防疫資料臺灣了不起</t>
  </si>
  <si>
    <t>台灣這波疫情5月中旬爆發時澳洲西澳大學流行病學專家Zoë Hyde在推特評論台灣曾是防疫成功案例但因太過自滿導致社區大規模感染時隔2個多月Zoë Hyde於8月7日再度發文提及台灣改口大讚台灣「幾個月前面臨</t>
  </si>
  <si>
    <t>臺灣hydezo爆發澳洲西澳發文大學流行病再度自滿案例成功防疫曾是導致專家社區時隔感染評論改口月中提及</t>
  </si>
  <si>
    <t>台灣這波疫情5月中旬爆發時澳洲西澳大學流行病學專家Zoë Hyde在推特評論台灣曾是防疫成功案例但因太過自滿導致社區大規模感染時隔2個多月Zoë Hyde於8月7日再度發文提及台灣改口大讚台灣「幾個月前面臨大規模爆發但從未放棄零確診目標。」
Zoë Hyde 5月30日曾於個人推特指出台灣曾經是新冠肺炎防疫成功的案例但現在正面臨大規模社區感染最不幸的是這個國家過去因防疫有成而變得自滿將機組員的隔離天數縮短甚至停止篩檢「因為他們認為自己是安全的。」
不過隨著台灣近日疫情獲得控制Zoë Hyde也在8月7日再度於推特分享台灣近日本土疫情走勢圖表示「幾個月前台灣曾面臨大規模爆發但他們從未放棄清零目標8月7日僅增加6例本土及4例境外移入。」
該貼文引發不少網友回應其中一名網友認為台灣防疫做得不錯雖然台灣流行的病毒是Alpha變異株而非棘手的Delta變異株。對此Zoë Hyde也回覆該網友留言說「台灣社區中主要盛行的的確是Alpha變異株但台灣是世界上人口最稠密的國家之一所以仍是一項非常了不起的成就。」
★《中時新聞網》提醒您：因應新冠肺炎疫情疾管署持續加強疫情監測與邊境管制措施 如有疑似症狀請撥打：1922專線或 0800-001922 並依指示配戴口罩儘速就醫同時主動告知醫師旅遊史及接觸史以利及時診斷及通報。</t>
  </si>
  <si>
    <t>臺灣疫情zohyde防疫社區面臨爆發網友認為本土自滿變異感染國家肺炎近日成功案例</t>
  </si>
  <si>
    <t>新冠肺炎台灣本土疫情確診數社區感染</t>
  </si>
  <si>
    <t>本土疫情臺灣肺炎確診社區感染</t>
  </si>
  <si>
    <t>國內沒有病例伊林</t>
  </si>
  <si>
    <t>繼昨天Jolin來了(連續9天0確診)今天則是「伊林」(連續10天0確診)達陣國內連10天沒有新增病例。指揮官陳時中也表示有關129名印度返台民眾目前無後送就醫者全員持續於集中檢疫所密切健康監測另外馬爾地夫3</t>
  </si>
  <si>
    <t>繼昨天Jolin來了(連續9天0確診)今天則是「伊林」(連續10天0確診)達陣國內連10天沒有新增病例。指揮官陳時中也表示有關129名印度返台民眾目前無後送就醫者全員持續於集中檢疫所密切健康監測另外馬爾地夫36人中有四名民眾14天內有症狀在機場採檢後也已經是陰性。
中央流行疫情指揮中心今(17)日表示國內今日無新增病例昨(16)日新增218例新型冠狀病毒肺炎相關通報截至目前累計通報69206例(含68139例排除)其中440例確診分別為349例境外移入55例本土病例及36例敦睦艦隊。確診個案中7人死亡395人解除隔離其餘持續住院隔離中。
指揮中心表示全球累計4660752例確診分佈於187個國家/地區；病例數以美國1489642例、俄羅斯272043例、英國240161例、西班牙230698例及義大利224760例為多；病例中311064例死亡以美國89813例、英國34466例、義大利31763例、法國27625例及西班牙27563例為多。
現階段國內疫情趨緩指揮中心鼓勵民眾及業者力行「防疫新生活運動」不分行業重點就是保持室內15公尺以上、室外1公尺以上的社交距離無法維持社交距離時應戴口罩業者可運用隔板將座位隔開或採取梅花座維持適當的安全距離；出入各類場所不分室內外皆要量體溫隨時保持手部清潔業者也應於入口及場所內提供乾(濕)洗手用品或設備並採取實名制確實執行人流管制及環境的清消。酒店、舞廳、夜店等行業只要依循相關防疫規範並盡到管理的責任即能在有條件的情況下適度開放業者復業各縣市政府確實執行業者復業相關評估與查核落實監督工作。
指揮中心再次提醒民眾應做好手部衛生與咳嗽禮節；出門若無法保持社交距離或是搭乘捷運、台鐵、高鐵等大眾交通運輸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確診中心業者病例民眾指揮防疫距離保持通報相關行業症狀就醫表示國內採取場所社交確實</t>
  </si>
  <si>
    <t>10天說明0確診零確診指揮中心</t>
  </si>
  <si>
    <t>確診說明中心指揮</t>
  </si>
  <si>
    <t>場館主辦活動表演即日起所屬暫停文化部</t>
  </si>
  <si>
    <t>中央流行疫情指揮中心今（25）日宣佈公眾集會活動「室內超過100人、室外超過500人」建議停辦。文化部發布新聞稿表示考量藝文活動參與人數眾多為免長時間近距離接觸降低可能的傳播風險針對所屬機構及行政法</t>
  </si>
  <si>
    <t>活動風險中心超過傳播可能降低接觸宣佈距離公眾時間集會所屬指揮停辦文化部新聞稿發佈人數參與表示考量</t>
  </si>
  <si>
    <t>中央流行疫情指揮中心今（25）日宣佈公眾集會活動「室內超過100人、室外超過500人」建議停辦。文化部發布新聞稿表示考量藝文活動參與人數眾多為免長時間近距離接觸降低可能的傳播風險針對所屬機構及行政法人表演型場館主辦、合辦及所屬劇團、樂團室內演出活動自即日起暫停。
文化部所屬的展覽型場館則應重新計算同一時段容留人數展場內觀眾人數不得超過100人且參與者之間需保持一公尺以上距離為原則。
文化部表示所屬表演型場館外租辦理的室內演出活動觀眾人數若在100人以上建議取消或延期；觀眾人數在100人以下的演出將請場館主動協助演出單位延後演出相關事宜若決定延後或取消演出場租將全額退回並協助觀眾辦理全額退票。
文化部表示觀眾人數在100人以下的室內演出活動或是500人以下的戶外演出活動若仍規劃演出必須依據中央流行疫情指揮中心發布的「『COVID-19』因應指引：公眾集會」提供的6項風險評估指標進行評估若具有較高風險建議應延期或取消或改以其他方式辦理。若評估後還是決定辦理應訂定防疫應變計畫落實相關防疫準備與措施。
此外文化部表示日前已發佈「文化部對受嚴重特殊傳染性肺炎影響發生營運困難產業事業減輕營運衝擊補助申請須知」第一次公告藝文事業可申請「減輕營運困難補助」及「因應提升補助」自然人亦可申請「減輕營運困難補助」預計四月中旬將公告第二次申請須知。
文化部表示將盤點所屬機構年度預算包括與國家表演藝術中心、國立傳統藝術中心等共同研議如何運用今年度既有預算協助表演藝術工作者與團隊持續發展作品及人才培育以維持運能。
文化部表示已啟動跨部會協調爭取藝文產業適用其他部會的紓困方案例如考量映演業等大型事業業者有較高額的貸款需求已向經濟部爭取未來納入大型企業紓困貸款專案並由信保基金提供信用保證。</t>
  </si>
  <si>
    <t>文化部表示演出活動所屬人數辦理場館中心協助觀眾事業室內營運取消評估貸款申請紓困建議爭取表演藝術補助距離</t>
  </si>
  <si>
    <t>新冠肺炎文化部台灣指揮中心COVID-19</t>
  </si>
  <si>
    <t>臺灣文化部指揮肺炎中心covid-</t>
  </si>
  <si>
    <t>歇業認定事實市府維護預警勞工公司權益</t>
  </si>
  <si>
    <t>受到新冠肺炎疫情衝擊公司無預警歇業波及勞工生計！台中市政府勞工局為保障勞工權益主動於大型勞資爭議調解程式中提供歇業事實認定相關資料近2年已受理認定158家事業單位並協助約790位勞工向勞動部勞工</t>
  </si>
  <si>
    <t>勞工歇業認定疫情衝擊公司預警單位事業受理主動肺炎勞資相關調解爭議事實程式中提供協助保障生計波及權益資料</t>
  </si>
  <si>
    <t>受到新冠肺炎疫情衝擊公司無預警歇業波及勞工生計！台中市政府勞工局為保障勞工權益主動於大型勞資爭議調解程式中提供歇業事實認定相關資料近2年已受理認定158家事業單位並協助約790位勞工向勞動部勞工保險局申請工資墊償積極保障勞工權益。
勞工局長吳威志說勞動基準法第28條規定雇主有歇業、清算或宣告破產之情事時未獲雇主清償積欠工資、資遣費、退休金等可向勞動部勞工保險局申請積欠工資墊償由該局先行墊付勞工遭積欠之工資、資遣費或退休金。工資墊償範圍以雇主於歇業、清算或宣告破產前6個月內所積欠之工資為限；雇主未依勞基法給付之退休金、資遣費或勞工退休金條例給付之資遣費合計數額以6個月平均工資為限。
吳威志表示如事業單位受疫情影響終止生產、營業、倒閉或解散未辦理歇業登記且有積欠勞工工資、資遣費或退休金等情事市府為保障勞工權益將於大型勞資爭議調解程式中主動提供歇業事實認定相關資料；如應勞工之請求核發歇業事實證明文件透過歇業事實認定相關程式函詢有關單位提供協查資料並實地查察確認事業單位無營業事實後核發歇業事實證明文件。
吳威志強調勞工朋友遇有勞動權益問題可至勞工局網站查詢也可撥打專線04-22289111分機35200、1999市民一碼通或逕洽勞工局服務櫃台諮詢。</t>
  </si>
  <si>
    <t>勞工歇業單位工資積欠雇主事業認定權益事實退休金疫情提供保障相關營業情事威志費或</t>
  </si>
  <si>
    <t>歇業新冠肺炎疫情勞工局雇主</t>
  </si>
  <si>
    <t>肺炎疫情勞工歇業雇主</t>
  </si>
  <si>
    <t>行政衛生局司法po</t>
  </si>
  <si>
    <t>臺北市員警臉書PO文指上月底處理一起在家死亡案因死者死前發高燒通知衛生單位遭「甩鍋」衛生局不派員到場行政相驗推給司法相驗引發檢改團體「劍青檢改」質疑8日呼籲指揮中心勿坐視檢察官司法相驗案件</t>
  </si>
  <si>
    <t>司法po月底處理一起在家死亡死者發高燒通知衛生單位質疑衛生局中心</t>
  </si>
  <si>
    <t>臺北市員警臉書PO文指上月底處理一起在家死亡案因死者死前發高燒通知衛生單位遭「甩鍋」衛生局不派員到場行政相驗推給司法相驗引發檢改團體「劍青檢改」質疑8日呼籲指揮中心勿坐視檢察官司法相驗案件成為國內防疫破口籲請指揮中心盡速統合行政相驗與司法相驗流程。
劍青檢改表示當前疫情嚴峻對於染疫病死者應以最高規格防疫。如係「疑似」染疫而死亡者防疫視同作戰亦應以最高規格同等對待嚴防逸脫匡列導致病毒自遺體及遺屬間持續擴散。
但自5月上旬疫情爆發以來全國各地衛生局對「疑似」染疫死亡案件之介入標準低落消極。據統計目前除新北市政府、台南市政府採取「行政相驗優先原則」外包括臺北市政府在內之全國各縣市衛生局對於「非確診」自然死(病死)亡案件許多竟婉拒處理推由派出所員警、分局偵查佐報請司法相驗。
最近新聞大幅報導諸多確診案件其實均係由檢察官執行司法相驗。尤其司法相驗下採檢送核酸檢測(PCR)時程較慢且量能有限導致員警、檢察官、遺屬、殯葬人員在結果出爐前均暴露於高風險下儼然將形成防疫巨大破口各地反映溝通均未果亟待指揮中心立即統一全國作法緊急應變。
目前警方受理死亡通報案件各地衛生局介入程度差異極大且第一時間衛生局更無統一授權對遺體及遺屬進行快篩致各地員警做法不一且缺乏保護均形成防疫破口。政府應儘速統一作法明令要求並提供抗原檢測快篩以保護員警、殯葬人員、遺屬且及時防止擴散。
劍青檢改建議指揮中心協調以下作法；一、疫情期間行政相驗優先原則；二、非病死由司法相驗補充；三、已經列管確診在案者如經通報死亡無論其在防疫旅館或住家均應由當地衛生機關先行辦理行政相驗。
四、疫情期間就行政相驗民眾所需繳納規費建議一律予以免除以免民眾為節省相關費用而選擇員警、檢察官司法相驗逸脫快篩及檢驗而造成防疫破口；五、自員警受理民眾通報死亡階段即能獲得衛生局及防疫窗口專人立即到場協助先進行行政相驗、快篩檢驗或司法相驗分流才能截堵疫情擴散於前線。</t>
  </si>
  <si>
    <t>防疫衛生局司法案件員警死亡行政疫情指揮中心遺屬檢察官民眾確診統一全國作法通報擴散處理</t>
  </si>
  <si>
    <t>新冠肺炎台灣衛生局行政相驗劍青檢改</t>
  </si>
  <si>
    <t>衛生局行政臺灣肺炎</t>
  </si>
  <si>
    <t>醫學權威病毒研究結果驚人</t>
  </si>
  <si>
    <t>「新冠狀肺炎COVID-19」疫情延燒讓全球至少150國出現確診案例搞的人心惶惶但對於病毒究竟起源自何處至今說法眾說紛紜。但近期有美國的研究所協同多個國家進行研究武漢肺炎病毒株的基因序後發現這種病毒並</t>
  </si>
  <si>
    <t>病毒肺炎疫情全球至少武漢出現確診研究協同國家研究所美國案例近期進行眾說紛紜說法人心惶惶對於至今源自究竟</t>
  </si>
  <si>
    <t>病毒研究自然醫學研究所演化冠狀起源實驗室說法美國斯克裡普斯世界製造人類人為全球突變發現論文包括機構可能傳染給</t>
  </si>
  <si>
    <t>Scripps Research InstituteNature Medicine武漢肺炎新冠肺炎台灣</t>
  </si>
  <si>
    <t>medicine肺炎nature武漢instituteresearchscripps臺灣</t>
  </si>
  <si>
    <t>參加全大陸抗擊新冠肺炎疫情表彰大會 林天良：兩岸好台灣才會好</t>
  </si>
  <si>
    <t>表彰大會肺炎疫情兩岸抗擊大陸臺灣參加才會好</t>
  </si>
  <si>
    <t>「全國抗擊新冠肺炎疫情表彰大會」今天上午在北京人民大會堂舉行旺旺集團北京首席代表、全國台企聯常務副會長林天良表示很榮幸代表所有『旺旺人』出席。旺旺一直秉持著回饋社會的理念參與兩岸各項救援行動！兩</t>
  </si>
  <si>
    <t>全國理念社會疫情肺炎表彰大會表示參與林天良企聯會長常務副一直今天上午代表北京人民大會堂舉行榮幸集團兩岸北京</t>
  </si>
  <si>
    <t>「全國抗擊新冠肺炎疫情表彰大會」今天上午在北京人民大會堂舉行旺旺集團北京首席代表、全國台企聯常務副會長林天良表示很榮幸代表所有『旺旺人』出席。旺旺一直秉持著回饋社會的理念參與兩岸各項救援行動！兩岸好台灣才會好。
今年初新冠疫情爆發後旺旺集團董事長蔡衍明與首席營運官蔡旺家等人親自坐陣指揮旺旺員工全體動員起來加速復工復產並投入各地防疫工作。
旺旺集團積極向第一線的醫護、軍警、防疫單位捐贈乳飲食品、旺旺水神微酸性電解次氯酸水生成器及各類噴瓶協助各地抗疫工作捐贈物資價值超過人民幣8000萬元。
旺旺人也不畏艱難奮戰各地疫情最前線包括：湖南旺旺醫院派遣16人醫護團隊馳援武漢金銀潭醫院47天；旺旺人也趕赴武漢、綏芬河、北京新發地等重點疫區協助抗疫。
旺旺集團始終認為：『兩岸好台灣才會好』『九二共識』就是兩岸一家人的共識無論從歷史、血緣、文化台灣人就是中國人所以當然要相挺！</t>
  </si>
  <si>
    <t>集團疫情兩岸捐贈防疫北京工作醫護協助臺灣武漢全國共識才會好醫院表示社會</t>
  </si>
  <si>
    <t>旺旺兩岸疫情旺旺集團集團</t>
  </si>
  <si>
    <t>兩岸集團疫情</t>
  </si>
  <si>
    <t>蝙蝠丁森</t>
  </si>
  <si>
    <t>34歲英國男星羅伯派丁森（Robert Pattinson）雖因《暮光之城》系列走紅但也花了很長時間才藉獨立製片電影甩掉發光吸血鬼的形象他在上映中的新片《天能》正式回歸主流大片飾演穿針引線的男配角卻搶走男主角約翰</t>
  </si>
  <si>
    <t>男配角pattinson穿針引線飾演大片之城主流走紅回歸正式新片中的時間上映robert形象吸血鬼獨立發光製片</t>
  </si>
  <si>
    <t>34歲英國男星羅伯派丁森（Robert Pattinson）雖因《暮光之城》系列走紅但也花了很長時間才藉獨立製片電影甩掉發光吸血鬼的形象他在上映中的新片《天能》正式回歸主流大片飾演穿針引線的男配角卻搶走男主角約翰大衛華盛頓（John David Washington）不少風采將接棒成為新任蝙蝠俠的他4日卻驚傳確診新冠肺炎導致才復拍3天的新版《蝙蝠俠》被迫2度停拍。
新版《蝙蝠俠》片商華納兄弟公司雖僅表示「製作團隊中有1名成員的新冠肺炎檢測結果為陽性目前已遵照既定程式進行隔離電影拍攝暫時停止」並拒絕透露染疫者的身分但包括《浮華世界》與《好萊塢報導》等媒體都藉內部消息證實確診者就是派丁森。
新冠疫情不僅重創好萊塢許多A咖明星也接連傳出染疫除了湯姆漢克斯（Tom Hanks）在3月確診凱文哈特（Kevin Hart）也在上周透露年初染疫巨石強森（Dwayne Johnson）則在3日宣佈自己、妻子與2個女兒全都罹患了新冠肺炎。
新片上映檔期恐延後
新版《蝙蝠俠》拍攝過程一波三折先前宣佈派丁森將化身蝙蝠俠時曾遭粉絲群起抗議3月時則配合疫情停止拍攝沒想到才在英國復拍3天又再度停擺電影原預定在2021年10月上映現在恐因開工進度延誤而退檔期。</t>
  </si>
  <si>
    <t>蝙蝠電影確診上映拍攝肺炎好萊塢宣佈疫情新片停止丁森透露英國</t>
  </si>
  <si>
    <t>好萊塢停止肺炎疫情染疫</t>
  </si>
  <si>
    <t>停止肺炎疫情好萊塢</t>
  </si>
  <si>
    <t>境外指揮中心說明</t>
  </si>
  <si>
    <t>再增1確診！中央流行疫情指揮中心今（10日）宣佈新增1例境外移入個案下午2時將由發言人莊人祥召開臨時記者會說明個案相關事宜。根據指揮中心資料我國新冠肺炎目前累計病例有496例確診分別為404例境外移入病</t>
  </si>
  <si>
    <t>中心指揮個案確診境外流行疫情肺炎目前病例累計召開記者會我國發言人資料時將說明下午相關事宜新增宣佈</t>
  </si>
  <si>
    <t>再增1確診！中央流行疫情指揮中心今（10日）宣佈新增1例境外移入個案下午2時將由發言人莊人祥召開臨時記者會說明個案相關事宜。
根據指揮中心資料我國新冠肺炎目前累計病例有496例確診分別為404例境外移入病例55例本土病例36例敦睦艦隊及1例不明（比利時工程師）。而確診個案中有7人死亡、475人解除隔離、13人住院隔離中。
另繼加利口罩之後今又傳出一家實名制口罩廠私下將進口的「非醫用口罩」冒充成醫用口罩在市面上販售昨日下午彰化檢警接獲通報便發動搜索發現為員林市豪品公司且該公司已有200多萬片的假醫用口罩流入市面其負責人涉法詐欺及妨害農工商等罪嫌複訊後諭知以200萬元交保。
指揮中心再次提醒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口罩中心個案指揮通報確診下午檢疫症狀病例就醫境外是否tocc史及接觸職業</t>
  </si>
  <si>
    <t>境外移入新冠肺炎指揮中心</t>
  </si>
  <si>
    <t>肺炎指揮中心境外</t>
  </si>
  <si>
    <t>基金復蘇歐元登國際金融新高</t>
  </si>
  <si>
    <t>一連串新冠肺炎候選疫苖臨床試驗的好消息以及歐盟成員國領袖接近就新冠紓困復甦計畫達成協議帶來提振週一歐洲股市盤中由跌轉升。週一收盤泛歐Stoxx 600指數上漲075%為37551點歐元兌美元站上逾4個月新高</t>
  </si>
  <si>
    <t>週一歐元上漲指數stoxx泛歐收盤試驗股市歐洲臨床消息歐盟成員國帶來領袖達成協議接近</t>
  </si>
  <si>
    <t>一連串新冠肺炎候選疫苖臨床試驗的好消息以及歐盟成員國領袖接近就新冠紓困復甦計畫達成協議帶來提振週一歐洲股市盤中由跌轉升。
週一收盤泛歐Stoxx 600指數上漲075%為37551點歐元兌美元站上逾4個月新高。醫療保健股指數上漲12%漲幅最大。旅遊休閒股下挫09%表現最疲弱。
歐元兌美元漲012%報11441美元盤中一度站上114675美元創下逾4個月新高。
美國藥廠輝瑞（Pfizer）與德國生技公司BioNTech合作開發的新冠肺炎疫苗以及牛津大學與阿斯利康（AstraZeneca）合作開發的候選疫苗都在早期臨床試驗中傳出令人振奮的好消息。
德國總理梅克爾表示在7500億歐元（8580億美元）新冠復甦基金與規模約11兆歐元的2021～2027年共同預算案方面歐盟各成員國領導人已經具備達成協議的基礎。為瞭解決在關鍵議題上的分歧歐盟高峰會已延長至第4天。
回應中國實施《港區國安法》英國宣佈將暫停與香港簽定的引渡條例在中英兩國緊張關係升高下英國股市表現相對疲弱富時100指數跌046%為6261點。
德國DAX指數漲099%為13046點。法國CAC 40指數漲047%為5093點。義大利富時MIB指數漲099%為20621點。西班牙IBEX 35指數漲升051%為7478點。</t>
  </si>
  <si>
    <t>指數歐元歐盟英國達成協議成員國臨床消息股市表現合作開發盤中試驗德國週一肺炎上漲疲弱復蘇</t>
  </si>
  <si>
    <t>指數歐盟疫苖復甦基金新冠</t>
  </si>
  <si>
    <t>復蘇基金歐盟指數</t>
  </si>
  <si>
    <t>早餐店老闆泡茶陰轉陽嘉義確診</t>
  </si>
  <si>
    <t>中央流行疫情指揮中心7日下午2點公佈嘉義縣新增1位新冠肺炎確診案例嘉義縣長翁章梁7日線上疫情記者會中指出該案11541是73歲男性是大林泡茶群聚中早餐店的爸爸原先採檢為陰性居家隔離中6日因喉嚨痛送醫採檢</t>
  </si>
  <si>
    <t>嘉義疫情中心新增肺炎確診公佈下午案例早餐縣長記者會翁章梁爸爸原先喉嚨隔離陰性居家</t>
  </si>
  <si>
    <t>中央流行疫情指揮中心7日下午2點公佈嘉義縣新增1位新冠肺炎確診案例嘉義縣長翁章梁7日線上疫情記者會中指出該案11541是73歲男性是大林泡茶群聚中早餐店的爸爸原先採檢為陰性居家隔離中6日因喉嚨痛送醫採檢確診。
案11541是為案8862的丈夫5月30日因太太、女兒確診列為居家隔離6月6日居家隔離第7天上午出現喉嚨痛症狀由衛生局安排防疫計程車就醫採檢後確診。
嘉義縣衛生局長趙紋華指出案11541確診ct值15推測5月30日採檢時可能是潛伏期可傳染期約為發病日前兩天以此回推疫調因該男當時在居家隔離中有電子圍籬監測因此無其他足跡。
翁章梁在記者會中表示有關大林泡茶群聚案縣府針對周邊鄰居、訪查找出可能的接觸者、有重覆足跡且有症狀、社區群聚點等啟動擴大篩檢專案完成4場次篩檢377人除先前公佈的確診個案其餘皆為陰性請地方不要有過多揣測。</t>
  </si>
  <si>
    <t>確診居家嘉義隔離可能公佈陰性翁章梁症狀足跡記者會指出疫情喉嚨泡茶大林日前以此發病</t>
  </si>
  <si>
    <t>新冠肺炎台灣 確診1154採檢</t>
  </si>
  <si>
    <t>肺炎臺灣確診</t>
  </si>
  <si>
    <t>專家高潮防疫殺病毒</t>
  </si>
  <si>
    <t>新冠肺炎〈COVID-19〉的疫情持續升溫各國也積極投入疫苗與藥物的開發還有不少人針對自己的專業提出防疫小撇步像是俄羅斯一名性學專家日前就在自己的課程中提出一項論點認為透過性愛、高潮可以達到防疫的效果</t>
  </si>
  <si>
    <t>提出防疫疫情持續升溫積極投入高潮疫苗covid-藥物透過性愛開發認為還有論點專家專業課程日前像是俄羅斯</t>
  </si>
  <si>
    <t>新冠肺炎〈COVID-19〉的疫情持續升溫各國也積極投入疫苗與藥物的開發還有不少人針對自己的專業提出防疫小撇步像是俄羅斯一名性學專家日前就在自己的課程中提出一項論點認為透過性愛、高潮可以達到防疫的效果也認為許多染病的年長者就是因為缺乏性活動病情才會如此嚴重！
Natalia Kobylkina (Official)（@nataliakobilkina）分享的貼文 於 PDT 2020 年 3月 月 18 日 上午 4:23 張貼
根據外媒報導俄羅斯的知名性學專家納塔莉亞科比姬奈（Natalia Kobikinai）因為經常在網路上分享豐富的性愛資訊或相關知識讓她受到眾多粉絲推崇。近日她在線上的課程中向學員聲稱「性愛可以達到防疫的效果」此論點也瞬間在網路上掀起熱烈的討論。
納塔莉亞認為性行為可以刺激人體的免疫系統表現投入的「口愛」還能提升高朝的效果進一步掃除冠狀病毒這個「業障」她提到「我可以向你保證性高潮會殺死所有冠狀病毒。因為性愛可以激發你的免疫系統對冠狀病毒有很好的預防作用至於年長者為什麼會容易生病？正是因為他(她)們缺乏性高潮。如果有充足的性行為活動他(她)們就更能對抗病毒。」 但是目前這番論點尚未被醫學界證實也有不網友不認同她的說法奉勸她不要胡說八道。</t>
  </si>
  <si>
    <t>可以病毒性愛認為論點效果防疫投入分享網路上年長者natalia活動提出性高潮性行為課程免疫系統俄羅斯專家</t>
  </si>
  <si>
    <t>性愛防疫性學專家啪啪高潮新冠肺炎</t>
  </si>
  <si>
    <t>專家高潮防疫性愛肺炎</t>
  </si>
  <si>
    <t>新冠肺炎疫情未歇各國紛紛投入疫苗研發。中央流行疫情指揮中心昨透露我國日前已向國際疫苗廠支付部分訂金目標是要取得1000萬劑的新冠疫苗。若再加上向COVAX採購的疫苗至少有近1500萬劑的疫苗在手中。何時到</t>
  </si>
  <si>
    <t>疫苗疫情目標支付國際已向日前部分透露我國訂金中心指揮取得紛紛流行中央研發投入至少採購</t>
  </si>
  <si>
    <t>新冠肺炎疫情未歇各國紛紛投入疫苗研發。中央流行疫情指揮中心昨透露我國日前已向國際疫苗廠支付部分訂金目標是要取得1000萬劑的新冠疫苗。若再加上向COVAX採購的疫苗至少有近1500萬劑的疫苗在手中。
何時到貨無法保證
指揮官陳時中說明1000萬劑的疫苗是之前所談到的「口袋名單」目前共有3家正在洽談的疫苗廠為COVAX以外的來源。不過究竟是哪一間藥廠礙於保密協定他並未透露。
由於目前加入COVAX平臺的疫苗分別有AZ、BNT以及賽諾菲Moderna還在觀望中因此外界猜測陳時中所洽談的疫苗廠很可能是Moderna。
陳時中表示若將與廠商直接洽談的疫苗加上COVAX平臺採購的疫苗至少有1500萬劑疫苗在手中。
至於何時能夠取得新冠肺炎疫苗陳時中說無法保證強調一切都在談判之中他自己不喜歡談論疫苗的到貨時間如果掀底牌說明年第2季可以取得那原本有可能在第1季拿到的疫苗是不是又要延後了？一切談判都需保密。
國內昨新增5名新冠肺炎境外移入個案其中3人為印尼移工、2人為菲律賓移工均無症狀於集中檢疫期滿前採檢後確診。截至目前國內共累計623名確診案例。
台列適合旅遊地區
此外彭博社發布了「新冠疫情時代哪些最適合和最不適合去的地方」的排行榜。台灣排名僅次於第一名紐西蘭和第二名日本榮居全球最適合去的地方。
美下月分發640萬劑
另美國衛生部長阿紮爾24日證實疫苗安全及效果審查機構定於12月10日召開會議。如果一切順利美國將會在12月10日之後立即啟動在全美的疫苗分發。初期640萬劑將分發到各州由州政府自定接種順序。
白宮首席防疫專家佛奇則表示他預期明年5月前為70%美國人接種疫苗實現群體免疫從而讓美國恢復正常。
歐盟執行委員會主席馮德萊恩24日表示歐盟將與莫德納簽署第6份與疫苗生產商的預訂合約確保16億劑疫苗供應。</t>
  </si>
  <si>
    <t>疫苗美國表示適合目前covax疫情洽談分發取得肺炎接種moderna明年透露談判保密國內到貨</t>
  </si>
  <si>
    <t>分發洽談陳時中疫苗廠美國</t>
  </si>
  <si>
    <t>陳時中疫苗洽談分發美國</t>
  </si>
  <si>
    <t>日本醫護慰勞</t>
  </si>
  <si>
    <t>新冠疫情衝擊全球醫護人員堅守第一線不僅辛苦且需承擔巨大風險。日本厚生勞動省24日宣佈將向每名醫護人員發放最高20萬日圓（約新台幣55萬元）慰勞金；在加護病房照顧重症患者的人員薪資可能增至目前的3倍。</t>
  </si>
  <si>
    <t>醫護人員人員患者重症照顧病房薪資勞金全球台幣堅守巨大風險第一線日本厚生勞動辛苦需承擔日圓宣佈最高</t>
  </si>
  <si>
    <t>日本醫護人員疫情患者日圓同意nhk經濟報導重新宣佈可能政府全球人數勞金發放病房員工設施</t>
  </si>
  <si>
    <t>醫護人員鑽石公主號員工NHK慰勞金</t>
  </si>
  <si>
    <t>員工公主nhk慰勞鑽石醫護人員</t>
  </si>
  <si>
    <t>隔離檢疫居家宣導內政</t>
  </si>
  <si>
    <t>為宣導居家隔離檢疫不要趴趴走內政部小編今天在臉書貼出心跳示意圖原先是正常心跳收到罰單後一陣錯亂接著心跳停止有網友留言然後呢？然後他就死掉了內政部今天仿心跳貼出應隔離檢疫者到夜店趴趴走然後</t>
  </si>
  <si>
    <t>心跳貼出內政檢疫今天隔離收到停止網友留言不要正常單後錯亂</t>
  </si>
  <si>
    <t>為宣導居家隔離檢疫不要趴趴走內政部小編今天在臉書貼出心跳示意圖原先是正常心跳收到罰單後一陣錯亂接著心跳停止有網友留言然後呢？然後他就死掉了
內政部今天仿心跳貼出應隔離檢疫者到夜店趴趴走然後收到百萬罰單的心跳瞬間三格示圖許多網友認為創意十足。
內政部在官方臉書留言動茲動茲～夜店趴趴走！以為黑壓壓一片員警就找不到你嗎？錯！M-Police連線疾管署資料庫臨檢用身分證號護照或居留證查詢一查就讓你現出原形！
小編也說不要成為防疫豬隊友！拜託拜託拜託（小編再300萬次拜託）居家檢疫或隔離期間不要亂跑好好待在家。居家檢疫期間違規外出依法罰10至100萬！</t>
  </si>
  <si>
    <t>心跳檢疫不要內政隔離網友居家留言貼出收到期間今天臨檢身分資料庫證號管署</t>
  </si>
  <si>
    <t>新冠肺炎COVID-19武漢肺炎新型冠狀病毒居家隔離</t>
  </si>
  <si>
    <t>肺炎武漢covid-病毒冠狀居家隔離</t>
  </si>
  <si>
    <t>神密領頭羊動作大亂鬥民進吃飯</t>
  </si>
  <si>
    <t>民進黨內大小派系的競合令人咋舌新系身為最大派系其中的山頭更是動見觀瞻。今年二月初賴清德宣稱以「個人身分」低調赴美出席華盛頓一年一度的「全美祈禱早餐會」但因他的「準副總統」身分格外敏感隱含著「</t>
  </si>
  <si>
    <t>身分派系總統令人咋舌早餐會全美祈禱一年一度華盛頓出席赴美山頭觀瞻今年二月更是低調個人</t>
  </si>
  <si>
    <t>民進黨內大小派系的競合令人咋舌新系身為最大派系其中的山頭更是動見觀瞻。今年二月初賴清德宣稱以「個人身分」低調赴美出席華盛頓一年一度的「全美祈禱早餐會」但因他的「準副總統」身分格外敏感隱含著「台灣最高層級官員訪問華府」的意涵備受矚目；近期更傳出賴清德私下邀請立法院「親賴」立委餐敘動作頻頻引發黨內議論。
訪美前幾天正值新冠肺炎疫情升溫賴清德在臉書公開倡議「此時正是兩岸合作的時機」以及「幫助中國就等於幫助台灣」與蔡英文、蘇貞昌「台灣自助優先」方向不同甚至讓藍營人士撿到槍消遣民進黨政府引發綠營內部不滿。因此傳出賴清德訪美期間臺北高層還特別致電提醒不要太過高調。
一位民進黨南部立委指出賴清德去年因為參加總統初選掀起黨內「茶壺風暴」不少人將其定位為「政變」一連串發言和動作都讓執政團隊頭痛。日前賴還邀林俊憲、郭國文、林宜瑾和高嘉瑜等立委聚餐更被外界視為招兵買馬、厚植實力之舉。
「賴清德找立委吃飯培養感情是從當台南市長就有的習慣但賴清德有競爭下任總統的企圖心五二○還沒到動作就這麼多不免讓人說閒話而且賴清德又是去年初選後被蔡英文『撿回來』當作副手人選應該先安分二年再說更何況大家會拿前後幾位副總統來做比較。」政壇人士直白地說賴清德的動作就是一心想再上一層樓但他在與黨內其他派系競爭前恐怕會先被拿來跟同為新系的桃園市長鄭文燦對比。相形之下鄭文燦經營青年議題、網路操作有謀略也比較考量政通人和。
更多 CTWANT 報導</t>
  </si>
  <si>
    <t>賴清德動作黨內總統派系民進臺灣身分比較人士蔡英文引發傳出市長競爭</t>
  </si>
  <si>
    <t>賴清德立委動作新系黨內</t>
  </si>
  <si>
    <t>動作賴清德黨內</t>
  </si>
  <si>
    <t>漂流乘客威士特丹總理結束下船歡迎</t>
  </si>
  <si>
    <t>荷美公司（Holland America Line）旗下遊輪「威士特丹」號（Westerdam）因為受全球新冠肺炎疫情蔓延影響陸續遭5個港口拒絕在海上漂流了兩星期終於獲准停靠柬埔寨。柬國總理洪森14日在沒戴口罩的情況下親自前</t>
  </si>
  <si>
    <t>americaline口罩遊輪威士特丹洪森總理westerdam柬國柬埔寨全球停靠獲准終於肺炎星期疫情漂流蔓延海上影響拒絕</t>
  </si>
  <si>
    <t>荷美公司（Holland America Line）旗下遊輪「威士特丹」號（Westerdam）因為受全球新冠肺炎疫情蔓延影響陸續遭5個港口拒絕在海上漂流了兩星期終於獲准停靠柬埔寨。
柬國總理洪森14日在沒戴口罩的情況下親自前往港口獻上玫瑰花束歡迎下船的乘客與船上工作人員甚至與下船的乘客擁抱。
據路透報導遊輪上有1455名乘客與802名工作人員。遊輪13日停靠施亞努市（Sihanoukville）的港口。柬埔寨衛生部說經過檢測後並未發現有人感染新冠病毒。柬國聲明中說正協調各國安排包機協助旅客返國。聲明說等最後細節敲定後將會告訴旅客。
當「威士特丹」號13日晚終於停靠柬埔寨時船上歡聲雷動。世界衛生組織（WHO）秘書長譚德塞（Tedros Adhanom Ghebreyesus）大讚柬埔寨說它為「國際團結」樹立了典範而這正是WHO所要求的。
76歲的船上旅客葛列格里（William Gregory）說雖然遊輪在海上漂流但他很滿意船上的待遇。「他們讓我們保持精神振奮」他說「我很輕鬆根本沒壓力還打了太極拳。」
先前據《商業內幕》（Business Insider）網報導由於船上13日有20人腹痛發燒接受新冠肺炎病毒檢測其餘超過2250名乘客接受隔離。不過經過檢測這些人呈陰性反應乘客14日已開始下船。
另一方面台灣中央流行疫情指揮中心指出已掌握遊輪旅客共1458人其中2名台灣人其餘是外籍或中港澳人士。台灣將允許2名國人入境並安排住院採檢。若檢驗為陽性將繼續住院隔離治療；若為陰性則讓他們返家自主健康管理14天。</t>
  </si>
  <si>
    <t>船上游輪旅客柬埔寨乘客港口停靠下船安排隔離臺灣疫情威士特丹who住院柬國報導聲明</t>
  </si>
  <si>
    <t>武漢肺炎新型冠狀病毒全球威士特丹號柬埔寨</t>
  </si>
  <si>
    <t>病毒冠狀全球威士特丹肺炎武漢柬埔寨</t>
  </si>
  <si>
    <t>心理準備享受學習延長幸福鄭文燦</t>
  </si>
  <si>
    <t>桃園市長鄭文燦5日直言大家要有心理準備三級管制可能延長學習適應生活中感受到的不便「假設什麼都一樣就不叫三級管制！」社會活動要降到1成適應戴口罩、不聚會、沒聚餐的日子「適應一個人靜靜的幸福！」</t>
  </si>
  <si>
    <t>適應管制直言聚餐心理準備生活延長感受不便口罩假設學習可能降到社會活動日子聚會鄭文燦</t>
  </si>
  <si>
    <t>桃園市長鄭文燦5日直言大家要有心理準備三級管制可能延長學習適應生活中感受到的不便「假設什麼都一樣就不叫三級管制！」社會活動要降到1成適應戴口罩、不聚會、沒聚餐的日子「適應一個人靜靜的幸福！」
「三級管制確實有可能延長！」鄭文燦說以各國的經驗封城令延長很正常台灣還沒到達封城令、也還沒到達居家令的程度但是一定要做好心理準備三級管制確實有可能延長。
鄭文燦說因應三級警戒延長市府已經做好準備包括學校停課如果延長到暑假該做的調整大部分的管制政策會延續市府會根據這段時間管制的經驗在6月14日以後進行防疫對策的微調有的會提高、有的會微調。
鄭文燦說有些管制政策大家可能已經習慣有的還不太習慣必須要學習適應生活中感受到的不便「假設都一樣的話就不叫三級管制！」要把社會活動降到10％、20％不諱言是生活上很大的調整、不便也是很正常必須提高個人防護適應戴口罩、不聚會、零聚餐的日子適應一個人靜靜的幸福呼籲大家要有三級管制延長的心理準備。</t>
  </si>
  <si>
    <t>管制延長適應鄭文燦可能生活做好不便已經經驗調整正常必須市府提高政策</t>
  </si>
  <si>
    <t>新冠肺炎台灣延長三級管制適應</t>
  </si>
  <si>
    <t>臺灣延長肺炎管制適應</t>
  </si>
  <si>
    <t>確診新高歐美香港返回</t>
  </si>
  <si>
    <t>香港新冠肺炎確診人數近日不斷飆升衞生防護中心表示今(20)日激增48例確診再創單日新高。其中新增的病患絕大部分是國外返港人士及他們的緊密接觸者包括8名留學生其他確診人士大多由歐美地區旅遊返回。據《</t>
  </si>
  <si>
    <t>確診人士留學生緊密近日人數衛生防護不斷接觸中心表示國外新增激增再創大多肺炎包括</t>
  </si>
  <si>
    <t>香港新冠肺炎確診人數近日不斷飆升衞生防護中心表示今(20)日激增48例確診再創單日新高。其中新增的病患絕大部分是國外返港人士及他們的緊密接觸者包括8名留學生其他確診人士大多由歐美地區旅遊返回。
據《東網》報導香港衛生署衛生防護中心傳染病處主任張竹君在記者會上表示今日新增個案包括25男23女年齡介乎於4至69歲香港的累計確診病例至今增至257宗(包括256宗確診及1宗懷疑個案)。48宗新確診個案中有36宗個案有外遊大部分為歐洲有到新加坡、瑞士、英國、土耳其、加拿大、奧地利、泰國及杜拜等國。
張竹君說部分個案屬密切接觸者另有個案沒有外遊紀錄包括一名出租汽車司機懷疑由乘客傳染機會較大。此外尚有一確診案涉及一名上周來港的菲傭一名轉機澳洲籍人士一名曾到奧地利訓練的運動員以及度蜜月返港後確診。
對於今日個案創新高張竹君認為因為多人外地回港希望只是短暫高峰盡量控制疫情建議市民保持社交距離避免進行不戴口罩的活動。</t>
  </si>
  <si>
    <t>確診個案包括竹君人士香港奧地利表示新增衛生防護中心今日懷疑進行避免距離社交保持市民建議</t>
  </si>
  <si>
    <t>建立中央侯友宜ct快速抗體確診檢驗新北流程</t>
  </si>
  <si>
    <t>新北市今新增確診3人分佈在永和、板橋、土城區各1人新北市長侯友宜表示這3人CT值都超過30以上不具傳染力；針對三峽個案新北也已同時啟動血清抗體檢驗10人結果都是陽性代表都是舊案新北在這段期間</t>
  </si>
  <si>
    <t>新北分佈確診城區結果不具以上三峽個案ct傳染超過檢驗抗體血清啟動新增永和板橋市長侯友宜表示</t>
  </si>
  <si>
    <t>新北市今新增確診3人分佈在永和、板橋、土城區各1人新北市長侯友宜表示這3人CT值都超過30以上不具傳染力；針對三峽個案新北也已同時啟動血清抗體檢驗10人結果都是陽性代表都是舊案新北在這段期間確診個案都是CT值超過30、陪病看診篩檢出的個案呼籲中央針對不具傳染力的個案嚴格面對制定SOP快速抗體檢驗流程追源頭釐清。
侯友宜說今日新增確診3人土城個案在5月14日跟朋友同住朋友是確診個案個案在8月16、19、20日陪同朋友住院前幾次採檢都是陰性但在28日採檢陽性CT值是38比較不具傳染力應該屬於舊案。
板橋個案則是在28日陪家人到醫院看長輩採檢後呈現陽性CT值3046且同住父母和親屬都是陰性推測應該也是舊案。另外永和個案是陪先生到台大醫院回診29日先生轉病房住院個案採檢陽性CT值超過30目前2案都在疫調中。
針對昨日三峽個案侯友宜也說新北市改變策略作法三峽10位確診已同時做血清抗體檢驗結果都是陽性代表這些個案都是舊案、無症狀確診者研判超過1、2個月時間而這類舊案、沒有傳染力的個案在新北市的比例愈來愈多且都是在陪病看診中篩檢發現因此呼籲大家還是要出來篩檢新北也將針對這類個案加驗血清抗體釐清感染時間。
侯友宜說建議中央採取不同的疫情策略方式針對不具傳染力的個案嚴格面對制定快速抗體檢驗流程制定SOP快速抗體檢驗流程才可以瞭解舊案多久時間感染釐清感染源頭因應不同狀況應該有不同的策略和戰略。</t>
  </si>
  <si>
    <t>個案新北確診舊案抗體侯友宜ct超過傳染應該檢驗陽性策略三峽不具時間不同</t>
  </si>
  <si>
    <t>個案CT檢驗舊案抗體</t>
  </si>
  <si>
    <t>ct檢驗個案舊案抗體</t>
  </si>
  <si>
    <t>衝擊智慧手機疫情年產量肺炎衰退</t>
  </si>
  <si>
    <t>新冠肺炎疫情持續影響智慧型手機供應鏈在主要生產工廠復工進度不明確、人力返崗比例偏低以及物流運輸中斷等因素下供應鏈恢復狀況不如預期推估影響時間將達1至3個月預計到三月下旬才會回復到正常水準。有鑑</t>
  </si>
  <si>
    <t>影響供應回復持續三月預計智慧正常人力時間比例明確手機物流生產工廠進度復工運輸</t>
  </si>
  <si>
    <t>新冠肺炎疫情持續影響智慧型手機供應鏈在主要生產工廠復工進度不明確、人力返崗比例偏低以及物流運輸中斷等因素下供應鏈恢復狀況不如預期推估影響時間將達1至3個月預計到三月下旬才會回復到正常水準。
有鑑於此全球市場研究機構TrendForce將2020年第一季智慧型手機生產量由疫情爆發前預測的307億支擴大下修至27億支較2019年同期衰退133%。
觀察第一季市場需求中國市場因春節銷售遲滯影響通路承受極高的庫存壓力；海外銷售則因疫情在2月中下旬後大規模擴散至全球70餘國成為第二波的疫情受害者第二季全球景氣也將受到牽連。TrendForce對第二季全球智慧型手機市場看法趨於保守預估生產量約318億支較2019年同期衰退約74%。
若在第二季結束前疫情能獲得有效控制下半年智慧型手機需求力道將明顯回升加上5G手機以及多鏡頭機種的推出預估2020年全球智慧型手機生產總數將達1351億支（疫情爆發前預測為141億支）年衰退35%。對於全年5G手機的產量預估TrendForce也由原先的25億支調整至2億支占所有智慧型手機比例約148%。
更多 CTWANT 報導</t>
  </si>
  <si>
    <t>手機疫情全球智慧影響市場預估trendforce比例銷售衰退供應下旬生產量生產預測爆發同期</t>
  </si>
  <si>
    <t>全球智慧型手機億支TrendForce第二季</t>
  </si>
  <si>
    <t>智慧手機trendforce全球</t>
  </si>
  <si>
    <t>部長印尼老婆口出狂言病毒無法控制並存</t>
  </si>
  <si>
    <t>新冠肺炎今年初爆發全球已有超過600萬人確診甚至有30多萬人因此喪命。印尼安全統籌部長馬富（Mohammad Mahfud）日前卻將新冠病毒比擬為叛逆的妻子強調若無法控制兩者就與他們並存而這番言論曝光後也引發極</t>
  </si>
  <si>
    <t>曝光言論並存無法控制強調妻子叛逆喪命全球印尼比擬爆發馬富統籌部長病毒安全mohammadmahfud日前超過</t>
  </si>
  <si>
    <t>新冠肺炎今年初爆發全球已有超過600萬人確診甚至有30多萬人因此喪命。印尼安全統籌部長馬富（Mohammad Mahfud）日前卻將新冠病毒比擬為叛逆的妻子強調若無法控制兩者就與他們並存而這番言論曝光後也引發極大爭議。
綜合外媒報導馬富26日舉辦一場大學線上演講提到新冠肺炎情的問題時他突然說道：「我們會永遠陷入困境之中嗎？我們可以適應這種狀況的同時持續關注健康。」
馬富繼續說道：「某天我從我的同事口中得知一個網路迷因（meme）他們說『新冠病毒就像是你的老婆起初你會想去控制她但到最後會發現做不到然後你就學會與她／它並存了。』」此番言論不僅遭到網友砲轟更被認為是性別歧視。
對此組織婦女團結（Women’s Solidarity）行政總裁丁達（Dinda Nisa Yura）發布聲明表示馬富的言論不僅反映出印尼政府對於疫情問題的消極態度更顯示了公職人員的性別歧視和厭惡女性的心態。
更多 CTWANT 報導</t>
  </si>
  <si>
    <t>馬富言論說道問題性別歧視並存病毒報導肺炎行政solidarity總裁women丁達dinda團結nisa婦女組織喪命yura</t>
  </si>
  <si>
    <t>新冠病毒並存言論部長無法</t>
  </si>
  <si>
    <t>言論並存部長病毒</t>
  </si>
  <si>
    <t>外資台積</t>
  </si>
  <si>
    <t>傳美國擬擴大華為禁令再加上蘋果公司對新冠肺炎提出財務預警台股護國神山台積電成外資提款機18日遭大賣40790張股價大跌287％、收322元市值蒸發2463億元市場緊盯新冠肺炎低點312元的支撐力。儘管台積</t>
  </si>
  <si>
    <t>肺炎華為禁令加上提款機蘋果公司外資山台積市值擴大蒸發市場預警提出財務</t>
  </si>
  <si>
    <t>傳美國擬擴大華為禁令再加上蘋果公司對新冠肺炎提出財務預警台股護國神山台積電成外資提款機18日遭大賣40790張股價大跌287％、收322元市值蒸發2463億元市場緊盯新冠肺炎低點312元的支撐力。
儘管台積電強調目前沒有調整第一季營運目標的計畫而半導體供應鏈也表示蘋果沒有砍減單的動作但美國未來牽制華為的強度將是一大變數。
瑞銀證券亞太區半導體首席分析師呂家璈便指出初步計算如果美國規範改變在當前的定義下（不包括設備）台積電來自美國的技術含量不到5％因此就算更改為10％以下台積電也可繼續出貨華為。
但是要是將有美國技術含量的設備也算進來台積電該比重就會來到17％也就是說如果美國改變對技術規則限制的定義就會為台積電能否在出貨給華為、海思半導體投下變數。外資估算華為占台積電營收比重約15％。
瑞信證券台灣區研究部主管艾蘭迪（Randy Abrams）指出台積電是華為智慧機應用處理器與基地台特殊應用晶片（ASIC）最重要晶圓代工合作對象考量到華為占大陸智慧機市場四成以上分額、在全球網路建設市占逾三成又是全球建構5G通訊的關鍵角色一旦華為5G發展步調受到壓抑整個晶圓代工產業都會受到衝擊。
他指出若由全球2020年可望出貨25億支5G智慧型手機、大陸就占121億支且將替台積電增加10～15億美元內含價值的預期來看若台積電無法再出貨給華為將同步受到直接與間接性衝擊。
儘管台積電尚握有蘋果、高效能運算（HPC）商機、AMD訂單與物聯網（IoT）等成長引擎然假設華為禁令規則更嚴苛使得5G發展降速瑞信認為台積電2020年的營運成長可能變得較緩和不容易達成年增二成的高度期望值。
外資18日賣超台積電逾4萬張占當日成交量比重6308％賣超總金額達1322億元創下史上外資單日提款第四大紀錄股價重挫95元跌287％收322元。
外資摩根大通、大摩、台灣匯立及瑞銀賣超逾5000張麥格裡及美林賣超逾4000張幾乎所有外資均站在賣方反倒是本土券商帶頭衝包括富邦、元大、永豐金三大證券總公司買超逾千張呈現土洋對作的現象。</t>
  </si>
  <si>
    <t>台積電華為外資美國證券指出全球比重智慧受到成長包括蘋果營運</t>
  </si>
  <si>
    <t>蘋果美國肺炎台積電外資</t>
  </si>
  <si>
    <t>蘋果肺炎外資台積電美國</t>
  </si>
  <si>
    <t>衛福部草屯療養院精神科醫師沈政男參考國外研究提出打兩劑AZ的保護力幾乎等於零因此打了也是白打這樣的說法引起討論不少醫師看了直呼這樣說法根本是在誤導民眾。而臺北市立聯醫陽明院區胸腔內科醫師蘇一峰</t>
  </si>
  <si>
    <t>醫師說法院區沈政男陽明參考國外提出臺北市立兩劑研究az民眾幾乎誤導等於零精神根本討論引起白打胸腔</t>
  </si>
  <si>
    <t>衛福部草屯療養院精神科醫師沈政男參考國外研究提出打兩劑AZ的保護力幾乎等於零因此打了也是白打這樣的說法引起討論不少醫師看了直呼這樣說法根本是在誤導民眾。而臺北市立聯醫陽明院區胸腔內科醫師蘇一峰則說打兩劑AZ不會白打但如果真的很擔心就趕快去打第三劑。
臺北市聯醫忠孝院區胃腸肝膽消化內科醫師陳昶宇昨在臉書發文表示打AZ疫苗真的是白打嗎？明明打完以後重症死亡風險至少降低了9成以上什麼混打或第三計都是要加強抗體不要太容易被輕症感染突破但說穿了只是增加自己副作用的風險去保護那些不打疫苗的人。讓他痛批「睜眼說AZ白打這種瞎話真的是在誤導民眾。」
陳昶宇也分享國際醫學期刊《刺胳針》的文章說「AZ+AZ+莫德納」的組合可得到最高的中和抗體以及最好的細胞免疫能力這是最近英國第三劑加強針試驗的結果比起「BNT+BNT+莫德納」都還要好所以打兩劑AZ真的是白打嗎？
胸腔內科醫師蘇一峰昨也在臉書發文說打兩劑AZ疫苗不會變成白打只是有可能無法防止Omicron感染但還是可以避免變成重症如果真的很擔心的話可以趕快去打加強針保護自己。
針對「打兩劑AZ保護力幾乎等於零」的說法中央流行疫情指揮中心指揮官陳時中昨也在記者會上回應說「太過解讀也不好！」目前全球主流意見中還沒有看到這樣的說法大多都是認為面對新冠變異株現有疫苗的保護力可能會降低而已。</t>
  </si>
  <si>
    <t>az醫師白打說法真的兩劑疫苗保護加強內科抗體感染風險重症變成莫德納可以民眾</t>
  </si>
  <si>
    <t>AZ白打兩劑保護力第三劑</t>
  </si>
  <si>
    <t>白打az保護兩劑</t>
  </si>
  <si>
    <t>議會暫停定期全縣學生請假疫情</t>
  </si>
  <si>
    <t>新冠肺炎疫情彰化縣昨兩日已15例確診16日晚間又傳出陸續有學生確診不少家長憂心校園群聚希望彰化縣政府宣佈停課未果乾脆直接幫小孩請假縣府教育處統計全縣9萬3千名中小學生17日共計有11萬人請假超</t>
  </si>
  <si>
    <t>確診請假直接乾脆未果小孩共計停課縣府宣佈縣政府中小學生教育處統計希望全縣校園家長憂心學生晚間</t>
  </si>
  <si>
    <t>新冠肺炎疫情彰化縣昨兩日已15例確診16日晚間又傳出陸續有學生確診不少家長憂心校園群聚希望彰化縣政府宣佈停課未果乾脆直接幫小孩請假縣府教育處統計全縣9萬3千名中小學生17日共計有11萬人請假超過1成。
目前彰泰國中因2學生確診全校停課2周連帶和群國中、芬園國中都有學生受影響被匡列或停課彰工考場縣府也已請彰化市公所清潔隊完成大規模清潔消毒但許多國立高中職學生今天也紛紛請假在家。
彰化縣議會原定上午舉行定期會開議縣政質詢不少縣議員到場簽到後彰化縣議長謝典林邀集各黨團協商經國民黨黨團書記長劉淑芳議員、無黨團結聯盟黨團會長吳淑娟議員、民進黨黨團總召許書維議員、時代力量吳韋達議員彰化縣副縣長林田富及民政處長賴致富等人同意暫停開議兩周。盼讓縣府全心投入防疫工作。
有議員在議事場外等候黨團協商結果紛紛為疫情炸鍋表示令人憂心由於彰化縣政府認為沒有停課必要不少議員私下也直指早就決定幫孩子們請好假乖乖待在家中不亂跑避免到校園增加群聚風險。
彰化縣議長謝典林表示週末2天快速改變大家習慣的生活方式更提醒我們嚴峻的疫情還沒過去彰化縣已進入準三級警戒的狀態最需要每一位元縣民努力配合懇請大家提高警覺但無須恐慌配合各項防疫政策戴口罩、勤洗手可以的話也盡量保持運動習慣以增強抵抗力。</t>
  </si>
  <si>
    <t>議員學生黨團停課縣府疫情請假確診防疫開議習慣配合紛紛表示憂心協商校園</t>
  </si>
  <si>
    <t>議員彰化新冠肺炎定期會暫停</t>
  </si>
  <si>
    <t>肺炎定期議員暫停</t>
  </si>
  <si>
    <t>病毒口罩龍頭清潔得救全台</t>
  </si>
  <si>
    <t>新冠肺炎來勢洶洶1月30日行政院下令徵調口罩第一波醫療人員優先的配給方案看似周全但漏洞不少從基層診所、醫療前線的清潔工、洗衣工、保全、住院病患、密閉空間的司機等許多「高危族」被遺忘！「在前線</t>
  </si>
  <si>
    <t>醫療前線行政院下令徵調空間司機密閉口罩來勢洶洶住院人員保全優先洗衣工看似配給清潔工方案周全但診所漏洞基層高危肺炎</t>
  </si>
  <si>
    <t>新冠肺炎來勢洶洶1月30日行政院下令徵調口罩第一波醫療人員優先的配給方案看似周全但漏洞不少從基層診所、醫療前線的清潔工、洗衣工、保全、住院病患、密閉空間的司機等許多「高危族」被遺忘！
「在前線我們是一群不被看見的小螺絲釘每天接觸病毒、接送病人卻買不到口罩那種恐慌誰能瞭解？如果不是為了自救我們不會出來開第一槍抗議。」威合威務公司是全台最大的後勤管理外包商副總經理陳嬿宇嚴肅的強調員工們服務的醫院中不乏新冠肺炎確診病例風險很高萬一員工染病成了防疫缺口到時再來反應就來不及了。
這一切的混亂始於大年初六（1月31日）的中央口罩徵調令隔天總部位於臺北的威合威務聞訊上下亂成一團陳嬿宇到班後快步走向口罩貯藏室鑰匙一開眼前一片空盪盪令她倒抽一口氣。
威合威務不是第一次在前線防疫作戰超過三分之一的員工曾經參與抗SARS成軍31年首度打破沉默第一槍就開向中央。
「每個月口罩用量約8千盒如果以目前每人每天提供一片口罩計算現場十幾箱的存貨恐怕撐不到7天。年前訂的口罩還沒有到貨口罩徵調政策一出公司中槍倒地！我們全台服務的醫院近80家派駐醫院的員工4千多人要去哪裡買這麼大量的口罩？」陳嬿宇痛訴清潔人員工作包含收垃圾難免會碰到病菌；傳送人員要推病人也可能接觸到新冠肺炎病患如果沒有即刻更換口罩恐怕造成交叉感染一天一片口罩根本不夠用。
「政府棄我們於不顧！」在口罩徵調政策發表後第5天威合威務鼓起勇氣替自己出聲向本刊獨家投訴經本刊在官網「CTWANT」報導後兩天內傳來好消息連同醫院的保全及洗衣工值勤時都有口罩可戴。（待續）
更多 CTWANT 報導</t>
  </si>
  <si>
    <t>口罩員工人員陳燕宇前線醫院徵調肺炎醫療中央防疫恐怕病人全台保全接觸洗衣工</t>
  </si>
  <si>
    <t>市場重返主題正當時長期</t>
  </si>
  <si>
    <t>全球央行自去年來積極降息有利於新興市場重展雄風儘管近期受疫情衝擊出現短線整理然而新興市場具備價值面、基本面和資金面等三大優勢此次回檔反而為日後上漲積蓄動能一旦疫情緩和預料會成下一波國際資金</t>
  </si>
  <si>
    <t>疫情市場積極預料降息緩和有利於一旦動能日後積蓄反而上漲回檔優勢三大資金面雄風成下基本價值具備近期整理衝擊</t>
  </si>
  <si>
    <t>全球央行自去年來積極降息有利於新興市場重展雄風儘管近期受疫情衝擊出現短線整理然而新興市場具備價值面、基本面和資金面等三大優勢此次回檔反而為日後上漲積蓄動能一旦疫情緩和預料會成下一波國際資金回流標的建議可透過佈局全球新興市場型基金來參與。
摩根基金－全方位新興市場基金產品經理劉奕伶表示美股近期屢創新高本有帶動新興市場跟漲的機會無奈新冠肺炎疫情爆發導致新興市場資產跟風走揚的步調受挫。如果從估值面來看目前美股股價淨值比已較過去15年的平均超過38％的溢價代表估值已不便宜反觀新興市場盤整多時便宜的投資價值正吸引資金目光估值回升行情正要展開落後補漲行情值得期待。
最新1月美銀美林調查也顯示全球基金經理人在股市區域佈局上重新興市場勝於美股。劉奕伶說明基金經理人對美股的淨加碼比重下滑5個百分點至4％對新興股市的淨加碼比重卻上揚7個百分點至32％反映出新興股市價值面相當具有吸引力為現階段全球經理人的股票佈局首選。
在基本面有支撐下新興市場補漲有底氣劉奕伶指出新興市場經濟增長有望落底回升且新興國家央行較成熟國家央行有較大的政策彈性。再者市場對新興市場2020年企業獲利預估也相對樂觀近期已見新興市場的企業預估獲利及盈餘修正比率雙雙回升有助帶動股市買氣此刻正是投入新興市場的好時機。
其實去年第四季以來已見資金回流新興市場劉奕伶說明新興企業獲利動能再展雄風投資氣氛也大獲提振進而吸引國際資金持續進駐卡位2019年第四季以來已見資金回流新興市場然多為ETF資金後續來自主動型基金的資金動能仍可期待。只是劉奕伶也提醒疫情持續發展推升市場不確定性看好新興市場的低估值和低基期等雙低優勢建議此時先透過全方位型的新興市場基金參與。
要選就要選最大的！投資人在選擇新興市場基金時也應注意市佔規模若規模夠大才能更全方位參與到新興市場這一波資金潮才能放大投資效率。摩根基金－全方位新興市場基金在目前台灣可供銷售的環球新興市場股票基金當中的規模最大達855億美元加上靈活操作和積極管理更能發掘基本面良好投資標的。</t>
  </si>
  <si>
    <t>市場資金基金疫情奕伶股市回升動能全球價值基本近期全方位投資佈局獲利</t>
  </si>
  <si>
    <t>全方位美股新興市場基金劉奕伶疫情</t>
  </si>
  <si>
    <t>基金市場奕伶疫情全方位</t>
  </si>
  <si>
    <t>接觸確診員工pcr電視臺結果出爐</t>
  </si>
  <si>
    <t>三立電視台9日晚間接獲通報有2員工確診立刻做大樓清消10日上午安排該樓層所有員工PCR篩檢臺北市副市長黃珊珊今在臉書表示三立該層所有員工都是PCR陰性。黃珊珊指出10日接到三立電視台副總的電話她與聯合</t>
  </si>
  <si>
    <t>員工黃珊珊pcr電視臺立刻確診大樓通報市長上午安排樓層表示臺北市指出</t>
  </si>
  <si>
    <t>三立電視台9日晚間接獲通報有2員工確診立刻做大樓清消10日上午安排該樓層所有員工PCR篩檢臺北市副市長黃珊珊今在臉書表示三立該層所有員工都是PCR陰性。
黃珊珊指出10日接到三立電視台副總的電話她與聯合醫院許副總院長連夜趕到公司看現場一個員工確診的確會造成很多員工的驚慌失措因為北市府有許多經驗所以告訴對方要怎樣處理後續事宜；另外因北農與環南市場疫情穩定中央與地方聯合前進指揮所昨天解編由臺北市政府處理後續事宜。
黃珊珊指出就像壹電視、文化大學宿舍案、北農案、高鐵案一樣工作職場先分紅、黃、綠區「紅區」人員不但要篩檢有近距離接觸者還要被匡列隔離14天；「黃區」人員也要全面篩檢紅黃區的篩檢結果再判斷綠區的風險壹電視沒有全面篩因為紅黃區都沒有被感染其他不同棟工作的同仁也不需要太緊張。
黃珊珊表示三立電視台該樓層的員工都已經PCR篩檢陰性雖然接觸者還是會被匡列隔離但總是一個好消息。</t>
  </si>
  <si>
    <t>員工黃珊珊電視臺北農電視確診pcr綠區工作處理事宜後續指出沒有接觸樓層匡列</t>
  </si>
  <si>
    <t>新冠肺炎台灣三立電視台PCR員工確診</t>
  </si>
  <si>
    <t>電視臺臺灣肺炎pcr員工確診</t>
  </si>
  <si>
    <t>加拿大效果絕不病例封城本土</t>
  </si>
  <si>
    <t>國內今(17)日又新增333起本土個案其中雙北確診數最多面對本土病例狂飆不少民眾好奇雙北為何還不宣佈封城？一名住在加拿大的台灣人表示加國已經經歷過三度封城他以過來人經驗指出人民自覺自律的效果絕</t>
  </si>
  <si>
    <t>雙北本土人民指出經驗新增過來人經歷已經加國表示自覺臺灣人加拿大封城宣佈病例何還好奇民眾個案自律確診</t>
  </si>
  <si>
    <t>國內今(17)日又新增333起本土個案其中雙北確診數最多面對本土病例狂飆不少民眾好奇雙北為何還不宣佈封城？一名住在加拿大的台灣人表示加國已經經歷過三度封城他以過來人經驗指出人民自覺自律的效果絕不輸封城。
這名住在加拿大的台灣人在網路論壇《Dcard》舉例說明加拿大至今經歷三次封城每爆一波疫情就封一次去年聖誕節隔天封城但疫情依然擋不住甚至狂飆到單日破萬例封城延續到今年2月底日增病例降至2、3千例但因經濟快撐不下去宣佈解封結果人民馬上瘋狂出門購物、遊玩、群聚3周後確診數再度飆到單日破萬例。
他說政府不封城有他們的考量但是人民不作為就是自己的問題他強調人民的自覺自律效果絕對不輸封城效果！希望台灣在2周內把每日確診數降到最低。他指出如果你的親朋好友這時還硬要出去玩應該把這篇文章給他們看希望透過經驗分享可以讓大家有所警惕。
他並呼籲如果接下來有更多確診者被公佈足跡千萬不要公審他們因為公審只會讓確診者更不願意說實情甚至說謊；此外他也呼籲不要囤積糧食因為台灣還沒有到這個程度疫情不是世界末日國外反覆封城也都沒有囤積糧食因為知道一定有糧食。
貼文一出引起廣大討論瞬間吸引1千7百多個讚網友紛紛留言表示「火終於燒到自己家了才有感覺…現在要回到零我看需要點奇蹟」、「人到哪裡都會被人性害死」、「有自覺真的比什麼政策都強大多了」、「人民僥倖心態才是讓病毒擴散的根本原因」。</t>
  </si>
  <si>
    <t>國內 今 17 日 又 新增 333 起 本土 個案 其中 雙北 確診 數最多 面對 本土 病例 狂 飆 不少 民眾 好奇 雙北 為 何還 不 宣佈 封城 一 名 住 在 加拿大 的 臺灣人 表示 加國 已經 經歷 過 三 度 封 城 他 以 過來人 經驗 指出 人民 自覺 自律 的 效果 絕不 輸 封城 這 名 住 在 加拿大 的 臺灣人 在 網路 論壇 dcard 舉例說明 加拿大 至 今 經歷 三 次 封 城 每 爆 一 波 疫情 就 封一 次 去年 耶誕節 隔 天 封 城 但 疫情 依然 擋不住 甚至 狂 飆 到 單日 破 萬 例 封城 延續 到 今年 2 月底 日增 病例 降 至 23千 例 但因 經濟 快撐 不 下去 宣佈 解封 結果 人民 馬上 瘋狂 出門 購物 遊玩 群 聚 3 周後 確診 數 再度 飆 到 單日 破 萬 例 他 說 政府 不封 城 有 他們 的 考量 但是 人民 不作為 就 是 自己 的 問題 他 強調 人民 的 自覺 自律 效果 絕對 不 輸 封城 效果 希望 臺灣 在 2 周內 把 每日 確診 數 降到 最低 他 指出 如果 你 的 親朋好友這時 還 硬 要 出去玩 應該 把 這 篇文章 給 他們 看 希望 透過 經驗 分享 可以 讓 大家 有所 警惕 他 並 呼籲 如果 接下來 有 更 多 確診 者 被 公佈 足跡 千萬 不要 公審 他們 因為 公審 只 會 讓 確診 者 更 不 願意 說 實情 甚至 說謊 此外 他 也 呼籲 不要 囤積 糧食 因為 臺灣 還 沒有 到 這個 程度 疫情 不是 世界末日 國外 反 覆 封城 也 都 沒有 囤積 糧食 因為 知道 一定 有 糧食 貼 文一 出 引起 廣大 討論 瞬間 吸引 1千7百 多 個 贊 網友 紛紛 留言 表示 火 終於 燒 到 自己 家 了 才有 感覺 現在 要 回 到 零 我 看 需要 點 奇跡 人 到 哪裡 都 會 被 人性 害 死 有 自覺 真的 比 什麼 政策 都 強大 多 了 人民 僥倖 心態 才 是 讓 病毒 擴散 的 根本原因</t>
  </si>
  <si>
    <t>確診人民封城疫情自覺加拿大表示糧食病例經驗希望指出呼籲臺灣甚至經歷雙北宣佈</t>
  </si>
  <si>
    <t>新冠肺炎台灣封城加拿大本土病例</t>
  </si>
  <si>
    <t>封城臺灣肺炎加拿大本土病例</t>
  </si>
  <si>
    <t>市場失血</t>
  </si>
  <si>
    <t>新冠肺炎在亞洲各地引發擔憂自上周起大陸境外病例急增之後全球市場瞬間墜入悲觀氣氛由美股帶頭下挫據統計美股基金單週淨流出1774億美元居全球之冠連帶也讓今年以來備受看好的全球新興市場股票在上周淨</t>
  </si>
  <si>
    <t>全球市場上周引發擔憂大陸境外氣氛基金單周淨病例悲觀流出備受看好連帶墜入之後今年以來瞬間亞洲統計下挫</t>
  </si>
  <si>
    <t>全球市場疫情經濟今年大陸基金美國擔憂可望目前憂慮流出表示維持上周擴大指數來看中斷</t>
  </si>
  <si>
    <t>大陸肺炎美股淨流出經濟</t>
  </si>
  <si>
    <t>流出肺炎大陸經濟</t>
  </si>
  <si>
    <t>機構拜登聯邦下令降半旗死亡數領導肺炎哀悼儀式</t>
  </si>
  <si>
    <t>美國因為武漢肺炎病逝的人數打破50萬大關拜登總統今晚將帶領點燃燭光為病故者默哀並宣佈全美聯邦機構降半旗5天拜登也將發表談話。2019冠狀病毒疾病（COVID-19武漢肺炎）爆發一年多來全美累積確診病例超</t>
  </si>
  <si>
    <t>全美拜登肺炎武漢一年多來爆發人數covid-疾病默哀宣佈燭光打破點燃病故病毒聯邦大關總統帶領今晚發表談話機構降半旗累積</t>
  </si>
  <si>
    <t>美國因為武漢肺炎病逝的人數打破50萬大關拜登總統今晚將帶領點燃燭光為病故者默哀並宣佈全美聯邦機構降半旗5天拜登也將發表談話。
2019冠狀病毒疾病（COVID-19武漢肺炎）爆發一年多來全美累積確診病例超過2816萬例病故人數超出50萬人。
在這哀傷的時刻拜登（Joe Biden）今晚將與第一夫人吉兒（Jill Biden）、副總統賀錦麗（Kamala Harris）夫婦等人在白宮南草坪舉行默哀與點燃燭光儀式為死者致哀。
白宮發言人莎琪（Jen Psaki）今天在例行記者會上表示今晚的活動標誌50萬不幸病故美國民眾的紀念呼籲所有美國民眾在日落時分的儀式上一同為病故者默哀。
莎琪表示拜登將發表談話並將宣佈聯邦政府機構降半旗5天。
至於拜登的談話內容莎琪指出主要是凸顯這對美國民眾與許多家庭帶來的巨大損失並透過依循公共衛生指導方針共同努力儘速完成疫苗接種以扭轉疫情大流行。但今晚不是向公眾提供建議或更新防疫進展的時機。
儘管美國每日通報的新增確診病例數已有所下滑但目前每天仍有數千人染疫不治且全國只有不到15%人口接種疫苗。
拜登首席醫療顧問佛奇（Anthony Fauci）日前向美國有線電視新聞網（CNN）表示美國染疫死亡人數即將達到50萬大關這是「美國史上極具歷史意義的重大事件」。
被問及2022年美國民眾是否應繼續戴口罩佛奇回答「我認為可能是這樣」他還說這取決於社區中的病毒量以及可能的變異病毒株。
佛奇在接受美國國家廣播公司（NBC）節目「會晤新聞界」（Meet the Press）訪問時也表示要確定美國何時能達成群體免疫仍為時過早。（編輯：張佑之）1100223</t>
  </si>
  <si>
    <t>美國拜登今晚表示民眾人數病故病毒默哀疫苗接種總統白宮確診儀式全美病例可能</t>
  </si>
  <si>
    <t>美國拜登美國民眾民眾人數</t>
  </si>
  <si>
    <t>拜登民眾人數美國</t>
  </si>
  <si>
    <t>來自境外國家新增</t>
  </si>
  <si>
    <t>國內今日新冠肺炎本土、死亡個案都+0新增8例境外移入確定病例其中6人突破性感染接種廠牌為莫德納、BNT及AZ。今日新增8例境外移入個案為5男、3女年齡介於10多歲至40多歲分別自印尼(5例案16713、案16716</t>
  </si>
  <si>
    <t>個案今日新增境外肺炎本土接種死亡感染介於突破性莫德納bnt病例年齡az確定分別印尼國內</t>
  </si>
  <si>
    <t>國內今日新冠肺炎本土、死亡個案都+0新增8例境外移入確定病例其中6人突破性感染接種廠牌為莫德納、BNT及AZ。
今日新增8例境外移入個案為5男、3女年齡介於10多歲至40多歲分別自印尼(5例案16713、案16716-16718、案16720)、加拿大(案16714)、美國(案16715)及柬埔寨(案16719)入境入境日介於今(2021)年11月17日至11月29日皆持有搭機前3日內檢驗陰性報告。其中6人突破性感染接種廠牌為莫德納、BNT及AZ。
截至目前國內累計1萬6609例確診分別為1965例境外移入1萬4590例本土病例36例敦睦艦隊、3例航空器感染、1例不明及14例調查中；無新增空號病例累計111例移除為空號。2020年起累計848例死亡病例其中836例本土個案居住縣市分佈為新北市412例、臺北市321例、基隆市29例、桃園市27例、彰化縣15例、新竹縣13例、臺中市5例、苗栗縣3例、宜蘭縣及花蓮縣各2例新竹市、南投縣、雲林縣、臺南市、高雄市、屏東縣及臺東縣各1例；另12例為境外移入。
指揮中心呼籲民眾應落實手部衛生、咳嗽禮節及佩戴口罩等個人防護措施減少不必要移動、活動或集會避免出入人多擁擠的場所或高感染傳播風險場域並主動積極配合各項防疫措施共同嚴守社區防線。</t>
  </si>
  <si>
    <t>感染病例措施個案本土境外累計今日分別國內az死亡突破性新增新竹bnt防疫空號配合</t>
  </si>
  <si>
    <t>Omicron變異株新冠肺炎台灣日本</t>
  </si>
  <si>
    <t>肺炎臺灣變異日本omicron</t>
  </si>
  <si>
    <t>啟動疫情三大科學園區高雄</t>
  </si>
  <si>
    <t>高雄市今日0確診9日將在三大科學園區啟動企業快篩預計7天完1萬多名移工快篩。社區快篩執行迄今尚未驗出陽性個案。陳其邁強調落實疫調、匡列並確實隔離8成接觸者就能有效控制擴散。高市企業快篩9日將在三大</t>
  </si>
  <si>
    <t>企業三大匡列並落實確實強調隔離陳其邁個案接觸陽性迄今有效尚未控制科學園區擴散高市</t>
  </si>
  <si>
    <t>高雄市今日0確診9日將在三大科學園區啟動企業快篩預計7天完1萬多名移工快篩。社區快篩執行迄今尚未驗出陽性個案。陳其邁強調落實疫調、匡列並確實隔離8成接觸者就能有效控制擴散。
高市企業快篩9日將在三大科學園區啟動預計7天完成1萬多名移工快篩進而分艙分流、降載、加嚴管理確保生產力及社區安全。社區篩檢站運作迄今累計共8048次篩檢經序列檢測全都陰性代表高市社區風險相當低。
陳其邁表示從日本東京、大阪經驗看來群體免疫尚未建立疫情很容易再度死灰復燃、起起伏伏終究要打疫苗。醫師公會、護理師公會、衛生局招募熱血醫護參與疫苗接種大隊迄今有2000位加入注射。
陳其邁強調疫調、匡列、隔離很重要若不執行1感染者一次可傳5人每日成等比成長。若落實疫調及隔離6成接觸者20天後僅傳染16人。若落實隔離8成接觸者就能有效控制擴散。
國內尚未將孕婦納入公費疫苗優先對象疫苗專家、高醫院長鍾飲文公開呼籲首批莫德納疫苗應禮讓孕婦優先。陳其邁對此表示疫苗施打順序是科學問題不是政治問題得看科學證據。目前還沒看到相關安全性資料會尊重國內專家會議的審查、評估。
傳高市府禁陸官入伍生團7月開訓衛生局駁斥是錯誤訊息呼籲勿再轉傳。目前仍是三級警戒後續防疫措施會依照需求滾動式修正。陳其邁表示會與國防部協調。</t>
  </si>
  <si>
    <t>疫苗陳其邁尚未社區表示迄今隔離目前衛生局呼籲落實國內專家執行接觸孕婦</t>
  </si>
  <si>
    <t>新冠肺炎台灣快篩陳其邁高市</t>
  </si>
  <si>
    <t>臺灣肺炎陳其邁高市</t>
  </si>
  <si>
    <t>口罩全台傻眼開車</t>
  </si>
  <si>
    <t>全國防疫警戒升至三級後疫情指揮中心要求外出必須戴口罩否則最重可罰15萬元但「開車要不要戴」反成民眾困擾。由於各縣市標準不一指揮中心將於今天召開的全國防疫會議中訂出指引供外界遵守。指揮中心發言</t>
  </si>
  <si>
    <t>指揮中心防疫全國最重口罩外界民眾指引會議困擾標準必須各縣市不一外出疫情要求召開今天</t>
  </si>
  <si>
    <t>全國防疫警戒升至三級後疫情指揮中心要求外出必須戴口罩否則最重可罰15萬元但「開車要不要戴」反成民眾困擾。由於各縣市標準不一指揮中心將於今天召開的全國防疫會議中訂出指引供外界遵守。指揮中心發言人莊人祥昨晚說他自己一個人開車不會戴口罩「但如果車上有別人就要戴」。
有民眾打電話問1922防疫專線得到「全國三級警戒離開家門算外出外出就是要戴口罩」的回覆其中也包括開車；但開車戴口罩衍生不少問題例如眼鏡起霧反而影響行車安全。
各地方政府的標準也不一致如開車沒戴口罩新北不罰北、高卻不這麼認為；多數民眾傻眼感到無所適從。指揮中心預計在全國防疫會議上討論針對「開車是否戴口罩」訂出一套規則。
根據《ETtoday新聞雲》報導莊人祥受訪時表示「我自己一個人在車上是不會戴（口罩）啦」但他強調在車子裡如果關窗戶屬於密閉空間有其他乘客的話就通通都要戴。</t>
  </si>
  <si>
    <t>口罩指揮開車中心防疫全國民眾標準莊人祥外出車上會議警戒反而影響行車眼鏡安全</t>
  </si>
  <si>
    <t>新冠肺炎台灣戴口罩開車莊人祥</t>
  </si>
  <si>
    <t>臺灣肺炎口罩開車莊人祥</t>
  </si>
  <si>
    <t>今晚複業從業人員ktv週一高市</t>
  </si>
  <si>
    <t>台灣連續52天無本土疫情中央流行疫情指揮中心宣佈餐飲、休閒娛樂業有條件解封但高雄市政府5日表示仍不允許逐桌敬酒、自助取餐仍有清消限制與中央稍不同調。KTV最快傍晚5點可復業從業人員接種未達6成者將比</t>
  </si>
  <si>
    <t>中央疫情接種從業人員複業傍晚中心宣佈ktv餐飲休閒同調娛樂業條件解封高雄表示限制市政府允許</t>
  </si>
  <si>
    <t>台灣連續52天無本土疫情中央流行疫情指揮中心宣佈餐飲、休閒娛樂業有條件解封但高雄市政府5日表示仍不允許逐桌敬酒、自助取餐仍有清消限制與中央稍不同調。KTV最快傍晚5點可復業從業人員接種未達6成者將比照長照機構一周免費快篩一次。
高市管制開放措施如避免逐桌敬酒自助取餐仍有使用手套、清消等限制些微與中央不同調陳其邁強調這是「鬆中有緊」還是得採取必要的措施降低大規模的感染風險。。
陳其邁還說民眾外出務必全程佩戴口罩如運動場所、公園、爬山、野餐等戶外遊憩場域容易發生不特定接觸風險仍須全程配戴口罩不可邊走邊吃。在家和朋友打麻將、桌遊可允許但需戴上口罩。
KTV目前最快下午5點可復業經發局會在一天內協助業者快速復業。從業人員接種未達6成比照長照機構高市府提供免費快篩試劑一周篩一次也會盡快安排施打疫苗。</t>
  </si>
  <si>
    <t>口罩中央風險陳其邁措施全程複業允許ktv疫情同調接種從業人員機構</t>
  </si>
  <si>
    <t>復業KTV從業人員高市允許</t>
  </si>
  <si>
    <t>高市從業人員ktv允許複業</t>
  </si>
  <si>
    <t>新冠肺炎疫情打亂日本房市前景有專家指出都市的中古屋可能大跌二至三成原本乏人問津的郊外住宅則可能重新受到矚目。■Shop prices in prime locations in Tokyo and Osaka that had held firm for more than</t>
  </si>
  <si>
    <t>可能inheld打亂had日本thatosaka房市and前景專家firm指出疫情shop都市矚目中古受到重新住宅郊外原本</t>
  </si>
  <si>
    <t>新冠肺炎疫情打亂日本房市前景有專家指出都市的中古屋可能大跌二至三成原本乏人問津的郊外住宅則可能重新受到矚目。
■Shop prices in prime locations in Tokyo and Osaka that had held firm for more than a decade have fallen by nearly 30 percent
日本《現代商業》引用住宅評論家櫻井幸雄的推測指出「東京23區的大樓公寓房價2007年時平均為6120萬日圓（約台幣1724萬元）經歷雷曼兄弟金融風暴後2009年跌至5190萬日圓（約台幣1462萬元）。新冠肺炎疫情限制了全球的人、物、金錢的流動不動產一定也會受到極大的打擊。」
報導指出不少專家認為「日本人口持續老化擁有不動產本身就是風險。」不動產評論家牧野知弘則指出東京奧運延期使原本期待訪日旅客帶動經濟的期待破滅這也會影響不動產市場。看準奧運投資的企業當中可能會出現因為資金周轉困難而無法經營下去的公司屆時可能會低價變賣手中持有的土地導致土地價格下跌。
中古不動產恐跌價三成
疫情持續下去的話飯店、零售業、中小企等相繼破產導致失業人數持續增加還不起房貸的人也可能變賣房產間接影響到房價。
櫻井還預測中古不動產價格最終可能大跌二至三成。但他也說不用急於脫手股票和不動產一樣總會有反轉的時機不動產大約三至五年就會有漲跌的輪迴如果能等可到景氣復甦後再考慮賣房。相反的對想買房的人而言說不定後新冠期是不錯的時機。
牧野則指出過去20年日本人從郊外回歸便利的都市使郊外的住宅變得很沒人氣景氣一變差房價就一直跌然而經過這次新冠肺炎疫情後都市人口密集的地方染疫風險大今後買家很可能把焦點再度轉向郊外的住宅因此在郊外的房子也不急著脫手再等個五年看看。
大企業為了避免員工染疫的風險開始實施居家辦公制度即使疫情過去也很可能繼續實施工作方式改革有些公司已在研究每週去公司三天的上班方式也有助於舒緩上下班時間交通顛峰期間的擁擠。近年來許多人為了不想通車而搬到東京都心若以後在家辦公的時間增長的話郊外的住宅很可能會重新受矚目。
還不起房貸 賣家急脫手
此外日本《現代商業》雜誌報導受到疫情影響許多背著房貸的蝸牛族開始為還不起房貸而煩惱若因延遲繳房貸而信用破產申請破產的案例恐將激增。個人破產的件數最近一年約6～7萬件2000年代初期曾達到10萬件後新冠期也有可能增加到20萬件。
日本政府為因應新冠肺炎疫情發布長達一個月以上的「緊急事態宣言」許多公司要員工在家上班但薪水、業績獎金、津貼都縮水有些太太平時去餐廳打工貼補家用受到政府要求店家暫停營業的影響連打工收入也沒有了。許多人省吃儉用貸款買了理想的房子卻因為疫情關係而還款困難。
東京千代田區的線上住宅貸款服務公司「MSF」針對「新冠肺炎疫情對房貸還款的影響」在4月7日發布緊急事態宣言後未滿一個月時進行了一項問卷調查。結果顯示疫情對六成以上的家庭收入有影響其中313％的人回答「收入減少了」有300％的人回答「現在沒影響但今後好像會減少」。
回答收入減少的家庭當中有305％的家庭一個月減少5～10萬日圓（約台幣14萬至28萬元）；有225％的家庭減少1～3萬日圓（約台幣2800元至8451元）；192％的家庭回答減少3～5萬日圓（約台幣8451元至1萬元）。以年齡層來看30多歲的人占了約四成。
調查中提問「受疫情影響是否為還款而苦？」有137％的人「非常痛苦」；259％的人「有點痛苦」。兩者加總可看出有396％的家庭為還房貸而苦。還有284％的人回答「今後可能會痛苦」。
日本住宅金融支援機構指出2月時約接到20件左右有關還房貸的諮詢3月時增加到200件4月更超過1200件。才短短兩個月諮詢件數增加了60倍。</t>
  </si>
  <si>
    <t>疫情可能影響不動產住宅指出日本受到郊外公司肺炎破產</t>
  </si>
  <si>
    <t>肺炎房貸郊外家庭疫情</t>
  </si>
  <si>
    <t>家庭郊外肺炎疫情</t>
  </si>
  <si>
    <t>特殊交友確診新增桃園親友</t>
  </si>
  <si>
    <t>桃園市7日新增1本土案例桃園市長鄭文燦表示新增案15882為居家隔離對象他是特殊交友圈外溢的確診年長夫妻的家人3日已經匡列隔離當時1採陰但後來發燒6日2採後確診CT值20。新增確診者是日前特殊交友圈確</t>
  </si>
  <si>
    <t>新增確診隔離特殊交友案例桃園鄭文燦表示當時居家匡列夫妻已經年長家人對象本土市長日前後來</t>
  </si>
  <si>
    <t>桃園市7日新增1本土案例桃園市長鄭文燦表示新增案15882為居家隔離對象他是特殊交友圈外溢的確診年長夫妻的家人3日已經匡列隔離當時1採陰但後來發燒6日2採後確診CT值20。
新增確診者是日前特殊交友圈確診者傳染給家人該家人又拜訪一對年長的夫妻2人先後確診並匡列接觸者居家隔離。當時確診者雖然1採陰性但是後來他發燒後再安排採檢於6日確診。桃園市衛生局匡列職場接觸者10人及家庭接觸者1人並依照風險分列居家隔離6人、自主健康管理2人及自我健康監測3人。目前7人陰性、1人檢驗中。
另外桃園市政府公佈日前確診者足跡案15882曾於8月2日前往八德區高城郵局。請於足跡重疊次日起14天進行自我健康監測。</t>
  </si>
  <si>
    <t>確診隔離桃園新增居家日前足跡接觸匡列陰性家人年長健康夫妻當時交友後來特殊發燒次日重疊請於</t>
  </si>
  <si>
    <t>特殊交友圈居家隔離桃園新冠肺炎台灣</t>
  </si>
  <si>
    <t>桃園隔離居家肺炎交友特殊臺灣</t>
  </si>
  <si>
    <t>全球排名國可解</t>
  </si>
  <si>
    <t>新冠肺炎持續肆虐全球昨天全球確診人數突破700萬台大公衛學院昨公佈香港皇家研究院最新研究顯示曾經感染SARS一樣會感染新冠肺炎提醒民眾即使台灣大解封在國際疫情未結束前仍要維持洗手、戴口罩、保持</t>
  </si>
  <si>
    <t>肺炎感染維持全球仍要結束疫情國際突破衛學院大公洗手大解公佈香港研究院皇家研究顯示最新臺灣民眾提醒確診人數</t>
  </si>
  <si>
    <t>新冠肺炎持續肆虐全球昨天全球確診人數突破700萬台大公衛學院昨公佈香港皇家研究院最新研究顯示曾經感染SARS一樣會感染新冠肺炎提醒民眾即使台灣大解封在國際疫情未結束前仍要維持洗手、戴口罩、保持社交距離等個人習慣。
台大公衛學院副院長陳秀熙指出2003年曾爆發SARS外界懷疑若曾經感染SARS產生抗體可能對新冠肺炎免疫據香港皇家研究院進行香港血清監測研究對象包括超過接近2000個血清其中53個曾經感染過SARS並且抗體反應為陽性顯示即使感染過SARS且產生抗體也無法保護不受新冠肺炎感染。
此外陳秀熙表示當全球解封指數為1就可以考慮開始解封若要解封最好小於01目前全球解封指數來到117全球有54％國家解封指數小於1；而小於01、可解封的國家共15國包含台灣在內解封指數為0049在全球186國中排第8。
陳秀熙也舉義大利日前利用配戴式隱藏式感應器腰帶測試戴口罩與所帶來與旁人真正的社交距離的研究結果發現有配戴醫療口罩或自製口罩的民眾與他人保持的距離長達120公分而未配戴任何口罩的民眾行人之間距離僅59公分陳秀熙表示可見戴口罩還有視覺刺激可使社交距離增加。</t>
  </si>
  <si>
    <t>全球口罩距離感染解封配戴研究陳秀熙sars肺炎指數民眾社交曾經香港抗體衛學院大公臺灣表示血清保持</t>
  </si>
  <si>
    <t>口罩肺炎陳秀熙指數SARS</t>
  </si>
  <si>
    <t>肺炎指數sars口罩陳秀熙</t>
  </si>
  <si>
    <t>落幕外資實力聯發導體</t>
  </si>
  <si>
    <t>聯發科(2454)法說報喜釋出今年營運仍會有合理成長的訊息8家外資也對其出具最新研究報告多看好第二季起大陸的5G智慧機訂單將開始發酵且一路延續到下半年但在新冠肺炎疫情下新興市場的4G晶片出貨恐成隱憂</t>
  </si>
  <si>
    <t>報喜釋出今年營運合理市場成長訊息外資疫情出具最新下半年肺炎研究延續發酵開始</t>
  </si>
  <si>
    <t>聯發科(2454)法說報喜釋出今年營運仍會有合理成長的訊息8家外資也對其出具最新研究報告多看好第二季起大陸的5G智慧機訂單將開始發酵且一路延續到下半年但在新冠肺炎疫情下新興市場的4G晶片出貨恐成隱憂其中又以印度市場最為明顯8家外資目標價最高來到450元最低則為311元。
美系外資認為智慧型手機SoC(系統單晶片)目前占比聯發科總營收約40%目前大陸市場需求已開始有所改善但海外市場(包括印度)尚未見復甦跡象故在疲軟的經濟環境下智慧型手機製造商可能需要推出更多「價格適中」的5G手機這恐對聯發科長期毛利率較為不利且法說會中聯發科並未明確評論5G SoC利潤率趨勢但承認價格競爭仍存在故維持中立評等、目標價378元。
另一家美系外資則認為所有主要的大陸智慧手機品牌都將在第二季採用聯發科「天璣800」並期望在下半年可以拿到國際品牌的訂單一般認為其所指的就是三星且更重要的是聯發科預計今年5G SoC與4G產品的平均售價將持續增長看好5G SoC的毛利率穩定將帶來更好的收益能力惟在新冠肺炎疫情影響下對新興市場的影響尤其是印度這恐是聯發科第二季、第三季的4G晶片出貨會出現一些疲軟預估今年聯發科的4G智慧型手機SoC出貨量下降16%；除此之外聯發科在ASIC(客製化晶片)上第二季起將恢復強勁的成長且下半年將投入生產某大客戶的新型AI ASIC此客戶有可能就是亞馬遜有鑑於眾多因素下將聯發科目標價由420元到450元、維持加碼評等。
還有一家美系外資認為聯發科有多樣化的產品組合和5G增長儘管受到新冠肺炎影響但2020年仍將具有合理成長而最近對新興市場需求疲軟的擔憂正在影響4G智慧手機的整體需求但在很大程度上會被市占率的增長和5G貢獻增加所抵消加上還有新產品推動下半年營運將聯發科目標價由420元調升到450元、維持買進評等。
歐系外資指出大陸的5G智慧型手機市場將成為聯發科第二季營運的重要動能其可以抵消東南亞、印度市場因為新冠肺炎而減少的4G訂單以及運動賽事暫緩導致的電視需求下滑且聯發科也預告下半年有機會將拿下非大陸品牌的智慧型手機訂單市場認為其所指的就是三星加上若美國加大對華為的限縮力道則聯發科也將有機會從中獲益故維持優於大盤評等、目標價430元。
亞系外資指出聯發科法說對第二季、下半年都釋出樂觀訊息5G組合將有助於推動整體毛利率趨勢但儘管有5G產品的出貨增加但聯發科所釋出的第二季毛利率預估為425%這意味著鑑於潛在的平均售價壓力加上庫存天數增加也引發下半年毛利率上升空間恐有限的擔憂將目標價由300元調升到311元、維持持有評等。
另一家亞系外資指出 聯發科已經注意到在新冠肺炎疫情下第二季、第三季新興市場尤其是印度的需求恐轉為疲軟但其5G SoC在大陸市場已經拿下多數品牌的訂單天璣1000第二季度將推出更多手機還有天璣800、甚至是天璣600都將成為聯發科下半年營運的重要動能且在其他領域上還有WiFi、路由器、電源管理IC以及遊戲機晶片等也會有不錯表現故將聯發科目標價由362元調升到438元、評等由中立調升到優於大盤。
日系外資表示在新冠肺炎疫情下聯發科認為在均衡的產品佈局加上5G產品週期今年營運應該還是會有合理的成長大陸5G市場將是聯發科今年重要的營運動能來源故維持440元目標價、評等買進。
另一家亞系外資則認為聯發科在5G初期即快入市場該動作有助於其在2020年5G業務快速成長但受到新冠肺炎疫情的關係恐將減弱其在新興市場的4G業務故將聯發科目標價由440元調降到415元、維持優於大盤評等。</t>
  </si>
  <si>
    <t>聯發市場下半年外資手機soc大陸毛利率印度智慧維持訂單認為營運疲軟成長目標價</t>
  </si>
  <si>
    <t>聯發科新冠肺炎5G4G新興市場</t>
  </si>
  <si>
    <t>肺炎聯發市場</t>
  </si>
  <si>
    <t>鎖定健康疫情精准南科推時代</t>
  </si>
  <si>
    <t>科技部南科管理局針對新冠肺炎後疫情時代超前佈署打造精準健康產業鏈 並配合政府六大核心戰略產業之「生物及醫療科技產業」展現階段性成果。展示成果包括目前最受矚目的 COVID-19 核酸檢測試劑（泉沂）、全球</t>
  </si>
  <si>
    <t>成果核酸covid-矚目肺炎疫情時代超前科技產業打造醫療檢測生物精准產業健康產業鏈戰略核心配合六大政府目前包括</t>
  </si>
  <si>
    <t>健康精准醫療系統產業智慧研發檢測技術疫情發展設備管理局科技聚落手術時代成果臺灣國內輔助ai</t>
  </si>
  <si>
    <t>南科管理局照護系統新興生醫</t>
  </si>
  <si>
    <t>系統管理局南科</t>
  </si>
  <si>
    <t>徐國勇強調團體地方取消全國性打折</t>
  </si>
  <si>
    <t>內政部長徐國勇宣佈暫時取消全國性酒測臺灣酒駕防制社會關懷協會理事長陳喬琪5日晚間表達嚴正抗議 指酒駕造成的殺傷力絕對比新冠肺炎病毒來的更立即與危險一秒鐘就會要人命對於酒駕防制團體批評徐國勇強調</t>
  </si>
  <si>
    <t>防制徐國勇取消立即病毒危險肺炎對於陳喬琪晚間人命理事長社會絕對會要殺傷力造成表達關懷嚴正抗議</t>
  </si>
  <si>
    <t>內政部長徐國勇宣佈暫時取消全國性酒測臺灣酒駕防制社會關懷協會理事長陳喬琪5日晚間表達嚴正抗議 指酒駕造成的殺傷力絕對比新冠肺炎病毒來的更立即與危險一秒鐘就會要人命
對於酒駕防制團體批評徐國勇強調疫情嚴峻防疫工作最為優先除了保障員警執勤安全目前警政署如保ㄧ、保四、保五總隊的同仁皆全力配合投入警力於執行邊境防疫、居家隔離、檢疫訪查與協尋等相關防疫工作而地區性酒測勤務仍持續進行 民眾勿以身試法。
徐國勇說酒駕肇事造成不少家庭破碎是民眾最痛惡的行為酒駕零容忍為防制酒駕防疫期間員警機關仍會以嚴格態度取締酒駕以有效保障用路人的安全。
陳喬琪表示請內政部正視酒駕曾經造成的國人嚴重傷亡與慘痛代價！去年因酒駕造成1萬1877人嚴重死傷(293死亡)嚴重死傷2014年高達1萬8097人死傷(534死亡)近幾年警方每年取締酒駕違規高達10萬件上下。好不容易在警方加強取締以及酒駕修法嚇阻之下這6年來酒駕傷亡在警方與國人共同努力下減少了近35％。
陳喬琪強調「酒駕悲劇的減少要感謝第一線員警同仁辛苦付出但防酒駕沒有假期！防酒駕絕對不能走回頭路尤其在嚴峻的疫情裡我們的員警同仁必須在獲得足夠的裝備下可以繼續執行安全的酒駕監測任務」。
協會並強烈要求中央必須編列警方執行酒測防疫設備與專屬預算不能因為酒測設備不足就減少酒駕取締任務取締酒駕是保護國人更要保護員警中央必須盡速提供充足與安全完善的防疫設備給員警執行任務。防疫優先警員更要完善的防護裝備人命關天取締酒駕零假期。
★中時新聞網關心您：飲酒勿過量開車不喝酒！</t>
  </si>
  <si>
    <t>防疫取締安全造成員警警方同仁必須徐國勇防制執行減少任務民眾絕對協會裝備強調完善工作</t>
  </si>
  <si>
    <t>徐國勇取消全國性酒測防酒駕團體</t>
  </si>
  <si>
    <t>全國性取消徐國勇團體</t>
  </si>
  <si>
    <t>正職補助何不疫苗打工族紓困繳稅</t>
  </si>
  <si>
    <t>本土疫情肆虐各行各業經濟受嚴重波及可行政院提出的紓困40方案卻平息不了民怨如行政院日前為緩解打工族停班壓力再拍板投保薪資2萬3100元以下的兼職時薪人員可領取1萬元生活補貼但消息曝光後隨即引來</t>
  </si>
  <si>
    <t>行政院消息經濟補貼生活領取嚴重人員波及以下薪資曝光投保兼職拍板壓力各行各業打工族提出緩解日前紓困</t>
  </si>
  <si>
    <t>本土疫情肆虐各行各業經濟受嚴重波及可行政院提出的紓困40方案卻平息不了民怨如行政院日前為緩解打工族停班壓力再拍板投保薪資2萬3100元以下的兼職時薪人員可領取1萬元生活補貼但消息曝光後隨即引來沒領到補助的正職勞工不滿認為中央要這樣一直追加補助不如直接推行「普發」。
受疫情影響國內民不聊生許多沒班可上的打工仔生活陷入難以想像的困頓。勞動部日前因此特別召開就業安定基金管理會擬讓今（2021）年4月30日前有投保且薪資在23100元以下的打工族領取1萬元生活補貼若領取其他部會相關補貼則不可重複領取預估這項紓困政策全台有41萬人適用今日行政院也正式通過該方案。
可消息一出同樣受疫情所苦卻一分紓困也領不到的正職勞工超級不爽認為自己明明也是疫情受災戶拿不到中央補助也就算了如今還乖乖繳稅被中央當「提款機」不僅如此PTT上還有鄉民直言「稅是我在繳錢是別人爽」、「單身上班族都不用養父母顧家」、「感謝社會中流砥柱們的付出疫苗最後打、紓困領不到、稅金年年繳」、「做正職的都該死這個社會不需要正職員工」、「我他X每天工作領超過最低薪資我活該命X」。
其中更有不少網友向政府喊話建議補助方案一直追加何不乾脆考慮普發並留言強調「普發排富是會死嗎？偏要自己用一堆鳥設定這樣綁法票又不會比較多」、「普發就好搞一堆有的沒的一直追加」、「年薪50萬以下無房產的直接普發不就解決了」、「早說了普發最公平」、「什麼鬼要這樣發乾脆普發就好了啊」。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紓困補助疫情日前正職薪資中央行政院方案生活以下領取普發追加一直</t>
  </si>
  <si>
    <t>普發正職打工紓困補助</t>
  </si>
  <si>
    <t>補助紓困打工普發正職</t>
  </si>
  <si>
    <t>《金融》星展員工彈性福利金可買防疫物品</t>
  </si>
  <si>
    <t>福利彈性員工星展防疫金融物品</t>
  </si>
  <si>
    <t>在新冠肺炎疫情持續延燒的非常時期星展銀行（台灣）積極投入以實際行動協助防疫除提供客戶多元數位金融服務讓客戶免出門即可輕鬆完成所需交易外近來也貼心推出法定傳染病補償保險金保障陪伴貴賓客戶度過</t>
  </si>
  <si>
    <t>客戶持續非常時期星展銀行保障臺灣補償積極保險金傳染病投入推出疫情貼心實際行動近來協助防疫提供交易完成出門即可</t>
  </si>
  <si>
    <t>在新冠肺炎疫情持續延燒的非常時期星展銀行（台灣）積極投入以實際行動協助防疫除提供客戶多元數位金融服務讓客戶免出門即可輕鬆完成所需交易外近來也貼心推出法定傳染病補償保險金保障陪伴貴賓客戶度過艱難時刻。針對星展內部員工的部分已有縝密的因應計畫與配套措施確保大家的健康與安全同時更開放員工使用彈性福利金購買防疫物品全方位協助同仁對抗疫情。
星展銀行（台灣）總經理林鑫川表示人才是星展最重要的資產提供員工安全的職場環境可說是我們最重要的課題。星展銀行（台灣）在新冠肺炎疫情爆發之初即啟動營運持續管理因應計畫及配套措施包括部門異地備援、在各辦公室配置消毒酒精及耳溫槍、加強消毒清潔辦公環境、提供口罩予需要接觸客戶之前線同仁並安排知名醫師進行線上講座解說新冠病毒防疫衛教專業資訊隨時關心員工的身體情況。
此外在廣受同仁好評的iflex彈性福利金方面除了讓員工可依個人需求選擇申報休閒旅遊、醫療保險或教育學習等相關花費考量防疫為杜絕傳染的基本工作近來星展銀行（台灣）特別將「防疫用品」納入申請項目範圍開放同仁使用彈性福利金購買包含消毒用品、防疫家電、維他命、口罩等防疫相關產品。
針對因公務需求必須前往中央流行疫情指揮中心公佈之旅遊警示國家或在出發前（或在途）該國未列為第三級旅遊警告國家之後自第三級旅遊警告國家返國而需要居家隔離或居家檢疫之同仁星展銀行（台灣）給予最優14天全薪防疫隔離假。針對其他因疫情有需要請假的同仁星展銀行（台灣）亦提供在家辦公（有薪）、14至21天有薪年假、7天無薪家庭照顧假、7天無薪事假與14天無薪防疫照顧假等選擇。</t>
  </si>
  <si>
    <t>防疫星展銀行同仁臺灣員工疫情提供客戶旅遊需要消毒近來需求國家持續星展相關彈性用品口罩福利隔離環境</t>
  </si>
  <si>
    <t>星展銀行彈性福利金防疫物品林鑫川新冠肺炎</t>
  </si>
  <si>
    <t>防疫物品林鑫川福利彈性星展銀行肺炎</t>
  </si>
  <si>
    <t>縣府平安手段防疫</t>
  </si>
  <si>
    <t>新冠肺炎疫情持續升溫屏東確診人數增至3人居家檢疫也來到720人其中屏東市就占255人基層民政人員除本身業務外也擔當起第一線防疫工作屏東縣政府為此以失智手環為發想開發「平安手環」輔助加強追蹤功</t>
  </si>
  <si>
    <t>持續升溫輔助縣政府確診基層人數民政工作人員擔當平安業務增至防疫疫情來到</t>
  </si>
  <si>
    <t>新冠肺炎疫情持續升溫屏東確診人數增至3人居家檢疫也來到720人其中屏東市就占255人基層民政人員除本身業務外也擔當起第一線防疫工作屏東縣政府為此以失智手環為發想開發「平安手環」輔助加強追蹤功能盼能適度減輕防疫人員辛勞。
近期居住歐美國人陸續返國造成居家檢疫人數激增屏東縣長潘孟安指出過去曾在縣內智慧樂活社區以平安符外型內建ＧＰＳ掌握長輩足跡；如今以此為發想設置平安手環未來可彌補防疫手機功能不足輔助加強追蹤關懷居家檢疫民眾也減少村裡長及村裡幹事防疫工作量。</t>
  </si>
  <si>
    <t>防疫平安檢疫居家人員功能追蹤輔助加強人數持續升溫樂活智慧社區符外型內建gps長輩</t>
  </si>
  <si>
    <t>手環防疫居家檢疫平安</t>
  </si>
  <si>
    <t>居家檢疫防疫平安</t>
  </si>
  <si>
    <t>停課教育局預防建議鄰近松山區補習班北市</t>
  </si>
  <si>
    <t>北市松山區某國中出現1確診個案並有他校學生曾與確診者接觸因此松山區已有2校預防性停課北市教育局為防止疫情擴散緊急勸導周邊18間補習班建議今晚課程改採線上教學環保局也將在今晚到周邊消毒。臺北市</t>
  </si>
  <si>
    <t>今晚周邊北市確診松山區環保局教學課程建議補習班勸導緊急擴散疫情防止教育局停課預防個案</t>
  </si>
  <si>
    <t>北市松山區某國中出現1確診個案並有他校學生曾與確診者接觸因此松山區已有2校預防性停課北市教育局為防止疫情擴散緊急勸導周邊18間補習班建議今晚課程改採線上教學環保局也將在今晚到周邊消毒。
臺北市疫情再次升溫引發人心惶惶北市松山區某國中接獲通知校內有1學生確診深夜緊急通知學生今下午聯醫也進駐該校協助600多位學生做PCR篩檢；據瞭解該生在課後有參加4人小型補習班因此為防堵疫情擴大北市教育局緊急通知周邊18間補習班建議改採線上教學預防性停止實體課程1天。</t>
  </si>
  <si>
    <t>學生北市疫情補習班周邊松山區確診今晚預防緊急通知教育局教學課程建議pcr瞭解協助</t>
  </si>
  <si>
    <t>松山區補習班北市台灣新冠肺炎</t>
  </si>
  <si>
    <t>北市臺灣補習班松山區肺炎</t>
  </si>
  <si>
    <t>code詐騙qr傳送確認數位</t>
  </si>
  <si>
    <t>全國升三級警戒進出營業、公共場所等都必須實施實聯制。不過最近有民眾發現有店家張貼於門口的QR Code遭不肖人士更換民眾不知情掃描後造成荷包大失血內政部警政署也在臉書宣導提醒民眾傳送實聯制簡訊前</t>
  </si>
  <si>
    <t>民眾營業公共場所必須實施進出失血荷包內政部警政署code門口qr造成傳送張貼掃描不肖人士不知情</t>
  </si>
  <si>
    <t>全國升三級警戒進出營業、公共場所等都必須實施實聯制。不過最近有民眾發現有店家張貼於門口的QR Code遭不肖人士更換民眾不知情掃描後造成荷包大失血內政部警政署也在臉書宣導提醒民眾傳送實聯制簡訊前先確認是否傳送至「1922」否則連結至惡意網站個資恐外洩。
一名網友昨（6）日於臉書社團《爆怨2公社》指出有店家將實聯制QR Code張貼於店門外卻遭不肖人士更換連結至高額付費號碼或惡意網站讓荷包大失血因此在掃完QR Code後發送實聯制簡訊前應先確認螢幕上方傳送對象是否為「1922」確定無誤再傳「希望大家多留意防疫也要詐騙真的太可怕」。
內政部警政署日前也在臉書《165全民防騙網》宣導張貼於店門口的實聯制QR Code務必不定期檢查以防遭不肖人士更換也提醒民眾多加查核是否傳至「1922」確認後再傳送。
貼文曝光後不少網友相當氣憤紛紛表示「唉台灣真是無處不詐騙耶氣死人了趁火打劫災難已經夠可憐了」、「這種趁火打劫的不得好死」、「賺這種錢不怕染疫暴斃嗎」、「都什麼時候了還搞詐騙？」
★《中時新聞網》提醒您：因應新冠肺炎疫情疾管署持續加強疫情監測與邊境管制措施 如有疑似症狀請撥打：1922專線或 0800-001922 並依指示配戴口罩儘速就醫同時主動告知醫師旅遊史及接觸史以利及時診斷及通報。</t>
  </si>
  <si>
    <t>詐騙傳送民眾qrcode是否張貼網友確認不肖疫情人士更換趁火打劫宣導網站惡意荷包店家</t>
  </si>
  <si>
    <t>實聯制QRCode1922詐騙</t>
  </si>
  <si>
    <t>qrcode詐騙</t>
  </si>
  <si>
    <t>散客日月</t>
  </si>
  <si>
    <t>新冠肺炎疫情蔓延民眾怕群聚感染不敢搭乘遊覽車造成日月潭團客大幅減少有時1天不到10輛遊覽車但仍有許多民眾自行開車出遊散客一日遊和住宿受影響幅度較小；但遊艇因屬群聚空間載客量則明顯減少。日月潭</t>
  </si>
  <si>
    <t>民眾遊覽車減少日月蔓延影響住宿幅度一日遊散客出遊遊艇開車空間自行載客感染不敢</t>
  </si>
  <si>
    <t>新冠肺炎疫情蔓延民眾怕群聚感染不敢搭乘遊覽車造成日月潭團客大幅減少有時1天不到10輛遊覽車但仍有許多民眾自行開車出遊散客一日遊和住宿受影響幅度較小；但遊艇因屬群聚空間載客量則明顯減少。
日月潭國家風景區管理處長洪維新表示日月潭是具有魅力的景點新冠肺炎疫情在世界各國擴散後台灣控管疫情得宜相對安全因此許多原本要出國旅遊的民眾改轉往日月潭旅遊旅宿業者都感受到出口轉內需情況。至於預定9月舉辦的日月潭萬人泳渡、10月到11月間的日月潭花火節是否如期舉行將視疫情狀況再評估。
南投縣觀光處長王源鍾表示日月潭是國際級風景區景色優美且開闊目前一日遊的旅客減少幅度不大但團體旅遊客源就明顯減少很多3、4月間是畢業旅行旺季也是觀察遊客消長的重要指標。南投縣長林明溱則呼籲民眾走出戶外到日月潭旅遊享受湖光山色美景。
受疫情影響不少都會區大飯店歇業甚至倒閉日月潭得天獨厚的環境相對有「避難」優勢。涵碧樓總經理史墨威指出都會區飯店多數是密閉空間民眾擔心群聚感染而不敢入住但日月潭視野廣闊、通風良好悠閒度假的氣氛未遭受破壞反而是許多都會區民眾遠離恐慌、「躲」到日月潭度假的好時機。</t>
  </si>
  <si>
    <t>日月民眾疫情減少旅遊都會區相對遊覽車一日遊幅度影響飯店空間明顯度假風景區感染處長不敢</t>
  </si>
  <si>
    <t>日月潭旅遊肺炎度假都會區散客</t>
  </si>
  <si>
    <t>旅遊肺炎度假都會區日月散客</t>
  </si>
  <si>
    <t>宗教文化金門觀光當前停辦</t>
  </si>
  <si>
    <t>金門金城鎮公所今（9）日宣佈因受新冠肺炎疫情影響決定取消一年一度的〈金門迎城隍宗教文化觀光季〉活動。至於傳統的「香路」遶境及祭祀活動是否照常舉行？則尊重廟方自行安排。文化部指定為國家重要民俗已有340</t>
  </si>
  <si>
    <t>活動金門國家指定文化部自行安排宣佈尊重肺炎重要疫情舉行影響決定照常取消一年一度是否祭祀</t>
  </si>
  <si>
    <t>金門金城鎮公所今（9）日宣佈因受新冠肺炎疫情影響決定取消一年一度的〈金門迎城隍宗教文化觀光季〉活動。至於傳統的「香路」遶境及祭祀活動是否照常舉行？則尊重廟方自行安排。
文化部指定為國家重要民俗已有340年歷史的「農曆4月12日迎城隍」是金門最大規模的廟會活動信眾將萬人空巷的「4月12人看人」與台灣「3月瘋媽祖」的盛況相提並論。
其中迎城隍重頭戲「蜈蚣座」是金門地區傳統藝陣之一陣頭出巡有滌蕩邪穢、除惡辟邪的意義。建國百年時金門縣以「世界最長純人力肩扛蜈蚣座陣頭」獲得《金氏世界紀錄》的認證吸引不少外籍遊客前來甚至加入遊行隊伍讓這項年度廟會慶典渲染繽紛的國際色彩。
金城鎮長李誠智宣佈在與廟方審慎評估後考量因為新冠肺炎疫情持續發燒決定取消往年由縣府和鎮公所統籌主導時間長達1個月估計吸引4萬名觀光客來到經濟產值約3億元的〈金門迎城隍宗教文化觀光季〉活動。至於已有300多年歷史的傳統「香路」遶境及祭祀活動是否照常舉行？則尊重廟方自己的安排。一旦如期照辦鎮公所將在防疫方面提供必要協助。
根據文史工作者李秉鈞的研究金門迎城隍自清代以來即屬地方年度大事民國以來或有大迎、小不同規模島民連年虔誠舉辦迄民國40年間因國共戰事才有停辦的紀錄。在官方觀光季活動因疫情停辦下若民間「香路」遶境也跟進停辦可確定為60多年以來逾一甲子僅見。
李誠智表示往年備受鄉親歡迎開放報名即告秒殺的「蜈蚣座親子嘉年華踩街」及相關動態活動確定停辦至於廟口的「祈福牆」及周邊活動將援例或調整舉辦規模期待在大疫壓境的此刻能為鄉親帶來祈福與希望的力量。
當地民眾普遍認為17年前SARS來襲金門迎城隍照常舉辦但今年新冠肺炎疫情更加嚴峻全球各地都遭大疫肆虐官方考量避免群聚感染的風險在籌備作業採取最高規格因應作為用心相當值得肯定也相信只要鄉親心存虔敬神明也會庇佑平安度過難關。</t>
  </si>
  <si>
    <t>活動金門停辦鄉親蜈蚣舉辦疫情規模公所以來吸引廟會至於傳統往年肺炎祈福宣佈考量</t>
  </si>
  <si>
    <t>新冠肺炎武漢肺炎疫情取消金門迎城隍宗教文化季</t>
  </si>
  <si>
    <t>金門肺炎疫情取消武漢宗教文化</t>
  </si>
  <si>
    <t>送醫確診年紀最小一家中和</t>
  </si>
  <si>
    <t>全台連續7天本土確診病例破百其中以新北市累計895例最多新北市議員張志豪今（22日）再度爆料中和區一家9口有5人確診雖3人已經送醫但尚有許姓父女確診等待救治女兒才年僅6歲他相當憂心防疫能量崩解盼</t>
  </si>
  <si>
    <t>確診新北憂心相當才年僅病例女兒破百救治等待父女許姓議員張志豪防疫中和再度尚有已經一家能量本土</t>
  </si>
  <si>
    <t>全台連續7天本土確診病例破百其中以新北市累計895例最多新北市議員張志豪今（22日）再度爆料中和區一家9口有5人確診雖3人已經送醫但尚有許姓父女確診等待救治女兒才年僅6歲他相當憂心防疫能量崩解盼中央、地方一起努力。
張志豪表示中和許姓一家9口日前61歲父親、62歲伯父、92歲祖母確診已送醫急救但其他6人仍持續住於家中許男今（22日）上午接獲疾管署電話通知他和6歲女兒也確診目前急需送醫救治卻等不到相關單位後續安排一家9口已5人確診。
張志豪憂心說家中還有另外4名健康家人卻等不到防疫旅館且市府21日已徵用位於淡水的飯店作為集中檢疫中心專門收治輕症、無症狀患者更該盡速將確診者送去檢疫中心獲得更好的救治及避免疫情再度擴散。
張志豪表示目前防疫失序、量能崩解市民苦等求援盼中央地方合力一切考驗市長智慧和決心。</t>
  </si>
  <si>
    <t>確診張志豪救治防疫一家中心檢疫目前憂心許姓地方女兒中央再度表示中和崩解送醫新北合力病例</t>
  </si>
  <si>
    <t>新冠肺炎台灣確診張志豪5人</t>
  </si>
  <si>
    <t>肺炎臺灣確診張志豪</t>
  </si>
  <si>
    <t>探病板橋院區即日起新北</t>
  </si>
  <si>
    <t>國內昨爆發首起院內感染各醫院提升入院管制規定新北市衛生局表示新北市立聯合醫院三重院區作為應變醫院即日起每1名住院病人限1名訪客探病探病時間為上午11點11點半以及晚間7點至7點半且住院病人僅能有</t>
  </si>
  <si>
    <t>醫院住院病人院內感染提升即日起入院管制新北市衛生局應變表示規定新北聯合醫院晚間作為院區上午時間探病爆發國內</t>
  </si>
  <si>
    <t>國內昨爆發首起院內感染各醫院提升入院管制規定新北市衛生局表示新北市立聯合醫院三重院區作為應變醫院即日起每1名住院病人限1名訪客探病探病時間為上午11點11點半以及晚間7點至7點半且住院病人僅能有1名陪病者所有訪客以及陪病者皆需登記入院。
新北市衛生局表示上月22日市長侯友宜召集17家急救責任醫院召開應變會議要求各院嚴格落實感染管制確實做好分流篩檢及收治呼籲醫院落實加強院內監測方案保護醫病人員健康同時藉由社區感染防疫演習做好與民眾間風險溝通齊心協力共同抗疫。
新北市衛生局長陳潤秋說新北市立聯合醫院三重院區啟動院內感染管制策略陪病或探病者皆登記並詢問TOCC（旅遊史、職業史、接觸史及群聚史）限制每床陪病人數為1名每日固定時段開放探病外對於探病者則採較中央要求更嚴格管制措施每床以1人為限全力防堵院內感染力求守住防疫的最重要戰線。</t>
  </si>
  <si>
    <t>感染院內醫院管制探病新北防疫落實登記住院病人應變嚴格要求表示新北市衛生局入院聯合醫院院區病者溝通</t>
  </si>
  <si>
    <t>武漢肺炎症狀南韓武漢肺炎林口長庚院內感染新冠肺炎</t>
  </si>
  <si>
    <t>肺炎林口長院內武漢感染南韓症狀</t>
  </si>
  <si>
    <t>現況韓國議員車尾政府防疫到底臺灣</t>
  </si>
  <si>
    <t>台灣本土疫情爆發且在《彭博社》「全球防疫韌性」排名中跌至第44名是全球參與評比國家的末段對此國民黨臺北市議員王鴻薇指出台灣防疫吊車尾對比台灣時常拿來做為對手比較的韓國卻是位居前10名只能</t>
  </si>
  <si>
    <t>臺灣防疫全球韓國比較對手做為時常卻是彭博社對此國民黨參與國家評比韌性臺北市指出王鴻薇議員位居對比車尾爆發</t>
  </si>
  <si>
    <t>台灣本土疫情爆發且在《彭博社》「全球防疫韌性」排名中跌至第44名是全球參與評比國家的末段對此國民黨臺北市議員王鴻薇指出台灣防疫吊車尾對比台灣時常拿來做為對手比較的韓國卻是位居前10名只能大喊「好想贏韓國！」
國際媒體《彭博社》6月公佈最新的防疫排名台灣從去年11月的第3名到現在已經吊車尾排到了第44名對此王鴻薇今（1日）在臉書發文表示對比台灣時常拿來做為對手比較的韓國卻是位居前10名不管是在疫苗接種率、封鎖嚴重性等評分項目都遠勝過台灣實在是讓人又想大喊：「好想贏韓國！」
王鴻薇稱事實上韓國從今年2月起開始施打疫苗到了現在全國已經有超過4成的民眾接種完第一劑而現在雖然AZ疫苗到貨延遲但韓國政府也已經決定從7月開始將以其它疫苗混打的方式開始接種第二劑目標是在11月底前達成70%的施打率也就是普遍認為群體免疫的標準。對比台灣到現在疫苗仍然是嚴重不足接種率遠遠落後。有別於韓國政府是大力鼓勵民眾出來打疫苗台灣人民是「搶著要打疫苗」！
另一方面在殘劑施打的安排措施上王鴻薇指出韓國政府在5月底就推出了「殘劑疫苗地圖APP」讓符合資格的民眾可以透過該APP預約一有殘劑釋出即會主動推播通知讓民眾儘速到施打站接種。
王鴻薇直言而台灣指揮中心就一句話「開放18歲以上的民眾預約」其餘全部丟給地方政府處理導致各地殘劑預約各玩各的、亂象頻出。光是在同個縣市裡有的院所可以網路預約、有的一定要用傳統的電話預約而不同縣市有的全面開放18歲以上的民眾預約而有的又不開放還是要照施打排序來排隊。過去蔡政府一直自誇「防疫有成」但其它國家正在邁向解封的現在台灣人卻正處於水深火熱各行各業都苦不堪言。防疫的九局下半台灣被對手遠遠超過王感嘆真的好想問政府「到底在幹什麼？我們好想贏韓國啊」！</t>
  </si>
  <si>
    <t>臺灣疫苗民眾防疫預約現在接種韓國韓國政府王鴻薇政府施打已經開始對比開放國家可以</t>
  </si>
  <si>
    <t>王鴻薇民眾韓國台灣吊車尾</t>
  </si>
  <si>
    <t>吊車王鴻薇韓國民眾臺灣</t>
  </si>
  <si>
    <t>祭壇走下陳時中知道</t>
  </si>
  <si>
    <t>中央流行疫情指揮中心指揮官陳時中31日傍晚旋風式造訪台中第二站抵達曾受敦睦艦隊疫情波及的台中一中商圈並表示「這個地方很安全大家放心來玩不用擔心」。對此歷史學者王豐諷刺道「你快走下祭壇退乩了你還</t>
  </si>
  <si>
    <t>台中疫情走下諷刺王豐學者歷史中心對此擔心不用祭壇指揮官放心陳時中安全傍晚旋風式地方造訪表示抵達一中</t>
  </si>
  <si>
    <t>中央流行疫情指揮中心指揮官陳時中31日傍晚旋風式造訪台中第二站抵達曾受敦睦艦隊疫情波及的台中一中商圈並表示「這個地方很安全大家放心來玩不用擔心」。對此歷史學者王豐諷刺道「你快走下祭壇退乩了你還不知道呀！」
陳時中昨與台中市長盧秀燕挽起袖子照著業者指令親自調製珍奶並拉起口罩把吸管送入嘴中無形中示範了戴口罩要如何喝手搖飲。陳時中表示希望一中商圈趕快復甦他相信這條街有很多大家可以逛的地方也期待未來跟中市有更多合作一起把防疫做好振興台中也可以成功。
對此王豐在臉書指出陳時中被造神造久了攬鏡自照左看、右看、上看、下看怎麼看自己都像神。王豐提及陳時中前進一中喝珍奶並表示這裡很安全歡迎來玩王豐直言陳時中自我感覺是神近半年真以為新冠病毒歸他管全球病毒都會乖乖聽命於他。「假神啊你快走下祭壇退乩了你還不知道呀！」</t>
  </si>
  <si>
    <t>陳時中台中王豐一中表示地方疫情可以對此口罩病毒走下安全祭壇</t>
  </si>
  <si>
    <t>陳時中王豐中央流行疫情指揮中心指揮官台中</t>
  </si>
  <si>
    <t>疫情流行指揮中央中心王豐指揮官陳時中台中</t>
  </si>
  <si>
    <t>撤離俄羅斯保留包機位置國人</t>
  </si>
  <si>
    <t>俄羅斯近日新冠肺炎疫情大爆發目前我國旅居俄羅斯僑民約百餘人其中約有30至40名國人想提早返台外交部亞西及非洲司司長楊心怡今天表示日航25日將有一班撤離日僑的班機可為台灣民眾保留約50個機位駐俄代表</t>
  </si>
  <si>
    <t>俄羅斯疫情肺炎保留民眾爆發目前楊心怡司長臺灣非洲我國旅居日僑撤離外交部班機返台國人提早機位</t>
  </si>
  <si>
    <t>俄羅斯近日新冠肺炎疫情大爆發目前我國旅居俄羅斯僑民約百餘人其中約有30至40名國人想提早返台外交部亞西及非洲司司長楊心怡今天表示日航25日將有一班撤離日僑的班機可為台灣民眾保留約50個機位駐俄代表處正積極洽詢日航及有需求的民眾保持聯繫。
楊心怡表示駐俄代表處統計在俄國有100多名國人約有30到40人有興趣提早包機回國一開始洽詢的價格過高平均一個人要30萬台幣以上後來得知日航在11日有班機但又因為位置不足無法成行。
楊心怡說日航在25日還有一班撤離日僑的班機駐俄代表處與日航以及國人保持聯繫現在洽詢保留50個機位但上機人數仍要詳細確認費用也要再進一步洽商。</t>
  </si>
  <si>
    <t>國人班機代表處提早俄羅斯機位民眾表示保留保持聯繫日僑撤離疫情肺炎爆發目前</t>
  </si>
  <si>
    <t>新冠肺炎俄羅斯日航</t>
  </si>
  <si>
    <t>肺炎俄羅斯</t>
  </si>
  <si>
    <t>確診衛生局警政署回應北市</t>
  </si>
  <si>
    <t>北市信義警分局有員警爆料北市一名8旬翁在家死亡疑有新冠肺炎症狀衛生局卻不到場做行政相驗警方只好報請檢察官司法相驗確認死者染疫痛批衛生局甩鍋。對此北市副市長黃珊珊7日表示刑事局去年的SOP說這</t>
  </si>
  <si>
    <t>北市衛生局表示黃珊珊市長對此司法警方在家死亡確認行政肺炎症狀死者</t>
  </si>
  <si>
    <t>北市信義警分局有員警爆料北市一名8旬翁在家死亡疑有新冠肺炎症狀衛生局卻不到場做行政相驗警方只好報請檢察官司法相驗確認死者染疫痛批衛生局甩鍋。對此北市副市長黃珊珊7日表示刑事局去年的SOP說這種案子是由檢警來做司法相驗而衛生局是針對居家隔離及居家檢疫去做匡列但因此情形太多因此她已要求不能卸責衛生局、警察局第一時間都要處理。而警政署也承諾會對上述離譜個案進行調查。
臺北市信義警分局偵查隊一名孫姓員警在臉書發文述說自己親身經歷表示上週接到通報轄內有民眾在家中死亡家屬向他表示死者年紀大有慢性疾病「上週有感冒症狀剛剛119到場量測體溫有發燒」。家屬透露他們有聯繫1999轉聯醫要報行政相驗怎料聯醫卻回覆他們因為死者有相關症狀所以不能報行政相驗請員警到場處理走司法相驗他們不會到場。
孫姓員警表示隨後他打給北市衛生局疾管課通報案例並請他們到場結果衛生局竟也回覆他「因為死者不是居家檢疫、居家隔離或遭匡列的對象也不是確診者所以他們不會到場處理」。孫姓員警忍不住痛批：「是在哈囉疫情期間的相驗案件SOP是訂好看的嗎？」放任確診者擴散病毒「這場疫災我看不到盡頭。」
除了黃珊珊要求衛生局不能卸責要會同員警第一時間處理警政署也發出回應
表示會對上述離譜案例進行調查並詢問全台各員警機關有關行政相驗與衛生單位連繫處理情形如有問題會積極協助基層警員反應給衛生機關未來會更加落實疑似確診個案報驗流程確保警員人身安全。</t>
  </si>
  <si>
    <t>衛生局表示到場處理死者北市確診行政症狀員警不能司法黃珊珊情形個案通報</t>
  </si>
  <si>
    <t>新冠肺炎台灣北市疑似死後確診</t>
  </si>
  <si>
    <t>北市臺灣肺炎確診</t>
  </si>
  <si>
    <t>肺炎疫情醫院面臨嘉基造謠</t>
  </si>
  <si>
    <t>26歲凃姓男子於今年1月25日新冠肺炎爆發之際在嘉義縣太保市住處以手機連結網際網路登入臉書社群網站張貼「嘉義嘉基已經確診一例武漢肺炎」的不實訊息是全台首樁傳播疫情謠言者嘉義地檢署13日偵結聲請簡易</t>
  </si>
  <si>
    <t>嘉義肺炎爆發謠言疫情全台連結網際網路傳播太保市訊息住處不實手機武漢書社網站</t>
  </si>
  <si>
    <t>26歲凃姓男子於今年1月25日新冠肺炎爆發之際在嘉義縣太保市住處以手機連結網際網路登入臉書社群網站張貼「嘉義嘉基已經確診一例武漢肺炎」的不實訊息是全台首樁傳播疫情謠言者嘉義地檢署13日偵結聲請簡易判決。
嘉檢表示《嚴重特殊傳染性肺炎防治及紓困振興特別條例》自今年2月27日起正式施行對於散佈疫情謠言或不實訊息已提高刑責將可處3年以下有期徒刑、拘役或科、併科新臺幣300萬元以下罰金請民眾切勿道聽塗說隨意散播假訊息。
嘉檢表示凃姓被告是於《嚴重特殊傳染性肺炎防治及紓困振興特別條例》施行以前散佈不實疫情訊息因此是依《傳染病防治法》第63條偵辦此條例刑責是科處新臺幣300萬元。</t>
  </si>
  <si>
    <t>訊息嘉義肺炎條例不實疫情以下謠言今年施行表示塗姓散佈台幣特別嚴重特殊振興傳染性網際網路連結</t>
  </si>
  <si>
    <t>嘉義造謠嘉基醫院新冠肺炎肺炎疫情</t>
  </si>
  <si>
    <t>嘉基醫院肺炎造謠嘉義疫情</t>
  </si>
  <si>
    <t>專機南亞印度回台華航</t>
  </si>
  <si>
    <t>在外交部與駐印度代表處安排下與世界台灣商會聯合總會等台商組織協商後決定租用華航專機於5月4日晚間7時在新德里搭載南亞的台商與台僑返台。根據駐印度代表處先前的初步統計包括印度、孟加拉等地共200多名台灣</t>
  </si>
  <si>
    <t>台商印度代表處臺灣專機華航租用晚間決定時在新德里協商安排搭載組織南亞總會聯合商會世界返台台僑初步統計包括先前孟加拉</t>
  </si>
  <si>
    <t>在外交部與駐印度代表處安排下與世界台灣商會聯合總會等台商組織協商後決定租用華航專機於5月4日晚間7時在新德里搭載南亞的台商與台僑返台。
根據駐印度代表處先前的初步統計包括印度、孟加拉等地共200多名台灣人表達搭乘華航專機回台的意願。
但部分已表達意願的台商和台僑後來又考量前往新德里的交通有困難或者還有其他考量因而放棄搭乘專機。駐印度代表處今天再度展開搭機意願調查明天截止預計27日向華航做最後確認並估算專機票價開始接受訂位。
由於專機是使用者付費所以票價將根據搭乘人數的多寡來分攤。
印度幅員遼闊許多居住在加爾各答、孟買等其他城市的台商和台僑雖想搭乘專機卻遇到印度全國封鎖國內航班停擺。若搭車前往新德里往往需要數天才能抵達。除沿路會遭員警盤查外還增加感染2019冠狀病毒疾病（COVID-19武漢肺炎）風險因而部分台商和台僑暫時放棄搭乘專機。
在聽取台商意見及多方協商後駐印度代表處今天發函給孟加拉和印度各地的台灣商會和台僑組織表示在駐印度代表處協調安排下世界台灣商會聯合總會名譽總會長劉雙全、前總會長黃正勝及孟加拉台灣商會協商後決定租用華航專機於5月4日晚間7時從新德里英蒂拉甘地國際機場（Indira Gandhi International Airport）搭載南亞的台商和台灣僑胞回台。
官員透露華航撤僑專機訂於印度結束全國封鎖後的隔天啟航就是考量報載印度國內航班預計5月4日復航可解決印度其他城市台灣人無法搭印度國內航班到新德里的問題。
駐印度代表處官員呼籲如果想搭乘5月4日的華航專機應及早籌劃前往新德里的交通方式。
此外孟加拉台灣商會有20多人已決定從孟加拉包機前往新德里以搭乘華航專機回台。
印度武漢肺炎疫情嚴重短短一個月確診病例從千例增加到今天的2萬5000多例；孟加拉則有近5000個確診病例。由於兩國的病毒篩檢率仍然較低不利疫情防控因而旅居兩國的部分台灣人希望搭專機返台。</t>
  </si>
  <si>
    <t>印度專機新德里台商搭乘華航孟加拉臺灣代表處前往台僑商會考量部分國內臺灣人航班意願病毒回台今天疫情協商增加</t>
  </si>
  <si>
    <t>專機駐印度代表處新德里台商5月</t>
  </si>
  <si>
    <t>代表處印度新德里專機台商</t>
  </si>
  <si>
    <t>病毒專家呼怪桌面門把實驗室中研院疑點</t>
  </si>
  <si>
    <t>病毒實驗室操作感染環境中心手套研究離開指出施信如表示直言需要裡面</t>
  </si>
  <si>
    <t>實驗室病毒中研院門把桌面</t>
  </si>
  <si>
    <t>病毒桌面實驗室中研院門把</t>
  </si>
  <si>
    <t>宣佈林右昌疫苗族群優先施打基隆</t>
  </si>
  <si>
    <t>基隆市日前因小吃店群聚案上演「萬華茶室20」中央繼撥給基隆1700劑後如今再撥2100劑。基隆市長林右昌4日上午在線上記者會表示2100劑將優先給5項人員包括診所及地區醫院的非醫師人員、長照機構人員（含復</t>
  </si>
  <si>
    <t>基隆人員醫師包括上演優先表示茶室中央撥給記者會線上市長林右昌上午地區醫院診所小吃店如今</t>
  </si>
  <si>
    <t>基隆市日前因小吃店群聚案上演「萬華茶室20」中央繼撥給基隆1700劑後如今再撥2100劑。基隆市長林右昌4日上午在線上記者會表示2100劑將優先給5項人員包括診所及地區醫院的非醫師人員、長照機構人員（含復康巴士司機）、員警外勤人員、環保局外勤清消人員、基隆市公車處司機。
林右昌說他之前已大力向中央疾呼基隆應比照雙北給更多疫苗待優先施打予第二、三類人員（防疫人員、高接觸風險工作者）也感謝中央聽到基隆的聲音將北北基桃視為區域聯防如今再撥的2100劑將施打給5項人員。
林右昌指出第一項是診所及地區醫院的非醫師人員500人（先前已施打1280人）第二項是長照機構人員（含復康巴士司機）900人第三項是員警外勤人員200人（先前已施打677人）第四項是環保局外勤清消人員300人（先前已施打112人）第五項是基隆市公車處司機260人。
另外日本疫苗將在4日下午運送124萬劑抵台美國也宣佈將捐贈疫苗加上原本就有的15萬劑莫德納疫苗和中央要進口的疫苗林右昌說基隆會預先做好準備設置大型且快速施打的疫苗站目前正在整備紐澤西護欄、水電、流動廁所、設備設施等預計7日正式啟用屆時基隆1天最多將可施打給1萬人。
「不能因基隆防疫有成就被忽略！」他強調區域聯防缺一不可雙北疫情持續升溫、壓不下來因此基隆疫苗物資都應比照雙北。針對台南市長黃偉哲說在台南的日本僑民應優先接種林右昌說「中央有優先順序的規範尊重中央」。</t>
  </si>
  <si>
    <t>基隆疫苗人員中央林右昌優先項是司機施打聯防區域防疫日本市長如今比照外勤人員醫師</t>
  </si>
  <si>
    <t>新冠肺炎台灣疫苗基隆長照</t>
  </si>
  <si>
    <t>疫苗臺灣基隆肺炎</t>
  </si>
  <si>
    <t>城市客運公路省市逐步風暴恢復武漢營運</t>
  </si>
  <si>
    <t>在一個多月來新冠肺炎疫情擴散期間被各地方政府封閉的省際公路客運以及城市公共交通、軌道客運在近期已有多數陸續恢復營運。此舉除顯示大陸新冠肺炎的疫情已漸趨穩定也是為了封城多時之後必須因應城市內居民</t>
  </si>
  <si>
    <t>疫情肺炎客運之後封城穩定必須公路封閉近期政府地方期間陸續恢復顯示擴散營運大陸應城市城市公共交通</t>
  </si>
  <si>
    <t>在一個多月來新冠肺炎疫情擴散期間被各地方政府封閉的省際公路客運以及城市公共交通、軌道客運在近期已有多數陸續恢復營運。此舉除顯示大陸新冠肺炎的疫情已漸趨穩定也是為了封城多時之後必須因應城市內居民生活與企業生產需要而重啟公共交通運輸。
據《新華視點》報導大陸國務院交通運輸部指出截至2月12日江蘇、浙江、安徽、福建、山東、湖南、廣東、重慶、四川等9個省份已有序恢復省際道路客運17個省份有序恢復省內道路客運。
此外河北、遼寧、吉林、安徽、江蘇、福建、山東、河南、湖南、廣西、雲南、甘肅、寧夏等省份的26個地級市、27個縣級市已恢復地面公共交通運營；在已開通城市軌道交通的41個城市中33個城市軌道交通線路正常運營。
早先許多分析人士認為停運公共交通採取封城或半封城措施是疫情嚴重時不得不進行的防控手段但封閉各地省際公路與市內公共交通會嚴重影響市民日常生活對於企業復工也造成重大阻礙因此在國務院下令盡一切力量復工後重啟公共交通將大幅改善疫情防控對企業復工的造成障礙也能大量地恢復市民正常生活。但是恢復公共交通對疫情防控仍有極大壓力目前雖疫情防控已出現積極現象仍需嚴格防範再次發生疫情擴散。</t>
  </si>
  <si>
    <t>公共交通疫情恢復防控企業復工客運國務院大陸省份嚴重封城湖南正常生活運營江蘇城市安徽封閉公路市民福建</t>
  </si>
  <si>
    <t>武漢肺炎新型冠狀病毒大陸新冠肺炎NPC</t>
  </si>
  <si>
    <t>大陸肺炎病毒冠狀武漢npc</t>
  </si>
  <si>
    <t>長期成長月光看好外資導體</t>
  </si>
  <si>
    <t>日月光投控（3711）法說會對2020年第二季營運釋出樂觀展望但坦言下半年不確定性仍高、訂單能見度偏低對市況及營運展望暫不評論。外資出具最新報告雖因應下半年能見度偏低將目標價區間自67～90元略微縮減至67</t>
  </si>
  <si>
    <t>下半年營運展望能見度釋出樂觀外資評論坦言最新出具暫不報告訂單確定性因應市況目標價</t>
  </si>
  <si>
    <t>日月光投控（3711）法說會對2020年第二季營運釋出樂觀展望但坦言下半年不確定性仍高、訂單能見度偏低對市況及營運展望暫不評論。外資出具最新報告雖因應下半年能見度偏低將目標價區間自67～90元略微縮減至67～88元但仍看好長期營運成長前景。
台股今（30）日連4天強彈盤中大漲逾200點。日月光投控股價同步跟進走高開高後放量穩揚逾2％最高上漲291％至672元。三大法人近期仍偏空操作本周迄今合計仍賣超876張但昨（29）日轉為買超613張且調節力道較上周賣超達7727張明顯收斂。
亞系外資認為日月光首季營運出色、第二季展望樂觀主要受惠與矽品策略結盟拓展市占率以及5G和人工智慧高速運算（AI HPC）2項長期需求推動的多元化業務。不過由於新冠肺炎疫情影響預期下半年營運仍難逃供應鏈庫存修正全年營運展望有下修風險。
不過亞系外資認為儘管疫情對下半年營運影響可能削弱上半年成長動能但認為疫情僅為季節性影響在5G及AI HPC兩大成長動力不變、與矽品整併綜效增添獲利成長空間仍看好日月光投控長期營運給予買進評等、目標價88元。
美系外資亦認為儘管上半年庫存回補需求強勁、市場不確定性高削弱日月光投控下半年營收展望能見度、可能出現季節性調整但仍預期日月光投控今年營收將成長8％、營益率將提升17個百分點至74％。
美系外資看好日月光投控長期營運前景認為完整的全球產線佈局、在高階先進封裝及添線封裝、系統級封裝（AiP/SiP）的領先地位將持續推動營運成長與矽品整併亦將強化競爭優勢將今明2年每股盈餘均調升1％維持買進評等、目標價80元。
另一家美系外資認為日月光投控將透過強化與矽品整併綜效、降低負債等因應2020年下半年可能出現的庫存調整將今年每股盈餘預期下修6％但看好整合綜效及未來5G、AiP成長強勁維持明年每股盈餘預期不變維持增加持股評等目標價自70元升至72元。
另一家亞系外資基於消費及行動裝置需求下滑使下半年營運產生不確定性調降日月光投控今年每股盈餘預期5％但持續看好SiP等新領域長期需求未調整明、後年每股盈餘預期維持優於大盤評等基於下半年高不確定性將目標價自85元調降至75元。
日系外資對短期看法相對保守認為面對下半年訂單需求下修風險封測代工（OSAT）業者將承受更大壓力。基於庫存調整及電子代工（EMS）營收疲弱風險將日月光投控評等自「買進」砍至「中立」目標價自90元降至70元。
不過日系外資也指出此次調降評等及目標價主要基於週期性考量仍看好日月光投控長期的產業競爭力及與矽品的整合綜效。同時認為日月光投控現金流無虞但首要應調配資金降低負債以避免影響股息配發能力。</t>
  </si>
  <si>
    <t>營運下半年成長月光外資認為目標價需求長期展望預期看好庫存評等影響調整維持</t>
  </si>
  <si>
    <t>日月光投控股價營運展望外資</t>
  </si>
  <si>
    <t>股價營運展望月光外資</t>
  </si>
  <si>
    <t>世衛病例調查</t>
  </si>
  <si>
    <t>世界衛生組織（WHO）5日表示有報導稱法國在去年12月就出現了新冠肺炎病例比先前認為的時間更早「這不令人意外」並敦促各國調查其他早期疑似病例。世衛發言人林德梅耶在日內瓦的簡報會上說有關法國的報導</t>
  </si>
  <si>
    <t>法國報導日內瓦會上簡報去年林德梅耶發言人世衛疑似病例出現早期調查敦促意外肺炎病例這不認為先前時間</t>
  </si>
  <si>
    <t>世界衛生組織（WHO）5日表示有報導稱法國在去年12月就出現了新冠肺炎病例比先前認為的時間更早「這不令人意外」並敦促各國調查其他早期疑似病例。
世衛發言人林德梅耶在日內瓦的簡報會上說有關法國的報導「改變了疫情的全貌」。他說如果重新檢測採檢樣本可能會冒出其他更早的病例。
法國一家醫院重新檢測以前採集的肺炎患者樣本發現該院治療的一名男子早在去年12月27日就感染新冠肺炎比法國政府證實的首批確診病例早了近一個月。
林德梅耶呼籲其他國家檢測2019年年底不明原因的肺炎病例稱這會讓全世界對疫情有「新的、更清晰的認識」。
據英國一項最新研究新冠病毒從去年底就已開始在世界各地人傳人而且擴散地非常快。倫敦大學學院基因研究所研究員鮑盧克斯表示其研究團隊對超過7600名全球新冠肺炎患者進行病毒基因分析後發現病毒正出現變異但暫時無法證明它變得更易於傳播或是致病性更強。
該研究團隊還發現新冠病毒在歐洲和美國等地的傳播時間要比各國官方報告的首例病例發現時間（1月或2月）提前數周甚至數月。
另外今年的世界衛生大會預訂5月17日到21日舉行。從5月1日開始美國國務院國際組織事務局展開一系列推文加上了「為台灣發推」、「台灣模式」的標籤。美國駐聯合國代表團也轉推了相關推文。
國務院發言人奧特加斯呼籲世衛應該讓台灣有意義地參與和允許台灣的觀察員地位世界可以從台灣因應新冠肺炎疫情的經驗中汲取很多教訓世衛不應該忽視台灣。
美國總統川普3月簽署的《臺北法案》也要求美方利用影響力或其他工具支持台灣成為不以主權國家為參與資格的國際組織會員並在其他適當組織中取得觀察員身分。
不過大陸對此表示不滿和堅決反對。大陸外交部發言人耿爽表示台灣事務屬於中國內政不容任何外部勢力干涉。</t>
  </si>
  <si>
    <t>臺灣肺炎病例表示發現發言人美國疫情法國世衛檢測研究時間病毒組織事務觀察員開始林德梅耶呼籲</t>
  </si>
  <si>
    <t>發現病毒肺炎世衛檢測</t>
  </si>
  <si>
    <t>肺炎發現檢測世衛病毒</t>
  </si>
  <si>
    <t>數字高層大利高峰期</t>
  </si>
  <si>
    <t>義大利是新冠肺炎的死亡人數最多的國家截至週一已經有超過6000個死亡病例。然而在疫情正值嚴峻之際連續幾天以來的新增病例數字開始下降對於未來疫情的走勢忽然露出一絲曙光專家認為最黑暗的高峰期或許已</t>
  </si>
  <si>
    <t>死亡疫情病例肺炎認為專家人數曙光露出忽然國家走勢週一截至未來數字已經新增對於以來黑暗下降開始連續超過嚴峻</t>
  </si>
  <si>
    <t>義大利是新冠肺炎的死亡人數最多的國家截至週一已經有超過6000個死亡病例。然而在疫情正值嚴峻之際連續幾天以來的新增病例數字開始下降對於未來疫情的走勢忽然露出一絲曙光專家認為最黑暗的高峰期或許已經過去。
根據路透社報導本週一(23日)義大利民眾防護局公佈的最新數字新增602名死亡病例是四天以來的最低數字累計6077例。而新增確診數字4789例也是五天來的新低累計病例數為63927例。
北方重災區倫巴底大區的醫療當局高層加列拉(Giulio Gallera)告訴記者今天當然不是慶祝勝利的一天但是我們看見了隧道盡頭的光線。新增案例的降低對抗疫第一線的人員來說是個鼓舞因為這代表高峰點或許已經過了未來的疫情應會越來越和緩。</t>
  </si>
  <si>
    <t>新增病例疫情死亡數字或許未來已經累計大利以來galleragiulio告訴列拉記者今天高層當然當局慶祝醫療勝利</t>
  </si>
  <si>
    <t>公司酒店出面遇警沒東方</t>
  </si>
  <si>
    <t>南韓SM娛樂男子天團「東方神起」出道10多年來除了團體在2009年因合約問題而鬧出風波外允浩始終潔身自愛形象非常正向陽光不料近日卻爆出他違反韓國防疫聚餐時間規定事後更被媒體爆出去的是非法酒店遭臨檢</t>
  </si>
  <si>
    <t>出去東方媒體出道團體規定合約時間聚餐問題防疫男子韓國風波違反爆出</t>
  </si>
  <si>
    <t>南韓SM娛樂男子天團「東方神起」出道10多年來除了團體在2009年因合約問題而鬧出風波外允浩始終潔身自愛形象非常正向陽光不料近日卻爆出他違反韓國防疫聚餐時間規定事後更被媒體爆出去的是非法酒店遭臨檢時允浩還逃跑新聞一出引發軒然大波讓SM娛樂跟允浩趕緊發聲明解釋與道歉。
允浩跟夥伴昌瑉一同擔綱主持的大型競賽節目《Kingdom：Legendary War》播出在即卻鬧出大風波他日前被爆違反南韓防疫規定在超過晚上10點後跟朋友聚餐持續到深夜因此遭到警方調查允浩立刻委託所屬之SM娛樂發聲明為「一時之間的疏忽」道歉表示會深刻反省態度誠懇得到了多數網友的諒解本以為到這裡已解決沒想到又被媒體挖出事情不單純。
韓媒MBC新聞繼續追蹤此事獨家報導了允浩聚餐的地點登記為一般餐廳但卻掛羊頭賣狗肉是非法營業會員制酒店窗戶玻璃是做不透光處理難以從外面看見內部狀態而媒體深入其中看見的是一條長廊兩側有多間包廂還有女服務生進進出出提供陪酒服務酒店員工則透露不是普通人就能進來消費必須是會員且沒提前預約就無法進入。
MBC新聞更報導當天允浩是跟3名朋友到店消費身旁有幾個女服務生坐陪一直待到午夜時分警方於淩晨到該處臨檢朋友為了讓允浩逃走而拖住警方發生肢體衝突最後一行人被上銬帶走也立案調查餐廳則在調查結束後被以違反防疫規施以行政處罰。
yunho（@yunho2154）分享的貼文
報導曝光後SM娛樂再發聲明澄清報導內容並非事實還原允浩當天被朋友揪出去說要聊天談心就去了被告知的地方但他是第一次去事前不知情而現場也沒女性陪酒只有女性工作人員負責結帳而已而允浩全程配合警方調查沒有逃跑表示唯一做錯的地方就是違反了防疫規定希望其他的部分外界不要臆測並誤信。
而警方事後也澄清允浩並沒有逃跑是他的朋友可能被到場便衣刑警嚇到在不知道是員警的情況下表示抗議而已並沒有肢體衝突也沒妨礙公務而允浩被還以清白後仍在個人社交平臺po文寫下「對自己生氣」、「感到羞愧」等粉絲也表示能夠理解原諒叮嚀他下次注意一點就好。</t>
  </si>
  <si>
    <t>警方表示朋友違反防疫sm娛樂聚餐調查酒店報導媒體新聞規定沒有逃跑發聲明服務生</t>
  </si>
  <si>
    <t>允浩東方神起非法酒店陪酒女服務生</t>
  </si>
  <si>
    <t>酒店東方陪酒服務生</t>
  </si>
  <si>
    <t>強勢體質</t>
  </si>
  <si>
    <t>新冠肺炎疫情蔓延之際歐美股市卻未受影響頻創高點台股繼續軋空並守穩月線、季線。市場專家表示疫情未止穩前股市表現強者愈強可注意元月營收表現佳且兼具技術面與籌碼面優勢的個股計有技嘉、敦泰、寶雅</t>
  </si>
  <si>
    <t>疫情表現股市計有個股優勢籌碼技術兼具技嘉蔓延元月歐美愈強高點繼續軋空影響</t>
  </si>
  <si>
    <t>新冠肺炎疫情蔓延之際歐美股市卻未受影響頻創高點台股繼續軋空並守穩月線、季線。市場專家表示疫情未止穩前股市表現強者愈強可注意元月營收表現佳且兼具技術面與籌碼面優勢的個股計有技嘉、敦泰、寶雅等15檔抗疫強勢股做為投資參考。
永豐投顧總經理李學詩指出受惠於科技股財報優於市場預期美股的道瓊、S&amp;P 500與那斯達克（NASDAQ）指數頻創新高台股輕鬆越過季線、甚至站上短中長期均線上表現出乎市場預料主力順勢圍捕恐慌空頭未來就看空方何時認輸。
李學詩認為投資人過度反應新冠疫情的恐慌情緒逢低介入的資金順著美股走強成功拉抬行情但須注意台股反彈之際成交量逐漸萎縮顯示多頭雖成功打敗空頭卻有追價謹慎的疑慮短線投資人宜將資金佈局在1月營收強勢、技術面多頭及籌碼穩健的個股上力抗新冠肺炎疫情。
挑選今年1月合併營收較去年同期成長、技術面強勢、外資近五個交易日買超的個股計有技嘉、敦泰、力成、致茂、系統電、華擎、原相、台汽電、展旺、寶雅、全域、宇峻、富邦媒、日友、太極等15檔抗新冠疫情強勢股。
台新投顧副總黃文清認為新冠疫情重災區的陸股已強勢反彈尤其深圳股市成功回補缺口反映投資人看到大陸政府實施寬鬆貨幣政策情緒樂觀此時的台股原則上以強勢股為主配合1月合併營收成長為優先佈局的對象。
15檔力抗新冠疫情強勢股中黃文清表示與當前臺股最熱門的漲價概念股、內需消費、缺貨股等題材相關性最高。
其中寶雅與富邦媒為零售通路股富邦媒受惠於新冠肺炎疫情爆發民眾不敢出門逛街及購物取而代之的是電視購物、網路購物等下單方式相關題材吸引了資金追捧市場預期富邦媒2月營收也將同步成長。技嘉及宇峻為宅經濟的受惠股因疫情擴散民眾在家時間增加電競筆電龍頭技嘉前景看佳遊戲業者宇峻2月業績也將隨著寒假延長兩周而成長。
李學詩並認為台股融資餘額大減、融券餘額增加市場預期有軋空行情可期指數區間看11700～11950點。</t>
  </si>
  <si>
    <t>疫情強勢市場成長技嘉投資人資金受惠表現預期寶雅認為肺炎技術題材個股季線反彈</t>
  </si>
  <si>
    <t>成長強勢股肺炎技嘉宇峻</t>
  </si>
  <si>
    <t>肺炎技嘉強勢宇峻成長</t>
  </si>
  <si>
    <t>電影俄羅斯空降疫情票房肺炎無畏冠軍</t>
  </si>
  <si>
    <t>由《雙子殺手》特效團隊傾力打造繼《ID4星際終結者》後又一科幻災難片《末日異戰》繼在俄羅斯吸金近10億台幣票房後上週末在台正式上映在肺炎疫情衝擊下首週末3天全台票房近200萬勇奪全台票房冠軍《末</t>
  </si>
  <si>
    <t>票房打造id天全星際團隊週末疫情衝擊終結者肺炎科幻上映災難正式末日俄羅斯上週末台幣</t>
  </si>
  <si>
    <t>由《雙子殺手》特效團隊傾力打造繼《ID4星際終結者》後又一科幻災難片《末日異戰》繼在俄羅斯吸金近10億台幣票房後上週末在台正式上映在肺炎疫情衝擊下首週末3天全台票房近200萬勇奪全台票房冠軍《末日異戰》同時也是台灣影史首度登上票房冠軍的俄羅斯電影。不少觀眾大讚「宛如《明天過後》加上《ID4星際終結者》」、「好一陣子沒看到這樣的爆米花特效大片啦！」、「結尾讓人意猶未盡敲碗續集！」。更有網友表示在近來受到疫情影響大家生活十分苦悶《末日異戰》適時舒緩了緊繃的心情。
《末日異戰》劇情描述在一場外星飛船墜落莫斯科事件3年後獲得外星力量的少女尤莉亞成為政府祕密實驗的研究對象不僅人類覬覦她的能力就連外星異種也亟欲取回她這股足以毀滅世界的力量在雙方追殺之下少女不得不作出選擇決定自己該為誰而戰。《末日異戰》現正全台熱映中。
更多 CTWANT 報導</t>
  </si>
  <si>
    <t>末日票房少女疫情力量特效俄羅斯冠軍id星際終結者全台意猶未盡續集結尾研究實驗大片</t>
  </si>
  <si>
    <t>末日異戰俄羅斯冠軍票房新冠肺炎</t>
  </si>
  <si>
    <t>冠軍俄羅斯票房肺炎末日</t>
  </si>
  <si>
    <t>陽性中心指揮容易精准</t>
  </si>
  <si>
    <t>萬華地區疫情嚴峻率先設置四間篩檢站北市府也採用快篩方式釐清感染者但中央流行疫情指揮中心今天重申無症狀者若接受快篩會有較高的偽陽性建議還是接受兩次採檢才能較準確的抓出個案。指揮中心發言人莊人</t>
  </si>
  <si>
    <t>接受疫情指揮中心率先設置流行今天準確中央重申方式採用感染者建議陽性才能</t>
  </si>
  <si>
    <t>萬華地區疫情嚴峻率先設置四間篩檢站北市府也採用快篩方式釐清感染者但中央流行疫情指揮中心今天重申無症狀者若接受快篩會有較高的偽陽性建議還是接受兩次採檢才能較準確的抓出個案。
指揮中心發言人莊人祥表示抗原快篩試劑較適合用於五日內有症狀的發病者若沒有症狀就去篩會有偽陽性我國過去曾有段時間常被日本篩出陽性個案就是因日本對所有入境者實施快篩所致產生相當多的偽陽性。
莊人祥指出未來衛生局若要做快篩還是要採檢兩次不管快篩結果為何都要先通報再接受一次核酸檢測來彌補抗原試劑敏感性、特異性的不足因此快篩試劑僅適合用於疫情流行地區不適合用於非疫情流行區域。
不過衛福部長陳時中表示近來因國內疫情有些變化會請張上淳教授帶回去請專家諮詢小組進行研議視情況來調整國內的篩檢措施。
陳時中也說明目前臺北市的快篩方式有兩套第一套的目的是為先排除一些人第二套則是去做正確性比較高的篩檢希望在快篩後即時發現可能感染者讓這段等候期間的風險降低。</t>
  </si>
  <si>
    <t>疫情陽性接受試劑流行感染者國內症狀表示指揮抗原中心適合方式</t>
  </si>
  <si>
    <t>快篩偽陽性採檢新冠肺炎台灣</t>
  </si>
  <si>
    <t>陽性肺炎臺灣</t>
  </si>
  <si>
    <t>死亡人數國家超過歐洲大陸</t>
  </si>
  <si>
    <t>新冠肆虐病毒殺紅了眼！又一個歐洲國家剛剛被確認因新冠死亡人數超過大陸它是西班牙目前死亡人數已經超過了3434人成為繼義大利後被新冠奪走人命最多的國家。西班牙衛生部門剛剛發布的數字顯示星期二又</t>
  </si>
  <si>
    <t>剛剛西班牙國家超過人數死亡發佈衛生部門成為大利已經歐洲紅了眼人命確認數位目前病毒殺大陸顯示</t>
  </si>
  <si>
    <t>新冠肆虐病毒殺紅了眼！又一個歐洲國家剛剛被確認因新冠死亡人數超過大陸它是西班牙目前死亡人數已經超過了3434人成為繼義大利後被新冠奪走人命最多的國家。
西班牙衛生部門剛剛發布的數字顯示星期二又有738人死於新冠肺炎造成死亡人數達到了3434人目前確診人數則從日前的39673一下跳到了47610。
目前排名第一的義大利死亡人數6820人第三是大陸的3281人。</t>
  </si>
  <si>
    <t>人數死亡目前國家剛剛西班牙大利超過數位衛生部門顯示發佈星期二歐洲紅了眼人命排名死於</t>
  </si>
  <si>
    <t>死亡人數新冠大陸34一個</t>
  </si>
  <si>
    <t>大陸死亡人數</t>
  </si>
  <si>
    <t>確診台商印尼醫療境外專機返台治療</t>
  </si>
  <si>
    <t>台中28日本土零確診境外移入1例（案15726）為一名64歲的印尼台商在印尼確診後搭醫療專機返台治療目前收治在北部一家負壓隔離病房。市長盧秀燕表示統計至今日上午全市施打第一劑人數已正式「突破80萬大關</t>
  </si>
  <si>
    <t>確診印尼人數施打全市境外上午今日統計表示盧秀燕市長隔離病房一家返台醫療北部專機收治治療目前台商</t>
  </si>
  <si>
    <t>台中境外確診醫療治療全市施打印尼就醫專機盧秀燕表示個案搭乘隔離病房返台大關突破台商</t>
  </si>
  <si>
    <t>確診醫療專機治療印尼台商</t>
  </si>
  <si>
    <t>專機醫療印尼治療台商確診</t>
  </si>
  <si>
    <t>進化傳染病毒超過</t>
  </si>
  <si>
    <t>新冠肺炎蔓延全球超過1年變種病毒頻傳台灣自5月中旬以來的本土疫情就是和在英國被發現的Alpha變異株有關。已有醫師提出警告現在要擔心的是在印度被發現的Delta變異株「傳染力更強甚至會在地自我進化極</t>
  </si>
  <si>
    <t>變異發現全球超過變種病毒臺灣蔓延中旬傳染以來本土甚至疫情delta提出醫師警告現在擔心印度</t>
  </si>
  <si>
    <t>新冠肺炎蔓延全球超過1年變種病毒頻傳台灣自5月中旬以來的本土疫情就是和在英國被發現的Alpha變異株有關。已有醫師提出警告現在要擔心的是在印度被發現的Delta變異株「傳染力更強甚至會在地自我進化極可能成為接下來的主要病毒株。」
「Delta變種傳播力比整慘台灣的Alpha變種更強超過50%以上！」萬芳醫院精神科醫師潘建志指出這個新病毒導致主要疫苗的保護力下降相信不久後將淘汰其他變種成為主要病毒株。
潘強調根據變種病毒的結構以及流行病學統計兩個方向都導向一致結論「那就是：要挫賽了」
潘建志引述國外研究指Delta變種的R0值更大恐怕超過6；英國打完兩針AZ疫苗的人死了12個。研究指出它的S蛋白更容易進入細胞致病力、致死力增強。
潘建志甚至認為目前在台灣的Alpha變種會自我進化成Delta變種一個免疫力缺乏、慢性病毒在體內繁殖的病人就可以找到新的變種病毒「不必桃園機場、不必松山機場完成在地進化。」</t>
  </si>
  <si>
    <t>變種病毒delta潘建志超過alpha臺灣進化醫師研究英國甚至指出疫苗發現變異成為不必方向統計結構</t>
  </si>
  <si>
    <t>新冠肺炎台灣Delta變種病毒Alpha</t>
  </si>
  <si>
    <t>delta臺灣變種肺炎病毒alpha</t>
  </si>
  <si>
    <t>變種失效疫苗病毒發現情況尚未可能德塞改變</t>
  </si>
  <si>
    <t>世界衛生組織總幹事譚德塞在世界衛生大會(WHA)上說專家們尚未發現對現有疫苗和藥物有效性構成威脅的新冠病毒新菌株但是病毒變異的情況不斷改變不能保證目前疫苗有效的狀況不會改變各國應該設法在9月之前為至</t>
  </si>
  <si>
    <t>疫苗改變世界衛生大會病毒wha專家德塞尚未發現現有藥物有效性情況狀況有效不能目前保證構成威脅變異應該</t>
  </si>
  <si>
    <t>世界衛生組織總幹事譚德塞在世界衛生大會(WHA)上說專家們尚未發現對現有疫苗和藥物有效性構成威脅的新冠病毒新菌株但是病毒變異的情況不斷改變不能保證目前疫苗有效的狀況不會改變各國應該設法在9月之前為至少10%的民眾接種疫苗如果不是每個國家都能控制病毒疫情就一直持續下去。
綜合外媒報導譚德塞在第74屆世界衛生大會開幕式上稱：「到目前為止還沒有能嚴重破壞現有疫苗或療法有效性的新毒株。但是不能保證這種現象會持續下去這種病毒正在不斷變化我們的工具可能會毫無用處。瘟疫還沒有結束。如果不是每個國家都可以控制病毒瘟疫就不會結束。」
他指出在過去3周中死於新冠肺炎的人數有所減少。同時儘管疫苗接種速度很高但目前世界仍處於脆弱狀態。因此世衛組織敦促各國捐贈疫苗以在9月之前為所有國家的10%人口接種並在年底之前為30%的人口接種疫苗。
譚德塞說自疫情大流行開始以來最近18個月以來世界各地的醫護人員都在醫療前線搏鬥已經至少有115000名醫療衛生工作人員因而死於新冠疫情。
據世衛組織的資料顯示在世界上佔全球人口10%的最貧窮國家中疫苗接種率僅03%這個比率與台灣的接種率差不多。</t>
  </si>
  <si>
    <t>疫苗接種病毒疫情國家德塞至少世衛組織目前下去之前沒有改變不能結束保證人口死于現有持續</t>
  </si>
  <si>
    <t>新冠疫情變種病毒譚德塞疫苗世界衛生大會</t>
  </si>
  <si>
    <t>病毒德塞變種疫苗疫情世界衛生大會</t>
  </si>
  <si>
    <t>少康政府疫苗奧運三無轉移高端焦點</t>
  </si>
  <si>
    <t>中華隊在近日東奧賽場上不斷有好消息傳回台灣並大篇幅佔據新聞版面。在此同時265萬劑高端疫苗竟默默通過檢驗並取得封緘證明萬事俱備只欠開打。對此資深媒體人趙少康批評趁著全民瘋奧運蔡政府防疫不力的</t>
  </si>
  <si>
    <t>奧運不斷全民批評消息傳回少康臺灣大篇幅佔據媒體新聞對此賽場版面高端疫苗</t>
  </si>
  <si>
    <t>中華隊在近日東奧賽場上不斷有好消息傳回台灣並大篇幅佔據新聞版面。在此同時265萬劑高端疫苗竟默默通過檢驗並取得封緘證明萬事俱備只欠開打。對此資深媒體人趙少康批評趁著全民瘋奧運蔡政府防疫不力的事實被成功轉移焦點高端疫苗也被暗度陳倉雖然被輿論遺忘但是高端的爭議不會因此消失。
食品藥物管理署2日宣佈首批高端疫苗共265萬劑已完成審查檢驗並核發封緘證明書消息一出引發審查沒過就開始量產的討論。面對質疑陳時中解釋「等EUA通過才量產送驗恐怕多等半年才有得用」更把疫苗做壞比喻為蛋糕做失敗對於陳時中的回應趙少康昨（4日）在臉書痛批真是不倫不類亂講一通。
趙少康直言連疫苗的保護力都不知道就通過EUA並量產政府甚至早早下訂500萬劑全力護航高端的斧鑿明顯盡顯照劇本演出的醜態。趙指出在接受永齡基金會、台積電以及慈濟捐贈疫苗後政府強調疫苗夠了不會再開專案近期卻因為疫苗斷炊不斷拉長接種第二劑的間隔時間並替高端完美創造了空窗期剛好讓高端「趁虛而入」。
趙少康感嘆面對「三無疫苗」：一個沒有保護力資料、沒通過EUA就量產、送驗也沒有通過國際認證的疫苗對因相信民進黨而敢打高端的人只能獻上佩服與祝褔。</t>
  </si>
  <si>
    <t>疫苗高端少康政府eua不斷消息面對檢驗審查送驗沒有保護只能賽場</t>
  </si>
  <si>
    <t>趙少康疫苗量產高端疫苗EUA</t>
  </si>
  <si>
    <t>疫苗高端少康eua</t>
  </si>
  <si>
    <t>搭上翻天風車nb導體年底</t>
  </si>
  <si>
    <t>新冠肺炎在歐美持續升溫帶動居家辦公、遠距教學等需求大增NB市場大好一路暢旺到年底義隆(2458)也看好在此熱潮下第三季營收逐月成長今股價掀起反彈開高走高漲幅一度逾2%站回5日線、周線。受到疫情</t>
  </si>
  <si>
    <t>持續升溫帶動居家辦公一度教學漲幅需求大增開高nb歐美市場反彈大好掀起股價暢旺</t>
  </si>
  <si>
    <t>新冠肺炎在歐美持續升溫帶動居家辦公、遠距教學等需求大增NB市場大好一路暢旺到年底義隆(2458)也看好在此熱潮下第三季營收逐月成長今股價掀起反彈開高走高漲幅一度逾2%站回5日線、周線。
受到疫情衝擊居家工作、遠距教學帶動一波NB拉貨需求且由於疫情持續不見尾聲故此波需求也持續延伸到至少年底且以教育市場標案為主要成長動力其中又屬Chromebook需求最熱主要原因是Chromebook尺寸跟機構和一般的NB入門款相同義隆的市佔率逾90%以上搶搭這波順風車義隆目前也因為市場需求太熱因素幾乎沒庫存相較以往1~15個月來說營運動能確實位居高峰。
義隆第2季營收為3539億元季增加604%、年增加623%營收創下歷史新高單季淨利為88億元、年增加1075%、更相較第1季大幅成長19倍單季每股獲利315元單季毛利率為476%展望第3季義隆看好營收可望再成長逾3成將續創新高。</t>
  </si>
  <si>
    <t>成長義隆需求持續nb相較疫情季營單季市場年底帶動居家看好chromebook增加教學以往庫存營運</t>
  </si>
  <si>
    <t>義隆ChromebookNB新冠肺炎居家辦公</t>
  </si>
  <si>
    <t>nb肺炎chromebook居家義隆辦公</t>
  </si>
  <si>
    <t>新藥美國華科青睞</t>
  </si>
  <si>
    <t>生華科（6492）宣佈新藥CK2抑制劑Silmitasertib（CX-4945）在抗新冠肺炎的臨床進展有重大突破。全美國最大的醫療體系之一Banner Health日前主動聯繫表達運用新藥Silmitasertib在新冠肺炎患者治療上之合作意願雙</t>
  </si>
  <si>
    <t>新藥肺炎silmitasertib患者ck抑制醫療體系bannerhealth全美日前主動重大突破聯繫表達進展臨床運用cx-治療宣佈</t>
  </si>
  <si>
    <t>臨床bannerhealth治療患者華科肺炎試驗fda藥物新藥合作人體體系申請超過醫護緊急美國取得使用</t>
  </si>
  <si>
    <t>新藥取得肺炎臨床試驗Health</t>
  </si>
  <si>
    <t>臨床試驗肺炎取得health新藥</t>
  </si>
  <si>
    <t>娛樂sm肺炎聲明確診全團居家xiuminexo隔離</t>
  </si>
  <si>
    <t>南韓天團EXO成員Xiumin（金珉錫김민석）近期參與音樂劇演出原先接受PCR檢測呈現陰性但昨（4）日身體出現不適再度檢測後今（5）日收到新冠肺炎確診消息；Xiumin所屬經紀公司SM娛樂聲明中表示EXO其他成員和相關</t>
  </si>
  <si>
    <t>xiumin檢測exo成員聲明娛樂sm金瑉錫公司經紀所屬近期參與消息音樂劇演出確診原先接受肺炎pcr收到呈現陰性</t>
  </si>
  <si>
    <t>南韓天團EXO成員Xiumin（金珉錫김민석）近期參與音樂劇演出原先接受PCR檢測呈現陰性但昨（4）日身體出現不適再度檢測後今（5）日收到新冠肺炎確診消息；Xiumin所屬經紀公司SM娛樂聲明中表示EXO其他成員和相關工作人員已接受檢測且馬上居家隔離等待結果。
根據SM娛樂今日發出聲明中得知旗下男團EXO成員Xiumin最近有音樂劇的工作在7月29日有先接受PCR檢測收到陰性結果變繼續投入音樂劇準備工作中；沒想到昨日Xiumin身體出現疑似新冠肺炎不適症狀於是又接受一次PCR檢測今日收到確診新冠的通知。
而EXO其他成員和有跟Xiumin接觸的相關工作人員都立刻接受檢測也馬上進行居家隔離等待檢測結果出爐；SM娛樂也強調會遵照南韓防疫政策Xiumin原本行程全部中斷連音樂劇的演出者和工作人員也都隨即被安排檢測但也向粉絲承諾「會盡全力恢復旗下藝人健康讓大家擔心感到抱歉目前會以藝人和工作人員的健康安全為優先」。
★《中時新聞網》提醒您：因應新冠肺炎疫情疾管署持續加強疫情監測與邊境管制措施如有疑似症狀請撥打：1922專線或 0800-001922並依指示配戴口罩儘速就醫同時主動告知醫師旅遊史及接觸史以利及時診斷及通報。</t>
  </si>
  <si>
    <t>檢測xiumin工作人員接受音樂劇exo成員肺炎接觸娛樂sm結果pcr症狀收到健康不適今日藝人</t>
  </si>
  <si>
    <t>EXOXiumin新冠肺炎PCR檢測SM娛樂</t>
  </si>
  <si>
    <t>肺炎pcr檢測xiuminsmexo娛樂</t>
  </si>
  <si>
    <t>侯友宜確診首度今日新北小心翼翼</t>
  </si>
  <si>
    <t>新北今日出現首度的0確診新北市長侯友宜今在防疫說明會上說面對疫情要學會謙卑、嚴陣以待更要小心翼翼「一天的零不代表之後都是零」。侯說要每天檢視疫情哪些沒做好？全力以赴希望每個腳步都是穩定的</t>
  </si>
  <si>
    <t>疫情新北希望市長侯友宜全力以赴防疫說明確診會上腳步面對小心翼翼都是零侯說首度代表學會之後</t>
  </si>
  <si>
    <t>新北今日出現首度的0確診新北市長侯友宜今在防疫說明會上說面對疫情要學會謙卑、嚴陣以待更要小心翼翼「一天的零不代表之後都是零」。
侯說要每天檢視疫情哪些沒做好？全力以赴希望每個腳步都是穩定的守住新北疫情也跟各縣市聯合作戰守住全國疫情疫情高高低低用平常心看待最重要守好疫情。</t>
  </si>
  <si>
    <t>疫情新北市長侯友宜防疫小心翼翼說明都是零會上面對侯說確診希望腳步全力以赴穩定</t>
  </si>
  <si>
    <t>疫情新北守住新冠肺炎台灣</t>
  </si>
  <si>
    <t>新北肺炎疫情臺灣</t>
  </si>
  <si>
    <t>確診新北病毒deltapcr陰性接觸</t>
  </si>
  <si>
    <t>臺北市長柯文哲今天在臉書爆出北市衛生局今接到疾管署通知有兩位市民可能接觸感染屏東這波染疫民眾。新北市府衛生局今也證實當初搭載祕魯返台租孫的防疫計程車司機住在新北中央下午已通知要求司機前往採檢</t>
  </si>
  <si>
    <t>通知新北衛生局司機爆出要求北市今天感染返台秘魯接觸可能市民搭載防疫計程車中央</t>
  </si>
  <si>
    <t>臺北市長柯文哲今天在臉書爆出北市衛生局今接到疾管署通知有兩位市民可能接觸感染屏東這波染疫民眾。新北市府衛生局今也證實當初搭載祕魯返台租孫的防疫計程車司機住在新北中央下午已通知要求司機前往採檢目前結果尚未出爐。
新北市衛生局表示該名司機是在機場排班的防疫計程車該對祖孫6日返國由該名司機接送回屏東今天（27日）收到中央通知要求安排該名司機前往篩檢目前結果尚未出爐。
另外衛生局也說26日有接獲中央通知新北有1名屏東Delta病毒確診個案的接觸者居住新北市衛生局立即安排該名接觸者隔離安置集中檢疫所PCR檢驗陰性。
據瞭解該名接觸者是屏東12例其中一人的友人在這段時間有下屏東碰面昨天接到通知採檢。
★《中時新聞網》提醒您：因應新冠肺炎疫情疾管署持續加強疫情監測與邊境管制措施 如有疑似症狀請撥打：1922專線或0800-001922並依指示配戴口罩儘速就醫同時主動告知醫師旅遊史及接觸史以利及時診斷及通報。</t>
  </si>
  <si>
    <t>接觸司機新北衛生局通知今天中央安排防疫管署接到疫情計程車尚未出爐要求結果指示</t>
  </si>
  <si>
    <t>新冠肺炎台灣祕魯祖孫通知計程車司機</t>
  </si>
  <si>
    <t>秘魯祖孫臺灣肺炎通知計程車司機</t>
  </si>
  <si>
    <t>首批新竹果菜批發市場出現北農嚴防陰性</t>
  </si>
  <si>
    <t>因應北農爆出群聚感染為嚴防其萬一出現破口新竹市政府22日起連續兩天啟動全面快篩針對新竹果菜批發市場員工、承銷人及攤商快篩22日先對40名果菜公司員工快篩均為陰性今天上午再對攤商做檢測已有近6成攤</t>
  </si>
  <si>
    <t>新竹員工果菜感染嚴防出現市政府連續天啟今天上午全面陰性爆出批發市場承銷人公司北農</t>
  </si>
  <si>
    <t>因應北農爆出群聚感染為嚴防其萬一出現破口新竹市政府22日起連續兩天啟動全面快篩針對新竹果菜批發市場員工、承銷人及攤商快篩22日先對40名果菜公司員工快篩均為陰性今天上午再對攤商做檢測已有近6成攤商、逾300人報名。
市長林智堅指出北農出現新一波群聚新竹農產運銷公司（新竹果菜批發市場）為大新竹地區最重要的蔬果批發市場因此針對新竹農產運銷公司員工、承銷人及攤商提供快篩作業讓高風險接觸者藉由快篩解除疑慮。
昨天40名員工已全部完成快篩結果均為陰性今天上午已排第1批攤商167人篩檢明天也預訂再篩檢137人。
市府產業發展處長張力可表示新竹農產公司除「貨運回頭車」跟北農略有關係外員工及承銷商業務都跟北農沒有直接關聯蔬果都是產地直送。但為求慎重、防堵病毒市府還是從嚴辦理先對市場員工及承銷商作全面快篩。市府也呼籲因果菜批發市場約有承銷人550名攤商應踴躍參與篩檢。
此外3級防疫警戒以來防疫作為都嚴格執行包含實施實聯制人流管制、設置防疫檢查站量測體溫、提供手部酒精消毒及身分證尾數分流、管控容留人數等也持續呼籲消費者控制消費時間一小時內「快買、快走、1次買足」另本周市府也再次完成全市12處傳統市場的清消。</t>
  </si>
  <si>
    <t>新竹員工市府北農批發市場防疫公司果菜提供完成呼籲市場承銷人出現蔬果承銷全面</t>
  </si>
  <si>
    <t>新冠肺炎台灣快篩攤商北農</t>
  </si>
  <si>
    <t>臺灣肺炎北農</t>
  </si>
  <si>
    <t>一面倒跑出去高估週末臺灣人</t>
  </si>
  <si>
    <t>本土疫情升溫中央流行疫情指揮中心今（21）再宣佈新增312例本土個案指揮官陳時中坦言現在疫情已經「多頭燒」週末將至呼籲民眾應減少外出避免群聚。對此網卻一面倒表示「別太高估台灣人」。本土確診</t>
  </si>
  <si>
    <t>本土疫情表示一面倒對此避免外出減少指揮民眾呼籲中心週末宣佈多頭已經個案</t>
  </si>
  <si>
    <t>本土疫情升溫中央流行疫情指揮中心今（21）再宣佈新增312例本土個案指揮官陳時中坦言現在疫情已經「多頭燒」週末將至呼籲民眾應減少外出避免群聚。對此網卻一面倒表示「別太高估台灣人」。
本土確診量暴增疫情延燒一週仍未減今本土個案再增312例。眼看週末假期將至指揮官陳時中特別呼籲民眾減少外出、避免聚會一起努力把人員流動、感染的可能性降到最低才能將傳染鏈切斷「拜託大家六日沒必要就千萬不要出門。」
對此有PTT網友以「真的會有蠢蛋六日跑出去玩嗎」發文指出看完直播不管是CDC還是臺北首長都呼籲大家六日能不出去就不要出去亂跑況且現在室外不能群聚電影院、餐廳能停業的也都停了。「六日還會有笨蛋為了玩跑出去嗎？真的有這種人？」
不過網友卻一面倒回覆「絕對有」、「一定有」。網友表示儘管疫情嚴峻還是有人會認為外面人少正是出門好時機甚至還會到外縣市旅遊。「一定有而且會去南部」、「放心一定有的」、「多到你無法想像」、「有一些茶莊還在攬客」、「是沒看過颱風天自律」、「你太高估台灣人的水準了」、「台灣從來不缺這種別人都是笨蛋俺最聰明的投機者」。</t>
  </si>
  <si>
    <t>疫情本土呼籲網友現在一定出門指揮官對此週末笨蛋表示臺灣人高估</t>
  </si>
  <si>
    <t>週末出去台灣人流疫情</t>
  </si>
  <si>
    <t>疫情週末出去人流臺灣</t>
  </si>
  <si>
    <t>賽事wta參賽權緊急搶救政府</t>
  </si>
  <si>
    <t>羅馬尼亞職業女網前世界球後哈麗普（Simona Halep）準備參加比賽不過目前許多國家對於防止新冠肺炎另一波傳染依舊採取嚴格的防疫措施8月份的義大利帕勒摩女子公開賽因為義國政府對於來自羅馬尼亞、保加利亞</t>
  </si>
  <si>
    <t>對於羅馬尼亞哈麗普政府simonahalep義國準備公開賽女子大利參加月份措施防疫比賽嚴格採取傳染目前國家肺炎</t>
  </si>
  <si>
    <t>羅馬尼亞職業女網前世界球後哈麗普（Simona Halep）準備參加比賽不過目前許多國家對於防止新冠肺炎另一波傳染依舊採取嚴格的防疫措施8月份的義大利帕勒摩女子公開賽因為義國政府對於來自羅馬尼亞、保加利亞發出入境後必須隔離14天的規定可能影響哈麗普參賽計畫。
職業網球賽事因為新冠肺炎大流行已經停擺四個多月8月3日在義大利正式開打的帕勒摩女網公開賽將是新冠疫情之後首場WTA官方正式賽事不過義大利衛生部長史伯蘭沙（Roberto Speranza）頒布一項規定就是來自羅馬尼亞、保加利亞的旅客入境後必須先隔離14天確定體內新冠肺炎病毒反應呈陰性才能自由活動。
義國政府這個新規定恐怕打消哈麗普參賽念頭因此帕勒摩賽事官方送了一封「緊急信」給史伯蘭沙希望給哈麗普開個特例賽事總監帕爾默（Oliviero Palmo）表示：「考量到選手價值及重視哈麗普參賽可以對新冠疫情後首場比賽有所幫助我們寫了一封信給部長因為我們相信WTA的防疫規範已經夠嚴格了可以保障選手及所有人員健康安全。」
WTA規定選手在前往帕勒摩前要接受病毒檢驗抵達後每4天也要進行一次病毒檢驗在結果出來前必須待在飯店帕勒摩公開賽官方也計畫開放350到1000名觀眾進入主球場觀賽WTA世界排名前30的選手有10位在籤表中除了哈麗普還有英國孔塔（Johanna Konta）、拉脫維亞奧斯塔朋科（Jelena Ostapenko）及捷克萬卓索娃（Marketa Vondrousova）。</t>
  </si>
  <si>
    <t>哈麗普wta賽事規定選手必須肺炎參賽大利病毒官方公開賽羅馬尼亞比賽已經可以對於計畫</t>
  </si>
  <si>
    <t>網球女網哈麗普WTA賽事</t>
  </si>
  <si>
    <t>賽事wta女網網球哈麗普</t>
  </si>
  <si>
    <t>名醫逼出來直播處女秀疫情</t>
  </si>
  <si>
    <t>受疫情影響許多人減少到醫院不讓疫情影響治療中國附醫乳房外科醫護以直播節目取代病友聚會每次門診動輒數百位病患的乳癌權威劉良智甚至為此獻上個人直播處女秀他直言透過網路科技空中衛教並即時解決</t>
  </si>
  <si>
    <t>直播影響疫情科技網路透過直言處女秀空中不讓動輒門診治療中國權威聚會獻上病友取代乳房節目甚至外科</t>
  </si>
  <si>
    <t>受疫情影響許多人減少到醫院不讓疫情影響治療中國附醫乳房外科醫護以直播節目取代病友聚會每次門診動輒數百位病患的乳癌權威劉良智甚至為此獻上個人直播處女秀他直言透過網路科技空中衛教並即時解決病友疑惑省去門診病患重覆發問的時間看診品質及醫病關係都大大提升。
台中市圓緣關懷協會為中國附醫醫護團隊鼓勵乳癌病友彼此打氣聯誼組成每月有定期聚會與活動受到疫情影響病友面對面交流機會變少醫護們於是透過FB直播維繫和病友間的互動從4月開始至今已播出6集團隊成員事先討論病友常問的問題如：放射線治療、術後淋巴水腫、乳房手術方式、病友治療中飲食對策等再邀請相關科別如復健科、整型外科、營養科等醫師一起在直播中解答。
台中市圓緣關懷協會理事長、中國醫藥大學附設醫院乳房外科主任劉良智也在護理師鼓勵下從來賓變主持人過去始終拒絕上電視的他更在近期獻出自己直播處女秀他坦言從診間走入直播間是跨到另一個領域學習時代在進步利用直播和病友互動統整病友們常見的問題節省門診時要重覆回應同樣問題的時間現在病人回診時問題變得更深入直接也是意外的收獲；他期盼未來醫師都可以透過更多工具不但提升醫療品質也讓生活品質變得更好。
長榮獅子會看到圓緣關懷協會的線上直播也決定捐款30萬元幫助協會中高風險、低收入戶患者彌補正規醫療體係無法給予的幫助。</t>
  </si>
  <si>
    <t>病友直播問題治療透過乳房協會醫護中國影響疫情醫療聚會品質門診劉良智提升鼓勵時間</t>
  </si>
  <si>
    <t>武漢肺炎新形冠狀病毒新冠肺炎NCPCOVID-19</t>
  </si>
  <si>
    <t>肺炎冠狀病毒ncpcovid-武漢</t>
  </si>
  <si>
    <t>顏清標喊話館長媽祖保護xx</t>
  </si>
  <si>
    <t>新冠肺炎疫情持續延燒而台灣宗教盛事「大甲媽祖繞境」預計將在下個月19號開始然外界擔心如此高人數的群聚活動恐成為防疫缺口認為需為民眾安全考慮停辦與否然鎮瀾宮董事長顏清標卻喊話：「媽祖會保護大家</t>
  </si>
  <si>
    <t>媽祖持續臺灣宗教顏清標盛事董事長停辦考慮安全疫情民眾認為預計缺口防疫成為開始</t>
  </si>
  <si>
    <t>新冠肺炎疫情持續延燒而台灣宗教盛事「大甲媽祖繞境」預計將在下個月19號開始然外界擔心如此高人數的群聚活動恐成為防疫缺口認為需為民眾安全考慮停辦與否然鎮瀾宮董事長顏清標卻喊話：「媽祖會保護大家」要外界不要恐慌被認為是力挺繞境照常舉辦引發爭議。
對於今年大甲媽遶境是否照常舉行雖陳時中表示要再積極跟相關人士協調然仍有不少人支持照常舉辦而這樣的態度讓「館長」陳之漢超火大昨晚忍不住在臉書發文對於說出「媽祖會保佑、繼續辦吧」希望民眾要記住那些人的嘴臉接著酸嗆若照這邏輯「染疫的那天媽祖會醫好你的」想必特效藥也不用研發「瑞德西韋？？？？免啦！吃香灰就可以了」。</t>
  </si>
  <si>
    <t>媽祖照常民眾認為外界對於舉辦瑞德西韋持續研發特效藥疫情臺灣想必火大昨晚</t>
  </si>
  <si>
    <t>實施專案扛不住成本人事事假</t>
  </si>
  <si>
    <t>新冠肺炎疫情中斷全球人員流動航空業首當其衝鑑於疫情尚未趨緩長榮航面對一年高達1959億元人事成本終於也扛不住了17日對內宣佈專案無薪事假與放寬「留職停薪」申請規定長榮航希望員工與公司攜手度過營運</t>
  </si>
  <si>
    <t>疫情中斷全球員工人員希望航空首當其衝對內宣佈扛不住專案終於事假成本人事放寬尚未留職停薪規定</t>
  </si>
  <si>
    <t>新冠肺炎疫情中斷全球人員流動航空業首當其衝鑑於疫情尚未趨緩長榮航面對一年高達1959億元人事成本終於也扛不住了17日對內宣佈專案無薪事假與放寬「留職停薪」申請規定長榮航希望員工與公司攜手度過營運艱困時期。
長榮航2018年財報顯示員工人數11321人一年人事費用高達1959億元。
由於新冠肺炎疫情爆發以來減班情況嚴峻今年2月客運收入僅有5234億元年減371％再加上尚有波音新飛機陸續交機以及保障最低飛行時數等財務壓力甚重。
長榮航17日對內部發布最新的鼓勵休假措施即日起亦增設台灣地區員工專案事假申請與放寬留職停薪申請規定。
其中專案事假不列入考評及服務年資繼續累計且不與其他差假併計也不會影響相關福利權益員工可依個人需求事前提出但每月不得超過14天。
留職停薪部分則不限事由均可提出每次申請至少一個月以上。
長榮航強調專案事假及留職停薪均需由部門主管依業務及人力狀況核定沒有任何強迫性並持續鼓勵同仁多安排休假。</t>
  </si>
  <si>
    <t>員工專案留職停薪榮航疫情事假申請鼓勵提出人事休假肺炎規定收入</t>
  </si>
  <si>
    <t>事假員工疫情放寬肺炎</t>
  </si>
  <si>
    <t>疫情肺炎事假員工放寬</t>
  </si>
  <si>
    <t>臺灣與會邀請巴拉圭提案重申友邦支持堅定wha</t>
  </si>
  <si>
    <t>第74屆「世界衛生大會」（WHA）即將於下週一以視訊方式召開13個友邦以WHO會員國身分分別向WHO幹事長譚德塞（Tedros Adhanom Ghebreyesus）提案要求邀請台灣以觀察員身份參與WHA至於未提案的巴拉圭也為我方致函</t>
  </si>
  <si>
    <t>提案whawho下週一至於方式召開友邦幹事長身份參與觀察員德塞adhanom邀請要求臺灣ghebreyesustedros會員國身分分別巴拉圭大會</t>
  </si>
  <si>
    <t>第74屆「世界衛生大會」（WHA）即將於下週一以視訊方式召開13個友邦以WHO會員國身分分別向WHO幹事長譚德塞（Tedros Adhanom Ghebreyesus）提案要求邀請台灣以觀察員身份參與WHA至於未提案的巴拉圭也為我方致函WHO幹事長呼籲邀請台灣以觀察員身分出席本年WHA。
外交部發言人歐江安表示我國政府持續努力推動爭取以觀察員身分出席WHA。友邦一向不遺餘力支持我國國際參與並以各種多元方式積極協助例如提案、致函世界衛生組織（WHO）幹事長、在WHA會議中為我國執言等。此外友邦也透過政府高層公開發言及在媒體發聲以及立法部門通過決議或聲明為台灣爭取參與WHA營造更大的國際支持聲量。外交部感謝並尊重友邦以各種具體行動協助我方參與WHA。
歐江安指出本年我國友邦貝裡斯、史瓦帝尼、瓜地馬拉、海地、宏都拉斯、馬紹爾群島、諾魯、尼加拉瓜、帛琉、聖克裡斯多福及尼維斯、聖露西亞、聖文森及吐瓦魯以WHO會員國身分分別向WHO幹事長譚德塞（Tedros Adhanom Ghebreyesus）提出標題為「邀請台灣以觀察員身分參與世界衛生大會」（Inviting Taiwan to participate in the World Health Assembly as an observer）的提案要求列入本年WHA議程討論WHO已據以列入議程「補充項目」（supplementary item）。
歐江安強調巴拉圭重申堅定支持台灣參與WHO及WHA巴國政府也為我方致函WHO幹事長呼籲邀請台灣以觀察員身分出席本年WHA。台灣與巴拉圭邦誼穩固友好兩國基於民主、自由、人權等共用價值長期以來在雙邊及多邊領域密切合作相互扶持共同為兩國人民福祉及國家永續發展齊心努力。</t>
  </si>
  <si>
    <t>wha友邦who參與臺灣我國提案身分本年政府巴拉圭支持觀察員幹事長江安邀請方式外交部爭取要求國際協助致函努力列入出席大會</t>
  </si>
  <si>
    <t>新冠肺炎台灣WHAWHO邀請台灣</t>
  </si>
  <si>
    <t>臺灣wha肺炎who邀請</t>
  </si>
  <si>
    <t>無效居檢出關天才境外新增確診</t>
  </si>
  <si>
    <t>中央流行疫情指揮中心今公佈國內新增2例境外移新冠肺炎病例分別自菲律賓及美國入境其中菲律賓20多歲女子是集中檢疫期滿後自費採檢才確診另一名美國入境的本國籍30多歲男子則是居家檢疫期間發病採檢後確診</t>
  </si>
  <si>
    <t>美國檢疫入境中心菲律賓公佈國內確診新增境外指揮肺炎病例疫情居家國籍集中自費期滿男子</t>
  </si>
  <si>
    <t>中央流行疫情指揮中心今公佈國內新增2例境外移新冠肺炎病例分別自菲律賓及美國入境其中菲律賓20多歲女子是集中檢疫期滿後自費採檢才確診另一名美國入境的本國籍30多歲男子則是居家檢疫期間發病採檢後確診。截至目前國內共累計550例確診案例確診個案中7人死亡、41人住院隔離中。
案549為20多歲菲律賓籍女子因工作緣故今年9月30日入境台灣搭機前3日內檢驗陰性集中檢疫期間都無症狀10月13日檢疫期滿前採檢結果為陰性期滿後由仲介安排至宿舍自主健康管理22由自費檢驗後確診。指揮中心發言人莊人祥表示女子的Ct值34處於陰陰陽陽的時期是感染後期研判傳染性不高。
針對此案衛生單位已掌握個12名接觸者包含接送車輛司機3人、同事3人因皆有戴口罩列自主健康管理；另6名一同至醫院採檢的同事採檢結果均為陰性因接觸期間未戴口罩列為居家隔離。
案550為30多歲本國籍男子今年10月2日出境至美國10月18日返台入境時無不適症狀。男子10月21日居家檢疫期間出現發燒、咳嗽、肌肉痠痛、關節痛及全身倦怠等症狀由衛生單位安排就醫採檢今確診新冠肺炎。由於發病前2日均於住家進行居家檢疫未有同行及同住接觸者因此無匡列接觸者。
國內截至目前累計550名確診案例分別為458例境外移入55例本土病例36例敦睦艦隊及1例不明（比利時工程師）。確診個案中7人死亡、502人解除隔離、41人住院隔離中。</t>
  </si>
  <si>
    <t>確診檢疫接觸入境居家期間女子症狀國內美國陰性衛生中心男子口罩單位期滿安排隔離檢驗</t>
  </si>
  <si>
    <t>帛琉境外移入指揮中心新冠肺炎</t>
  </si>
  <si>
    <t>指揮中心境外肺炎</t>
  </si>
  <si>
    <t>減弱病毒正在最終醫生自行大利消失</t>
  </si>
  <si>
    <t>全球新冠肺炎單日新增病例才創新高一名義大利傳染科醫生卻表示他相信新冠病毒正在減弱而且最終不需要疫苗也能自行消失。《紐約郵報》（New York Post）引述英國《週日電訊報》（Sunday Telegraph）報導</t>
  </si>
  <si>
    <t>周日英國引述postyorknew郵報紐約消失電訊報自行疫苗新增需要新高名義才創大利傳染病例最終醫生減弱正在</t>
  </si>
  <si>
    <t>全球新冠肺炎單日新增病例才創新高一名義大利傳染科醫生卻表示他相信新冠病毒正在減弱而且最終不需要疫苗也能自行消失。
《紐約郵報》（New York Post）引述英國《週日電訊報》（Sunday Telegraph）報導義大利聖瑪丁諾醫院（San Martino Hospital）傳染病部門主任巴塞第（Matteo Bassetti）表示新冠病毒的效力似乎出現減弱跡象。
他說他的臨床印象是病毒正在出現重大轉變3、4月時的情景迥然不同到急診室求救的患者病況非常嚴重、難以處理他們大多需要輸氧或是戴上呼吸器有些還出現肺炎症狀。
但是到了5月情況已經完全不同。他描述3、4月時新冠病毒是一隻「兇猛的老虎」現在已經變成了「野貓」就連8、90歲的年長患者現在都能坐在病床上不需要任何輔助也能正常呼吸換作是之前這些人可能已經死了。
他推測病毒弱化的原因之一可能是因應社交距離政策而出現變異「我認為病毒變異是因為我們的免疫系統有所反應再加上封城、戴口罩、保持社交距離現在病毒量比較低。」
巴塞第還認為病毒有可能在疫苗研發出來之前就滅絕「現在愈來愈少人染疫最終病毒可能逐漸消失。」
不過英國艾希特大學（University of Exeter）醫學院教授潘卡尼亞（Bharat Pankhania）卻沒這麼樂觀他說「我不認為病毒這麼快就會消失如果沒人感染它確實會消失但正因為它有非常強的傳染力及傳播性它還會存在很長一段時間。」</t>
  </si>
  <si>
    <t>病毒現在出現消失可能已經認為需要大利英國傳染非常患者巴塞肺炎疫苗</t>
  </si>
  <si>
    <t>確診肺炎地圖臺灣臺北市整理網友</t>
  </si>
  <si>
    <t>台灣新冠肺炎目前共有26例確診案例臺北市長柯文哲屢屢喊話中央公佈確診者的居住地點且稱「不知道」北市是否有確診者。有網友整理衛福部公開資訊統計目前臺北市確診者共７人是全台最多。這名網友稱自己是台</t>
  </si>
  <si>
    <t>確診目前臺北市網友共有案例屢屢柯文哲中央公開知道公佈衛福部喊話肺炎居住資訊地點北市統計整理</t>
  </si>
  <si>
    <t>台灣新冠肺炎目前共有26例確診案例臺北市長柯文哲屢屢喊話中央公佈確診者的居住地點且稱「不知道」北市是否有確診者。有網友整理衛福部公開資訊統計目前臺北市確診者共７人是全台最多。
這名網友稱自己是台南的資訊人員在2015 製作登革熱地圖時就知道可以取得鄉鎮市區層級的統計資料因病例數字激增且自己也身處於病例數字最多的台南北區當時家人也感染了登革熱因此著手人工整理台南市政府衛生局公開的村裡層級資料而後促成了疾管署願意直接提供系統化的資料這個過程讓我覺得好像幫傳染病資料的開放推進一個里程碑也加深了對政府的信任。
這名網友說自己「很無法適應這次資訊揭露的倒退所以在取得資料之後第一時間選擇了公開它即使縣市層級的資料其實還是退了一小步。」
根據這名網友的整理臺北市共7人、新北3人、宜蘭1人、桃園1人、台中4人、彰化5人、南投2人、台南1人、高雄2人。其餘縣市則都是0人。
衛福部長陳時中昨晚call in到電子媒體節目表示大家對於疫情的公佈一直有爭論而指揮中心目前為止至少兩次對於疫情公開有幾本原則就是「特定的、能掌握的人員就不公佈」、「有不特定且掌握不到的就會公佈」。
他說一直以來都依據這個原則就像日前鑽石公主號因為沒辦法掌握每個人所以公佈出來讓大家知道這些旅客走過的點有哪些在哪些時間去的可以早期發現可以早期預防基本上有助於防疫的我們才會公佈。
至於柯文哲稱說不知道。陳時中表示根據傳染病防治法第四十三條地方主管機關接獲傳染病或是疑似傳染病報告時應迅速檢驗診斷調查來源並採行必要措施後報告中央主管機關。
也就是說知道疫情的第一手單位是地方主管機關地方政府是第一手接到訊息的然後依法才是地方政府揭露訊息展開相關疫情在跟中央報告。
制度設計上是同時讓兩者都知道因為防疫很緊迫中央地方都要動起來有任何疫情地方、中央訊息都是同步的。</t>
  </si>
  <si>
    <t>知道資料中央疫情地方公佈公開台南確診網友傳染病報告層級資訊政府臺北市主管機關可以掌握目前</t>
  </si>
  <si>
    <t>新冠肺炎疫情延燒前中職兄弟象總教練江仲豪亦受到影響；他所任教的北京「北方工業大學」請他先留在台灣24日開學後在網路上佈置教學課程即可暫時不用回校。這是他擔任北工大「棒球指導」（等同外聘教授）第14個</t>
  </si>
  <si>
    <t>棒球北工大擔任中職兄弟回校教練暫時江仲豪即可課程受到教學疫情指導影響佈置任教網路上北京北方工業大學開學</t>
  </si>
  <si>
    <t>新冠肺炎疫情延燒前中職兄弟象總教練江仲豪亦受到影響；他所任教的北京「北方工業大學」請他先留在台灣24日開學後在網路上佈置教學課程即可暫時不用回校。這是他擔任北工大「棒球指導」（等同外聘教授）第14個學期卻是首次碰到這種情形。
江仲豪回憶他於2013年10月獲友人引薦帶領8名台灣學子前往北工大就讀日文系並成為棒球隊骨幹他除了是「棒球指導」（另有大陸教練）也要教壘球。這批學生畢業後有6人留在大陸到基層學校或球隊教球。
帶學子登陸 成球隊骨幹
北工大覺得這種兩岸棒球交流方式可行前年透過中華棒協再送去18位學生經測試與適應環境後10人留下仍唸日文系。台灣學生除了學雜費、食宿費用全免每週有4天下午須練球練球日可獲30元人民幣補助假日還可外出教球。
江仲豪因棒球底子厚實曾任職棒總教練這幾年在北工大發展得不錯；校長稱呼他為「江教授」如同外聘教授；並兼任北京大學生棒壘協會技術顧問、濟南市棒壘協會總教練、長沙市棒壘協會技術總顧問生活充實又能發揮所長。
收入豐厚 又能發揮所長
回顧棒球人生江仲豪覺得似乎每10年一個週期：學生棒球10年、業餘成棒10年、職棒10年；接著僑居紐約再返台擔任西苑中學教練10年；之後轉至康寧大學教球1年並西進大陸轉眼已邁入第7年。
人生際遇高低起伏難料！江仲豪說當年鼓起勇氣以55歲高齡「北漂」原本不在人生規畫中反而闖出一片天。如今已62歲「如果覺得夠了等第二批台灣學生畢業剛好西進10年也許就告一段落有始有終。」
不過目前江仲豪很有成就感且能為兩岸棒球交流盡些心力「如果學校還需要我一定全力以赴不覺得累、更不覺得老。」</t>
  </si>
  <si>
    <t>棒球教練學生江仲豪臺灣北工大覺得人生大陸教授北京擔任西進學校日文系仲豪留在</t>
  </si>
  <si>
    <t>新冠肺炎北京北方工業大學棒球指導江仲豪</t>
  </si>
  <si>
    <t>北方工業大學北京肺炎棒球指導江仲豪</t>
  </si>
  <si>
    <t>位數侯友宜感染確診新北不明</t>
  </si>
  <si>
    <t>新北市確診數量今日11人重回2位數侯友宜表示這11人扣除3人是居家隔離確診6人與北農與環南市場還有北市醫療機構與職場有關另有1名是父母傳給小孩還有1人感染源不明該確診者在北市工作近日都在居家辦</t>
  </si>
  <si>
    <t>確診北市居家今日工作不明感染還有父母傳給小孩北農市場環南數量位數近日表示扣除有關醫療機構</t>
  </si>
  <si>
    <t>感染侯友宜北市傳播確診市民新北區域還有市場持續醫療機構目前清楚環南</t>
  </si>
  <si>
    <t>侯友宜新北市11人永和感染源不明</t>
  </si>
  <si>
    <t>永和感染新北不明侯友宜</t>
  </si>
  <si>
    <t>義縣學生疫苗bnt意願接種</t>
  </si>
  <si>
    <t>首波BNT疫苗施打對象為12至17歲在籍學生嘉義縣日前發出1萬6629分接種意願書調查今回收確認書有93％學生有意願接種且全數同意在校接種嘉縣衛生局表示造冊後將依照各校排定時間自23日至10月20日分批進入</t>
  </si>
  <si>
    <t>接種學生意願時間造冊對象表示排定衛生局義縣日前發出施打嘉縣同意全數確認回收調查疫苗bnt</t>
  </si>
  <si>
    <t>首波BNT疫苗施打對象為12至17歲在籍學生嘉義縣日前發出1萬6629分接種意願書調查今回收確認書有93％學生有意願接種且全數同意在校接種嘉縣衛生局表示造冊後將依照各校排定時間自23日至10月20日分批進入校園接種。
縣府教育處日前分送1萬6629分接種意願書至縣內38所公私立國高中職今全數回收、造冊代理處長李美華說統計後有93％勾選同意接種造冊後將由衛生局安排醫護人員到校替學生接種。
衛生局表示除衛生所人員外此次也委託台中榮總嘉義分院、樸子醫院、大林慈濟醫院等團隊協助到校幫學生施打疫苗另考量近日許多國中生陸續接種HPV疫苗考量至少要和BNT施打間隔14天衛生局特別錯開接種時程避免讓學生在14天內接種兩劑不同的疫苗另如果學生施打BNT後感到身體不適建議直接請疫苗假由父母帶回家休息、觀察。</t>
  </si>
  <si>
    <t>接種學生疫苗施打衛生局造冊意願bnt全數到校表示回收考量醫院日前同意樸子分院嘉義台中</t>
  </si>
  <si>
    <t>接種新冠疫苗BNT新冠肺炎台灣</t>
  </si>
  <si>
    <t>bnt肺炎疫苗接種臺灣</t>
  </si>
  <si>
    <t>肺炎抗原試劑安特羅取得歐盟認證</t>
  </si>
  <si>
    <t>國光生技子公司安特羅(6564)開發的Speedy新型冠狀病毒抗原快速檢驗試劑正式取得歐盟CE-IVD認證得於歐洲市場銷售將積極進軍海外市場。國際新冠肺炎疫情持續延燒至今未減緩歐美不少國家準備啟動新一波的封鎖動</t>
  </si>
  <si>
    <t>市場安特羅開發speedy冠狀病毒啟動抗原準備快速檢驗國家試劑子公司減緩正式歐美取得歐盟至今ce-ivd認證歐洲得於銷售持續</t>
  </si>
  <si>
    <t>快速邊境安特羅試劑市場交通防疫依據肺炎國際開發檢驗speedy美國製造使用eua緊急專案國內冠狀提出授權tfda管理署申請</t>
  </si>
  <si>
    <t>安特羅國光生技快篩試劑</t>
  </si>
  <si>
    <t>國光試劑安特羅</t>
  </si>
  <si>
    <t>華西門員警派出所確診通緝犯陽性逮捕</t>
  </si>
  <si>
    <t>新冠肺炎疫情波及消防、警政機關北市萬華警分局西門町派出所2名陳姓員警其中1名陳員本月19日施打過AZ疫苗後因曾確診者有過接觸遭匡列隔離得知消息當晚陳員即到剝皮寮快篩採檢結果為陰性但23日卻接到通</t>
  </si>
  <si>
    <t>陳員波及機關陰性北市華警結果分局疫情西門派出所確診接觸匡列</t>
  </si>
  <si>
    <t>新冠肺炎疫情波及消防、警政機關北市萬華警分局西門町派出所2名陳姓員警其中1名陳員本月19日施打過AZ疫苗後因曾確診者有過接觸遭匡列隔離得知消息當晚陳員即到剝皮寮快篩採檢結果為陰性但23日卻接到通知PCR核酸檢測陽性另1名陳姓員警則是快篩陽性2人現分住不同飯店隔離當中均未感覺身體不適。
本月13日西門町派出所陳姓員警逮捕竊盜案嫌犯戒護人犯到分局偵查隊在偵訊室內與另一名確診者有近距離接觸事後該人犯確診陳員因密切接觸遭匡列19日就去快篩衛生單位同時也採檢PCR結果23日出爐陳員為陽性。
陳告訴同事覺得身體狀況良好並未有感冒、失去味覺嗅覺的症狀19日上午還配合分局接種疫苗預計2週後接種第2劑。另1名陳姓員警19日因身體不舒服並未接種疫苗經快篩為陽性現仍在等候PCR結果2人均入住飯店隔離當中。
西門町派出所共有60名員警昨天晚上已經安排37人到和平醫院快篩今天也將陸續採檢並針對辦公處所進行消毒。</t>
  </si>
  <si>
    <t>陳員陽性分局員警陳姓疫苗pcr隔離結果確診西門派出所接種人犯並未匡列身體本月</t>
  </si>
  <si>
    <t>PCR陳姓員警萬華新冠肺炎台灣</t>
  </si>
  <si>
    <t>萬華員警陳姓肺炎pcr臺灣</t>
  </si>
  <si>
    <t>生力軍結盟餐飲業產業</t>
  </si>
  <si>
    <t>豆府（2752）、莫凡比、鬍鬚張等8家餐飲業者組成「8國聯軍」抗疫聯盟推出「聯名居家套餐7日組」搶攻「自煮宅商機」。業者表示聯盟洽談10天便成軍初期目標每週銷售100～200組、首階段銷售達1000組若反應良好</t>
  </si>
  <si>
    <t>聯盟銷售餐飲業者組成成軍階段國聯軍洽談表示推出業者聯名鬍鬚搶攻居家目標套餐初期莫凡比良好</t>
  </si>
  <si>
    <t>豆府（2752）、莫凡比、鬍鬚張等8家餐飲業者組成「8國聯軍」抗疫聯盟推出「聯名居家套餐7日組」搶攻「自煮宅商機」。業者表示聯盟洽談10天便成軍初期目標每週銷售100～200組、首階段銷售達1000組若反應良好參與陣容及提供產品可進一步拓展。
新冠肺炎疫情衝擊消費者來店消費意願使餐飲業者營運面臨嚴峻考驗。豆府表示3月集團來客數雖與去年同期相當但低於預期逾15％。莫凡比3月業績年減達3成、樂檸漢堡3月來客數年減約2成魔法咖哩3月營收年減達3成且預期4月狀況仍不理想。
莫凡比總經理方立寰表示此次參與的8家業者先前均已推出冷凍料理產品對此發想組成「8國聯軍」聯盟且洽談10天便成軍由莫凡比負責銷售通路及配送資源盼結合眾家力量發揮綜效擴大目標客群及潛在市場商機範疇。
方立寰表示此次「聯名居家套餐7日組」初期目標每週銷售100～200組首階段目標銷售達1000組若市場反應良好將進一步拓展參與陣容及提供料理包括馬辣、米哥烘焙、野宴燒肉、勝博殿、檀島咖啡等業者均有參與意願未來亦可能加入成為生力軍。</t>
  </si>
  <si>
    <t>表示莫凡比參與目標聯盟意願銷售業者預期料理產品推出餐飲業者來客市場拓展組成國聯軍進一步陣容聯名居家套餐洽談</t>
  </si>
  <si>
    <t>餐飲業新冠肺炎疫情業績來客數</t>
  </si>
  <si>
    <t>肺炎疫情業績餐飲業來客</t>
  </si>
  <si>
    <t>友人竹北北市傳播聚餐交友特殊竹縣</t>
  </si>
  <si>
    <t>新竹縣27日新增一名確診者案15701為住在竹北市的30多歲男性為新北市確診個案15604的接觸者據瞭解為特殊交友圈傳播與確診者案15604曾在臺北市接觸新竹縣政府也立即匡列其室友4人採檢目前均為陰性。案1570</t>
  </si>
  <si>
    <t>確診接觸室友匡列其立即新竹縣政府臺北市個案男性新北目前新增傳播瞭解特殊交友竹北市陰性</t>
  </si>
  <si>
    <t>新竹縣27日新增一名確診者案15701為住在竹北市的30多歲男性為新北市確診個案15604的接觸者據瞭解為特殊交友圈傳播與確診者案15604曾在臺北市接觸新竹縣政府也立即匡列其室友4人採檢目前均為陰性。
案15701與4名友人在竹北市共同租一棟透天厝居住並與另名男友人住同房其餘3人則有各自獨立房間。案15701在18日曾前往臺北市與先前確診者案15604在同個地方用餐接觸超過2小時後得知15604有相關症狀21日起就在家自我隔離。
然而15604在22日確診案15701隨後也接到居家隔離通知當時採檢為陰性25日開始咳嗽且症狀未改善26日居家快篩為陽性因此通報衛生局送醫再次PCR採檢後確診。
新竹縣長楊文科時隔多日再度舉辦疫情記者會直播他指出全案匡列4名接觸者並採檢同房室友安排到防疫旅館居家隔離、3人自主健康管理4人採檢結果都是陰性。新竹縣環保局也完成周邊環境消毒。
楊文科表示桃園市26日公佈的2確診個案為寶山鄉某科技業的外包廠商一共匡列145人其中16人居家隔離、40人自主健康管理、89人自主健康監測。
楊文科說防疫期間很多假消息在網路傳播例如有人說哪裡可以打莫德納、哪裡還有疫苗他提醒民眾消息傳播前要先查證不要隨意分享、散佈以免觸法最高可罰3年有期徒刑、併科300萬元罰金。
楊文科也說假消息造成民眾的恐慌、打擊防疫人員士氣也由檢警偵辦中提醒民眾勿以身試法。</t>
  </si>
  <si>
    <t>確診接觸居家傳播防疫民眾隔離陰性文科新竹提醒同房匡列症狀個案友人竹北市</t>
  </si>
  <si>
    <t>楊文科新竹新冠肺炎台灣確診者</t>
  </si>
  <si>
    <t>肺炎臺灣新竹確診楊文科</t>
  </si>
  <si>
    <t>新高回落金價金融避險</t>
  </si>
  <si>
    <t>全球新冠肺炎疫情風險在各國啟動解封、恢復經濟活動後再次升溫加上國際貿易戰亦重新陷入緊繃狀態眾多不確定因素交錯持續推升金價走高8月黃金期貨於7月1日收盤價達每盎司18005美元創2011年9月以來近9年新高</t>
  </si>
  <si>
    <t>疫情每盎司風險收盤價啟動解封期貨恢復經濟黃金活動再次金價升溫肺炎加上持續國際貿易交錯因素</t>
  </si>
  <si>
    <t>全球新冠肺炎疫情風險在各國啟動解封、恢復經濟活動後再次升溫加上國際貿易戰亦重新陷入緊繃狀態眾多不確定因素交錯持續推升金價走高8月黃金期貨於7月1日收盤價達每盎司18005美元創2011年9月以來近9年新高。
投信業者指出在市場前景未明朗前預期黃金等避險商品將續呈多頭格局建議投資人適逢金價高檔拉回時可評估自身風險屬性分批低接進場透過增持黃金部位提升投資組合配置避險功能。
全球新冠肺炎疫情持續擴散世界衛生組織（WHO）6月29日宣佈全球單日新增確診病例再創新高24小時內新增染疫病例逾189萬人。而全球累計確診病例突破1000萬因染疫病故案例也逾50萬顯示全球染疫病例攀升的同時恐將持續衝擊國際金融市場。
美國知名外匯經紀商安達（Oanda）分析師指出股市目前最大的風險變數便是第二波疫情不僅可能再次封殺美國經濟並恐導致全球經濟再次停擺。而市場也預期將有更多資金為尋求避風港而湧入包含黃金在內的避險性資產。
此外美國聯準會（Fed）將原有的緊縮貨幣政策轉向寬鬆、利率由升轉降主席鮑爾指出未來不確定性仍高讓市場更篤定中短期內應維持寬鬆貨幣政策不變。將使國際主要央行吹起「降息風」也令美元指數缺乏大漲動能低利率環境即弱勢美元格局均有助支撐金價。
元大投信黃金研究團隊指出雖然隨著金價近期攀上近9年新高部分投資人選擇獲利了結使金價自高點回落但疫情陰霾仍壟罩全球美國二度封城防疫可能性提升國際政經情勢不樂觀。在眾多不確定因素影響下金價中長線仍看多拉回時為逢低進場好時機。
元大投信建議可透過ETF等金融商品增持黃金部位動態調整黃金相關資產約占個人資產5～10％提升整體資產配置的避險效能、降低波動性。尤其把握金價回落時低接更能有效發揮黃金的避險性質。
高盛預期金價未來1年可望上探2000美元花旗亦將黃金未來3個月現貨價格調升至1825美元市場普遍認為2020～2021年黃金將持續維持多頭走勢瑞士鑄金商龐博集團（MKS PAMP Group）則預期至少將持續至2021年上半年。</t>
  </si>
  <si>
    <t>黃金金價全球持續避險指出美國市場預期疫情風險未來再次提升資產經濟疫病</t>
  </si>
  <si>
    <t>黃金價格高點新冠肺炎疫情</t>
  </si>
  <si>
    <t>高點價格肺炎黃金疫情</t>
  </si>
  <si>
    <t>老車網瘋鮮奶完勝名疫苗</t>
  </si>
  <si>
    <t>國內疫情延燒不斷連帶讓疫苗議題備受關注。對此有多年國際貿易經驗的自營商李宗穎在網路提醒各界國際商業談判有許多不為外人知的眉角何況疫苗當前已經是戰略物資所以別再濫發仇恨、唱衰的言論這只會挑</t>
  </si>
  <si>
    <t>疫苗仇恨不斷連帶言論戰略物資已經議題當前備受宗穎網路關注國際貿易經驗自營商提醒對此</t>
  </si>
  <si>
    <t>國內疫情延燒不斷連帶讓疫苗議題備受關注。對此有多年國際貿易經驗的自營商李宗穎在網路提醒各界國際商業談判有許多不為外人知的眉角何況疫苗當前已經是戰略物資所以別再濫發仇恨、唱衰的言論這只會挑起台灣更多似是而非的網路謠言加上李宗穎醫藥界有很多親友因此他決定以淺顯易懂的「鮮奶說、老車論」公開闡述觀點盼透過己身實務經驗讓疫苗議題不再混亂。該文一出隨即獲得網友大力讚聲分享高達5800次以上勝過各路政客名嘴。
文中李宗穎以大賣場鮮奶比喻疫苗「冷鏈」和「保存期限」的問題指有人拿走一批牛奶繞了1圈又放回貨架上你偏偏拿到這一批然後你繼續逛30分鐘排隊結帳30分鐘又花30分鐘開車回家最後花15分鐘卸貨上樓把鮮奶放入冰箱這過程就像「冷鏈」遭破壞一打開牛奶酸了結塊到還好至少看得到但看不出來又不小心喝了肯定拉肚子拉個一兩天所以冷鏈一旦被破壞「保存期限」便立刻失去意義因此李宗穎不禁提問「為何偏偏硬要進口打同一批疫苗？」暗指港澳使用的上海復星BNT「復必泰」疫苗。
接著李宗穎解釋「人進口台灣叫簽證。貨進口台灣叫憑證。藥進口台灣叫藥證」所以藥證是國與國之間必要的通行證最近常出現的「EUA」緊急使用授權即國家與疫苗廠針對緊急狀況不得不核發的緊急藥證。
凡通過海關國家就必須把關既是緊急通行證就得由國家掛保證人命關天更不能方便當隨便私下偷偷換人、換料、換文件、換產地、換工廠、換製程或換配方「因為最後還是國家照顧你扛起醫療責任也就是納稅人共同負擔的健保」這就是國家的責任所以此時此刻一堆人喊進口卻從沒去申請也不照EUA國家規範就是造謠！
再來李宗穎用老車說明「原廠證明」稱老車要轉賣即使引擎號碼、車身碼都是對的但少了「原廠證明」那張紙還是得直接扣5萬遑論打到你身上的救命藥那涉及一連串「生死責任鏈」。
又好比賓士原廠驗車驗過才能進口台灣「然後你跑去德國跟賓士原廠買了一台賓士車要進口你就以為你可以不必重新申請不必重新驗車喔」話鋒一轉李宗穎開酸表示現在好像很多人都變成疫苗專家但對他而言疫苗重大訊息「我只相信指揮中心而且是唯一標準。」
最後李宗穎提到全球疫苗供需問題就像「毫無煙硝的第3次世界大戰」也宛如車用晶片平常沒啥了不起幾塊美金就買得到但疫情延燒卻成了兵家必爭的戰略物資國際政治力頻頻介入、主導檯面上四面八方的政商勢力大國角力檯面下暗潮洶湧根本早已不是自由經濟市場。
而國產疫苗就像台積電、本土農產是台灣新的護國神山股價外更需要國人用新的國家戰略角度來看所有戰略物資、糧食都自給自足台灣才不會被敵國掐住脖子。
最後李宗穎信心呼籲稱國際疫苗大廠目前只和各國中央政府簽約未經CDC指揮中心認可來路不明的疫苗千萬不可亂打戴好口罩勿群聚、勿摸眼鼻口保持社交距離最重要的相信指揮中心相信自己我們會撐過去的。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苗國家臺灣進口李宗穎最後戰略物資國際鮮奶使用原廠口罩李宗</t>
  </si>
  <si>
    <t>李宗穎疫苗國家鮮奶老車</t>
  </si>
  <si>
    <t>鮮奶疫苗國家老車李宗</t>
  </si>
  <si>
    <t>時間延長這群人預約bnt打到</t>
  </si>
  <si>
    <t>第11輪疫苗預約原定明天（13日）中午截止中央流行疫情指揮中心今(12)日晚間表示預約時間將延長至明天下午6點止並宣佈增加開放「10月6日前意願登記BNT疫苗之44歲民眾」預約時間僅8小時自明天上午10點起至晚</t>
  </si>
  <si>
    <t>明天預約時間疫苗小時開放日前意願增加宣佈登記下午疫情流行民眾指揮中心截止bnt中央中午延長晚間表示上午</t>
  </si>
  <si>
    <t>第11輪疫苗預約原定明天（13日）中午截止中央流行疫情指揮中心今(12)日晚間表示預約時間將延長至明天下午6點止並宣佈增加開放「10月6日前意願登記BNT疫苗之44歲民眾」預約時間僅8小時自明天上午10點起至晚間6點止。
為利疫苗資源有效利用公費疫苗預約平臺第11期將延長預約時間至10月13日下午6時止並增加開放「10月6日前意願登記BNT疫苗之44歲民眾[即1977/1/1(含)-12/31(含)間出生] (不含第9類對象)」進行第1劑BNT疫苗預約。第11期預約對象(含增開)施打時間維持10月15日至10月21日。
指揮中心說明針對符合上述增開預約資格者將於明(13)日上午9時陸續發送提醒簡訊並預計於當日上午10時開始進行預約請儘速於明日下午6時前完成預約。後續將視疫苗供應期程調整接種場次籲請民眾屆時準時前往接種。
指揮中心提醒10月1日起亦開始接種流感疫苗依衛生福利部傳染病防治諮詢會預防接種組(ACIP)建議接種流感疫苗應與COVID-19疫苗間隔至少7天請民眾前往接種COVID-19第二劑疫苗前應備妥「COVID-19疫苗接種紀錄卡」及健保卡並於接種前評估時說明過往疫苗接種史以利醫生評估。</t>
  </si>
  <si>
    <t>疫苗接種預約民眾時間上午指揮中心下午明天流感疫苗開始covid-晚間提醒進行bnt前往說明增開評估物件增加</t>
  </si>
  <si>
    <t>10月BNT預約時間接種疫苗</t>
  </si>
  <si>
    <t>時間疫苗接種bnt預約</t>
  </si>
  <si>
    <t>禁止宮廟即日起宜縣嚴峻廟會疫情活動</t>
  </si>
  <si>
    <t>新冠肺炎疫情日趨嚴峻宜蘭縣長林姿妙今（14）日宣佈即日起宜蘭縣禁止縣內各宗教團體舉行繞境廟會等活動跨縣市的進香活動全部取消或延後如果是外縣市要進入宜蘭縣進香甚至繞境縣府將會駁回路權申請並通知</t>
  </si>
  <si>
    <t>宜蘭進香活動日趨嚴峻縣長林姿縣府宣佈即日起疫情蘭縣禁止駁回取消延後甚至宗教團體外縣市</t>
  </si>
  <si>
    <t>新冠肺炎疫情日趨嚴峻宜蘭縣長林姿妙今（14）日宣佈即日起宜蘭縣禁止縣內各宗教團體舉行繞境廟會等活動跨縣市的進香活動全部取消或延後如果是外縣市要進入宜蘭縣進香甚至繞境縣府將會駁回路權申請並通知縣內各宮廟對於最近要到宜蘭縣的進香團予以勸導取消。
宜蘭14日新增1例確診案例目前居家隔離總數達206人為進一步切斷病毒傳播鏈避免各宗教活動造成群聚宜蘭縣長林姿妙宣佈即日起至6月8日止禁止宜蘭縣各宗教團體辦理繞境及廟會相關活動如果有宮廟已安排跨縣市進香活動則全面取消或延後。
此外曾在5月9日、10日涉足大地球遊藝場與巨城電玩民眾縣府將發送簡訊通知篩檢提醒接收到簡訊的民眾務必每天量體溫落實戴口罩、勤洗手避免出入人潮擁擠的場所縣府衛生局也會盡快連絡並安排前往醫院篩檢。</t>
  </si>
  <si>
    <t>宜蘭活動縣府取消進香避免安排民眾通知蘭縣簡訊縣長延後即日起跨縣廟會禁止林姿宣佈</t>
  </si>
  <si>
    <t>繞境宜蘭縣廟會縣府新冠肺炎</t>
  </si>
  <si>
    <t>廟會縣府宜蘭肺炎</t>
  </si>
  <si>
    <t>新藥申請臨床試驗</t>
  </si>
  <si>
    <t>心悅(6575)Pentarlandir新藥執行編號SNB011 COVID-19向台灣衛福部申請臨床試驗據衛福部「多國多中心藥品臨床試驗計畫審查程式」此申請案將可循快速通道審查途徑。心悅生醫董事長暨執行長蔡果荃教授指出該公司P</t>
  </si>
  <si>
    <t>申請審查臨床試驗衛福部蔡果荃執行長董事長教授執行編號snb途徑covid-臺灣可循快速通道程式指出新藥藥品pentarlandir</t>
  </si>
  <si>
    <t>心悅(6575)Pentarlandir新藥執行編號SNB011 COVID-19向台灣衛福部申請臨床試驗據衛福部「多國多中心藥品臨床試驗計畫審查程式」此申請案將可循快速通道審查途徑。
心悅生醫董事長暨執行長蔡果荃教授指出該公司Pentarlandir與輝瑞開發的口服藥都是抑制同一個新冠病毒複製的蛋白(酉每)靶點也同樣具有對抗變種病毒的潛力目前全世界針對此靶點進行人體試驗的也僅有本公司與輝瑞且Pentarlandir開發進度並未落後於輝瑞希望二者皆能順利開發成功突破COVID-19缺乏藥物的困境。
entarlandir為口服劑型收案對象為PCR確診48小時內的輕症患者若開發成功當可比喻是新冠肺炎版的克流感(Tamiflu)病人只需在家服藥相當簡單方便無須入院治療亦無須強制隔離。這種治療方式必可填補疫苗分配不均、疫苗覆蓋率、保護力不足等缺口、大幅減輕醫療負擔、並可降低輕症病患及其親友染疫之心理壓力。
Pentarlandir人體使用經驗豐富安全性高除可抑制新冠病毒複製外亦可阻擋病毒進入人體細胞並具有良好的抗發炎功效以免病情惡化故Pentarlandir最適合用於廣大的輕症病患但目前並不符合恩慈療法「治療危及生命或嚴重失能」的條件。此外美國FDA規範必須是設有對照組的臨床試驗方可據其臨床結果申請緊急授權使用(EUA)或正式核准因此將台灣納入多國多中心的臨床試驗將有助於未來申請EUA及藥證如此方可為台灣提供充沛的抗疫能量。</t>
  </si>
  <si>
    <t>pentarlandir試驗申請人體病毒臨床治療臺灣開發輝瑞covid-目前使用具有成功公司審查</t>
  </si>
  <si>
    <t>心悅生醫新冠新藥EUA</t>
  </si>
  <si>
    <t>新藥eua</t>
  </si>
  <si>
    <t>西雅圖疫苗試驗開始接受注射</t>
  </si>
  <si>
    <t>美國醫療研究團隊開始進行新冠肺炎疫苗的臨床試驗16日在美國重災區華盛頓州展開第一批病患注射疫苗研發進度領先全球。根據美聯社報導華盛頓研究中心(Kaiser Permanente Washington Research Institute)於16日</t>
  </si>
  <si>
    <t>疫苗研究美國kaiserpermanente中心華盛頓報導開始美聯社進行領先進度全球研發注射肺炎華盛頓州重災區臨床試驗展開washington團隊research</t>
  </si>
  <si>
    <t>美國醫療研究團隊開始進行新冠肺炎疫苗的臨床試驗16日在美國重災區華盛頓州展開第一批病患注射疫苗研發進度領先全球。
根據美聯社報導華盛頓研究中心(Kaiser Permanente Washington Research Institute)於16日開始試驗新冠肺炎的疫苗第一批自願接受臨床試驗的病患共有45位當日接受第一劑一個月後再注射第二劑。
美國衛生研究院的法奇(Anthony Fauci)表示我們對於研究的成果很有信心。但今天的臨床試驗只是第一步即便試驗的結果非常理想要生產足夠全球使用的劑量也需要12到18個月。
他也說明這只疫苗的成分裡不含有冠狀病毒本身相當安全。全球各大藥廠及醫學中心都在這場疫苗研發競賽中較勁近期即將進行試驗的疫苗多達十餘種目前以美國的進度最快。</t>
  </si>
  <si>
    <t>疫苗試驗美國全球研究臨床中心注射研發進行進度接受開始肺炎使用生產足夠冠狀病毒相當fauci表示含有</t>
  </si>
  <si>
    <t>臺灣朱學入侵變異delta心聲</t>
  </si>
  <si>
    <t>中央流行疫情指揮中心今（25日）表示秘魯返台祖孫確診病毒基因定序檢出「Delta變異株」為因應Delta變異株於全球日益擴散且其傳播力高因此自6/27日零時起（抵台時間）從印度、英國、秘魯等7國入境旅客將全面</t>
  </si>
  <si>
    <t>秘魯delta變異中心英國印度表示時間日益病毒基因確診返台力高傳播擴散祖孫指揮入境全球疫情</t>
  </si>
  <si>
    <t>中央流行疫情指揮中心今（25日）表示秘魯返台祖孫確診病毒基因定序檢出「Delta變異株」為因應Delta變異株於全球日益擴散且其傳播力高因此自6/27日零時起（抵台時間）從印度、英國、秘魯等7國入境旅客將全面隔離、且14天隔離期滿後將普篩。對此宅神朱學恒呼籲「大家各自保重」。
據「世衛組織（WHO）」公佈目前全球已有逾85個國家出現「Delta變異株」的病例歐洲疾控中心評估其傳播力較英國變異株高40-60%。國際間部分疫苗接種率較佳的國家包括以色列及英國等近期病例數回升且發現Delta變異株病例佔比達七成以上。台灣則有5名境外移入個案感染Delta。
值得注意的是據英美加等國統計數字顯示這一波在疫苗超過50%後才爆發的新冠疫情絕大多數都是在印度發現的Delta變異毒株已幾乎取代原有英國發現的Alpha毒株(也是目前台灣主要傳播毒株)。
美國首席抗疫專家福奇（Anthony Fauci）博士警告Delta變種破壞性極大、傳染性更強目前Delta正快速攀升成為增加最快的毒株。
宅神朱學恒則在臉書呼籲國人「大家各自保重啊」。網友則留言表示「我們的國門防疫如此鬆散防疫一切都以政治為主不管是哪種變異病毒進來只是早晚的事」、「超前部署空轉一年」。
大家各自保重啊！
【秘魯返台祖孫病毒定序出爐 陳時中：證實為Delta變異株】
https://wwwchinatimescom/realtimenews/20210625003025-260405</t>
  </si>
  <si>
    <t>delta變異英國目前傳播秘魯病例發現中心病毒疫苗國家印度表示自保呼籲臺灣疫情全球</t>
  </si>
  <si>
    <t>Delta變異株祕魯祖孫新冠肺炎台灣朱學恒</t>
  </si>
  <si>
    <t>祖孫肺炎秘魯臺灣朱學變異delta</t>
  </si>
  <si>
    <t>海軍女友確診天生連兩天神力</t>
  </si>
  <si>
    <t>台灣防疫成績有目共睹26日、27日都沒有新增確診病例海軍敦睦艦隊病例停留在31例。不過網友也好奇這些海軍官兵4月14、15日放假後不少人直奔摩鐵、和女友約會但至今仍沒傳出這些接觸對象有人確診。國內連</t>
  </si>
  <si>
    <t>臺灣 防疫 成績 有目共睹 26 日 27 日 都 沒有 新增 確診 病例 海軍 敦睦 艦隊 病例 停留 在 31 例 不過 網友 也 好奇 這些 海軍 官兵 4 月 1415 日 放假 後 不少 人 直奔 摩 鐵 和 女友 約會 但 至今 仍 沒 傳出 這些 接觸 物件 有人 確診 國內 連</t>
  </si>
  <si>
    <t>海軍確診病例傳出至今約會女友直奔放假官兵停留好奇網友接觸沒有有目共睹新增敦睦艦隊對象</t>
  </si>
  <si>
    <t>台灣防疫成績有目共睹26日、27日都沒有新增確診病例海軍敦睦艦隊病例停留在31例。不過網友也好奇這些海軍官兵4月14、15日放假後不少人直奔摩鐵、和女友約會但至今仍沒傳出這些接觸對象有人確診。
國內連續兩日0確診、連15天無本土個案但防疫仍不能鬆懈尤其接下來的五一連假是另一波防疫關鍵。
海軍敦睦艦隊確診人數維持31例目前尚未傳出接觸者確診PTT網友熱議「確診軍人女友都天生神力？」照理來說新冠肺炎傳染力強當出好幾個軍人一下船就去找女友、到摩鐵兩三小時「總不可能戴口罩蓋棉被純聊天吧」如果說一、兩個天生神力沒確診但海軍趴趴走完全沒事「是不是有點不合邏輯阿？」
有網友推測報導可能有誤並非確診者都有發生性行為而確診官兵本身的傳染力也是問號陽性不等於有很強的傳染力尤其體內說不定已有抗體在打仗採檢到的病毒不一定有活性且從放人到召回約48小時危害其實不一定比想像中的大。
其他人表示「什麼神力就是在船上互相感染又痊癒啊」、「很幸運不行嗎」、「年輕人症狀都比較輕微沒驗就不算確診」。只是新冠病毒潛伏期達14天有人則認為「高興的太早了吧」。
另外世界衛生組織（WHO）曾指出卡介苗似乎降低兒童的死亡率在接種的第一年可預防約30%的已知病原體、病毒比利時醫學網站《LeSpécialiste》也曾提到卡介苗雖無法直接預防新冠肺炎但可增強免疫力。因此不少網友說可能是卡介苗發威。</t>
  </si>
  <si>
    <t>確診網友海軍病毒神力卡介苗女友防疫傳染尤其可能軍人</t>
  </si>
  <si>
    <t>海軍確診女友敦睦艦隊傳染</t>
  </si>
  <si>
    <t>艦隊女友確診敦睦傳染海軍</t>
  </si>
  <si>
    <t>紓困補助產業核撥觀光</t>
  </si>
  <si>
    <t>交通部觀光局表示自4月16日起發布觀光產業紓困20方案提供營運及薪資補貼申請截至5月14日止已核撥416億元將持續加速核撥補助協助業者共度難關並呼籲業者盡早在受理期限內提出申請。新冠肺炎疫情延燒全</t>
  </si>
  <si>
    <t>申請業者核撥肺炎發佈觀光紓困產業提出方案期限內受理協助補助儘早提供營運薪資補貼疫情截至呼籲難關共度</t>
  </si>
  <si>
    <t>交通部觀光局表示自4月16日起發布觀光產業紓困20方案提供營運及薪資補貼申請截至5月14日止已核撥416億元將持續加速核撥補助協助業者共度難關並呼籲業者盡早在受理期限內提出申請。
新冠肺炎疫情延燒全球致使來台及出國旅客自2月起一路驟減初估至4月已驟減達99％使觀光產業成為「海嘯第一排」、艱困中的艱困產業。觀光局對此全體總動員並簡化審核及認定標準、加速核撥流程在2周內大幅提升核撥績效以達到及時紓困目標。
觀光局指出截至14日觀光產業薪資補貼已核撥238億元、受惠65005人占受理數比重已達84％。觀光產業營運補貼已核撥10296家、178億元核撥家數及金額分達受理數的91％及72％。
此外薪資補貼、營運補貼、停止出入團補助的待補件數目前分別有2284件、93件、5975件。觀光局表示目前正派專人處理中將盡速完成補件並撥付款項以解業者燃眉之急。
觀光局指出導遊領隊及領團人員生計費用補貼申請受理至5月31日止觀光產業營運及薪資補貼受理申請則至6月30日止逾期提出申請者將不予受理呼籲業者儘早於期限內提出申請。
此外觀光局提醒若已請領其他部會提供受疫情影響等性質相同補貼依規定不得重複申請如觀光局導遊領隊及領團人員生計費用補貼、勞動部無雇主薪資補貼二者僅能擇一請領撥款前將與其他部會同性質補助、補貼名單相互比對若重複申請將不會發給。</t>
  </si>
  <si>
    <t>補貼觀光局申請核撥受理產業觀光薪資補助業者提出營運疫情請領紓困性質提供加速指出目前重複表示截至</t>
  </si>
  <si>
    <t>交通部觀光局新冠肺炎觀光產業薪資</t>
  </si>
  <si>
    <t>肺炎觀光觀光局產業交通部薪資</t>
  </si>
  <si>
    <t>優先爭取媒體第一線疫苗</t>
  </si>
  <si>
    <t>在第一線採訪的新聞從業人員陸續傳出死亡後確診新冠肺炎的案例民進黨立委林楚茵昨在立法院質詢NCC主委陳耀祥應該將媒體人員也列入疫苗施打名單陳耀祥表示已經行文疾管署列入第一線新聞人員努力爭取希望納</t>
  </si>
  <si>
    <t>陳耀祥人員新聞列入陸續傳出死亡確診肺炎案例民進黨立委楚茵法院質詢ncc主委管署從業人員應該表示行文</t>
  </si>
  <si>
    <t>在第一線採訪的新聞從業人員陸續傳出死亡後確診新冠肺炎的案例民進黨立委林楚茵昨在立法院質詢NCC主委陳耀祥應該將媒體人員也列入疫苗施打名單陳耀祥表示已經行文疾管署列入第一線新聞人員努力爭取希望納入第三類施打對象。
另日本捐贈的124萬劑AZ疫苗將於下周開打指揮中心發言人莊人祥昨天指出6月15日起會開放75歲以上接種基本上會沿用流感疫苗的方式由各地衛生所在轄區內廣設接種站透過鄰裡的催種系統讓裡長陸續安排長者施打政務委員唐鳳日前建置的「疫苗接種預約平臺」則暫時還不會啟用。至於何時能夠開放預約近日內會再公告。
林楚茵指出NCC提報2700人列入第七類施打名單主要是電信、固網、海纜、衛星等工作人員都是工程人員但第一線採訪疫情動態的新聞人員卻沒納入如今已出現多起新聞工作者因確診死亡。陳耀祥指出高接觸風險的新聞人員正在努力希望納入第三類施打對象。
林楚茵提醒NCC主管廣播電視紙媒、網媒記者不屬於業管範圍紙媒跟網媒記者同樣在第一線採訪是否會變成孤兒？
文化部表示媒體記者在疫情期間持續在第一線報導疫情及各種事實真相是防疫工作相當重要的一環為落實社會防疫安全同時兼顧防疫資訊的透明開放與傳播文化部將與NCC分工由文化部洽請平面媒體（含報紙、雜誌）、網路媒體提出第一線的記者名單由文化部送請指揮中心並依據專家會議評估群體風險性後決定施打優先順序。
衛福部次長薛瑞元表示不一定在第三類目前第七類也有這樣的類型了實際上的做法可能要文化部或是NCC彙整名單衛福部內部會有會議決定哪一種算是第一線高風險接觸者。</t>
  </si>
  <si>
    <t>施打第一線ncc文化部新聞人員名單接種指出疫苗表示陳耀祥開放記者媒體楚茵列入防疫疫情納入陸續採訪預約</t>
  </si>
  <si>
    <t>林楚茵NCC新聞人陳耀祥名單</t>
  </si>
  <si>
    <t>ncc陳耀祥聞人名單林楚茵</t>
  </si>
  <si>
    <t>新北表揚期間宗教團體疫情</t>
  </si>
  <si>
    <t>新冠肺炎疫情爆發近2年民眾人心惶惶新北市宗教團體出錢也出力總計捐助新北市府2億1080萬元防疫基金並提供物資與人力。新北市長侯友宜9日頒發230面獎牌給96家績優宗教團體感謝各宗教團體無私大愛。侯友宜致</t>
  </si>
  <si>
    <t>新北宗教團體侯友宜爆發民眾人心惶惶疫情市長出錢物資基金防疫市府捐助出力總計感謝獎牌頒發肺炎提供</t>
  </si>
  <si>
    <t>新冠肺炎疫情爆發近2年民眾人心惶惶新北市宗教團體出錢也出力總計捐助新北市府2億1080萬元防疫基金並提供物資與人力。新北市長侯友宜9日頒發230面獎牌給96家績優宗教團體感謝各宗教團體無私大愛。
侯友宜致詞時表示宗教信仰深具撫慰人心及安定社會功能各宗教團體也是市府重要夥伴協助各項政策推動除了在兒少福利、弱勢關懷及急難救助等公益事項傾囊相助。
侯友宜說宗教團體疫情期間更捐贈防疫基金及物資並配合市府防疫捐款金額高達2億1080多萬元其中板橋慈惠宮捐款更達2100多萬元感謝各宗教團體為新北市無私的付出與奉獻。
侯友宜也說佛教慈濟基金會及鶯歌永昌裡永福宮提供場地設立疫苗接種站迄今辦理354場次施打逾27萬劑疫苗共同守護市民健康。
民政局長柯慶忠表示去年起新冠肺炎疫情嚴峻宗教團體紛紛慷慨解囊其中深丘福德宮、新北市承天禪寺、埔墘福德宮、板橋慈惠宮、板橋接雲寺等55家宗教團體迄今捐贈金額近6000萬元。
另三重安北宮、淡水清水巖、八裡五福宮、三峽普賢寺等共捐贈6輛救護車市值近2000萬；板橋區深丘福德宮、江子翠潮和宮、新北市拱北殿、樹林鎮南宮、淡水義山集應廟等共捐贈14輛復康巴士市值近2000萬以及三重先嗇宮、樹林濟安宮等共捐贈逾2萬件防護衣市值近1000萬。</t>
  </si>
  <si>
    <t>宗教團體新北捐贈侯友宜板橋市府疫情表示防疫淡水市值福宮迄今金額疫苗提供感謝丘福德基金物資慈惠宮</t>
  </si>
  <si>
    <t>新冠肺炎台灣宗教團體新北市捐贈</t>
  </si>
  <si>
    <t>臺灣宗教團體新北肺炎捐贈</t>
  </si>
  <si>
    <t>開放破壞性網路看好創新高通台廠分析產業拳腳</t>
  </si>
  <si>
    <t>5G毫米波、開放式網路平臺以及新PC為後續10年科技產業3大亮點5G毫米波2035年整體市場規模上看132兆美元在日本樂天的登高一呼下開放性的網路平臺也成為網通業後續重要風向球高通資深副總裁暨CDMA事業部營運</t>
  </si>
  <si>
    <t>後續平臺網路毫米波高通風向重要總裁日本樂天網通規模市場整體登高一呼成為開放性亮點pc科技產業cdma</t>
  </si>
  <si>
    <t>5G毫米波、開放式網路平臺以及新PC為後續10年科技產業3大亮點5G毫米波2035年整體市場規模上看132兆美元在日本樂天的登高一呼下開放性的網路平臺也成為網通業後續重要風向球高通資深副總裁暨CDMA事業部營運長陳若文更將其比擬為「破壞性創新」台系相關受惠股也紛紛浮出檯面且相信未來台灣產業的機會將會更多。
今年全球5G正式邁入商用5G毫米波(mmWave)也被點名為未來幾年通訊市場重要技術高通就看好5G毫米波上路後整體市場規模在2035年將上看132兆美元其中智慧製造產值更達477兆美元陳若文就表示5G毫米波的速度和光纖一樣等於使用者無時無刻都享受光纖的速度。
除5G毫米波的普及度備受期待外陳若文也點名開放性網路平臺也會成為運營商選擇的一大趨勢以目前國際案例來說日本樂天是第一開放性的網路平臺其能讓成本大幅降低而該趨勢對台灣產業的意義就是為網通廠帶來更多機會現在已經看到有小型基地台成功打入樂天供應鏈且現在只是開端後續更會帶動一股新PC的變革且日前蘋果端出首批採用Arm架構的Mac產品就是相當具有意義PC廠除了印象中的英特爾外還有更多不同的選項而台勢必將會有更多廠商有機會有更多的表現空間。
陳若文進一步解釋開放性網路平臺好比是「破壞性創新」新公司沒有包袱所以可以在面對創新的時候更有衝勁就好比電動車產業傳統的汽車產業在進入電動車領域時需要考慮太多、有包袱反而走的比較慢。
陳若文表示開放性得網路架除可以在架構上降低成本例行的每天成本也一樣降低相信會有越來越多的國家跟進這是必然的趨勢目前全球大廠中僅剩下華為、ZTE、愛立信等尚未加入。
樂天電信(Rakuten)為全球第一個採虛擬化無線接取網路(vRAN)的行動寬頻網路營運商樂天建置的5G專網初期先降低硬體設備採購成本30%最終更希望維護成本可降低70%因而樂天電信找上臺廠的廣達(2382)、智邦(2345)、中磊(5388)、立端(6245)、台揚(2314)等廠商合作廣達負責代工供應 5G專網場域內的伺服器智邦供應其高階100G交換器、中磊供應其Small Cell、台揚供應5G基地台的RRH(Remote Radio Head)、廣達又再發包SD-WAN資安產品給立端與瑞祺電(6416)等廠商在vRAN 5G專網架構之下電信運營商(Service Provider)角色更顯重要與Servive Provider關係密切之台系網通廠商將成為趨勢受惠業者。
研調機構資料指出無線接入網聯盟OpenRAN Alliance包含Facebook、Mavenir、Vodafone、Rakuten等產業大廠領導的電信基礎設施計畫其中推出Evenstar RRU Program聯盟目標希望能夠在OpenRAN生態體系中為電信營運商提供4G、5G網路RU Company Report 而新一代的RU支援O-RAN聯盟的分散式架構能夠讓營運商提高部署彈性降低部署成本預期將成為網通與系統業者長線成長動能。
至於高通在新竹的打造的高通台灣營運與製造工程暨測試中心儘管碰到疫情但現在依舊比原來規畫的時間提早兩個月預計2021年9月就會完成大樓部分2022年初正式落成。</t>
  </si>
  <si>
    <t>網路樂天電信降低毫米波架構趨勢成本產業供應網通平臺廠商高通聯盟現在開放性成為</t>
  </si>
  <si>
    <t>高通蘋果Arm5G4G</t>
  </si>
  <si>
    <t>蘋果arm高通</t>
  </si>
  <si>
    <t>指揮中心下午境外記者會新增</t>
  </si>
  <si>
    <t>國內今天又增加一例新冠肺炎患者為境外移入確診為台灣第507例確診個案中央流行疫情指揮中心將於下午2點召開記者會說明最新疫情。中央流行疫情指揮中心昨天(19日)一次公佈國內新增3例境外移入確診為菲律賓</t>
  </si>
  <si>
    <t>疫情境外中心國內確診指揮中央流行肺炎患者說明召開下午記者會新增公佈昨天增加最新臺灣個案今天</t>
  </si>
  <si>
    <t>國內今天又增加一例新冠肺炎患者為境外移入確診為台灣第507例確診個案中央流行疫情指揮中心將於下午2點召開記者會說明最新疫情。
中央流行疫情指揮中心昨天(19日)一次公佈國內新增3例境外移入確診為菲律賓籍20多歲男性（案504）、本國籍30多歲男性（案505）及本國籍50多歲女性（案506）分別自菲律賓、緬甸及日本等國入境其中案506為申請奔喪自費採檢首例確診個案目前住院隔離中。
指揮中心統計國內截至今天累計91458例新型冠狀病毒肺炎相關通報(含90257例排除)其中507例確診分別為415例境外移入病例55例本土病例36例敦睦艦隊及1例不明。確診個案中7人死亡、479人解除隔離、21人住院隔離中。</t>
  </si>
  <si>
    <t>確診個案中心指揮國內境外肺炎疫情分別今天隔離中央流行住院入境菲律賓申請奔喪自費病毒冠狀首例</t>
  </si>
  <si>
    <t>境外移入新冠肺炎指揮中心記者會</t>
  </si>
  <si>
    <t>肺炎指揮中心記者會境外</t>
  </si>
  <si>
    <t>一律陽性時中全面基因入境明起</t>
  </si>
  <si>
    <t>印度變種病毒Delta肆虐全球中央流行疫情指揮中心一直遭外界質疑為何不入境全面PCR篩檢今天指揮官陳時中拍板7月2日開始入境一率普篩且都是採檢三次入境一次PCR、隔離檢疫期間以家用快篩一次、隔離期滿前再</t>
  </si>
  <si>
    <t>入境pcr隔離肆虐全球中央流行疫情指揮delta中心一直外界質疑何不開始全面拍板指揮官今天陳時中病毒期間檢疫</t>
  </si>
  <si>
    <t>入境表示防疫增加pcr檢疫現在國家檢驗病毒陽性率delta沒有疫情</t>
  </si>
  <si>
    <t>陳時中採檢入境普篩PCR新冠肺炎</t>
  </si>
  <si>
    <t>pcr入境陳時中肺炎</t>
  </si>
  <si>
    <t>問題陳時中安全性跳針混打回應高端</t>
  </si>
  <si>
    <t>疫苗陳時中高端表示萬安混打回應安全性沒有詢問時中試驗目前強調認為專家需要開放當時政府</t>
  </si>
  <si>
    <t>陳時中蔣萬安高端安全性混打</t>
  </si>
  <si>
    <t>高端安全性萬安陳時中混打</t>
  </si>
  <si>
    <t>mrna孕產婦疫苗為主醫學會女性婦產科</t>
  </si>
  <si>
    <t>5月中旬一名新冠肺炎確診孕產婦在臺北慈濟醫院團隊的幫忙下插管後進行剖腹產所幸母嬰均安。疫情嚴峻時刻讓不少孕產婦開始擔憂：「我能打疫苗嗎？」、「我該打什麼疫苗？」婦產科醫師說可以不過建議孕產婦</t>
  </si>
  <si>
    <t>孕產婦確診疫苗臺北開始慈濟醫院幫忙團隊時刻插管進行剖腹產所幸嚴峻母嬰疫情肺炎醫師擔憂婦產科可以</t>
  </si>
  <si>
    <t>5月中旬一名新冠肺炎確診孕產婦在臺北慈濟醫院團隊的幫忙下插管後進行剖腹產所幸母嬰均安。疫情嚴峻時刻讓不少孕產婦開始擔憂：「我能打疫苗嗎？」、「我該打什麼疫苗？」婦產科醫師說可以不過建議孕產婦以接種mRNA疫苗為佳以提高母嬰雙方的抗體、減低併發症。
新冠疫情席捲全球疫苗接種成為全民關注議題。繼以腺病毒載體製造的AZ疫苗分批抵台後首批15萬劑以mRNA製造技術的莫德納疫苗也於5月底來到台灣最快下周有機會開打。截至6月2日台灣總計約有88萬劑的新冠疫苗。
●婦產科醫學會呼籲 孕產婦應以mRNA疫苗接種為主
隨莫德納疫苗的到來台灣婦產科醫學會5月31日函文疾管署提及目前的新冠疫苗都是緊急授權使用無長期安全資料但懷孕、備孕及哺餵母乳並非打疫苗的禁忌。
依照英國及德國的新冠疫苗注射建議孕產婦應以mRNA疫苗接種為主美國及法國則無特別限制。基於考量母胎安全若mRNA疫苗足夠、且開始全面施打之下台灣婦產科醫學會呼籲政府應將孕產婦列為優先施打對象。對此衛福部長陳時中也在隔天的指揮中心記者會上回覆：「會列入討論」。
茂盛醫院執行長李俊逸說孕產婦打疫苗可同時提高母嬰雙方的抗體並減低併發症「萬一孕婦不幸染疫可能會導致早產增加呼吸器的需求甚至母嬰都有死亡風險！」既然政府採購的mRNA疫苗陸續到位建議有機會就快打。
只不過目前台灣的mRNA疫苗數量不多李俊逸建議孕產婦可先和醫師討論後再決定是否施打其他品牌疫苗。但若是暴露高風險的醫護孕產婦建議還是要考慮施打AZ疫苗。
●備孕或試管療程女性 也不必怕新冠疫苗
那麼正在備孕中或者是試管療程中的女性也能接種疫苗嗎？專精不孕治療的李俊逸先給出結論：「可以。」
李俊逸進一步解釋道美國生殖醫學會從其動物實驗結果發現施打新冠疫苗不會影響女性的懷孕功能所以備孕中的婦女不必害怕施打疫苗也不必特別偏執特定的疫苗品牌「AZ疫苗也可以放心打！」
只不過要取卵、植入或接受人工授精的婦女美國生殖醫學會就建議至少在取卵、植入或接受人工授精的前3天、後3天避免打疫苗。
李俊逸解釋因上述療程與染疫都可能出現發燒情形上麻藥也可能使體溫調控失常恐造成醫師在術後病況觀察上的混淆。「如果施打疫苗後發燒接受上述療程的病人就會被醫院拒絕入院看病了。」
●吃荷爾蒙藥、調經藥、避孕藥 可放心打AZ疫苗
至於有吃荷爾蒙藥、調經藥、避孕藥的婦女也能打疫苗嗎？茂盛醫院家醫科主治醫師呂昀珊表示目前不管吃多久的上述藥物其實都可以打疫苗。加上這些藥物的劑量並不高即便是打AZ疫苗她認為發生血栓的機率也非常低。
況且雖然AZ疫苗先前曾被懷疑引發的血栓疑慮與女性服用避孕藥或接受荷爾蒙治療有關而讓使用上述藥物的女性被列為施打禁忌但近期各國研究並未發現兩者相關指揮中心也決議取消這項禁忌症。
「所以除了孕產婦之外一般婦女其實不需執著等待mRNA疫苗。」呂昀珊說在台灣本土案例這麼高的情況之下有機會能先打AZ疫苗就應該立即去打以提高保護力、降低重症風險。
●癌症病人也要打疫苗 但要先諮詢醫師
據瞭解不只是孕產婦近2周醫院門診最熱門的問題也是「癌症病人可接種新冠疫苗嗎？」臺北醫學大學臺北癌症中心院長暨附設醫院癌症副院長李冠德表示綜合現有醫學證據癌症病人均應接種疫苗其家庭接觸者亦然。
況且癌症屬重大傷病也已被列入9大類優先接種疫苗的族群只不過每位癌症病人接種疫苗的時間點可能會因罹患的癌別和接受的療程而有所不同。李冠德建議患者都應先與醫師討論再於適合的時機打疫苗。
李冠德提醒癌症病人是免疫抑制的病人與健康人相比對疫苗的免疫反應可能會較差因此即使接種疫苗仍應繼續戴口罩、保持社交距離、落實防疫準則確實保護自己。</t>
  </si>
  <si>
    <t>疫苗孕產婦接種施打mrnaaz醫院建議臺灣可能接受女性醫師醫學會療程癌症病人李俊逸婦女母嬰</t>
  </si>
  <si>
    <t>康健雜誌新冠肺炎台灣孕婦產婦</t>
  </si>
  <si>
    <t>肺炎臺灣孕婦雜誌產婦康健</t>
  </si>
  <si>
    <t>紓困市府要求產業全力五大旅遊推動</t>
  </si>
  <si>
    <t>台中市議會民進黨團16日與5大產業代表召開記者會黨團副書記長黃守達說現在市府提岀紓困9箭全部射歪特邀請商圈、遊覽車、餐廳、旅宿業等5大產業舉行記者會；建議市府應加緊腳步做好配套才不會到市府依然一場</t>
  </si>
  <si>
    <t>市府產業記者會配套做好邀請商圈遊覽車代表餐廳加緊腳步紓困召開現在宿業黨團書記長黃守達</t>
  </si>
  <si>
    <t>台中市議會民進黨團16日與5大產業代表召開記者會黨團副書記長黃守達說現在市府提岀紓困9箭全部射歪特邀請商圈、遊覽車、餐廳、旅宿業等5大產業舉行記者會；建議市府應加緊腳步做好配套才不會到市府依然一場空。市府強調各局處正積極推動中協助業者度過難關。
民進黨黨團今天召開記者會邀請商圈、餐飲、旅宿、遊覽車、旅行社等產業代表針對市府的「紓困九箭」提出問題與建議。民進黨團強調地方的資源不比中央但至少可以配合中央的紓困計畫；比起幾支箭市府紓困應該要精準到位廣納產業意見不能先射箭再畫靶。
市議員邱素貞表示新冠肺炎衝擊台灣經濟不論旅遊、住宿、餐廳、會展、商圈、夜市及傳統市場等服務業首當其衝生意幾乎被打趴在地上；她要求市府應儘速提出具體可行紓困方案幫業者度過難關。王立任指出市府紓困竟無藝文界這一塊紓困九箭無藝文的補貼。
台中商圈聯誼會總召陳瑛宗指出市府應確立「紓困優先」的原則。市府的貸款協助僅限於經過核定的「青創及中小企業貸款」大多數業者都未能受惠；目前為止「商圈消費折扣券」還沒跟各商圈充分討論也未能配合中央的紓困預算效果令人懷疑。
台中市美術園道商圈主委蔡炳輝表示餐飲業缺乏專責主管機關更需要市府跨局處的整合；除紓困貸款外市府應積極輔導餐飲業建立外帶與外送機制配合居家檢疫等措施開發新型態的消費模式。
台中市旅館商業同業公會理事長鄭生昌說市府租稅減免措施限制太多口惠實不至！應該放寬營業面積縮減與樓層停用的實質認定讓房屋稅率真的可以調降；並且放寬申請標準讓房屋稅、使用牌照稅、娛樂稅真的可以分期或延繳。
台中市遊覽車客運商業同業公會理事長張治本認為中央交通部正在研議遊覽車的牌照稅減半市府應該加碼推動牌照稅全免；台中市要繳納牌照稅的遊覽車有2000輛平均每輛牌照稅7000中央如果補貼一半市府可以另外加碼。
旅行業代表林慶強調疫情期間市府應該利用旅遊淡季的空檔多方推動旅行業從業人員的踩線團進行台中觀光環境的整備；市府應該思考如何配合中央的振興抵用券充分發揮台中特色在疫情趨緩後刺激經濟。
觀旅局林筱淇、經發局副局長李逸安說針對農漁會租金部分予以優惠3到6個月延期繳納溫泉協會提案部分與水利局協調後將降低兩成等；如果疫情嚴峻會討論辦理資金貸款部分有協調視窗等協助業者紓困。
地方稅務局長沈政安強調分期延繳部分很快會推出！營所稅及營業稅及綜合所得稅全是國稅暫繳問題向中區國稅局反映目前有延繳辦法；牌照稅補助是由交通部來發佈。</t>
  </si>
  <si>
    <t>市府紓困台中商圈中央應該部分牌照稅遊覽車業者配合貸款強調產業疫情推動協助可以代表記者會</t>
  </si>
  <si>
    <t>新冠肺炎市府紓困商圈牌照稅</t>
  </si>
  <si>
    <t>市府紓困肺炎商圈牌照稅</t>
  </si>
  <si>
    <t>惡夢起疹莫德納主動脈剝離</t>
  </si>
  <si>
    <t>高雄一名69歲的婦人10月15日接種第二劑莫德納後陸續出現紅疹多次就醫未緩解20天後主動脈剝離至今仍在加護病房家屬不滿醫院未通報不良反應。高雄市衛生局表示衛生局已於11月8日協助個案通報不良反應系統</t>
  </si>
  <si>
    <t>通報不良反應衛生局莫德納協助出現陸續至今緩解病房主動脈剝離家屬醫院不滿接種個案已於紅疹表示就醫高雄市婦人高雄</t>
  </si>
  <si>
    <t>高雄一名69歲的婦人10月15日接種第二劑莫德納後陸續出現紅疹多次就醫未緩解20天後主動脈剝離至今仍在加護病房家屬不滿醫院未通報不良反應。高雄市衛生局表示衛生局已於11月8日協助個案通報不良反應系統個案有高血壓病史主動脈剝離是否與疫苗有關待中央認定。
婦人10月15日接種莫德納第2劑後感覺注射部位紅腫、發燙曾就醫10月20日身上起紅疹到某診所就醫10月29日與11月2日各因不適再去醫院11月4日則感到胸痛、背痛到醫院掛急診診斷是主動脈剝離開刀後仍在加護病房觀察。
衛生局表示個案有高血壓病史經緊急處置後目前病況穩定近日可轉普通病房。衛生局11月8日協助個案通報不良反應系統並提供受害救濟申請資訊給個案家屬家屬於11月12日已提出申請書審核文件無誤後衛生局已將相關資料提報疾病管制署進行後續審議作業其發生主動脈剝離是否與疫苗有關待中央認定。疫苗不良事件的通報以透過醫療院所為原則此個案因涉及多家醫療院所所以由轄區衛生所接獲民眾要求通報不良事件時彙整相關醫療院所資訊由衛生局所協助通報。</t>
  </si>
  <si>
    <t>通報衛生局個案主動脈醫院剝離就醫病房院所醫療家屬相關不良反應不良資訊表示事件疫苗莫德納病史高血壓紅疹協助接種</t>
  </si>
  <si>
    <t>新冠肺炎台灣莫德納第二劑主動脈剝離</t>
  </si>
  <si>
    <t>臺灣莫德納肺炎主動脈剝離</t>
  </si>
  <si>
    <t>眼睛越南驚見野味翅膀市場</t>
  </si>
  <si>
    <t>新冠肺炎(COVID-19)爆發至今全球受衛生危機影響許多國家實施鎖國政策、要民眾待在家不要出門而疫情源頭被認為是因為「吃野味」不過日前越南一處市場被發現仍持續販售活體野味現場環境髒亂、蒼蠅四處飛</t>
  </si>
  <si>
    <t>野味爆發至今全球環境衛生現場危機影響國家實施covid-國政民眾持續在家不要出門發現疫情</t>
  </si>
  <si>
    <t>新冠肺炎(COVID-19)爆發至今全球受衛生危機影響許多國家實施鎖國政策、要民眾待在家不要出門而疫情源頭被認為是因為「吃野味」不過日前越南一處市場被發現仍持續販售活體野味現場環境髒亂、蒼蠅四處飛照片曝光引起爭議。
位於越南隆安省市場(Thanh Hoa Bird Market)是當地最大的野味市場之一市場內販售各種烏龜、蛇、老鼠、水獺、兔子還有禽鳥等動物攤販會現場宰殺並烹煮還有鳥類被關在鐵籠腳綑綁在一起、翅膀折斷、眼睛被縫合放置在微型儲氣瓶裡以便快速煮熟。
根據外媒報導目擊者表示現場環境非常糟糕小小的攤位擠滿各種動物被宰殺的野味似乎放太久吸引許多蒼蠅排水溝丟滿廢棄物飄出屎味及食物混雜的噁心氣味一位攤販透露每天早上必須準備70公斤禽鳥每年售出約8萬隻。
新聞曝光後引起譁然動物慈善機構擔心這樣的環境恐會導致新的致命危機呼籲全球停止販售野味其實不只越南先前有澳洲節目揭發泰國市場仍有業者無視疫情出售箭豬、蜥蜴、猴子等野味環境亦相當惡劣。</t>
  </si>
  <si>
    <t>野味環境越南動物現場市場疫情蒼蠅曝光攤販禽鳥還有危機全球宰殺眼睛縫合折斷放置翅膀國政一起</t>
  </si>
  <si>
    <t>新冠肺炎肺炎防疫野味市場</t>
  </si>
  <si>
    <t>肺炎防疫野味市場</t>
  </si>
  <si>
    <t>武漢震懾約法三章官場陳一新</t>
  </si>
  <si>
    <t>武漢仍因新冠病毒疫情持續封城為平息武漢民怨浙江政壇出身的中共中央政法委祕書長陳一新於8日臨危受大陸中央命令南下湖北整治。中央政法委並於近日公開了陳一新與武漢各區一把手的「群聊記錄」陳一新向武漢官</t>
  </si>
  <si>
    <t>武漢陳一新疫情病毒持續封城公開平息湖北南下命令中央近日民怨整治浙江大陸政壇臨危中央政法委中共中央政法委秘書長出身群聊一把手</t>
  </si>
  <si>
    <t>武漢仍因新冠病毒疫情持續封城為平息武漢民怨浙江政壇出身的中共中央政法委祕書長陳一新於8日臨危受大陸中央命令南下湖北整治。中央政法委並於近日公開了陳一新與武漢各區一把手的「群聊記錄」陳一新向武漢官員「約法三章」要求武漢各區對新冠肺炎感染者「應收盡收」完成中央交付的任務否則會對沒完成任務的幹部絕不手軟。
面對當前湖北新冠肺炎感染人數、死亡人數居高不下的局面陳一新擔任於8日趕赴湖北後便在與武漢各區區委書記、區長組成的微信工作群裡披露他已經履新中央指導組副組長。他在群組裡表示：「我是陳一新又回到你們中間來了。……黨中央決定：我擔任中央指導組副組長又能與你們一同戰鬥了。回湖北武漢為湖北、武漢人民辦實事、處理急事這是我的責任。」
實行1小時通報制度
據聊天記錄陳一新告誡武漢當地官員全面對重症病患「應收盡收刻不容緩」這是中共總書記習近平提出的明確要求是一道不折不扣要執行到位的命令是一條底線是一個軍令狀沒有討價還價的餘地。
陳一新也「約法三章」、建立責任機制震懾武漢官場：一是實行一小時通報制度。各區每隔一小時要向省市指揮部報告一次進展情況。碰到什麼新問題、難題都要即時如實彙報。各區對街道也要建立這樣的制度環環緊扣、步步緊逼絕不能掉鏈子。
二是領導幹部要下沉包幹、建立靠前指揮機制市級、區級幹部要與基層幹部並肩作戰；三是建立激勵問責機制。要以結果論英雄把完成「應收盡收」任務作為考察幹部完成急難險重任務能力、評價幹部政治覺悟和素質的重要依據對沒有完成任務的要動真格不手軟視情依紀依規嚴肅問責。
坐鎮疫情最嚴重區域
1959年出生的陳一新本為浙江官員出身2015年由溫州市委書記調任新成立的中央全面深化改革領導小組辦公室專職副主任並於2016年南下湖北任省委副書記兼任武漢市委書記。2018年3月再調任中央政法委委員、祕書長。其曾任職過的武漢、溫州正是目前新冠病毒疫情最嚴重的區域。</t>
  </si>
  <si>
    <t>武漢陳一新中央湖北幹部完成建立任務機制官員應收書記疫情擔任手軟秘書長中央政法委全面責任南下命令</t>
  </si>
  <si>
    <t>陳一新任務幹部中央政法委建立</t>
  </si>
  <si>
    <t>幹部建立中央政法委任務陳一新</t>
  </si>
  <si>
    <t>《國際社會》新冠疫情警報大響美國要民眾開始為境內傳播做準備</t>
  </si>
  <si>
    <t>疫情開始民眾警報大響美國境內傳播社會準備國際</t>
  </si>
  <si>
    <t>因伊朗、南韓與義大利疫情急速升高美國聯邦疾病管制與預防中心（CDC）週二告訴美國民眾應開始為新型冠狀病毒疫情的境內傳播預做準備。新冠肺炎將打擊全球成長的擔憂使金融市場陷入劇烈震盪週二美股爆量重挫</t>
  </si>
  <si>
    <t>疫情週二升高震盪劇烈美國聯邦陷入疾病擔憂金融市場成長全球打擊肺炎預防管制準備中心cdc傳播告訴境內美國</t>
  </si>
  <si>
    <t>週二病毒確診疫情cdc已經表示全球死亡病例美國官員人數中國大利升高達到伊朗傳染病傳播境內南韓肺炎博士</t>
  </si>
  <si>
    <t>新冠肺炎疫情確診美國CDC</t>
  </si>
  <si>
    <t>疫情確診肺炎美國cdc</t>
  </si>
  <si>
    <t>幼兒疫情連續瑞麗核酸雲南檢測</t>
  </si>
  <si>
    <t>過去7個月雲南瑞麗連續爆發疫情至今已4度採取封閉嚴管措施在「長期封城」的影響下瑞麗的工廠停工、商業停業、貿易停擺當地人只能默默承受巨大的壓力。有陸媒報道指當地有居民數月來歷經近百次核酸檢測</t>
  </si>
  <si>
    <t>瑞麗居民爆發壓力疫情巨大承受至今採取默默只能封閉歷經當地人措施貿易長期停業封城商業影響停工</t>
  </si>
  <si>
    <t>過去7個月雲南瑞麗連續爆發疫情至今已4度採取封閉嚴管措施在「長期封城」的影響下瑞麗的工廠停工、商業停業、貿易停擺當地人只能默默承受巨大的壓力。有陸媒報道指當地有居民數月來歷經近百次核酸檢測一名1歲多的幼兒也已做了74次檢測和隔離已成為瑞麗人生活的一部分。
瑞麗民眾今年自3月第一波疫情發生後共發現93例本土確診和25名本土無症狀感染者；7月又出現第二波疫情所有病例均感染Delta變種病毒且病例高度集中在邊境一線和外籍人員集聚區。檢測和隔離成為生活一部分例如當地居民黎女士從4月至今已做了接近60次核酸檢測密集的時候幾乎每隔兩日就要檢測一次。
另有當地一名翡翠商人表示其出生於去年1月、現今不到2歲的兒子今年8月31日至本月29日已完成74次核酸檢測。瑞麗一名網約車司機更表示7個月以來做了90次核酸檢測平均兩天做一次其中很多還是自費檢測。</t>
  </si>
  <si>
    <t>檢測瑞麗核酸疫情當地表示今年居民病例生活隔離成為本土貿易當地人只能病毒感染者停業商業高度集中停工</t>
  </si>
  <si>
    <t>瑞麗核酸檢測雲南瑞麗新冠肺炎大陸</t>
  </si>
  <si>
    <t>瑞麗雲南肺炎檢測核酸大陸</t>
  </si>
  <si>
    <t>國內病毒案例</t>
  </si>
  <si>
    <t>繼上週二台灣出現首例出院後復陽案例指揮中心專家諮詢小組召集人張上淳今再宣佈另外有3名個案出院後又復陽均是有症狀回診才發現但他強調病毒到後期基本上不具傳染力呼籲外界不要將感染者標籤化。張上淳指</t>
  </si>
  <si>
    <t>張上淳出院感染者外界呼籲傳染不具基本上首例後期病毒強調發現小組召集人回診專家</t>
  </si>
  <si>
    <t>繼上週二台灣出現首例出院後復陽案例指揮中心專家諮詢小組召集人張上淳今再宣佈另外有3名個案出院後又復陽均是有症狀回診才發現但他強調病毒到後期基本上不具傳染力呼籲外界不要將感染者標籤化。
張上淳指出另外有3名個案出院以後又出現陽性但這些檢測基本上介於陰陽之間目前國內對於新冠肺炎感染者的管理採取高標準必須要三採陰才可以出院返家後也必須進行七天的自主健康管理確保安全。
張上淳說近期有幾名個案在返家後又被驗出陽性多屬於病毒量很低的狀況就算有傳染力也很低大多也是家庭間的感染並不容易出現在社區。
張上淳進一步說明曾對新冠肺炎患者的每個階段進行病毒培養但發現到後期很難將病毒培養出來因此目前專家一致認為個案解隔離後都非常安全並不具傳染給社區的能力外界不用過度擔心。
張上淳表示根據韓國的資料顯示曾有一百多名患者解隔離後回到社區有復陽狀況但都沒有傳染給社區因此民眾對於解隔離的患者不用太感到害怕。</t>
  </si>
  <si>
    <t>張上淳社區病毒出院個案患者出現隔離專家目前外界感染者對於不用基本上進行</t>
  </si>
  <si>
    <t>張上淳台灣個案復陽陰陽</t>
  </si>
  <si>
    <t>臺灣個案張上淳</t>
  </si>
  <si>
    <t>zoom資料翻紅facebook工作爭議在家</t>
  </si>
  <si>
    <t>新冠肺炎疫情升溫全球多地都為了提高防疫層級鼓勵在家工作(work from home WFH)讓各地湧現遠距辦公需求也讓不少線上會議、團隊協作工具成為討論焦點其中視訊軟體 Zoom 就是其一。然而在大量使用者湧向 Zoom</t>
  </si>
  <si>
    <t>zoom升溫全球提高防疫焦點層級討論鼓勵成為在家工具工作疫情協作work團隊fromhomewfh湧現會議</t>
  </si>
  <si>
    <t>新冠肺炎疫情升溫全球多地都為了提高防疫層級鼓勵在家工作(work from home WFH)讓各地湧現遠距辦公需求也讓不少線上會議、團隊協作工具成為討論焦點其中視訊軟體 Zoom 就是其一。然而在大量使用者湧向 Zoom 的同時這一款軟體的安全性也被放大檢視結果竟然被發現 Zoom 會自動傳送用戶資料給 Facebook引爆爭議。對此Zoom 官方已在官網上提出聲明並且在近期更新了 iOS 版 App。
Zoom 在 2019 年 7 月份曾爆出爭議Mac 版軟體被發現安裝 Zoom 時會植入一個隱藏的網路伺服器且當使用者在 Mac 當中移除 Zoom 後這個隱藏的網路伺服器仍舊會存在電腦中讓駭客有機會駭入使用者電腦的視訊鏡頭以及麥克風對於隱私等領域可能產生危機。在此之後Zoom 以及蘋果方面都緊急推送了更新來修補軟體漏洞。而近日Zoom iOS 版又爆發了隱私爭議。
《Motherboard》網站發現Zoom iOS 版本運用了 Facebook 軟體開發套件(SDK)來提供使用者可透過 Facebook 帳號來登入 Zoom 的功能。但是這也讓 Zoom iOS 版會向 Facebook 主動發送使用者所在時區、城市、設備訊息等資料而這些分享資料的過程並沒有向使用者公開揭露因此再度引爆隱私爭議。對於爆發隱私爭議Zoom 透過官網聲明他們並沒有出售使用者的資料也沒有相關的意圖。並且指出先前他們並沒有意識到運用 Facebook SDK 時會讓 iOS 版本的 Zoom 向 Facebook 傳送一些不需要被蒐集的額外資料例如使用者所在時區、作業系統版本、設備型號、電信商、設備螢幕尺寸等資料。Zoom 指出與線上會議有關的重要資訊例如參加者、參與者名稱等資訊並沒有與 Facebook 方面分享。
為了消彌使用者的疑慮Zoom 方面已經幾天之前緊急更新了 iOS 版本。更新後將不會再向 Facebook 傳送資訊。在 Zoom 更新後不再使用 Facebook SDK但仍舊保留可使用 Facebook 帳號來登入的功能。Zoom 方面指出台灣時間在 3 月 28 日早上 5:30 (太平洋時間 3 月 27 日下午 2:30)之後Zoom iOS 版本就已經釋出最新更新並建議使用者都要更新。
Zoom 的免費版本的視訊會議上線人數為 10 人新冠肺炎疫情期間免費版上限提高至 100 人但一次會議的最長連線時間仍是 40 分鐘。Zoom 手機版以及電腦版在進行視訊會議的期間都可以分享螢幕畫面來進行簡報或是教學並且發起會議者可以控制與會者進入會議時能否開啟音訊對於掌握會議品質來說更有效率。</t>
  </si>
  <si>
    <t>zoom使用者會議facebookios版本資料更新沒有方面爭議隱私對於指出發現分享sdk電腦</t>
  </si>
  <si>
    <t>Zoom視訊會議在家工作WFH疫情</t>
  </si>
  <si>
    <t>在家會議工作wfhzoom疫情</t>
  </si>
  <si>
    <t>雙增電腦設備同期業績新高</t>
  </si>
  <si>
    <t>佳世達(2352)公佈3月合併營收為新台幣14596億元較去年同期成長09%較上月成長333%創同期新高。累計2020年1~3月合併營收為新台幣392億元較去年同期減少16%。佳世達表示雖有新冠肺炎(Covid-19)衝擊亞洲供</t>
  </si>
  <si>
    <t>合併去年同期台幣肺炎表示covid-同期減少衝擊上月成長累計公佈亞洲</t>
  </si>
  <si>
    <t>佳世達(2352)公佈3月合併營收為新台幣14596億元較去年同期成長09%較上月成長333%創同期新高。累計2020年1~3月合併營收為新台幣392億元較去年同期減少16%。
佳世達表示雖有新冠肺炎(Covid-19)衝擊亞洲供應鏈3月工作天數和到工率陸續恢復再加上聯合艦隊較去年新增聚碩(6112)、勝品(6556)、羅昇(8374)等夥伴合併營收較2月增長33%較去年同期成長近1%創同期新高第一季較去年同期則大致持平略減近2%。
佳世達指出新冠肺炎(Covid-19)對全球供應鏈和需求面的影響還在持續蔓延2020年將是營運相當挑戰的一年。目前好消息是：居家上班/上學帶來顯示器、家庭娛樂、虛擬辦公室、各行各業數位轉型、醫院提升防疫物資準備度等新增需求。但國際運動賽事停辦、實體活動縮減、各地股市大跌、民眾減少上醫療院所等仍會衝擊政府投資與民間消費活動。長期佳世達還是看好雲端化、自動化、數位轉型和健康醫療事業等趨勢也符合佳世達的轉型目標。</t>
  </si>
  <si>
    <t>轉型去年同期新增活動衝擊醫療合併數位減少供應covid-同期肺炎世達消息相當居家</t>
  </si>
  <si>
    <t>聚碩勝品羅昇佳世達創同期新高</t>
  </si>
  <si>
    <t>羅升同期聚碩新高</t>
  </si>
  <si>
    <t>人潮防制加強公所盛期暴登革熱消毒</t>
  </si>
  <si>
    <t>雲林縣北港鎮公所與北港朝天宮針對4月香盛期規畫一系列防制新冠肺炎疫情與登革熱消毒計畫繼16日白沙屯媽祖到北港進香後接下來還有彰化南瑤宮進香、北港媽祖遶境加上天氣逐漸炎熱為了避免2種疫情同時暴發</t>
  </si>
  <si>
    <t>疫情媽祖進香逐漸天氣加上天宮肺炎登革熱消毒防制月香還有接下來南瑤</t>
  </si>
  <si>
    <t>雲林縣北港鎮公所與北港朝天宮針對4月香盛期規畫一系列防制新冠肺炎疫情與登革熱消毒計畫繼16日白沙屯媽祖到北港進香後接下來還有彰化南瑤宮進香、北港媽祖遶境加上天氣逐漸炎熱為了避免2種疫情同時暴發有必要全面加強消毒。
今年4月北港朝天宮進入進香團、媽祖聖誕遶境香盛期加上全中運在雲林吸引許多遊客前來參拜每逢星期假日人潮聚集盛況不輸春節假期為了加強新冠肺炎防制與預防登革熱北港鎮公所與北港朝天宮展開超前部署。
北港鎮長蕭永義表示目前國內新冠肺炎疫情雖獲得有效控制但大家還是不能掉以輕心因此針對寺廟、公園、游泳池、體育館等公共場所進行定期消毒對於人潮聚集的朝天宮媽祖廟、武德宮財神廟更是安排人員加強消毒。
蕭永義說登革熱流行期約在每年4月以往公所都是在4月開始消毒今年提早至3月主要是配合新冠肺炎的防制加上北港朝天宮去年取消農曆3月19、20日媽祖遶境活動今年復辦勢必出現暴炸性人潮提早消毒可以抑制各種細菌病毒的滋生讓鎮民與遊客更安心。
朝天宮去年4月由中央流行疫情指揮中心列為「警示景點」導致人潮銳減直到6月中央宣佈國內解封人潮才逐漸恢復今年更因報復性旅遊每逢星期假日人山人海由於每年進香人潮達6、700萬人次外來人口非常多廟方持續加強防疫。
朝天宮指出廟方人員除了每天進行各神殿的消毒工作也在廟前懸掛布條提醒民眾入廟量體溫、戴口罩、保持安全距離若到福德正神殿、註生娘娘殿參拜撫摸金元寶、金童玉女祈福一定要用酒精、次氯酸水消毒雙手。</t>
  </si>
  <si>
    <t>消毒人潮天宮今年疫情加強媽祖肺炎進香加上登革熱參拜公所神殿遊客防制國內逐漸進行蕭永義</t>
  </si>
  <si>
    <t>消毒登革熱北港朝天宮新冠香盛期</t>
  </si>
  <si>
    <t>天宮登革熱盛期消毒</t>
  </si>
  <si>
    <t>路透川普惡化可能疫情宣佈災難</t>
  </si>
  <si>
    <t>路透社報導美國總統川普將於美東時間晚間9點發表全國演說。據白宮消息人士透露川普可能藉此宣佈美國進入「國家級災難」以便加速籌措對抗疫情所需資金。路透社引述美政治新聞網站《Politico》根據《斯塔福德</t>
  </si>
  <si>
    <t>川普美國路透社新聞政治引述資金網站疫情籌措對抗加速以便災難發表全國進入時間晚間演說白宮美東消息人士透露宣佈可能</t>
  </si>
  <si>
    <t>路透社報導美國總統川普將於美東時間晚間9點發表全國演說。據白宮消息人士透露川普可能藉此宣布美國進入「國家級災難」以便加速籌措對抗疫情所需資金。
路透社引述美政治新聞網站《Politico》根據《斯塔福德法案》（Stafford Act）政府可釋放400億美金以及時援助。
美國疫情逐漸惡化截至12日已有1281人確診、36死。雖然川普先前一在宣稱疫情影響有限但美股不買單加上最親近的兩名在國會中的盟友都需自主隔離後讓川普指示行政團隊要準備更亮眼的行動。
根據美國有線電視新聞網（CNN）引述一名白宮資深官員表示川普9日向他的經濟團隊表示「我要更重大的行動」但這也代表先前看輕疫情影響的川普也承認疫情衝擊美國經濟需要即刻援助。
報導指出雖然世界衛生組織秘書長譚德賽（Stafford Act）已宣布新冠病毒「全球大流行」而川普稍早推文表示他已完全做好準備動用聯邦政府所有力量以因應目前我們面臨冠狀病毒的挑戰。
報導也稱雖然川普政府團隊表示川普已認真看待疫情大流行與其造成的連帶經濟衝擊但他在公開場合上仍對這場公共衛生危機輕描淡寫與聯邦衛生官員意見屢次矛盾。</t>
  </si>
  <si>
    <t>川普疫情美國表示政府經濟報導團隊聯邦宣佈引述官員病毒準備stafford白宮act衝擊援助行動流行先前</t>
  </si>
  <si>
    <t>女兒屋子顧問川普宣佈老媽</t>
  </si>
  <si>
    <t>先前曾在社群媒體上高調痛批老媽幫川普工作「毀了自己一生」前白宮顧問凱莉安康威（Kellyanne Conway）外型亮眼但性格嗆辣的女兒克勞蒂亞（Claudia Conway）4日宣佈自己也感染了新冠肺炎值得注意的是克勞蒂</t>
  </si>
  <si>
    <t>conway高調老媽感染川普工作一生宣佈白宮肺炎顧問claudia凱莉安克勞蒂亞康威kellyanne女兒型亮</t>
  </si>
  <si>
    <t>先前曾在社群媒體上高調痛批老媽幫川普工作「毀了自己一生」前白宮顧問凱莉安康威（Kellyanne Conway）外型亮眼但性格嗆辣的女兒克勞蒂亞（Claudia Conway）4日宣佈自己也感染了新冠肺炎值得注意的是克勞蒂亞上周才率先爆料母親染疫外界才得知這項消息她更爆料在川普確診新冠後老媽滿屋子咳嗽。
《紐約郵報》（New York Post）報導前白宮顧問凱莉安康威的15歲女兒克勞蒂亞4日在個人「TikTok」帳號上宣佈確診新冠肺炎她上傳一段自己浸泡在浴缸裡的短片內容寫著「現在快因為新冠病毒死掉了」。
值得注意的是克勞蒂亞2日晚間才在「TikTok」上爆料母親感染新冠肺炎當天淩晨川普才宣佈自己和第一夫人梅蘭妮亞確診克勞蒂亞上傳影片幾分鐘後凱莉安康威才在推特證實自己染疫。
另據英國《太陽報》（The Sun）報導克勞蒂亞也透露老媽沒有症狀但是自己感覺像掉進了「地獄」「感覺不到任何東西、頭很痛、難以呼吸」還有發燒、畏寒等症狀。
事實上川普2日宣佈確診新冠肺炎當天克勞蒂亞已經在「TikTok」爆料母親狂咳嗽而且「滿屋子到處咳」當晚又更新自己緊緊戴上口罩的新影片率先出賣老媽確診更抱怨自己「完了」兩星期後再來和粉絲們見面。
克勞蒂亞也不改嗆辣、敢言的性格爆料完老媽確診後又發布新影片痛罵川普對於川普染疫、母親染疫相當火大她說「我氣炸了」「戴上口罩不要聽我們白癡總統的蠢話保護你自己、也保護身邊的人。」
克勞蒂亞因在推特、「TikTok」上的敢言風格屢屢登上新聞版面成為網友追蹤話題8月下旬她才在推特控訴母親替川普工作「毀了她一生」痛罵母親太「自私」一切只為了名和利推文發布隔天凱莉安康威就宣佈辭去白宮顧問一職、回歸家庭。克勞蒂亞是拜登的擁護者她多次公開砲轟川普是「白癡」。
凱莉安康威已在8月底辭去白宮顧問一職不過美國有線電視新聞網（CNN）指出她最近仍和川普密切接觸協助川普在辯論會上對戰拜登。凱莉安康威也有出席9月26在白宮舉行的大法官巴瑞特（Amy Coney Barrett）提名儀式以及美國總統大選首場辯論會。至今大法官提名儀式上已有多人確診。</t>
  </si>
  <si>
    <t>川普克勞蒂亞凱莉安康威確診母親白宮宣佈老媽顧問tiktok影片肺炎大法官</t>
  </si>
  <si>
    <t>女兒川普顧問凱莉安康威新冠肺炎</t>
  </si>
  <si>
    <t>凱莉安康威顧問川普女兒肺炎</t>
  </si>
  <si>
    <t>聯盟賽程同步公佈mlb</t>
  </si>
  <si>
    <t>大聯盟官方10日公佈2021年球季賽程例行賽開季時間設定為(美國時間)4月1日特別是全聯盟都在同一天開季這將是1968年以來首見。其實大聯盟2018年就想要全體同步開季因有些球場下雨而失敗。今年則是毀在新冠疫情</t>
  </si>
  <si>
    <t>聯盟時間今年賽開季失敗例行賽程球場球季公佈下雨特別同步其實全體想要以來</t>
  </si>
  <si>
    <t>大聯盟官方10日公佈2021年球季賽程例行賽開季時間設定為(美國時間)4月1日特別是全聯盟都在同一天開季這將是1968年以來首見。其實大聯盟2018年就想要全體同步開季因有些球場下雨而失敗。今年則是毀在新冠疫情。
今年的賽程安排也是史上首見球隊只對決跟自己同區以及分區相同的跨聯盟球隊。例如美聯東區球隊只會碰到同區或是國聯東區的球隊以減少球隊移動。本季是收看許多跨聯盟對戰的好機會。
大聯盟預設明年疫情已經結束球隊排滿162場回復往年的同聯盟跨區對戰首日15場只有3場跨聯盟對戰。其中比較倒楣的是光芒客場對戰馬林魚這兩支票房最差的球隊被安排在開幕戰交手。然而2021年能否如期開季還得看新冠疫苗的效用與產量美國佛奇醫生(Anthony Fauci)認為今年之內難以得知結果。</t>
  </si>
  <si>
    <t>聯盟球隊今年美國賽程安排疫情同區時間認為faucianthony醫生之內產量</t>
  </si>
  <si>
    <t>MLB大聯盟美國2021年新冠肺炎</t>
  </si>
  <si>
    <t>聯盟美國肺炎mlb</t>
  </si>
  <si>
    <t>慈悲媽祖漏洞徐耀昌進香得不償失</t>
  </si>
  <si>
    <t>3月陸續將有許多媽祖進香活動對於是否延期或停辦引發高度關注。苗栗縣長徐耀昌26日表示媽祖是慈悲的不要因為廟會若萬一有漏洞造成恐慌得不償失到時候把責任歸屬於媽祖也不對。26日徐耀昌指出防疫是</t>
  </si>
  <si>
    <t>媽祖徐耀昌進香延期停辦活動引發是否高度對於關注不對苗栗恐慌造成漏洞責任到時候得不償失歸屬于縣長廟會不要表示慈悲指出</t>
  </si>
  <si>
    <t>3月陸續將有許多媽祖進香活動對於是否延期或停辦引發高度關注。苗栗縣長徐耀昌26日表示媽祖是慈悲的不要因為廟會若萬一有漏洞造成恐慌得不償失到時候把責任歸屬於媽祖也不對。
26日徐耀昌指出防疫是整體的中央與地方皆有設應變中心縣府一定尊重中央的想法與看法媽祖是慈悲的不要因為參加廟會活動產生漏洞造成恐慌不僅得不償失把責任推給媽祖也是不對。他說絕對尊重宗教信仰自己也為媽祖信徒但要因地制宜各單位進行防疫工作以滴水不漏為目標。
徐耀昌表示廟會造成眾人恐慌不管流感或是新冠肺炎疫情都不允許發生任何意外盼縣內為0確診持續做好防疫工作讓苗栗平安順利迎接未來的健康生活。</t>
  </si>
  <si>
    <t>媽祖防疫徐耀昌恐慌苗栗造成廟會工作活動中央尊重表示不對漏洞慈悲不要得不償失責任順利發生允許意外平安</t>
  </si>
  <si>
    <t>新冠肺炎武漢肺炎新型冠狀病毒台灣媽祖</t>
  </si>
  <si>
    <t>肺炎武漢冠狀病毒臺灣媽祖</t>
  </si>
  <si>
    <t>肺炎病逝延誤敗血症黃金治療</t>
  </si>
  <si>
    <t>繼昨(19日)傳出韓國36歲男星文智允驟逝後又傳出參加《臉贊時代》的32歲男星李治熏（又譯李治訓）也因急性敗血症過世。BJ Seya稍早在直播透露李治熏幾天前就喊不舒服急診室以控制疫情為由第一時間拒收確認不</t>
  </si>
  <si>
    <t>李治熏傳出疫情為由控制急診室韓國舒服seya透露bj直播過世文智允敗血症李治訓參加</t>
  </si>
  <si>
    <t>繼昨(19日)傳出韓國36歲男星文智允驟逝後又傳出參加《臉贊時代》的32歲男星李治熏（又譯李治訓）也因急性敗血症過世。BJ Seya稍早在直播透露李治熏幾天前就喊不舒服急診室以控制疫情為由第一時間拒收確認不是新冠肺炎才肯讓李治熏住院但已延誤了黃金治療期。
李治熏11年前參加《直播演藝INSIDE》出道9年前出演綜藝節目《臉贊時代》、《花美男株式會社》因某些角度酷似Super Junior成員金希澈走紅。據韓媒報導昨上午李治熏因急性敗血症離開人世身邊親友透露李治熏幾天前就感覺身體不適、發燒接受新冠肺炎檢測後結果是陰性未感染但不久後病情就加重轉入加護重症病房最後仍不幸病逝。
和李治熏是好友的BJ Seya稍早在直播談這件事難過直呼：「治熏哥真的是非常好的哥哥不知道老天為什麼要帶走這麼善良的人」並透露因疫情嚴重李治熏的媽媽決定不幫兒子辦喪禮只舉行入殮儀式而李治熏在13日就曾在直播中寫下因淋巴腺發炎看了醫生今天還是感覺不舒服希望不是新冠肺炎因拿滑鼠的力氣都沒有只能用文字這樣通知大家。</t>
  </si>
  <si>
    <t>李治熏直播肺炎透露疫情敗血症參加感覺舒服時代傳出年前bjseya</t>
  </si>
  <si>
    <t>李治熏李治訓臉贊時代文智允花美男株式會社</t>
  </si>
  <si>
    <t>時代文智允李治訓花美男李治熏株式會社</t>
  </si>
  <si>
    <t>口罩管理自主嚴格出院</t>
  </si>
  <si>
    <t>國內新冠肺炎患者陸續康復出院但近期卻出現了出院後又復陽的4名案例。醫師表示新冠肺炎確診者出院後病毒量已相當低因家屬是患者長時間接觸的人在出院後的7天自主管理期間應避免過度接觸若沒有獨立的衛</t>
  </si>
  <si>
    <t>出院患者接觸肺炎過度避免管理期間自主家屬相當醫師表示案例病毒康復時間</t>
  </si>
  <si>
    <t>國內新冠肺炎患者陸續康復出院但近期卻出現了出院後又復陽的4名案例。醫師表示新冠肺炎確診者出院後病毒量已相當低因家屬是患者長時間接觸的人在出院後的7天自主管理期間應避免過度接觸若沒有獨立的衛浴設備供出院者使用每次用完就要消毒一次。
根據疫情指揮中心規定新冠肺炎確診者經隔離治療後若三次採檢都為陰性可解除隔離、出院並在出院後進行為期7天的自主健康管理。截至昨日國內共累計440人確診其中355人解除隔離確診個案陸續出院中。
振興醫院感染科主任李明政表示檢驗陰性又復陽者因屬於病情後期傳染力不高但不敢說100%沒有傳染風險因病毒量已相當低基本的聊天行為應不致於造成他人染疫出院初期仍應留意防疫措施。
李明政表示新冠肺炎患者出院後先接觸的是自己的家人為避免家人染疫7天的自主健康管理期間不應與家人過度接觸。患者出院前家人應準備好獨立的房間、衛浴設備。若沒有單獨的衛浴設備可用出院個案每次用完洗手間就要消毒一次。
李明政也提醒民眾出院個案與家人說話時應配戴口罩保持好社交距離並避免與他人共食。若需外出也務必配戴口罩。若有疑似症狀如腹瀉、呼吸道症狀等再度出現應儘速就醫。待7日自主健康管理結束基本上就可安心不必過度擔心是否會傳染他人。</t>
  </si>
  <si>
    <t>出院家人管理患者李明政自主個案傳染過度避免接觸沒有健康表示確診肺炎消毒出現隔離口罩陰性配戴設備</t>
  </si>
  <si>
    <t>肺炎出院染疫避免自主健康管理</t>
  </si>
  <si>
    <t>避免自主健康出院管理肺炎</t>
  </si>
  <si>
    <t>確診執政黨大利感染</t>
  </si>
  <si>
    <t>義大利新冠肺炎疫情已近乎失控狀態日前確診病例被伊朗超越後8日報告單日新增1247例累計已達5883例再度超越伊朗的5823例。該國聯合執政的民主黨黨魁津加雷蒂(Nicola Zingaretti)亦在臉書發表視頻表示他已被</t>
  </si>
  <si>
    <t>伊朗超越肺炎疫情zingaretti近乎nicola加雷蒂失控黨魁狀態民主黨確診日前病例執政聯合發表新增累計</t>
  </si>
  <si>
    <t>義大利新冠肺炎疫情已近乎失控狀態日前確診病例被伊朗超越後8日報告單日新增1247例累計已達5883例再度超越伊朗的5823例。該國聯合執政的民主黨黨魁津加雷蒂(Nicola Zingaretti)亦在臉書發表視頻表示他已被檢測出感染新型冠狀病毒正在家自我隔離。
據《海外網》報導義大利政府8日發佈疫情統計資料顯示該國新型冠狀病毒肺炎確診病例已由4636例上升至5883例單日新增1247例。死亡病例則從197例上升至233例。這是義大利確診病例數日前被伊朗超越後又再度追上伊朗兩國疫情幾乎成拉鋸狀態。
另據《環球網》報導說義大利聯合執政的民主黨主席津加雷蒂當地時間週六在臉書發表視頻表示他已被檢測出新型冠狀病毒呈陽性目前正在家中自我隔離最近幾天與他接觸的所有人都在接受檢測自己目前狀態還不錯。他呼籲民眾不要慌張要積極對抗疫情並表示自己在這個時刻會努力樹立一個好榜樣遵守防疫規定。
義大利總理孔蒂 (Giuseppe Conte)日前宣佈政府將撥款75億歐元(合台幣2565億)用於支援全國家庭以及企業應對疫情帶來的緊急狀況。孔蒂強調「整個國家必須團結一致對抗病毒否則我們將很難戰勝這場危機。」
義大利衛生部則要求醫療機構加快釋放重症監護病床增加醫護人員力量。民防部門則建立起醫療救援行動指揮中心協調病患轉運。義大利國防部則提供2200個房間、6600個床位用於隔離觀察。
義大利國家衛生研究所傳染病部門負責人喬瓦尼雷劄曾說預計未來一段時間確診病例數還會以較高速度增長目前正在研究擴大「紅區」(封閉區域)範圍的可行性顯示近期義大利有可能封閉隔離更多的城鎮。
據報導義大利是受新冠病毒肆虐最嚴重的歐洲國家義大利政府本周已下令關閉學校、大學、電影院和劇院等公共場所並在疫情最嚴重的地區實施封閉隔離政策完全禁止區內民眾離開隔離區以遏制新型冠狀病毒的傳播。</t>
  </si>
  <si>
    <t>大利疫情病毒隔離病例目前封閉確診冠狀狀態國家政府伊朗日前部門表示報導民眾檢測用於對抗孔蒂</t>
  </si>
  <si>
    <t>新冠肺炎武漢肺炎新型冠狀病毒COVID-19義大利</t>
  </si>
  <si>
    <t>肺炎冠狀武漢病毒covid-大利</t>
  </si>
  <si>
    <t>孕婦即日起醫院預約接種新竹</t>
  </si>
  <si>
    <t>新竹縣22日新增一個確診個案為竹東某長照機構的長期住民在經歷第5次採檢後確診新竹縣長楊文科表示竹東鎮2機構自有人確診後採取2天採檢一次。另外新竹縣的孕婦即日起可於東元綜合醫院、中國醫藥大學新竹</t>
  </si>
  <si>
    <t>確診新竹竹東機構綜合醫院即日起孕婦個案長期中國經歷表示縣長採取楊文科新增醫藥</t>
  </si>
  <si>
    <t>新竹縣22日新增一個確診個案為竹東某長照機構的長期住民在經歷第5次採檢後確診新竹縣長楊文科表示竹東鎮2機構自有人確診後採取2天採檢一次。另外新竹縣的孕婦即日起可於東元綜合醫院、中國醫藥大學新竹附設醫院、臺大新竹分院生醫院區、天主教仁慈醫院、臺北榮總新竹分院共5家醫院預約接種疫苗以莫德納為優先。
楊文科表示新增確診個案為案14226為80多歲女性由於長期住在常照機構並無公開活動足跡接觸者也不重複匡列。該案在第5次採檢時為陽性確診收至於醫院治療。
原先確診者的接觸者居家隔離至6月23日期間2天採檢一次其中此機構原有68人已有22人確診將近3分之1人楊文科表示後續會再加強採檢想盡辦法撲滅病毒。
新竹縣至22日止已有79人確診、45人住院中、31人出院另外有3人過世死因還在釐清。楊文科表示在企業快篩部分三陽工業完成2230人快篩其中300多人為移工落實企業篩檢。
楊文科也表示孕婦會優先施打疫苗縣內約有3382名孕婦皆為優先施打對象衛生局長殷東成也補充可和醫師討論後再施打即日起即可於5大醫院預約須準備孕婦健康手冊、健保卡。
另外新竹縣目前已經開放75歲以上長輩接種疫苗不過受到猝死案影響6月20日僅129人接種21日「打」氣回升有475人接種。
殷東成也補充近日並未接獲疫苗接種後反應不良案件不過21日有一名90多歲老翁不幸過世他先前曾接種疫苗但家屬也特別指出這名老翁在疫苗接種前、後均有跌倒因此不會申請預防接種的藥害救濟但會申請縣民意外保險理賠。
另外22日下午也傳出湖口鄉一名29歲女子在接種疫苗後10分鐘後出現意識模糊的狀況不過在上救護車後已經恢復清醒該名女子也對救護人員說先前打針有曾經發生過暈針的狀況也送往醫院治療。</t>
  </si>
  <si>
    <t>接種疫苗新竹醫院確診表示孕婦機構楊文科優先已經狀況老翁先前預約</t>
  </si>
  <si>
    <t>新冠肺炎台灣孕婦採檢新竹縣</t>
  </si>
  <si>
    <t>孕婦臺灣肺炎新竹</t>
  </si>
  <si>
    <t>月底攻陷金融業歐洲</t>
  </si>
  <si>
    <t>歐陸44國全數被新冠肺炎疫情「入侵」金管會統計到今年1月底國內銀行、保險及證券對歐洲曝險金額達新台幣4兆9190億元比去年1月增加2118億元。據銀行局統計國銀在歐洲共有十處據點國銀對歐洲授信金額到</t>
  </si>
  <si>
    <t>統計歐洲國銀金額肺炎疫情金管會入侵保險今年銀行局月底銀行增加證券台幣國內去年歐洲共據點全數授信</t>
  </si>
  <si>
    <t>歐陸44國全數被新冠肺炎疫情「入侵」金管會統計到今年1月底國內銀行、保險及證券對歐洲曝險金額達新台幣4兆9190億元比去年1月增加2118億元。
據銀行局統計國銀在歐洲共有十處據點國銀對歐洲授信金額到今年1月有2892億元去年同期則是2524億元即授信仍有成長；另外銀行對歐洲投資金額有6368億元也比去年同期5807億元增加。
保險業對歐洲主要是投資股債、不動產等據保險局統計到今年1月底保險業對歐洲投資金額達新台幣3兆9060億元比去年同期的3兆8186億元增加874億元估計歐洲投資約占保險業海外投資的兩成左右。
至於證券業對歐洲投資金額據證期局統計到1月底有新台幣86985億元也比去年同期的新台幣555億元增加增幅近57％。
美國依舊是金融業海外最大的曝險地這波也被新冠肺炎波及金融業到今年1月對美國曝險金額共新台幣8兆1275億元。其中主要還是保險業的投資曝險額共新台幣6兆7256億元較去年同期增加3752億元主因美國債券是壽險業最大海外投資標的若美國資本市場波動壽險業會受較大影響。
銀行業對美國曝險金額亦有新台幣1兆2792億元比去年同期增加1284億元但銀行對美國相關授信金額是3855億元比去年同期減少457億元增加的也是投資面曝險金額8937億元較去年同期大增1741億元主要是不少銀行趁債市多頭加碼不少美元債券。
證券業對美國曝險新台幣122697億元較去年同期的64922億元增加近89％。</t>
  </si>
  <si>
    <t>美國金額歐洲投資去年同期增加台幣銀行統計保險業今年授信月底海外投資證券業肺炎壽險業債券金融業</t>
  </si>
  <si>
    <t>曝險金額美國新台幣授信金額</t>
  </si>
  <si>
    <t>金額美國台幣授信</t>
  </si>
  <si>
    <t>女雙大刀種子被迫防疫</t>
  </si>
  <si>
    <t>美網女雙頭號種子茉蘭登諾維奇(Kristina Mladenovic)、芭波絲(Timea Babos)的組合因為新冠肺炎疫情而遭「淘汰」。開賽幾個小時之前茉蘭登諾維奇才接到隔離通知她是法國同胞帕爾雷(Benoit Paire)的7位接觸者之一</t>
  </si>
  <si>
    <t>帕爾雷同胞法國通知蘭登隔離諾維奇接到kristina奇才benoitmladenovic蘭登諾維timeababos組合肺炎之前疫情小時開賽淘汰種子</t>
  </si>
  <si>
    <t>美網女雙頭號種子茉蘭登諾維奇(Kristina Mladenovic)、芭波絲(Timea Babos)的組合因為新冠肺炎疫情而遭「淘汰」。開賽幾個小時之前茉蘭登諾維奇才接到隔離通知她是法國同胞帕爾雷(Benoit Paire)的7位接觸者之一帕爾雷賽前被驗出感染新冠病毒。
這個裁定令人傻眼茉蘭登諾維奇先前還被允許參加單打她在第二輪敗戰的時候就抱怨過防疫措施太嚴格現在她連雙打也泡湯了。茉蘭登諾維奇曾與帕爾雷練球1小時後來在飯店有相處40分鐘。倒楣的是匈牙利女將芭波絲她因為失去雙打搭檔也被迫退賽。
美國網協聲明：「拿索郡(Nassau County)的公衛部門向長時間、近距離接觸感染者的人發出隔離通知禁止這些選手再接近比莉珍金網球中心(美網賽場)。美國網協必須遵從州政府、市政府、郡政府的指示。受到隔離的人期限內只能留在自己的飯店房間。」
正如喬柯維奇(Novak Djokovic)所抱怨的美網防疫關卡重重紐約市政府、州政府相繼介入這次是輪到拿索郡發出公告把茉蘭登諾維奇關在房間既然是地方政府的命令美國網協也無可奈何因為選手就住在拿索郡。</t>
  </si>
  <si>
    <t>隔離網協帕爾雷美國諾維奇蘭登索郡小時飯店房間接觸州政府選手抱怨政府發出防疫通知</t>
  </si>
  <si>
    <t>茉蘭登諾維奇美網隔離帕爾雷WTA</t>
  </si>
  <si>
    <t>隔離諾維奇帕爾雷蘭登wta</t>
  </si>
  <si>
    <t>出爐規定最新持續警戒茶葉蛋</t>
  </si>
  <si>
    <t>中央流行疫情指揮中心今(9)日表示考量國內疫情趨於穩定及參酌其他國家之防疫措施調整經驗經與相關單位溝通討論及評估後宣佈自8月10日至8月23日維持疫情警戒標準為第二級。中央流行疫情指揮中心副指揮官陳宗彥</t>
  </si>
  <si>
    <t>疫情指揮中心溝通單位相關討論經驗調整措施流行防疫國家趨於穩定國內考量表示評估維持宣佈中央標準警戒指揮官陳宗彥</t>
  </si>
  <si>
    <t>中央流行疫情指揮中心今(9)日表示考量國內疫情趨於穩定及參酌其他國家之防疫措施調整經驗經與相關單位溝通討論及評估後宣佈自8月10日至8月23日維持疫情警戒標準為第二級。
中央流行疫情指揮中心副指揮官陳宗彥表示戶外場域包含內政部所屬國家公園、交通部所屬國家風景區、農委會所屬森林遊樂區等有稍微調整上次放寬時並未開放生態國家公園裡的生態保護區、森林內的自然保護區及保留區這次將會開放高山營地要求一人一帳或是同住家人住在同個帳篷帳篷間也要維持社交距離。
二級警戒相關規定如下：
一、通案性原則：
1 除飲食外外出全程佩戴口罩。
2 實聯制、保持社交安全距離。
3 營業場所及公共場域人流控管或總量管制：室內空間至少15米/人(225平方米/人)室外空間至少1米/人(1平方米/人)。
4 集會活動人數上限：室內50人室外100人若超額則提防疫計畫。
5 餐飲內用原則依照衛福部規定處理。
6 婚宴、公祭可開放：
(1) 公祭遵守內政部相關防疫規定處理。
(2) 婚宴遵守每一隔間室內50人、室外100人上限並遵守餐飲指引不得逐桌敬酒。
7 超商由工作人員服務可販售茶葉蛋、關東煮等熱食。
8 符合主管機關防疫管理得開放：社區大學、樂齡學習中心、社區照顧關懷據點、親子館、桌遊場所(限一般零售交易)、游泳池、職業訓練等。
二、仍須關閉之場所：
1歌廳、舞廳、夜總會、俱樂部、酒家、酒吧、酒店(廊)、錄影節目帶播映場所(MTV)、視聽歌唱場所(KTV)、理容院(觀光理髮、視聽理容)。
2遊藝場所、電子遊戲場、資訊休閒場所、休閒麻將館及其他類似場所。
3Ｋ書中心。
指揮中心說明目前國內疫情已在可控範圍為兼顧防疫與民眾的生活品質未來將持續觀察疫情態勢循序漸進適度放寬管制措施；面對病毒變異株的威脅將持續強化邊境監測及防疫作為阻絕病毒於境外；此外也積極提升疫苗涵蓋率讓民眾獲得保護力。指揮中心提醒防疫不可鬆懈籲請民眾維持個人防疫好習慣戴口罩、勤洗手、保持社交距離才能降低病毒傳播風險共同維護國內社區安全。</t>
  </si>
  <si>
    <t>防疫場所中心疫情開放指揮民眾維持相關社交距離國內規定社區遵守森林原則調整病毒餐飲放寬措施口罩</t>
  </si>
  <si>
    <t>二級警戒超商茶葉蛋酒店游泳池</t>
  </si>
  <si>
    <t>酒店茶葉蛋游泳池警戒</t>
  </si>
  <si>
    <t>《類股》統一狂飆逾8％食品股飄香氣</t>
  </si>
  <si>
    <t>食品飄香統一</t>
  </si>
  <si>
    <t>新冠肺炎疫情延燒民眾對加工食品需求上升搶購民生物資風潮出現宅經濟題材熱燒食品族群今日由統一(1216)大漲8%領軍衝鋒搭上臺股大漲列車佳格(1227)緊跟在後漲幅高達78%多頭士氣如虹興泰(1235)、中華</t>
  </si>
  <si>
    <t>食品士氣多頭民眾加工漲幅在後物資緊跟風潮上升出現搶購民生需求經濟列車題材搭上</t>
  </si>
  <si>
    <t>新冠肺炎疫情延燒民眾對加工食品需求上升搶購民生物資風潮出現宅經濟題材熱燒食品族群今日由統一(1216)大漲8%領軍衝鋒搭上臺股大漲列車佳格(1227)緊跟在後漲幅高達78%多頭士氣如虹興泰(1235)、中華食(4205)、鮮活-KY(1256)等紛紛上漲帶動上市食品指數漲幅高達64%表現十分強悍。
受到疫情影響各行各業的營運都受到波及不過全台病例不斷增加下民眾風險意識提高出現搶購人潮囤物資也順勢拉動民生物資銷售業績對食品業者來說算是一個好消息但民眾大幅減少餐廳外食也會連帶影響油脂、雞、豬等的市場需求究竟業績會如何表現還需要觀察。
統一今日以657元開出股價越走越高盤中一度衝至68元大漲8%以上擔任食品領頭羊的角色。統一大陸工廠正常營運近期兩岸民眾皆擔心疫情延燒泡麵等民生物資增加買進數量今年統一中控業績受到看好另外由於外食人數減少統一的子公司統一超鮮食銷售增加有利對母公司統一的獲利挹注。</t>
  </si>
  <si>
    <t>統一民眾食品物資業績增加受到民生疫情表現營運今日影響銷售出現搶購漲幅減少</t>
  </si>
  <si>
    <t>新冠肺炎疫情搶購統一佳格</t>
  </si>
  <si>
    <t>疫情搶購統一肺炎</t>
  </si>
  <si>
    <t>sari定名肺炎訊息張貼胡扯新</t>
  </si>
  <si>
    <t>刑事局偵查第一大隊日前接獲衛福部通報PTT網站有人張貼「新冠肺炎已經定名為SARI」的不實訊息案警方立刻展開偵辦循線查出PTT網站用戶、39歲郭姓男子真實身分發現郭嫌係接獲友人傳送上述疫情訊息後未經詳實</t>
  </si>
  <si>
    <t>訊息網站ptt疫情傳送友人不實sari警方定名立刻已經展開衛福部郭嫌身分肺炎發現真實通報張貼循線</t>
  </si>
  <si>
    <t>刑事局偵查第一大隊日前接獲衛福部通報PTT網站有人張貼「新冠肺炎已經定名為SARI」的不實訊息案警方立刻展開偵辦循線查出PTT網站用戶、39歲郭姓男子真實身分發現郭嫌係接獲友人傳送上述疫情訊息後未經詳實查證即製作編輯該疫情訊息張貼於PTT網站造成民眾恐慌及徒增防疫工作之查證詢後依違反社會秩序維護法送辦。
警方再次呼籲流行疫情或防治措施等相關資訊都將由中央流行疫情指揮中心統一對外公佈製造或轉傳有關新冠肺炎未經證實確診疫情的任何訊息將造成民眾恐慌嚴重影響社會安寧。
檢警將加強查緝散播未經證實或來源不明之疫情訊息及不符合正確的防疫資訊民眾切勿隨意散播或轉傳。正確疫情相關資訊可上疾病管制署網站查詢最新公告內容亦可加入疾病管制署LINE官方帳號「疾管家」掌握最新的防疫資訊全民共同防禦新冠肺炎。</t>
  </si>
  <si>
    <t>疫情訊息網站資訊防疫ptt民眾未經肺炎最新警方查證散播流行管制疾病恐慌張貼正確證實相關造成</t>
  </si>
  <si>
    <t>浸潤死亡個案出現竇性高端心搏首例過速台中症狀</t>
  </si>
  <si>
    <t>台中今傳出首例施打高端疫苗後死亡的個案中央流行疫情指揮中心今天證實此個案為先前就已通報的案件是一名四十一歲的男性本身有高血壓、糖尿病、甲狀腺亢進病史9月6日死亡後已進行解剖但詳細結果不方便公</t>
  </si>
  <si>
    <t>死亡個案施打詳細解剖高端進行疫苗高血壓糖尿病甲狀腺男性案件首例結果中心今天通報病史中央疫情證實</t>
  </si>
  <si>
    <t>台中今傳出首例施打高端疫苗後死亡的個案中央流行疫情指揮中心今天證實此個案為先前就已通報的案件是一名四十一歲的男性本身有高血壓、糖尿病、甲狀腺亢進病史9月6日死亡後已進行解剖但詳細結果不方便公佈。
指揮中心發言人莊人祥表示該名台中男是在8月24日接種高端接種後出現心跳忽快忽慢、心悸等心臟不適症狀8月26日、28日、30日曾到急診就醫照X光發現有肺浸潤心電圖也顯示有竇性心搏過速經注射點滴後又返家休息。
莊人祥說個案9月5日沒有出現異狀但9月6日卻被家人發現叫不醒確定死亡當天已經司法相驗完成解剖但結果還不便對外公佈。
根據指揮中心提供的每週疫苗安全性監測我國目前共有235人在接種疫苗後死於心臟相關疾病但是卻沒有高端疫苗的單獨性資料。莊人祥表示目前只有不分廠牌的整體性資料沒有單獨為高端疫苗進行相關死亡個案的統計分析。</t>
  </si>
  <si>
    <t>疫苗個案死亡高端中心指揮沒有發現接種心臟目前進行莊人祥表示解剖結果出現相關公佈資料台中</t>
  </si>
  <si>
    <t>高端疫苗死亡個案莊人祥台中新冠肺炎</t>
  </si>
  <si>
    <t>莊人祥個案台中死亡疫苗肺炎高端</t>
  </si>
  <si>
    <t>去年此時我曾寫過一篇文章〈一月的啜泣〉當時新冠肺炎剛起中國疫情大爆發小年夜武漢封城接著是廣東、溫州都成重災區每天感染和死亡人數都增加3成以上搶口罩已成日常。那時還不知是否會蔓延世界而今世</t>
  </si>
  <si>
    <t>一月是否啜泣不知當時已成肺炎口罩以上中國增加疫情篇文章蔓延人數爆發死亡小年感染</t>
  </si>
  <si>
    <t>去年此時我曾寫過一篇文章〈一月的啜泣〉當時新冠肺炎剛起中國疫情大爆發小年夜武漢封城接著是廣東、溫州都成重災區每天感染和死亡人數都增加3成以上搶口罩已成日常。那時還不知是否會蔓延世界而今世界已染疫9230萬人是台灣的4倍人口死亡近200萬人兩者仍快速增加中。
2021年應該是個康復年不管個人、家庭、國家生活都應該是個節制年。表面上節制和現代價值觀（強調生命力一夕用盡只要我喜歡等）脫節其實中外智慧都看重節制。古希臘城邦鑒於權力容易使人腐化因此提倡4種美德：智慧、勇敢、正義、節制其中「節制」是平衡其他3項美德的重要特質。中國文化裡也強調節制不走極端中庸之道天下之大本也。孟子說：「人之情無節則流故長幼貴賤莫不為之節制。」
為什麼要節制？世局今年可能更急速崩壞世界目睹今年1月示威者長驅直入美國國會造成5死悲劇中國控制了8個月的疫情又再起台灣疫情算是控制得宜但蔡政府對萊豬進口及眾多政策的一意孤行比政黨輪替前國民黨的專制過之而無不及。
近來唯一的好消息是疫苗發展成功美國已有900萬人注射第1劑65歲以上的人這個月也可逐步施打預計7月可以達到2億人注射的目標。但兩劑疫苗最好保護力要達到90%。
2021年雖然展現希望但是仍然必須謹慎應付病毒乃至政治、社會、經濟各種局面。首先縱使打完疫苗仍然不能掉以輕心要戴口罩、保持社交距離綜合專家估計如果疫苗注射一切順利世界秩序也要到明年底才能恢復正常。
全世界仍在隔離中很多國家還加強了防疫措施最新美國還大力加強措施從1月26日起所有入境美國的航空旅客都必須提出新冠肺炎檢測陰性的證明。入境3天到5天內再檢查一次再實施5天的隔離。因此到國外旅行也是危機重重。
去年股票市場飛漲但實際經濟表現卻是負數最主要原因仍是各國為了紓困大撒鈔票全球去年投入約18兆美元救經濟幾乎等於美國全年GDP總額因此股票市場今年終將大幅調整此時投資者應該保守切勿追高。又因為貨幣寬鬆今年通貨膨脹率必然升高所以消費者也不要急著報復性消費非必需品可以延到明後年買都可以應要加強儲蓄。
世界經濟還有個危機是去年很多原本應該中立公平的機構紛紛跳下去救災如美國聯準會和各國中央銀行應該是獨立機構不能聽命總統及任何人以確保公正性但這些機構如被美國股市挾持他們不單買公債、ETF（指數型基金）還買個人及企業債購買的標的是哪些企業？購進準則是什麼？是否有公正機構評估都不能公開這些地雷將來都會一一被引爆。
兩岸關係更需要兩岸領導人節制大陸應減少派戰機騷擾台灣蔡政府也應謹慎發言訂定對陸友善政策辣台妹形象只能用在選舉一時不能長期使用。</t>
  </si>
  <si>
    <t>節制美國應該經濟不能疫苗機構世界中國今年去年臺灣可以注射政策疫情入境股票市場謹慎</t>
  </si>
  <si>
    <t>機構疫苗美國肺炎台灣</t>
  </si>
  <si>
    <t>疫苗臺灣肺炎機構美國</t>
  </si>
  <si>
    <t>市場關注文曄</t>
  </si>
  <si>
    <t>IC通路商文曄（3036）2019年全年淨利253億元每股盈餘（EPS）432元董事會通過盈餘分配案預計提撥現金股利1645億元若以目前在外流通普通股數計算每股現金股利278元亦改寫四年來新高若以14日收盤價38</t>
  </si>
  <si>
    <t>股利現金全年淨利改寫分配計算預計提撥股數在外目前普通流通新高eps董事會通路商ic收盤價</t>
  </si>
  <si>
    <t>IC通路商文曄（3036）2019年全年淨利253億元每股盈餘（EPS）432元董事會通過盈餘分配案預計提撥現金股利1645億元若以目前在外流通普通股數計算每股現金股利278元亦改寫四年來新高若以14日收盤價3825元計算初估現金殖利率逾7％。
文曄2月15日召開董事會通過109年度股東常會議案預計於3月27日開股東常會而會中除了盈餘分配案之外將新增一名獨立董事同時也計畫辦理私募17億股是否為稀釋大聯大股權引發市場聯想空間。
為提升營運績效及擴大營運規模文曄擬辦理私募特別股與普通股藉以引進長期策略投資人對象需符合可協助強化公司客戶結構、產品組合及市場行銷能力條件而目前尚無任何特定對象。
此外為充實營運資金、償還銀行借款、改善財務結構也擬辦理現金增資同時私募和現增合計不超過17億股。增資案需經股東常會通過將依營運需求決定是否發行、發行時間點及實際金額數量。
值得一提的是目前IC通路龍頭大聯大持有文曄約177億股持股比重三成左右。文曄擬私募和現增約17億股假設順利達成目標大聯大持股比重將降至兩成三因此有市場專家解讀文曄此舉所為稀釋大聯大股權以強化公司股東結構。對此大聯大不表示意見。
再者文曄為提升公司治理董事會新增一席獨董候選人丁克華其不僅在政治大學EMBA開授公司治理課程亦曾任證期會、集保公司、櫃買中心董事長與金管會主委現任台灣高鐵與華安醫學獨董目前資格條件已經董事會審查將提請股東常會選任。
近期新冠肺炎肆虐全球文曄認為疫情或將加速供應鏈轉移與分散的趨勢IC通路業的重要性不言而喻尤其5G和人工智慧（AI）將帶動半導體中長期龐大商機此番新增獨董、辦理私募及現增等是為創造長期股東利益最大化。</t>
  </si>
  <si>
    <t>文曄股東公司目前現金董事會聯大營運常會新增市場辦理ic對象獨董通路計算長期</t>
  </si>
  <si>
    <t>現增私募普通股獨董億股</t>
  </si>
  <si>
    <t>普通股獨董</t>
  </si>
  <si>
    <t>本土地區高風險大陸</t>
  </si>
  <si>
    <t>經過一個多月的抗疫大陸28日本土病例「零新增」新增的33例病例均為境外輸入病例。目前大陸僅剩1地為高風險地區另有17個中風險地區。據大陸國家衛健委通報大陸28日新增境外輸入病例包括雲南17例、上海5例、天</t>
  </si>
  <si>
    <t>大陸病例新增境外輸入地區高風險僅剩目前本土風險包括國家個中衛健通報雲南上海</t>
  </si>
  <si>
    <t>經過一個多月的抗疫大陸28日本土病例「零新增」新增的33例病例均為境外輸入病例。目前大陸僅剩1地為高風險地區另有17個中風險地區。
據大陸國家衛健委通報大陸28日新增境外輸入病例包括雲南17例、上海5例、天津4例、廣東3例、江蘇2例、福建和四川各1例；另新增20名無症狀感染者均為境外輸入。目前大陸有1259名患者留院治療其中9人為重症病例。
前陣子疫情嚴峻的河南省商丘市虞城縣人民醫院東院區、虞城縣穀熟鎮劉大莊村委何莊村自29日淩晨開始疫情風險等級由高風險地區調整為中風險地區。
據微信公眾號「雲南發布」消息雲南省委副書記、省長王予波27日至28日率隊到近日再出現本土疫情的雲南瑞麗市檢查疫情處置工作並強調必須兌現「迅速清零且不講條件不講價錢」。據統計瑞麗市25日新增3例本土病例、27日新增1例本土病例。
而大陸本輪疫情的爆發源頭南京祿口機場日前經江蘇省政府同意南京市疫情聯防聯控指揮部成立「祿口機場地區新冠肺炎疫情聯防聯控指揮部」受南京市疫情防控指揮部統一領導。江蘇省委常委、南京市委書記韓立明表示回顧此次疫情的發生和處置無論經驗和教訓都告訴大家必須發現早、處置快需「以快制快」做到一旦出現從0到1的零星散發病例也能杜絕從1到100的擴散。
此外28日晚間中國紅十字會向泰國紅十字會援助的10萬劑大陸國藥疫苗運抵泰國首都曼谷。中國紅十字會稱新冠肺炎疫情發生以來中泰兩國共克時艱、守望相助此次向泰國援助的疫苗將支持泰國有效展開疫情防控、維護泰國人民生命健康安全並表示希望通過提供疫苗援助不斷為全球團結協作戰勝疫情作出新貢獻。</t>
  </si>
  <si>
    <t>疫情大陸病例泰國地區雲南處置疫苗援助新增風險表示必須機場本土書記出現發生指揮部境外中國紅十字會輸入瑞麗市防控高風險</t>
  </si>
  <si>
    <t>大陸疫苗雲南日新增處置</t>
  </si>
  <si>
    <t>雲南疫苗新增大陸處置</t>
  </si>
  <si>
    <t>買家被迫油井</t>
  </si>
  <si>
    <t>受新冠肺炎肆虐導致全球能源消費銳減加上沙烏地阿拉伯與俄羅斯為爭奪市占、大舉向市場傾銷石油北美石油生產商在苦無買家下被迫關閉油井。面臨取消的訂單不斷增加美國石油業者Texland Petroleum最近決定關閉旗</t>
  </si>
  <si>
    <t>關閉石油肆虐導致全球能源消費銳減petroleum加上沙烏地阿拉伯texland大舉俄羅斯爭奪石油業美國肺炎增加買家不斷被迫訂單取消</t>
  </si>
  <si>
    <t>受新冠肺炎肆虐導致全球能源消費銳減加上沙烏地阿拉伯與俄羅斯為爭奪市占、大舉向市場傾銷石油北美石油生產商在苦無買家下被迫關閉油井。
面臨取消的訂單不斷增加美國石油業者Texland Petroleum最近決定關閉旗下1211口油井為5月的停產行動預做準備。
位於德州、每日產能為7千桶的Texland總裁魏克思（Jim Wilkes）表示他們過去從未做過這樣決定。自1973年來曾多次度過石油危機的該公司表示「即使價格很低我們總有辦法賣出石油。」
但如Texland卻撐不下去了！由於開採的石油找不到任何買家導致關閉油井已成為它惟一的選擇。該公司目前除了把該決定告知主管機關還向美國中小企業局的薪資保護計劃申請貸款以確保73名員工不被裁員。
從西德州西部沙漠到加拿大西部荒野這些地區以往是北美的石油開採的心臟地帶。如今卻因新冠肺炎影響導致全球能源需求大幅下滑此時又遭遇沙俄為搶奪市場相繼增產導致北美石油開採業者陷入存亡關頭。
隨著工廠關閉、飛機停飛與數十億民眾居家避疫分析師預期石油消費每日至少減少2千萬桶約占全球需求兩成。
美國能源署指出4月初美國石油消費下滑兩成到30年低點。該期間時油庫存增加則創下有史來最大單周紀錄。
在生存處境日益艱難下減產成為美國石油業者被迫採取的措施。據貝克休斯油田服務公司統計美國開採油井數目已從一個月前的近8百座減至6百座。</t>
  </si>
  <si>
    <t>石油美國關閉導致油井決定消費texland開採全球北美德州表示增加公司下滑被迫成為市場石油業</t>
  </si>
  <si>
    <t>美國石油業全球能源肺炎被迫百座</t>
  </si>
  <si>
    <t>肺炎能源石油業全球被迫美國</t>
  </si>
  <si>
    <t>cppcr檢測克雷多生</t>
  </si>
  <si>
    <t>新加坡商克雷多生醫（Credo Diagnostics Biomedical Pte Ltd）專注於傳染性疾病定點照護檢測方案在新冠肺炎疫情爆發兩個月內完成克雷多微特COVID-19檢驗試劑（VitaPCR SARS-CoV-2 Assay）研發子公司「泉創生醫</t>
  </si>
  <si>
    <t>credodiagnostics子公司研發biomedicalassayptesars-cov-ltdvitapcr專注試劑傳染性檢驗疾病covid-定點克雷多檢測完成方案爆發</t>
  </si>
  <si>
    <t>新加坡商克雷多生醫（Credo Diagnostics Biomedical Pte Ltd）專注於傳染性疾病定點照護檢測方案在新冠肺炎疫情爆發兩個月內完成克雷多微特COVID-19檢驗試劑（VitaPCR SARS-CoV-2 Assay）研發子公司「泉創生醫」位於新北市汐止區為主要生產製造基地。
克雷多生醫副總高章琦表示：「定點檢測對於防堵COVID-19疫情擴散意義重大目前實驗室的核酸檢測系統普遍最快六小時能產出結果克雷多微特PCR分析儀（VitaPCR Instrument）僅需20分鐘即可完成大幅減少等待的時間。」
高章琦說集團成立的宗旨是希望將先進的醫療科技大眾化至今布建到全球各地的機器超過5千台試劑售出有數百萬劑。
克雷多生醫針對流感推出第一個產品不久新冠肺炎疫情即爆發。在王泉仁董事長的召集下公司團隊迅速研發出全新產品。
克雷多微特PCR分析儀快速、準確、輕便檢測套組內含具滅活病毒的樣本保存裂解液可室溫保存的PCR反應試劑及系統包含資料管理功能…等超高CP值獲得業界高度肯定。
高章琦認為一路走來團隊付出極大的努力品牌的成功絕非偶然。該集團秉持助人為本的初衷於今年5月臺灣疫情爆發時與善心人士合作捐贈慈濟醫院、桃園地區醫院等共約2000劑以上的試劑。
克雷多生醫於今年上半年完成產能擴張目前以發展歐洲市場為主美國FDA認證規劃中也計畫探索日本、台灣、中國和中南美市場。據悉未來將持續聚焦傳染性疾病檢測方案導入多種標的增加產品面向並透過佈建更多機台到世界各地強化品牌認知。</t>
  </si>
  <si>
    <t>檢測試劑克雷多生疫情產品完成pcr爆發集團市場克雷多臺灣團隊系統章琦目前今年研發covid-傳染性定點品牌</t>
  </si>
  <si>
    <t>多生保存肺炎PCR高章</t>
  </si>
  <si>
    <t>肺炎高章pcr保存</t>
  </si>
  <si>
    <t>疫苗陳時中到貨bnt</t>
  </si>
  <si>
    <t>台積電、鴻海及慈濟近日完成購買BNT疫苗傳出最近就會進貨中央流行疫情指揮中心指揮官陳時中表示（BNT）疫苗很有可能會來但時間與劑量還不明確疫苗是很多人的努力無論是民間或政府等努力大家都全力協助</t>
  </si>
  <si>
    <t>疫苗bnt努力近日完成政府購買明確民間指揮時間慈濟中心劑量疫情流行中央進貨傳出指揮官陳時中最近表示可能</t>
  </si>
  <si>
    <t>台積電、鴻海及慈濟近日完成購買BNT疫苗傳出最近就會進貨中央流行疫情指揮中心指揮官陳時中表示（BNT）疫苗很有可能會來但時間與劑量還不明確疫苗是很多人的努力無論是民間或政府等努力大家都全力協助進展順利。
陳時中強調藥物、疫苗都有複雜的程式需要一步一步完成雖然說有既定時程在但還是要一步一步完成。
另陳時中表示第七輪疫苗打AZ的可能性相對的高但詳情還是要看這幾天疫苗到貨的情況。
陳時中表示現在疫苗確實到貨的會比較多多的時候到底要保留多少比例打第一劑和第二劑我們也在精算要和未來到貨的時間能夠匹配。媒體追問近期將到貨的疫苗廠牌為何他僅表示「要進來的廠牌都是我們現在有簽約的廠牌」。
有安親班老師反映快要開學了但仍沒有疫苗可打陳時中表示我想每一個行業都有重要性當然現在一到十類對象已經安排相當程度的接種接下來目標是往年齡層來開放。
陳時中說青年人活動力強而且是社會的主要生產力他們也需要保護目標是往年齡層盡量往下延伸是我們現在的主要目標但不排除因為疫情關係有一些風險的族群會加強第一劑或第二劑的施打。
他也提醒已接種第一劑、正在等待第二劑的民眾請盡快到公費疫苗預約平臺登記；至於第一線醫護人員混打目前則採取造冊方式。</t>
  </si>
  <si>
    <t>疫苗表示現在到貨目標時中完成陳時中接種疫情時間bnt需要往年目前</t>
  </si>
  <si>
    <t>BNT疫苗陳時中時間劑量</t>
  </si>
  <si>
    <t>疫苗劑量bnt陳時中時間</t>
  </si>
  <si>
    <t>下限嬰幼兒年齡取消學生都可投保疫苗</t>
  </si>
  <si>
    <t>BNT疫苗最快9月登臺國內施打疫苗年齡可望降至12歲產險公司超前部署多家產險公司陸續下修疫苗險投保年齡國泰、和泰、新安東京海上產險等抱持防疫不設限態度已進一步取消投保年齡下限不論學生、嬰幼兒身</t>
  </si>
  <si>
    <t>年齡產險疫苗投保公司施打取消設限進一步態度防疫可望陸續海上東京國泰新安登臺下限國內</t>
  </si>
  <si>
    <t>BNT疫苗最快9月登臺國內施打疫苗年齡可望降至12歲產險公司超前部署多家產險公司陸續下修疫苗險投保年齡國泰、和泰、新安東京海上產險等抱持防疫不設限態度已進一步取消投保年齡下限不論學生、嬰幼兒身分現在都買得到疫險。
據金管會統計廣義防疫險（含疫苗險）投保率已突破4成但保單設計初期配合施打年齡的關係投保年齡多限制20至75歲；新安東京海上產險副總呂文泉表示新冠肺炎有流感化的趨勢隨疫苗不斷進化未來小孩、老人都得優先施打。
疫苗險保費平易近人保費多只要100、200元旺旺友聯產險針對小資族推出年保費只要81元的疫苗險。
既然保費便宜和泰產險個人保險處顏思齊副總經理表示最好一次滿足各年齡層搞定全家老小的保障和泰產險不僅取消疫苗險的投保年齡下限也同步提高投保年齡上限至85歲即開放為0歲至85歲皆可投保疫苗險。
由於疫苗險一年一保由於疫苗施打採預約制旺旺友聯產險建議待疫苗確定施打日期的前2、3天自行上網投保即可由於投保手續簡單隔日保單就生效。</t>
  </si>
  <si>
    <t>疫苗產險投保年齡施打表示保單保費防疫取消下限海上友聯東京新安公司肺炎感化趨勢不斷</t>
  </si>
  <si>
    <t>泰產險疫苗下限取消投保年齡</t>
  </si>
  <si>
    <t>下限取消疫苗投保產險年齡</t>
  </si>
  <si>
    <t>盤整持續資金-q青睞觀盤陸港內需</t>
  </si>
  <si>
    <t>受到油價崩跌流動性風險以及新冠肺炎疫情於歐美地區快速蔓延的影響3月份中國滬深300以及創業板指數均下跌9％～12％且基於海外疫情以及流動性風險影響歐美地區經濟成長率中國股市以內需如民生消費以及基礎建</t>
  </si>
  <si>
    <t>中國流動性風險歐美地區疫情影響內需股市民生成長率指數創業下跌%~經濟海外月份肺炎蔓延快速消費</t>
  </si>
  <si>
    <t>受到油價崩跌流動性風險以及新冠肺炎疫情於歐美地區快速蔓延的影響3月份中國滬深300以及創業板指數均下跌9％～12％且基於海外疫情以及流動性風險影響歐美地區經濟成長率中國股市以內需如民生消費以及基礎建設相關的板塊表現較佳。
流動性風險方面3月以來因為油價崩跌以及新冠肺炎疫情市場波動性加大對沖基金股債雙賣導致金融市場的波動促使美國聯準會（FED）降息以及3月23日一口氣公佈如針對貨幣市場的貨幣市場基金（MMF）針對企業債券以及貸款的初級市場企業信用機制（PMCCF）、次級市場企業信用機制（SMCCF）等提供市場充裕流動性。
但是若觀察TED利差的變化趨勢雖然於3月23日聯準會無上限QE政策推出後TED利差不再大幅擴大但是3月27日後半周又呈現擴大趨勢顯示雖有政策支持但是後續流動性風險還需要持續觀察。
其次新冠肺炎疫情方面歐美國家多數於3月10日開始實施較為嚴格的管控措施可以看到義大利約於3月20日新增確診高峰1萬後近期約維持每天新增6000病例的水準。美國如紐約或是加州採取嚴厲的管制措施約晚歐洲國家1～2周時間依此推算這些區域可望於4月上旬達到新增確診高峰。但是還需要留意美國其他如密西根或是紐澤西等地的感染速度。另外發展中國家如巴西或是印度醫療資源相對缺乏目前處於疫情傳染初期後續發展也是值得注意。
值此之際市場的好消息難能可貴中國在瑞德西韋（Remdesivir）藥物的臨床可望於4月解盲根據同情用藥資料顯示初步效果良好。而新冠肺炎疫苗3月已經有Moderna以及中國軍醫院腺病毒團隊進行一期實驗由於該中國團隊過去曾經運用腺病毒開發出埃博拉疫苗技術相對成熟預估六個月後完成一期臨床後續若進度良好可望對於預防新冠肺炎有比較大的幫助。
觀察新冠疫情對於經濟的衝擊中國截止3月29日為止復工進度已經達到84％3月份PMI也重回50。根據中國券商估算因為受到新冠肺炎停工影響第一季GDP成長率可能衰退8％～9％但是因為3月27日中共中央政治局會議提出特別國債以及適度提高赤字率的想法預估2020年中國基礎建設投資成長率可望超過10％於後續幾季對沖新冠肺炎以及海外經濟衰退對於中國影響性。
綜合上述短期海外疫情雖歐美新增確診陸續見到高峰但是因為歐美醫療資源相對齊備若傳播到醫療資源薄弱的新興市場地區於疫苗尚未上市的前提下新冠肺炎對於全球經濟的影響性還無法確認因此第二季整體市場還是處於盤整階段且資金偏好內需營收比重較高的產業如食品飲料或是與基礎建設相關的產業。</t>
  </si>
  <si>
    <t>中國市場肺炎疫情流動性後續可望影響美國疫苗風險相對成長率觀察高峰醫療新增對於資源基礎</t>
  </si>
  <si>
    <t>後續中國肺炎內需觀察</t>
  </si>
  <si>
    <t>肺炎後續中國觀察內需</t>
  </si>
  <si>
    <t>研究關鍵重症肺炎患者情形</t>
  </si>
  <si>
    <t>新冠肺炎從大陸武漢爆發後重創歐洲科學家對於新冠肺炎病毒陸續有了更多的發現根據英國研究顯示有765%的重症患者體重過胖警告2/3的英國人都屬於新冠肺炎的高風險群！根據英國「威廉李德商業媒體集團」旗下的</t>
  </si>
  <si>
    <t>英國肺炎商業威廉李德高風險警告重症重創體重患者顯示媒體歐洲爆發武漢科學家對於病毒陸續於新冠都屬研究</t>
  </si>
  <si>
    <t>新冠肺炎從大陸武漢爆發後重創歐洲科學家對於新冠肺炎病毒陸續有了更多的發現根據英國研究顯示有765%的重症患者體重過胖警告2/3的英國人都屬於新冠肺炎的高風險群！
根據英國「威廉李德商業媒體集團」旗下的《美食導航者》（Food Navigator）報導英國保健署（National Health ServiceNHS）19日的統計顯示在196名確診新冠肺炎的重症患者中有57名女性、139名男性平均年齡64歲其中已確認23名患者在染病前日常生活需要他人給予某種程度上的協助155名可以完全自理生活。
在196例的患者當中有56例的身體質量指數(BMI)為25到39958例BMI指數為30到39913例BMI指數為40以上佔所有重症患者的64%。按照英國NHS公佈的BMI標準BMI185到249是健康體重25到299代表超重30到399代表肥胖40以上代表嚴重肥胖。
研究顯示肥胖代表病患可能面臨嚴重併發症且身體會提高免疫力抵抗相關炎症結果反而沒有餘力對抗病毒同時肺部無法舒張、吸入氧氣因此肺部的狀況往往會迅速惡化；此外由於BMI值超過40的重度肥胖者多數也同時罹患了嚴重的肥胖肺換氣不足綜合症睡覺時肺部換氣不足甚至有阻塞性睡眠呼吸暫停、平時呼吸困難等症狀染疫後病情將更加嚴重。包括美國心臟病學會專家也一致認為冠狀動脈疾病患者對於「病毒性呼吸道感染症」的急性發作或重症發作的風險都會增加。</t>
  </si>
  <si>
    <t>患者英國嚴重重症肺炎bmi肺部顯示病毒對於身體肥胖nhs體重代表以上不足換氣研究</t>
  </si>
  <si>
    <t>BMI英國研究新冠肺炎體重重症患者</t>
  </si>
  <si>
    <t>肺炎研究體重重症英國bmi患者</t>
  </si>
  <si>
    <t>路徑接觸掌握旅遊持續日本公佈</t>
  </si>
  <si>
    <t>中央流行疫情指揮中心今(29)日表示針對昨(28)日公佈之案33衛生單位進一步調查其日本旅遊期間(17至22日)之行程其中2月17日於富山縣高山18日於岐阜縣高鷲滑雪公園19日於富山縣並搭乘JR雷鳥特急號(金澤至大阪</t>
  </si>
  <si>
    <t>富山中心雷鳥jr搭乘進一步衛生單位日本調查指揮特急表示公佈旅遊岐阜公園期間行程滑雪疫情金澤至高山</t>
  </si>
  <si>
    <t>中央流行疫情指揮中心今(29)日表示針對昨(28)日公佈之案33衛生單位進一步調查其日本旅遊期間(17至22日)之行程其中2月17日於富山縣高山18日於岐阜縣高鷲滑雪公園19日於富山縣並搭乘JR雷鳥特急號(金澤至大阪)20日於大阪環球影城21日及22日於大阪市區。目前已掌握個案之同團旅客、同住友人及職場接觸者共67人其中3人有症狀已住院隔離採檢其餘將進行14天居家隔離並陸續安排採檢。
指揮中心統計昨(28)日國內新增11例嚴重特殊傳染性肺炎通報個案目前累計通報2105個案包含今日新增確診的5名確診39例、2050名排除餘隔離檢驗中。
指揮中心指揮官神中表示目前確診個案中1名死亡、9名出院、其餘個案持續住院中針對案27群聚事件截至目前已掌握接觸者816人並採檢182人其中案28至32等5人呈陽性、171人陰性其餘檢驗中。另鑽石公主號19名返台國人持續於集中檢疫所密切觀察健康情形。</t>
  </si>
  <si>
    <t>目前個案指揮隔離中心持續新增檢驗富山確診掌握表示接觸於大阪檢疫所通報集中</t>
  </si>
  <si>
    <t>新冠肺炎武漢肺炎新型冠狀病毒台灣採檢</t>
  </si>
  <si>
    <t>肺炎冠狀武漢臺灣病毒</t>
  </si>
  <si>
    <t>登記漏洞工程師成功國家真的az打過</t>
  </si>
  <si>
    <t>疫苗預約系統有漏洞！一名男網友已經打完2劑疫苗但還是可以登記疫苗接種意願這樣的狀況讓他忍不住吐槽貼文引起網友熱議不少人狠酸原PO讓他委屈直呼身為工程師看到系統漏洞點出來說結果被酸爆國家真</t>
  </si>
  <si>
    <t>網友疫苗結果點出系統漏洞已經工程師看到身為意願狀況委屈忍不住引起po漏洞打完</t>
  </si>
  <si>
    <t>疫苗預約系統有漏洞！一名男網友已經打完2劑疫苗但還是可以登記疫苗接種意願這樣的狀況讓他忍不住吐槽貼文引起網友熱議不少人狠酸原PO讓他委屈直呼身為工程師看到系統漏洞點出來說結果被酸爆國家真的病了系統本是為了降低人力負擔而存在所以理應排除不符資格者現在無差別接受所有的輸入再人工篩掉不合資格者這樣豈不是脫褲子放屁？
一名男網友昨天在Dcard上發文表示他已經打完兩劑AZ疫苗了剛剛朋友傳訊息來說「18歲以上的民眾」也可以登記疫苗施打意願讓他非常好奇忍不住點進去系統看後便再也擋不住心中調皮的想法「那我是不是也可以登記到嗎？」
男網友表示實際進入系統驗證身分後竟然還真的讓他登記成功了。這樣的狀況也讓他忍不住吐槽「不愧是日本人推崇的天才IT大臣六月就宣佈做好到現在起碼一個月了先前還在外島封測過只能說政府好棒棒是不是想讓我打四劑疫苗？」
男網友指出如果一套自動化系統還沒有辦法排除最基本的差異而是無差別的接受所有的輸入那這套系統基本上是沒辦法減少人力作業的。
貼文引發網友討論不少人替政府緩頰說登記意願和可以預約是兩回事成功登記意願不見得會收到簡訊通知就好像人人都可以申請紓困但不是所有人都會核過領到錢。「看到你在那邊調皮真的是有夠浪費社會資源」。
但也有網友看了很認同原PO認為系統明顯存在漏洞而系統的存在應是降低人力負擔所以對於不符合資格的人理應進行排除如果還要事後依靠人力進行核對排除那並不符合這套系統的設立初衷且大家也不要說這系統只是「意願登記」而已畢竟政府發送預約登記簡訊的名單就是從意願登記名單中抽取的不是嗎？
原PO也在留言處表示身為一位元工程師看到系統就職業病發作結果點出問題嘲諷就被嘴爛讓他大呼「這國家真的是病了！」如果這個狀況換到私人企業他不相信有哪個老闆可以接受這樣的結果明明給了員工足夠的時間與資金結果卻弄出一個功能不全的程式。如果當下不踢掉事後再排除那為什麼要成功登記意願呢？根本是脫褲子放屁。</t>
  </si>
  <si>
    <t>系統網友登記可以意願排除結果疫苗人力表示po看到接受政府資格真的成功狀況預約忍不住</t>
  </si>
  <si>
    <t>疫苗預約系統新冠肺炎台灣漏洞工程師</t>
  </si>
  <si>
    <t>肺炎系統臺灣漏洞預約工程師疫苗</t>
  </si>
  <si>
    <t>事件時中富特坦言一跤回顧</t>
  </si>
  <si>
    <t>新冠肺炎疫情延燒近2年疫情中心指揮官陳時中昨回顧抗疫經過坦言在部立桃園醫院、諾富特飯店造成的社區傳播時「跌了一跤」短時間內確診數破萬但靠著醫護人員的努力守下。近期疫情趨緩昨國內本土再度0確診</t>
  </si>
  <si>
    <t>疫情確診中心指揮官飯店造成富特社區傳播醫院桃園陳時中回顧一跤坦言時間</t>
  </si>
  <si>
    <t>新冠肺炎疫情延燒近2年疫情中心指揮官陳時中昨回顧抗疫經過坦言在部立桃園醫院、諾富特飯店造成的社區傳播時「跌了一跤」短時間內確診數破萬但靠著醫護人員的努力守下。近期疫情趨緩昨國內本土再度0確診新增2名境外移入個案另前天被列為本土個案的印尼女子昨經檢測研判為偽陽性排除感染、改列空號。
陳時中昨出席醫師節頒獎典禮時表示過去2年疫情嚴峻醫界義無反顧把全體能量拿出來防疫穩定民心並創造連續252天0本土奇蹟但後來部桃、諾富特飯店造成的社區傳播「我們跌了一跤」並在短時間內出現1萬4000多名確診靠著醫護人員努力才能清零守下接下年底及過年前還有一波挑戰等著大家。
面對疫情趨緩陳時中表示大家都非常高興出席活動前他看到飯店大廳滿滿是人「我很高興也有點害怕」接下來邊境開放要靠醫生找出個案、篩檢出病人萬一出現疫情指揮中心也參考今年5月的經驗擬訂急速動員、應變、救援、轉診等計畫都有在安排。
至於國內疫情部分昨本土再度0確診新增2名境外移入個案分別自美國、印尼入境。前天國內新增的1例印尼籍本土個案雖曾檢出陽性但Ct值達40且接種過疫苗。經二、三採都是陰性7接觸者採檢也是陰性疫情中心發言人莊人祥宣佈印尼女子個案排除感染、列空號接觸者可解除隔離。截至目前為止國內共累計1萬6438例確診病例847例死亡。</t>
  </si>
  <si>
    <t>疫情個案本土國內確診印尼中心飯店出席陽性出現表示陳時中接觸女子新增</t>
  </si>
  <si>
    <t>本土個案陳時中跌了一跤排除感染疫情</t>
  </si>
  <si>
    <t>一跤排除陳時中感染個案本土疫情</t>
  </si>
  <si>
    <t>陳以信應戴電子隔離居家</t>
  </si>
  <si>
    <t>今日新國會開議國是論壇首先登場。國民黨立委陳以信表示防疫視同作戰為落實居家隔離、檢疫應於「嚴重特殊傳染性肺炎防治及紓困振興特別條例」中增列科技監控的法律授權並經由法院審查加強管制接受居家隔</t>
  </si>
  <si>
    <t>居家國是論壇首先登場國民黨加強法院審查授權陳以信法律表示監控開議科技增列防疫條例視同特別振興紓困作戰防治肺炎落實</t>
  </si>
  <si>
    <t>今日新國會開議國是論壇首先登場。國民黨立委陳以信表示防疫視同作戰為落實居家隔離、檢疫應於「嚴重特殊傳染性肺炎防治及紓困振興特別條例」中增列科技監控的法律授權並經由法院審查加強管制接受居家隔離、檢疫者也保障人權。
陳以信認為行政院提出的紓困方案是為防疫作戰加添子彈國人都會支持他也對該條例表示肯定。然而當前的特別條例仍有美中不足之處呼籲朝野黨團於協商時能夠針對居家隔離的管制方式採納新提出的修正建議。
陳以信表示行政院版草案中沒有對於居家隔離、檢疫首予科技設備監控的法律授權草案的第十三條規範對於居家隔離卻到處趴趴走的人處以兩年以下有期徒刑的刑責刑責本身非常的重但對於心存僥倖、很「皮」或刻意違反規定者這樣的罰則仍然不足以周全地管制其行為。
陳以信指出各縣市近日已有數十例因為違反居家隔離的案例遭到開罰。因此針對刻意違反規定者應該加強立法規範因此他具體建議應在現行條例中增加科技監控的法律授權。
陳以信補充立法時也必須保護接受居家隔離、居家檢疫者的基本人權根據大法官釋字第588號、第690號解釋文當中要求電子監控的實施必須要有法院為事前的審查。他具體建議於現行「嚴重特殊傳染性肺炎防治及紓困振興特別條例」草案中增列第十三條之一：「對於受指定隔離治療機構施行隔離治療、居家隔離與檢疫者得經法院許可後隔離期間對其實施科技設備監控。」他強調只有使用電子設備加強監控不遵守隔離檢疫、隔離者才能有效避免疫情的擴散。</t>
  </si>
  <si>
    <t>隔離居家檢疫監控對於條例表示建議加強法院科技草案紓困授權防疫作戰法律必須立法設備規範特別實施</t>
  </si>
  <si>
    <t>居家隔離監控立委陳以信國民黨</t>
  </si>
  <si>
    <t>監控隔離陳以信居家國民黨</t>
  </si>
  <si>
    <t>悲痛學生停課肺炎高中北部殺人</t>
  </si>
  <si>
    <t>新冠肺炎疫情延燒北市某高中因出現2名確診病例宣佈全校停課至27日。該學校一名學生在論壇上PO文表心聲：「不只肺炎會殺人」控訴綠媒不實報導直說「病毒恐怖 某些媒體更恐怖」。一名網友在匿名論壇《Meteor</t>
  </si>
  <si>
    <t>肺炎論壇恐怖直說高中報導北市出現不實確診病例宣佈全校控訴停課殺人學校學生心聲po疫情</t>
  </si>
  <si>
    <t>新冠肺炎疫情延燒北市某高中因出現2名確診病例宣佈全校停課至27日。該學校一名學生在論壇上PO文表心聲：「不只肺炎會殺人」控訴綠媒不實報導直說「病毒恐怖 某些媒體更恐怖」。
一名網友在匿名論壇《Meteor》PO文表示自己是停課當校學生近期都必須面對媒體大陣仗在校門口站崗的畫面他說「這是你們的工作 我尊重」但表示有某些媒體站在外面好幾個小時也罷不僅跟學生搭話訪問還會嗆聲。原PO不滿說「這陣子穿著外套要忍受多少歧視你們追了一篇新聞寫了一篇報導換來的是世俗對我們的銳利眼光病會好但外人對我們的觀感很難改變病毒恐怖某些媒體更恐怖」。
原PO表示前幾日有綠媒報導確診高中生是熱舞社還PO文炫耀自己得病但當事人跟熱舞社根本沒關聯也沒接觸更沒有炫耀自己得病卻因這篇報導導致熱舞社同學遭異樣眼光對待致電反應後電視台卻表示不會撤下影片會在當天節目說明但節目上卻用「不用管他是什麼社團」輕輕帶過。
原PO更貼出一系列照片砲轟另一家綠媒「什麼叫作秀」控該媒體記者鏡頭前口罩戴好戴滿一離開鏡頭卻立刻拔掉口罩。
原PO文末表示他知道高中確診肺炎大家人心惶惶校內也有不少人相當憤慨這也是無法反駁的還是祝大家平安健康。</t>
  </si>
  <si>
    <t>po媒體表示報導肺炎確診學生眼光恐怖高中停課口罩炫耀鏡頭</t>
  </si>
  <si>
    <t>新冠肺炎綠媒高中媒體學生</t>
  </si>
  <si>
    <t>高中肺炎媒體學生</t>
  </si>
  <si>
    <t>有空中央侯友宜校正作業回歸抱怨速度加快確診</t>
  </si>
  <si>
    <t>本土疫情嚴峻新北本土確診病例今增加177人校正回歸146人。新北市長侯友宜今招開應變會議時表示校正回歸從22日至今已有6天幾乎每天都在校正回歸但許多確診者都來抱怨稱接獲確診速度太慢地方作業有空窗</t>
  </si>
  <si>
    <t>確診回歸校正新北速度地方都來病例表示招開應變會議侯友宜市長作業本土抱怨增加有空</t>
  </si>
  <si>
    <t>本土疫情嚴峻新北本土確診病例今增加177人校正回歸146人。新北市長侯友宜今招開應變會議時表示校正回歸從22日至今已有6天幾乎每天都在校正回歸但許多確診者都來抱怨稱接獲確診速度太慢地方作業有空窗期。對此「拜託中央要快一點」侯友宜也當場呼籲在速度分析上校正回歸很難有依據盼中央在校正回歸速度上加快。</t>
  </si>
  <si>
    <t>校正回歸確診速度中央侯友宜新北有空作業對此地方病例表示都來當場招開</t>
  </si>
  <si>
    <t>校正回歸侯友宜確診者作業空窗期</t>
  </si>
  <si>
    <t>確診侯友宜作業回歸校正</t>
  </si>
  <si>
    <t>單潮mosfet喜迎</t>
  </si>
  <si>
    <t>居家辦公、遠端教育帶起的PC風潮將一路延伸到第三季連帶讓金氧半場效電晶體（MOSFET）需求同步大增不過供應鏈透露國際IDM大廠因疫情影響產能仍未完全恢復使訂單出現移轉至傑力（5299）、大中（6435）、尼克</t>
  </si>
  <si>
    <t>教育帶起出現pc訂單風潮完全恢復延伸仍未產能影響連帶疫情大廠轉至idm國際透露電晶體供應</t>
  </si>
  <si>
    <t>居家辦公、遠端教育帶起的PC風潮將一路延伸到第三季連帶讓金氧半場效電晶體（MOSFET）需求同步大增不過供應鏈透露國際IDM大廠因疫情影響產能仍未完全恢復使訂單出現移轉至傑力（5299）、大中（6435）、尼克森（3317）及富鼎（8261）等MOSFET廠使吃下轉單潮的MOSFET廠第三季接單仍相當暢旺。
新冠肺炎使居家辦公、遠端教育幾乎成為全球發展趨勢連帶讓PC、筆電需求自第二季開始大幅成長目前看起來疫情尚未平息將可望使PC、筆電訂單一路旺到第三季。
由於第三季仍舊可望迎來PC、筆電傳統旺季因此系統廠紛紛開始對各項零組件啟動備貨需求不過其中MOSFET供給已經從原先國際IDM大廠主力供貨轉向成為台灣MOSFET廠為主要供應來源。
供應鏈表示原因在於新冠肺炎對歐洲及東南亞等地造成重大衝擊政府不得不祭出停工雖然目前國際IDM廠產能已逐步恢復但交期相較過去仍明顯沿長舉凡英飛淩（Infineon）、安森美（ON Semi）及意法半導體（ST）等國際IDM廠的MOSFET產能仍至少在15周之上。
在國際IDM大廠交期明顯沿長情況下系統廠訂單在第二季就將MOSFET訂單移轉至傑力、大中、尼克森及富鼎等。供應鏈透露台灣由於新冠肺炎並沒有造成太大影響因此功率半導體晶圓代工廠仍維持全產能正常運作因此在需求大增下近期已經接獲傑力、大中等MOSFET廠的追單需求顯示MOSFET市場需求依舊暢旺。
傑力公告5月合併營收達188億元、月增11％改寫單月歷史新高累計2020年前五月合併營收達725億元、年成長106％創歷史同期新高。法人指出傑力主要受惠於筆電需求大增帶動營運不斷創高且下半年全球各地逐步解封後將可望出現消費品採購需求傑力出貨將可望更上一層樓。
另外大中、富鼎等MOSFET廠5月業績也雙雙繳出年增雙位數成績單。法人認為下半年除筆電商機續旺輝達（NVIDIA）、超微（AMD）等大廠將端出新款繪圖卡MOSFET廠亦有機會搶食這波商機。</t>
  </si>
  <si>
    <t>mosfet需求國際idm大廠可望pc肺炎供應訂單產能半導體下半年造成</t>
  </si>
  <si>
    <t>暢旺肺炎產能筆電大中</t>
  </si>
  <si>
    <t>暢旺產能肺炎</t>
  </si>
  <si>
    <t>主動娛樂紓困疫情</t>
  </si>
  <si>
    <t>新冠肺炎疫情持續延燒娛樂產業首當其衝屏東縣政府為協助業者度過難關決定主動調降4至6月的查定稅額降幅達到30％首波暫訂持續3個月將視情況決定是否延長估計縣內共有950家業者受惠金額約在200萬元。</t>
  </si>
  <si>
    <t>持續決定家業共有估計延長娛樂首當其衝產業是否縣政府情況協助降幅稅額暫訂業者達到度過難關</t>
  </si>
  <si>
    <t>新冠肺炎疫情持續延燒娛樂產業首當其衝屏東縣政府為協助業者度過難關決定主動調降4至6月的查定稅額降幅達到30％首波暫訂持續3個月將視情況決定是否延長估計縣內共有950家業者受惠金額約在200萬元。
屏縣府財稅局長程俊指出肺炎疫情衝擊許多產業中央政府啟動不少紓困方案但考量部分業者恐無暇申請或不得其門而入於是啟動盤點縣內現況發現包括抓娃娃機、網咖、水上活動等娛樂業者普遍營收大幅下滑於是主動減徵業者查定稅額。
程俊表示符合查定稅額的娛樂業者因經營方式特殊或規模較小繳稅方式都是以過去營業額為基準每月繳交固定稅額所以調降稅率後業者不需要提出申請屆時收到需繳稅金都已經是減稅後的金額估計每月減稅金額超過90萬元對業者來說不無小補。
至於另一種自動報繳娛樂稅的業者因受疫情衝擊會直接反應在每月營業額上所需要扣繳的金額也會降低因此不需直接處理這部分。程俊說產業界受到疫情的衝擊來得又急又快首波減稅政策將試行3個月未來會持續視疫情狀況進行調整延長與否仍不確定。</t>
  </si>
  <si>
    <t>業者疫情金額稅額持續衝擊程俊減稅查定娛樂業產業營業額部分決定需要繳稅延長娛樂直接申請</t>
  </si>
  <si>
    <t>新冠肺炎娛樂業者屏東縣減稅</t>
  </si>
  <si>
    <t>娛樂業肺炎東縣減稅</t>
  </si>
  <si>
    <t>直言不可能疫情真相隱瞞偷偷中肯臺灣</t>
  </si>
  <si>
    <t>新冠肺炎（COVID-19）全球疫情急速蔓延許多國家確診數字呈現值限上升狀態我國疫情雖稍有增長但相較之下病情控管相對樂觀且處於穩定可控。有民眾就質疑我新冠肺炎確診數恐有做假之嫌學他國做法一旦疫情</t>
  </si>
  <si>
    <t>疫情確診肺炎樂觀相對控管處於病情穩定之下做假相較上升增長呈現我國狀態數位民眾國家蔓延</t>
  </si>
  <si>
    <t>臺灣疫情網友民眾臺灣人目前防疫確診中肯絕對隱匿肺炎症狀我國生態旅遊</t>
  </si>
  <si>
    <t>台灣網友疫情台灣人隱匿</t>
  </si>
  <si>
    <t>臺灣人疫情網友隱匿臺灣</t>
  </si>
  <si>
    <t>明起疫苗輝瑞預約接種學童以上端午節香港</t>
  </si>
  <si>
    <t>香港日前宣佈將BNT輝瑞疫苗接種年齡降至12歲。香港公務員事務局局長聶德權今（10日）公佈政府提供3個途徑包括學童自行到疫苗網頁預約、為學校特別預約安排到社區中心接種以及到學校提供外展服務預計全香港12</t>
  </si>
  <si>
    <t>香港提供疫苗接種學校預約輝瑞bnt聶德權局局長事務公佈政府公務員年齡途徑包括學童自行服務特別網頁社區中心</t>
  </si>
  <si>
    <t>香港日前宣佈將BNT輝瑞疫苗接種年齡降至12歲。香港公務員事務局局長聶德權今（10日）公佈政府提供3個途徑包括學童自行到疫苗網頁預約、為學校特別預約安排到社區中心接種以及到學校提供外展服務預計全香港12歲以上可接種疫苗人口增至682萬。
聶表示12歲至15歲學童明（11日）上午9點起可預約接種疫苗最快下週一（14日）端午節當日可到24間社區中心打針他估計12至15歲有24萬人口全香港12歲以上可接種人口增至682萬。
他續指打算預約的青年要特別留意必須在打針當日攜帶家長同意書相關檔可在網頁取得。
香港食物及衛生局局長陳肇始指香港科學委員會昨日（9日）開會討論多項事宜後同意批准接種輝瑞疫苗到12歲認為是高度有效的而多個海外藥物監管機構亦已批准放寬輝瑞的年齡限制以保護青年免感染。她續稱港府日前批准降低輝瑞的接種年齡下限目前估計約有24萬青少年將可打針。
香港教育局局長楊潤雄則表示專家昨日指當接種率達到70至80％學校便有條件恢復全日學習活動但仍需視乎整體疫情而作安排。至於會否爆發第5波疫情他指出學校在有打針與無打針的教學程式上有不同港府須作詳細考慮並正研究若教師因一些條件限制而不能打針可否透過定期檢測為代替方案。</t>
  </si>
  <si>
    <t>接種打針香港疫苗學校輝瑞預約批准年齡條件限制疫情青年提供人口學童當日表示昨日安排網頁估計社區中心</t>
  </si>
  <si>
    <t>新冠肺炎大陸香港接種學童</t>
  </si>
  <si>
    <t>肺炎大陸香港接種學童</t>
  </si>
  <si>
    <t>心酸孕婦確診手術過程剖腹醫護只怕寶寶吳淡如感染</t>
  </si>
  <si>
    <t>國內新冠疫情大爆發已經連續多日新增破百確診病例在前線的醫院人員也冒著風險堅守崗位主持人吳淡如也分享婦科醫師王樂明的經歷當時他替一名確診的產婦接生儘管成受感染的高風險他最擔心的卻是寶寶的健康</t>
  </si>
  <si>
    <t>確診爆發高風險已經感染連續成受接生新增產婦疫情破百擔心當時吳淡如冒著經歷分享婦科病例前線人員醫院王樂明醫師</t>
  </si>
  <si>
    <t>國內新冠疫情大爆發已經連續多日新增破百確診病例在前線的醫院人員也冒著風險堅守崗位主持人吳淡如也分享婦科醫師王樂明的經歷當時他替一名確診的產婦接生儘管成受感染的高風險他最擔心的卻是寶寶的健康讓吳淡如聽了忍不住熱淚盈眶框。
吳淡如在臉書發文分享一位妊娠37週的孕婦一直都讓王樂明醫師產檢但過去一週家人陸續染疫她也被感染經過一週的追蹤和開會討論最後決定立刻為該名孕婦開刀剖腹他收到通知換上防護裝備做好萬全準備他在手術台旁距離新冠肺炎只有20-30公分但他只一心想趕快將寶寶抓出來。
王樂明醫師回憶起當時「手術耗損體力與壓力護目鏡早被汗水與亢進的體溫弄糊了子宮劃開血管的噴流一度視野無法清楚止血。」所幸最後手術順利完成母子均安寶寶也立刻讓兒科醫師帶走避免被媽媽感染他才終於放下心中大石有了這次難忘的經驗他也呼籲大家要一同努力抗疫。
王樂明將這次手術的功勞都歸給為此付出的各單位同仁「相信我們醫院的醫護仍會站在最前線繼續奮鬥也是身為醫學中心的責任。」吳淡如也在文中感動地表示「人類歷史上值得紀念的人都是堅強勇敢願意自救而且救人的人」透露自己已經尊敬這位好友到熱淚盈眶的程度。</t>
  </si>
  <si>
    <t>王樂明醫師手術感染寶寶已經醫院最後確診孕婦立刻吳淡如分享前線當時</t>
  </si>
  <si>
    <t>吳淡如染疫王樂明孕婦醫護</t>
  </si>
  <si>
    <t>王樂明孕婦吳淡如醫護</t>
  </si>
  <si>
    <t>基地揭牌全台新創青年小時開放花蓮</t>
  </si>
  <si>
    <t>花蓮青年新創基地今天揭牌成為全台唯一24小時由公佈門提供的青創進駐空間縣長徐榛蔚兌現青年政策今天也在現場舉辦就職2週年活動除了對政績侃侃而談特別提到爭取青年創業資源打造青年相互交流的場域並建</t>
  </si>
  <si>
    <t>青年今天爭取提到成為特別公佈政績揭牌全台提供活動侃侃而談青創小時進駐就職空間舉辦縣長現場徐榛蔚兌現政策相互打造資源創業</t>
  </si>
  <si>
    <t>花蓮青年新創基地今天揭牌成為全台唯一24小時由公佈門提供的青創進駐空間縣長徐榛蔚兌現青年政策今天也在現場舉辦就職2週年活動除了對政績侃侃而談特別提到爭取青年創業資源打造青年相互交流的場域並建立單一服務視窗並與財團法人中小企業信用保證基金及台灣銀行合作推動「花蓮縣青年安心創業貸款計畫」成為青年創業者的後盾。
徐榛蔚就職2週年表示今年新冠肺炎肆虐全球縣府超前部署因應疫情守住淨土後疫情時代透過舉辦太平洋國際觀光節、夏戀嘉年華、原住民聯合豐年節等活動吸引國內外遊客花蓮深度之旅為花蓮觀光產業注入活力更在訂房平臺Agoda上成為觀光旅遊熱搜全國第一名讓花蓮成為外地遊客安心旅遊的首選。
「花蓮真的不一樣！」花蓮縣致力推動智慧城市、智慧教育、有機農業及友善觀光將花蓮的有機農產推展至香港、日本及西雅圖拓展農產品外銷通路將花蓮邁向有機首都的智慧城市的目標前進。
徐榛蔚也公佈一支兩週年影片並同步在臉書播放。細數2年政績特別是交通蘇花改年初開通引入花蓮大量人車回家的路也近了、安全了唯有縮短交通才能引入士農工商產業能發展、促進地方工商發達所以未來仍持續推動蘇花改二期動工花東快速道路、國道六號連結。
青年新創基地正式啟用徐榛蔚說希望透過固定場域集結花蓮創業有志青年藉由系列課程、工作坊、講座與社群聚會強化創業者的軟實力及實踐力。未來花蓮新創基地也將結合縣府青年發展中心三大核心業務包含創業輔導、建言平臺及國際參與等成為花蓮青年聚集與培力的場域。
青年發展中心執行長明良臻指出花蓮縣政府整修經濟部標準檢驗局位在花蓮市美崙地區的辦公廳舍設立新創基地提供24小時開放的辦公空間、創業諮詢視窗等服務辦公空間提供新成立公司承租不限產業類別9處辦公室空間約5至8坪大皆是設有無線網路的獨立空間每個月租金約1000元上下最久可承租2年申請辦法將於明年初公佈。</t>
  </si>
  <si>
    <t>花蓮青年創業空間觀光徐榛蔚成為產業基地新創推動公佈提供引入交通縣府承租創業者平臺透過未來活動國際</t>
  </si>
  <si>
    <t>花蓮新創基地成為徐榛蔚青年</t>
  </si>
  <si>
    <t>基地成為新創徐榛蔚花蓮青年</t>
  </si>
  <si>
    <t>首日體溫出現縣府塞車金門狀況</t>
  </si>
  <si>
    <t>金門防疫再升級縣府今（30）日起實施出入管制員工及洽公民眾均需量測體溫。首日趕上班出現「小塞車」狀況在即時分流和調整作業後一切尚稱順利也未發現有人發燒。縣府今起實施出入管制僅可由大門進出側</t>
  </si>
  <si>
    <t>縣府管制出入實施塞車狀況出現即時上班分流調整首日作業測體溫尚稱順利公民發現</t>
  </si>
  <si>
    <t>金門防疫再升級縣府今（30）日起實施出入管制員工及洽公民眾均需量測體溫。首日趕上班出現「小塞車」狀況在即時分流和調整作業後一切尚稱順利也未發現有人發燒。
縣府今起實施出入管制僅可由大門進出側門及後門全部關閉。另縣府員工均應配戴識別證在進入辦公室前及各棟大樓入口處由各處人員排班輪值量測體溫落實每日量測體溫和紀錄。
同時到縣府洽公的民眾也應一律戴口罩並在大門口量測體溫及登記到訪資料後才能進入縣府以便日後追蹤作業。洽公民眾的額溫若超過375度者一律禁止進入縣府區域並建議立刻就醫以免防疫出現破口。
今天第1個「新制」上班日許多員工擔心出現排隊人潮乾脆提前來到縣府結果仍因部分員工雖有攜帶識別證但並未依規定佩戴另有人未將車輛通行證放在明顯地方影響管制進入速度造成排隊等候的「小塞車」狀況。
在場督導的縣府行政處長陳祥麟即時調整作業方式只要佩戴員工證和車輛通行證者立即放行在各辦公大樓入口量測體溫有效進行分流管制作業很快解除小塞車狀況。
陳祥麟說明縣府員工有500餘人實施首日算是亂中有序在同仁更熟悉額溫槍操作方式後整體作業將會更加順利另包括工務處、觀光處等單位則自行量測防疫工作也會更加嚴謹。</t>
  </si>
  <si>
    <t>縣府員工作業進入測體溫管制出現防疫塞車實施狀況首日佩戴一律排隊識別證順利方式上班</t>
  </si>
  <si>
    <t>新冠肺炎武漢肺炎疫情金門縣府</t>
  </si>
  <si>
    <t>肺炎武漢疫情縣府金門</t>
  </si>
  <si>
    <t>病毒驚見症狀北京</t>
  </si>
  <si>
    <t>中國大陸北京再度爆發新冠肺炎疫情連續多天出現確診病例至今已經新增79例讓當局啟動「戰時狀態」。而今（15）日北京市疾控中心副主任龐星火表示一名新增的病例竟有關節不適的症狀。綜合陸媒報導龐星火15日</t>
  </si>
  <si>
    <t>病例新增龐星火爆發肺炎疫情再度連續出現確診症狀不適綜合至今戰時已經狀態當局關節啟動而今北京市疾控中心主任</t>
  </si>
  <si>
    <t>中國大陸北京再度爆發新冠肺炎疫情連續多天出現確診病例至今已經新增79例讓當局啟動「戰時狀態」。而今（15）日北京市疾控中心副主任龐星火表示一名新增的病例竟有關節不適的症狀。
綜合陸媒報導龐星火15日通報14日新增的36名病患中一名48歲女性病患是河北人工作的單位就是新發地市場住新發地經營者樂園她在6月13日覺得關節不適在疫情溯源採樣的檢測中驗出了新冠病毒核酸陽性結合患者流行病學史、肺部影像、血液檢查等診斷依據診斷為確診病例臨床分型為輕型。
北京新冠肺炎出現反彈連續多天出現確診病例截至目前北京市豐台區、門頭溝區及大興區已啟動「戰時狀態」並展開「敲門行動」地氈式排查曾與新發地批發市場有密切接觸人員並對周邊小區採取封閉式管理。</t>
  </si>
  <si>
    <t>病例新增確診疫情不適關節狀態戰時啟動龐星火出現北京新發肺炎周邊人員密切接觸診斷連續新發地批發市場肺部</t>
  </si>
  <si>
    <t>北京病毒新冠肺炎疫情出現</t>
  </si>
  <si>
    <t>肺炎病毒疫情北京出現</t>
  </si>
  <si>
    <t>防疫員肺炎爆發臺灣</t>
  </si>
  <si>
    <t>隨著天氣日漸高溫新冠病毒疫情趨緩防疫人員又開始擔憂登革熱大爆發。奇美醫學中心醫療團隊最新研究發現高齡、低血壓、咳血、糖尿病與長期臥床為登革熱患者5大死亡危險因數症狀超過3項以上死亡率更高達4成5</t>
  </si>
  <si>
    <t>登革熱高溫死亡率以上病毒超過疫情症狀因數日漸防疫危險人員死亡研究發現最新高齡團隊低血壓醫療中心</t>
  </si>
  <si>
    <t>隨著天氣日漸高溫新冠病毒疫情趨緩防疫人員又開始擔憂登革熱大爆發。奇美醫學中心醫療團隊最新研究發現高齡、低血壓、咳血、糖尿病與長期臥床為登革熱患者5大死亡危險因數症狀超過3項以上死亡率更高達4成5。
奇美醫學中心急診醫學部高齡急診科主任黃建程表示登革熱又稱為「天狗熱」如果被帶有登革熱病毒的病媒蚊（埃及或白線斑蚊）叮咬就可能被傳染。典型登革熱潛伏期約為3至14天通常4至7天開始會出現發燒、頭痛、肌肉痛、全身無力、後眼窩痛、噁心、食慾不振、出疹與關節痛等症狀一旦出現嗜睡、躁動不安、持續嘔吐、黏膜出血即為重症跡象如疏於治療就可能致死。
為瞭解登革熱死亡原因奇美醫學中心分析2015年登革熱大爆發時健保就醫資料歸納致死個案風險發現高齡、低血壓、咳血、糖尿病與長期臥床為患者致死的5大關鍵。
臨床顯示登革熱病人如出現上述其中1項危險因數死亡率比沒有者增加13倍；要是有2項危險因數則死亡率增加34倍；有3項以上危險因數者死亡率暴增至444倍。
整體來說登革熱病人如不具有上述危險因數致死率為02%；如出現其中1項致死率為23%；有2項危險因數者致死率為60%；多達3項以上危險因數者致死率急速爬升至455%。該項研究成果陸續刊登於《衰老臨床和實驗研究雜誌」》（2020年5月）等國際知名醫學期刊。
黃建程指出預防登革熱務必從清除「孑孓」孳生源開始力行「巡、倒、清、刷」4步驟。經常「巡」檢檢查室內外有無容易積水容器；「倒」掉積水並丟棄無用的器物；減少容器並將使用過的器具澈底「清」潔；「刷」除蟲卵收拾或倒置勿再積水養蚊。另注意罹患登革熱可能症狀如有發燒、頭痛、肌肉痛、全身無力、後眼窩痛等異常情形盡速就醫。
※本文由《NOW健康》授權報導未經同意禁止轉載。</t>
  </si>
  <si>
    <t>登革熱致死出現開始因數危險症狀積水可能病毒死亡率就醫醫學高齡研究容器臨床黃建程中心</t>
  </si>
  <si>
    <t>登革熱新冠肺炎危險因數致死率大爆發</t>
  </si>
  <si>
    <t>因數危險致死肺炎爆發登革熱</t>
  </si>
  <si>
    <t>人員確診匡列行政醫院基隆陰性</t>
  </si>
  <si>
    <t>基隆某醫院傳出人員確診基隆市長林右昌證實確診者是行政工作人員非醫護人員不屬於院內感染目前匡列50人採檢48人陰性2人等待檢驗報告。據瞭解醫院昨天立即封閉1出口進行消毒作業並將所有急診室醫護</t>
  </si>
  <si>
    <t>醫院確診消毒進行出口封閉立即昨天報告目前瞭解感染屬於院內行政醫護人員工作人員作業市長基隆林右昌等待匡列證實檢驗</t>
  </si>
  <si>
    <t>基隆某醫院傳出人員確診基隆市長林右昌證實確診者是行政工作人員非醫護人員不屬於院內感染目前匡列50人採檢48人陰性2人等待檢驗報告。
據瞭解醫院昨天立即封閉1出口進行消毒作業並將所有急診室醫護人員進行篩檢；今早市政府舉行防疫記者會林右昌表示確實有一間醫院人員有疑似確診狀況。
林右昌說確診者為行政工作人員並非醫護人員不屬於院內感染目前已經匡列50人進行PCR檢測其中48人陰性其餘2人正等待檢驗報告此外也派員前往執行消毒作業。</t>
  </si>
  <si>
    <t>林右昌進行醫院醫護人員確診報告消毒檢驗人員陰性匡列行政作業屬於工作人員目前院內感染防疫記者會舉行市政府</t>
  </si>
  <si>
    <t>新冠肺炎台灣基隆確診匡列</t>
  </si>
  <si>
    <t>基隆肺炎臺灣確診匡列</t>
  </si>
  <si>
    <t>電影女神幸運榮登奏捷票房冠軍</t>
  </si>
  <si>
    <t>新冠肺炎疫情近來趨緩義大利影壇最近整理2020年春季最賣座電影由義大利導演佛森歐茲派克所執導的新片《幸運女神》奏捷奪冠。該片由華納兄弟製作及發行去年底在義國上映今年二月底票房已達820萬歐元（約台幣2</t>
  </si>
  <si>
    <t>大利票房二月近來今年上映義國去年底發行製作兄弟華納奪冠奏捷女神幸運新片執導影壇佛森歐茲派克疫情導演最近整理</t>
  </si>
  <si>
    <t>新冠肺炎疫情近來趨緩義大利影壇最近整理2020年春季最賣座電影由義大利導演佛森歐茲派克所執導的新片《幸運女神》奏捷奪冠。該片由華納兄弟製作及發行去年底在義國上映今年二月底票房已達820萬歐元（約台幣28億）。
《幸運女神》由義大利熟男影帝史蒂芬努阿科西、《完美陌生人》影帝艾多阿爾多裡奧以及曾以《燦爛時光》爆紅的女星潔絲敏婷卡聯合主演劇情一探男同志的同居人生卻在義大利引發廣大迴響並在票房及獲獎均大有斬獲獲《好萊塢報導》讚譽是「溫暖與救贖的交織」。
《幸運女神》是導演佛森歐茲派克自那不勒斯重回羅馬拍攝的新片並幸運獲准進入古羅馬文物保護區「幸運女神神殿」（呼應片名）拍攝。該片根據真實故事改編劇情描述已同居15年的一對男同志因為好心收容姊妹淘的一對子女意外肩負起「為人父」的重責大任。全片充滿多元的愛女主角潔絲敏婷卡上月才以片中單親媽媽角色在「義大利奧斯卡」封後電影同時還奪下最佳電影歌曲大獎。
該片日前乘勝追擊再獲「義大利銀絲帶獎」最佳影片、導演、劇本以及最佳男、女主角等8項大獎提名超越了佛森歐茲派克近年作品的獲獎及票房成績。《幸運女神》將由海鵬電影代理預計秋天在台上映。
有趣的是佛森歐茲派特從不諱言同志身分作品卻總能跨越性別、族群屢創票房奇蹟即使曾逢疫情他的新片《幸運女神》依然能刷出28億台幣票房、躍上2020年春季冠軍。究竟他如何辦到？他的電影又有何魅力與秘密？台中「中山73」專題講座明天（13日）將邀金馬執委會執行長聞天祥開講「從《外慾》開始」一揭這位票房名導佛森歐茲派特的創作祕辛。</t>
  </si>
  <si>
    <t>票房幸運大利女神電影同志導演新片佛森歐茲派克上映主角大獎拍攝作品疫情劇情台幣佛森歐茲派特敏婷春季獲獎</t>
  </si>
  <si>
    <t>幸運女神義大利電影新冠肺炎佛森歐茲派克</t>
  </si>
  <si>
    <t>電影大利肺炎女神佛森歐茲派克幸運</t>
  </si>
  <si>
    <t>川普共和黨党工陸仍總統國會大選</t>
  </si>
  <si>
    <t>雖然美國總統川普防疫期間一再搶盡鏡頭加上集中火力砲轟大陸但防疫成效「有目共睹」至今不但確診與死亡人數皆排名全球首位更於27日死亡人數突破10萬大關讓他的民調與篤定代表民主黨拜登民調差距一截。而據</t>
  </si>
  <si>
    <t>防疫人數死亡期間一再鏡頭加上集中火力大關炮轟大陸突破拜登成效有目共睹排名至今確診篤定首位全球</t>
  </si>
  <si>
    <t>雖然美國總統川普防疫期間一再搶盡鏡頭加上集中火力砲轟大陸但防疫成效「有目共睹」至今不但確診與死亡人數皆排名全球首位更於27日死亡人數突破10萬大關讓他的民調與篤定代表民主黨拜登民調差距一截。而據美國有線電視新聞網指出所屬的共和黨黨內已出現聲音如此下去川普可能會在今年11月的大選中接連丟掉總統與參議院多數。
報導指出3個月前民主黨內才因初選陷入僵局當時未受疫情威脅股市也升至高點川普贏得第二任期幾乎是十拿九穩讓共和黨內對於年底大選充滿十足自信有望參議院繼續取得多數。
不過自疫情爆發以來共和黨內的策略人士愈來愈擔心川普恐將在11月大選遭擊敗。報導指出7名未與川普選舉陣營有關的共和黨黨工表示川普對疫情的反應與引起的經濟下滑大幅危害了他競選連任而此一效應恐會更廣泛影響共和黨選情。
這7名共和黨黨工透露根據內部民調顯示川普已稍微落後民主黨參選人拜登不過此一趨勢恐在許多關鍵州的參議員選舉發酵。他們表示共和黨已在23個州內保住參院席次已有困難而在疫情尚未見底前要守住僅有3席的些微優勢的任務更加艱困例如亞利桑那以及北卡羅納州先前都是認為可以輕鬆勝選如今選情都已陷入危機。此外川普個人的政治顧問李望多斯基（Corey Lewandowski）與博西（David Bossie）也都向川普透露他的支持度在某些搖擺州逐漸下降。
共和黨內更蔓延一種恐懼就是年底大選將成為對川普對抗疫情表現的公投加上受重創的經濟以及共和黨支持者信心受打擊以及搖擺不定的投票者種種因素只會使上述影響更加惡化。
不過川普陣營並不擔心黨內是否會出現「西瓜效應」並強調唯有團結的共和黨才會讓11月大選創造最好勝機。川普競選團隊發言人裴林（Erin Perrine）表示「任何一位想要勝選的共和黨人都會和總統一起競選他是如此的活力、熱情與草根吸引力如果你是候選人絕對想和他一起行動」。</t>
  </si>
  <si>
    <t>川普共和黨疫情大選競選表示指出總統民主黨加上更加防疫參議院死亡</t>
  </si>
  <si>
    <t>新冠病毒新冠肺炎武漢肺炎COVID-19川普</t>
  </si>
  <si>
    <t>肺炎武漢covid-病毒川普</t>
  </si>
  <si>
    <t>肺炎確診總統症狀保加利亞輕微</t>
  </si>
  <si>
    <t>保加利亞總統辦公室今天表示副總統依奧托娃（Iliana Yotova）確診2019冠狀病毒疾病（COVID-19武漢肺炎）她僅有輕微症狀健康狀況大致良好。總統辦公室聲明也提到保加利亞總統拉德夫（Rumen Radev）經檢測</t>
  </si>
  <si>
    <t>總統辦公室保加利亞疾病covid-病毒武漢奧托娃確診肺炎輕微ilianayotova良好症狀大致健康狀況拉德夫提到聲明表示rumen今天radev</t>
  </si>
  <si>
    <t>保加利亞總統辦公室今天表示副總統依奧托娃（Iliana Yotova）確診2019冠狀病毒疾病（COVID-19武漢肺炎）她僅有輕微症狀健康狀況大致良好。
總統辦公室聲明也提到保加利亞總統拉德夫（Rumen Radev）經檢測對新型冠狀病毒呈陰性反應。
根據美國約翰霍普金斯大學（Johns Hopkins University）網站統計保加利亞累計確診21萬6416例病故人數達8916人。（譯者：楊昭彥）1100128</t>
  </si>
  <si>
    <t>總統保加利亞確診病毒辦公室人數病故累計輕微johnsuniversity肺炎統計武漢hopkins症狀約翰霍普金斯大學美國covid-網站陰性反應健康狀況大致良好疾病</t>
  </si>
  <si>
    <t>利亞保加利亞總統辦公室總統辦公室</t>
  </si>
  <si>
    <t>總統保加利亞利亞辦公室</t>
  </si>
  <si>
    <t>返台店家停業留學生</t>
  </si>
  <si>
    <t>新冠肺炎疫情不斷擴散3月25日2名自美國返台的高中留學生回到花蓮住家後原本應該落實14天自主居家檢疫沒想到卻外出買蚵仔煎更高調在IG發文大嗆網友。遭民眾檢舉後2人各被開罰10萬元罰鍰無辜的蚵仔煎店家</t>
  </si>
  <si>
    <t>不斷擴散美國返台高中留學生疫情回到花蓮住家原本居家民眾檢疫檢舉應該落實自主網友發文想到</t>
  </si>
  <si>
    <t>新冠肺炎疫情不斷擴散3月25日2名自美國返台的高中留學生回到花蓮住家後原本應該落實14天自主居家檢疫沒想到卻外出買蚵仔煎更高調在IG發文大嗆網友。遭民眾檢舉後2人各被開罰10萬元罰鍰無辜的蚵仔煎店家隔日閉店1天消毒3月31日也公告表示為了顧及社會觀感決定停業1個月。
3月25日2名留美高中生返回花蓮後高調在社群網路IG上PO出自己戴上口罩外出買蚵仔煎的照片被友人私訊質疑「不用居家隔離嗎？不要扯台灣防疫後腿！」留學生竟態度囂張不以為意回嗆「買個午餐是在哭？」2名學生因為作風過度高調遭到民眾舉發各自被罰10萬元罰鍰。
2名高中生接觸過的蚵仔煎小吃店也無端遭受連累在事件發生隔日閉店全面消毒3月31日店家鐵門拉下又再貼出公告「4月店休1個月5月1日開始再繼續為大家服務」。老闆在臉書粉專表示店休主要是因為最近疫情影響人潮和生意減少另一方面顧及社會觀感決定讓店裡員工自主健康管理所以休息1個月確保安全無虞再重新營業。
許多顧客得知店休消息都感到非常不捨和可惜紛紛在貼文底下留言「要怪那2個小屁孩趴趴走」、「老闆好倒楣喔」、「店家真是受到無妄之災」、「老闆加油」也有網友同時提議老闆應該跟這2名高中生求償損失。</t>
  </si>
  <si>
    <t>老闆高調高中生店家居家留學生自主疫情表示應該花蓮民眾ig網友公告決定觀感</t>
  </si>
  <si>
    <t>高中生返台花蓮蚵仔煎留學生</t>
  </si>
  <si>
    <t>花蓮返台留學生高中生</t>
  </si>
  <si>
    <t>who衛生專家川普短視震驚</t>
  </si>
  <si>
    <t>美國總統川普14日說將暫停金援世界衛生組織（WHO）以進行60－90天的調查看它究竟是如何因應新冠肺炎疫情大流行的。他指控WHO對疫情嚴重處置失當並隱瞞了病毒的擴散甚至說「人人都知道發生了什麼事」。不</t>
  </si>
  <si>
    <t>who疫情人人甚至擴散暫停病毒金援隱瞞世界衛生組織失當肺炎究竟進行知道處置嚴重因應調查流行</t>
  </si>
  <si>
    <t>美國總統川普14日說將暫停金援世界衛生組織（WHO）以進行60－90天的調查看它究竟是如何因應新冠肺炎疫情大流行的。他指控WHO對疫情嚴重處置失當並隱瞞了病毒的擴散甚至說「人人都知道發生了什麼事」。
不過據《科學》（Science）雜誌14日報導全球獻身防控新冠肺炎疫情大流行的人聽到這消息後都大感震驚。愛丁堡大學（University of Edinburgh）全球公衛教授施利達（Devi Sridhar）說這是對WHO有災難性衝擊的短視決定。「為了支援所有的國家尤其是中低收入國我們比以往任何時候都更需要WHO。」
而華府智庫「全球發展中心」（Center for Global Development）高級政策研究員康寧迪克（Jeremy Konyndyk）說這舉動適得其反讓美國和全世界變得更不安全。在歐巴馬執政時期曾任美國國際開發總署（US Agency for International Development USAID）署長的他甚至直指「這擺明瞭是要轉移美國政府自身失敗的責任。」
川普上周威脅將停止資助WHO時秘書長譚德塞回應力促世界領袖不要把疫情政治化並說如果大家不檢點眼前會出現許多屍袋。
而川普並未具體說明他要凍結多少資金以2018-19年的WHO預算週期來看美國是最大的金主。在WHO約56億美元（近1700億台幣）預算中就佔了將近9億美元（約270億台幣）。通常白宮可以延遲支付國會為特定目的所撥的款項但要徹底取消這類開支仍必須獲得國會批准。
或許川普可以把部份要撥給WHO的資金改用在其他類似用途上而不必獲得國會明確許可但白宮要索回已經給WHO的款項很可能困難重重。然而美國喬治城大學（Georgetown University）國際衛生法教授高斯丁（Lawrence Gostin）說川普的行動將大大阻礙全球防控新冠肺炎疫情。「要是WHO陷入政治與資金危機根本就無法在這人類史上的獨特時機提供如此迫切需要的領導力。」</t>
  </si>
  <si>
    <t>who川普全球疫情國會資金美國university甚至教授款項fordevelopment獲得白宮預算可以肺炎</t>
  </si>
  <si>
    <t>武漢肺炎新型冠狀病毒全球川普WHO</t>
  </si>
  <si>
    <t>全球冠狀病毒肺炎川普who武漢</t>
  </si>
  <si>
    <t>顧問國安隱瞞一大川普弱點</t>
  </si>
  <si>
    <t>正逢美國總統大選年加上美國國內新冠疫情仍未見明顯下降趨勢讓總統川普一再抨擊國內政敵與國際組織及競爭對手藉此轉移民眾目光。不過美前國家安全顧問賴斯表示雖然在選舉期間美國總統候選人藉由大陸問題打</t>
  </si>
  <si>
    <t>總統美國國內候選人安全國家顧問賴斯仍未目光疫情選舉民眾明顯轉移表示下降趨勢期間競爭對手組織國際川普</t>
  </si>
  <si>
    <t>正逢美國總統大選年加上美國國內新冠疫情仍未見明顯下降趨勢讓總統川普一再抨擊國內政敵與國際組織及競爭對手藉此轉移民眾目光。不過美前國家安全顧問賴斯表示雖然在選舉期間美國總統候選人藉由大陸問題打擊政敵早已司空見慣但其實在大陸問題上川普自己曾說過的話就曾暴露很多恐懼但最可恥的是他正在將這種軟弱轉變成政治武器。
歐巴馬時期的美國國家安全顧問萊斯（Susan Rice）投書《紐約時報》表示共和黨人急迫掩飾川普政府應對疫情失敗除了打「中國牌」之外沒有更好的策略；而對川普而言批評民主黨總統候選人拜登（Joe Biden）與大陸的關係除了可以抑制民主黨內民粹主義的投票率、轉移他在處理疫情上致命錯誤之外還可以將自己在大陸問題上的明顯軟弱變成政治武器。
萊斯指出在大陸問題上川普自己說過的話裡就暴露很多恐懼。例如為了保護視為珍寶的「第一階段美陸貿易協議」川普淡化新冠病毒風險甚至在1至2月內讚美中國大陸國家主席習近平高達15次對抗新冠疫情的領導。她表示儘管有充分的證據表明大陸在病毒應對中有掩蓋行為但川普先前堅持認為他們「正在做的工作非常專業」。
萊斯進一步指出更危險的是川普以美國為代價助長大陸勢力在他領導下的美國不僅讓亞歐夥伴產生敵意破壞限制大陸野心的聯盟關係讓美國傳統盟友都對美國的決定產生懷疑同時帶領全球穩定的領導人拱手讓給大陸。而在國際戰略上川普未能抵抗大陸在南海的網路侵略和擴張甚至希望大陸為自己的政治利益服務在先前「通烏門」爆發後數月呼籲大陸也要調查拜登。
萊斯稱種自私自利的可恥往績還要指責拜登只有川普式的障眼法戰術才辦得到；川普試圖通過欺騙把自己對大陸的軟弱投射到拜登身上為了贏得11月的勝利正積極轉移他重大失敗的責任；而他的「中國牌」開局可能只是很小的一部分之後川普還會無所不用其極打類似套路。</t>
  </si>
  <si>
    <t>大陸川普美國萊斯拜登疫情轉移表示中國問題國家總統政治軟弱產生先前正在病毒國際領導民主黨之外</t>
  </si>
  <si>
    <t>新冠肺炎武漢肺炎新型冠狀病毒COVID-19川普</t>
  </si>
  <si>
    <t>肺炎武漢冠狀病毒covid-川普</t>
  </si>
  <si>
    <t>依法一定承諾假名入境</t>
  </si>
  <si>
    <t>新冠肺炎疫情延燒不歇各單位嚴陣以待、不敢鬆懈臺北市長柯文哲今（23）日表示目前台灣確診26例需要追蹤的人數也越來越多但還是有人在入境時留下假資料留下假名「胡析延」導致北市府要追蹤的時候查無</t>
  </si>
  <si>
    <t>追蹤留下市府嚴陣以待單位導致不敢鬆懈臺北市柯文哲入境表示越來越目前人數臺灣確診需要</t>
  </si>
  <si>
    <t>新冠肺炎疫情延燒不歇各單位嚴陣以待、不敢鬆懈臺北市長柯文哲今（23）日表示目前台灣確診26例需要追蹤的人數也越來越多但還是有人在入境時留下假資料留下假名「胡析延」導致北市府要追蹤的時候查無此人；他強調除了希望有關單位在入境者的資料核查上要更正確也希望大眾幫忙找人讓防疫沒有破口。
柯文哲指出目前臺北市的居家隔離人數已經為「零」但根據資料還有很多居家檢疫的市民。他說明對於居家檢疫者北市府有提供送餐服務及倒垃圾服務不只照顧當事人的生活起居也確保居家檢疫者沒有離開家門。
隨著需要追蹤的個案數增加柯文哲表示北市府配合中央改變手機定位的模式改以透過綁定居家檢疫者的個人手機來定位追蹤減少把公用手機放在家自己帶個人手機出門趴趴走的狀況。他也呼籲民眾希望正在居家檢疫的民眾能夠配合「否則北市府一定依法裁罰」。
柯文哲也提醒民眾若配合居家檢疫不僅有生活津貼、也能好好保護自己與他人但若不配合檢疫擅自外出北市府一定會「找出你然後裁罰你」希望民眾不要以身試法。
更多 CTWANT 報導</t>
  </si>
  <si>
    <t>檢疫市府居家追蹤柯文哲希望配合手機資料民眾單位沒有臺北市人數需要目前表示定位生活個人</t>
  </si>
  <si>
    <t>居家檢疫北市府柯文哲新冠肺炎新型冠狀病毒</t>
  </si>
  <si>
    <t>柯文哲市府肺炎冠狀檢疫居家病毒</t>
  </si>
  <si>
    <t>不退可望住院發佈高燒緊急英相世界事態宣言</t>
  </si>
  <si>
    <t>《中時新聞網》精選5件不可不知的國際大事帶讀者掌握今（6）日的國際新聞重點。【1】新冠高燒不退！英國首相強生驚傳入院新冠病毒陰影持續在唐寧街10號揮之不去！日前才因又出現新冠徵狀二度在家自主隔離的英國</t>
  </si>
  <si>
    <t>國際不可不大事征狀精選出現日前新聞唐寧街才因重點持續陰影病毒高燒不退入院強生</t>
  </si>
  <si>
    <t>《中時新聞網》精選5件不可不知的國際大事帶讀者掌握今（6）日的國際新聞重點。
【1】新冠高燒不退！英國首相強生驚傳入院
新冠病毒陰影持續在唐寧街10號揮之不去！日前才因又出現新冠徵狀二度在家自主隔離的英國首相強生（Boris Johnson）5日驚傳送醫檢查。
【2】日相安倍近日可望發布「緊急事態宣言」
日本新冠肺炎疫情持續延燒日本首相安倍晉三在聽取防疫專家們的意見後近日可望發布「緊急事態宣言」。日本政府相關人士表示發布的對象包括確診數最多的東京都首都圈和大阪府、兵庫縣等。
【3】全球首例！紐約動物園老虎確診新冠肺炎
紐約新冠肺炎疫情嚴峻感染人數眾多當地一間動物園的老虎也確診新冠肺炎出現乾咳症狀成為全球首隻感染病毒的老虎。
【4】禍不單行！遭拔官美艦長確診新冠肺炎
美國航空母艦「羅斯福號」上百船員感染新冠病毒艦長克勞齊上校因為向上級求援、撤離船員的求救信外洩遭拔官《紐約時報》引述消息人士透露克勞齊上校也不幸感染新冠肺炎。
【5】我們將會成功！英國女王罕見電視演說 溫情打氣
新冠疫情肆虐包括英國等全球多國93歲高齡的英國女王伊莉莎白二世（Queen Elizabeth II）台灣時間今（6日）淩晨3點發表非常罕見的電視特別演說呼籲國民面對疫情要展示自律和保持幽默感同時也感謝醫療前線醫護人員的努力。她強調「我們將會成功」所有人將能與親友再會。</t>
  </si>
  <si>
    <t>肺炎疫情感染全球確診病毒發佈老虎英國女王國際包括船員英國首相罕見電視克勞齊持續上校演說強生成功出現</t>
  </si>
  <si>
    <t>1分鐘看世界國際新聞全球新聞中時電子報新冠肺炎</t>
  </si>
  <si>
    <t>新聞電子全球國際世界肺炎</t>
  </si>
  <si>
    <t>美國美國務院前兆回來封國</t>
  </si>
  <si>
    <t>美國國務院旅遊領事事務局今日在推特發表啟人疑竇的推文呼籲在海外的美國人儘快回國不要延後返國日期「可能很快地所有交通工具將會無法使用。」此一訊息顯示美國大多數機場可能會在近期停止對外航班往來滯</t>
  </si>
  <si>
    <t>美國可能今日停止事務近期呼籲海外儘快回國延後返國機場日期不要使用交通無法工具訊息發表</t>
  </si>
  <si>
    <t>美國國務院旅遊領事事務局今日在推特發表啟人疑竇的推文呼籲在海外的美國人儘快回國不要延後返國日期「可能很快地所有交通工具將會無法使用。」此一訊息顯示美國大多數機場可能會在近期停止對外航班往來滯留國外的美國民眾或因此無法返國。
美國國務院旅遊推特頻道3日發出推文敦促美國人不要延緩返國日期近期可能會出現所有交通工具都無法使用的狀況。
這則推文下還附上美國務院領事事務局31日發布的旅遊警示連結該項警示稱：國務院建議由於新冠病毒疫情影響遍及全球美國公民應避免所有的國際旅行活動。在商業航班仍持續運作的國家中當地的美國公民應立即安排返回美國除非他們準備無限期地留在國外。
該警示還說目前國務院正在盡一切努力協助在海外的美國公民返美。隨著新冠病毒疫情的發展國務院與航空公司合作安排返國航班的運輸能力會變得更為困難甚至無法使用。最近數周航空公司大幅裁減航班各國也在未事先通知的情況下關閉機場與邊境關卡。如果您希望回國應立即安排返國行程並根據需要聯繫最近的美國大使館或領事館尋求幫助。由於未來可能沒有返回美國的運輸選項國務院無法保證未來能繼續提供返國援助服務。</t>
  </si>
  <si>
    <t>美國返國無法航班國務院可能公民安排使用機場未來最近警示旅遊海外回國國外航空應立即公司不要返回近期疫情</t>
  </si>
  <si>
    <t>新冠肺炎武漢肺炎新型冠狀病毒COVID-19返國</t>
  </si>
  <si>
    <t>肺炎武漢冠狀病毒covid-返國</t>
  </si>
  <si>
    <t>竹北市接種衛生所客家疫苗醫護驕傲</t>
  </si>
  <si>
    <t>客家精神以刻苦勤儉聞名連疫苗都不意外！昨（5）日新竹縣竹北市衛生所在臉書PO出施打AZ疫苗的情況但數字卻讓網友看了霧煞煞怎麼樣都對不起來因為醫護人員明明領用1790劑疫苗接種卻高達1955人。原來這</t>
  </si>
  <si>
    <t>疫苗聞名接種所在衛生竹北市po新竹施打數位情況az意外醫護人員明明勤儉網友</t>
  </si>
  <si>
    <t>客家精神以刻苦勤儉聞名連疫苗都不意外！昨（5）日新竹縣竹北市衛生所在臉書PO出施打AZ疫苗的情況但數字卻讓網友看了霧煞煞怎麼樣都對不起來因為醫護人員明明領用1790劑疫苗接種卻高達1955人。原來這是因為醫護人員打完足夠的疫苗後將每瓶剩餘的量額外施打為求群體免疫物盡其用的作法引來大批網友讚聲「超厲害」竹北市衛生所也驕傲回應「客家人我驕傲承蒙你」。
根據臉書「竹北市衛生所」貼文以及新竹縣竹北市衛生所說法由於台灣取得疫苗不易能省一劑是一劑該衛生所上下同仁為了讓100%運用疫苗抽藥時都使出「神之手」每一劑都專注仔細的抽出剛好劑量剩餘疫苗在計算後也趕緊給其餘165名醫護人員接種而且「注射進每一個人身體內的劑量是相同的喔請不要擔心」。
如此讓疫苗發揮到最大效能的做法隨即獲得網友熱烈讚賞紛紛湧入臉書粉專留言「應該抽藥劑抽到快鬥雞眼了謝謝你們」、「太厲害了！謝謝你們真的點滴不浪費」、「太強大朝聖」、「謝謝你們替大家節省了疫苗」、「覺得感人。謝謝你們保護台灣也包含其他縣市「應該抽藥劑抽到快鬥雞眼了謝謝你們」。
被大批民眾譽為客家之光竹北市衛生所除了打趣的以「客家人我驕傲」回應外還強調「謝謝我們會更努力。其實全國還有其他縣市表現得更好」。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苗謝謝衛生所竹北市網友醫護人員務必施打劑量防疫接種厲害</t>
  </si>
  <si>
    <t>衛生所AZ疫苗竹北市驕傲</t>
  </si>
  <si>
    <t>az衛生所竹北市驕傲疫苗</t>
  </si>
  <si>
    <t>台人得來返國乘客威士特丹檢疫</t>
  </si>
  <si>
    <t>威士特丹號郵輪遭5國拒絕靠岸今(13)日終於在柬埔寨暫時落腳。指揮中心指揮官陳時中表示我方和各個國家討論後初步決定該郵輪包含乘客、船員。非本國籍者都不得到台灣入境、轉機。威士特丹號郵輪(MS Westerdam</t>
  </si>
  <si>
    <t>郵輪威士特丹轉機入境終於柬埔寨靠岸暫時拒絕落腳指揮中心指揮官陳時中臺灣表示國籍國家非本討論船員乘客初步</t>
  </si>
  <si>
    <t>威士特丹號郵輪遭5國拒絕靠岸今(13)日終於在柬埔寨暫時落腳。指揮中心指揮官陳時中表示我方和各個國家討論後初步決定該郵輪包含乘客、船員。非本國籍者都不得到台灣入境、轉機。
威士特丹號郵輪(MS Westerdam)海上漂流兩周後今天(13日)停靠柬埔寨。根據船舶追蹤服務網站Marine Traffic公佈的資料船上共搭載1455名乘客與802名船員的威士特丹號)郵輪今天清晨抵達柬埔寨施亞努港(Sihanoukville)停泊點。
陳時中表示今天得到柬埔寨的允許相關人員下船。我方對此訊息及名單也有掌握裡面有2個台籍人士之後回來要做隔離檢疫送到醫院做相關檢查確保安全。</t>
  </si>
  <si>
    <t>柬埔寨郵輪今天威士特丹表示相關乘客船員人士之後回來名單醫院訊息隔離對此下船trafficmarine公佈資料人員網站服務船上</t>
  </si>
  <si>
    <t>外出民團恐懼包裝歧視苗栗</t>
  </si>
  <si>
    <t>苗栗縣近日向全縣移工下達禁足令指出除了上下班外其餘的時間一律禁止外出引發外界非議苗栗在地民間團體「苑裡掀海風」共同創辦人劉育育表示此政策無非種族歧視也讓許多縣民憂心忡忡「根本是以恐懼包裝歧</t>
  </si>
  <si>
    <t>根本下達憂心忡忡縣民種族歧視指出無非上下班政策表示時間劉育育一律創辦禁止外出共同海風引發</t>
  </si>
  <si>
    <t>苗栗縣近日向全縣移工下達禁足令指出除了上下班外其餘的時間一律禁止外出引發外界非議苗栗在地民間團體「苑裡掀海風」共同創辦人劉育育表示此政策無非種族歧視也讓許多縣民憂心忡忡「根本是以恐懼包裝歧視」希望縣長可以收回這個政策。
台灣國際勞工協會總幹事吳靜如表示此次的移工群聚感染事件問題根源在於移工宿舍的環境惡劣衛浴設備可能由10幾人、20幾人共用。一個房間少則4至8人多則10多人的情況下移工在如此擁擠、侷促的空間中根本沒有維持「社交距離」的條件才使得大規模的感染發生防疫措施首先應該從移工宿舍「降載」著手讓移工能夠擁有真正適於防疫的空間才能夠阻斷大規模群聚感染的可能。
苗栗縣議員宋國鼎說縣長6月7日發布全縣移工禁令指出「除了上下班外全面禁止外出」上下班要團進團出、採買由村裡幹事負責、並請警員隨時稽查但這些族群並沒有較高傳染性反而引發民眾恐慌。
苗栗縣議員陳品安提及苗栗縣禁足令像在抓戰犯一樣但苗栗縣很多移工與長輩相依為命但他們也被禁止外出買菜、倒垃圾那要如何生活？
台權會秘書長施逸翔說憂心會有許多單位陸續仿效禁令如近期就有社區就明文禁止移工外出獵巫的作法與此次苗栗縣做法相仿苗栗應立即撤回移工禁令。</t>
  </si>
  <si>
    <t>苗栗外出苗栗縣感染沒有幹事禁令政策根本縣長宿舍表示空間引發可能上下班縣議員禁止防疫能夠</t>
  </si>
  <si>
    <t>新冠肺炎台灣移工苗栗縣禁止外出</t>
  </si>
  <si>
    <t>臺灣苗栗縣肺炎禁止外出</t>
  </si>
  <si>
    <t>辦公室飯店安心住房福華高雄專案</t>
  </si>
  <si>
    <t>新冠肺炎疫情衝擊旅宿業高雄福華飯店腦筋得快搶搭「異地辦公」話題推出「遠端辦公室」專案將飯店客房變成獨立辦公室已有大型會計師事務所洽談合作。此外福華大飯店集團推出「我OK我來住」長住專案提</t>
  </si>
  <si>
    <t>飯店推出福華辦公室專案衝擊宿業高雄疫情腦筋ok異地辦公集團會計師事務所洽談合作獨立話題變成</t>
  </si>
  <si>
    <t>新冠肺炎疫情衝擊旅宿業高雄福華飯店腦筋得快搶搭「異地辦公」話題推出「遠端辦公室」專案將飯店客房變成獨立辦公室已有大型會計師事務所洽談合作。此外福華大飯店集團推出「我OK我來住」長住專案提供返台旅客健康家屬入住7天以上的超值優惠最低每晚1200元起。
為避免群聚感染及增加風險不少公司行號紛紛啟動異地辦公或居家辦公的措施高雄福華飯店看準該趨勢需求即日起至6月30日推出「遠端辦公室Hotel to Office專案」提供每日上午8點至下午6點可使用客房空間做為辦公室並可量身打造空間規畫提供額外會議桌椅。
高雄福華飯店指出租用5日以上每日每房優惠價1388元（原價7800＋10％元）可適用於1至2人使用提供客房WIFI網路、礦泉水、免費使用健身房及停車等服務午餐還貼心的提供遊五星級廚師團隊製作的餐盒一份或也可選擇到飯店的餐廳用餐享85折優惠還可加價每人800元延長使用時段作為住宿客房。
另外也提供企業租借飯店宴會廳作為分組辦公場所的服務該專案一推出也受到國內大型會計師事務所的青睞表示事務所提供的風險諮詢服務在這波疫情中受到很多企業的委託所以特別選擇福華大飯店推出的遠端辦公室專案讓同仁在協助各企業風險管理的工作期間也能有安全完善的工作環境。
為響應「返台居家檢疫者回家住同住家人外出旅宿」的防疫新觀念福華大飯店集團推出「我OK我來住」長住專案提供返台旅客健康家屬入住7天以上的超值優惠最低每晚1200元起。
另外還可以選擇跨店入住在住宿期間選擇任2家福華飯店入住可享用此專案優惠價讓家屬能到不同縣市旅遊透透氣。讓隔離者放心待在家而家人的健康住房環境就由飯店來照顧。
此外高雄福華大飯店還自拍趣味防疫影片以詼諧輕鬆的手法呈現出飯店嚴謹的防疫措施邀請旅客安心入住。</t>
  </si>
  <si>
    <t>飯店提供福華專案辦公室推出客房使用選擇高雄防疫企業服務辦公優惠風險事務所環境家屬以上返台健康</t>
  </si>
  <si>
    <t>新冠肺炎高雄飯店福華異地辦公</t>
  </si>
  <si>
    <t>飯店高雄福華肺炎異地辦公</t>
  </si>
  <si>
    <t>晚宴高檔愛爾蘭部長出席防疫烏紗帽無視</t>
  </si>
  <si>
    <t>新冠肺炎疫情在歐洲有捲土重來之勢愛爾蘭為此祭出相對嚴苛的防疫措施。但就在內閣敲定進一步在全國加強限制的第二天農業部長卡裡利卻帶頭違反規定。他在21日宣佈請辭表示自己損害了全國上下為防堵疫情所做的努</t>
  </si>
  <si>
    <t>疫情歐洲全國上下捲土重來損害表示愛爾蘭祭出相對宣佈嚴苛防疫違反規定措施帶頭內閣卡裡利敲定農業部長進一步限制全國</t>
  </si>
  <si>
    <t>新冠肺炎疫情在歐洲有捲土重來之勢愛爾蘭為此祭出相對嚴苛的防疫措施。但就在內閣敲定進一步在全國加強限制的第二天農業部長卡裡利卻帶頭違反規定。他在21日宣佈請辭表示自己損害了全國上下為防堵疫情所做的努力他深感抱歉。
卡裡利與另外80名左右賓客出席由愛爾蘭國會高球社團舉辦的飯店晚宴。針對這項活動是否違反國家的健康規範警方已展開調查。
卡裡利告訴該國電台「我讓大家失望了我令許多人憤怒」他說過去6個月來許多人民都被因疫情迫更改生活方式但他竟然帶頭違規非常抱歉。
卡裡利20日已先透過自己的推特帳號道歉短短2小時內就吸引2千則回覆大多數留言都怒火中燒因為許多民眾為了配合防疫甚至連自己親友的喪禮都無法參加有人則被迫取消婚禮或度假行程。
總理馬丁已經接受卡裡利的辭職認為他做出正確的決定。其他出席同場晚宴的政治人物包括愛爾蘭的歐盟貿易代表霍根也遭受排山倒海的民怨攻擊。</t>
  </si>
  <si>
    <t>卡裡利愛爾蘭疫情晚宴出席防疫帶頭抱歉霍根代表貿易遭受歐洲歐盟憤怒行程包括捲土重來度假婚禮</t>
  </si>
  <si>
    <t>愛爾蘭新冠肺炎疫情馬丁</t>
  </si>
  <si>
    <t>肺炎疫情馬丁愛爾蘭</t>
  </si>
  <si>
    <t>華航毒成員班機埃及新增國內確診</t>
  </si>
  <si>
    <t>新冠肺炎今新增2 例境外移入分別為案381及案382其中案381為1名20多歲月性其亦於3月30 日同搭已確診10例的華航班機目前這班華航班機已有11位確診。另1名案382為於2月16日至3月29日與案378(妻子)一同至印尼探</t>
  </si>
  <si>
    <t>確診新增境外航班機目前班華華航肺炎班機分別歲月妻子一同印尼</t>
  </si>
  <si>
    <t>新冠肺炎今新增2 例境外移入分別為案381及案382其中案381為1名20多歲月性其亦於3月30 日同搭已確診10例的華航班機目前這班華航班機已有11位確診。另1名案382為於2月16日至3月29日與案378(妻子)一同至印尼探親返國後進行居家檢疫因妻子確診改列為接觸者居家隔離案382返國至今無症狀4月7日衛生單位安排接觸者採檢於今日確診。目前國內確診人數達382人。
另新冠肺炎今亦新1例死亡目前已累計6人死亡其為案101為70多歲男生為埃及團員有慢性病史其於3月17日確診3月26日惡化於4月9日死亡。
現場媒體提問為何案101怎麼會從輕症轉重症最後死亡？中央疫情指揮中心疫情監測組長周志浩表示3/17起他就身體不舒服如同我們已知的病程在5天左右呼吸功能變差就開始插呼吸器後來又用葉克膜仍不幸過世。目前知道該名患者並沒有使用抗病毒藥物。</t>
  </si>
  <si>
    <t>確診目前死亡返國接觸居家妻子疫情沒有患者知道葉克過世不幸後來呼吸器</t>
  </si>
  <si>
    <t>1死新冠肺炎武漢肺炎新型冠狀病毒台灣</t>
  </si>
  <si>
    <t>肺炎武漢冠狀病毒臺灣</t>
  </si>
  <si>
    <t>桃園不適首日接種高端倒地</t>
  </si>
  <si>
    <t>高端疫苗23日在桃園36個社區接種站開打其中大有國中接種站有2人施打後身體不適47歲畢姓男子接種後頭暈想吐、血壓升高急送醫目前留院觀察中另一名30歲賽姓美籍女打完後當場倒下巨大聲響嚇壞現場所有人</t>
  </si>
  <si>
    <t>接種巨大倒下社區當場打完送醫升高賽姓目前聲響血壓觀察頭暈身體施打桃園嚇壞</t>
  </si>
  <si>
    <t>高端疫苗23日在桃園36個社區接種站開打其中大有國中接種站有2人施打後身體不適47歲畢姓男子接種後頭暈想吐、血壓升高急送醫目前留院觀察中另一名30歲賽姓美籍女打完後當場倒下巨大聲響嚇壞現場所有人所幸人立即清醒她疑似有頭部撞擊地板情形醫護人員建議就醫仍遭拒留觀到11點返家。
47歲畢姓男子9點多在大有國中打完高端疫苗入坐觀察區時突然感到喘不過氣、想吐不久即癱軟醫護人員發現後連忙關切血壓約111／79心跳達122下醫師評估緊急送往臺北榮民總醫院桃園分院急診室就醫目前心電圖檢查正常、抽血檢查等待報告中留院觀察中。
另名30歲賽姓美國籍女性10點45分接種完高端疫苗後約3分鐘就暈倒、失去意識當場從椅子上摔下「蹦」一聲嚇壞所有人不久即恢復意識現場量測血壓111／79、心跳122因該女疑似有撞擊到頭部醫護人員建議就醫救護車也已到場備援但該女堅稱沒有不舒服、不願意送醫經現場休息觀察後於11點05分和同行接種的外籍友人一起離開。
據現場人員透露2人都說沒有吃早餐疑似因此發生不適呼籲民眾施打前仍要些微進食。
桃園市長鄭文燦一早出席武陵高中上樑典禮時表示桃園市共有5萬2000多位民眾預約第六輪國產的高端疫苗接種其中2萬6000人23日會在36個社區接種站完成另外2萬6000個民眾在160家醫療院所接種早上看來接種意願相當高出席率大概有9成多。
鄭文燦說第六輪還加開六之二期鼓勵民眾上1922網站預約預定是在8月27到29號施打他強調高端疫苗的安全性、有效性都通過食藥署專家的審議綜合效價是AZ疫苗的34倍相信也是一個很好的疫苗希望大家放心接種。</t>
  </si>
  <si>
    <t>接種疫苗桃園現場民眾高端觀察就醫醫護人員鄭文燦目前心跳意識沒有當場施打</t>
  </si>
  <si>
    <t>高端接種不適新冠肺炎台灣</t>
  </si>
  <si>
    <t>不適接種肺炎高端臺灣</t>
  </si>
  <si>
    <t>刺激協定川普馬克宏領袖達成火爆峰會大暴走歐盟</t>
  </si>
  <si>
    <t>在新冠肺炎疫情衝擊下歐盟領袖21日在氣氛火爆的峰會中終於達成7500億歐元（約25兆台幣）的經濟刺激協議。據《每日郵報》（Daily Mail）與《衛報》（The Guardian）21日報導在這場馬拉松式的火爆會議中歐盟領</t>
  </si>
  <si>
    <t>火爆歐盟衝擊領袖刺激協議經濟郵報台幣dailymail歐元衛報氣氛達成guardian終於the疫情峰會報導會議肺炎</t>
  </si>
  <si>
    <t>在新冠肺炎疫情衝擊下歐盟領袖21日在氣氛火爆的峰會中終於達成7500億歐元（約25兆台幣）的經濟刺激協議。
據《每日郵報》（Daily Mail）與《衛報》（The Guardian）21日報導在這場馬拉松式的火爆會議中歐盟領袖互相辱罵握起拳頭猛搥桌子有人甚至憤而離場。昨晚在峰會邁入第4晚時寫下歐盟有史以來最長也最火爆會議的紀錄。歐盟最長的峰會是2000年時在法國尼斯（Nice）持續了85個小時所寫下不過這次會議進行了90多個小時早已打破紀錄。
據說法國總統馬克宏（Emmanuel Macron）猛搥桌子並痛批離開房間打電話的奧地利總理庫爾茨（Sebastian Kurz）。他甚至指控荷蘭總理呂特（Mark Rutte）說他活圖元來對歐盟峰會採強硬立場的英國前首相卡麥隆（David Cameron）。而德國總理梅克爾（Angela Merkel）對峰會陷入僵持感到失望18日晚一度抽身走人離開會場。
由於荷蘭與歐洲北方夥伴國堅持「節儉」立場和要求撒錢振興經濟的法德對峙雙方僵持不下。荷蘭總理呂特直言：「我們又不是來這兒套交情好慶祝彼此下半輩子生日的而都是為了捍衛自己國家的利益才會來這兒。」
由於荷蘭、奧地利、芬蘭瑞典和丹麥強烈反對花大錢刺激受新冠肺炎重挫的經濟而獲得「節儉5國」的稱號。西班牙和義大利因疫情慘重負債累累不斷遊說歐盟夥伴大力協助。而通過的振興方案將挹注數百億計歐元給受創最嚴重的歐盟國家特別是西班牙與義大利。
法德原本提議從振興方案中提撥5000億歐元（近17兆台幣）作為不必償還的補助金可是經過徹夜協商後歐盟決定把金額降為3900億歐元（約13兆台幣）其餘3600億歐元（約12兆台幣）紓困金則透過低利貸款的方式提供。</t>
  </si>
  <si>
    <t>歐盟峰會荷蘭歐元經濟台幣總理會議立場奧地利節儉刺激離開火爆法國甚至大利寫下疫情振興</t>
  </si>
  <si>
    <t>歐盟峰會新冠肺炎武漢肺炎經濟刺激</t>
  </si>
  <si>
    <t>肺炎武漢峰會經濟歐盟刺激</t>
  </si>
  <si>
    <t>助力總統疫情</t>
  </si>
  <si>
    <t>新冠肺炎持續延燒在行政院長蘇貞昌領軍下台灣防疫成果受到國際讚揚。有網友預測蘇貞昌會是2024民進黨總統候選人。PTT鄉友貼文指出看這個樣子2024總統是蘇貞昌現在疫情做得這麼好國民黨這樣下去要怎</t>
  </si>
  <si>
    <t>蘇貞昌總統行政院長疫情現在防疫成果受到臺灣國際持續讚揚網友預測ptt指出候選人</t>
  </si>
  <si>
    <t>新冠肺炎持續延燒在行政院長蘇貞昌領軍下台灣防疫成果受到國際讚揚。有網友預測蘇貞昌會是2024民進黨總統候選人。
PTT鄉友貼文指出看這個樣子2024總統是蘇貞昌現在疫情做得這麼好國民黨這樣下去要怎麼取回政權可惡耶國民黨要爭氣。
另一位PTT網友也分析說以年齡來說蘇貞昌72歲4年後76歲。但是美國總統參選人拜登77歲、桑德斯78歲連美國總統川普都73歲了這樣來看年齡好像也還好。最重要是英系沒人能選總統行政院副院長陳其邁一定回高雄選總統也不成氣候。加上2019年蘇上任閣揆讓總統蔡英文聲望明顯上升與其看新潮流的鄭文燦、賴清德兩人互打英粉報恩挺蘇不是不可能。
底下網友留言表示「亂世才能出英雄蘇貞昌上次選總統就是敗在台灣人日子過太爽蘇貞昌才會被埋沒。只要到2024之前臺灣維持住現在這種大環境行政院體系一定比縣市長體系更有機會。」、「郭台銘都讚賞蘇貞昌的效率很可以。」
但是也有人表示不認同「可是綠營支持者很多都不喜歡年紀大的人。」、「重點是他也不會出來當新潮流吃素？」、「一個行政院長整天只會吵架。」、「笑死人上次輸幾票？」、「他敢選就叫侯友宜出來跟他對壘。」、「陳時中虐爆光頭。」、「難太老。」</t>
  </si>
  <si>
    <t>蘇貞昌總統網友臺灣行政院長出來ptt表示現在潮流上次年齡行政院國民黨一定</t>
  </si>
  <si>
    <t>防疫蘇貞昌2024總統大選新冠肺炎</t>
  </si>
  <si>
    <t>蘇貞昌總統大選防疫肺炎</t>
  </si>
  <si>
    <t>以下高中職宣佈學校場地作戰視同防疫對外開放</t>
  </si>
  <si>
    <t>因應新冠肺炎疫情升溫台中市政府教育局宣佈19日起至本學期結束前全市高中職以下校園場地除出借國家考試、檢定考試及影響學生升學權益的活動外全面暫停對外開放；教育局強調希望社區民眾共體時艱利用社區其</t>
  </si>
  <si>
    <t>教育局疫情民眾升溫希望社區台中市政府強調宣佈對外開放暫停起至結束全面活動全市本學期權益高中職以下校園升學影響場地學生出借檢定考試國家</t>
  </si>
  <si>
    <t>因應新冠肺炎疫情升溫台中市政府教育局宣佈19日起至本學期結束前全市高中職以下校園場地除出借國家考試、檢定考試及影響學生升學權益的活動外全面暫停對外開放；教育局強調希望社區民眾共體時艱利用社區其他戶外空間、公園、運動場從事運動休閒活動共同守護校園安全。
教育局長楊振昇指出為降低校園疫情風險該局日前已發函全市高中職以下學校室內場地至今年5月4日前暫停對外出借。因應疫情持續延燒教育局經審慎研議後決定全面擴大防疫措施19日起至本學期前全面暫停對外開放校園場地。
楊振昇表示教學時間外部訪客包括家長、廠商、志工等均需佩戴口罩、量體溫、手部消毒及登記基本資料後才可進入校園讓學生安心就學。針對特殊情形者則授權學校評估整體風險且能完備所有防疫工作原則下報教育局核准後專案處理。
楊振昇強調教育局已請各學校配合張貼公告希望社區民眾共體時艱利用社區其他戶外空間、公園、運動場從事運動休閒活動共同守護校園安全。</t>
  </si>
  <si>
    <t>校園教育局學校疫情楊振升全面暫停場地學生防疫風險出借日前強調對外開放全市起至以下本學期高中職希望社區民眾因應</t>
  </si>
  <si>
    <t>校園教育局台中新冠肺炎開放</t>
  </si>
  <si>
    <t>台中教育局肺炎開放校園</t>
  </si>
  <si>
    <t>高於亞洲時中嚴防確診歐洲疫情</t>
  </si>
  <si>
    <t>衛福部長陳時中6日表示目前亞洲在中國外約有六千多例有歐洲四千多例中東有三千多例很快歐洲疫情將會往上發展陳時中預測歐洲的確診案例數量可能超過亞洲案例數新冠肺炎的世界流行已經不可免！陳時中</t>
  </si>
  <si>
    <t>陳時中歐洲亞洲案例表示流行世界目前中國肺炎疫情發展確診預測已經很快超過可能數量</t>
  </si>
  <si>
    <t>衛福部長陳時中6日表示目前亞洲在中國外約有六千多例有歐洲四千多例中東有三千多例很快歐洲疫情將會往上發展陳時中預測歐洲的確診案例數量可能超過亞洲案例數新冠肺炎的世界流行已經不可免！
陳時中進一步表示亞洲這第一波疫情興起後台灣已經有守住防線但後續散播到歐洲情勢將會更複雜將影響台灣對外關係也考驗我方因應。也因此中央流行疫情指揮中心昨天提出針對「社區、企業、大型集會活動」發布疫情因應指引都是為了避免後續境外的第二波疫情攻擊台灣。</t>
  </si>
  <si>
    <t>疫情亞洲歐洲臺灣流行後續已經表示陳時中因應案例社區目前企業提出集會昨天中心活動中國確診發佈指揮</t>
  </si>
  <si>
    <t>世界歐洲亞洲陳時中新冠肺炎</t>
  </si>
  <si>
    <t>亞洲陳時中歐洲世界肺炎</t>
  </si>
  <si>
    <t>女嬰ct肺部醫護人員隔離照完</t>
  </si>
  <si>
    <t>日本山梨縣一名未滿1歲女嬰3月31日心肺機能停止被送往山梨大學附屬醫院急救經病毒檢測確診為新冠肺炎目前情況不樂觀仍在集中治療室觀察中。目前有接觸到這名女嬰的醫護人員必須進行居居家隔離。《產經新聞</t>
  </si>
  <si>
    <t>女嬰目前進行必須醫護人員停止機能山梨大學附屬醫院接觸急救病毒檢測確診觀察肺炎治療室情況集中</t>
  </si>
  <si>
    <t>日本山梨縣一名未滿1歲女嬰3月31日心肺機能停止被送往山梨大學附屬醫院急救經病毒檢測確診為新冠肺炎目前情況不樂觀仍在集中治療室觀察中。目前有接觸到這名女嬰的醫護人員必須進行居居家隔離。
《產經新聞》報導院方1日在記者會上表示女嬰心肺機能突然停止被送往醫院後緊急插管治療經胸部CT（電腦斷層掃描）檢查後發現肺部出現輕微肺炎症狀懷疑感染新冠肺炎並進行2次病毒篩檢結果皆呈陽性反應。
院方表示女嬰雖感染新冠肺炎但症狀輕微推斷應該不是造成女嬰病況加劇的原因。而女嬰父母也接受病毒檢測兩人均為陰性目前感染途徑還有待釐清。
院方不知道女嬰有感染新冠肺炎清況下在搬運過程中醫護人員沒有穿著防護裝備因此目前跟女嬰接觸的44人已進行自主隔離觀察院方也下令接觸者2周內不得到院上班。
更多 CTWANT 報導</t>
  </si>
  <si>
    <t>女嬰院方目前肺炎進行感染接觸醫護人員醫院病毒檢測觀察輕微隔離表示報導停止機能</t>
  </si>
  <si>
    <t>女嬰新冠肺炎院方進行CT</t>
  </si>
  <si>
    <t>院方肺炎進行女嬰ct</t>
  </si>
  <si>
    <t>慶鈴嘉玲持續盼到台東</t>
  </si>
  <si>
    <t>台東縣新冠肺炎31日零確診這是從25日台東縣出現首例本土病例至今首度「嘉玲」不少台東鄉親獲知都鬆了一口氣不過縣長饒慶鈴說抗疫還在持續進行中請大家千萬不要鬆懈目前台東縣本土確診人數為14人。縣</t>
  </si>
  <si>
    <t>東縣本土確診慶鈴縣長一口氣都松獲知持續鄉親進行台東嘉玲首度目前至今首例不要出現病例鬆懈是從</t>
  </si>
  <si>
    <t>台東縣新冠肺炎31日零確診這是從25日台東縣出現首例本土病例至今首度「嘉玲」不少台東鄉親獲知都鬆了一口氣不過縣長饒慶鈴說抗疫還在持續進行中請大家千萬不要鬆懈目前台東縣本土確診人數為14人。縣政府也暫停每天下午3點30分所舉行的疫情記者會。
台東縣今天傳出好消息自25日出現本土病例以來首度零確診不過饒慶鈴表示抗疫還在持續進行中請大家千萬不要鬆懈沒必要不出門不群聚、繼續拚防疫。
台東縣衛生局指出台東縣在25日於太麻裡鄉林家小館事件後出現縣內確診病例並形成傳播鏈有14人受到感染確診。縣政府自27日起在太麻裡及金峰鄉設置快篩站28日各鄉鎮市即陸續成立快篩站請鄉內民眾有疑慮請前往快篩。</t>
  </si>
  <si>
    <t>東縣確診出現病例本土縣政府首度鬆懈慶鈴不要持續一口氣鄉親都松縣長</t>
  </si>
  <si>
    <t>新冠肺炎台灣 台東縣饒慶鈴抗疫</t>
  </si>
  <si>
    <t>東縣臺灣慶鈴肺炎</t>
  </si>
  <si>
    <t>櫃檯匡列旅館確診防疫混住電梯回國</t>
  </si>
  <si>
    <t>防堵新冠病毒竄入社區凡歸國旅客、確診者或確診者接觸者皆須住進防疫旅館進行居家檢疫。一位自國外返台的女網友近日剛結束14天檢疫未料防疫旅館櫃檯竟向他透露館內非確診者和疑似個案都混住一起不但住在同</t>
  </si>
  <si>
    <t>確診防疫旅館檢疫病毒個案社區返台館內國外結束居家進行櫃檯透露歸國</t>
  </si>
  <si>
    <t>防堵新冠病毒竄入社區凡歸國旅客、確診者或確診者接觸者皆須住進防疫旅館進行居家檢疫。一位自國外返台的女網友近日剛結束14天檢疫未料防疫旅館櫃檯竟向他透露館內非確診者和疑似個案都混住一起不但住在同層樓甚至還會搭同台電梯讓該網友倒抽一口氣。
女網友在臉書社團《爆怨2公社》上發文指出近日剛從防疫旅館結束14天的居家檢疫不過在她退房時櫃檯竟告訴她做到月底就不做了原因是「這邊太危險」。
櫃檯向她透露現在旅館會收匡列的疑似個案而且還沒有和返國旅客分開。櫃檯最後更投下震撼彈「那個樓層今天一個匡列的確診跟你們搭的也是同部電梯。」
女網友聽完馬上倒抽一口氣慶幸自己已經平安度過檢疫期「如果我住防疫旅館染疫真的是不知道要說什麼了。」最後提醒從國外返台住防疫旅館的民眾回來時要注意安全千萬要保護好自己。
該貼文也引起網友討論紛紛表示「諾富特翻版？」、「防疫破口就是從隔離旅館開始的啊」、「妳應該繼續住進去一起匡列因為搭同電梯而且他確診了」、「小心！妳把病毒也帶回家了」。
不過也有網友指出匡列者和返國旅客本來都要經過14天檢疫觀察「國外回來的＝直接匡列隔離所以跟疫調匡列隔離是一樣的等級」、「防疫旅館本來就是隔離作用吧境外移入個案很多也是在防疫旅館確診的」。</t>
  </si>
  <si>
    <t>旅館防疫匡列櫃檯檢疫確診網友女網友個案隔離旅客電梯國外病毒指出最後一口氣</t>
  </si>
  <si>
    <t>防疫旅館匡列櫃檯台灣新冠肺炎</t>
  </si>
  <si>
    <t>櫃檯臺灣匡列旅館防疫肺炎</t>
  </si>
  <si>
    <t>答案專家做到口罩不用外出</t>
  </si>
  <si>
    <t>國內疫情趨緩本土病例今(12)日再度加零指揮中心昨天已宣佈全國醫院慢性病房有條件開放探病隨著警戒措施逐漸放寬外界好奇外出何時才能不用再戴口罩？專家表示終於走到這一天相信只要疫苗覆蓋率達七成以</t>
  </si>
  <si>
    <t>相信本土病例終於表示再度專家指揮口罩中心昨天不用疫苗宣佈才能全國外出醫院好奇慢性病外界</t>
  </si>
  <si>
    <t>疫情表示疫苗開放真的無法探病醫療制度國家覆蓋率終於措施招名威醫院今天指揮警戒可以外出</t>
  </si>
  <si>
    <t>戴口罩外出不用戴口罩疫苗招名威疫苗覆蓋率</t>
  </si>
  <si>
    <t>疫苗口罩招名威外出覆蓋率</t>
  </si>
  <si>
    <t>境外確診俄羅斯返台國人</t>
  </si>
  <si>
    <t>中央流行疫情指揮中心今(29)日公佈國內新增1例境外移入新冠肺炎病例(案442)為20多歲男性今(2020)年2月赴俄羅斯就學5月25日晚間(台灣時間5月26日淩晨)與其他95名國人集體搭機至日本轉機返台。指揮中心指出個</t>
  </si>
  <si>
    <t>指揮中心轉機日本集體國人淩晨境外肺炎病例男性就學俄羅斯新增國內公佈返台時間臺灣</t>
  </si>
  <si>
    <t>中央流行疫情指揮中心今(29)日公佈國內新增1例境外移入新冠肺炎病例(案442)為20多歲男性今(2020)年2月赴俄羅斯就學5月25日晚間(台灣時間5月26日淩晨)與其他95名國人集體搭機至日本轉機返台。
指揮中心指出個案於5月15日起出現喉嚨痛症狀16日出現嗅覺喪失及全身倦怠等症狀26日入境時主動通報由機場檢疫人員採檢後送至集中檢疫所隔離檢驗結果雖為陰性但因個案曾有嗅覺異常情形為求慎重昨(28)日進行二採於今日確診目前於醫院隔離治療中。
指揮中心表示與個案同行返台之其他95位民眾檢驗結果均為陰性持續於集中檢疫所健康監測。衛生單位目前已初步掌握個案接觸者共14人其中3人為個案同校同行返台接觸者11人為航空公司機組員(未入境)將透過國際衛生條例國家對口單位(IHR National Focal Point)通知日本；將進一步調查同班機是否有其他旅客以進行接觸者匡列。</t>
  </si>
  <si>
    <t>個案中心指揮返台接觸日本入境目前隔離單位嗅覺衛生進行檢疫所集中症狀陰性檢驗結果同行出現</t>
  </si>
  <si>
    <t>雙鐵解禁飲食指揮中心戴口罩新冠肺炎</t>
  </si>
  <si>
    <t>中心指揮口罩飲食解禁雙鐵肺炎</t>
  </si>
  <si>
    <t>陰性再現病例陰轉陽</t>
  </si>
  <si>
    <t>國內今天新增10例新冠肺炎確診病例有8例境外移入其中案333女子日前跟老公一起赴丹麥探親回台後出現疑似症狀一採陰性後症狀不見好轉二採竟由陰轉陽。中央流行疫情指揮中心指揮官陳時中下午在記者會中指出</t>
  </si>
  <si>
    <t>陳時中指揮官中心症狀指揮疫情病例流行境外下午中央女子陰轉陽日前老公一起丹麥探親好轉</t>
  </si>
  <si>
    <t>國內今天新增10例新冠肺炎確診病例有8例境外移入其中案333女子日前跟老公一起赴丹麥探親回台後出現疑似症狀一採陰性後症狀不見好轉二採竟由陰轉陽。
中央流行疫情指揮中心指揮官陳時中下午在記者會中指出今天新增的8例境外移入有6男、2女。其中案333於1月14日至3月14日與丈夫（案155）一同到丹麥探親15日出現頭痛、喉嚨痛、肌肉痠痛等症狀20日採檢為陰性但29日又出現發燒30日經二採後確診。
陳時中表示今天新增的8例境外移入個案年齡介於10多歲至60多歲入境日從3月6日至31日發病日為3月14日至28日發病前活動地包括：美國、加拿大、祕魯、玻利維亞、智利、阿根廷、巴西、英國、丹麥、奧地利及印尼多為出國旅遊或就學。</t>
  </si>
  <si>
    <t>丹麥出現今天新增症狀確診探親境外陰性印尼奧地利美國加拿大英國秘魯玻利維亞巴西阿根廷包括智利出國指揮</t>
  </si>
  <si>
    <t>陰轉陽丹麥探親案333案336</t>
  </si>
  <si>
    <t>探親陰轉陽丹麥</t>
  </si>
  <si>
    <t>返台痊癒隔離台女確診</t>
  </si>
  <si>
    <t>中央流行疫情指揮中心今日公佈國內新增1例境外移入新冠肺炎病例為30多歲台籍女性1月至菲律賓工作曾於6月下旬出現發燒、嗅覺喪失等症狀於當地就醫並檢出新冠肺炎陽性經住院治療後症狀改善並兩度採檢結果</t>
  </si>
  <si>
    <t>症狀肺炎中心今日公佈國內新增指揮境外曾於下旬工作出現發燒菲律賓嗅覺病例女性台籍喪失住院治療當地陽性</t>
  </si>
  <si>
    <t>中央流行疫情指揮中心今日公佈國內新增1例境外移入新冠肺炎病例為30多歲台籍女性1月至菲律賓工作曾於6月下旬出現發燒、嗅覺喪失等症狀於當地就醫並檢出新冠肺炎陽性經住院治療後症狀改善並兩度採檢結果均為陰性。但個案9月18日返台隔離檢疫結束仍覺不安心再度自費採檢檢出弱陽性。
指揮中心表示該名在菲律賓確診就醫痊癒後於7月兩度採檢陰性的台籍女性（案518）9月18日自菲律賓返台入境迄今無不適症狀機場採檢結果為陰性個案因擔心自身健康於10月3日檢疫期滿離開檢疫所後前往醫院自費採檢因檢出弱陽性(Ct值33)於今日確診目前住院隔離中。
針對案518曾在六月下旬在菲律賓當地被檢出新冠肺炎陽性但10月3日在台又確診指揮中心發言人莊人祥表示本案究竟在台灣遭二度感染亦或是在菲律賓被感染後未根除的病毒實在是很難判定若要能夠證明案518非在台感染除非能夠取得菲律賓的資料透過病毒培養的方式來進行基因定序確認是不同的病毒株後才能證明是在台感染但事實上這很難去釐清。
指揮中心指出衛生單位已初步掌握個案檢疫期滿後至住院隔離前之相關接觸者2人1人為同住家人無症狀列為居家隔離對象；1人為髮廊美髮師因雙方全程有佩戴口罩列為自主健康管理對象。
莊人祥強調案518在10月3日離開集中檢疫所曾與髮廊造型師接觸但雙方全程都有佩戴口罩因此列為自主健康管理對象至於先前將菲律賓入境採檢策略改為解隔離前全採則是9月26日後入境的旅客適用但案518是在9月18日入境因此不用進行解隔離前的採檢。
莊人祥強調境外確診個案返國必須要遵守兩大規定在國外確診從發病日到登機日期間超過兩個月間隔且症狀緩解或發病日已達十天取得兩次呼吸道採檢的陰性證明才能夠登機。
指揮中心統計截至目前累計94734例新型冠狀病毒肺炎相關通報(含93571例排除)其中518例確診分別為426例境外移入55例本土病例36例敦睦艦隊及1例不明。確診個案中7人死亡、485人解除隔離、26人住院隔離中。</t>
  </si>
  <si>
    <t>菲律賓確診隔離中心症狀指揮個案病毒肺炎入境感染陰性證明陽性能夠健康境外列為檢疫</t>
  </si>
  <si>
    <t>境外移入確診菲律賓指揮中心莊人祥</t>
  </si>
  <si>
    <t>菲律賓確診指揮中心境外莊人祥</t>
  </si>
  <si>
    <t>秀氣索取女人內褲確診稅金治療護理瘋子</t>
  </si>
  <si>
    <t>新冠肺炎（COVID-19）肆虐全球南韓的疫情也持續升溫從8月以來每天都增加3位數的確診者疫情蔓延的相當迅速。日前韓媒爆料有部份確診病患在醫院對護理師提出不合理要求「最美變性人」河莉秀聞此訊特別發文砲</t>
  </si>
  <si>
    <t>疫情確診肆虐全球變性最美南韓要求不合理提出護理持續醫院covid-升溫日前以來</t>
  </si>
  <si>
    <t>新冠肺炎（COVID-19）肆虐全球南韓的疫情也持續升溫從8月以來每天都增加3位數的確診者疫情蔓延的相當迅速。日前韓媒爆料有部份確診病患在醫院對護理師提出不合理要求「最美變性人」河莉秀聞此訊特別發文砲轟。
根據韓國媒體報導有護理師表示部分確診者會要求買咖啡、菸「甚至還有人要求幫忙洗內褲」最扯的是向病患提問還有沒有需要什麼居然有人回答「女人」不只如此有部份確診者會在醫院內任意尖叫、發出噪音、用腳踹門、把擦過鼻涕的衛生紙亂丟地上等惡劣的行徑令人髮指引起許多韓民眾譁然。
河莉秀在個人IG轉貼該篇報導內容憤恨不平地發文開罵：「瘋子用國民繳交的稅金來治療他們真的太浪費沒辦法資源回收的垃圾們拜託當個人。」並向這些確診病患喊話：「雖然知道染疫也不是（確診者）願意的但至少接受治療時要保持基本禮儀吧有夠討厭自私的人們」。
南韓雖然在起初疫情大爆發但在5月時疫情已趨緩不少還被外界視為模範生未料近期又出現疫情大流行的現象從首都周圍的教會逐漸擴散目前每天都有新增三位數的確診者根據澳洲特別廣播公司（SBS）報導宗教集會是新冠病毒傳播的高風險地點教堂湧入大量的人們禱告由於近距離接觸容易讓信徒受到感染。</t>
  </si>
  <si>
    <t>確診疫情報導要求人們治療發文個人特別南韓醫院</t>
  </si>
  <si>
    <t>新冠肺炎確診者護理師河莉秀治療</t>
  </si>
  <si>
    <t>護理確診肺炎河莉治療</t>
  </si>
  <si>
    <t>疫苗早期臨床試驗輝瑞報佳音biontech</t>
  </si>
  <si>
    <t>德國生技公司BioNTech與美國輝瑞藥廠（Pfizer）共同研發的新冠肺炎疫苗BNT162b1在早期臨床試驗獲得正面結果讓實驗對象產生的病毒抗體多過新冠肺炎痊癒者是繼Moderna、CanSino Biologics、Inovio後第四款早期臨</t>
  </si>
  <si>
    <t>肺炎早期biontech美國輝瑞藥廠inoviocansinobiologicspfizer公司moderna共同研發結果獲得實驗試驗臨床物件產生痊癒病毒</t>
  </si>
  <si>
    <t>德國生技公司BioNTech與美國輝瑞藥廠（Pfizer）共同研發的新冠肺炎疫苗BNT162b1在早期臨床試驗獲得正面結果讓實驗對象產生的病毒抗體多過新冠肺炎痊癒者是繼Moderna、CanSino Biologics、Inovio後第四款早期臨床試驗報佳音的候選疫苗。
BioNTech與輝瑞表示BNT162b1是雙方合作開發的四款新冠肺炎疫苗之一但另外三款疫苗的早期臨床試驗報告尚未出爐。
根據BNT162b1臨床試驗報告美國共有24名年齡在18至55歲的健康成年人參與實驗依10毫克、30毫克及100毫克等三種不同劑量分組注射疫苗結果發現28天後多數人體內產生的病毒抗體比新冠肺炎痊癒者還多。
以10毫克實驗組為例實驗對象在注射第二劑之後所產生的抗體數量為每毫升4813個單位30毫克實驗組在注射第二劑之後產生的抗體數量更達到每毫升27872個單位明顯高於新冠肺炎痊癒者的每毫升602個單位。
輝瑞疫苗研發部門主管多米澤（Philip Dormitzer）表示：「實驗結果顯示注射第二劑確實有效果。」
報告也指出10毫克及30毫克實驗組在注射第二劑後僅產生頭痛、發燒等輕微副作用且症狀都在一周內消退。唯獨100毫克實驗組因劑量太高導致多數人在注射第一劑後感到劇烈疼痛因而停止注射第二劑且事後產生的抗體數量也少於輕劑量實驗組。
BioNTech與輝瑞將在上述四款疫苗完成早期臨床試驗後選出最有潛力的候選疫苗擴大臨床試驗規模實驗對象最多涵蓋3萬人。雙方預計7月下旬在歐美兩地展開大規模臨床試驗假設其中一款疫苗獲得美國政府核准上市雙方將在今年底前生產1億劑並在明年底前增加12億劑。</t>
  </si>
  <si>
    <t>疫苗注射實驗實驗組臨床產生輝瑞試驗雙方劑量抗體biontech肺炎單位物件早期每毫升美國bnt表示</t>
  </si>
  <si>
    <t>抗體輝瑞疫苗肺炎毫克</t>
  </si>
  <si>
    <t>疫苗肺炎輝瑞抗體</t>
  </si>
  <si>
    <t>振興fed紓困會議經濟國際風起雲湧</t>
  </si>
  <si>
    <t>7月進入最後一周也將是這個夏季最具關鍵性的一周包括蘋果公司在內今年帶領美股從3月穀底一路反攻的科技股巨星將於本周公佈財報聯準會（Fed）本周召開為期兩天的貨幣政策會議美國國會將為新冠肺炎疫情衝擊</t>
  </si>
  <si>
    <t>美國國會會議貨幣政策召開關鍵性穀底反攻科技巨星為期今年帶領蘋果公司fed包括于本周公佈准會</t>
  </si>
  <si>
    <t>美國蘋果措施獲利市場肺炎預期經濟公佈准會給付疫情失業新一輪紓困共和黨公司科技</t>
  </si>
  <si>
    <t>全球美國蘋果聯準會新一輪</t>
  </si>
  <si>
    <t>准會蘋果美國新一輪全球</t>
  </si>
  <si>
    <t>delta中心指揮病毒感染澳門近期台男</t>
  </si>
  <si>
    <t>台灣一名50多歲男子近期前往澳門被檢出印度變異株（Delta）。中央流行疫情指揮中心表示該男今年2月中到5月8日待在印度來台後進行14天檢疫曾3次採檢都是陰性。由於男子在澳門檢出Ct值32且IgM陰性、IgG陽性</t>
  </si>
  <si>
    <t>印度澳門陰性男子表示今年中心指揮疫情ct月中流行中央delta檢疫變異igm前往</t>
  </si>
  <si>
    <t>台灣一名50多歲男子近期前往澳門被檢出印度變異株（Delta）。中央流行疫情指揮中心表示該男今年2月中到5月8日待在印度來台後進行14天檢疫曾3次採檢都是陰性。由於男子在澳門檢出Ct值32且IgM陰性、IgG陽性研判已經感染1個月應是在印度染疫目前指揮中心正設法聯繫本人進行在台接觸者匡列。
醫療應變組副組長羅一鈞表示男子去年2月到今年1月底都待在越南返台後又於2月中到5月8日期間前往印度。男子在澳門檢出Ct值32IgM陰性、IgG陽性研判非近期感染加上越南年初還沒有Delta的流行應是在印度染疫。
羅一鈞表示男子在台灣期間曾3次採檢陰性5月8日從印度返台後隔日第一次採檢陰性後進行14天檢疫5月22日期滿採檢陰性後來為了出境需求6月15日再前往採檢也檢出陰性同日從桃園國際機場出發前往澳門17日接受採檢無症狀。澳門後也通知表示男子有Delta的特徵。因男子病毒量低猜測應是使用部分基因序列比對來判斷感染什麼病毒株。
對於男子為何採檢多次都沒確診羅一鈞表示男子應是屬於陰陰陽陽的階段此次被澳門檢出可能是復陽。雖然無法知道在印度何時感染但感染的時間應已超過1個月。男子對台灣社區的風險不高但為慎重起見指揮中心仍在設法聯繫男子本人也會針對男子在台接觸者進行匡列。</t>
  </si>
  <si>
    <t>男子印度表示陰性應是澳門感染delta指揮中心前往臺灣越南病毒羅一鈞流行近期期間設法</t>
  </si>
  <si>
    <t>台灣新冠肺炎澳門Delta病毒印度</t>
  </si>
  <si>
    <t>肺炎澳門delta病毒印度臺灣</t>
  </si>
  <si>
    <t>說明時中定調鬆綁管制不會疫情分區</t>
  </si>
  <si>
    <t>國內再度本土零確診新冠肺炎疫情有明顯降溫外界好奇對各產業的限制是否有再鬆綁可能？中央流行疫情指揮中心指揮官陳時中回應哪些地方能再鬆綁下周會向社會說明而要再降級的話大方向會是全國一起降級不</t>
  </si>
  <si>
    <t>疫情鬆綁降級大方向肺炎說明明顯確診降溫外界指揮官產業中心哪些地方指揮陳時中回應限制是否流行中央可能社會</t>
  </si>
  <si>
    <t>國內再度本土零確診新冠肺炎疫情有明顯降溫外界好奇對各產業的限制是否有再鬆綁可能？中央流行疫情指揮中心指揮官陳時中回應哪些地方能再鬆綁下周會向社會說明而要再降級的話大方向會是全國一起降級不會分區。
陳時中指出有些地方對於中央說可以放寬的地方目前也還未放寬例如家人內用不用隔板的部分這些事情可以陸續先做至於哪些規定、產業可以放寬下周定案後會做說明。
對於有南部縣市希望能「分區降級」陳時中表示大方向是全國一起降級有特殊狀況的話或許會排除。目前北部地區為例都是零星個案不是大爆發因此整體而言是會全國一起。
臺北市長柯文哲昨認為防疫可降到1級並酸領薪水的人不知道民間疾苦。陳時中回應疫情期間的情緒性發言大可不必最重要是一步步往前走讓生活正常化中央、地方一起合作領薪水、沒有領薪水的人都一起合作。
陳時中也強調降級口罩也不會是鬆綁項目也許有可能會稍微放寬關於家人一起出門的規定但全面性還是以戴口罩為防疫戰略。</t>
  </si>
  <si>
    <t>一起放寬降級疫情中央鬆綁可以地方時中產業規定全國說明對於回應目前陳時中</t>
  </si>
  <si>
    <t>降級全國疫情新冠肺炎台灣</t>
  </si>
  <si>
    <t>疫情全國肺炎降級臺灣</t>
  </si>
  <si>
    <t>連月京元電訂單</t>
  </si>
  <si>
    <t>測試大廠京元電（2449）受惠於新冠肺炎疫情帶動的伺服器、筆電及平板等相關晶片需求湧現醫療相關晶片測試急單大增加上中國5G基地台及WiFi 6等新基建相關晶片測試訂單續強帶動4月合併營收衝上2585億元連續兩</t>
  </si>
  <si>
    <t>測試相關帶動合併於新冠受惠中國基地加上台及平板伺服器大增wifi訂單基建肺炎疫情京元</t>
  </si>
  <si>
    <t>測試京元電疫情帶動華為相關新高歷史京元合併海思法人肺炎wifi運算訂單預期優於創下</t>
  </si>
  <si>
    <t>法人華為海思肺炎歷史新高京元電</t>
  </si>
  <si>
    <t>海思肺炎歷史華為新高京元電法人</t>
  </si>
  <si>
    <t>人數零售業</t>
  </si>
  <si>
    <t>受到新冠肺炎衝擊梅西百貨（Macy’s）與服飾商GAP等零售業者宣佈數萬名員工自本周起將開始放無薪假。新冠肺炎疫情導致美國商業活動銳減非必要性商店被迫暫時關閉防疫零售商業績飽受衝擊產業恐掀倒閉潮。研</t>
  </si>
  <si>
    <t>衝擊肺炎產業飽受業績零售商關閉暫時防疫被迫商店必要性宣佈零售業員工gap周起銳減開始服飾商業活動</t>
  </si>
  <si>
    <t>受到新冠肺炎衝擊梅西百貨（Macy’s）與服飾商GAP等零售業者宣佈數萬名員工自本周起將開始放無薪假。新冠肺炎疫情導致美國商業活動銳減非必要性商店被迫暫時關閉防疫零售商業績飽受衝擊產業恐掀倒閉潮。
研究機構Coresight Research預期受到新冠肺炎拖累2020年美國零售業關店數量將創下15萬家的新高紀錄高於原先預估的8000家。分析師認為原本營運狀況就不佳且負債累累的業者例如JC Penney可能被迫關閉多家門市或是瀕臨破產。
梅西百貨的門市自3月17日起暫時關閉雖然線上業務仍維持運作但營收嚴重縮水。擁有125萬名員工的梅西表示大部分的員工將開始放無薪假不過仍享有健康保險。
GAP指出商店關閉期間較最初預期的4月1日來得更長因此決定讓美國和加拿大大部分的員工休無薪假不過公司仍將持續支付津貼直到門市重新對外營業。
該公司同時表示將要精簡人事但並未透露裁員人數。截至2月1日GAP聘雇129萬名員工。GAP在30日告訴員工可到其他仍持續營業和徵人的零售公司應徵短期工作。
柯爾百貨（Kohl&amp;apos;s）則計畫讓門市員工和部分公司職員休無薪假但將持續提供員工健保。柯爾百貨員工總數為122萬人。
美國知名內衣品牌「維多利亞的秘密」（Victoria&amp;apos;s Secret）母公司L Brands日前表示將自4月6日起讓大部分美國門市的員工休無薪假不過將繼續提供員工健保福利。該公司的員工人數約944萬人。
雖然沃爾瑪與亞馬遜等零售商持續增聘員工因應線上訂單激增但許多雇主調降員工薪水因應營收急速萎縮。而耐吉與露露檸檬（Lululemon）等品牌則表示在門市關閉期間將持續支付員工薪水。</t>
  </si>
  <si>
    <t>員工美國關閉門市公司表示持續百貨gap梅西衝擊肺炎預期品牌零售商人數零售業被迫</t>
  </si>
  <si>
    <t>員工無薪假肺炎門市因應</t>
  </si>
  <si>
    <t>肺炎門市因應員工</t>
  </si>
  <si>
    <t>街道軍方伊朗人民措施接受檢測</t>
  </si>
  <si>
    <t>新冠肺炎在伊朗疫情日益惡化截至13日已有11364起確診、514死為大陸境外疫情最嚴重的地區。根據官方電視台13日報導伊朗軍方下令安全部隊將在24小時之內清空伊朗全國所有街道並將對所有公民進行新冠病毒檢查</t>
  </si>
  <si>
    <t>伊朗疫情進行公民街道大陸全國境外確診之內嚴重小時地區安全部隊日益惡化電視臺截至報導下令</t>
  </si>
  <si>
    <t>新冠肺炎在伊朗疫情日益惡化截至13日已有11364起確診、514死為大陸境外疫情最嚴重的地區。根據官方電視台13日報導伊朗軍方下令安全部隊將在24小時之內清空伊朗全國所有街道並將對所有公民進行新冠病毒檢查為伊朗對抗疫情以來實施的最嚴格措施。
據路透社與法新社報導伊朗官員經常抱怨許多伊朗人民無視政府「留在家中、避免旅遊」的呼籲。對此武裝部隊總參謀長巴格裡少將（Mohammad Bagheri）在官媒上表示伊朗的「執法與安全委員會」將與內政部與地方政府合作將在未來24小時內合力清空街道與商家。
巴格裡表示在接下來的10天裡整個國家將通過網路空間、電話並在必要時進行親自監視將疑似感染病毒的人識別出來。此一措施是最高領袖哈米尼（Ayatollah Ali Khamenei）下令軍方加入抗疫行列後祭出的最強手段。
此外先前曾赴伊朗調查的世界衛生組織團隊、應急行動司司長布蘭能（Richard Brennan）表示伊朗已展現「堅強防疫工作」特別在該區內的個案管理、協調以及危機溝通等「但還需要落實更多」特別是許多優先應急地區與衛生部門間的聯繫。而伊朗衛生部門表示13日因新冠肺炎而死亡的人數一日增加85人為2月19日以來最人數最多的一次。</t>
  </si>
  <si>
    <t>伊朗表示疫情特別政府措施地區病毒下令軍方報導街道小時以來衛生部門肺炎對此武裝部隊呼籲</t>
  </si>
  <si>
    <t>新冠病毒新冠肺炎武漢肺炎全球NCP</t>
  </si>
  <si>
    <t>武漢肺炎全球病毒ncp</t>
  </si>
  <si>
    <t>新加坡部長衛生紙低能人母湯學港人</t>
  </si>
  <si>
    <t>近期中國新冠肺炎爆發導致鄰近國家如香港出現口罩之亂且民眾還紛紛搶購衛生紙與糧食近日有一段錄音檔流出內容是指新加坡貿易與工業部長陳振聲向基層解說國家如何處理口罩策略時竟暗諷香港人瘋搶口罩的行為</t>
  </si>
  <si>
    <t>口罩國家香港肺炎爆發導致鄰近流出內容錄音近日新加坡糧食貿易衛生紙工業部長搶購紛紛振聲基層</t>
  </si>
  <si>
    <t>近期中國新冠肺炎爆發導致鄰近國家如香港出現口罩之亂且民眾還紛紛搶購衛生紙與糧食近日有一段錄音檔流出內容是指新加坡貿易與工業部長陳振聲向基層解說國家如何處理口罩策略時竟暗諷香港人瘋搶口罩的行為太過「低能」呼籲新加坡人不要效仿。
綜合媒體報導受到疫情影響亞洲各國出現物資短缺的現象近日新加坡也出現人民瘋搶物資的情況所幸情況早早受控對於國人這樣行為陳振聲指出搶購現象對國家的國際地位有長遠的影響並覺得這種行為相當丟臉：「我們令自己感到尷尬真丟臉！我們令自己丟臉。」
陳振聲繼續說新加坡人不僅搶糧食還爭相買泡麵跟衛生紙直指這樣的行為跟香港人有什麼不同事實上香港人會擔心物資短缺因為他們的衛生紙是從中國進口但新加坡的衛生紙則是從馬來西亞和印尼供應的；陳振聲語出驚人地說：「沒有衛生紙用水就好了啊！為何我們會做那麼低能的事情呢？我真的是受不了。」
陳振聲最後說這些行為會讓外界對新加坡人失去信心「如果我們這麼失去理智（lose our brain）這樣容易動搖人家會和我們做生意嗎？」同時指出社會若出現這樣的恐慌就是讓供應商有趁機哄抬價格的機會：「已經有人試圖加價了如果我們繼續表現得像白癡一樣外國供應商就會再次抬價。」
更多 CTWANT 報導</t>
  </si>
  <si>
    <t>行為衛生紙振聲出現香港國家新加坡人口罩新加坡物資影響繼續低能供應商指出搶購短缺糧食近日</t>
  </si>
  <si>
    <t>陳振行為出現衛生紙新加坡人</t>
  </si>
  <si>
    <t>新加坡人陳振出現行為衛生紙</t>
  </si>
  <si>
    <t>提前新高</t>
  </si>
  <si>
    <t>今年春節提前使得2月工作天數正常卻意外面臨新冠肺炎疫情攪局多空夾擊中逆勢大增甚至創下歷史新高的個股短線易獲資金青睞包括是方（6561）、勤凱（4760）、熱映（3373）及鈊象（3293）等4檔個股。根據統計</t>
  </si>
  <si>
    <t>個股天數正常熱映意外面臨包括工作青睞肺炎多空疫情夾擊資金逆勢攪局易獲大增甚至創下歷史</t>
  </si>
  <si>
    <t>今年春節提前使得2月工作天數正常卻意外面臨新冠肺炎疫情攪局多空夾擊中逆勢大增甚至創下歷史新高的個股短線易獲資金青睞包括是方（6561）、勤凱（4760）、熱映（3373）及鈊象（3293）等4檔個股。
根據統計6日提前公佈營收的391檔個股中僅119檔個股年月雙增占比僅三成左右惟部分個股仍各擁題材強勢表現包括是方、勤凱、熱映及鈊象等4檔個股2月營收均強勢創下歷史新高。
導電漿廠勤凱因產業景氣回穩及客戶回補庫存加上5G與車用電子需求帶動2月營收達8270萬元年增6383％創下歷史新高以外其他3檔個股營收創新高主因均受新冠肺炎疫情延燒所致。
雲端服務業者是方不但延續去年IDC機房及雲端應用服務兩大產品線發展外今年更啟動骨幹網路容量擴大計畫加上疫情爆發後無論是雲端學習或線上辦公都對是方的相關產品、系統及服務有更大的需求激勵是方2月營收達到206億元年增803％。
醫材廠熱映同樣因新冠肺炎疫情導致體溫量測設備供不應求不但2月營收月增9149％年增逾兩倍強勢創歷史新高外股價更自1月中旬起如失速列車般一路狂飆截自6日的629元收盤價止短線漲幅已達276倍以上。
至於遊戲股王鈊象受惠五大網路遊戲產品穩定發展加上春節過後碰到新冠肺炎疫情不但學校延後開學許多公司也要求自主隔離帶動宅經濟商機發酵旺季拉長下2月營收延續高檔表現繳出627億元的成績年增9704％。
日盛投顧總經理鍾國忠表示台股2月營收陸續公佈營收好壞將左右個股3月中下旬走勢預期大盤在年線及月線區間整理時若有營收等基本面護體相對較能獲得資金青睞。
台新投顧副總黃文清同樣認為上市櫃公司的2月份營收大多會受到疫情拖累反觀防疫概念股可望出現大幅度的成長惟相關個股短線都已飆漲並不建議投資人進場追高。</t>
  </si>
  <si>
    <t>個股疫情加上肺炎產品雲端歷史強勢帶動公司月中相關</t>
  </si>
  <si>
    <t>肺炎檔個股強勢提前歷史新高</t>
  </si>
  <si>
    <t>提前強勢歷史個股肺炎新高</t>
  </si>
  <si>
    <t>封城竇逸</t>
  </si>
  <si>
    <t>美國新冠肺炎確診人數已超越中國成為全球感染人數最多的國家。我國也出現多例由美國移入的確診案例例如案192即是在美國急診時被診斷是「B型流感」返台後自行到院篩檢卻檢診為新冠肺炎。美國先前因新冠肺炎</t>
  </si>
  <si>
    <t>美國人數確診肺炎自行返台流感診斷急診全球感染國家超越出現例如我國</t>
  </si>
  <si>
    <t>美國新冠肺炎確診人數已超越中國成為全球感染人數最多的國家。我國也出現多例由美國移入的確診案例例如案192即是在美國急診時被診斷是「B型流感」返台後自行到院篩檢卻檢診為新冠肺炎。美國先前因新冠肺炎的檢驗費用太貴而致檢驗量低因此可合理懷疑美國前一波流感死亡人數甚多可能也含有新冠肺炎患者。
歐美已成為全球新核心疫區民眾也都很關心我國是否能抵擋得住這波歐美移入的疫情攻擊目前在防疫上還有幾點可加強。
首先暫時性的「社會阻隔」可延緩新冠肺炎病毒的散播這是國際共識然而國內還是不斷出現有居家檢疫者不遵守規定到處趴趴走或是外出採購、會客可見目前的規定嚇阻力仍不足。筆者建議對違規之居家檢疫者一律重罰且採按次或按日連犯即連罰方式。另外對於和居家檢疫者接觸的人除原同戶籍或依賴人口照護之必要者外接觸之兩方都應採按人次連犯亦連罰；此外違規者按情節延長其隔離時間或納入集中隔離並可善用公民力量來主動監測可能的防疫漏洞。唯有如此才能有效遏止疫情之擴大而避免台灣落入封城之困境。
其次由於新冠肺炎的特性是「傳得快、好得慢」曾有專家評估20%的新冠肺炎重症病患需要呼吸器治療這情景已在歐美的疫情重災區可見。歐美政府為了快速增產呼吸器甚至徵召汽車大廠一同協助製作呼吸器和其他醫療設備。反觀台灣雖因重症、無意識的長年臥床者呼吸器的使用量本來就非常大而有「呼吸器王國」稱號但本身卻沒有能力生產呼吸器。就算調配得當未來若疫情惡化是否有能上場的醫護、足夠的防護裝備或隔離空間政府應未雨綢繆。
最後目前有許多國家紛紛向當初疫災嚴重的南韓取經。而台灣和南韓的防疫措施有頗多相似處但我國並未採取南韓的普篩已有不少醫界人士建議應用快篩以界定哪些人需隔離進而讓病人分流就醫。
此外確診156案例為長照單位護理人員為避免傳染擴大政府除了對醫療照顧工作者與機構應加強監控並訂立罰則外如何讓視訊診療的使用條件有所依據而不需費時去更修《醫師法》也應盡早部署。
期待全民能體認到在病毒眼中人人都是平等的而病毒讓我們的命運串聯在一起我們須合作互助、執行「社交保距」、勤洗手避免台灣走到封城的那一天。
（作者為醫師）</t>
  </si>
  <si>
    <t>呼吸器肺炎疫情臺灣隔離美國目前防疫我國避免病毒確診人數居家檢疫南韓</t>
  </si>
  <si>
    <t>新冠肺炎呼吸器美國歐美台灣</t>
  </si>
  <si>
    <t>美國肺炎呼吸器歐美臺灣</t>
  </si>
  <si>
    <t>加強稽查延長警戒疫情</t>
  </si>
  <si>
    <t>衛福部長陳時中26日宣佈因應本土疫情持續嚴峻宣佈強化新冠肺炎第三級疫情警戒的五大管制。請全國民眾持續落實遵循與政府共同努力嚴守社區防線。相關強化措施及裁罰如下：一、民眾外出時應全程佩戴口罩一經</t>
  </si>
  <si>
    <t>民眾持續疫情宣佈時應外出如下因應相關強化措施防線社區嚴守共同努力全程嚴峻政府遵循肺炎落實警戒五大全國管制</t>
  </si>
  <si>
    <t>衛福部長陳時中26日宣佈因應本土疫情持續嚴峻宣佈強化新冠肺炎第三級疫情警戒的五大管制。請全國民眾持續落實遵循與政府共同努力嚴守社區防線。相關強化措施及裁罰如下：
一、民眾外出時應全程佩戴口罩一經查獲有違反情事不再勸導逕予開罰。二、經公告應關閉之休閒娛樂場所將嚴查不得營業；查獲違法營業者對業者、現場執業人員、消費及聚會者依法分別裁罰。三、全國餐飲業一律外帶賣場及超市加強人流管制並呼籲民眾少去多買一次購足。四、結婚不宴客喪禮不公祭。五、宗教集會活動全面暫停辦理宗教場所暫不開放民眾進入。
指揮中心提醒外出時有飲食需求者得在與不特定對象保持社交距離或有適當阻隔設備之情形下於飲食期間暫時取下口罩。</t>
  </si>
  <si>
    <t>民眾飲食外出全國查獲持續管制疫情宣佈宗教口罩營業因應情形適當設備阻隔娛樂場所距離辦理集會公祭嚴查現場社交</t>
  </si>
  <si>
    <t>全國裁罰疫情警戒新冠肺炎台灣</t>
  </si>
  <si>
    <t>警戒疫情肺炎全國臺灣</t>
  </si>
  <si>
    <t>選手兵役東奧</t>
  </si>
  <si>
    <t>東京奧運將要延期到2021年7月23日大韓體育會聲明尊重主辦方決定但他們男足國家隊可能叫苦連天。奧運男足成員有U23限制(23歲以下 1997年1月1日之後出生)延後1年可能讓他們超齡特別是韓國還有兵役問題。韓國U</t>
  </si>
  <si>
    <t>可能奧運韓國大韓體育會超齡聲明尊重主辦特別決定出生之後以下限制成員延期國家隊叫苦連天將要</t>
  </si>
  <si>
    <t>東京奧運將要延期到2021年7月23日大韓體育會聲明尊重主辦方決定但他們男足國家隊可能叫苦連天。奧運男足成員有U23限制(23歲以下 1997年1月1日之後出生)延後1年可能讓他們超齡特別是韓國還有兵役問題。
韓國U23男足在今年1月踢下奧運資格(亞足聯冠軍)主力球員就是一批1997年出生的國腳。他們指望在奧運奪牌就可免除兵役如果2021年奧運不放寬規定他們就無法參賽(每隊只允許3人超齡)可能成為延期的最大受害者。奧運的其他項目沒有限制年齡女足也沒有。
煩惱的不只是韓國澳洲足協率先請求國際奧會(IOC)、國際足總(FIFA)放寬年齡限制(改成U24)以保障這批國腳的權益。畢竟奧運資格賽是這些人踢的最後卻無法參賽太不合理。韓國足協日前也跟著提出相同請求。
韓國國手奪牌免役的動力是很有名的上屆奧運美媒也報導過這讓他們的射箭隊所向無敵(囊括全部4金 其中一面是金包銅)美國神箭手亦自嘆弗如。韓國成年男子需要服役至少21個月。不過也有韓國選手說他們不介意服役因為那是國內每個男子的義務。</t>
  </si>
  <si>
    <t>奧運韓國可能限制放寬出生請求參賽延期超齡國腳服役兵役無法資格年齡</t>
  </si>
  <si>
    <t>韓國奧運IOC南韓足球</t>
  </si>
  <si>
    <t>足球韓國南韓ioc奧運</t>
  </si>
  <si>
    <t>非本禁止國籍認為網友大於入境防疫臺灣</t>
  </si>
  <si>
    <t>新冠肺炎全球擴散台灣目前因為防疫動作確實且超前部屬仍尚未出現社區傳播的狀況但是近日多起因境外移入而出現的感染者造成國人人心惶惶。對此中時新聞網發起網路投票徵詢網友們對於「台灣是否應跟進外國</t>
  </si>
  <si>
    <t>臺灣出現擴散對於目前網友防疫徵詢投票動作網路發起確實新聞網超前對此部屬人心惶惶全球國人尚未造成是否感染者社區傳播</t>
  </si>
  <si>
    <t>新冠肺炎全球擴散台灣目前因為防疫動作確實且超前部屬仍尚未出現社區傳播的狀況但是近日多起因境外移入而出現的感染者造成國人人心惶惶。
對此中時新聞網發起網路投票徵詢網友們對於「台灣是否應跟進外國進行鎖國、禁止非公民入境」的看法投票共有2314人參與共有2057人認為應該進行鎖國防止境外移入的病例占總投票數的8889%；有240人表示進行鎖國並不恰當占總投票數的1037%；另外有17人對這個議題表示無意見。
投票結果顯示大多數的網友對於鎖國一事相當支持認為強硬的手段才有辦法防止疫情的近一步擴散而在今天早上疫情指揮官陳時中與外交部長吳釗燮也正式宣佈19日開始所有入境台灣的本國籍以及外籍人士都需要進行隔離檢疫14天並禁止大多數非必要的外籍人士入境。</t>
  </si>
  <si>
    <t>投票進行鎖國臺灣入境擴散出現防止網友對於境外認為疫情禁止表示外籍人士占總目前陳時中外交部長指揮官防疫吳釗燮超前</t>
  </si>
  <si>
    <t>台灣進行鎖國認為入境</t>
  </si>
  <si>
    <t>入境臺灣認為鎖國進行</t>
  </si>
  <si>
    <t>維持台南部分大解時中全台</t>
  </si>
  <si>
    <t>新冠肺炎疫情趨緩全台大解封。台南市長黃偉哲7日出席公開活動時雖然已經沒有戴口罩但卻還是要「逆時中」一下除要求台南市舞廳、酒店繼續維持實名制一段時間也希望第一線櫃檯人員、公車司機仍需戴口罩。黃</t>
  </si>
  <si>
    <t>台南口罩全台大解人員希望櫃檯第一線一段時間疫情市長公車維持司機黃偉哲繼續酒店舞廳公開出席</t>
  </si>
  <si>
    <t>新冠肺炎疫情趨緩全台大解封。台南市長黃偉哲7日出席公開活動時雖然已經沒有戴口罩但卻還是要「逆時中」一下除要求台南市舞廳、酒店繼續維持實名制一段時間也希望第一線櫃檯人員、公車司機仍需戴口罩。
黃偉哲表示台南市的解封基本上都以中央流行疫情指揮中心的規定為準則然後其他部分有一些要增加的項目再從這個出發點來進行負面表列。從今天看來許多民眾都已經自動地將口罩摘下來顯然民眾也都「順時中」自動解封這部分應該是大家的配合度都好；像要開始封的時候需要政府三令五申但要解封時民眾都會很自動「順時中」一點都沒有違和感。
針對台南市「逆時中」的負面表列部分黃偉哲也說台南市比較特殊的地方就是實名制還會維持一段時間第一線的櫃檯人員及公車駕駛人員等還是希望他們戴口罩同時舞廳、酒店實名制還是會維持一陣子隨時滾動式的檢討但餐廳隔板可以撤除了基本上其他部分都與中央大同小異。</t>
  </si>
  <si>
    <t>部分台南口罩黃偉哲民眾疫情自動維持表列基本上沒有已經希望中央舞廳人員酒店</t>
  </si>
  <si>
    <t>解封台南市順時中逆時中黃偉哲</t>
  </si>
  <si>
    <t>南市解封黃偉哲</t>
  </si>
  <si>
    <t>外館亞裔口罩</t>
  </si>
  <si>
    <t>新冠肺炎肆虐全球歐美地區淪為重災區近來頻傳排華、歧視亞裔事件美國總統川普將新冠病毒改稱為「中國病毒」（Chinese Virus）更像是在這波排外風潮上煽風點火。外交部昨晚表示確實有聽聞華人在海外遭遇言語</t>
  </si>
  <si>
    <t>病毒確實表示昨晚外交部煽風點火風潮華人排外像是淪為virus重災區歐美地區近來全球歧視亞裔</t>
  </si>
  <si>
    <t>新冠肺炎肆虐全球歐美地區淪為重災區近來頻傳排華、歧視亞裔事件美國總統川普將新冠病毒改稱為「中國病毒」（Chinese Virus）更像是在這波排外風潮上煽風點火。外交部昨晚表示確實有聽聞華人在海外遭遇言語羞辱或人身攻擊因此駐外館處已在網站提出警語提醒海外國人注意。
定居洛杉磯超過10年的台灣人Elly說自己雖然沒有走在路上被攻擊的經驗但是最近這陣子身邊確實有一些友人遇到不舒服的經驗這也是來美國這麼久以來第一次感受到針對亞裔的歧視感現在會盡量避免一個人走在街上的機會。
在紐約留學的小陳說美國人認為戴口罩就等於生病加上近來聽說戴口罩的亞裔走在路上遇到的歧視情形害他每次出門對於要不要戴口罩都是一番天人交戰。
在英國經營珍珠奶茶店的Jeferry說這陣子生意明顯冷淡尤其是非亞裔的客人更是大幅減少鄰近的亞洲餐廳也有類似的現象或許就是受到新冠肺炎拖累的關係。
外交部說針對海外華人遭到歧視的情況駐外館處皆有在網站提出警語加註。比如俄羅斯執法過嚴員警看到亞裔面孔又戴口罩就會直覺認為是生病直接抓進醫院檢疫隔離。又如義大利社會不斷傳出對亞裔民眾的歧視案例包括在餐廳、公共場所或大眾運輸工具等對亞裔民眾進行言語羞辱甚或人身攻擊對亞裔旅客造成安全威脅不利旅遊。</t>
  </si>
  <si>
    <t>亞裔歧視口罩美國外交部海外近來餐廳經驗遇到民眾確實生病警語人身攻擊路上駐外</t>
  </si>
  <si>
    <t>走在路上歧視肺炎網站生病</t>
  </si>
  <si>
    <t>路上肺炎網站歧視生病</t>
  </si>
  <si>
    <t>安心工作上工</t>
  </si>
  <si>
    <t>新冠肺炎疫情衝擊產業新北市補足中央政策推出「好來工作」計畫供民眾就業的迫切需求吸引405人申請目前已有291人上工新北市長侯友宜27日前往三重社福中心關心首波民眾工作狀況；受疫情影響失業近半年的</t>
  </si>
  <si>
    <t>新北疫情工作民眾衝擊產業狀況補足中央上工吸引推出日前需求市長政策侯友宜迫切關心中心就業</t>
  </si>
  <si>
    <t>新冠肺炎疫情衝擊產業新北市補足中央政策推出「好來工作」計畫供民眾就業的迫切需求吸引405人申請目前已有291人上工新北市長侯友宜27日前往三重社福中心關心首波民眾工作狀況；受疫情影響失業近半年的傅先生表示幸好市府幫忙生活才能步上軌道。
中央推動「安心即時上工計畫」規定民眾半年內須投保滿2個月才能申請長期失業民眾無法符合這項嚴格門檻。新北市放寬申請標準推出「好來工作」方案。20日啟動至今吸引超過400人申請目前上工人數為291人。
補中央上工政策不足
侯友宜27日前往三重社福大樓視察首波民眾就職的狀況新北市議員王威元、李餘典等人也都一同前往關心。侯友宜聽取社會局簡報後又前往防疫物資倉庫、辦公室關心員工狀況大家興奮與侯友宜合影。
失業民眾謝市府幫忙
26歲周小姐表示原先從事會計工作日前因生理期抵抗力減弱導致發燒竟被雇主以可能感染新冠肺炎為由要她離職雇主雖依法支付資遣費、預告工資及其他相關費用仍令她內心飽受衝擊幸好現在得到在社福大樓整理防疫物資的工作「我還年輕相信很快會重返職場」。
最多可領5萬560元
37歲傅先生表示他原先是業務主管預計今年初將前往美國未料受疫情影響無法出國又遇上車禍右腳斷成三截投履歷卻遲遲找不到工作「好來工作」專案幫助他度過生活難關。
勞工局指出「好來工作」專案內容以時薪158元每天工作8小時每月最高80小時估計每月可領薪資1萬2640元最多可領4個月共5萬560元。</t>
  </si>
  <si>
    <t>工作民眾新北申請侯友宜前往表示上工關心失業疫情中央日前狀況雇主衝擊幸好生活無法才能傅先生物資</t>
  </si>
  <si>
    <t>狀況工作上工侯友宜首波</t>
  </si>
  <si>
    <t>上工侯友宜工作狀況</t>
  </si>
  <si>
    <t>有線電視健康防疫上線新北</t>
  </si>
  <si>
    <t>受新冠肺炎疫情影響新北市暫時銀髮俱樂部和社區照顧關懷據點的開放和活動為讓長者在家仍能持續運動保持身體健康提升免疫力新北市府透過13家有線電視業者拍攝「防疫動健康、大家一起來」教學影片今（1）</t>
  </si>
  <si>
    <t>新北一起健康疫情防疫影響拍攝業者有線電視暫時透過銀髮社區照顧市府關懷俱樂部據點開放活動長者在家持續運動</t>
  </si>
  <si>
    <t>受新冠肺炎疫情影響新北市暫時銀髮俱樂部和社區照顧關懷據點的開放和活動為讓長者在家仍能持續運動保持身體健康提升免疫力新北市府透過13家有線電視業者拍攝「防疫動健康、大家一起來」教學影片今（1）日起正式上線每天上午8時和下午3時在各系統第3頻道播出20分鐘讓長者在家中也能跟著一起運動。
永和民權社區理事長邱秀蘭表示據點已經暫停運作一個月許多長輩都無法到據點活動非常感謝市府拍攝動健康教學影片讓長者在家每天至少2次可以跟著動一動。
社會局長張錦麗表示除了銀髮俱樂部、社區照顧關懷據點暫停運作還有松年大學、銀色奇肌班和樂齡學習中心等春季班都已暫停開課市長侯友宜為了讓長者持續運動保健康與13家有線電視業者合作拍攝「防疫動健康、大家一起來」教學影片包含揚生自癒力、菲特邦肌耐力、梅門甩活力和福智護身力等市長還帶頭一起運動希望長者在家也能勤勞運動。</t>
  </si>
  <si>
    <t>長者運動一起據點暫停在家影片新北社區市長教學表示市府活動運作拍攝持續有線電視銀髮健康業者俱樂部照顧</t>
  </si>
  <si>
    <t>新冠肺炎動健康新北市侯友宜銀髮族</t>
  </si>
  <si>
    <t>新北健康肺炎侯友宜銀髮</t>
  </si>
  <si>
    <t>減半停車大門防疫人流全民管制</t>
  </si>
  <si>
    <t>因應新冠肺炎疫情各地景點實施人流管制太魯閣國家公園即日起實施停車場減半管制措施有遊客繞了幾圈沒停車位就離開但多表示配合不覺得不方便另縣府做出最新決定配合中央疫情指揮中心規定花蓮東大</t>
  </si>
  <si>
    <t>疫情配合管制實施指揮中央景點決定做出最新方便不覺表示離開人流停車位遊客措施國家公園即日起減半停車場中心</t>
  </si>
  <si>
    <t>因應新冠肺炎疫情各地景點實施人流管制太魯閣國家公園即日起實施停車場減半管制措施有遊客繞了幾圈沒停車位就離開但多表示配合不覺得不方便另縣府做出最新決定配合中央疫情指揮中心規定花蓮東大門夜市規劃單一出入口一次最多開放5000人進入預計下週實施。
太魯閣國家公園管理處副處長張登文說配合中央防疫措施今起在遊客中心、布洛灣、天祥3個園區內大型停車場實施停車格減半的管制措施停車場設有告示牌與移動式護欄機車格不管制。行政中心、遊客中心及各管理站也都必須戴口罩才能進入室內設置排隊標線讓遊客維持15公尺的社交距離。
太管處表示遊客中心原有小客車位67格、大客車19格布洛灣小客車158格、大客車30格天祥則有小客車59格、大型車19格全部減半。
此外防疫期間避免夜市人潮擁擠中央擬要求夜市市場採單一入口方向管制人流並依照空間計算合適流量花蓮縣府觀光處工商管理科長林政穎說東大門夜市面積換算安全人數最多可容納7000人縣府將標準提高至5000人。
林政穎指出目前計劃各夜市單一出入口有管制人員駐點統計人數、提醒遊客戴口罩4月底前也將設置紅外線熱顯像儀量測體溫管制時間從傍晚5時至9時30分並視人潮狀況延長。
林政穎說進出口處管制人員每半小時至1小時統計人數若超過限額就停止放行預計13日會與各夜市管委會主委開會討論細節最快14日起實施。</t>
  </si>
  <si>
    <t>管制遊客夜市中心實施縣府林政穎中央配合人數單一措施停車場疫情設置人潮減半進入預計表示人流</t>
  </si>
  <si>
    <t>新冠肺炎東大門太魯閣花蓮武漢肺炎</t>
  </si>
  <si>
    <t>肺炎大門花蓮武漢</t>
  </si>
  <si>
    <t>局長落實業者無法重話民航防疫感染突破性檢討航線機師</t>
  </si>
  <si>
    <t>國內連續發生3起機師突破性感染正當社會防堵破口之際卻傳出其中1名確診機師未誠實回報身體狀況還外出與人聚餐今遭到航空公司開除。交通部民用航空局局長林國顯表示已打電話給華航與長榮的董事長請他們立</t>
  </si>
  <si>
    <t>機師華航打電話表示國顯突破性局局長感染民用航空交通部開除正當公司航空遭到社會堵破口聚餐外出傳出</t>
  </si>
  <si>
    <t>國內連續發生3起機師突破性感染正當社會防堵破口之際卻傳出其中1名確診機師未誠實回報身體狀況還外出與人聚餐今遭到航空公司開除。交通部民用航空局局長林國顯表示已打電話給華航與長榮的董事長請他們立即檢視並清理所有防疫環節尤其是外站的防疫泡泡若無法落實防疫「就應該檢討航線的運作。」
由於本周已經發生3起完整接種疫苗的機師染疫民航局今日再次要求桃園國際機場等有國際線航班營運的機場嚴格檢視機場清消作為並應確認執行。
林國顯指出基於對國際疫情的研判民航局先前建議指揮中心修正機組員居家檢疫規定取消可在符合規定住所居家檢疫的規定自上月28日起要求需執行居檢的機組員一律入住防疫旅宿或防疫宿舍。指揮中心則提前自昨日起針對已經完整接種疫苗的長程航班機組員實施返國後居需接受「5天居家檢疫＋9天加強版自主健康管理」規定。
對於新防疫要求帶來的防疫旅館需求民航局表示已配合指揮中心與桃園市政府共同檢視桃園地區5家防疫旅館只要各項環節均能符合防疫規定就會立即啟用供機組員入住居檢。
針對昨天確診的機師可能違反防疫規定民航局表示已著手調查相關事證如果確認違規就會依違反《傳染病防治法》開罰。此外民航局已要求長榮自8月21日後飛過芝加哥航線的機組員全部召回採檢並執行居家檢疫共召回283人。
林國顯說他在今日上午打電話給華航董事長謝世謙、長榮董事長林寶水請他們立即檢視並清理所有防疫環節尤其是外站的防疫泡泡務必要確認符合指揮中心的防疫要求無法落實「就應該檢討航線的運作」。</t>
  </si>
  <si>
    <t>防疫要求規定機師民航機組員中心檢疫指揮居家確認執行國顯桃園表示航線國際確診違反今日</t>
  </si>
  <si>
    <t>新冠肺炎台灣防疫機組員民航局</t>
  </si>
  <si>
    <t>防疫臺灣肺炎機組員民航</t>
  </si>
  <si>
    <t>指揮出爐中心接種高端</t>
  </si>
  <si>
    <t>中央流行疫情指揮中心今（25）日表示自8月23日至8月29日完成第一劑高端疫苗接種之民眾公費疫苗預約平臺預計於9月27日提供接種第二劑屆時符合預約資格或收到簡訊提醒者即可預約接種。另若有出國急迫性須於第一</t>
  </si>
  <si>
    <t>接種預約疫苗指揮中心即可收到平臺資格符合預計屆時疫情高端民眾簡訊公費提醒提供表示出國流行完成急迫性中央須於</t>
  </si>
  <si>
    <t>中央流行疫情指揮中心今（25）日表示自8月23日至8月29日完成第一劑高端疫苗接種之民眾公費疫苗預約平臺預計於9月27日提供接種第二劑屆時符合預約資格或收到簡訊提醒者即可預約接種。另若有出國急迫性須於第一劑後滿28天接種者請地方政府衛生局指定轄內合約醫療院所於預約平臺開打（9月27日）前酌情提供接種。
指揮官陳時中說明高端疫苗在打的時候沒有相關實驗可以延長第二劑天數所以希望把第二劑限定在28天後施打以確保效果當然以後會不會延長時間要等有相關研究基礎再來做安排。
指揮中心發言人莊人祥說明高端第二劑接種時間之所以選在9月27日是因為要確保8月23日到29日接種第一劑的民眾都能滿28天。陳時中透露有可能當周不是輪到高端疫苗可能會兩種疫苗一起打由於高端是單劑型其他疫苗不是單劑型搞混的機會相對低。
陳時中說明高端第二劑基本上都要在公費疫苗預約平臺來進行但由於民眾在國外沒辦法打高端疫苗因此如果急需出國者可提供相關證明至指定合約醫療院所接種但仍要滿28天。
指揮中心指出高端疫苗目前第二劑接種間隔至少28天已於國內接種第一劑高端疫苗之民眾若因緊急出國需提前接種第二劑疫苗者可提供具有付款紀錄之機票與出國日程及留學入學證明或公司外派出國等證明文件至指定之合約醫療院所經醫師評估後進行接種。
民眾前往接種COVID-19第二劑疫苗前請備妥「COVID-19疫苗接種紀錄卡」及「健保卡」若「COVID-19疫苗接種紀錄卡」已遺失民眾可返回第一劑接種之醫療院所補發再完成第二劑接種。
接種前接種單位需核對民眾身分資料、主動詢問民眾疫苗接種史檢視民眾COVID-19疫苗接種紀錄卡紀錄及健保卡註記貼紙資料如均無相關接種證明或資訊者除可使用網路連線「全國性預防接種資訊管理系統」(NIIS)查詢子系統查詢疫苗接種史合約醫療院所亦可透過雲端藥歷系統等連結查詢以確認疫苗接種間隔及廠牌是否符合規範。</t>
  </si>
  <si>
    <t>接種疫苗高端民眾相關醫療預約院所提供合約指揮證明出國中心說明紀錄指定平臺資訊資料系統</t>
  </si>
  <si>
    <t>高端國產疫苗高端疫苗新冠疫苗新冠肺炎</t>
  </si>
  <si>
    <t>疫苗高端肺炎</t>
  </si>
  <si>
    <t>困擾引發單位賴士葆互唱陳時中</t>
  </si>
  <si>
    <t>蔡政府取得疫苗牛步指揮中心指揮官陳時中說先專注完成鴻海、台積電採購1000萬劑BNT專案太多單位自購會引發困擾。藍委賴士葆表示陳的說法彷彿欲幫國家取得戰略物資疫苗的團體是來亂的或博取名聲且和蔡英</t>
  </si>
  <si>
    <t>疫苗取得團體牛步戰略物資指揮陳時中指揮官專注完成台積電採購bnt專案單位引發困擾藍委中心賴士葆國家</t>
  </si>
  <si>
    <t>蔡政府取得疫苗牛步指揮中心指揮官陳時中說先專注完成鴻海、台積電採購1000萬劑BNT專案太多單位自購會引發困擾。藍委賴士葆表示陳的說法彷彿欲幫國家取得戰略物資疫苗的團體是來亂的或博取名聲且和蔡英文總統說「用盡所有的方法與管道⋯拿到疫苗⋯」的說法相互矛盾難道是蔡和陳互唱黑白臉嗎？
賴士葆說感謝立陶宛將捐助2萬劑AZ疫苗顯然台灣缺乏疫苗的窘境已經引起世界各國的注意。現今有將近500萬劑可以施打的疫苗絕大多數是靠捐贈而來包含來自美國的250萬劑、日本的124萬劑政府自行採購的只有110萬左右。
賴士葆表示台灣的經貿實力在世界排名前段班如今疫苗卻淪落到世界的後段班主要需靠人捐贈情何以堪國人很期待看到的畫面應該是如防疫前半場台灣送世界很多國家口罩的「Taiwan can help」而非現在疫苗階段需靠人捐贈的「Taiwan needs help」。
賴士葆指出很多國家準備的疫苗是人口總數的幾倍並且已經在儲備及採購明年的疫苗台灣目前連讓國人打完第一劑都很困難所以蔡英文總統在受訪的時候說「用盡所有的方法跟管道希望拿到疫苗任何廠牌都願意去試」但事實真是如此嗎？
賴士葆說基於愛護斯土斯民幾個縣市政府、鴻海、台積電、佛光山、孫文學校總校長張亞中、慈濟等都紛紛表達想要發揮影響力幫助取得疫苗救命全民都樂見其成指揮官陳時中卻說緊急授權給台積電和鴻海是特殊的採購專案如果多家同時申請管道太多可能妨礙正進行中的採購專案。
賴士葆認為陳時中的思維真的很讓人瞠目結舌原來出錢出力要幫國家取得戰略物資的疫苗在指揮中心的眼中竟成為幹擾的因素好像是來亂的或是來博取名聲的所以不歡迎。陳這種說法除了突顯他官大學問大的官僚作風外顯然與蔡英文的說法相互矛盾。
賴士葆質疑看來要幫政府做事要有唾面自乾的本事政府僚氣的列出一堆原則、檔讓各路人馬識相最後知難而退這就是現今的光景這是蔡英文和陳時中互唱黑白臉嗎？</t>
  </si>
  <si>
    <t>疫苗賴士葆採購臺灣說法蔡英文政府國家世界取得陳時中台積電捐贈專案管道指揮官現今</t>
  </si>
  <si>
    <t>新冠肺炎台灣賴士葆疫苗陳時中</t>
  </si>
  <si>
    <t>賴士葆肺炎臺灣疫苗陳時中</t>
  </si>
  <si>
    <t>大方營運</t>
  </si>
  <si>
    <t>電源管理IC廠致新（8081）股利政策出爐預計每股將配發95元配發現金創新高配發率超過七成現金殖利率達492％。法人預期致新第一季合併營收將有望持續受惠於遠端辦公／教育熱潮推動的筆電、面板電源管理IC</t>
  </si>
  <si>
    <t>現金配發熱潮教育推動超過辦公電源於遠受惠利率管理持續ic有望法人預期股利政策</t>
  </si>
  <si>
    <t>電源管理IC廠致新（8081）股利政策出爐預計每股將配發95元配發現金創新高配發率超過七成現金殖利率達492％。法人預期致新第一季合併營收將有望持續受惠於遠端辦公／教育熱潮推動的筆電、面板電源管理IC需求續旺上半年營運將可望創下歷史同期新高。
致新17日公告股利政策預計每股將配發95元現金股利每股配發現金股利創下新高配發率約77％以致新17日收盤股價193元計算現金殖利率約492％。致新亦公告股東常會日期預計將於6月10日在致新新竹總公司召開年度股東常會。
法人指出致新2020年受惠於新冠肺炎帶起的遠端辦公／教育熱潮推動筆電及螢幕的電源管理IC出貨暢旺加上子公司類比科營運暢旺挹注使致新2020年財報繳出亮眼成績單。
對於2021年展望法人看好當前筆電、電視及螢幕等遠端辦公／教育和宅經濟需求仍維持高檔使致新訂單能見度有望一路放眼到第二季且加上當前晶圓代工、封測產能吃緊拉高致新投片成本致新亦將其轉嫁給客戶因此預估致新本季合併營收將可望突破20億元關卡並且再度改寫新高表現。
且進入第二季後隨著工作天數恢復正常致新出貨動能亦將開始全力衝刺將有望使電源管理IC出貨量再度向上攻高法人預期致新單季合併營收將有機會再度挑戰新高水準使上半年營運創下歷史同期高峰。
供應鏈指出目前筆電、螢幕等宅經濟需求仍維持高檔加上這波晶圓代工、封測產能吃緊問題恐至少延續到2021年底因此客戶備貨需求維持在強勁水準擔心再度面臨缺貨問題因此看好致新全年業績至少有機會達雙位數成長表現。
除此之外致新目前正全力進攻PC平臺市場希望能以V-Core等關鍵電源管理IC打入英特爾、超微等參考設計名單當前雖然在耕耘階段但若是成功獲選為參考設計名單將可望替致新帶來大筆業績。</t>
  </si>
  <si>
    <t>再度ic法人管理電源需求新高當前有望加上可望現金營運維持創下表現</t>
  </si>
  <si>
    <t>螢幕法人營運教育筆電</t>
  </si>
  <si>
    <t>教育法人營運</t>
  </si>
  <si>
    <t>台法情侶韓國登記姻緣</t>
  </si>
  <si>
    <t>520吸引大批戀人登記成為夫妻八德戶政事務所有73對新人登記其中有法國丈夫為愛遠赴台灣。也有機場地勤、桃園醫院護理師夫妻在疫情期間勇敢站上第一線20日在眾人祝福下成為彼此的另一半。八德區25歲新人張巧</t>
  </si>
  <si>
    <t>夫妻成為登記新人一線祝福站上勇敢期間眾人疫情臺灣護理機場地勤丈夫醫院桃園法國事務所戶政</t>
  </si>
  <si>
    <t>520吸引大批戀人登記成為夫妻八德戶政事務所有73對新人登記其中有法國丈夫為愛遠赴台灣。也有機場地勤、桃園醫院護理師夫妻在疫情期間勇敢站上第一線20日在眾人祝福下成為彼此的另一半。
八德區25歲新人張巧穎和法國丈夫Thomas George在韓國相識當時張巧穎前往旅遊George則是在張住宿的青年旅社打工2人互加網路社群好友後譜出戀曲。George決定為愛飛來台灣也努力學習中文。2人在520前往八德戶政事務所登記互許終身。
另外在桃園醫院擔任護理師的新人吳姍庭丈夫是桃園機場地勤2人透過朋友介紹認識。在新冠肺炎疫情期間2人成為社會最強後盾1位守在國門第一線1位則是醫療最強防線壓力相當大2人也彼此鼓勵對方並決定在520登記結婚。
另外化學工程的張中瑋與任職會計的黃資婷兩人透過線上遊戲認識黃資婷說男方曾在她身體不適時趕到高雄親手送上煲湯令她相當感動。此外蘇姓、翁姓女子透過交友軟體認識翁女為了有氣喘的蘇女還決定戒菸也感謝開放同性婚姻讓她們可以給對方名分。
八德區戶政事務所主任王瓊慧表示每年在520都有許多情侶登記今年因防疫需要戴上口罩還規畫彩繪口罩給另一半傳達愛意也和附近飲料店合作發放飲料振興兌換券。也另外送上金鏟子祝福新人好孕到。</t>
  </si>
  <si>
    <t>登記新人george認識決定成為透過丈夫桃園戶政事務所祝福相當對方前往夫妻黃資婷期間疫情</t>
  </si>
  <si>
    <t>登記520八德新人戶政</t>
  </si>
  <si>
    <t>登記 520八 德 新人 戶政</t>
  </si>
  <si>
    <t>新人登記戶政</t>
  </si>
  <si>
    <t>數字比較名單除名</t>
  </si>
  <si>
    <t>由於多國紛紛質疑中方提供的新冠肺炎確診與死亡數字英國政府已將中國大陸排除在新冠肺炎疫情的比較名單外。據《每日郵報》（Daily Mail）25日報導就在國際社會日益懷疑北京隱瞞疫情之際這對中方無異是打臉。先</t>
  </si>
  <si>
    <t>疫情中方肺炎無異之際提供社會國際報導隱瞞懷疑日益mail北京daily郵報名單已將英國政府確診比較中國數字死亡</t>
  </si>
  <si>
    <t>由於多國紛紛質疑中方提供的新冠肺炎確診與死亡數字英國政府已將中國大陸排除在新冠肺炎疫情的比較名單外。
據《每日郵報》（Daily Mail）25日報導就在國際社會日益懷疑北京隱瞞疫情之際這對中方無異是打臉。先前美國總統川普已指控世界衛生組織（WHO）和北京串通以淡化新冠肺炎疫情。儘管中方說境內新冠肺炎死亡人數不到5千但國際普遍存疑。
報導說武漢人認為當地的死亡人數約42萬人而不是中方所說的約3182人。連武漢市長在受訪時也說中共領導階層直到1月20日時才讓他對大眾發出疫情警告。川普因不滿WHO為中方掩飾已中止美國金援。
而包括德國總理梅克爾（Angela Merkel）還有法國總統馬克宏（Emmanuel Macron）等世界領袖在內也都不贊同北京提供不實訊息。梅克爾力促北京要對新冠肺炎的起源還有最初的傳染提供透明的資訊。
另一方面馬克宏在接受《金融時報》（Financial Times）專訪時也說中方的數字無法和自由國家的數字相比。「我們不知道」他說「顯然那兒發生了我們所不知道的事。」</t>
  </si>
  <si>
    <t>中方疫情北京肺炎提供死亡數位馬克巨集總統還有報導美國梅克爾川普國際who人數知道相比金融時報</t>
  </si>
  <si>
    <t>新冠肺炎武漢肺炎全球英國川普</t>
  </si>
  <si>
    <t>武漢肺炎全球英國川普</t>
  </si>
  <si>
    <t>委員國會聯絡人交通委員會確診呼籲邱臣遠助理自主健康法院管理</t>
  </si>
  <si>
    <t>立法院再添確診案例立法院交通委員會召委、民眾黨立委邱臣遠稍早透過影片證實內政部移民署國會同仁昨被通知確診據悉該員5月13日曾到立法院交通委員會參與政府採購法審查目前已通知辦公室同仁異地辦公並</t>
  </si>
  <si>
    <t>通知法院確診同仁交通委員會影片透過證實內政移民署目前審查國會政府採購參與據悉該員辦公室邱臣遠案例</t>
  </si>
  <si>
    <t>立法院再添確診案例立法院交通委員會召委、民眾黨立委邱臣遠稍早透過影片證實內政部移民署國會同仁昨被通知確診據悉該員5月13日曾到立法院交通委員會參與政府採購法審查目前已通知辦公室同仁異地辦公並監測身體狀況也呼籲交通委員會委員及其國會助理自行自主健康管理若有身體不識立即通報相關單位。
邱臣遠指出交通委員會稍早接獲通知指稱內政部移民署國會同仁5月18日快篩為陰性但天被通知陽性確診。據悉該員5月13日曾到立法院交通委員會參與政府採購法審查接獲通知後立即通知辦公室同仁本周立法院停會期間實施異地遠端視訊辦公並請同仁監測身體狀況保持自主健康管理狀態。
邱臣遠也呼籲同屬交通委員會的委員跟國會助理隨時注意身體狀況若有身體不適通知相關單位也呼籲疫情嚴峻當下採取遠端異地辦公模式少接觸、勤洗手、戴口罩大家一起為防疫盡一份心力一起度過難關。</t>
  </si>
  <si>
    <t>通知同仁交通委員會國會法院異地身體狀況邱臣遠辦公呼籲確診單位立即相關身體健康管理自主辦公室內政監測</t>
  </si>
  <si>
    <t>新冠肺炎台灣邱臣遠交通委員會確診</t>
  </si>
  <si>
    <t>邱臣遠肺炎臺灣交通委員會確診</t>
  </si>
  <si>
    <t>今年金額銷售去年泰嘉</t>
  </si>
  <si>
    <t>南台灣中型建商泰嘉開發去年營收39億元年增30％面對「新冠肺炎」肆虐在80％以上的大型活動取消之際泰嘉13日仍然舉行「員工聚餐」泰嘉董事長呂金發指出此波疫情造成全球金融市場波動劇烈難免會影響市</t>
  </si>
  <si>
    <t>波動開發金融市場去年全球造成疫情指出呂金髮面對董事長劇烈肆虐聚餐員工商泰嘉舉行以上仍然泰嘉大型活動取消</t>
  </si>
  <si>
    <t>南台灣中型建商泰嘉開發去年營收39億元年增30％面對「新冠肺炎」肆虐在80％以上的大型活動取消之際泰嘉13日仍然舉行「員工聚餐」泰嘉董事長呂金發指出此波疫情造成全球金融市場波動劇烈難免會影響市場購屋信心但首購或首換產品在剛性需求下最多只是買氣遞延因此泰嘉分別在高雄和台南的3大建案總銷約78億元仍將如期推出。
泰嘉開發今年受到大陸「新冠肺炎」（COVID-19）疫情的影響13日晚間舉行的「春酒」縮小規模改為公司內部員工聚餐前高雄市建築開發公會房屋市場委員會主委、泰嘉開發董事長呂金發表示泰嘉開發2019年房屋銷售金額創下公司成立10年來的新高達到39億元比起2018年的30億元足足成長3成。
他說農曆年前爆發的大陸「新冠肺炎」疫情延燒打亂了整體市場的推案節奏南台灣市場年後的來人低於預期許多成交數字當然也受到影響而影響的時間有多長除了視疫情發展的嚴重性以外全球股匯市短期的波動程度也是這波市場觀察的重要指標。
呂金發指出這波「新冠肺炎」疫情造成全球金融市場波動劇烈難免會影響市場購屋信心但與17年前的SARS不同的是目前市場多屬預售推案以15樓建築而言也要1年半至2年完工至於超高層建築更需2年半至3年半左右加上利率水準低建商資金結構紮實地價和建築成本高漲因此消費者要因此撿便宜的機會並不高。
他說短期影響比較直接的是單價創新高的投資型產品、或是高總價的換屋型產品但是首購或首換產品在剛性需求下最多只是買氣遞延。
呂金發表示儘管疫情來襲泰嘉開發今年的推案步調並未改變總共有3大建案包括台南九份子總銷約38億元的「水律川」大樓住宅、台南安平港20億元建案、以及高雄七賢路20億元建案將如期從三二九檔期開始陸續推出。
他說泰嘉位於台南九份子的第4個建案「水律川」基地共1775坪是泰嘉成立以來推案樓高最高的27層住宅大樓也是總銷最大的個案大約38億元預定329 期公開。
呂金發表示位於目前銷售中的台南安平港國平重劃區「水悅灣」旁的1000坪基地將在年底動工興建樓高26層的住宅大樓總銷約20億元而位於高雄七賢路靠近民族路旁的400坪基地則是預定年中動工興建樓高29層的住宅總銷也是20億元左右至於這2個建案的開賣時程則視市場買氣而定。</t>
  </si>
  <si>
    <t>市場泰嘉開發影響疫情呂金髮建築台南肺炎位於住宅基地大樓產品</t>
  </si>
  <si>
    <t>泰嘉建案呂金發新冠肺炎總銷約</t>
  </si>
  <si>
    <t>呂金髮肺炎泰嘉</t>
  </si>
  <si>
    <t>川普解新冠</t>
  </si>
  <si>
    <t>儘管紐約州新冠肺炎死亡人數已破萬但州長古莫（Andrew Cuomo）認為「最糟的已經過去」住院人數似乎進入高原期單日新增死亡人數為671名大約是一周來的最低數字。據BBC新聞網14日報導美國東部6州州長已開</t>
  </si>
  <si>
    <t>人數死亡州長東部新聞網報導bbc數字美國最低大約住院似乎過去認為cuomo已經最糟andrew古莫肺炎新增高原期</t>
  </si>
  <si>
    <t>川普開放重新州長美國總統人數死亡政府解除想要方式計畫瞭解新聞網強調</t>
  </si>
  <si>
    <t>武漢肺炎新型冠狀病毒全球美國加州</t>
  </si>
  <si>
    <t>冠狀病毒全球肺炎美國武漢加州</t>
  </si>
  <si>
    <t>超前部署營運飆漲歐洲線</t>
  </si>
  <si>
    <t>貨櫃航運歐洲線運價在第四季高角度大漲9379％上周更以2091美元／TEU（20呎貨櫃）再創新高價。適逢年底歐洲線合約價簽訂期限預期將調漲23％對長榮而言是利多不斷長榮表示10艘專營歐洲線24萬TEU貨櫃船</t>
  </si>
  <si>
    <t>貨櫃 航運 歐洲線 運價 在 第 四季 高 角度 大 漲 9379 上周 更以 2091 美元 teu 20 遲 貨櫃 再創新高 價 適逢 年底 歐洲線 合約 價 簽訂 期限 預期 將 調 漲 23 對 長 榮 而言 是 利多 不 斷 長 榮 表示 10 艘 專營 歐洲線 2 4萬 teu 貨櫃船</t>
  </si>
  <si>
    <t>歐洲線teu貨櫃表示四季簽訂角度期限預期再創新高上周更以專營運價合約年底適逢</t>
  </si>
  <si>
    <t>貨櫃航運歐洲線運價在第四季高角度大漲9379％上周更以2091美元／TEU（20呎貨櫃）再創新高價。適逢年底歐洲線合約價簽訂期限預期將調漲23％對長榮而言是利多不斷長榮表示10艘專營歐洲線24萬TEU貨櫃船2021年陸續交船投入營運。
今年初貨櫃航運亞洲至歐洲航線運價每TEU為1124美元但因新冠肺炎疫情擴散歐洲各國開始封鎖限縮經濟活動貨量也隨之下滑一直到3月中旬一度跌到每TEU為725美元自10～11月開始隨著市場缺櫃的情形越來越吃緊亞洲至歐洲航線每TEU的即期市場運價也跟著水漲船高上周每TEU已經漲破2000美元達2091美元一周上漲2719％再刷新歷史新高單周漲幅創2016年9月第一周新高光是第四季以來歐洲線已上漲了9379％今年高低價相較漲幅更大18841％逼近兩倍。
由於北美航線運價處在高峰不遂歐洲線、東南亞航線第四季大漲歐洲線占長榮營收比重30％北美線30％因為長榮歐洲線多數採現貨價為主合約價比重低長榮10日公佈11月營收將有望再創下新高。
此外適逢年底前歐洲線合約價簽訂期總部位於丹麥哥本哈根的國際航運研究機構Sea-Intelligence在日前的報告中指出亞洲至歐洲航線近期運價快速攀升進而推升年度合約運價水準預期2021年亞歐市場的合約價將比今年調漲23％。
今年貨櫃航運市況大榮景長榮兩年前抓住景氣穀底期投入造船計畫精準趕上此波景氣大循環長榮表示其中五艘12萬TEU貨櫃船已投入北美航線外2021年尚有15艘。
長榮也針對歐洲線訂造10艘全球超大型24萬TEU貨櫃船將在2021年陸續交船。挾著天時、地利、人和等利多長榮今年第四季及2021年營運看法正面且樂觀。</t>
  </si>
  <si>
    <t>teu歐洲線運價航線合約四季歐洲貨櫃今年投入市場北美亞洲開始航運漲幅貨櫃船景氣</t>
  </si>
  <si>
    <t>貨櫃航運營運新高合約價每TEU</t>
  </si>
  <si>
    <t>合約營運新高航運teu貨櫃</t>
  </si>
  <si>
    <t>接觸腎病確診感染院內新增臺北市陽性</t>
  </si>
  <si>
    <t>繼亞東醫院、高雄仁惠醫院後今日國內新增1起院內感染事件中央流行疫情指揮中心醫療應變組副組長羅一鈞說臺北市某血液透析中心1名洗腎病患確診後4名接觸者快篩檢出陽性目前11名工作人員、67名病患都在隔</t>
  </si>
  <si>
    <t>中心醫院今日工作人員國內目前新增陽性院內感染事件仁惠中央接觸流行疫情指揮醫療應變確診組長</t>
  </si>
  <si>
    <t>繼亞東醫院、高雄仁惠醫院後今日國內新增1起院內感染事件中央流行疫情指揮中心醫療應變組副組長羅一鈞說臺北市某血液透析中心1名洗腎病患確診後4名接觸者快篩檢出陽性目前11名工作人員、67名病患都在隔離中。
羅一鈞說除了昨天說的2起院內感染事件亞東、仁惠今日也新增1血液透析中心群聚事件。臺北市的血液透析中心一名洗腎病患在5/12出現虛弱症狀5/13開始發燒就醫後確診。
羅一鈞表示病患確診後該血液透析中心有購買快篩試劑給員工和洗腎患者結果驗出4名陽性得知情形後和衛生局到洗腎中心做匡列11名工作人員、67名病患被列隔離也要採檢。
羅一鈞說這段時間會對員工進行健康監測由於染疫病患需要血液透析我們會安排若不行就讓病患到消毒後的地方洗腎。
對於近期北榮也傳出有員工染疫羅一鈞表示院內感染是院內互相的傳播鏈包括亞東、仁惠、血液透析中心3家都有有些醫院有員工確診會進行接觸者匡列若有其他員工確診我們會調查關聯若有就會研判為院內感染。</t>
  </si>
  <si>
    <t>中心員工血液院內確診感染仁惠事件亞東羅一鈞陽性醫院匡列</t>
  </si>
  <si>
    <t>台灣新冠肺炎血液透析院內感染洗腎病患</t>
  </si>
  <si>
    <t>血液院內感染肺炎腎病臺灣</t>
  </si>
  <si>
    <t>入校溫儀海關體溫卡卡美國</t>
  </si>
  <si>
    <t>備戰開學防疫新北市三重區集美國小特別祭出4台海關等級熱感應儀置於警衛室前量測訪客體溫另更每月斥資5萬元租用1台醫用「直立式測溫儀」為校內數百位教職員工量體溫並規劃15道量體溫通道讓學生一一</t>
  </si>
  <si>
    <t>體溫美國特別祭出海關新北等級感應儀置於警衛室校內直立式租用斥資溫儀防疫教職員工通道</t>
  </si>
  <si>
    <t>備戰開學防疫新北市三重區集美國小特別祭出4台海關等級熱感應儀置於警衛室前量測訪客體溫另更每月斥資5萬元租用1台醫用「直立式測溫儀」為校內數百位教職員工量體溫並規劃15道量體溫通道讓學生一一排隊量測、消毒手部加速上學防疫流程。
校長蕭慧吟指出4台海關等級熱感應儀為17年前SARS期間地方民代捐贈如今還是很準確專為訪客測量體溫另也由家長會贊助租金租用一台直立式測溫儀用於教職員工快速通道只要2到3秒就能量測若體溫在標準內便會顯示綠燈方可入校。
蕭慧吟表示集美國小全校教職員、生共有3千多人是三重最多學生的學校為避免排隊耗時太長分為3種入校量體溫方式學童額溫量測、教職員醫用直立式測溫儀、訪客舊款海關式熱感應儀由不同校門分流進入今天早上也出動教職員及志工家長規劃15道量測體溫通道為學童量測體溫、消毒雙手。
此外為防止上學人、車潮造成交通紊亂三重警分局也啟動「護童勤務」協助交通疏導警方與志工於路口協助學童過馬路並規劃接停車處所警方也呼籲自行徒步上學的小朋友應配合學校規定的時間到校勿太早到能結伴同行更佳亦可於書包配戴哨子維護自身安全。
警方表示「護童勤務」除提供學童及家長即時協助也藉此與校內師長保持緊密聯繫提供學童安全的校園環境亦針對學校及少年易聚集地點及時段加強巡邏提升見警率並依據熱時、熱點與學校合作的安全防護機制接軌確保學童安全。</t>
  </si>
  <si>
    <t>學童學校體溫安全教職員警方協助感應儀海關規劃上學蕭慧吟溫儀直立式交通入校表示美國防疫</t>
  </si>
  <si>
    <t>住院治療icu患者揭秘</t>
  </si>
  <si>
    <t>新冠肺炎患者多以趴臥姿勢治療引起許多人好奇對此英國ICU醫拍片解釋仰躺時體內器官易壓迫肺部導致缺血和缺氧駐美醫師也在臉書發文表示病患俯臥血氧就會上升效果非常好。英國ICU醫生丹尼爾斯（Ron Dani</t>
  </si>
  <si>
    <t>icu英國趴臥姿勢治療引起好奇患者對此醫師發文表示缺氧缺血導致俯臥肺部壓迫</t>
  </si>
  <si>
    <t>新冠肺炎患者多以趴臥姿勢治療引起許多人好奇對此英國ICU醫拍片解釋仰躺時體內器官易壓迫肺部導致缺血和缺氧駐美醫師也在臉書發文表示病患俯臥血氧就會上升效果非常好。
英國ICU醫生丹尼爾斯（Ron Daniels）表示新冠患者常趴躺（俯臥）的方式插管原因是患者仰躺時體內器官容易壓迫肺部而地心引力又會讓血液流到被壓迫的部分使肺部有氧部分缺血；但若趴躺則能避免此情況同時讓血液流到肺部充滿氧氣部分使病患可獲得所需的氧氣。
駐美醫師張凱銘也在臉書發文指出新冠肺炎常有呼吸窘迫症狀而臨床上針對急性呼吸窘迫症候群（ARDS）患者常採臥趴姿勢（prone position）治療因其效果非常好病人只要俯臥血氧就會稍微提升對血氧較差、尚未插管的病人請他趴著真的很有用而要插管的病人也是如此。
張凱銘提到看了討論串發現台灣似乎不是很喜歡臥趴姿勢因為很耗費護理師的人力但他表示在他工作的醫院一大早就看到3個主治醫師合力替病人翻姿勢其實美國醫師的工作也是很辛苦的。</t>
  </si>
  <si>
    <t>病人姿勢患者表示肺部插管俯臥壓迫醫師工作英國icu部分治療張凱銘缺血氧氣血液</t>
  </si>
  <si>
    <t>ICU醫趴臥壓迫肺部新冠肺炎台灣</t>
  </si>
  <si>
    <t>肺部壓迫趴臥肺炎icu臺灣</t>
  </si>
  <si>
    <t>共處醫師病毒傳播警戒擔憂</t>
  </si>
  <si>
    <t>防疫警戒27日起降為二級民眾回歸工作崗位餐廳除北北宜外開放內用民眾對於疫情傳播仍有疑慮聯新國際醫院首席副院長許詩典認為解封之後預期民眾可能一窩蜂上餐廳或出遊可能不利於疫情掌控首要仍是戴緊口</t>
  </si>
  <si>
    <t>民眾疫情餐廳可能降為國際醫院首席院長許詩典認為疑慮解封之後預期利於對於傳播回歸工作崗位</t>
  </si>
  <si>
    <t>防疫警戒27日起降為二級民眾回歸工作崗位餐廳除北北宜外開放內用民眾對於疫情傳播仍有疑慮聯新國際醫院首席副院長許詩典認為解封之後預期民眾可能一窩蜂上餐廳或出遊可能不利於疫情掌控首要仍是戴緊口罩、維持社交距離防疫常態化已成必然不論是日常生活或旅遊都要學習與病毒共處。
許詩典認為餐廳開放與否影響到疫情是否有可能會擴散從三級降到二級中央防疫作為仍是謹慎的心態不希望社區防疫破功可以看到開放餐廳內用仍有不少限制唯一重點仍是不希望民眾群聚因為聚在一起就是會增加互相感染的機會。
他也說觀察全球疫情發展狀況可以發現不論是國外或國內有越來越多年輕人都是無症狀染疫這些隱形的傳播讓人擔憂加上Delta病毒目前在全球仍無法有效獲得控制可以看到英國在解封之後確診數大幅增加有前車之鑑國內疫情防堵仍是要小心。
許詩典認為不管疫情警戒是三級還是二級新冠疫情並非一時的面對現階段病毒一直在變在沒有有效藥物及國內疫苗覆蓋率仍不算普及得狀況之下民眾要學習與病毒共存除了戴緊口罩以外維持社交距離、公共場所限制室內人數都是必要防疫措施要解決病毒問題首要還是提升疫苗覆蓋率甚至未來施打第三劑或是開放疫苗混打都要積極討論與考慮。</t>
  </si>
  <si>
    <t>疫情病毒民眾防疫餐廳開放可以國內疫苗認為許詩典可能傳播全球增加有效狀況覆蓋率解封之後看到</t>
  </si>
  <si>
    <t>疫情病毒二級警戒民眾餐廳</t>
  </si>
  <si>
    <t>疫情餐廳民眾警戒病毒</t>
  </si>
  <si>
    <t>時中好棒臺灣蘇貞昌</t>
  </si>
  <si>
    <t>隨新冠肺炎疫情快速升溫民眾黨昨日呼籲行政院應換掉中央流行疫情指揮中心指揮官陳時中改由行政院長蘇貞昌接手主導。對此蘇貞昌今上午赴立院接受總質詢前表示台灣在集體努力下被全世界肯定讓全世界終於分出</t>
  </si>
  <si>
    <t>疫情蘇貞昌全世界努力集體臺灣表示肯定快速質詢接受升溫立院上午民眾黨呼籲昨日行政院行政院長改由中央陳時中中心</t>
  </si>
  <si>
    <t>隨新冠肺炎疫情快速升溫民眾黨昨日呼籲行政院應換掉中央流行疫情指揮中心指揮官陳時中改由行政院長蘇貞昌接手主導。對此蘇貞昌今上午赴立院接受總質詢前表示台灣在集體努力下被全世界肯定讓全世界終於分出臺灣跟中國不一樣台灣好棒「陳時中做得非常專業、負責、非常好我們不會換」。
蘇貞昌表示從疾管署的記者會看到防疫是非常辛苦、講求團隊合作的工作大家專業分工合作無間而陳時中部長在第一線指揮防疫做得非常專業、非常負責、非常好「我們不會換」。
蘇貞昌強調在總統蔡英文領導下整個行政團隊大家都非常的專業、盡責也因為有這樣好的團隊所以獲得大家認同陳時中部長也認同整個團隊。
他說在這一次疫情中大家看到台灣人的高水準並且同舟一命大家集體有安危與共、共同努力的心境。就像看趴趴走的人地方政府乃至於村裡長社區都會出來指責檢舉就可以看到台灣人知道要同舟一命分工合作、集體努力所以被全世界肯定也讓全世界第一次這麼注重台灣也分出臺灣跟中國不一樣台灣好棒。
蘇貞昌說這真的讓一輩子做政治工作的人感覺到台灣真的可以做得很好台灣是個很好的國家要更珍惜更努力在一波一波的疫情發展中更要守住第二波大家一定要把台灣守好因為我們是同一國的。</t>
  </si>
  <si>
    <t>臺灣疫情蘇貞昌團隊非常陳時中集體努力看到表示工作指揮可以專業臺灣人</t>
  </si>
  <si>
    <t>新冠肺炎COVID-19武漢肺炎新型冠狀病毒蘇貞昌</t>
  </si>
  <si>
    <t>武漢肺炎covid-冠狀病毒蘇貞昌</t>
  </si>
  <si>
    <t>月底關門自助餐沒有便當中壢</t>
  </si>
  <si>
    <t>桃園中壢一家坐落於中平商圈的40年老字號建國自助餐家常又實惠的餐點風格是許多上班族、學生族的共同回憶疫情影響建國自助餐自5月宣佈暫停營業後時隔2個月5日宣佈復業16日卻又宣佈7月底將關門大吉讓不少</t>
  </si>
  <si>
    <t>宣佈建國自助餐中平老字型大小學生族上班族家常風格共同影響回憶坐落於疫情實惠月底暫停營業一家複業時隔中壢關門大吉</t>
  </si>
  <si>
    <t>桃園中壢一家坐落於中平商圈的40年老字號建國自助餐家常又實惠的餐點風格是許多上班族、學生族的共同回憶疫情影響建國自助餐自5月宣佈暫停營業後時隔2個月5日宣佈復業16日卻又宣佈7月底將關門大吉讓不少民眾扼腕不已。
建國自助餐坐落於中平商圈不顯眼的一角自民國69年來憑著客家風味的口感、家常菜的氣氛以及實惠的價格成為眾多中壢上班族、學生族專屬的共同回憶然因疫情影響建國自助餐自5月宣佈暫停營業2個月後7月5日宣佈復業但復業僅10餘天卻又宣佈7月底將關門大吉民眾直呼「共同回憶再也見不到了！」。
「真的累了！」建國自助餐接受電訪表示收入的虧損不僅只有停業的2個月實際上自去年疫情爆發後中平路、建國路的人潮大量減少虧損就相當嚴重並強調這2年的收入僅能與菜錢持平員工薪資、便當盒、器材耗損等等幾乎都無法支應入不敷出更感慨表示「老本已經虧完了只好關門。」
疫情衝擊之下許多老店關門大吉其中許多民眾的共同回憶也隨之消失建國自助餐於臉書粉絲團發布結束營業消息之後許多網友直呼「哭阿沒有50塊便當了！」、「謝謝建國陪我走過好多個補習的夜晚！」更有網友表示「結束營業前再吃一波。」表示對老店的支持。</t>
  </si>
  <si>
    <t>建國自助餐表示疫情共同回憶中平宣佈民眾關門大吉收入虧損實惠營業結束網友中壢坐落于學生族上班族月底</t>
  </si>
  <si>
    <t>新冠肺炎台灣建國自助餐關門</t>
  </si>
  <si>
    <t>建國肺炎臺灣自助餐關門</t>
  </si>
  <si>
    <t>三村祈福守護嚴峻疫情族人</t>
  </si>
  <si>
    <t>新冠肺炎疫情嚴峻嘉義縣阿里山南三村（山美、新美、茶山）日前舉行pa’momxtx祈福儀式山美社區發展協會理事長安榮進表示這是相當傳統的儀式上次舉行是SARS時這次因新冠肺炎疫情隔17年再次舉辦希望能將</t>
  </si>
  <si>
    <t>山美舉行儀式疫情肺炎再次舉辦嚴峻義縣阿里山榮進三村茶山表示日前長安發展社區相當sars協會理事momxtx祈福</t>
  </si>
  <si>
    <t>新冠肺炎疫情嚴峻嘉義縣阿里山南三村（山美、新美、茶山）日前舉行pa’momxtx祈福儀式山美社區發展協會理事長安榮進表示這是相當傳統的儀式上次舉行是SARS時這次因新冠肺炎疫情隔17年再次舉辦希望能將外來的疾病、惡靈擋在外守護族人健康。
pa’momxtx是鄒語關卡或結界之意在過去外界與部落聯絡的道路隘口舉行設下結界阻擋外來的疾病、惡靈等進到部落是難得一見的傳統儀式。近日淩晨由巫師安金立帶領山美部落幾位代表的耆老進行儀式最後將曬乾揉製成條的山芙蓉綁在2棵雀榕上約半小時完成祈福儀式。
對巫師文化有深入研究的山美社區發展協會專案經理方敏全表示近期有不少族人找巫師解夢安巫師也發現這些夢境呈現的方式十分類似認為可能與這次新冠肺炎疫情有關才決定再次舉辦儀式。方敏全還提到這次儀式應是補強2003年時所立下的結界雀榕也是2003時所種下。
今年86歲的耆老溫貞祥說儀式在清晨天剛亮時舉辦且參加的耆老需空腹準備小豬、小米酒等祭品儀式約半小時完成山芙蓉則是送給神的禮物祈求神能守護族人。</t>
  </si>
  <si>
    <t>儀式山美巫師部落舉行舉辦族人肺炎疫情山芙蓉表示方敏全momxtx祈福再次發展社區</t>
  </si>
  <si>
    <t>巫師肺炎惡靈部落耆老</t>
  </si>
  <si>
    <t>部落肺炎巫師</t>
  </si>
  <si>
    <t>病毒沒電網友崩潰禍不單行第三世界</t>
  </si>
  <si>
    <t>513全台大停電才過4天17日晚間再度無預警停電正值氣象局發布高溫資訊30度高溫許多人家裡瞬間沒冷氣吹再加上今天本土病例爆增3百多例PTT網友一片哀號禍不單行：「熱到要死」、「真的以為自己是住在第三世界</t>
  </si>
  <si>
    <t>停電高溫真的要死禍不單行預警哀號正值氣象網友ptt瞬間冷氣病例以為本土加上今天晚間</t>
  </si>
  <si>
    <t>513全台大停電才過4天17日晚間再度無預警停電正值氣象局發布高溫資訊30度高溫許多人家裡瞬間沒冷氣吹再加上今天本土病例爆增3百多例PTT網友一片哀號禍不單行：「熱到要死」、「真的以為自己是住在第三世界」！
一名花蓮的網友17日晚間8點左右在網路論壇《PTT》表示日劇看到一半突然停電市區正中心居然會停電質疑「電廠又爆炸了是不是？」貼文一出引起熱議各地網友紛紛回應「快問是c還是d」、「基隆停電啦」、「X停電了」、「桃園停電惹」、「台南路燈突然黑掉」、「內湖停電」、「南港停電」、「我上次CD才剛停過不要又來喔」。
由於513大停電才剛過4天今晚再度發生無預警停電加上連日來高溫炎熱而且正值疫情升溫大部分民眾都宅在家30度高溫下瞬間沒冷氣可吹引起PTT網友一片哀號「禍不單行」、「熱到要死」、「沒水沒電有病毒」！
513大停電時台電說是電網故障並非缺電今晚再度大停電台電坦承供電的確出問題不少網友氣憤表示「電都被台電藏起來惹」、「覺青的愛不夠啦」、「疫情不能出門還要限電真的以為自己是住在第三世界」、「熱到要死下班到家又沒電」。
台電則表示這次停電的原因主要是供需出現問題主要是5月用電量提前達到歷史高峰幾個機組還在歲修來不及併聯。</t>
  </si>
  <si>
    <t>停電網友台電表示高溫ptt疫情加上突然問題正值再度要死引起沒電晚間冷氣</t>
  </si>
  <si>
    <t>停電台電新冠肺炎台灣亞東醫院</t>
  </si>
  <si>
    <t>肺炎臺灣亞東台電醫院停電</t>
  </si>
  <si>
    <t>誇張內幕感染手法超豐檢測</t>
  </si>
  <si>
    <t>封測大廠超豐電子傳出群聚染疫狀況目前確診人數來到14人超豐昨（8日）晚發布重訊說明此次事件緣由為1名新進移工隱匿發燒症狀並透過吃退燒藥、冰水洗臉等方式躲避體溫量測導致公司無法在第一時間發現異常。</t>
  </si>
  <si>
    <t>導致電子傳出體溫躲避方式狀況冰水洗目前確診退燒藥人數來到透過症狀超豐發燒隱匿</t>
  </si>
  <si>
    <t>封測大廠超豐電子傳出群聚染疫狀況目前確診人數來到14人超豐昨（8日）晚發布重訊說明此次事件緣由為1名新進移工隱匿發燒症狀並透過吃退燒藥、冰水洗臉等方式躲避體溫量測導致公司無法在第一時間發現異常。
超豐表示5月25日1名新進移工前往公司報到並開始訓練尚未進產線生產因公司防疫政策每日對員工量體溫發現員工出現發燒狀況送醫檢驗後確診新冠肺炎該員工承認其吃退燒藥及以冷水洗臉導致公司未在第一時間發現異常。
超豐緊急匡列同宿舍15名員工及3名訓練員及親密朋友送檢其中8名菲律賓籍員工確診並送往專職醫院醫治檢驗陰性之員工則依政府規定送防疫旅館同時對全體員工進行普篩。
6月5日至7日完成全員普篩總計3天完成快篩4264人次及高風險員工加做PCR檢驗208人次；其中快篩陽性之46人再經二次PCR 檢驗最終確診為4人。
超豐採取因應措施匡列有風險之員工給與公假居家隔離公司及宿舍全面消毒並進行高規格之防疫措施加強員工體溫量測同時依政府規定外籍員工仍需正常上班但除上班外不得外出由公司派員負責送餐。
由於快篩期間部份生產線暫停及此次事件部份員工必須居家隔離減少生產人力超豐初估目前影響6月份產量約10%左右減少之產量將待疫情控制後以增加產能及提高生產效率來彌補。</t>
  </si>
  <si>
    <t>員工公司確診生產檢驗防疫體溫目前超豐減少事件宿舍發燒狀況措施退燒藥居家</t>
  </si>
  <si>
    <t>超豐新冠肺炎京元電確診移工移工</t>
  </si>
  <si>
    <t>京元電肺炎確診超豐</t>
  </si>
  <si>
    <t>加拿大急凍勞動市場</t>
  </si>
  <si>
    <t>新冠肺炎居家防疫措施嚴重打擊加拿大就業市場加國在兩個月間流失300萬個工作機會換言之短短60天便將過去15年增加的工作全數抹去。■Combined with the March resultsCanada has now shed more than three mill</t>
  </si>
  <si>
    <t>工作shed防疫now措施has嚴重canada打擊results加拿大march就業the市場with加國combinedmore居家流失機會全數增加過去</t>
  </si>
  <si>
    <t>加國工作加拿大資料市場經濟學家機會經濟紀錄流失失去勞動就業肺炎克羅斯預期統計局canadathe低於創下將近影響疫情</t>
  </si>
  <si>
    <t>資料肺炎工作機會經濟</t>
  </si>
  <si>
    <t>標準不該一致地方公佈足跡官兵</t>
  </si>
  <si>
    <t>敦睦艦隊27人感染新冠肺炎外界質疑國防部隱匿疫情究責聲浪不斷。臺北市長柯文哲22日表示這是危機出問題該檢討就檢討正直誠信是很大的文化但現在不是燒女巫的時候應把問題先處理完要罵再罵；另外針對</t>
  </si>
  <si>
    <t>問題肺炎處理外界質疑國防部隱匿疫情感染聲浪時候女巫臺北市現在文化柯文哲</t>
  </si>
  <si>
    <t>敦睦艦隊27人感染新冠肺炎外界質疑國防部隱匿疫情究責聲浪不斷。臺北市長柯文哲22日表示這是危機出問題該檢討就檢討正直誠信是很大的文化但現在不是燒女巫的時候應把問題先處理完要罵再罵；另外針對官兵足跡他主張全台公佈的程度應標準一致中央不該讓地方自己看著辦強調「我還是順時中！」
柯文哲說軍隊是國家命脈軍艦有27人確診、發了20萬封細胞簡訊這是危機出了問題該檢討就檢討中央應有人出來講因這不只是衛福部還牽涉軍方該開誠布公該怎解決就解決但也別用獵女巫、燒女巫心態處理。
柯說就他醫學專長他在當小醫生時發現開刀房病人流血只會罵小醫生、小護士血也不會止住所以他佩服他老師洪啟仁教授愈混亂時愈安靜先別急著罵誰先把事情解決、「該夾的地方先夾」全部處理完要罵再罵這不是燒女巫的時候。
不過柯也強調他主張官兵足跡公佈的程度全台應一致所以他喜歡SOP但中央卻告訴地方政府自行決定這跟以前集中檢疫所一樣一下公佈、一下不公佈他做為地方政府都搞不清該怎麼辦但他仍按照衛福部長陳時中的講法可控制就不講、若無法控制且失控再拿出來講「我還是順時中的！」
柯說若確診官兵有戴口罩、停留時間短則部公佈沒戴口罩、停留時間長就公佈但也公佈與否也要有統一標準不是讓地方政府自己看著辦這不是他的作風只是他現在是捕手不是投手跟打擊手投手丟出來的球不管是暴投還什麼他都要去接。
北市副市長黃珊珊補充確診官兵去了北市6個地方有3個是公共運輸但當天已清潔消毒還有1個是女友家只有女友要被居家隔離另1個是去沒人的自助洗衣店也有做清潔消毒她認為不是不公佈而是沒必要按照市長的原則。
至於若碰到胞兄、參謀總長黃曙光是否會勸什麼話？黃珊珊說國家有國家的制度每個人在工作崗位上做自己該做的事該怎麼辦就怎麼辦。
此外有92名海軍拒絕高雄市府電話疫調北市會採何種方式疫調？北市衛生局長黃世傑說確診的人住到各醫院負壓隔離病房醫護人員若要進去需換防護裝但疾管署、疾管科或健康服務中心的人大概都很難這麼做目前都是以電話詢問為主至於若去過什麼地方有需要的話會到那個地點去看可能接觸過的人看狀況需格離對於已經確診的人則以電話疫調為主。</t>
  </si>
  <si>
    <t>地方公佈確診官兵北市政府女巫這不電話中央</t>
  </si>
  <si>
    <t>臺北市長柯文哲官兵足跡中央</t>
  </si>
  <si>
    <t>官兵足跡市長柯文哲臺北中央</t>
  </si>
  <si>
    <t>女嬰猝死喂母乳致命關鍵az恐是接種</t>
  </si>
  <si>
    <t>雲林縣一位媽媽21日接種AZ疫苗後當晚回家餵2個月大女嬰母乳隔天淩晨卻發現女嬰已無呼吸心跳送醫急救後不治令家屬無法接受。對此醫療粉專「美的好朋友」指出目前全世界尚未出現接種後餵母乳導致嬰兒猝死</t>
  </si>
  <si>
    <t>接種女嬰az疫苗出現指出朋友目前尚未醫療對此接受全世界母乳發現無法回家家屬當晚不治送醫急救</t>
  </si>
  <si>
    <t>雲林縣一位媽媽21日接種AZ疫苗後當晚回家餵2個月大女嬰母乳隔天淩晨卻發現女嬰已無呼吸心跳送醫急救後不治令家屬無法接受。對此醫療粉專「美的好朋友」指出目前全世界尚未出現接種後餵母乳導致嬰兒猝死的案例研判致命關鍵恐出在現場的「趴睡枕」上。
雲林縣虎尾鎮約30多歲的殯葬業員工21日下午接種AZ疫苗後於深夜11時餵女嬰母乳但到隔日淩晨4時要再度餵食母乳時卻發現女嬰口吐白沫口腔附近周圍有血漬緊急送醫仍無呼吸心跳不治。檢方及法醫初步判定死因為嗆奶窒息因家屬無法接受將擇日解剖屍體並將冰箱內母乳送化驗釐清真相。
對此「美的好朋友」發文指出目前全世界都沒有母親打疫苗導致喝母乳的小孩猝死的案例。並解釋由於AZ疫苗並不是真的腺病毒不會透過母乳傳染給小孩只會在母親生成抗體時透過母乳給小孩抗體。
粉專接著表示根據蘇姓女子在家受訪照片可以推敲出最有可能導致嬰兒窒息的原因恐出在嬰兒的「趴睡枕」上。趴睡枕是造成嬰兒無法呼吸猝死的常見兇器。「兩個月的孩童如果不小心被枕頭悶到的時候是沒有辦法自己移動頭部脫困的。」建議嬰兒在頸部有足夠肌力之前都不應該使用任何枕頭。
粉專指出為了避免嬰兒猝死醫師通常會這樣建議：
1一歲以下嬰兒每次睡眠都應該仰睡側睡並不安全。
2床鋪表面必須堅實外表可用被單包覆。
3
「發生這樣的憾事真的很令人難過。」粉專強調實際的死因仍有待解剖釐清但根據事件描述和環境狀況最有可能是趴睡枕導致嬰兒猝死幾乎不可能是疫苗的關係。</t>
  </si>
  <si>
    <t>嬰兒母乳猝死疫苗導致建議女嬰無法呼吸小孩接種az指出死因真的</t>
  </si>
  <si>
    <t>嬰兒母乳猝死接種AZ疫苗</t>
  </si>
  <si>
    <t>猝死母乳接種az疫苗嬰兒</t>
  </si>
  <si>
    <t>企業公司台幣協助主辦拓展華南銀行事業</t>
  </si>
  <si>
    <t>裕融企業公司新臺幣60億元聯貸案於6月28日簽約由華南銀行擔任統籌主辦暨額度管理銀行臺灣銀行為文件管理銀行。本案原以新臺幣50億元推出因各銀行參貸踴躍超額認購達21倍最終以新臺幣60億元結案顯見各銀</t>
  </si>
  <si>
    <t>台幣銀行管理最終額度主辦擔任華南銀行統籌簽約踴躍認購超額公司原以推出企業結案臺灣銀行檔顯見</t>
  </si>
  <si>
    <t>裕融企業公司新臺幣60億元聯貸案於6月28日簽約由華南銀行擔任統籌主辦暨額度管理銀行臺灣銀行為文件管理銀行。本案原以新臺幣50億元推出因各銀行參貸踴躍超額認購達21倍最終以新臺幣60億元結案顯見各銀行對於裕融企業過去營運績效與未來發展給予高度認同與肯定。
裕融企業成立至今已超過30年以新車與中古車分期付款為主要業務同時整合格上租車、行冠企業等事業體提供汽車周邊服務近年亦積極跨入綠色能源領域透過旗下裕電能源發展電動汽機車充電樁並參與太陽能電廠投資。除深耕台灣市場外也積極於中國大陸、東南亞地區擴展業務今年第一季營收及獲利均創歷年同期新高表現十分亮眼。
統籌主辦行華南銀行長期耕耘聯貸市場具備豐富主辦聯貸經驗瞭解企業需求並客製化融資架構協助客戶取得穩定資金來源更積極配合政府「綠色金融行動方案20」政策將ESG的精神深化納入授信機制中與產官學各界協力推動永續金融引導資金投入相關產業近年來統籌主辦相關指標案件包括天衝能源(中興電工集團)、城市發展電業(寶晶能源子公司)、正隆紙業、榮鼎綠能(長榮鋼鐵及中鼎集團合資子公司)等企業落實透過授信融資業務實踐對ESG的承諾。
此外近來國內新冠肺炎疫情嚴峻華南銀行為提供受影響企業最即時的資金協助除積極配合政府各項紓困專案貸款外另推出「齊心抗疫華銀挺你」專案貸款對於未能符合政府紓困資格者也能提供自辦優惠貸款協助受疫情影響的企業取得營運資金。
為鼓勵客戶多利用網路線上金融服務減少外出染疫的風險華南銀行更提供企業24小時全年無休的「企業線上貸款平臺」線上申貸功能透過數位金融服務在嚴峻的疫情中做企業最堅實的資金後盾。</t>
  </si>
  <si>
    <t>企業能源積極提供華南銀行貸款業務發展透過統籌主辦協助銀行疫情政府台幣金融集團資金子公司</t>
  </si>
  <si>
    <t>華南銀行裕融企業新臺幣統籌主辦主辦</t>
  </si>
  <si>
    <t>企業台幣統籌主辦華南銀行</t>
  </si>
  <si>
    <t>旅館專責確診防疫加強版北市猝死</t>
  </si>
  <si>
    <t>北市松山區一間加強版防疫專責旅館27日中午驚傳一名確診者猝死在房間內經警方調查無外力介入後將由衛生局通知醫生開立死亡證明書以行政相驗結案至於是否因新冠肺炎病逝仍待相關單位確認釐清。據瞭解死</t>
  </si>
  <si>
    <t>單位防疫相關專責旅館病逝中午肺炎確診是否至於猝死確認加強版結案房間內警方調查行政</t>
  </si>
  <si>
    <t>北市松山區一間加強版防疫專責旅館27日中午驚傳一名確診者猝死在房間內經警方調查無外力介入後將由衛生局通知醫生開立死亡證明書以行政相驗結案至於是否因新冠肺炎病逝仍待相關單位確認釐清。
據瞭解死者是50多歲鄭姓男子他日前確診後在17日住進該防疫旅館飯店人員今天中午巡房時發現房間門口的早餐未取用敲門及打電話他都無回應遂拿鑰匙打開房門卻赫然看見鄭男已倒在地上工作人員趕緊打119報警救護人員到場確認他已明顯死亡沒有再將他送醫急救後續交由衛生單位處理。
該家加強版防疫旅館前天也發生一名72歲確診婦人因病情急遽惡化緊急送往台大醫院急救後仍宣告不治的憾事令民眾頗為憂心加強版防疫旅館是否有一定程度的醫療照護功能。</t>
  </si>
  <si>
    <t>防疫旅館確診加強版是否死亡確認人員單位中午程度回應都無打電話敲門鑰匙打開未取早餐一定房門門口</t>
  </si>
  <si>
    <t>新冠肺炎台灣北市防疫專責旅館確診者</t>
  </si>
  <si>
    <t>防疫北市臺灣專責旅館肺炎確診</t>
  </si>
  <si>
    <t>隔離出門保單通知最重保險員</t>
  </si>
  <si>
    <t>彰化縣一名女保險業務員為了衝業績推防疫保單與水果盤商妻子去吃完喜酒後染疫被彰化縣衛生局通知遭匡列隔離當天下午竟還到客戶家拜訪簽保單不僅害公司遭罰60萬元彰化縣衛生局也證實將會依違反《傳染病防</t>
  </si>
  <si>
    <t>保單衛生局證實盤商水果妻子下午客戶防疫拜訪當天完喜隔離業績酒後</t>
  </si>
  <si>
    <t>彰化縣一名女保險業務員為了衝業績推防疫保單與水果盤商妻子去吃完喜酒後染疫被彰化縣衛生局通知遭匡列隔離當天下午竟還到客戶家拜訪簽保單不僅害公司遭罰60萬元彰化縣衛生局也證實將會依違反《傳染病防治法》對女保險員正式開罰最重可罰15萬元。
彰化縣衛生局強調女保險員是5月15日下午2點接獲衛生局通知被匡列為接觸者需居家隔離並採檢不料她當天下午5點還是前往1名客戶家中簽署防疫保單由於衛生局人員通知隔離都會明確告知接觸者就是不能出門因此女保險員已經明顯違反居家隔離相關規定正在進行相關裁處。
衛生局長葉彥伯表示針對居家隔離者違反相關規定經查證屬實就會依傳染病防治法裁罰行為人裁罰1萬元至15萬元；這與金管會、保險局裁罰其所屬保險公司兩者情節不同、罰則也不同。
根據瞭解女保險員在得知水果商14日報出確診染疫後還依舊出門趴趴走去洗頭、四處拜訪客戶賣保單導致客戶1家5口遭匡列、洗髮店負責人親人也染疫保險公司因督導不周遭金管會罰60萬元。如今女保險員自己因違反防疫與居家隔離規定將面臨裁罰。</t>
  </si>
  <si>
    <t>隔離保險員衛生局保單居家防疫違反客戶下午保險通知公司規定相關出門</t>
  </si>
  <si>
    <t>新冠肺炎台灣女保險員隔離彰化縣</t>
  </si>
  <si>
    <t>保險員臺灣隔離肺炎</t>
  </si>
  <si>
    <t>蔡英文調查完整進行處分相關人員發自懲處嚴德</t>
  </si>
  <si>
    <t>針對磐石艦爆發疫情蔡英文總統今天表示國防部嚴德發部長已向她自請處分。「我告訴他目前最重要是確保整體國軍防疫與疫調工作用最高標準盡速進行」她要求嚴德發應持續調查釐清問題癥結並將調查的階段結</t>
  </si>
  <si>
    <t>嚴德發調查蔡英文總統今天持續表示國防部要求部長進行已向疫情標準告訴癥結防疫國軍確保整體最高目前工作重要</t>
  </si>
  <si>
    <t>針對磐石艦爆發疫情蔡英文總統今天表示國防部嚴德發部長已向她自請處分。「我告訴他目前最重要是確保整體國軍防疫與疫調工作用最高標準盡速進行」她要求嚴德發應持續調查釐清問題癥結並將調查的階段結果隨時向社會說明待完整調查後進行相關人員的懲處。
蔡英文今晚在臉書表示針對磐石艦爆發疫情國防部嚴德發部長今天已向她自請處分。她要求在當前臺海情勢下國軍絕不能因為本案影響國軍日常的戰力整備和國家安全的維護任務。
蔡英文表示她要求嚴部長國防部應坦誠面對問題現階段國軍更應該積極強化防疫作為。在初步的調查中國防部已整理出四大缺失部長也將主責的將領調離現職。本案應持續調查釐清問題癥結並將調查的階段結果隨時向社會說明待完整調查後進行相關人員的懲處。「我也請行政院負責相關業務的羅秉成政委繼續督導本案的進度」。
她說該坦承的絕不隱匿該負責的絕不逃避。勇敢面對才是國軍本色。調查和檢討只是一個開端嚴部長更重要的任務是徹底改變導致這次缺失的根本問題。
面對疫情擴散的風險她要求本案所有相關人員務必配合疫情指揮中心的疫調及國防部專案小組的調查不得有所隱瞞。對於接受疫調的相關人員「我也請社會給予當事人空間尊重他們的隱私。」</t>
  </si>
  <si>
    <t>調查國防部要求部長相關國軍疫情面對人員蔡英文問題表示嚴德發進行負責防疫缺失重要任務處分懲處</t>
  </si>
  <si>
    <t>蔡英文國防部國軍嚴德發磐石軍艦</t>
  </si>
  <si>
    <t>國軍國防部磐石嚴德發軍艦蔡英文</t>
  </si>
  <si>
    <t>台大其實名醫關鍵失控疫情非常臺灣</t>
  </si>
  <si>
    <t>衛福部立桃園醫院爆群聚感染至今不少民眾擔憂疫情恐要大爆發。台大醫院婦產科名醫施景中在臉書分析跟國外相比台灣跟疫情失控的距離「其實還差得非常遠」但他並非要大家盲目的樂觀而是希望大家能與再一起</t>
  </si>
  <si>
    <t>疫情樂觀盲目非常感染至今民眾其實擔憂希望距離醫院失控台大醫院婦產科名醫施景中臺灣爆發相比國外</t>
  </si>
  <si>
    <t>衛福部立桃園醫院爆群聚感染至今不少民眾擔憂疫情恐要大爆發。台大醫院婦產科名醫施景中在臉書分析跟國外相比台灣跟疫情失控的距離「其實還差得非常遠」但他並非要大家盲目的樂觀而是希望大家能與再一起努力守下去。
施景中昨（25）晚於臉書寫道「有人說台灣的疫情已經失控了。」先不說美國和印度光是每天的確診病例就多得可怕以鄰近的日本來說單日確診病例近4000人死亡數也有逾50人。
施景中問「有想過台灣過去一整年的數目嗎？」他表示一名親戚也是醫師人在歐洲罹患新冠肺炎後至當地的醫院檢查卻被院方認為病情還沒嚴重到需要住院的地步因此將他趕回去但其實是醫院已經沒有人力、設備可以收治。
施景中說反觀在台灣確診病人必須以高規格收入負壓隔離病房所有疑似的接觸者也都必須嚴格執行14天居家隔離。施景中表示「我並不是叫各位盲目的樂觀」只是對比國外狀況目前台灣跟疫情失控的距離其實還差非常遠「況且大家的前方還有我一群好兄弟無怨無悔在幫你們擋子彈請你們跟我們一樣再努力守下去。」</t>
  </si>
  <si>
    <t>施景中臺灣醫院疫情確診必須其實已經表示失控樂觀盲目國外病例努力非常下去感染民眾</t>
  </si>
  <si>
    <t>施景中新冠肺炎疫情新冠病毒</t>
  </si>
  <si>
    <t>肺炎疫情病毒施景中</t>
  </si>
  <si>
    <t>主委中標廟口懸賞基隆謠傳</t>
  </si>
  <si>
    <t>新冠肺炎疫情持續延燒近日有人在通訊軟體上流傳說基隆廟口有攤販中鏢新冠肺炎基隆廟口主委謝文賢於12日跳出來痛批「這個謠言傷害非常的大廟口整個生意掉了5成以上」並提出懸賞10萬元來追捕在網路上造謠的人</t>
  </si>
  <si>
    <t>廟口基隆肺炎懸賞提出以上生意近日通訊非常傷害追捕謠言持續跳出上流傳說謝文賢</t>
  </si>
  <si>
    <t>新冠肺炎疫情持續延燒近日有人在通訊軟體上流傳說基隆廟口有攤販中鏢新冠肺炎基隆廟口主委謝文賢於12日跳出來痛批「這個謠言傷害非常的大廟口整個生意掉了5成以上」並提出懸賞10萬元來追捕在網路上造謠的人。
他更指出這幾天生意這麼差光廟口就有好幾攤毅然決然決定停業不賣了休息幾天但為了生計大家只好繼續熬下去可是有的攤販「一天只賣二、三千元入不敷出怎麼生活？」連成本都慘賠出去了。
謝文賢說他要大力追捕造謠者並且造謠者亂傳的不只一攤而是好多攤中鏢他要出門懸賞10萬元請大家一起來抓造謠者或是請造謠者自己跳出來並陪著攤販去檢驗如真的有確診他就會送出10萬元但如果為陰性沒有確診他則大力呼籲「別再造謠了這會影響大家生計」。</t>
  </si>
  <si>
    <t>廟口造謠攤販謝文賢生意基隆懸賞大力確診追捕生計肺炎近日通訊</t>
  </si>
  <si>
    <t>基隆廟口攤販謠傳懸賞新冠肺炎</t>
  </si>
  <si>
    <t>謠傳懸賞攤販廟口基隆肺炎</t>
  </si>
  <si>
    <t>新北幼稚園學童家傳本土</t>
  </si>
  <si>
    <t>中央流行疫情指揮中心今(7)日公佈國內新增12例確診分別為8例本土及4例境外移入；另確診個案中無新增死亡。指揮官陳時中補充幼兒園新增5例3名家長1名幼兒園學童另一名則為幼兒園染疫學童的一歲妹妹整起群</t>
  </si>
  <si>
    <t>新增確診幼稚園學童中心公佈國內指揮個案死亡補充指揮官陳時中境外疫情家長本土分別</t>
  </si>
  <si>
    <t>中央流行疫情指揮中心今(7)日公佈國內新增12例確診分別為8例本土及4例境外移入；另確診個案中無新增死亡。指揮官陳時中補充幼兒園新增5例3名家長1名幼兒園學童另一名則為幼兒園染疫學童的一歲妹妹整起群聚累積16人確診全案共匡列411人其中362人居家隔離、49人自主健康管理。
指揮中心說明今日新增8例本土個案為1例男性、7例女性年齡介於未滿5歲至50多歲發病日介於今(2021)年9月1日至9月5日個案分佈為新北市7例、臺北市1例；其中6例為已知感染源1例關聯不明1例疫調中。衛生單位將持續進行疫情調查及防治以釐清感染源。
指揮中心表示今日新增4例境外移入個案為3例男性、1例女性年齡介於10多歲至40多歲分別自印度(案16147)、日本(案16148)、馬來西亞 (案16149)及賴索托(案16156)入境入境日介於8月13日至9月5日。
指揮中心統計截至目前國內累計2849565例新型冠狀病毒肺炎相關通報(含2832159例排除)其中16047例確診分別為1444例境外移入14550例本土病例36例敦睦艦隊、2例航空器感染、1例不明及14例調查中；另累計110例移除為空號。2020年起累計837例COVID-19死亡病例其中827例本土個案居住縣市分佈為新北市410例、臺北市317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指揮中心感染個案確診新增措施本土累計衛生介於分別死亡疫情調查國內東縣境外幼稚園學童</t>
  </si>
  <si>
    <t>幼兒園群聚擴大基因定序新冠肺炎</t>
  </si>
  <si>
    <t>基因擴大肺炎幼稚園</t>
  </si>
  <si>
    <t>早上中午棺材一家</t>
  </si>
  <si>
    <t>越南新冠肺炎疫情升溫雖然去年曾一度成功遏阻病毒擴散但今年4月因Delta變種株肆虐全境導致病例急遽增加其中越南的商業樞紐胡志明市平均每天就有241人染疫死亡當地一名網友更在臉書上傳一段醫護人員從民宅</t>
  </si>
  <si>
    <t>越南網友當地死亡升溫疫情去年曾一度成功書上病毒擴散平均今年delta胡志明市變種肆虐樞紐全境商業</t>
  </si>
  <si>
    <t>越南新冠肺炎疫情升溫雖然去年曾一度成功遏阻病毒擴散但今年4月因Delta變種株肆虐全境導致病例急遽增加其中越南的商業樞紐胡志明市平均每天就有241人染疫死亡當地一名網友更在臉書上傳一段醫護人員從民宅抬出8具棺材的駭人影片。
綜合外媒報導越南網友蘇玉和（Tô Ngọc Hòa音譯 ）台灣時間今（14日）日淩晨時分在臉書上傳一段80秒影片畫面中可見4名穿著藍色防護衣的醫護人員耗盡九牛二虎之力將4具棺材接連抬上救護車。
據瞭解事發地點為胡志明市下轄的守德市當天上午就有一批醫護人員從一戶民宅陸續抬出4具棺材中午左右又至同處再度抬出4具棺材這8具棺材皆來自同一家庭死因都是罹患新冠肺炎而不幸身亡。
報導指出胡志明市的疫情十分嚴峻共有1000名外地醫護人員趕至當地馳援其中光是退休醫師就有多達數百人他們被迫放棄退休生活堅守在守德市黎文越野戰醫院抗疫。
面對疫情持續惡化導致胡志明市死亡率不斷攀升總理範明政本月6日已簽署一份決議宣示將在9月15日前控制住胡志明市的疫情。</t>
  </si>
  <si>
    <t>胡志明市疫情棺材醫護人員越南導致網友報導影片當地退休書上肺炎民宅</t>
  </si>
  <si>
    <t>新冠肺炎疫情越南胡志明市棺材</t>
  </si>
  <si>
    <t>越南肺炎疫情胡志明市棺材</t>
  </si>
  <si>
    <t>檢測揚州本土大陸</t>
  </si>
  <si>
    <t>大陸國家衛健委17日公佈前一日新增42例新冠肺炎確診病例本土疫情終趨緩病例降至個位數6例江蘇和湖北各新增3例。近日疫情嚴峻的江蘇省揚州市疫情也逐漸緩和但為徹底阻斷病毒傳播鏈揚州17日展開第11次大規模</t>
  </si>
  <si>
    <t>疫情新增病例揚州病毒傳播阻斷緩和徹底逐漸近日個位本土確診肺炎公佈揚州市衛健江蘇省嚴峻展開</t>
  </si>
  <si>
    <t>大陸國家衛健委17日公佈前一日新增42例新冠肺炎確診病例本土疫情終趨緩病例降至個位數6例江蘇和湖北各新增3例。近日疫情嚴峻的江蘇省揚州市疫情也逐漸緩和但為徹底阻斷病毒傳播鏈揚州17日展開第11次大規模核酸檢測。
江蘇新增3例本土病例均在揚州市7月28日至今揚州市累計報告本土病例555例目前已有20名病患出院。而揚州17日有兩地疫情風險等級調整一升一降邗江區甘泉街道升為中風險地區；邗江區雙橋街道文揚社區紫金文昌小區降為低風險地區。
此外河南鄭州市新冠肺炎疫情應急處置聯合指揮部17日消息指出鄭州市計畫8月24日前完成12至17歲人群新冠疫苗第1劑次接種9月15日前完成第2劑次接種。
鄭州市政府副祕書長李慧芳表示疫苗接種是預防新冠肺炎最經濟、最有效的防護措施青少年也是新冠病毒的易感人群及時接種疫苗有助於青少年獲得針對新冠病毒的免疫力對建立人群免疫屏障具有重要意義。
截至16日鄭州市新冠病毒疫苗累計接種151691萬劑次其中第1劑83098萬劑次第2劑66042萬劑次第3劑2551萬劑次。鄭州全市18歲以上人群接種第1劑8084萬人接種率8324％12—17歲人群接種第1劑2258萬人接種率2423％。而目前獲准於未成年人中使用的新冠疫苗為大陸國藥疫苗和科興疫苗使用的疫苗劑量、免疫程式與18歲以上人群完全一樣。
另據大陸國家衛健委主任馬曉偉日前表示9月面臨開學季大中專院校和中小學如期開學一些省分要組織一系列重大活動要力爭在8月底前把當前疫情控制住盡快讓社會生活恢復到正常狀態。
據統計大陸現有中高風險地區「95+29」個包括95個中風險地區分佈在10個省分江蘇、河南、湖南、湖北、雲南、山東、海南、北京、內蒙古；另29個高風險地區分佈在雲南、江蘇、河南、湖南。</t>
  </si>
  <si>
    <t>疫情人群疫苗風險地區接種大陸病例鄭州市日前江蘇本土新增病毒省分肺炎目前表示揚州高風險開學揚州市</t>
  </si>
  <si>
    <t>揚州疫苗肺炎病毒江蘇</t>
  </si>
  <si>
    <t>病毒肺炎江蘇揚州疫苗</t>
  </si>
  <si>
    <t>對付中央沒有柯文哲用心</t>
  </si>
  <si>
    <t>臺北市長柯文哲日前宣佈打疫苗免費引發中央、地方搶功爭論據中央預算編列預算內容追加預算中並非接種服務卻聲稱全部免費。對此柯文哲怒嗆對付新冠肺炎沒有像對付柯文哲這麼用心。提高民眾接種疫苗意願</t>
  </si>
  <si>
    <t>柯文哲免費接種疫苗對付宣佈中央預算爭論搶功追加預算引發地方中央並非提高服務用心對此聲稱日前</t>
  </si>
  <si>
    <t>臺北市長柯文哲日前宣佈打疫苗免費引發中央、地方搶功爭論據中央預算編列預算內容追加預算中並非接種服務卻聲稱全部免費。對此柯文哲怒嗆對付新冠肺炎沒有像對付柯文哲這麼用心。
提高民眾接種疫苗意願繼北市宣佈臺北市民施打疫苗免費不料中央流行疫情指揮中心隨後公佈已編列並通過40億元特別預算補助接種疫苗。
據中央預算編列內容6月3日追加預算中符合40億元金額的用途是獎勵設置防疫專責病房和隔離病室及採檢站。而CDC訂的疫苗接種計畫中支付是接種處置費每劑次補助100元但如今中央講法卻像是全部免費。
針對是否被中央針對柯文哲表示這預算是中央編的必須要自己說明這幾天中央說法變好幾次他要把每一次說法記錄下來就可看到變來變去就連他到現在都不知道是怎回事。
柯文哲怒嗆還是把事情做好就好到這時刻「你對付新冠肺炎沒有像對付柯文哲這麼用心」。</t>
  </si>
  <si>
    <t>疫苗中央接種柯文哲免費對付宣佈中央預算預算補助追加預算說法隔離病房</t>
  </si>
  <si>
    <t>柯文哲新冠肺炎中央台灣疫苗</t>
  </si>
  <si>
    <t>中央肺炎臺灣柯文哲疫苗</t>
  </si>
  <si>
    <t>專家疫苗全世界接種速度應戴病毒傳播降低口罩</t>
  </si>
  <si>
    <t>北京日報用戶端30日報導大陸國家傳染病醫學中心主任、復旦大學附屬華山醫院感染科主任張文宏30日出席第三屆中國醫師公益大會時表示未來大陸和全世界都接種疫苗後人們還是應該盡量減少聚集在室內擁擠的地方盡</t>
  </si>
  <si>
    <t>大陸主任聚集儘量減少應該人們報導室內疫苗接種全世界國家醫學中心未來張文宏表示傳染病醫師公益出席大會中國擁擠</t>
  </si>
  <si>
    <t>北京日報用戶端30日報導大陸國家傳染病醫學中心主任、復旦大學附屬華山醫院感染科主任張文宏30日出席第三屆中國醫師公益大會時表示未來大陸和全世界都接種疫苗後人們還是應該盡量減少聚集在室內擁擠的地方盡量戴口罩加強通風。
張文宏表示新冠肺炎傳播性極強需要做更多預防性的工作。「這個疾病不是醫生所能夠單獨搞定的我們一定需要普通民眾的配合。最近國內很多地方出現了散發病例我要呼籲大家新冠病毒非常隱蔽如果我們經過了有病例的地區回來以後要第一時間做核酸檢測。」
張文巨集指出快速檢測病毒是贏得抗疫勝利非常重要的法寶因為病毒傳播速度太快如果能夠早期發現就可以及時中斷它的傳播。但是如果發現得晚可能就要付出更大的代價所以積極地進行檢測是非常關鍵的。
張文宏說：「第二如果一旦有發燒這樣的症狀我們要及時地到就近醫療機構的發熱門診或者核酸檢測點進行排查。這是幫助我們早期發現病人非常重要的一個環節。」
未來疫苗全面普及之後是否還需要戴口罩呢？張文宏表示未來隨著疫苗接種的普及他還是主張大家在密集的地方擁擠度儘量不要太高並在室內擁擠的地方盡量能夠戴口罩室內能夠經常通風。
他強調包括戴口罩在內的一些防疫的基本環節「哪怕將來在中國我們都接種過疫苗全世界都接種過疫苗我們還是呼籲大家能夠採取。只要做到了這一點病毒的傳播速度就會大幅度地降低。」
張文宏說現在廣大醫生都在默默地努力以儘快加強中國的公共衛生網路、醫院基層防護網路、預警平臺以及末端發現能力。
張文宏說：「為了中國能盡早地打開國門儘早地獲得更高的阻擊病毒的力量各行各業都在努力奮鬥。」</t>
  </si>
  <si>
    <t>張文巨集能夠中國病毒非常發現地方需要疫苗傳播口罩表示未來大陸檢測核酸醫生接種加強速度</t>
  </si>
  <si>
    <t>新冠肺炎大陸張文宏戴口罩接種疫苗</t>
  </si>
  <si>
    <t>張文大陸肺炎口罩接種疫苗</t>
  </si>
  <si>
    <t>新北意願bnt完成接種造冊學生</t>
  </si>
  <si>
    <t>校園接種BNT疫苗規劃新北市於7日發送接種意願書給17萬名高、國中學生家長新北市教育局表示目前正調查彙整中15日將完成回收家長意願書及疫苗造冊預計自22日起開始接種。新北市教育局指出市府已媒合23間醫</t>
  </si>
  <si>
    <t>新北接種意願教育局疫苗市府指出調查目前表示規劃完成回收家長學生家長造冊開始國中預計</t>
  </si>
  <si>
    <t>校園接種BNT疫苗規劃新北市於7日發送接種意願書給17萬名高、國中學生家長新北市教育局表示目前正調查彙整中15日將完成回收家長意願書及疫苗造冊預計自22日起開始接種。
新北市教育局指出市府已媒合23間醫療院所到校集中施打施打對像是高中職、五專1至3年級學生、國中7至9年級生轄內有127所學校將陸續開打。
教育局表示接種後全校採居家線上授課2日若學校為週四接種則僅週五1日進行線上授課；如為週五施打疫苗因週末已休息2日因此週一正常實體上課。如入校接種當日因故無法在校施打學校也會發送補接種單讓學生可擇日至當地醫療院所進行補接種預計30日完成所有學生施打。</t>
  </si>
  <si>
    <t>接種學校疫苗施打教育局學生新北醫療國中表示進行發送院所意願週五預計完成授課年級</t>
  </si>
  <si>
    <t>新冠肺炎台灣接種意願書新北</t>
  </si>
  <si>
    <t>接種臺灣意願肺炎新北</t>
  </si>
  <si>
    <t>代盼單位協助滯銷解決石斑魚</t>
  </si>
  <si>
    <t>以大陸、香港為主要銷售市場的石斑魚產業在新冠肺炎後嚴重衝擊石斑魚市場。民進黨立委邱志偉18日邀請農委會漁業署副署長林國平南下永安區與漁會及漁民座談表示儘管漁業署將提供半年免息的貸款紓困但邱志偉認為</t>
  </si>
  <si>
    <t>石斑魚漁業邱志偉產業嚴重衝擊免息市場民進黨立委提供永安漁會表示座談漁民邀請林國平署長農委會肺炎</t>
  </si>
  <si>
    <t>以大陸、香港為主要銷售市場的石斑魚產業在新冠肺炎後嚴重衝擊石斑魚市場。民進黨立委邱志偉18日邀請農委會漁業署副署長林國平南下永安區與漁會及漁民座談表示儘管漁業署將提供半年免息的貸款紓困但邱志偉認為半年的優惠對漁民不夠且應該要請國營事業、國軍單位加強採購協助石斑魚銷售。
永安區漁會總幹事黃鶯表示永安區養殖主要是石斑魚與午仔魚午仔魚在香港的銷量還算穩定但石斑魚完全動不了大陸港口雖然開放但魚運至港口後無法運到市場即使到市場也沒人會買外銷到大陸的路幾乎全斷。
林國平指出漁業署已經注意到這種狀況因此提出半年免息的紓困方案漁民不論新舊貸款都能享有半年免息也計畫補助凍存石斑魚、並計畫在國內推廣食用石斑魚增加通路銷售將原本辦桌才吃得到的石斑魚推廣至家戶餐桌上。
高雄市議員黃明太表示漁業署相關作法太消極應協調國防部大力採購如果要將現有石斑凍存還不如將經費補貼國軍讓國軍可以以較低價格買到石斑也能避免將來凍存的石斑與鮮魚一同競爭造成價格崩盤。
永安區漁會名譽理事長何擇良說石斑魚養殖時間超過1年半年免息的紓困方案仍會讓漁民陷入困境因此建議免息時間要延長至1年另外也要多方打開市場不論台灣或其他國家的銷售唯有加強銷售才是走出低谷的唯一方法。
邱志偉指出他將協調國軍盡速採購石斑也會請行政院協調國營事業的團膳多採購先讓永安的石斑魚有銷售管道另外紓困免息時間也應該拉長至1年讓永安的石斑魚可以走過危機。</t>
  </si>
  <si>
    <t>石斑魚免息永安銷售漁業漁民採購紓困市場邱志偉國軍協調大陸表示漁會時間指出</t>
  </si>
  <si>
    <t>石斑魚市場新冠肺炎漁業署滯銷</t>
  </si>
  <si>
    <t>肺炎漁業市場滯銷石斑魚</t>
  </si>
  <si>
    <t>傳播喜宴陰轉陽蘭金確診</t>
  </si>
  <si>
    <t>宜蘭縣今天（30日）新增1例累積縣內已有67人確診新增的案7854是參加金樽餐廳喜宴後確診者的同住者喜宴群聚確診已達15人（其中有3人為外縣市）但宜蘭縣確診型態仍是與雙北有關者22例最多南澳鄉碧候村的擴大</t>
  </si>
  <si>
    <t>確診新增喜宴宜蘭南澳鄉關者餐廳雙北參加累積型態外縣市</t>
  </si>
  <si>
    <t>宜蘭縣今天（30日）新增1例累積縣內已有67人確診新增的案7854是參加金樽餐廳喜宴後確診者的同住者喜宴群聚確診已達15人（其中有3人為外縣市）但宜蘭縣確診型態仍是與雙北有關者22例最多南澳鄉碧候村的擴大篩檢1096名村民核酸篩檢全部陰性。
新增的案7854是30多歲男性是金樽餐廳群聚案中案3929和案3930的同住者案7854也被列為居家隔離的對象5月23日開始居家隔離當時採檢結果為陰性27日開始出現喉嚨痛、發燒、胸悶等症狀5月28日安排採檢結果為陽性而確診CT值11因案7854當時已匡列居家隔離對社區沒影響。
宜蘭縣衛生局長徐迺維表示宜蘭縣67個確診案中與遊藝場有關20人餐廳群聚12人（另3人為外縣市）與雙北有關22人感染源不明13人67個確診案中有1人過世16人出院50人還在住院當中有15人有肺炎情況。
徐迺維表示撥補到宜蘭縣的AZ疫苗有2800劑已施打1100多劑加上先前施打的疫苗宜蘭縣超過5成的醫護人員有施打疫苗警消將從明天起開始施打。
另外案5974是南澳鄉碧候村開設雜貨店縣府為此擴大篩檢1096名村民快篩時有6人陽性但經PCR檢測後全為陰性徐迺維表示已要求自我健康監測有去過該雜貨店須自主健康管理。</t>
  </si>
  <si>
    <t>確診宜蘭陰性徐迺維施打開始表示新增疫苗隔離居家雜貨店陽性餐廳雙北當時</t>
  </si>
  <si>
    <t>新冠肺炎台灣宜蘭確診喜宴</t>
  </si>
  <si>
    <t>臺灣宜蘭肺炎確診喜宴</t>
  </si>
  <si>
    <t>心肌梗塞疫苗分析不敢疾病心血管</t>
  </si>
  <si>
    <t>心血管疾病位居國人十大死因第2位且台灣進入高齡化社會年紀越大、共病越多常見的共病因子如糖尿病、高血壓性疾病、腎臟相關疾病皆位居十大死因之列。萬一國內新冠肺炎疫情再起心血管疾病患者更亟需接種疫</t>
  </si>
  <si>
    <t>疾病死因心血管位居患者再起因數高血壓糖尿病疫情肺炎年紀社會國內之列進入高齡臺灣腎臟相關</t>
  </si>
  <si>
    <t>心血管疾病位居國人十大死因第2位且台灣進入高齡化社會年紀越大、共病越多常見的共病因子如糖尿病、高血壓性疾病、腎臟相關疾病皆位居十大死因之列。萬一國內新冠肺炎疫情再起心血管疾病患者更亟需接種疫苗來提升保護力。
馬偕紀念醫院副總院長、心臟內科醫師洪大川今天出席疾病管制署「COVID-19疫苗與心血管疾病臨床處置研討會」解析各類心血管疾病病人接種新冠疫苗注意事項。不少心臟科患者都會詢問自己是否適合施打疫苗打完疫苗會不會讓原本的疾病惡化他認為答案原則上都是「不會」。
根據歐洲心臟病學會建議除非疾病處於不穩定期或本身對疫苗過敏包括心肌梗塞、心房顫動、心肌病變、先天性心臟病、心臟移植、肺高壓、肺栓塞、周邊性血管疾病、腦中風、暫時性腦缺血等都建議施打新冠疫苗。
而今年發表在《英國醫學期刊》（BMJ）的研究顯示接種AZ和BNT疫苗後發生缺血性中風和心肌梗塞的比率都沒有明顯增加反而是感染新冠肺炎後發生血栓、中風、心肌梗塞的比率上升了。
洪大川提醒心血管疾病患者如有使用抗血小板藥物施打疫苗前不須停藥；如近期接受心導管手術只要沒有發生併發症或急性胸痛症狀原則上術後1周可施打疫苗；急性心肌梗塞病人由於恢復時間因人而異原則上出院後1至2周如果無明顯或惡化之胸痛或心衰竭經醫師評估即可打疫苗。
根據台灣腦中風學會建議剛發生急性腦中風時可能會出現中風症狀惡化再次中風和心血管事件、感染等併發症因此建議在中風急性期（大約1至2周）過後經醫師評估身體狀況已穩定再施打疫苗。
在少數情況下需要避免接種特定種類的疫苗。洪大川說血栓栓塞病人目前多半建議施打疫苗但如果過去發生血栓合併血小板低下症後群或肝素引起之血小板低下症者應避免接種AZ等腺病毒載體疫苗。另腦中風患者需要做MRI及電腦斷層檢查有文獻指出莫德納疫苗的賦形劑與這兩種檢查所用的顯影劑相關如果對顯影劑過敏就不建議施打莫德納疫苗。
至於接種mRNA疫苗可能出現心肌炎、心包膜炎等不良反應洪大川表示mRNA疫苗可使用在多數慢性心血管疾病患者包括冠狀動脈疾病、心肌梗塞、穩定性心臟衰竭、心律不整、風濕性心臟病、川崎氏症、多數先天性心臟病和植入式心臟裝置者；但如果評估當下心臟仍在發炎者建議暫緩接種mRNA疫苗或考慮使用其他疫苗。
萬一施打BNT、莫德納等mRNA疫苗後發生心肌炎、心包膜炎不良反應洪大川指出可與醫師充分討論下並於病況改善後考慮以其他平臺的疫苗進行第2劑接種例如腺病毒載體疫苗（AZ）、蛋白質次單元疫苗（高端）等。</t>
  </si>
  <si>
    <t>疫苗疾病接種建議心臟中風心血管發生患者心肌梗塞洪大川醫師施打心臟病評估病人惡化血栓mrna原則az</t>
  </si>
  <si>
    <t>新冠肺炎台灣疫苗心血管疾病接種</t>
  </si>
  <si>
    <t>臺灣疫苗心血管肺炎疾病接種</t>
  </si>
  <si>
    <t>潘迎紫虛驚</t>
  </si>
  <si>
    <t>長期居住在香港的潘迎紫分享在香港防疫近況過年前爆出新冠肺炎因香港和大陸相通所以香港很快便開始有確診病例政府機構關門大家也都在家辦公她則是在家忙股市操盤。香港官方呼籲民眾盡量待在家她形容自</t>
  </si>
  <si>
    <t>香港在家近況年前民眾官方確診呼籲病例開始政府機構關門都在家辦公操盤股市分享防疫儘量爆出肺炎</t>
  </si>
  <si>
    <t>長期居住在香港的潘迎紫分享在香港防疫近況過年前爆出新冠肺炎因香港和大陸相通所以香港很快便開始有確診病例政府機構關門大家也都在家辦公她則是在家忙股市操盤。香港官方呼籲民眾盡量待在家她形容自己宛如身在曾看過的災難電影中所以她平常除了出去買日用品和去媽媽家平時都宅在家。
防疫期間她有段驚險經歷上周有天早上醒來忽然感覺喉嚨又癢又痛、乾咳、胸口感覺很緊心中很驚恐為了安全起見去看了醫生還好是虛驚一場。現在她的出門三寶是「口罩、護目鏡、即棄膠手套或酒精搓手液」每週都會倒半公斤水進廁所下水道避免若大廈有確診病患病毒會從下水道口飛上來「提醒大家要保持好的心態去面對疫情否則沒得新冠肺炎卻得了恐慌症。」</t>
  </si>
  <si>
    <t>香港在家下水道防疫確診感覺肺炎手套酒精胸口口罩護目鏡都會災難電影忽然</t>
  </si>
  <si>
    <t>香港肺炎感覺下水道潘迎紫</t>
  </si>
  <si>
    <t>香港感覺潘迎紫下水道肺炎</t>
  </si>
  <si>
    <t>確診旅館市府介在重罰</t>
  </si>
  <si>
    <t>有無良人力仲介公司因宿舍有移工確診在6月4日、5日私自將同處宿舍32位移工送往竹市一般旅館旅館業者察覺不對勁後通報新竹市政府調查發現32名移工竟已有6人PCR陽性確診市長林智堅震怒批仲介公司可惡至極</t>
  </si>
  <si>
    <t>宿舍公司確診震怒林智堅察覺不對勁市長旅館業通報新竹旅館一般陽性市政府竹市pcr送往調查位移發現</t>
  </si>
  <si>
    <t>有無良人力仲介公司因宿舍有移工確診在6月4日、5日私自將同處宿舍32位移工送往竹市一般旅館旅館業者察覺不對勁後通報新竹市政府調查發現32名移工竟已有6人PCR陽性確診市長林智堅震怒批仲介公司可惡至極讓全體市民深陷高風險必須嚴懲依嚴重特殊傳染性肺炎防治及紓困振興特別條例重罰100萬元。
苗栗科技廠移工群聚案爆發後該仲介公司因其管轄的移工宿舍有確診個案竟擅自將30多名同處宿舍移工送往竹市旅館並未如實告知業者入住移工身分入住期間更將移工再帶回苗栗廠區進行篩檢。
市府調查發現32名移工之中已有6人PCR陽性確診目前由市府送往集中檢疫所收治；另有2人快篩陽性也已安置於新竹市加強版防疫旅館。另其他快篩陰性移工市府也安排送往新竹市防疫旅館進行居家隔離。市府也要求該無辜飯店全館消毒安排期間共9名旅館工作人員、1名房客居家隔離並篩檢。
林智堅指出該公司將曾與確診者接觸的移工群送往一般旅館讓全體市民陷入極高風險可惡至極已違反嚴重特殊傳染性肺炎防治及紓困振興特別條例第7條與第16條中「違反中央流行疫情指揮中心指揮官規定實施之應變措施」市府嚴懲重罰100萬元。</t>
  </si>
  <si>
    <t>旅館市府公司送往確診宿舍新竹違反安排至極陽性仲介高風險嚴懲林智堅進行期間條例可惡</t>
  </si>
  <si>
    <t>新冠肺炎台灣新竹移工確診</t>
  </si>
  <si>
    <t>新竹臺灣肺炎確診</t>
  </si>
  <si>
    <t>業者陽性宿舍來自苗栗湖口</t>
  </si>
  <si>
    <t>湖口鄉一處移工宿舍9日下午驚傳有移工快篩陽性該宿舍為大智國際人力仲介有限公司為了隔離曾與確診者有接觸的移工上月底自苗栗將39人遷往位於湖口鄉的居家檢疫宿舍新竹縣政府勞工處前往瞭解確認該宿舍為合</t>
  </si>
  <si>
    <t>宿舍湖口鄉勞工有限公司人力隔離新竹縣政府國際居家檢疫確診位於栗將月底接觸陽性</t>
  </si>
  <si>
    <t>湖口鄉一處移工宿舍9日下午驚傳有移工快篩陽性該宿舍為大智國際人力仲介有限公司為了隔離曾與確診者有接觸的移工上月底自苗栗將39人遷往位於湖口鄉的居家檢疫宿舍新竹縣政府勞工處前往瞭解確認該宿舍為合格檢疫場所至於是否有通報問題「有違法就開罰」。
大智國際人力仲介有限公司在湖口鄉擁有一棟宿舍提供給自國外入境台灣、須居家檢疫14天的移工使用均採取一人一室方式居家檢疫5月下旬因苗栗竹南發生移工群聚感染案該公司恐有移工與確診者接觸的嫌疑因此5月31日將39人帶往湖口的檢疫宿舍管理。
另外也因接觸者多業者也在新竹市尋求一般旅館將移工隔離業者也說在入住前均有知會旅館多日來也向新竹縣市、苗栗縣政府求助也很盡力在處理此案期望外界不要誤會。
位於湖口的檢疫宿舍自7日起陸續快篩出現個位數的快篩陽性也因有救護車進出導致居民人心惶惶湖口鄉公所、在地村長也在警方協助下於路口拉起封鎖線管制進出。林志華也表示該區域也天天消毒「盡量做到讓民眾安心」。
新竹縣政府衛生局指出目前掌握狀況為來自苗栗的移工在該宿舍群檢疫有醫療需求會協助送醫、採檢。衛生局長殷東成表示目前也採取竹竹苗聯防方式會全力支援。</t>
  </si>
  <si>
    <t>宿舍檢疫湖口鄉居家苗栗協助目前新竹縣政府接觸進出表示隔離採取方式旅館位於陽性業者</t>
  </si>
  <si>
    <t>新冠肺炎台灣苗栗移工快篩陽性</t>
  </si>
  <si>
    <t>苗栗臺灣肺炎陽性</t>
  </si>
  <si>
    <t>過期疫苗贈送訊息日本速辦網瘋</t>
  </si>
  <si>
    <t>近日網路流傳「日本捐贈給台灣的124萬劑AZ疫苗已過期」、「日本要給台灣更多、但台灣不要」綠委劉世芳、羅致政、黃世傑今日召開記者會表示這是經過變造的錯誤訊息沒想到藍營的新竹縣副縣長陳見賢竟惡意傳遞</t>
  </si>
  <si>
    <t>臺灣日本縣長捐贈新竹藍營想到訊息錯誤劉世芳羅致黃世傑表示陳見賢今日記者會召開az已過期不要</t>
  </si>
  <si>
    <t>近日網路流傳「日本捐贈給台灣的124萬劑AZ疫苗已過期」、「日本要給台灣更多、但台灣不要」綠委劉世芳、羅致政、黃世傑今日召開記者會表示這是經過變造的錯誤訊息沒想到藍營的新竹縣副縣長陳見賢竟惡意傳遞將要求陳見賢出面道歉而引用這些錯誤訊息者也會請政府速查、速辦、速罰。
羅致政指出昨天在網路上出現「日本要給台灣不只124萬劑AZ疫苗但台灣說不需要」的訊息所以才給這麼少但這完全是變造過的錯誤訊息。
羅致政說陳見賢昨天在LINE群組中傳給國民黨代表這則訊息並引用日本外相在日本國會作證內容提到「台灣政府沒有想要很多(疫苗)只要6月擋一下就好7月就有自己的疫苗」、「台灣這些決策者發國難財、死人財必定絕子絕孫。」
羅致政表示當指揮中心忙於防疫時陳見賢卻忙著傳假訊息完全不適格而傳給黨代表恐怕是有組織的惡意傳遞假訊息昨日還有不少電視民嘴在媒體上傳遞這則訊息對此要求陳見賢應出來道歉而傳遞、引用這則訊息者政府應速查、速辦、速罰。
羅致政指出外交部今日已針對這則訊息出面澄清請民眾不要再轉傳否則恐有涉及違法問題。
羅致政強調影片內容是指「台灣可能7月就有疫苗日本要提供救急疫苗」並未提到疫苗數字也沒有提到台灣官方要求多少請國民黨不要再泡製假訊息。
劉世芳表示這種企圖破壞台日友好的假訊息是不是背後有正在「認知作戰」、統戰的陰謀？這些訊息現在經由藍營公眾人物來傳遞請民眾不可以接受。
黃世傑指出日本政府在6月4日送來124萬劑AZ疫苗台灣也表達感謝之意但遺憾有人在刻意操作錯誤訊息指稱這批疫苗是「5月份就到期」、「日本人不要的」這樣的訊息在網路上不斷傳播。
黃世傑說經查這則消息所引用的新聞畫面日期是2021年2月7日散佈者利用移花接木的方式將這次的日方贈送疫苗資訊惡意連結並錯誤傳遞導致民眾對預計本周驗證過後就會開始施打的這批疫苗產生信心動搖對推展疫苗施打是非常負面的效應。
黃世傑表示指揮中心已說明這批日方提供的疫苗10月才到期且品質要經過食藥署驗證過後才會放行民眾請放心。</t>
  </si>
  <si>
    <t>訊息疫苗臺灣傳遞羅致日本陳見賢錯誤黃世傑表示引用民眾惡意不要要求指出提到</t>
  </si>
  <si>
    <t>新冠肺炎台灣   訊息疫苗台灣</t>
  </si>
  <si>
    <t>肺炎訊息臺灣疫苗</t>
  </si>
  <si>
    <t>確診死亡川普美國肺炎who搞砸</t>
  </si>
  <si>
    <t>新冠肺炎來勢洶洶！美國確診數全球最高達37萬死亡數破11萬人！美國總統川普7日推文表示世衛組織（WHO）防範新冠肺炎疫情有欠失當提供錯誤建議。川普斥責世衛「真的搞砸了」他也提出將會檢視WHO拿了大筆</t>
  </si>
  <si>
    <t>川普美國who肺炎提出搞砸真的世衛斥責建議錯誤提供最高死亡數失當全球世衛組織確診疫情</t>
  </si>
  <si>
    <t>新冠肺炎來勢洶洶！美國確診數全球最高達37萬死亡數破11萬人！美國總統川普7日推文表示世衛組織（WHO）防範新冠肺炎疫情有欠失當提供錯誤建議。川普斥責世衛「真的搞砸了」他也提出將會檢視WHO拿了大筆美國資金卻以大陸為中心的作為。
新冠肺炎從亞洲到歐美至今已長達3個月！據約翰霍普金斯大學（Johns Hopkins University）統計截至美國時間7日全球2019年新冠肺炎確診病例超過136萬例76420人死亡。美國確診病例數全球最高逼近37萬例死亡人數達11018人。
美國川普今天透過推文表示：「世衛組織真的搞砸了。基於某些因素WHO資金主要來自美國卻大幅度以大陸為中心。美國將會好好檢視。幸運的是我否決世衛早期給予的對大陸開放邊境建議。不知為什麼給我們（美國）這樣錯誤的建議？
美國白宮1日曾公佈新冠肺炎死亡人數預估值估計全美死於武漢肺炎人數高達10～24萬人直逼世界大戰時的死亡人數。美國總統川普當時也直言未來2周「非常、非常痛苦」。</t>
  </si>
  <si>
    <t>美國肺炎川普人數死亡who大陸建議世衛全球搞砸真的錯誤確診總統資金表示最高中心</t>
  </si>
  <si>
    <t>新冠肺炎川普WHO美國確診武漢肺炎</t>
  </si>
  <si>
    <t>川普肺炎who美國武漢確診</t>
  </si>
  <si>
    <t>感染柯文哲成立delta小組</t>
  </si>
  <si>
    <t>新北幼兒園群聚案延燒指揮中心8日公佈7例確診案都是新北市北市＋0臺北市長柯文哲表示中央說新北幼兒園跟機師的基因定序不一樣證明Delta已潛入社區且不只一條線是存在好幾條感染源北市現在疫調小組</t>
  </si>
  <si>
    <t>新北北市幼稚園感染delta社區證明潛入指揮基因中心機師公佈現在柯文哲</t>
  </si>
  <si>
    <t>新北幼兒園群聚案延燒指揮中心8日公佈7例確診案都是新北市北市＋0臺北市長柯文哲表示中央說新北幼兒園跟機師的基因定序不一樣證明Delta已潛入社區且不只一條線是存在好幾條感染源北市現在疫調小組要擴充人力12區都要成立小組。
柯說北市疫情看起來還好北市7日7家醫院PCR篩檢2801人、陽性0因篩檢是採預約制這應是上一波110萬細胞簡訊效果目前3周案例看起來很少但這2天北市府已忙翻新北幼兒園確定是Delta中央還說跟機師的基因定序不一樣。
柯說證明Delta已進入社區且不只一條線是好幾條感染源現在是雙北共同圈現在看似風平浪靜還在觀察中他堅持有多少證據、做多少事未來幾天看居隔者有無問題再決定怎做他本想說記者會週一、三、五舉辦的次數要減少但現在有了狀況就先重整Delta問題及防疫系統。
柯還說疫調小組要擴充人力12個行政區要各自獨立作業衛生、員警、民政系統都要進來人力也要訓練每個區都要有疫調小組若病例超過多少時隔壁的行政區就要支援將來疫情發生不見得均勻在各區。
柯說依照過去4個月的實戰經驗由副市長黃珊珊指揮防疫計程車還是主要的運輸工具現有100台要擴充至200台防疫巴士則尚不實用可緊急增用防疫計程車但車子要改裝、司機要訓練。
柯說北市防疫專責病床有372床每個醫院都要「桌上演習」接到北市府命令後的第7天要有1421床每個醫院都要有SOP以前是強迫的急行軍當時病房不夠至今則不要讓空的病房放在那有需要就動員。
柯說旅館分4種一般、防疫、居隔（1人1間）、防疫專責旅館北市有47％感染者沒症狀大概有80％的人不用住院只是咳嗽感冒而已現幫病人透過血氧器防疫能量已比以前強大很多他要跟市民講「每個危機都是轉機」北市已比4個月前的防疫能量增強很多。</t>
  </si>
  <si>
    <t>防疫北市柯說delta新北現在小組醫院幼稚園指揮問題疫情行政區擴充系統市府</t>
  </si>
  <si>
    <t>新冠肺炎台灣北市Delta柯文哲</t>
  </si>
  <si>
    <t>北市肺炎臺灣delta柯文哲</t>
  </si>
  <si>
    <t>首季產業肺炎tpk</t>
  </si>
  <si>
    <t>TPK-KY宸鴻（3673）因為提列資產減損2019年第四季意外轉虧自結稅後虧損為9800萬元每股虧損為024元。總經理謝立群表示目前返工人數滿足訂單需求估計疫情對於2月產出有二～三成影響3月降至二成以內4月</t>
  </si>
  <si>
    <t>tpk-ky 宸 鴻 3673 因為 提 列 資產 減 損 2019 年 第 四季 意外 轉 虧 自 結 稅 後 虧損 為 9800萬 元 每股 虧損 為 024 元 總經理 謝立群 表示 目前 返工 人數 滿足 訂單 需求 估計 疫情 對於 2 月 產出 有 二 三 成 影響 3 月 降 至 二 成 以內 4 月</t>
  </si>
  <si>
    <t>產出資產對於疫情估計四季意外需求虧損訂單滿足返工人數目前總經理謝立群表示影響</t>
  </si>
  <si>
    <t>TPK-KY宸鴻（3673）因為提列資產減損2019年第四季意外轉虧自結稅後虧損為9800萬元每股虧損為024元。總經理謝立群表示目前返工人數滿足訂單需求估計疫情對於2月產出有二～三成影響3月降至二成以內4月可望恢復正常。宸鴻直言目前市場能見度很低第一季營收估下滑30％營業利益率在損益兩平的邊緣。
宸鴻舉行法說會第四季自結合併營收為3695億元季減78％、年減134％因為出貨量減少以及提列部分生產設備資產減損損失約817億元使得毛利率降至18％如排除一次性資產減損損失第四季營業毛利為147億元毛利率40％。上季本業由盈轉虧營業損失約452億元稅前淨損約147億元稅後淨損9800萬元稅後稀釋每股虧損024元惟排除一次性資產減損損失影響後稀釋後每股淨利為177元。
2019年宸鴻平板電腦出貨量成長42％消弭iPhone新機拿掉Force Touch所造成的衝擊2019年全年合併營收達13661億元年成長204％。全年營業利益約124億元稅前淨利約78億元稅後淨利約209億元每股淨利為051元排除第四季之一次性資產減損損失影響每股淨利達251元。
對於新冠肺炎疫情影響謝立群表示農曆新年期間工廠沒有停工一直都有部分員工留在廠內沒有感染問題多數員工來自附近廈門相對疫情比較輕微。目前返工人數足夠滿足產線需求公司也密切觀察上下游材料和供需估計疫情對於2月產出有2～3成影響3月會降至2成以內4月生產將恢復正常。
宸鴻策略長劉詩亮表示第一季是傳統淡季因為新冠肺炎影響能見度很低。就客戶預測和復工狀況來看本季營收預估下滑30％營業利益率在損益兩平的邊緣。
宸鴻今年資本支出40億元較去年的32億元為多除了上半年要擴增一條大尺寸奈米銀生產線之外還將購置面板後段模組組裝、貼合設備。謝立群表示奈米銀已經獲得了2款手機認證其中一款手機已經到最後驗證階段可望在第三季量產供應給大陸品牌客戶。至於LCD面板模組組裝過去已經提供部分客戶服務未來希望擴大到不同產品、客戶會先從中尺寸產品擴充產能。面板模組營收貢獻大、雖然毛利率不高但對於經濟規模有幫助提供一條龍服務採購便利性客戶因此提高下單的份額。</t>
  </si>
  <si>
    <t>客戶表示疫情影響部分對於四季面板損失已經目前謝立群毛利率淨利營業資產</t>
  </si>
  <si>
    <t>謝立群一次性毛利率客戶排除</t>
  </si>
  <si>
    <t>毛利率謝立群客戶排除一次性</t>
  </si>
  <si>
    <t>預購口罩啟動</t>
  </si>
  <si>
    <t>口罩實名制20第一波預購結束指揮中心醫療應變組副組長羅一鈞19日表示共有1178萬人預購呼籲預購民眾要在21日前完成繳費第二波預購將接續於25、26日限時兩天上網登記同樣有700萬片未來更將一週一周執行</t>
  </si>
  <si>
    <t>預購未來同樣登記結束上網指揮繳費羅一鈞組長應變表示中心醫療接續民眾呼籲日前完成共有週一</t>
  </si>
  <si>
    <t>口罩實名制20第一波預購結束指揮中心醫療應變組副組長羅一鈞19日表示共有1178萬人預購呼籲預購民眾要在21日前完成繳費第二波預購將接續於25、26日限時兩天上網登記同樣有700萬片未來更將一週一周執行。
至於網路瘋傳雙北地區準備封城疫情指揮中心指揮官陳時中說這是謠言將交給法律單位徹查、重罰。
陳時中19日宣佈國內再新增八例新冠肺炎確診總數達108例其中78例境外移入、30例本土病例。而案103與案59為北部一所高中同班男同學確診且座位鄰近由於同班已有兩人確診該校20～27日將全校停課衛生局也將針對座位周圍同學擴大採檢。
國內新冠肺炎確診數飆升破百18日開始就引發民眾購物潮各大賣場都湧入大量人潮搶買。對此陳時中認為台灣民生物資不會缺乏世界貨運沒有中斷台灣沒有國外的大批旅遊團進來人口沒有大量增加過度存糧、搶購沒必要囤積是於法不容「相搶就不夠、相讓就有剩」！
台灣從19日起所有入境者均須居家檢疫14天因應湧現桃園機場的大批返國民眾交長林佳龍說已啟動擴大防疫專車應變計畫備妥400輛排班計程車、200輛租賃車及50輛遊覽車接駁總計每天可以載運3400趟次。</t>
  </si>
  <si>
    <t>臺灣民眾確診預購陳時中擴大沒有指揮中心國內同學座位肺炎遊覽車租賃</t>
  </si>
  <si>
    <t>口罩陳時中肺炎實名制座位</t>
  </si>
  <si>
    <t>陳時中肺炎座位口罩</t>
  </si>
  <si>
    <t>問題關鍵指標戰機全面f-衰退</t>
  </si>
  <si>
    <t>《空軍雜誌》（Air Force Magazine）22日報導美國空軍戰術戰機2021財年的任務執行率（mission capable rates）全面下滑除A-10「疣豬」（Warthog）攻擊機外F-22、F-35、F-16、F-15都無法倖免。《空軍雜誌》指出</t>
  </si>
  <si>
    <t>空軍雜誌f-magazinea-報導下滑全面美國空軍rates戰術capable戰機mission財年執行率任務warthogforce無法倖免攻擊機air指出</t>
  </si>
  <si>
    <t>《空軍雜誌》（Air Force Magazine）22日報導美國空軍戰術戰機2021財年的任務執行率（mission capable rates）全面下滑除A-10「疣豬」（Warthog）攻擊機外F-22、F-35、F-16、F-15都無法倖免。
《空軍雜誌》指出即使2021財年軍方面臨的新冠肺炎（COVID-19）疫情影響不如2020財年但任務執行率仍進一步下降。F-35自7607%大幅滑落至688%但仍高於2019財年的616%；這是因為許多F-35開始面臨第一次發動機大修但近年美軍F-35機隊在該設備上面臨短缺估計2021財年內有40架F-35A因缺少發動機而停飛且此狀況可能持續達數年。
F-15E連續2年下滑自2019財年的7129%降至2020財年的6921%再降至2021財年的6624%；F-15C和F-15D由於機齡過老任務執行率同樣連續2年降低F-15C目前為6948%、F-15D為6856%。F-16C也自2020財年的739%降至2021財年的7153%、F-16D自2020財年的7211%降至2021財年的6932%。
F-22的任務執行率繼續於50%上下徘迴2021財年為5081%較2020財年降低約1個百分點但與2019財年的5057%相差不遠。A-10雖然最為老舊但可能獲益於機翼更換工程及其相對簡單的構造任務執行率自712%上升至7254%。
任務執行率是衡量戰備狀態時常用的指標代表戰機能至少執行一項其被賦予的核心任務如F-16就是空對空作戰、對地攻擊或防空壓制三選一而此次美軍未公開全任務執行率（full mission capable rates）資料。在川普政府的前美國國防部長馬提斯（Jim Mattis）時代美國空軍曾被要求應將整體任務執行率提升至80%以上但此目標從未達成。</t>
  </si>
  <si>
    <t>f-任務財年執行率面臨美國空軍戰機可能a-美軍下滑連續發動機rates雜誌capable空軍mission降低國防部長美國</t>
  </si>
  <si>
    <t>美國空軍任務執行率戰備F-35F-22</t>
  </si>
  <si>
    <t>美國空軍戰備f-任務執行率</t>
  </si>
  <si>
    <t>降低肺炎感染開始疫情風險臺灣拯救習慣</t>
  </si>
  <si>
    <t>為瞭解睡眠習慣、疲勞與新冠肺炎罹患風險的關係；約翰霍普金斯大學彭博公共衛生學院研究團隊針對來自6個國家的2884名高風險醫護人員進行為期2個月的網路調查。結果發現夜間睡眠每增加1小時罹患新冠肺炎的風</t>
  </si>
  <si>
    <t>睡眠肺炎國家高風險來自醫護人員團隊進行研究為期學院網路衛生調查彭博結果發現約翰霍普金斯大學關係夜間風險增加小時疲勞習慣瞭解</t>
  </si>
  <si>
    <t>為瞭解睡眠習慣、疲勞與新冠肺炎罹患風險的關係；約翰霍普金斯大學彭博公共衛生學院研究團隊針對來自6個國家的2884名高風險醫護人員進行為期2個月的網路調查。結果發現夜間睡眠每增加1小時罹患新冠肺炎的風險降低12%；相對地擁有嚴重睡眠問題的人感染新冠肺炎的機率上升88%。此外持續感到疲勞感者罹患新冠肺炎的機率增加26倍康復所需時間與嚴重程度也都隨之增加。
這份研究已發表在2021年3月份的《英國醫學期刊》。論文中指出隨著新冠肺炎大流行醫療人員在診療患者中扮演著關鍵角色並阻止新冠的社區傳播。然而醫療人員也是最容易染疫的族群。據統計相較於未接觸新冠患者的醫護人員診治新冠患者的醫護人員染病而住院的風險成長18至33倍。
現有文獻證實睡眠習慣與壓力會增加罹患傳染病的風險。在164名18-55歲的健康男女的研究中只擁有短暫睡眠時間者在與病毒接觸後感冒的可能性更高。
儘管在一項針對431名中國大陸民眾的研究中發現睡眠不足與罹患新冠肺炎時病情嚴重程度有關卻沒有指出睡眠習慣與疲勞是否會影響新冠肺炎的染病機率。
因此為瞭解睡眠習慣、疲勞與新冠肺炎罹患風險的關係研究團隊針對來自法國、德國、義大利、西班牙、英國與美國的2884名高風險醫護人員在2020年7月至9月間展開網路調查。所有參與者必須提供自陳報告內容包含夜間睡眠時間、白天午睡時間、睡眠相關問題與習慣、工作倦怠以及暴露在新冠肺炎下的狀況。參與者每晚平均睡眠低於7小時但超過6小時。
結果發現這2884名高風險醫護人員中約568人確診新冠肺炎。考慮各種潛在影響因素後研究團隊發現每晚增加1小時的睡眠感染新冠的機率就下降12%。此外罹患新冠肺炎的568名患者中約24%的人(137人)有夜間難以入眠的問題而沒有感染新冠肺炎的參與者擁有此一障礙的人約21%(495人)。
研究團隊還發現在罹患心冠肺炎的參與者中約5%(28人)的參與者有多達3項甚至更多的睡眠問題如難以入睡、睡眠中斷、需要服用安眠藥；相較之下沒有感染新冠肺炎的參與者出現3項以上睡眠障礙症狀的人僅3%(65人)。然而相較於沒有睡眠障礙的人擁有3項以上睡眠問題的人罹患新冠肺炎的機率成長88%。
相較於平日不會感到疲勞感的參與者每天出現疲勞感的參與者罹患新冠肺炎的機率高出26倍感染後的病情嚴峻程度與需要的康復時間也是沒有出現疲勞感者的3倍。
研究團隊解釋這是一項觀察性研究仍無法確定這樣現象背後的原因。但可以推測缺乏睡眠或睡眠障礙會增加發炎細胞因數與組織胺而對免疫系統產生不良影響。過去研究也指出職業倦怠透過職業壓力損害免疫系統並改變皮質醇水準從而直接、間接地影響疾病感染率。
研究團隊表示醫護團隊缺乏足夠的夜間睡眠、嚴重的睡眠障礙與過度倦怠使他們處在新冠肺炎的高風險下。換言之在大流行期間睡飽睡好不只關乎醫護人員的福祉更有其重要性。
專家則表示睡眠中斷會影響新陳代謝、免疫力甚至是心理健康。睡眠不足會讓人攝取高熱量食物、脂肪、含糖與含鹽食物這些都會影響健康。如果又處在壓力或輪班模式影響又更為強烈。因此想要為防疫貢獻心力先從睡好睡滿開始。</t>
  </si>
  <si>
    <t>睡眠研究肺炎影響團隊醫護人員參與者增加沒有感染高風險風險時間夜間問題相較發現障礙習慣</t>
  </si>
  <si>
    <t>新冠肺炎睡眠品質睡眠不足睡眠中斷疲勞感</t>
  </si>
  <si>
    <t>睡眠品質睡眠不足肺炎疲勞感中斷</t>
  </si>
  <si>
    <t>缺人縣府擴廠口罩華新</t>
  </si>
  <si>
    <t>新冠肺炎疫情擴散彰化華新醫材配合政府口罩徵用日夜趕工製作口罩來供應防疫需求為增加產能擴廠新設3條生產線未來1天約可生產60萬片口罩為填補新設產線的人力缺口18日華新在彰化縣勞工處的協助下舉辦徵</t>
  </si>
  <si>
    <t>口罩新設勞工擴散製作徵用協助華新政府供應防疫配合增加產能日華擴廠生產線需求未來人力生產</t>
  </si>
  <si>
    <t>新冠肺炎疫情擴散彰化華新醫材配合政府口罩徵用日夜趕工製作口罩來供應防疫需求為增加產能擴廠新設3條生產線未來1天約可生產60萬片口罩為填補新設產線的人力缺口18日華新在彰化縣勞工處的協助下舉辦徵才活動短短1個上午就成功招募9名員工。
3班制 大夜班缺人
華新目前生產人力約24人4條產線1天約產25萬片醫療口罩新設的生產線速度較快1條1天可生產10萬片加上新進人員調配人力未來產能1天預估可產55至60萬片。華新目前是2班人員交班未來生力軍加入後希望能變成3班制來應付龐大的口罩需求但大夜班很多人無法適應這次徵才特別提出大夜班的需求。
華新醫材集團董事長鄭永柱說徵才除了彌補新設產線的人力缺口也能加強現有的生產線人力希望能招聘到包括幹部、機組人員、維修人員、包裝人員等這些都需要新進人員遞補需要像機械、電機、電子及管理人才一方面增加公司人才一方面也能為地方就業盡點心力。
趕工急 下禮拜進廠
鄭永柱說未來還有很長的仗要打希望能找到可以一起長期抗戰的夥伴來應付龐大的口罩生產量盡速徵才是希望能盡早訓練新的工作人員工廠會安排專門的教育訓練人員來加速訓練員工讓機組安裝完成後可以馬上進入狀況加入生產口罩的行列新廠區原本安排月底要完成但他希望可在下禮拜就完成進廠。</t>
  </si>
  <si>
    <t>口罩希望人力未來華新生產人員新設需求生產線大夜班訓練完成安排可以新進人員員工加入</t>
  </si>
  <si>
    <t>口罩下禮拜人員徵才華新</t>
  </si>
  <si>
    <t>下禮拜人員口罩華新</t>
  </si>
  <si>
    <t>確診境外新增本土</t>
  </si>
  <si>
    <t>中央流行疫情指揮中心今公佈國內新增7例新冠肺炎確診案例分別為6例境外移入及1例本土個案本土個案感染源待釐清。截至目前國內共累計355名確診案例。本土個案為40多歲男性(案352)近期無出國史3月30日出現發</t>
  </si>
  <si>
    <t>國內個案本土案例確診中心近期公佈國史新增男性指揮截至目前分別累計疫情肺炎</t>
  </si>
  <si>
    <t>中央流行疫情指揮中心今公佈國內新增7例新冠肺炎確診案例分別為6例境外移入及1例本土個案本土個案感染源待釐清。截至目前國內共累計355名確診案例。
本土個案為40多歲男性(案352)近期無出國史3月30日出現發燒症狀至診所就醫4月1日因味覺及嗅覺喪失至同一診所就醫隔天再至醫院就醫後收治住院並採檢通報於今日確診。衛生單位調查個案獨自居住平時活動地以住家及工作地為主將進一步調查相關接觸者以釐清感染源。
6例境外移入個案為2男4女年齡為20多歲至60多歲入境日介於3月15日至4月2日發病日介於3月16日至30日。發病前活動地為瑞士、美國、德國、英國及南美洲。
指揮中心指出案350於3月12日至18日至美國工作返國時因與案197及案202(赴美國探親之夫妻)搭乘同班機因此列為接觸者案350居家隔離期間於3月30日出現輕微腹瀉情形4月1日出現輕微胸悶症狀於4月2日居家隔離期結束後自行前往醫院就醫並採檢通報於今日確診。
案355於2月20日至3月25日參加南美旅遊團因與案259及331同團列為接觸者無疑似症狀居家隔離期間於4月2日由衛生單位安排就醫採檢於今日確診；該旅遊團截至目前共計3人確診。</t>
  </si>
  <si>
    <t>確診個案就醫接觸症狀隔離居家出現活動國內調查中心指揮美國旅遊團案例本土單位今日衛生截至列為醫院</t>
  </si>
  <si>
    <t>確診指揮中心境外移入本土破口</t>
  </si>
  <si>
    <t>境外中心本土指揮確診</t>
  </si>
  <si>
    <t>az疫苗今日下午日本</t>
  </si>
  <si>
    <t>中央流行疫情指揮中心今(25)日表示日本政府提供第五批50萬劑AstraZeneca(AZ)疫苗於今日下午運抵桃園國際機場並在完成通關程式後直接運送至指定冷儲物流中心進行後續檢驗封緘作業。本批疫苗效期至110年11月26日</t>
  </si>
  <si>
    <t>中心疫苗程式通關直接完成國際機場表示桃園檢驗運送進行指定冷儲物流後續下午提供今日az日本政府astrazeneca指揮作業</t>
  </si>
  <si>
    <t>中央流行疫情指揮中心今(25)日表示日本政府提供第五批50萬劑AstraZeneca(AZ)疫苗於今日下午運抵桃園國際機場並在完成通關程式後直接運送至指定冷儲物流中心進行後續檢驗封緘作業。本批疫苗效期至110年11月26日及11月30日將由指揮中心統籌規劃運用提供國人與在臺日籍人士接種。
指揮中心說明日本提供我國AstraZeneca(AZ)疫苗分別為6月4日124萬劑、7月8日113萬劑、7月15日97萬劑、9月7日64萬劑及本批50萬劑共3904萬劑有助我國提升疫苗覆蓋率指揮中心再次向日本政府及人民致上誠摯謝意。</t>
  </si>
  <si>
    <t>中心指揮疫苗提供日本政府我國azastrazeneca人民程式通關完成直接國際機場桃園運送指定冷儲物流進行再次下午後續檢驗今日</t>
  </si>
  <si>
    <t>AZ疫苗抵台日本捐贈</t>
  </si>
  <si>
    <t>az日本捐贈疫苗</t>
  </si>
  <si>
    <t>醫院新竹隔離確診肺炎被告起訴</t>
  </si>
  <si>
    <t>中央流行疫情指揮中心14日公佈新冠肺炎第53例確診病例在新竹縣後網路開始出現患者目前在東元醫院隔離醫治的假訊息新竹地檢署接獲疫情應變專組平臺通報後偵辦18日迅速偵結經告訴人東元醫院同意以緩起訴處分</t>
  </si>
  <si>
    <t>新竹醫院東元疫情中心公佈告訴肺炎確診訊息目前病例應變平臺醫治隔離</t>
  </si>
  <si>
    <t>中央流行疫情指揮中心14日公佈新冠肺炎第53例確診病例在新竹縣後網路開始出現患者目前在東元醫院隔離醫治的假訊息新竹地檢署接獲疫情應變專組平臺通報後偵辦18日迅速偵結經告訴人東元醫院同意以緩起訴處分2名被告。
檢方指出16日接獲新竹縣衛生局通報網路出現「台灣第53例是竹北台元奕力的工程師！病毒已來新竹大家小心確診者現在在東元醫院隔離沒事不要去東元」的不實訊息後旋即指派專責檢察官王遠志指揮警調展開偵辦。
警調從facebook帳號確認使用人為賴姓男子並源追查訊息來源為黃姓女子在LINE貼文後通知2人到案要求刪除貼文並於個人網頁重新貼文澄清事實。
檢察官17日傳喚黃女和賴男到庭認2人坦承犯行無犯罪紀錄犯後態度良好已深表悔悟認以緩起訴處分為適當諭知支付緩起訴處分金1萬元向指定團體提供60小時義務勞務及參加2場法治教育課程。
新竹地檢署再次呼籲民眾面對傳染病應配合中央流行疫情指揮中心的宣導及防疫措施對疫情資訊應謹慎面對切勿以訛傳訛任意轉傳、分享、散播不實訊息違者最高可處3年以下有期徒刑、拘役或併科300萬元以下罰金民眾若發現有任何散播不實訊息可向檢警舉發。</t>
  </si>
  <si>
    <t>訊息新竹東元疫情不實醫院指揮處分起訴民眾檢察官面對通報散播確診隔離出現</t>
  </si>
  <si>
    <t>起訴東元疫情新竹指揮</t>
  </si>
  <si>
    <t>起訴疫情新竹東元指揮</t>
  </si>
  <si>
    <t>專輯預產期保密籌備到家林宥嘉</t>
  </si>
  <si>
    <t>《完全娛樂》22日熱鬧舉辦《YouTube訂閱突破兩百萬》慶功記者會節目主持人林思宇（宇宙）、夏和熙、林宥嘉、YouTuber這群人的茵聲、展瑞、董仔皆開心月臺。夏和熙相信該節目很快就會超過三百萬訂閱他也透露達三</t>
  </si>
  <si>
    <t>訂閱節目和熙舉辦youtube超過突破慶功熱鬧記者會很快展瑞主持人相信董仔林思宇開心這群人youtuber林宥嘉宇宙月臺娛樂</t>
  </si>
  <si>
    <t>《完全娛樂》22日熱鬧舉辦《YouTube訂閱突破兩百萬》慶功記者會節目主持人林思宇（宇宙）、夏和熙、林宥嘉、YouTuber這群人的茵聲、展瑞、董仔皆開心月臺。夏和熙相信該節目很快就會超過三百萬訂閱他也透露達三百萬時天團「五月天」就會幫完全娛樂創作片頭曲讓林宥嘉笑說那五月天好像還可以納涼一下。
林宥嘉坦言二寶快出生了新冠肺炎期間少出門在家陪妻子現階段也在籌備新專輯而太太丁文琪的預產期則是保密到家神秘兮兮回：「新專輯釋出和預產期同一天。」被問到是否有當youtuber的憧憬他淡淡說：「我喜歡當看youtube的人光想到影音要後製就挺麻煩的。」他表示每一次都是很心情平靜看底下留言「若是意外中獎才會內心很不平靜。」他笑說過年期間被分到一張刮刮樂可惜卻摃龜了。
林思宇轉眼已主持四年她記得有次工作人員騙她說要去鹿港錄影她還特地準備饒舌歌給政府官員觀賞沒想到在車上直播完卻來到機場「竟給我一個驚喜是去香港看『五月天』的演唱會。」她笑說那天穿很接地氣的「鹿港風格」服裝「上面的鹿字還畫叉寫成香。」
展瑞談到面對酸民言語時心情要保持正向茵聲則說能接受批評的聲音作為進步動力但隨意謾罵則不可取。</t>
  </si>
  <si>
    <t>林宥嘉五月想到youtube訂閱youtuber心情期間節目和熙平靜專輯</t>
  </si>
  <si>
    <t>林宥嘉五月天林宥嘉新專輯完全娛樂</t>
  </si>
  <si>
    <t>專輯完全林宥嘉五月娛樂</t>
  </si>
  <si>
    <t>回台肺炎夫妻麻油鄰長湖北</t>
  </si>
  <si>
    <t>滯留湖北的彰化鄰長夫妻10日搭乘第2批武漢包機在林口檢疫所完成居家檢疫14天後25日返回溪湖鎮看到迎接他們的84歲老母親眼淚流下來想起歷經了大陸封城瀰漫死亡恐懼吃到了麻油麵線、雞蛋就是這個台</t>
  </si>
  <si>
    <t>麻油吃到恐懼鄰長死亡夫妻封城大陸歷經想起搭乘流下來眼淚武漢母親包機迎接檢疫所林口看到完成溪湖居家檢疫返回</t>
  </si>
  <si>
    <t>滯留湖北的彰化鄰長夫妻10日搭乘第2批武漢包機在林口檢疫所完成居家檢疫14天後25日返回溪湖鎮看到迎接他們的84歲老母親眼淚流下來想起歷經了大陸封城瀰漫死亡恐懼吃到了麻油麵線、雞蛋就是這個台灣的味道讓人感動得笑淚交織。
鄰長夫妻回鄉喊一句「媽嗎我回來了」84老媽媽放下心中大石裡長在何炳樺、理事長及親友早就在鄰長家中等候替媳婦跟兒子要回家並準備2碗「芙蓉繡球花艾草水」洗淨紅包壓驚。
媳婦吳茗嫁到台灣10年說婆婆把她當女兒因大陸爸爸病危和擔任鄰長先生去湖北探視沒想到遇到史上最恐怕肺炎有家歸不得天天想回家天天怕染病還好台灣安排包機在林口檢疫所住14天安心地回家有種劫後餘生的感動更懂得珍惜、生命的一切、一切。
「台灣真好！」吳茗特別謝謝婆婆照顧3個分別就讀高中、國中及剛滿周歲的小女兒返家時2個大的上學剛滿1歲小女兒伸手要抱媽媽內心好激動「我真是世界上最幸福的媽媽」女兒依偎著爸媽不到30分鐘就安穩的睡著了。
「感謝台灣伸出手臂讓我們有家可回家人團圓」鄰長夫妻說要感謝太多、太多了謝謝媒體報導；立委、縣長、鎮長和裡長等每一位鄉親期盼疫情趕快結束。</t>
  </si>
  <si>
    <t>臺灣鄰長女兒回家夫妻裡長大陸媳婦感動媽媽感謝檢疫所林口包機剛滿湖北鄉親鎮長</t>
  </si>
  <si>
    <t>台灣鄰長夫妻新冠肺炎湖北</t>
  </si>
  <si>
    <t>夫妻鄰長肺炎湖北臺灣</t>
  </si>
  <si>
    <t>刑警嚴打驚恐民眾訊息</t>
  </si>
  <si>
    <t>新冠肺炎疫情延燒各種假訊息充斥造成民眾恐慌政府修法嚴懲提高罰責外各員警機關更全力查察幾乎天天有績效藉以遏止假訊息擴散阻礙防疫工作警政署長陳家欽疾呼司法機關應盡速偵處審結共同防堵假訊息</t>
  </si>
  <si>
    <t>訊息應盡機關員警機關司法提高疾呼全力嚴懲審結修法政府幾乎警政署長共同充斥</t>
  </si>
  <si>
    <t>新冠肺炎疫情延燒各種假訊息充斥造成民眾恐慌政府修法嚴懲提高罰責外各員警機關更全力查察幾乎天天有績效藉以遏止假訊息擴散阻礙防疫工作警政署長陳家欽疾呼司法機關應盡速偵處審結共同防堵假訊息。
警政署表示訊息傳播不受時間與空間限制導致未經查證之爭議訊息日漸氾濫防疫期間更可能造成治安事件發生警政署在1月底及2月中旬兩度要求各員警機關嚴密查察違反傳染病防治法第61、62、63條規定案件積極蒐集具體事證並且查辦。
尤其為避免影響疫情控制及民眾恐慌一旦查獲案件各員警機關即時發布新聞澄清相關不實訊息以免以訛傳訛以降低擴散、遏制不法。例如有民眾捏造某醫院因疫情封院、還有湖北武漢每家屋頂住蝙蝠甚至是大麻可殺死新冠肺炎病毒等都迅速傳喚涉案人說明。
此外警政署也呼籲司法機關盡速偵結除達到嚇阻作用外是因為假訊息案件常涉及特別法（如傳染病防治法等）與社會秩序維護法員警機關依「特別法優先普通法」及「先刑事後行政」、「刑罰優先」、「刑事先行」原則會先移送地檢署偵查若司法機關認定該案不符合特別法要件員警機關會在社會秩序維護法裁處時效2個月內移請簡易庭裁罰。
同時為強化防疫期間囤積哄抬查處工作警政署提升防疫期間偵破囤積哄抬案件獎勵額度激勵員警同仁士氣並請各員警機關持續主動與其他相關政府主管機關包括公平會、衛福部、消保官等機關保持聯繫如遇具體個案盡速釐清案情配合案件執行查察並據以偵辦。</t>
  </si>
  <si>
    <t>訊息員警機關案件警政署機關防疫疫情民眾特別法司法期間具體政府造成相關擴散</t>
  </si>
  <si>
    <t>肺炎警政署查察司法機關各員警機關</t>
  </si>
  <si>
    <t>司法機關警政署肺炎員警機關</t>
  </si>
  <si>
    <t>續看升導體</t>
  </si>
  <si>
    <t>半導體測試介面廠精測（6510）受惠5G商用化前的供應鏈備料需求顯現2020年首季營收表現持穩高檔表現符合預期第二季營運續看升。今（6）日不畏大盤劇烈震盪股價開高後走揚最高上漲434％至746元早盤維持逾</t>
  </si>
  <si>
    <t>表現上漲最高受惠商用化開高供應股價備料震盪需求劇烈顯現大盤首季廠精不畏符合</t>
  </si>
  <si>
    <t>半導體測試介面廠精測（6510）受惠5G商用化前的供應鏈備料需求顯現2020年首季營收表現持穩高檔表現符合預期第二季營運續看升。今（6）日不畏大盤劇烈震盪股價開高後走揚最高上漲434％至746元早盤維持逾35％漲幅表現較大盤穩健。
精測股價受台股股災影響3月23日下探584元的5個月低點1個月來波段跌幅達4218％隨後股價打底回升近日站回持穩700元之上。三大法人近期買賣超調節互見近2周合計小幅賣超80張。
精測公佈2020年3月自結合併營收338億元月增達1791％、年增達6805％。累計首季合併營收9億元雖季減1064％、仍年增4848％同步改寫同期新高表現符合公司及市場預期。
精測表示5G即將步入商用化隨著5G通訊獲得實質落地應用成功帶動精測近期營運業績表現。包括應用於5G基地台的射頻（RF）晶片、智慧型手機的核心應用處理器（AP）均是推動3月垂直探針卡（VPC）銷售業績成長的主力產品。
展望後市投顧法人指出受惠客戶5奈米量產出貨原先預期精測營收成長動能將自第二季起加速。但隨著新冠肺炎疫情延燒全球對營運成長動能增溫造成變數客戶是否遞延下單將成為觀察焦點。
投顧法人認為即使在客戶未大量拉貨、4～6月營收表現僅與3月相當的最差狀況下精測第二季營收預估仍可望季增達雙位數百分比但若季增率未達2成則目標價將有下修風險故維持買進評等不變但將目標價自1200元下修至1000元。</t>
  </si>
  <si>
    <t>表現應用股價營運法人客戶預期成長受惠業績近期動能維持大盤</t>
  </si>
  <si>
    <t>精測營收成長同期新高展望</t>
  </si>
  <si>
    <t>成長同期新高展望</t>
  </si>
  <si>
    <t>大使教廷肺炎伊朗病逝</t>
  </si>
  <si>
    <t>據伊朗官方媒體週四報導伊朗教士哈迪·霍斯羅沙希(Hadi Khosroshahi)在庫姆死於新冠肺炎。報導稱在伊朗伊斯蘭革命後霍斯羅沙希一直擔任伊朗駐梵蒂岡大使。</t>
  </si>
  <si>
    <t>伊朗報導擔任一直革命教士伊斯蘭哈迪·霍斯羅沙希khosroshahihadi死於肺炎霍斯羅沙希週四梵蒂岡媒體大使官方</t>
  </si>
  <si>
    <t>奧運東京年內大臣延期舉行</t>
  </si>
  <si>
    <t>據日本放送協會(NHK)報導日本奧運大臣橋本聖子當地時間3日表示根據東京與國際奧會之間的協議東京奧運會可以在2020年內進行延期。《中新網》報導說橋本聖子被問及東京奧運會是否會延期舉辦時橋本表示「主</t>
  </si>
  <si>
    <t>東京橋本聖子延期報導表示奧運會奧運大臣舉辦當地時間國際協議中新可以是否進行問及日本之間橋本nhk日本放送協會</t>
  </si>
  <si>
    <t>據日本放送協會(NHK)報導日本奧運大臣橋本聖子當地時間3日表示根據東京與國際奧會之間的協議東京奧運會可以在2020年內進行延期。
《中新網》報導說橋本聖子被問及東京奧運會是否會延期舉辦時橋本表示「主辦城市與國際奧會的協議中規定國際奧會只有在東京不能於2020年內舉辦的情況下才能取消本屆奧運會。根據這一協定東京奧運會可以在2020年內進行延期。」
根據日本厚生勞動省和各地方政府統計的資料截至當地時間3日下午5時包括鑽石公主號郵輪的706名感染者在內日本新冠肺炎病例確診人數累計達985例。
此前關於東京奧運會日本首相安倍晉三表示「將推進萬全準備使之成為對運動員及觀眾而言是安全、安心的大賽。」</t>
  </si>
  <si>
    <t>東京奧運會日本表示延期橋本聖子舉辦當地時間國際報導觀眾協議進行運動員成為準備可以萬全推進確診人數肺炎</t>
  </si>
  <si>
    <t>新冠肺炎武漢肺炎新型冠狀病毒COVID-192020年</t>
  </si>
  <si>
    <t>肺炎武漢冠狀病毒covid-</t>
  </si>
  <si>
    <t>pcr馬國確診匡列員工結果ikea出爐</t>
  </si>
  <si>
    <t>高雄21日無新增新冠肺炎本土確診個案但有一名IKEA宜家家居高雄店的前員工在16日返回馬來西亞出境時被採檢為陽性高市府獲報後緊急匡列225位相關接觸者並展開清消作業目前接觸者快篩、PCR檢驗全數均為陰</t>
  </si>
  <si>
    <t>接觸pcr本土確診個案ikea家居高雄店目前員工返回馬來西亞展開出境陽性市府相關</t>
  </si>
  <si>
    <t>高雄21日無新增新冠肺炎本土確診個案但有一名IKEA宜家家居高雄店的前員工在16日返回馬來西亞出境時被採檢為陽性高市府獲報後緊急匡列225位相關接觸者並展開清消作業目前接觸者快篩、PCR檢驗全數均為陰性。
高雄市議員陳若翠21日揭露IKEA宜家家居高雄店一名銷售部門主管7月15日出境返回馬來西亞時採檢為陽性由於IKEA平日進出顧客很多她擔心出現防疫破口強烈要求高雄市長陳其邁除了做好疫調工作也要注意社區確診黑數的問題才不會讓「微解封」變成「危解封」。
陳其邁表示該名馬籍離職員工在馬國入境篩檢時被驗出CT值2938隨後立即通知高市府她在7月14日檢驗時PCR呈現陰性他也提醒相關的檢查結果、過程、方式與臨床症狀都必須經過中央或地方流行疫情指揮中心專家的綜合研判才能公佈避免引起民眾不必要的恐慌。
陳其邁指出若在國外發現個案通常會透過IHR組織通報並由該國組織通報給中央確認該個案在國外的檢驗狀況所以高市府對該個案的判斷會從最嚴格的標準來提前部屬已經召回職場員工及所有接觸者。
陳其邁表示這種國內採檢陰性出國又確診的個案其實很多有幾個狀況她可能在旅行期間汙染例如在飛機密閉空間旁邊有確診個案可能導致咽喉部受汙染病毒短暫停留也會被採檢到或者離開台灣前在職場、社區接觸出國後才發病。
陳其邁說這個個案7月15日搭高鐵北上16日出境包括高鐵、飛機、職場及北部友人有相關接觸的人甚至實驗室的診斷或採檢現場汙染的可能性都無法排除所以會料敵從寬先排除本地感染但以現有的資料綜合評估後並沒有找到是與高雄職場接觸傳染有關可能感染源還沒有找到。
高市府衛生局強調由於各個國家的採檢方式、技術、SOP都不盡相同馬國的情況不得而知但到目前為止中央尚未獲得IHR回應無法得知該個案確診的真實性高市府已經啟動疫調、緊急匡列相關接觸者高市府謹慎以對。</t>
  </si>
  <si>
    <t>個案陳其邁接觸確診市府相關中央污染員工可能陰性ikea高雄檢驗綜合感染出境無法馬國</t>
  </si>
  <si>
    <t>個案採檢高市府IKEAPCR</t>
  </si>
  <si>
    <t>市府ikeapcr個案</t>
  </si>
  <si>
    <t>who改口川普台為證防疫世界失職</t>
  </si>
  <si>
    <t>《中時新聞網》精選5件不可不知的國際大事帶讀者掌握今（18）日的國際新聞重點。【1】	台防疫佳能否進WHA大會？WHO給答案了近期接連遭受美國總統川普砲轟的世界衛生組織（WHO）18日一改先前避談台灣防疫成績首次</t>
  </si>
  <si>
    <t>who國際防疫不可不大事精選先前美國新聞近期答案接連遭受重點大會總統能否wha世界衛生組織炮轟川普</t>
  </si>
  <si>
    <t>《中時新聞網》精選5件不可不知的國際大事帶讀者掌握今（18）日的國際新聞重點。
【1】	台防疫佳能否進WHA大會？WHO給答案了
近期接連遭受美國總統川普砲轟的世界衛生組織（WHO）18日一改先前避談台灣防疫成績首次公開讚揚台防疫成效不過關於台灣是否能參加今年世界衛生大會（WHA）則說非其權責由會員國決定。
【2】	川普推特提台灣通報證據 三連嗆WHO
川普在推特上引用美國胡佛研究所研究員陳仁宜在《福斯新聞》臺上受訪的內容其中提到台灣早已通報WHO有「人傳人」現象再次指責WHO失職這也是川普首度公開以台灣證據質疑WHO處理不當。
【3】	川普追擊 指陸新冠死得遠比美還多
在武漢將新冠肺炎死亡人數上修達50%後美國總統川普週五推文說中國大陸的死亡人數遠比通報的高甚至超過美國。「中國剛宣佈因隱形敵人致死的人數增加了一倍」「但其實遠比那還高甚至遠比美國還高差遠了！」。
【4】	多國領袖挺WHO 川普陷孤立
七大工業國集團（G7）領袖16日召開視訊會議包括德國總理梅克爾等多名G7領袖都表態支持WHO對川普中斷WHO金援G7內部表達遺憾讓外媒形容川普唱獨角戲。
【5】	傳自民黨切割 安倍6月恐下臺
安倍政府新冠肺炎疫情紓困經濟對策朝令夕改16日宣佈統一發放每位國民10萬日圓並重新調整2020年度修正預算案。被在野黨批「前所未聞安倍所為夠得上內閣總辭了」。《SUNDAY每日》雜誌報導指出自民黨內已傳出6月要換掉安倍由麻生太郎接替的風聲。</t>
  </si>
  <si>
    <t>川普who美國臺灣安倍領袖人數通報防疫自民黨新聞國際宣佈大會wha中國死亡肺炎總統公開</t>
  </si>
  <si>
    <t>新冠病毒新冠肺炎武漢肺炎COVID-19WHO</t>
  </si>
  <si>
    <t>肺炎武漢covid-病毒who</t>
  </si>
  <si>
    <t>保處遊客三不蝙蝠洞</t>
  </si>
  <si>
    <t>新冠肺炎疫情延燒新北市瑞芳區的蝙蝠洞公園也大受影響因傳新冠肺炎疫情與蝙蝠有關不少遊客走訪東北角旅遊的時候特別迴避蝙蝠洞一帶。台灣蝙蝠學會指出新冠病毒是否從蝙蝠感染到人體還需研討但蝙蝠學會</t>
  </si>
  <si>
    <t>蝙蝠蝙蝠洞疫情學會肺炎北角旅遊時候感染特別公園走訪瑞芳區回避遊客是否一帶新北影響有關病毒臺灣</t>
  </si>
  <si>
    <t>新冠肺炎疫情延燒新北市瑞芳區的蝙蝠洞公園也大受影響因傳新冠肺炎疫情與蝙蝠有關不少遊客走訪東北角旅遊的時候特別迴避蝙蝠洞一帶。台灣蝙蝠學會指出新冠病毒是否從蝙蝠感染到人體還需研討但蝙蝠學會呼籲以「管制人類與蝙蝠的接觸」來減少蝙蝠病毒轉變成人類病毒的機會才是上策。
瑞芳區海濱裡長鄧麗華指出在蝙蝠洞公園內棲息的蝙蝠為東亞折翅蝠與被懷疑和新冠肺炎疫情相關的菊頭蝠為不一樣的品種她強調當地的居民都知道所以請前來觀光的遊客都免驚在蝙蝠洞公園並不會有傳染疾病的風險。折翅蝠的移轉前來停留的時間為5月到9月。
針對民眾擔心蝙蝠洞是否會有傳染風險新北市動保處長陳淵泉受訪時表示到目前為止對於蝙蝠跟新型冠狀病毒之間的關係沒有任何科學證據顯示有直接的關係所以請大家不必恐慌。
他也提醒觀賞蝙蝠或其他動物的時候他請前往旅遊的民眾遵循不撿拾、不餵食、不要有直接的接觸的「三不原則」保持距離、不要恐慌便可以大幅降低危險性。
陳淵泉也指出雖然蝙蝠洞目前還不會封鎖但若有旅客要進入到蝙蝠洞內請於進入前後做好勤洗手及消毒的工作避免有任何的疑慮發生。</t>
  </si>
  <si>
    <t>蝙蝠蝙蝠洞病毒指出公園恐慌疫情瑞芳區不要接觸遊客直接肺炎淵泉旅遊時候前來民眾</t>
  </si>
  <si>
    <t>有直公園旅遊肺炎病毒</t>
  </si>
  <si>
    <t>旅遊肺炎公園病毒</t>
  </si>
  <si>
    <t>來希老人口罩年輕人氣炸排隊</t>
  </si>
  <si>
    <t>新冠肺炎造成口罩荒台灣實施的口罩實名制讓藥局外總是大排長龍但近日人潮已逐漸緩和。全國公務人員協會榮譽理事長李來希卻直指排隊領口罩的多半是老年人「年輕人在家等口罩真是太殘忍了」。此話意外引來網</t>
  </si>
  <si>
    <t>口罩真是排隊局外直指總是來希大排長龍近日人潮理事長逐漸協會榮譽緩和公務人員全國殘忍造成年輕人</t>
  </si>
  <si>
    <t>新冠肺炎造成口罩荒台灣實施的口罩實名制讓藥局外總是大排長龍但近日人潮已逐漸緩和。全國公務人員協會榮譽理事長李來希卻直指排隊領口罩的多半是老年人「年輕人在家等口罩真是太殘忍了」。此話意外引來網友砲轟。
李來希在個人臉書發文繼他日前在家中找出5個醫用口罩接著又翻出10個被遺忘的口罩讓他喜出望外直呼「好爽！」。但底下他又針對口罩實名制的排隊現象發表看法留言內容指出「排隊的人多半是老先生老太太年輕人在家等口罩太殘忍了想想真的很不堪吧！」。
文章被網友貼上PTT後不少人都傻眼回應「是不用上班喔」、「上班怎麼排」、「好啊 老人去上班 年輕人來排」、「過太爽不知道大家平日都要去上班喔？」、「我是知道很多年輕人靠他父母的退休金養就好」。</t>
  </si>
  <si>
    <t>口罩年輕人排隊網友上班來希知道殘忍多半逐漸緩和人潮全國近日公務人員大排長龍協會</t>
  </si>
  <si>
    <t>新冠肺炎武漢肺炎COVID-19台灣年輕人</t>
  </si>
  <si>
    <t>武漢肺炎covid-臺灣年輕人</t>
  </si>
  <si>
    <t>死亡疫苗接種新增回應</t>
  </si>
  <si>
    <t>中央流行疫情指揮中心公佈昨（2日）新增13起疫苗接種後死亡事件其中8例為接種AZ後死亡另5例為接種莫德納後死亡。指揮中心發言人莊人祥表示8例接種AZ後死亡事件年齡介於40至92歲之間於接種後6至34天發生</t>
  </si>
  <si>
    <t>接種中心死亡指揮事件公佈新增疫苗az莊人祥表示發言人介於之間年齡疫情莫德納流行中央發生</t>
  </si>
  <si>
    <t>中央流行疫情指揮中心公佈昨（2日）新增13起疫苗接種後死亡事件其中8例為接種AZ後死亡另5例為接種莫德納後死亡。
指揮中心發言人莊人祥表示8例接種AZ後死亡事件年齡介於40至92歲之間於接種後6至34天發生；5例接種莫德納後死亡事件年齡介於54至83歲之間於接種後11至57天發生；昨天無新增接種高端後死亡事件。
另外昨新增30件疫苗接種後非嚴重不良事件以及37件疑似嚴重不良事件。截至昨天國內累計接種1100萬4240劑疫苗其中AZ接種660萬608劑莫德納接種375萬675劑高端接種65萬2957劑。</t>
  </si>
  <si>
    <t>接種事件死亡中心指揮疫苗昨天az莫德納新增不良嚴重發生高端之間公佈截至國內莊人祥表示發言人年齡</t>
  </si>
  <si>
    <t>接種死亡AZ莫德納13</t>
  </si>
  <si>
    <t>az死亡莫德納接種</t>
  </si>
  <si>
    <t>公車司機確診復工載到</t>
  </si>
  <si>
    <t>三重客運藍38公車的6名公車駕駛曾搭載新冠肺炎第32例外籍女看護經公司給予14天有薪防疫假後6人健康狀況良好本月初順利復工直呼「幸好工作時都有戴口罩！」新北市交通局長鍾鳴時大讚感謝這6名防疫英雄的努</t>
  </si>
  <si>
    <t>防疫公車駕駛肺炎大贊外籍看護局長交通搭載公司給予新北初順利本月復工良好口罩健康狀況</t>
  </si>
  <si>
    <t>三重客運藍38公車的6名公車駕駛曾搭載新冠肺炎第32例外籍女看護經公司給予14天有薪防疫假後6人健康狀況良好本月初順利復工直呼「幸好工作時都有戴口罩！」新北市交通局長鍾鳴時大讚感謝這6名防疫英雄的努力全程落實消毒工作成功守住防疫第一線。
國內上月底新增第32名確診個案為外籍女看護曾多次搭乘公車、捷運至雙北各大景點「趴趴走」新北市交通局得知確診病患行蹤後立即檢查公車清潔紀錄、調閱行車影像並召回所有車輛大規模消毒確認這名外籍看護和6名駕駛皆全程佩戴口罩未讓疫情擴散。
經過14天有薪防疫假後6名駕駛健康狀況良好本月初順利復工成功守住防疫第一線；資歷長達21年的董姓駕駛坦言他曾經歷SARS抗戰這次得知載到確診病患時確實有點緊張幸好出車前都有做好車內清潔消毒及量體溫、戴口罩、勤洗手等措施「能夠重返工作崗位非常開心！」
62歲的何姓駕駛是6人中年紀最長公車駕駛資歷達14年他說休假在家期間除了追劇也動手整理屋頂花圃、做做運動但因不能外出跟關在監獄一樣「重獲自由的感覺真好！」</t>
  </si>
  <si>
    <t>駕駛公車防疫消毒口罩外籍看護確診清潔全程新北資歷工作幸好得知監獄第一線關在初順利外出</t>
  </si>
  <si>
    <t>新北市交通局本月初公車得知戴口罩</t>
  </si>
  <si>
    <t>公車得知本月市交通局口罩新北</t>
  </si>
  <si>
    <t>疫情告急新加坡大陸日本改變檢測世界方法</t>
  </si>
  <si>
    <t>精選《中時新聞網》5件不可不知的國際大事帶讀者掌握今天(2月14日)的國際新聞重點。【1】疫情忽然飆升 全因武漢改變檢測方法當市場樂觀認為新冠肺炎的疫情逐漸和緩之際新增感染病例和死亡人數忽然間又再度飆高。</t>
  </si>
  <si>
    <t>疫情忽然國際不可不大事今天人數死亡新聞網病例樂觀市場方法檢測感染新增改變之際認為和緩肺炎逐漸新聞</t>
  </si>
  <si>
    <t>精選《中時新聞網》5件不可不知的國際大事帶讀者掌握今天(2月14日)的國際新聞重點。
【1】疫情忽然飆升 全因武漢改變檢測方法
當市場樂觀認為新冠肺炎的疫情逐漸和緩之際新增感染病例和死亡人數忽然間又再度飆高。本週三死亡人數高達242人為疫情爆發以來當日最高紀錄。而本週四湖北省的新增病例居然高達14840個案例前一天才2千例出頭而已。專家解釋事實上這並非因為疫情惡化或是隱匿病例而是檢測方式不同所造成的統計數字變化。
【2】漂流近2周 威士特丹號終於停靠柬埔寨
在新冠病毒疫情陰影下月初從香港出航的郵輪「威士特丹號」（Westerdam）一度淪為海上孤兒先後遭到5個國家與地區拒絕停靠。威士特丹號在海上漂流將近2周13日終於獲准停靠柬埔寨施亞努港。
【3】日相緊急會議 逾1400億抗疫
停靠在日本橫濱港的「鑽石公主號」郵輪13日再添44例新冠肺炎確診病例全船累計218人確診。日本厚勞省決定14日讓80歲以上且有慢性疾病的旅客及同房者優先下船目前預計台灣有2名。此外日本境內13日突然新增4個確診病例其中還包括死亡首例。
【4】武漢肺炎影響 新加坡餐廳大陸旅客人潮不復見
新加坡武漢肺炎病例續增新加坡濱海灣、烏節路、聖淘沙景點以及牛車水觀光客消費餐廳均受影響人潮不如往昔。尤其大陸旅客赴新加坡受限衝擊零售與旅遊業。新加坡今天新增8起確診病例確診病例總數達58起。
【5】新冠肺炎陰霾籠罩 東奧籌委會重申照辦
新冠肺炎疫情延燒隨著日本確診案例持續增加對今年夏天登場的東京奧運是否能如期舉行外界相當存疑。不過東奧籌委會主席、前日本首相森喜朗今天再度重申從未考慮延後或者取消奧運會。東奧籌委會今天起與國際奧會(IOC)在東京召開2天協商會議森喜朗說他希望說清楚講明白東奧不會因為新冠病毒疫情受阻。</t>
  </si>
  <si>
    <t>疫情病例肺炎日本今天確診東奧新加坡新增旅客國際籌委會威士特丹死亡武漢停靠東京郵輪檢測案例海上再度高達</t>
  </si>
  <si>
    <t>1分鐘看世界新冠肺炎日本新加坡</t>
  </si>
  <si>
    <t>肺炎世界日本新加坡</t>
  </si>
  <si>
    <t>scooterwemo攜手產險傷害國泰保險</t>
  </si>
  <si>
    <t>隨著數位化時代來臨人們的生活型態也在改變再加上近期新冠肺炎（COVID-19）疫情衝擊餐點外送的市場蓬勃發展。也因為工作時間彈性、進入門檻低等特性只要有手機與機車就可以外送故吸引越來越多年輕族群投入</t>
  </si>
  <si>
    <t>來臨人們生活型吸引改變時代加上可以近期肺炎特性門檻手機covid-進入機車彈性疫情時間衝擊</t>
  </si>
  <si>
    <t>隨著數位化時代來臨人們的生活型態也在改變再加上近期新冠肺炎（COVID-19）疫情衝擊餐點外送的市場蓬勃發展。也因為工作時間彈性、進入門檻低等特性只要有手機與機車就可以外送故吸引越來越多年輕族群投入這個市場。然而外送員薪水與送單量高度連動因搶快而違反交通規則甚至發生車禍的案例時有所聞也曾發生死亡車禍的新聞。根據媒體調查顯示外送員平均年齡為30歲有高達八成的人員最擔心遇到車禍事故如何運用保險填補風險遂成為大家都在討論的議題之一。
現行外送平臺業者多已協助外送員投保一般的傷害保險但保額有限國泰產險與WeMo Scooter瞄準此商機聯合打造外送員的專屬商品企圖填補保障缺口。只要有需求WeMo提供超值租車方案予外送員另由國泰提供外送員自費加購的保險專案內容為交通意外身故或失能時最高給付100萬元保險金保費為三個月105元。透過WeMo App中專屬連結跳轉至國泰產險官網購買用手機即可操作免去紙本繁瑣作業及傳遞時間。流程中整合共用運具租用平臺與保險流程投保僅需三分鐘快速又便利。
國泰產險梁明喬副總表示配合新興行業的發展國泰產險會積極創新以人的角度出發運用科技與數位元方式打造新的服務模式及價值打造保險生態圈。國泰產險未來也持續會與WeMo合作共同研發其他商品讓保險與生活緊密結合以消費者的角度出發持續不斷創新創造新的保險價值。</t>
  </si>
  <si>
    <t>保險國泰產險wemo車禍打造時間手機運用填補商品流程持續平臺投保出發角度提供市場發生來臨人們生活型</t>
  </si>
  <si>
    <t>外送員傷害保險保險打造WeMo Scooter</t>
  </si>
  <si>
    <t>保險打造傷害wemoscooter</t>
  </si>
  <si>
    <t>ua業績</t>
  </si>
  <si>
    <t>美國運動用品公司Under Armour（UA）第一季虧損超出預期且受新冠肺炎全球大流行影響旗下門市幾乎全部關閉看衰本季營收將銳減50%～60%。週一UA收盤重挫972%報901美元盤中一度跌11%。Under Armour公佈第</t>
  </si>
  <si>
    <t>uaunderarmour影響流行全球門市肺炎幾乎關閉季營預期超出虧損週一%~銳減</t>
  </si>
  <si>
    <t>美國運動用品公司Under Armour（UA）第一季虧損超出預期且受新冠肺炎全球大流行影響旗下門市幾乎全部關閉看衰本季營收將銳減50%～60%。週一UA收盤重挫972%報901美元盤中一度跌11%。
Under Armour公佈第一季淨損為5597億美元每股虧損130美元表現遠不及去年同期的淨利2250萬美元每股盈餘5美分。經調整後每股虧損34美分超出市場預期的每股虧損19美分。
首季營收年減23%為93億美元落後市場預期的976億美元。批發業務營收年減28%為592億美元。北美業務營收年減28%為609億美元。
該公司表示UA的亞洲銷售點大多已經重啟但自4月起全球八成門市開始歇業使公司業務受到重創。儘管某些門市可望在未來幾周重新開業但消費者是否回流仍存在不確定性。
Under Armour已經採取多項節流措施以應對新冠疫情造成的衝擊包括直營門市與美國分銷中心裁員。該公司表示今年營運開支將削減325億美元。</t>
  </si>
  <si>
    <t>門市公司虧損uaunderarmour預期業務全球已經表示超出市場美國消費者開業是否回流重新未來</t>
  </si>
  <si>
    <t>UAUnderArmour股價營收</t>
  </si>
  <si>
    <t>armour股價underua</t>
  </si>
  <si>
    <t>廠商展開演練完成預約中科</t>
  </si>
  <si>
    <t>苗栗縣電子廠感染風暴擴大全台各科技園區加強防疫警戒中科篩檢站7日完成演練開始接受園區企業預約中科管理局表示園區內企業先評估如具有相對高風險的員工或同住家屬可由各廠線上預約進行篩檢以服務園</t>
  </si>
  <si>
    <t>園區預約中科企業風暴擴大全台科技感染員工高風險家屬相對進行各廠具有加強評估防疫警戒</t>
  </si>
  <si>
    <t>苗栗縣電子廠感染風暴擴大全台各科技園區加強防疫警戒中科篩檢站7日完成演練開始接受園區企業預約中科管理局表示園區內企業先評估如具有相對高風險的員工或同住家屬可由各廠線上預約進行篩檢以服務園區企業防疫需求及降低作業風險。
中科管理局指出中科篩檢站由中國附醫結合中科員工診所設置與台中市衛生局密切聯繫運行7日完成各廠商員工篩檢動線安全的演練很多園區企業馬上熱線詢問目前園區有5萬多名員工篩檢站能事先防範避免造成傳染風險。
包括台積電、美光、友達、康寧等科技大廠都設在中科園區設有廠房2020年產能與業績逆勢上揚呈兩位數成長創下935979億元營業額較2019年增138747億元漲幅174％成長兩位數創歷年新高展望2021中科邁向兆元產業園區。
科技部推動竹科、中科與南科防疫快速啟動防疫的量能提醒廠商針對具有相對高風險的員工或同住家屬可由各廠線上預約進行篩檢以服務園區企業防疫需求及降低作業風險抗原快篩由企業自費送檢如果快篩陽性醫療院所將通報衛生局並續進行PCR核酸檢測採檢。
防疫升為三級警戒後中科園區廠商採取相應防疫模式運行實施分區分組與分流等方式運作以及應變作業確保防疫及營運持續中科管理局及園區廠商提高環境清潔與消毒作業的頻率目前中科園區廠商營運均不受影響。
此外針對外籍移工分組及嚴格防疫措施、要求若與確診個案有接觸史則主動進行自主健康管理與隔離措施等機制。</t>
  </si>
  <si>
    <t>園區中科防疫廠商企業員工作業科技風險兩位數進行衛生局管理局運行成長措施預約目前營運演練完成具有</t>
  </si>
  <si>
    <t>新冠肺炎台灣台中中科篩檢站</t>
  </si>
  <si>
    <t>台中中科臺灣肺炎</t>
  </si>
  <si>
    <t>首日解封枋山市場意外直擊</t>
  </si>
  <si>
    <t>枋山鄉楓港、善餘2村30日解封縣府允許店家、市集營業讓居民恢復正常生活但多數店家仍維持停業狀態菜巿場沒有一攤有開居民說村內最大的魚販、肉販、菜販都被匡列隔離中沒人賣菜生活還是很不便除了2家傳</t>
  </si>
  <si>
    <t>生活居民店家縣府允許沒人隔離匡列菜販肉販魚販市集村內菜市場狀態</t>
  </si>
  <si>
    <t>枋山鄉楓港、善餘2村30日解封縣府允許店家、市集營業讓居民恢復正常生活但多數店家仍維持停業狀態菜巿場沒有一攤有開居民說村內最大的魚販、肉販、菜販都被匡列隔離中沒人賣菜生活還是很不便除了2家傳統雜貨店有開外市場、麵店幾乎都關著。
居民指出之前有篩檢、打疫苗大家都還會出來但解封後的街道幾乎看不到人除因農忙期要去果園忙外多數人還是會怕而待在家不敢出門但最重要的是主要賣菜賣肉的都被匡列隔離中導致沒人賣菜賣肉解封後還是要吃泡麵度日。
「菜市場沒一攤有開！」居民道有車的人會到車城或枋寮買菜但都不敢承認是楓港或善餘人就怕被歧視被討厭而沒車的只好拜託朋友寄菜寄肉且縣府給的防疫物資有米、泡麵、罐頭、水果但就是沒菜真的很想吃菜。
雜貨店老闆說一早6點多就有客人上門有買民生用品、雞蛋、酒等客人都道前4天雖然有防疫物資但都是「止饑的」生活上真的很不方便。</t>
  </si>
  <si>
    <t>居民生活幾乎縣府解封雜貨店不敢店家防疫</t>
  </si>
  <si>
    <t>Delta枋山解封巿場群聚</t>
  </si>
  <si>
    <t>delta枋山解封市場</t>
  </si>
  <si>
    <t>衛生局確診緊急出現匡列接觸臺北地院</t>
  </si>
  <si>
    <t>臺北地院繼3名法官助理確診新冠肺炎後又有1名在民事庭服務的女職員疑被家人感染也確診。據悉院內有接觸的10多名同仁已被衛生單位匡列、通知居家隔離北院並通知第二層接觸者居家辦公自主健康管理以防感染</t>
  </si>
  <si>
    <t>確診接觸居家感染通知自主肺炎辦公服務家人職員匡列單位同仁助理據悉院內衛生健康</t>
  </si>
  <si>
    <t>臺北地院繼3名法官助理確診新冠肺炎後又有1名在民事庭服務的女職員疑被家人感染也確診。據悉院內有接觸的10多名同仁已被衛生單位匡列、通知居家隔離北院並通知第二層接觸者居家辦公自主健康管理以防感染擴大。
據悉北院確診的女職員曾於本月7至9日到院工作2天又2小時她得知家人確診主動通報經採檢後也於13日確診除接觸者被衛生單位通知居家隔離14日北院也立刻消毒並通知與接觸者有接觸的第二層接觸者居家辦公自主健康管理。
北院最早傳出有疫情是1名法官的父親曾赴萬華區遭感染所幸法官本人採檢為陰上月19日又有寶慶院區1名法官助理被室友感染確診再傳染給同辦公室2名法助這次民庭的女職員則確診。</t>
  </si>
  <si>
    <t>確診感染法官職員接觸家人通知居家助理據悉管理衛生健康單位自主隔離曾赴萬所幸傳染給</t>
  </si>
  <si>
    <t>新冠肺炎台灣臺北地院女職員確診</t>
  </si>
  <si>
    <t>臺灣臺北地院肺炎職員確診</t>
  </si>
  <si>
    <t>新增藥師一家台中確診</t>
  </si>
  <si>
    <t>台中市4日新增7例本土確診個案3例為梧棲區家庭感染該家族父女都在同一藥局工作另2例為清水區家庭感染其餘2例為零星個案此外市府並已掌握1例尚未編號案例均已匡列相關接觸者相關足跡史也已加強清消。</t>
  </si>
  <si>
    <t>個案感染家庭相關史也案例掌握足跡梧棲一藥家族零星父女工作接觸新增匡列本土確診編號尚未市府加強</t>
  </si>
  <si>
    <t>台中市4日新增7例本土確診個案3例為梧棲區家庭感染該家族父女都在同一藥局工作另2例為清水區家庭感染其餘2例為零星個案此外市府並已掌握1例尚未編號案例均已匡列相關接觸者相關足跡史也已加強清消。
台中市衛生局長曾梓展4日在中市疫情指揮中心記者會上一一公佈確診個案及公共場所足跡一一說明。梧棲區71歲藥師（案10466）、69歲妻子（案10465）、43歲在藥局工作的女兒（案10360）一家三口確診；最先發病的是家裏的女兒25日出現症狀自行服用退燒藥有緩解6月1日又開始出現症狀2日至醫院採檢後確診。
其發病前5月20日曾至梧棲區大家來大賣場21日至「57自助洗車」、21日及24日曾至全聯福利中心（梧棲文昌店）26日至梧棲區中央路一段7-11港中分店。
而該名確診者71歲藥師爸爸5月24日出現症狀69歲的媽媽5月28日也出現症狀因同住女兒6月3日確診倆人到醫院採檢後確診。倆人發病前後會至住家附近位於梧棲大莊郵局對面、鄉村漢堡旁的菜車買菜。
清水區確診母女分別是51歲（案10467）與19歲女兒（案10468）媽媽在雲林台塑廠工作經常拜訪雲林大城鄉台西村鄰長鄰長5月31日確診她5月29日出現症狀31日下午辦理離職搭公司交通車返回台中2日與女兒均因身體不適一同前往醫院採檢後確診。
疫調時發現51歲媽媽6月1日曾至清水第一公有零售市場購物。而19歲女兒因5月1、2日曾參加統測平時多在家準備書審甚少出門。
6月3日確診大雅區35歲房仲其59歲母親經匡列採檢也在6月4日確診該女5月13日因病手術後鮮少出門。
還有一名確診者是龍井區21歲男性（案10153）是一大學建教生平日在苗栗某公司（非京元電子）實習因有一名新北市的同事確診全公司快篩出現陽性日前採檢確診。</t>
  </si>
  <si>
    <t>確診女兒梧棲出現公司工作症狀曾至個案媽媽發病台中足跡藥師清水區</t>
  </si>
  <si>
    <t>新冠肺炎台灣台中梧棲區藥師</t>
  </si>
  <si>
    <t>台中臺灣梧棲肺炎藥師</t>
  </si>
  <si>
    <t>喊話蔡英文疫苗輪到特權</t>
  </si>
  <si>
    <t>民進黨今舉行線上中常會蔡英文總統在會中表示他們也注意到近期的疫苗施打有些對特權以及施打效率的質疑。她要強調中央明定的接種順序是經過專家討論考量公共衛生和維持社會穩定需求的結果。她表示也</t>
  </si>
  <si>
    <t>表示施打中常會蔡英文總統中央強調明定維持接種順序專家衛生社會討論考量舉行穩定注意效率特權質疑</t>
  </si>
  <si>
    <t>民進黨今舉行線上中常會蔡英文總統在會中表示他們也注意到近期的疫苗施打有些對特權以及施打效率的質疑。她要強調中央明定的接種順序是經過專家討論考量公共衛生和維持社會穩定需求的結果。
她表示也要請執行單位包括地方政府確實依照順序有效率地來施打。「我們是執政黨更要做表率請大家在地方宣導依序施打輪到你再去打」。
蔡總統在會中提到疫苗供給和施打；她說上週大家也看到在全球疫苗供貨緊張的情況下政府還是努力透過外交管道跟美、日爭取了緊急供應將近兩百萬劑。
她說國產疫苗的部分她要再次強調安全、有效是疫苗上市的基本條件尊重科學證據有一分證據、說一分話。這不僅是政府的責任也希望社會大眾都抱持這樣的態度。
民進黨發言人謝佩芬會後回覆媒體表示也要呼籲國內各政黨關於疫苗施打的順序這是專業問題請務必依循配合專家的專業意見來依序進行。
她說對於被媒體揭露國民黨部分人士疑似利用特權插隊打疫苗的事情也要籲請江啟臣主席應該出來告訴台灣人民你們的態度是什麼。</t>
  </si>
  <si>
    <t>疫苗政府施打順序表示社會媒體部分專家地方態度總統特權專業強調民進證據應該出來</t>
  </si>
  <si>
    <t>新冠肺炎台灣疫苗蔡英文</t>
  </si>
  <si>
    <t>肺炎疫苗臺灣蔡英文</t>
  </si>
  <si>
    <t>外籍隔離病房大老財經陳時中回應</t>
  </si>
  <si>
    <t>中央流行疫情指揮中心今(27)日召開記者會一媒體提問有確診者因飲食問題大鬧隔離病房。對此指揮官陳時中表示沒收到此訊息但住醫院不是住旅館病患要分清楚。據傳有財經界大老的外籍媳婦在隔離期間因不習慣</t>
  </si>
  <si>
    <t>中心媳婦外籍大老召開記者會財經媒體沒收據傳表示清楚陳時中提問指揮官對此指揮隔離病房隔離確診</t>
  </si>
  <si>
    <t>中央流行疫情指揮中心今(27)日召開記者會一媒體提問有確診者因飲食問題大鬧隔離病房。對此指揮官陳時中表示沒收到此訊息但住醫院不是住旅館病患要分清楚。
據傳有財經界大老的外籍媳婦在隔離期間因不習慣病房內的中式餐點而大吵大鬧要求醫護人員買漢堡對此官陳時中表示沒有收到此訊息但希望「住醫院還是住旅館要分清楚」飲食上醫院會有相應的安排「當然合理的要求會盡量做但若是不合理的不表示住院的病人鬧事就沒事。」仍會依《醫療法》第24與106條的法條規定予以處分。</t>
  </si>
  <si>
    <t>表示醫院要求對此飲食訊息旅館中心醫療法召開指揮記者會媒體提問隔離期間習慣媳婦</t>
  </si>
  <si>
    <t>新冠肺炎武漢肺炎新型冠狀病毒台灣餐點</t>
  </si>
  <si>
    <t>肺炎武漢冠狀臺灣病毒</t>
  </si>
  <si>
    <t>bnt接種打頭陣傳出高中不適花蓮</t>
  </si>
  <si>
    <t>花蓮縣國、高中生今起陸續開打BNT疫苗41所學校、1萬5683名學生同意在校接種四維高中打頭陣1003位學生造冊959位願意接種接種意願高達9成6學生一早在醫療團隊引領下依班級前往體育館接種所幸目前尚未</t>
  </si>
  <si>
    <t>接種學生陸續體育館bnt前往疫苗班級學校一早醫療團隊高中願意同意意願高中生高達所幸打頭陣造冊</t>
  </si>
  <si>
    <t>花蓮縣國、高中生今起陸續開打BNT疫苗41所學校、1萬5683名學生同意在校接種四維高中打頭陣1003位學生造冊959位願意接種接種意願高達9成6學生一早在醫療團隊引領下依班級前往體育館接種所幸目前尚未傳出有人身體不適。校方也調整室外課程避免打疫苗後14天進行激烈運動並由學生評估身體狀況從寬認定給予防疫假。
今天上午8點40分許四維高中學生依照班級前往教學樓川堂坐在彼此間隔1公尺的椅子上開始填寫接種卡校方亦安排人員協助量測體溫再排隊進入體育館核對身份、詢問身體狀況依序挽袖接種BNT疫苗。
慈濟醫院醫護人員提前在體育館內分裝疫苗將準備好的針劑給前線施打花蓮第一個打到BNT疫苗的高三學生徐唯嘗坦言雖然作息規律在接種前也沒有特別準備不過之前看過一些不良反應的案例加上媒體大肆報導確實有點緊張還好打完沒什麼感覺彷彿被蚊子叮也沒有不舒服不過他認為打疫苗有必要才能保護自己也保護身邊的人。
四維高中校長蔡忠和指出有959位學生同意接種有44位不同意施打比例約9成6施打前學校針對施打疫苗的指引不斷叮嚀學生防疫注意事項今也安排校內25個班級一班一班逐一前往體育館接種。
至於3天防疫假蔡忠和表示由學生依自己身體狀況請假若沒有異狀則正常到校上課；由於接種後14天內不能進行劇烈運動四維高中也調整體育課、國防通識等室外課程移至室內進行。
此外四維高中9成9的教職員已接種AZ疫苗蔡忠和說尚有2位老師因身體因素仍在等待其他疫苗相信學生接種完後校園環境會更安全。
花蓮縣衛生局長朱家祥提醒學生接種後可能會有發燒、全身不舒服等反應不過短暫的不適總比染疫要好鼓勵學生打疫苗接種是防止重症和死亡打完後還是要戴口罩、勤洗手避免感染變種病毒。</t>
  </si>
  <si>
    <t>接種疫苗學生體育館高中身體狀況沒有防疫班級蔡忠和bnt進行施打前往準備校方避免打完不適身體安排</t>
  </si>
  <si>
    <t>新冠肺炎台灣接種四維高中花蓮</t>
  </si>
  <si>
    <t>肺炎接種臺灣高中花蓮</t>
  </si>
  <si>
    <t>大馬手套保險產業疫情告急</t>
  </si>
  <si>
    <t>新冠肺炎疫情在東南亞發酵全球最大橡膠至成品生產國馬來西亞受到重創相關產品如橡膠手套、保險套等都受到影響其中全球最大的保險套製造商商康樂公司（Karex Bhd）被迫停產一個月全球保險套供應進入告急狀</t>
  </si>
  <si>
    <t>保險全球橡膠受到東南亞發酵停產被迫karex公司bhd康樂疫情製造商相關重創手套產品馬來西亞生產國成品供應肺炎影響進入</t>
  </si>
  <si>
    <t>新冠肺炎疫情在東南亞發酵全球最大橡膠至成品生產國馬來西亞受到重創相關產品如橡膠手套、保險套等都受到影響其中全球最大的保險套製造商商康樂公司（Karex Bhd）被迫停產一個月全球保險套供應進入告急狀態。康樂公司總裁Goh Miah Kiat日前表示公司的三家工廠停產了10天已經造成了全球1億個保險套缺口。
康樂除了為全球最大保險套品牌杜蕾斯的代工還為世界衛生組織及英國國民保健署生產保險套其自主品牌Carex和One銷量也很大；據統計全球每5個保險套就有一個由康樂生產康樂每年向140個國家出口保險套年產量超過50億個；不過自馬國政府3月16日宣佈實施行動管制3月18日至31日全國封城14日已使各產業運作受到嚴重影響。
近期雖然馬國政府對一些企業開了復產綠燈但企業依然需遵守一定規則。比如獲准運營的工廠必須減少員工數量至最低限度康樂公司已於27日獲准提前復產但按照復工規定目前到工率僅有50％產能大幅受限。康樂表示工廠庫存僅能滿足未來2個月的量後續來看至少50％的保險套供應將成問題。
停工停產除了影響到保險套的生產供應橡膠手套的供應也面臨問題。馬來西亞當地的橡膠手套製造商協會正要求政府允許他們恢復100％的正常生產。馬來西亞的橡膠手套由當地的五大公司生產分別是高產尼品、速柏瑪、賀特佳、頂級手套以及康扶手套；其中頂級手套是全球最大拋棄式橡膠手套製造商。疫情發展初期為了對抗疫情頂級手套曾聯合當地的其他手套廠商向武漢捐贈了1800萬副醫用橡膠手套。
馬來西亞天然橡膠的主要出口國為大陸今年1月由於大陸對醫用橡膠手套的需求激增向大陸出口的天然橡膠占到當月總量的443％。在需求拉動下頂級手套曾預估今年手套銷售將提高25％。
但隨著馬來西亞疫情越發嚴重後這些手套工廠也紛紛受到了產能影響。頂級手套在馬來西亞擁有的43家工廠都遇到了產能問題在工人短缺的情況下多家橡膠手套商預計產量將有超過50％的縮減這意味著緊隨保險套的腳步全球橡膠手套供應也將進入短缺狀態。
過去幾年整個東南亞在全球製造產業鏈中的地位逐步提升其涉及的多個產業環節已有不可替代的趨勢。疫情的持續影響下連鎖反應可能將會顯現。</t>
  </si>
  <si>
    <t>手套保險橡膠全球康樂馬來西亞工廠影響疫情生產公司受到政府供應製造商出口停產獲准當地複產產業</t>
  </si>
  <si>
    <t>新冠肺炎COVID-19武漢肺炎全球新型冠狀病毒</t>
  </si>
  <si>
    <t>武漢肺炎covid-全球冠狀病毒</t>
  </si>
  <si>
    <t>英國瑞士發佈日本東盟入境管制新加坡</t>
  </si>
  <si>
    <t>新加坡跨部門抗疫工作小組負責人黃循財今天（15日）下午在新聞發布會上宣佈將進一步擴大入境管制措施。根據中國大陸《央視》報導新加坡宣佈從16日23時59分起近期有包括文萊、柬埔寨、印度尼西亞、老撾、馬來西</t>
  </si>
  <si>
    <t>宣佈新加坡汶萊包括工作近期小組分起柬埔寨負責人黃循財今天管制措施中國大陸入境擴大進一步下午新聞報導發佈會</t>
  </si>
  <si>
    <t>新加坡跨部門抗疫工作小組負責人黃循財今天（15日）下午在新聞發布會上宣佈將進一步擴大入境管制措施。
根據中國大陸《央視》報導新加坡宣佈從16日23時59分起近期有包括文萊、柬埔寨、印度尼西亞、老撾、馬來西亞、緬甸、菲律賓、泰國、越南在內的所有東盟國家日本、瑞士、英國旅行史的人員入境新加坡後需要自我隔離14天。入境時須提供自我隔離住址證明。此外東盟國家短期旅客入境前需要提供健康證明並且得到批準後方能入境新加坡。
黃循財表示近日新加坡新冠肺炎輸入病例顯著增加占到近日所有確診病例的3/4其中90%來自東盟國家。黃循財還呼籲所有家長慎重考慮3月學校假期的出行計劃。 為了防止疫情感染新加坡提出「保持安全距離」倡議當天發布會記者座位保持一公尺間距。
此前新加坡已經對中國大陸、韓國、伊朗、義大利、西班牙、法國、德國發出入境限制令。</t>
  </si>
  <si>
    <t>新加坡入境東盟國家黃循財發佈會宣佈中國大陸保持近日證明病例需要提供德國法國西班牙隔離義大利伊朗印尼老撾柬埔寨馬來西亞汶萊包括工作</t>
  </si>
  <si>
    <t>非洲蝗災農糧新一輪組織上次前所未有威脅</t>
  </si>
  <si>
    <t>新冠肺炎在全球肆虐的當下非洲日前爆發70年來可怕的蝗災可怕的是第二波的蝗災又再度侵襲數量約是前一波的20倍。美聯社報導非洲受到第二波蝗災的侵襲高達數十億隻的沙漠蝗蟲入侵比起對抗新冠病毒對抗蝗</t>
  </si>
  <si>
    <t>蝗災非洲侵襲對抗比起入侵肆虐當下蝗蟲沙漠日前高達數可怕數量全球爆發美聯社受到報導再度肺炎</t>
  </si>
  <si>
    <t>新冠肺炎在全球肆虐的當下非洲日前爆發70年來可怕的蝗災可怕的是第二波的蝗災又再度侵襲數量約是前一波的20倍。
美聯社報導非洲受到第二波蝗災的侵襲高達數十億隻的沙漠蝗蟲入侵比起對抗新冠病毒對抗蝗災顯得更為急迫。可是當地民眾卻拿他沒辦法。非洲烏幹達農民Yoweri Aboket說蝗蟲相當可怕甚至比新冠病毒更具破壞性他表示因為有些人不相信病毒會傳到這裡。
報導指出東非的大部分地區包括肯亞、衣索比亞和南蘇丹加上吉布地、厄立特裡亞、坦尚尼亞和剛果也發現了蝗蟲群。
對此聯合國糧食及農業組織稱蝗災的爆發部分是因為氣候變化導致將對糧食安全和民眾生計造成「前所未有的威脅」。這次蝗災的規模大約是上一次的20倍。糧農組織表示更多的蝗蟲群在肯亞、衣索比亞南部、索馬裡南部形成東非的當前形勢令人極為震驚」。
該機構還預測5月份將有利蝗蟲的繁殖也意味著6月下旬和7月下旬將有新一輪的蝗蟲繁殖。聯合國已呼籲將援助金額從7600萬美元提高到153億美元並表示要立即採取行動。</t>
  </si>
  <si>
    <t>蝗蟲蝗災非洲表示病毒民眾東非可怕報導衣索比亞肯亞爆發侵襲繁殖對抗南部厄立特里亞吉布地加上蘇丹</t>
  </si>
  <si>
    <t>蝗災蝗蟲20倍非洲新一輪</t>
  </si>
  <si>
    <t>非洲蝗災新一輪蝗蟲</t>
  </si>
  <si>
    <t>新發北京農產品交易市場專業規模交易病例確診世界肺炎活動軌跡指向新增發現疫情新發地農產品批發市場</t>
  </si>
  <si>
    <t>達到北京美國全球臺灣ai廣告新發中國赤字大幅疫情連續日本大陸人才研究者債權國cpi爆發資料</t>
  </si>
  <si>
    <t>新冠肺炎新發地市場美國經濟疫情</t>
  </si>
  <si>
    <t>新發地市肺炎美國經濟疫情</t>
  </si>
  <si>
    <t>遼寧省大陸風險區全域</t>
  </si>
  <si>
    <t>大陸遼寧省5月中出現本土病例經過半個月的努力31日11時起遼寧省內全域均已恢復為低風險地區。據瀋陽市統籌推進新冠肺炎疫情防控和經濟社會發展工作指揮部疫情防控綜合組消息從5月31日11時起瀋陽市和平區順</t>
  </si>
  <si>
    <t>時起瀋陽市遼寧省疫情防控本土努力肺炎風險統籌地區恢復推進消息全域綜合組出現病例經濟社會指揮部月中發展工作</t>
  </si>
  <si>
    <t>大陸遼寧省5月中出現本土病例經過半個月的努力31日11時起遼寧省內全域均已恢復為低風險地區。
據瀋陽市統籌推進新冠肺炎疫情防控和經濟社會發展工作指揮部疫情防控綜合組消息從5月31日11時起瀋陽市和平區順天小區78、80、82號樓所在的獨立院落於洪區碧桂園銀河城繁華裡小區和於洪區陽光100一期均被調整為低風險地區至此遼寧省內全域均已恢復為低風險地區。</t>
  </si>
  <si>
    <t>遼寧省社區瀋陽市于洪區時起地區疫情防控風險全域本土肺炎桂園努力銀河綜合組院落繁華獨立所在消息</t>
  </si>
  <si>
    <t>新冠肺炎大陸遼寧省全域低風險</t>
  </si>
  <si>
    <t>大陸遼寧省肺炎全域風險</t>
  </si>
  <si>
    <t>黨徽粉紅色口罩國民黨</t>
  </si>
  <si>
    <t>中央流行疫情指揮中心以家長陳情小男孩不敢戴粉紅色口罩去學校指揮官陳時中五人全部戴起粉紅色口罩示範。國民黨今天也「順時中」把臉書粉絲專頁的黨徽大頭貼戴上粉紅色口罩表示「顏色不重要防疫才重要」結果</t>
  </si>
  <si>
    <t>口罩粉紅色中心家長陳情顏色表示指揮男孩重要不敢粉絲時中黨徽大頭今天國民黨示範戴起</t>
  </si>
  <si>
    <t>中央流行疫情指揮中心以家長陳情小男孩不敢戴粉紅色口罩去學校指揮官陳時中五人全部戴起粉紅色口罩示範。國民黨今天也「順時中」把臉書粉絲專頁的黨徽大頭貼戴上粉紅色口罩表示「顏色不重要防疫才重要」結果引來一堆網路酸民留言還有人問「甚麼時候才正名台灣國民黨？」
國民黨把臉書粉專大頭貼的黨徽戴上粉紅色口罩表示保持社交距離必要時戴口罩無論是綠色口罩、粉紅色口罩、甚至是有可愛圖案的口罩顏色什麼的根本不重要口罩不分顏色防疫不分顏色、台灣不分顏色。重要的是守護民眾的健康戴上口罩既能保護自己也可以保護別人。
不過有不少酸民上網留言有人酸「甚麼時候才正名為台灣國民黨？」、「沒救的黨」也有人以粉專今早推出以華航改名推出「佳龍計時器」另推一款「中國國民黨反攻大陸計時器」酸度十足。</t>
  </si>
  <si>
    <t>口罩粉紅色國民黨重要顏色臺灣計時器推出表示中心留言正名家長党徽陳情</t>
  </si>
  <si>
    <t>口罩國民黨顏色計時器黨徽</t>
  </si>
  <si>
    <t>國民黨黨徽計時器口罩顏色</t>
  </si>
  <si>
    <t>高燒肺炎病房</t>
  </si>
  <si>
    <t>新冠肺炎疫情肆虐全球日本國內確診人數大幅攀升日本同志網紅「拓也哥」也被爆疑似感染不僅連續4天發燒還一度燒到40度目前則在加護病房治療中。拓也哥本月初在社群分享一張體溫計的照片只見上面標示高燒3</t>
  </si>
  <si>
    <t>日本肆虐照片全球體溫計國內分享初在社攀升本月發燒一度連續疫情只見目前感染同志網病房</t>
  </si>
  <si>
    <t>新冠肺炎疫情肆虐全球日本國內確診人數大幅攀升日本同志網紅「拓也哥」也被爆疑似感染不僅連續4天發燒還一度燒到40度目前則在加護病房治療中。
拓也哥本月初在社群分享一張體溫計的照片只見上面標示高燒389度不過對此他僅ㄧ字「哇」說明並未對自身病況做詳細說明沒想到本月4日再度PO文表示自己高燒到40度這才意識到狀況似乎不對讓不少網友擔憂是否染疫對此他表示7日PO文透露人在加護病房治療暫時無法開放會面仍舊未對病況做出說明。
近年來拓也哥可說是病況不斷先是糖尿病右腳小指截肢又因為心力衰竭導致呼吸困難送醫現在更因為疑似感染新冠肺炎仍在醫院持續治療。</t>
  </si>
  <si>
    <t>病況說明治療本月高燒感染日本表示po肺炎病房心力衰竭截肢導致國內小指</t>
  </si>
  <si>
    <t>拓也哥同志網紅新冠肺炎武漢肺炎新型冠狀病毒</t>
  </si>
  <si>
    <t>肺炎同志網武漢冠狀病毒</t>
  </si>
  <si>
    <t>史上網友公主總統至尊老百姓川普不顧</t>
  </si>
  <si>
    <t>美國總統川普6日戴著「讓美國持續偉大」的競選帽到亞特蘭大視察疾病管制暨預防中心（CDC）但川普此行名為提振當局對治新冠肺炎疫情的士氣與信心卻管不住自己的大砲嘴左批死對頭「美國有線電視新聞網」（CNN</t>
  </si>
  <si>
    <t>川普美國大炮管不住信心士氣疫情肺炎持續左批偉大競選亞特蘭大當局視察疾病管制名為預防中心</t>
  </si>
  <si>
    <t>美國總統川普6日戴著「讓美國持續偉大」的競選帽到亞特蘭大視察疾病管制暨預防中心（CDC）但川普此行名為提振當局對治新冠肺炎疫情的士氣與信心卻管不住自己的大砲嘴左批死對頭「美國有線電視新聞網」（CNN）散播不實新聞誤導觀眾；右批重災區華盛頓州州長英斯利（Jay Inslee）是「蛇」；而且對於舊金山外海的「至尊公主號」乘客不假辭色稱既然已有乘客感染新冠病毒其他乘客就不准上岸以免增加美國確診人數。
根據衛報報導川普對於防疫所傳達的訊息顯然比CDC還讓人「不安」、「害怕」。首先他對於「至尊公主號」已傳出21人確診一事反應竟然是：「我不需要就因為僅僅一艘船就讓數字翻倍那不是我們的鍋。」言下之意他憂心自己的政治前途更甚於新冠病毒疫情。
此外另一個讓人不安的是他一面呼籲朝野共同抗疫卻對5日要見華盛頓州州長英斯利的副總統彭斯說華州已經10幾人死於新冠肺炎那傢夥是條「蛇」不要對他太客氣。他說：「老實告訴你們我們跟這個州長問題很多問題都是他那州來的好不好？彭斯可能跟他和樂相處但我不行好不好？」
而他從白宮出發前往CDC之前一邊簽署參院通過的83億美元「抗疫」特別經費一邊又輕挑地向新聞界喊話：「別擔心病毒會走開的。跟世界上其他國家相比我國確診人數算是少的我國的確診總數比幾乎任何一國都低。」美國疫情明明不斷在擴大但川普卻一再四兩撥千金地說不用擔心美國防疫工作一定做得很好。
網友對這總統不關心人民只在乎他的數字忍不住嗆有史以來最爛的總統必須用選票數讓他滾。</t>
  </si>
  <si>
    <t>美國總統川普確診cdc疫情病毒對於州長乘客數字擔心彭斯防疫一邊好不好</t>
  </si>
  <si>
    <t>川普美國確診至尊公主號總統新冠肺炎</t>
  </si>
  <si>
    <t>公主至尊總統確診美國肺炎川普</t>
  </si>
  <si>
    <t>東港az疫苗安泰醫院長者慰問金</t>
  </si>
  <si>
    <t>屏東東港安泰醫院3日施打疫苗大出包錯把88名要打莫德納第2劑的長輩打成AZ至今有8人因發燒、肌肉痠痛掛急診當中4人返家、4人留觀；對此該院榮譽院長蘇清泉4日中午出面致歉將針對與該88人同一批施打疫苗的共</t>
  </si>
  <si>
    <t>疫苗醫院肌肉發燒院長對此蘇清泉榮譽出面莫德納至今長輩致歉中午az打成安泰當中返家急診</t>
  </si>
  <si>
    <t>屏東東港安泰醫院3日施打疫苗大出包錯把88名要打莫德納第2劑的長輩打成AZ至今有8人因發燒、肌肉痠痛掛急診當中4人返家、4人留觀；對此該院榮譽院長蘇清泉4日中午出面致歉將針對與該88人同一批施打疫苗的共100人每人將發5000元慰問金。
「真的很抱歉！」蘇清泉指出對於施打疫苗出包東港安泰醫院致上最高歉意院方也做出4大處理方針第一東港安泰是重度急救責任醫院業務本就繁忙但就國家政策仍全力以赴尤其是打疫苗與流感疫苗而此也造成一線醫護極度疲憊所以就該誤打事件絕對不會苛責基層而是處罰高階的院長、副院長高階主管需擔起行政責任。
第二內部流程將進行大改善東港安泰除有莫德納、AZ、BNT及高端等4種疫苗外還有流感疫苗加起來共5種在管理上確實出現問題因此將採購更多疫苗的冰箱做好更完善的分類、及分層管理避免再出現差錯。
第三關於病人處置除錯打的88人外與該88人同一批施打疫苗的民眾共100人全部都發慰問金每人5000元總共50萬都由東港安泰概括承受此外也將會同裡長、鎮代、議員前往探視、致贈營養品關懷。
第四3日到東港靜思堂施打疫苗的共330人只要有不舒服至東港安泰就醫院方將完成承擔額外的就醫費用。
蘇清泉強調院方截至此刻已打了近300通電話追蹤關懷100人中有20人有症狀當中8人掛急診4人已返家休息而尚未聯絡到的13人團隊會優先前往其住家做訪視。</t>
  </si>
  <si>
    <t>屏 東 東港 安泰 醫院 3 日 施 打 疫苗 大 出 包 錯 把 88 名 要 打 莫德納 第 2 劑 的 長輩 打成 az 至今 有 8 人 因 發燒 肌肉 酸痛 掛 急診 當中 4 人 返家 4 人 留 觀 對此 該院 榮譽 院長 蘇清泉 4 日 中午 出面 致歉 將 針對 與 該 88 人 同一 批 施打 疫苗 的 共 100 人 每人 將 發 5000 元 慰問金 真的 很 抱歉 蘇清泉 指出 對於 施打 疫苗 出 包 東港 安泰 醫院 致 上 最高 歉意 院方 也 做 出 4 大 處理 方針 第一 東港 安泰 是 重度 急救 責任 醫院 業務 本 就 繁忙 但 就 國家 政策 仍 全力以赴 尤其 是 打 疫苗 與 流感疫苗 而 此 也 造成 一線 醫護 極度 疲憊 所以 就 該 誤 打 事件 絕對 不 會 苛責 基層 而是 處罰 高階 的 院長 副 院長 高階 主管 需 擔起 行政責任 第二 內部 流程 將 進行 大 改善 東港 安泰除 有 莫德納 az bnt 及 高端 等 4 種 疫苗 外 還有 流感疫苗 加 起來 共 5 種 在 管理 上 確實 出現 問題 因 此將 採購 更 多 疫苗 的 冰箱 做 好 更 完善 的 分類 及 分層 管理 避免 再 出現 差錯 第 三 關於 病人 處置 除錯 打 的 88 人 外 與 該 88 人 同一 批 施打 疫苗 的 民眾 共 100 人 全部 都發 慰問金 每人 5000 元 總共 50萬 都 由 東港 安泰 概括 承受 此外 也 將 會同 裡長 鎮 代 議員 前往 探視 致贈 營養品 關懷 第 四3 日 到 東港 靜思 堂 施打 疫苗 的 共 330 人 只要 有 不 舒服 至 東港 安泰 就醫 院方 將 完成 承擔 額外 的 就醫 費用 蘇清泉 強調 院方 截至 此刻 已 打 了 近 300 通電話 追蹤 關懷 100 人 中 有 20 人 有 症狀 當中 8 人 掛 急診 4 人 已 返家 休息 而 尚未 聯絡 到 的 13 人 團隊 會 優先 前往 其 住家 做 訪視</t>
  </si>
  <si>
    <t>疫苗東港安泰蘇清泉院方醫院施打院長前往管理出現關懷流感疫苗</t>
  </si>
  <si>
    <t>新冠肺炎台灣蘇清泉東港安泰醫院慰問金</t>
  </si>
  <si>
    <t>蘇清泉東港臺灣安泰肺炎醫院慰問金</t>
  </si>
  <si>
    <t>英相強首度主持疫情簡報</t>
  </si>
  <si>
    <t>英國首相強森將在當地時間今天下午5點（臺北時間5月1日淩晨零點）起出席政府的新冠肺炎疫情簡報會。這是強森重返工作崗位後第一次帶領官員參加簡報。他開場便表示英國已經「過了疫情的頂峰」他並提到英</t>
  </si>
  <si>
    <t>簡報疫情時間淩晨零點當地已經出席英國政府今天下午表示開場臺北肺炎參加工作崗位官員帶領重返強森</t>
  </si>
  <si>
    <t>英國首相強森將在當地時間今天下午5點（臺北時間5月1日淩晨零點）起出席政府的新冠肺炎疫情簡報會。這是強森重返工作崗位後第一次帶領官員參加簡報。他開場便表示英國已經「過了疫情的頂峰」他並提到英國的國家醫療保健服務(NHS)也沒有到無法負荷的階段。
強森在會中可望更新英國疫情與抗疫狀況並發布政府為擊敗病毒所採取的各項步驟。
今天稍早強森已主持復工後的第一場內閣會議。他在視訊會議中告訴英國公司行號表示他能理解大家的焦躁與不耐煩但他強調「我必須請各位持續一直以來的做法如此我們才能保護我們的第一線醫護並且救人性命。」
強森另外也發推文告訴民眾他知道放棄自由有多艱難他能體會民眾見不到朋友與摯愛的人們只能在家中工作管教小孩擔心工作是否保得住公司會不會關門的心情。
強森病癒後本周回府辦公週三他原本要出席首相問答時間但因未婚妻生產而錯過。</t>
  </si>
  <si>
    <t>疫情時間英國出席政府表示告訴簡報民眾強森工作問答首相一直以來持續做法才能必須家中</t>
  </si>
  <si>
    <t>強森英國疫情新冠肺炎</t>
  </si>
  <si>
    <t>疫情英國強森肺炎</t>
  </si>
  <si>
    <t>北市出遊防疫確診</t>
  </si>
  <si>
    <t>新北幼兒園群聚感染持續擴大昨晚北市教育局緊急通知南港某國小和幼兒園也要預防性停課據瞭解是2名學生曾在8月和案16142出遊自行向校方、教育局通知與確診者有接觸；校方回應指出立即調查該名學生7日請假</t>
  </si>
  <si>
    <t>教育局學生校方幼稚園立即持續指出昨晚擴大北市回應接觸預防緊急通知停課南港瞭解通知曾在自行出遊感染調查</t>
  </si>
  <si>
    <t>新北幼兒園群聚感染持續擴大昨晚北市教育局緊急通知南港某國小和幼兒園也要預防性停課據瞭解是2名學生曾在8月和案16142出遊自行向校方、教育局通知與確診者有接觸；校方回應指出立即調查該名學生7日請假未到校上課；此外校方指出今日全校共92人請防疫假。
校方指出昨晚11點檢測結果出爐家長和學生的PCR都是陰性會持續掌握狀況7日經過教育局指示本校以最嚴謹的標準守護師生健康該名學生班級從8日實施預防性停課直到9月12日復課時間為9月13日本校接獲訊息立刻透過各種管道讓家長知悉昨晚也開始消毒8日早上7點尚未入校前已將所有公共場域、教室和科任教室都做全面消毒。
校方表示如班級家長擔心可請防疫假在家線上學習本校都已準備緒讓所有防疫假學生在家仍可學習全校學生總數約1000人、今天請防疫假全校92人平均分散在各年級；至於校內幼兒園部分校方指出因屬非營利幼兒園不是校內管轄但幼兒園全部都停課。</t>
  </si>
  <si>
    <t>校方學生指出幼稚園教育局昨晚家長防疫停課消毒班級持續學習校內預防全校教室入校尚未</t>
  </si>
  <si>
    <t>確診者防疫假幼兒園新冠肺炎台灣</t>
  </si>
  <si>
    <t>幼稚園防疫肺炎臺灣確診</t>
  </si>
  <si>
    <t>川普強國好慘</t>
  </si>
  <si>
    <t>新冠肺炎疫情重創美國經濟未來失業率恐直逼大蕭條水準讓各界擔憂美國經濟是否走入大蕭條不過白宮貿易顧問納瓦洛（Peter Navarro）昨（11）日澄清美國現階段狀況根本不是大蕭條當時大蕭條歷時約10年現在</t>
  </si>
  <si>
    <t>美國蕭條經濟重創peter澄清未來navarro納瓦洛狀況顧問貿易失業率現階段白宮疫情水準是否擔憂根本肺炎</t>
  </si>
  <si>
    <t>新冠肺炎疫情重創美國經濟未來失業率恐直逼大蕭條水準讓各界擔憂美國經濟是否走入大蕭條不過白宮貿易顧問納瓦洛（Peter Navarro）昨（11）日澄清美國現階段狀況根本不是大蕭條當時大蕭條歷時約10年現在川普花費3年打造的最強國家大陸60天就用一個病毒將它摧毀。
This is NOT the Great Depression Stop the Sunday Show Pity Party and realize we have the greatest president in modern history and we will WIN by bringing our supply chains and manufacturing HOMEhttps://tco/GFQkRVj4te
美國4月失業率飆升至147%美國財政部長梅努欽（Steven Mnuchin）10日接受電視節目專訪時示警未來美國失業率恐狂飆至25%相當於1930年代經濟大蕭條水準。
美國經濟惡化大蕭條恐重演的疑慮四起不過綜合福斯新聞（Fox News）、法國國際廣播電台（RFI）報導白宮貿易顧問納瓦洛昨日接受福斯新聞台「福斯與朋友們」（Fox &amp; Friends）節目專訪時表示「任何以為這是大蕭條的人要不是不瞭解歷史就是不瞭解經濟。」
納瓦洛說「大蕭條是一個歷經10年的過程從一次世界大戰結束之後開始先後經歷通貨膨脹、通貨緊縮週期期間也伴隨實施災難性貨幣、貿易、財政政策」整體而言延續了「非常、非常久的時間」。
反觀美國現在的經濟形勢納瓦洛解釋「美國總統川普用3年半時間打造了最強、最漂亮的經濟體然後中國共產黨釋放一個病毒60天內就摧毀了我們。」
納瓦洛表示美國現在要做的事就是專注在重啟製造業讓美國人能重新開始製造商品如此美國經濟才會反彈。不過他也坦承這個過程將會非常漫長。</t>
  </si>
  <si>
    <t>美國蕭條經濟納瓦洛and貿易the現在we失業率過程接受專訪fox開始福斯表示病毒摧毀時間</t>
  </si>
  <si>
    <t>上午小時加開bnt</t>
  </si>
  <si>
    <t>第10輪BNT昨緊急加開對象開放在9月29日前登記意願的61至63歲民眾打第一劑於今日限時8小時預約打疫苗符合資格者可以在今天上午10點起至下午6點登入疫苗平臺預約打疫苗這批民眾預計可在10月10日至10月14日接種</t>
  </si>
  <si>
    <t>疫苗民眾預約對象開放日前登記意願加開今日今天上午下午起至可以符合資格預計緊急小時平臺bnt</t>
  </si>
  <si>
    <t>第10輪BNT昨緊急加開對象開放在9月29日前登記意願的61至63歲民眾打第一劑於今日限時8小時預約打疫苗符合資格者可以在今天上午10點起至下午6點登入疫苗平臺預約打疫苗這批民眾預計可在10月10日至10月14日接種疫苗。
第10輪BNT先前僅開放「64歲以上的民眾」、「18至63歲的第九類對象」以及「18至22歲的年輕人」預約接種根據指揮中心統計共約297萬人完成預約並且已經在昨天開打但為了讓疫苗資源更有效的運用因此指揮中心昨晚臨時加開給61至63歲的民眾打第一劑。
指揮中心也提醒今天上午10時開放的疫苗預約場次僅供加開對象進行預約符合資格者記得要在限定的時間內上網完成預約。
另第10輪疫苗還有提供第二劑AZ與高端接種AZ符合資格的對像是7月22日前打過第一劑AZ且間隔滿10周的50至64歲民眾；高端則開放9月8日前打過第一劑者可打第二劑提醒完成預約程式的的民眾不要忘了在約好的時間去打疫苗。</t>
  </si>
  <si>
    <t>預約疫苗民眾開放完成對象接種指揮中心加開資格日前符合今天上午時間az高端打過提醒bnt有效資源</t>
  </si>
  <si>
    <t>BNT第10輪疫苗台灣新冠肺炎</t>
  </si>
  <si>
    <t>疫苗臺灣bnt肺炎</t>
  </si>
  <si>
    <t>重組疫苗蛋白北京落地接種</t>
  </si>
  <si>
    <t>澎湃新聞28日報導中國科學院微生物研究所官方微信27日發布消息稱由中國科學院微生物研究所和智飛龍科馬聯合研發的新冠重組蛋白疫苗在北京落地開打。來自該疫苗研發基地中科院微生物所的部分科研工作者在海澱區的</t>
  </si>
  <si>
    <t>研發中國科學院疫苗微生物研究所微生物中科院基地來自北京微信消息蛋白重組部分聯合智飛龍報導落地官方發佈科研工作者</t>
  </si>
  <si>
    <t>澎湃新聞28日報導中國科學院微生物研究所官方微信27日發布消息稱由中國科學院微生物研究所和智飛龍科馬聯合研發的新冠重組蛋白疫苗在北京落地開打。來自該疫苗研發基地中科院微生物所的部分科研工作者在海澱區的「中科院疫苗接種專場」注射了第一針。
《新冠病毒疫苗接種技術指南（第一版）》顯示新冠重組蛋白疫苗採用三針免疫程式相鄰2劑之間的接種間隔建議大於4周。第2劑盡量在接種第1劑次後8周內完成第3劑盡量在接種第1劑次後6個月內完成。
新冠重組蛋白疫苗是大陸佈局的五條疫苗技術路線之一由中科院微生物所高福院士、嚴景華研究員、戴連攀研究員等團隊攻關研發。
據中國科學院微生物研究所介紹3月10日該疫苗在大陸獲批緊急使用陸續在安徽、浙江、江蘇、山東、貴州、湖北、河南等地投入注射。5月3日第一批新冠重組蛋白疫苗在北京順利生產下線。
該疫苗是大陸第四款獲批緊急使用的新冠疫苗也是國際上第一個獲批臨床使用的新冠病毒重組亞單位元蛋白疫苗。
中國科學院微生物研究所表示新冠重組蛋白疫苗技術原理和已經運用很成熟的B肝疫苗類似。它是採用DNA重組技術由重組CHO細胞表達的新型冠狀病毒刺突糖蛋白受體結合區NCP-RBD蛋白經過純化加入氫氧化鋁佐劑製成混懸型注射液。接種後可刺激機體產生抗新型冠狀病毒的免疫力。
新冠重組蛋白疫苗在18-59歲成年人中開展的Ⅱ期臨床試驗顯示受試者接種2劑後中和抗體陽轉率達83％受試者接種3劑後中和抗體陽轉率達97％。接種後無嚴重不良反應發生符合亞單位疫苗不良反應小的特點且產生的中和抗體水準與目前國際上重組蛋白疫苗、mRNA新冠疫苗相當達到國際先進水準。在60歲及以上老年人中開展的Ⅰ期試驗顯示受試者接種3劑後中和抗體陽轉率達95％；未發生與疫苗相關的嚴重不良反應。
該疫苗生產採用工程化細胞（CHO）生產重組蛋白不需要高等級生物安全實驗室生產廠房生產工藝穩定可靠可以快速實現國內外大規模產業化生產顯著降低了疫苗生產成本且存儲和運輸便捷。</t>
  </si>
  <si>
    <t>疫苗蛋白接種重組生產中國科學院微生物研究所技術研發中科院採用國際病毒大陸不良反應使用產生微生物中和顯示臨床水準抗體注射</t>
  </si>
  <si>
    <t>新冠肺炎大陸重組疫苗新冠</t>
  </si>
  <si>
    <t>疫苗大陸肺炎重組</t>
  </si>
  <si>
    <t>症狀傳染病例本土</t>
  </si>
  <si>
    <t>台大公衛學院教授林先和分析台灣1、2月1043個確診病例接觸者發現新冠肺炎本土病例在出現症狀早期、甚至症狀出現前就有高傳播力因此純靠症狀篩檢不夠需更廣泛防治手段。他建議可能要從確診者症狀出現前2天</t>
  </si>
  <si>
    <t>症狀確診病例出現分析臺灣廣泛防治不夠手段接觸建議傳播可能林先和發現本土</t>
  </si>
  <si>
    <t>台大公衛學院教授林先和分析台灣1、2月1043個確診病例接觸者發現新冠肺炎本土病例在出現症狀早期、甚至症狀出現前就有高傳播力因此純靠症狀篩檢不夠需更廣泛防治手段。他建議可能要從確診者症狀出現前2天甚至前4天匡列接觸者。
林先和團隊發現家戶成員臨床發病率139%遠高於非同住家人的65%及醫療同仁、朋友、同事、機場或飛機上接觸近日也有妻子因照顧居家檢疫先生染病；60歲以上接觸者發病率36%風險最高。
且指標個案出現症狀後愈早接觸者發病率愈高尤其出現症狀的頭3天接觸被傳染機率是27%之後傳染機率隨時間遞減。此研究結果與紐西蘭、德國等病毒學研究結果一致即早期病毒量高、晚期病毒量下降。
比較新冠肺炎跟SARS發病時間SARS患者症狀出現第5天後才開始有明顯傳染力；但新冠在症狀早期甚至可能在症狀出現前就有高傳播力。</t>
  </si>
  <si>
    <t>症狀接觸出現發病率早期傳染確診時間發現病例可能肺炎結果研究甚至病毒分析sars</t>
  </si>
  <si>
    <t>發病率傳染力肺炎早期傳播力</t>
  </si>
  <si>
    <t>傳染肺炎早期發病率傳播</t>
  </si>
  <si>
    <t>病毒消失醫師悲觀夏天</t>
  </si>
  <si>
    <t>新冠肺炎持續延燒有醫界認為到了夏天疫情就會趨緩但馬偕小兒科人氣醫師黃瑽寧指出新冠肺炎和流感較相似在亞熱帶地區一年四季都會有案例除非高緯度國家才有差異加上又有無症狀感染者他悲觀表示恐怕</t>
  </si>
  <si>
    <t>肺炎症狀有無加上差異感染者人氣醫師馬偕小兒科疫情夏天認為指出一年四季相似</t>
  </si>
  <si>
    <t>新冠肺炎持續延燒有醫界認為到了夏天疫情就會趨緩但馬偕小兒科人氣醫師黃瑽寧指出新冠肺炎和流感較相似在亞熱帶地區一年四季都會有案例除非高緯度國家才有差異加上又有無症狀感染者他悲觀表示恐怕不會百分百消失更「不用期待它自殺」民眾必須多洗手才能自保。
目前國內無症狀感染者愈來愈多黃瑽寧直言新冠肺炎不像過去SARS發燒才會有傳染力相對好控制；現在新冠肺炎可能有10％確診者都是輕症確診之前可能已感染給下一個人很難回溯；因此要像SARS一樣百分百消失他直言「我很悲觀」。
另各界都認為「夏天來臨病毒就會消失」黃瑽寧直言根據過去流感研究及治療經驗當初只有除英國等高緯度地區才有四季差異；至於廣州等氣溫和台灣相似的亞熱帶地區因四季不明顯流感一整年都有因此不用期待夏天病毒「自殺」。
但黃瑽寧說即使新冠肺炎可能最後不會消失也不用太悲觀只要民眾落實勤洗手以預防流感的方式自我防護就能達到很好的保護效果。</t>
  </si>
  <si>
    <t>流感消失肺炎悲觀可能地區直言夏天民眾症狀差異感染者四季過去自殺期待sars高緯度</t>
  </si>
  <si>
    <t>自殺病毒黃瑽寧肺炎直言</t>
  </si>
  <si>
    <t>病毒肺炎自殺直言</t>
  </si>
  <si>
    <t>盧秀燕挑戰不能出錯疫苗</t>
  </si>
  <si>
    <t>台中市第12期疫苗包括BNT、AZ與莫德納3種疫苗將開打市長盧秀燕19日在市政會議表示這是場艱困而挑戰的接種階段高達50萬劑前所未見AZ、BNT與莫德納同時開打要特別謹慎不能出錯注意錯開施打的地點和疫苗</t>
  </si>
  <si>
    <t>疫苗bntaz莫德納注意錯開出錯不能表示挑戰謹慎會議接種市政特別階段高達盧秀燕市長前所未見打的</t>
  </si>
  <si>
    <t>台中市第12期疫苗包括BNT、AZ與莫德納3種疫苗將開打市長盧秀燕19日在市政會議表示這是場艱困而挑戰的接種階段高達50萬劑前所未見AZ、BNT與莫德納同時開打要特別謹慎不能出錯注意錯開施打的地點和疫苗以安全穩健方式實施調度考慮醫護人員施打時的體力不能累垮護人員。
盧秀燕表示3種疫苗施打的時間都在第12期共計逾50劑數量大種類多前所未見擴大數量到50萬劑要求穩健安全不能累垮護人員調度要考慮所有醫護人員可以施打的體力和身心。
「施打莫德納第2劑65歲以上長輩約5萬人不用預約」盧秀燕說65歲以長者到快打站接種由民政系統裡鄰長造冊通知第2劑接種完即台中市65歲以上長者2劑都完成除少數不願打快打站為65五歲以上長者施打工作完成。快打站制度不會撤除會保留因應開設配合疫苗接種各地快打站加入預約。
衛生局長曾梓展表示一個場域一種疫苗避免紛亂出錯醫院、診所和快打站各分開接種向中央請示後符合資格者如果沒打到會繼續幫符合資格的民眾施打。
盧秀燕強調疫苗施打特別小心與注意錯開因為安全穩健最重要非常艱困之處是因施打的不但疫苗種類多疫苗的施打量很大台中市原本大概一周接種量是17萬劑12期分兩階段加起來大概會超過50萬劑。
曾梓展表示第12期預約平臺開放對象包括：第一階段(1)BNT疫苗第1劑：30歲以上民眾。(2)AZ疫苗第2劑：7／30前已接種第1劑之38歲以上民眾。(3)莫德納疫苗第2劑：7／16前已接種第1劑之55歲以上民眾。
第二階段(1)BNT疫苗第1劑：23歲以上民眾。(2)AZ疫苗第2劑：7／30前已接種第1劑之18歲以上民眾及7／31-8／6已接種第1劑之45歲以上民眾。(3)莫德納疫苗第2劑：7／16前已接種第1劑之18歲以上民眾。
中央訂定接種日期：分2階段；第一階段接種日期：10／22-10／27。第二階段接種日期：BNT第1劑：10／28-10／31。AZ及莫德納疫苗第2劑：10／28-11／3。</t>
  </si>
  <si>
    <t>疫苗接種以上施打盧秀燕表示階段莫德納穩健安全預約民眾bnt台中打的不能長者az出錯大概</t>
  </si>
  <si>
    <t>新冠肺炎台灣接種疫苗第2劑</t>
  </si>
  <si>
    <t>接種臺灣肺炎疫苗</t>
  </si>
  <si>
    <t>尋常疫苗陸行分析台積電</t>
  </si>
  <si>
    <t>上周行政院正式授權台積電洽購500萬劑原廠BNT疫苗對此分析師陸行之在個人臉書上條列4點分析指出台積電不出手這個死結打得開嗎？郭董事長會不知道台積電能推一把嗎？並認為原來台積電不是不出聲而是低調、</t>
  </si>
  <si>
    <t>台積台積電分析電洽認為原廠疫苗bnt對此陸行電能知道書上董事長打得死結指出出手授權原來個人</t>
  </si>
  <si>
    <t>上周行政院正式授權台積電洽購500萬劑原廠BNT疫苗對此分析師陸行之在個人臉書上條列4點分析指出台積電不出手這個死結打得開嗎？郭董事長會不知道台積電能推一把嗎？並認為原來台積電不是不出聲而是低調、低調、再低調。
針對台積電洽購疫苗的事件陸行之認為即使台積電要幫政府買到2000萬劑影響EPS不到1元才能夠輪到台積電員工施打疫苗台積電也應該去做「假設一家公司的價值是未來20年的折現現金流台積電又不是未來20年每年額外花1元做這事所以對公司價值的影響就是每股不到1元更何況台積電在送了500萬劑以後可以透過旗下基金會加碼採購短缺的數目再轉賣給政府這樣對EPS的影響就更小了。」
此外陸行之也認為台積電不出手購買疫苗很難有解決方法「如果台積電不出手這個死結打得開嗎？郭董事長會不知道台積電能推一把嗎？」
事實上先前各界先前購買疫苗風聲不斷當時陸行之就好奇為何台積電悶不吭聲「重點客戶會持續把所有的晶圓代工訂單雞蛋都放在一個悶不吭聲一點防範措施都不做的台積電籃子裡嗎？當時台積電至少也應該爭取採買數量夠全球超過50000的員工優先施打吧搞半天不是不出聲而是低調低調再低調。」
最後陸行之認為台積電積極參與做社會公益我放心相信張忠謀前董事長及張淑芬夫人也會大力同意支持的。
台積電洽購疫苗500萬劑外界推估投入金額將高達50、60億引發關切購買疫苗一事是否有經過董事會核准且符合公司治理原則對此台積電澄清6月董事會已報告購買疫苗的規劃待相關事項確定後提案由董事會作成決議追認並依法發布重訊。</t>
  </si>
  <si>
    <t>台積電疫苗陸行購買董事會認為台積公司電洽影響員工對此出手董事長當時不吭聲應該分析</t>
  </si>
  <si>
    <t>台積電疫苗新冠肺炎疫情永齡基金會</t>
  </si>
  <si>
    <t>肺炎疫情永齡疫苗基金會台積電</t>
  </si>
  <si>
    <t>到頂川普疫情週四公佈美國復工經濟準則國際</t>
  </si>
  <si>
    <t>美國高峰期宣佈度過川普已經疾病令人振奮非常管制發佈會新聞週四病例資料新增經濟疫情肺炎準則表示顯示預防週三</t>
  </si>
  <si>
    <t>表示美國週三度過病例宣佈肺炎經濟cdc疫情紐約州高峰期計畫川普已經遵守向未可能屆時生效措施</t>
  </si>
  <si>
    <t>美國川普新冠肺炎疫情高峰</t>
  </si>
  <si>
    <t>肺炎川普疫情高峰美國</t>
  </si>
  <si>
    <t>康復富士工時月底曝光</t>
  </si>
  <si>
    <t>受新冠肺炎疫情影響富士康自農曆年結束後仍未完全復工不過路透社今（12）日引述消息人士指出富士康目標大陸工廠在2月底以前復工50%3月復工率升至80%。路透社報導一名消息人士引述富士康董事長劉揚偉訂下的</t>
  </si>
  <si>
    <t>富士復工路透社引述消息人士疫情影響康自農曆年結束肺炎仍未目標完全大陸工廠報導指出董事長以前月底劉揚偉</t>
  </si>
  <si>
    <t>受新冠肺炎疫情影響富士康自農曆年結束後仍未完全復工不過路透社今（12）日引述消息人士指出富士康目標大陸工廠在2月底以前復工50%3月復工率升至80%。
路透社報導一名消息人士引述富士康董事長劉揚偉訂下的內部目標指出富士康預計大陸工廠2月底前復工50%目標3月復工80%。
富士康是全球最大代工廠重要客戶包含蘋果替蘋果生產iPhone等產品。不過礙於新冠肺炎疫情在農曆年前大爆發即便春節已經結束為避免疫情擴大富士康大陸各個工廠並未全面復工目前已知深圳廠、鄭州廠已有約10%員工返回工作崗位。
另外陸媒先前報導內部員工透露至少要等到17日才有可能初步復工3月初才有機會大規模復工。</t>
  </si>
  <si>
    <t>復工富士疫情目標報導內部結束員工工廠大陸肺炎路透社消息人士指出引述蘋果礙於代工廠月底</t>
  </si>
  <si>
    <t>新冠肺炎武漢肺炎新型冠狀病毒NCP大陸</t>
  </si>
  <si>
    <t>肺炎武漢冠狀病毒ncp大陸</t>
  </si>
  <si>
    <t>目前年長死亡入院確診人瑞</t>
  </si>
  <si>
    <t>台灣今天新增26例死亡個案其中有一例為100多歲女性6/6出現咳嗽症狀、6/7入院篩檢3天後就不幸死亡。中央流行疫情指揮中心發言人莊人祥也證實102歲是目前年紀最大的確診患者。中央流行疫情指揮中心今公佈新</t>
  </si>
  <si>
    <t>死亡指揮疫情流行中央中心出現女性咳嗽症狀入院目前證實年紀莊人祥不幸發言人確診患者個案</t>
  </si>
  <si>
    <t>台灣今天新增26例死亡個案其中有一例為100多歲女性6/6出現咳嗽症狀、6/7入院篩檢3天後就不幸死亡。中央流行疫情指揮中心發言人莊人祥也證實102歲是目前年紀最大的確診患者。
中央流行疫情指揮中心今公佈新增26例死亡個案分別為17位男性、9位女性年齡介於40多歲至100多歲發病日介於5月15日至6月9日確診日介於5月18日至6月11日死亡日介於6月4日至6月11日。
其中案11621為100多歲的女性有萬華地區的活動史個案在6/6出現咳嗽症狀、6/7住院、6/8確診、6/10死亡。而發言人莊人祥也證實102歲是目前年紀最大的確診患者。</t>
  </si>
  <si>
    <t>死亡女性個案確診症狀咳嗽出現中央流行中心指揮疫情發言人新增莊人祥介於證實年紀目前男性地區</t>
  </si>
  <si>
    <t>新冠肺炎死亡個案最年長確診台灣</t>
  </si>
  <si>
    <t>個案死亡肺炎年長確診臺灣</t>
  </si>
  <si>
    <t>談話金比發現龔明消費</t>
  </si>
  <si>
    <t>行政院千億挺就業的防疫紓困方案沒有打動在野黨反而要求發現金的呼聲四起。政務委員龔明鑫今天引用美國前聯邦準備理事會主席柏南奇談話佐證現行紓困方向正確龔明鑫說發現金不合情也不合理比發消費券還糟。</t>
  </si>
  <si>
    <t>紓困發現龔明鑫不合理方案合情沒有消費打動準備理事會聯邦主席柏南奇反而在野黨談話美國要求引用佐證今天方向呼聲</t>
  </si>
  <si>
    <t>行政院千億挺就業的防疫紓困方案沒有打動在野黨反而要求發現金的呼聲四起。政務委員龔明鑫今天引用美國前聯邦準備理事會主席柏南奇談話佐證現行紓困方向正確龔明鑫說發現金不合情也不合理比發消費券還糟。
龔明鑫在政院紓困振興記者會表示為什麼政府紓困著重勞工就業美國前聯準會主席柏南奇上月受訪時提及這次新冠疫情跟1930年經濟大蕭條及2008金融海嘯不同前兩次是人為而這次是新冠肺炎則像天災若企業及勞動力未損傷經濟會很快甦復。
龔明鑫表示在這麼嚴峻的情況下保存就業狀況就是「經濟作戰最重要的任務」目前台灣失業率2月分是37％減班休息約8000人情況還好但就業是經濟的根本沒有就業就沒有經常性薪資就沒有辦法保障家庭生活也不可能促進永久性消費。
對於政府堅持不發放現金龔明鑫強調如果平均式的發放現金既不合情也不合理。不合情是指紓困期間不是救急就是救窮如果把現金發給既不急也不窮的人就會排擠救急救窮的資源如果按新加坡每個成年人都發12000元台幣台灣1900萬人共要發近2300億 但所得到的結果是受創企業每個老闆也只能領12000元根本無法支撐衰退5成的業績所以勢必裁員被裁員者領到12000元 也不可能促進消費。
他表示所謂發放現金要促進消費的說法也不合理2008年發放消費券成果未如預期因為會發生替代消費現象如果發放現金會比當初發放消費券更糟因為可能會轉換存款存下來所以政府才認為不應該這麼做也才會針對性對受到失業衝擊者給予救急並提出對艱困企業提供員工給予4成薪補貼給自營工作者每月1萬元補助並對弱勢老人兒童有現金補助用 1035億元來穩住215萬就業人口。
龔明鑫並說千億挺就業包括經濟部提出66萬人方案交通部14萬人方案以及勞動部自營工作者100萬人方案。 另外文化部也有35萬人方案農委會有25萬人方案而勞動部的就安基金還有擴大就業部分加起來20多萬人合計共有215萬人。
經濟部次長林全能也說目前被列為艱困企業補助的對象有3大領域也就是製造技術、內需服務業及會展產業。其中內需服務業還包括8個子產業也就是批發零售、餐飲、倉儲、視聽、歌唱、洗衣、婚紗攝影及美容美髮業這些內需型企業都被列入艱困企業。</t>
  </si>
  <si>
    <t>龔明鑫就業企業紓困現金消費經濟發放方案表示政府救急補助內需沒有促進柏南奇目前</t>
  </si>
  <si>
    <t>現金龔明鑫行政院消費券新冠肺炎</t>
  </si>
  <si>
    <t>消費行政院龔明現金肺炎</t>
  </si>
  <si>
    <t>桃竹陸續解禁開放運動校園</t>
  </si>
  <si>
    <t>新冠肺炎疫情趨緩桃竹苗校園戶外空間與場地都將重新開放桃園和竹縣6月1日起開放最晚宣佈的苗栗提早至本週末開放讓社區民眾可以散步、運動。新冠肺炎疫情爆發以來各縣市政府為維護學童健康安全全面暫停</t>
  </si>
  <si>
    <t>開放疫情肺炎學童維護市政府以來爆發健康重新都將提早戶外校園場地週末空間桃竹社區民眾散步可以</t>
  </si>
  <si>
    <t>新冠肺炎疫情趨緩桃竹苗校園戶外空間與場地都將重新開放桃園和竹縣6月1日起開放最晚宣佈的苗栗提早至本週末開放讓社區民眾可以散步、運動。
新冠肺炎疫情爆發以來各縣市政府為維護學童健康安全全面暫停開放校園將病毒杜絕校園之外隨著疫情趨緩考量民眾對於休閒運動的需求決議重新開放校園。
苗栗縣長徐耀昌表示台灣已超過1個月無本土案例昨宣佈30日起開放校園戶外空間及場地民眾可利用清晨、傍晚、假日到校園運動但校園室內場地仍暫停開放。教育處指出平日開放時間按照各校在疫情前規定原則以上學前、放學後為開放時間仍要遵守校園門禁管理與防疫新生活運動規範。
新竹縣立國中小校園採逐步鬆綁開放6月1日起至7月15日前假日開放學校操場供民眾運動使用週一至週五考量學校防疫工作仍維持暫停開放。新竹市的校園戶外空間一直都開放由各校在學生放學後彈性開放供附近居民活動。
桃園市也從6月1日起開放市民到戶外場地運動、民間也能租借辦活動室內空間租借及教學游泳池也同步開放使用或營運。</t>
  </si>
  <si>
    <t>開放校園運動民眾疫情場地戶外暫停空間防疫學校苗栗考量新竹重新時間活動假日宣佈放學</t>
  </si>
  <si>
    <t>暫停開放校園肺炎運動疫情趨緩</t>
  </si>
  <si>
    <t>運動肺炎疫情校園開放暫停</t>
  </si>
  <si>
    <t>實際嘉縣</t>
  </si>
  <si>
    <t>受新冠肺炎疫情波及嘉義縣至今已有5家業者申請無薪假人數達246人行業別包括機械廠、飯店、餐廳等由於近日社會局頻頻接到業者詢問電話加上工業區早傳出不少外籍移工被要求調整工時或減班休息實際休無薪假</t>
  </si>
  <si>
    <t>疫情波及義縣至今已有家業肺炎電話詢問加上業者工業區接到頻頻傳出社會局外籍近日餐廳飯店要求機械廠調整</t>
  </si>
  <si>
    <t>申請社會局疫情南院人數衝擊外籍指出員工電話工廠詢問加上要求家業</t>
  </si>
  <si>
    <t>大減社會局無薪假肺炎家業</t>
  </si>
  <si>
    <t>社會局肺炎家業</t>
  </si>
  <si>
    <t>科技ai免費寶藏解密</t>
  </si>
  <si>
    <t>「一片雲有多重？泡麵為什麼是捲的？」這些科技冷知識的答案都在今夏最夯的「解密科技寶藏－未來考古」互動科技展！「解密科技寶藏」在臺北花博園區流行館開幕以來已吸引超過近萬人次參觀親身體驗疫情過後最熱</t>
  </si>
  <si>
    <t>科技寶藏解密親身參觀超過吸引以來體驗開幕知識流行答案園區今夏花博臺北科技展疫情未來考古互動</t>
  </si>
  <si>
    <t>「一片雲有多重？泡麵為什麼是捲的？」這些科技冷知識的答案都在今夏最夯的「解密科技寶藏－未來考古」互動科技展！「解密科技寶藏」在臺北花博園區流行館開幕以來已吸引超過近萬人次參觀親身體驗疫情過後最熱門的零接觸「15公尺經濟」包括無人商店、專屬AI教練等讓參觀者直呼「科技好神奇」。
「解密科技寶藏－未來考古」是經濟部技術處主辦展示工研院及研發法人長期投入的研發成果例如新冠肺炎疫情延燒全球帶來新常態（New Normal）生活遠距工作、防疫社交距離衍生出的15公尺經濟現場展出許多零接觸、數位化等科技可協助產業快速掌握後疫情新商機。
15公尺經濟強調拉開距離並減少接觸頻率工研院的「易取智慧貨架」是一座拿了就走的微型智慧商店能高精準辨識商品取放為消費者帶來全新且便利的購物體驗智慧貨架便於快速布建更可擴大應用於多種場域如無人物料室、倉儲管理等；講台語也能通的「台語點歌機」結合自主開發的語音喚醒技術、台語語音辨識技術、自然語言處理技術與台語語音合成技術讓你不用接觸、動動口就能輕鬆以台語點歌播放。此外也針對不同的科技生活領域介紹人們意想不到的科技冷知識例如一片雲有多重？泡麵為什麼是捲的？ATM鍵盤為什麼是金屬的？從生活中發現科學的秘密。
現場最受歡迎的排隊互動展品首推涼感科技鞦韆及智慧投籃機。涼感科技鞦韆結合工研院開發的「熱電致冷晶片模組」鞦韆坐墊會隨著擺盪降溫；「智能投籃機」整合肢體骨架視覺辨識技術與演算法協助訓練籃球選手投出黃金拋物線提高投射命中率幫助教練、球員輕鬆獲取訓練記錄建構球員投籃動作記憶與準確度。
「解密科技寶藏－未來考古」除了各項創新科技與互動展示外週六與週一還有不同主題的科技職人講座與手創工作坊如22日將由塑膠中心博士邱政文與生物藝術家曹存慧以形塑未來（Shape the future）概念談起從物質的生命帶出面對環境永續的多層次想像與反思；29日將由金屬中心博士楊光勳與科幻設計研究專家鄧建國帶您一同瞭解科幻世界的機器人想像與現實。</t>
  </si>
  <si>
    <t>科技接觸生活工研院疫情經濟辨識投籃解密未來智慧互動技術寶藏鞦韆工作體驗帶來教練現場協助金屬想像例如</t>
  </si>
  <si>
    <t>全新互動全球解密科技寶藏台語</t>
  </si>
  <si>
    <t>全球解密科技寶藏互動台語</t>
  </si>
  <si>
    <t>管理自主裡長加送防疫水神社區</t>
  </si>
  <si>
    <t>從舊曆年開始新冠肺炎NCP逐漸蔓延全球台灣地區目前疫情雖控制不錯但仍須料敵從嚴國中小停課至2月25日開學台中市南屯區各裡不少裡長也自主比照辦理原社區課程也都延後看疫情情況再復課以防堵疫情擴散</t>
  </si>
  <si>
    <t>疫情肺炎ncp逐漸蔓延情況全球臺灣地區目前都延裡長控制台中開學停課從嚴不錯市南</t>
  </si>
  <si>
    <t>從舊曆年開始新冠肺炎NCP逐漸蔓延全球台灣地區目前疫情雖控制不錯但仍須料敵從嚴國中小停課至2月25日開學台中市南屯區各裡不少裡長也自主比照辦理原社區課程也都延後看疫情情況再復課以防堵疫情擴散到社區。
防疫要料敵從嚴南屯裡長林秋潭說新冠肺炎傳染者有的也是無症狀傳染有裡民對於封閉性教室上課有疑慮於是從過年後對於自辦的課程如書法、繪畫課等已延後開課將視疫情再決定什麼時候復課而原定志工春酒、自強活動等也都延期。
另外林秋潭說自旺旺集團開放裡長可免費領取「水神抗菌液」（次氯酸水）後也到水神供應站領取並在裡長臉書公告讓有需要的裡民到辦公室來領取。
而寶山裡、同心裡、春安裡、文山裡、大誠裡、大業裡等舉凡如歌唱班、日語班、親子閱讀班、兵乓球、插花班等不是未開課就是將開課日期後延力求自己的社區自己管好幫忙減輕政府防疫的壓力。
三厝裡長黃俊銘則表示裡內課程也全部停止上課尤其上課的裡民大多是長輩為了大家的安全還是暫時停課另外由於自己以往也都是水神的長期顧客知道「水神抗菌液」的功效這次旺旺集團能免費提供幫助防疫真的很感謝自己準備了三大桶容器到供應站領取回來再轉發給裡民每人可領500ml因一小瓶就可用很久供貨充足並未有排隊情形。
一般市面上常見的消毒產品有酒精、乾洗手、漂白水及次氯酸水等。而水神抗菌液是微酸性次氯酸水具有天然、無害、環保無殘留及無副作用等特性；次氯酸水抗菌力達到999％以上適用於兒童、孕婦溫和不刺激可有效對抗腸病毒、肺炎桿菌等10大病菌廣泛用於企業界、食品業、餐飲業。
武漢肺炎新冠肺炎新型冠狀病毒防疫水神抗菌液社區防疫台灣裡長NCP</t>
  </si>
  <si>
    <t>裡長防疫肺炎社區裡民疫情水神領取課程次氯酸開課</t>
  </si>
  <si>
    <t>裡長防疫抗菌肺炎社區</t>
  </si>
  <si>
    <t>肺炎防疫社區裡長</t>
  </si>
  <si>
    <t>上櫃公司回升申請戰略市場</t>
  </si>
  <si>
    <t>本土新冠肺炎疫情趨緩送件申請上櫃家數明顯增加櫃檯買賣中心亦積極推展戰略新板櫃買中心董事長陳永誠表示今年戰略新板有機會達到5家以上申請上櫃家數目標22家審慎樂觀朝目標前進全年有機會達標。今年5</t>
  </si>
  <si>
    <t>中心上櫃申請戰略家數機會今年目標疫情全年買賣櫃檯明顯增加積極陳永誠董事長以上表示</t>
  </si>
  <si>
    <t>本土新冠肺炎疫情趨緩送件申請上櫃家數明顯增加櫃檯買賣中心亦積極推展戰略新板櫃買中心董事長陳永誠表示今年戰略新板有機會達到5家以上申請上櫃家數目標22家審慎樂觀朝目標前進全年有機會達標。
今年5月中爆發本土新冠肺炎疫情5月到7月三級警戒致使證券商輔導作業無法進行亦影響送件申請上櫃進度隨著本土疫情趨緩9月及10日已有8家公司申請上櫃櫃買中心預估10月申請家數約14件11月還會陸續有公司件送件家數明顯增加。
截至10月19日止戰略新板推動已拜訪(來訪)計28家次已向櫃買中心申請登錄戰略新板為4家其中東研信超及進典工業已分別於7月26日及10月13日登錄戰略新板數泓科技及宏碁智醫將分別於10月25日及27日登錄戰略新板交易。
陳永誠表示除已申請的4家尚有部分已向櫃買中心表達有意願於110年底前申請登錄戰略新板公司正著手進行相關作業今年戰略新板有機會達到5家以上。
在上櫃部分截至10月19日止申請上櫃家數為14家新增上櫃掛牌公司為12家以目前申請進度來看櫃買中心預期今年申請上櫃家數22家目標應可達成。</t>
  </si>
  <si>
    <t>申請上櫃戰略中心家數公司今年登錄疫情機會作業進行本土進度表示部分目標增加</t>
  </si>
  <si>
    <t>東研信超戰略新板申請上櫃櫃買中心家數</t>
  </si>
  <si>
    <t>上櫃申請戰略中心家數東研</t>
  </si>
  <si>
    <t>風衣登時化身雜誌眼鏡陳時中拍馬屁</t>
  </si>
  <si>
    <t>台灣新冠肺炎疫情控制得當衛生福利部部長陳時中因此躍升「防疫男神」人氣水漲船高、各界邀約不斷甚至登上知名男性時尚雜誌。陳戴起時下最流行的黑色粗框眼鏡搭配合身黑色針織衫與風衣展現有別以往的時尚風格</t>
  </si>
  <si>
    <t>黑色疫情展現控制風衣得當衛生福利部長陳時中躍升流行防疫時下肺炎人氣水漲船高陳戴時尚雜誌男性不斷有別知名甚至</t>
  </si>
  <si>
    <t>台灣新冠肺炎疫情控制得當衛生福利部部長陳時中因此躍升「防疫男神」人氣水漲船高、各界邀約不斷甚至登上知名男性時尚雜誌。陳戴起時下最流行的黑色粗框眼鏡搭配合身黑色針織衫與風衣展現有別以往的時尚風格。網友則反應兩極有人更留言：「時尚雜誌也需要拍馬屁喔！」
《GQ》雜誌昨日（１）發表專訪文章〈獨家專訪鋼鐵部長陳時中：我是真的很難服輸〉指出陳時中是個跳脫以往的非典型部長兼具科學實證、社會對話、溫柔耐心、態度堅定等多項優點更大讚「阿中部長的智慧是台灣人的福氣更值得男人學習。」
不僅如此專訪中更為陳時中造型大改造讓他戴上目前最流行的高級手工黑色粗框眼鏡、凸顯身材的合身黑色針織衫展現有別過往的時尚型男風格；系列照片中陳還披上多款義大利名牌風衣大展「男神」風範。
文章一出迴響熱烈。有網友留言：「時尚雜誌也需要拍馬屁喔！」「強過醫材自費上限要不要討論一下？」「我比較在意他對『瘦肉精』的看法」、「走鐘了……」也有網友認為：「這個造型……是我的菜」、「很有日本人的味道。這時尚又溫雅裝扮很適合他」、「帥」、「時中阿北平常穿西裝就滿好看的」。
GQ Taiwan（@gqtaiwan）分享的貼文 於 PDT 2020 年 9月 月 1 日 上午 6:59 張貼</t>
  </si>
  <si>
    <t>部長陳時中網友時尚時尚雜誌gq專訪黑色風衣以往文章造型風格流行拍馬屁需要留言眼鏡</t>
  </si>
  <si>
    <t>陳時中時尚雜誌風衣拍馬屁眼鏡</t>
  </si>
  <si>
    <t>風衣拍馬屁眼鏡陳時中時尚雜誌</t>
  </si>
  <si>
    <t>申請寬限</t>
  </si>
  <si>
    <t>美國抵押貸款銀行協會（Mortgage Bankers AssociationMBA）發布調查顯示新冠肺炎爆發使得失業人口激增美國家庭財務大受打擊使得愈來愈多人依據紓困法案提出緩繳房貸或減少繳款的申請目前已有超過200萬屋主</t>
  </si>
  <si>
    <t>使得美國目前申請減少mortgage協會bankersassociation緩繳mba發佈提出調查法案顯示紓困依據肺炎愈來愈多爆發</t>
  </si>
  <si>
    <t>美國抵押貸款銀行協會（Mortgage Bankers AssociationMBA）發布調查顯示新冠肺炎爆發使得失業人口激增美國家庭財務大受打擊使得愈來愈多人依據紓困法案提出緩繳房貸或減少繳款的申請目前已有超過200萬屋主處於房貸寬限狀態。
該協會13日（週一）表示3月30日～4月5日該周處於寬限狀態的房貸比例從273％升至374％寬限申請的屋主比前一周暴增78％合計突破200萬人。
在房貸業者中以Ginnie Mae貸款寬限案件增加最多占比由前一周的431％勁升至589％。至於房利美（Fannie Mae）與房地美（Freddie Mac）貸款寬限所占比率由前一周的169％升至244％。
反觀3月2日該周貸款寬限的比重僅有025％。
美國新冠肺炎確診人數已達全球之冠目前約有95％以上的美國人正在實行「居家」或「就地避難」（shelter-in-place）命令非必要企業持續停擺。根據美國勞工部資料過去三周初領失業補助的人數突破1600萬人。
MBA資深副總裁暨首席經濟學家佛拉坦多尼（Mike Fratantoni）表示：「全國性的經濟暫停運作…持續造成數百萬家庭陷入困境愈來愈多人依據《新冠病毒援助、救濟和經濟安全法》（CARES Act）的寬限條款向房貸業務提出紓困。」佛拉坦多尼指出「隨著遏止疫情措施持續實行數周失業情況將會加劇尋求寬限的借貸者預料也會急速增加。」
根據美國國會新通過的紓困法案因疫情而陷入艱難的屋主可向貸款公司申請延後還款最長可延期一年。</t>
  </si>
  <si>
    <t>寬限貸款持續美國失業申請紓困經濟實行mbamae疫情增加升至協會家庭人數多尼</t>
  </si>
  <si>
    <t>屋主美國肺炎房貸申請</t>
  </si>
  <si>
    <t>美國肺炎申請</t>
  </si>
  <si>
    <t>表現時中地方有望開放</t>
  </si>
  <si>
    <t>疫情開放指揮管理平時時先中心夜市餐飲今天指揮官有關表示陳時中持續督導單位做到中央流行都會指引戰備出來</t>
  </si>
  <si>
    <t>疫情開放相關照顧陳時中表示指引管理社區警戒授權夜市中心解封障礙身心就是地方政府</t>
  </si>
  <si>
    <t>712解封夜市餐飲開放</t>
  </si>
  <si>
    <t>夜市餐飲解封開放</t>
  </si>
  <si>
    <t>感染社區新增奧克蘭源頭至今紐西蘭</t>
  </si>
  <si>
    <t>紐西蘭持續102天的零確診在11日破功日前新增4例社區感染病例4名病例都來自奧克蘭社區的同一家庭內令人感到恐慌的是該家庭近期並沒有海外旅遊史也不清楚他們的感染源頭。目前奧克蘭當地已經進入三級警戒狀</t>
  </si>
  <si>
    <t>奧克蘭感染社區家庭當地日前新增目前源頭近期沒有清楚海外旅遊已經確診病例恐慌感到令人來自</t>
  </si>
  <si>
    <t>紐西蘭持續102天的零確診在11日破功日前新增4例社區感染病例4名病例都來自奧克蘭社區的同一家庭內令人感到恐慌的是該家庭近期並沒有海外旅遊史也不清楚他們的感染源頭。目前奧克蘭當地已經進入三級警戒狀態鎖定進口貨運調查中。
根據國外媒體《紐西蘭先驅報》報導指出紐西蘭新增4起奧克蘭社區感染的案例為此紐西蘭總理阿爾登（Jacinda Ardern）緊急重新下達防疫指令奧克蘭今日進入為期三天的三級警戒在奧克蘭周邊設置路障攔查。而由於4起病例在近期沒有海外旅遊史境內又連續102天沒有出現社區感染案例所以紐西蘭政府目前正朝進口貨運方向調查。
衛生局局長布魯姆菲爾德（Ashley Bloomfield）表示由於這次新增的病例中有2例曾經前往羅托魯（Rotorua）旅遊呼籲當地的居民需要保持警惕。而其中有1例在奧克蘭的金融公司上班除了他確診外該公司也有3人出現新冠症狀目前該公司也關閉全體員工接受檢驗中。另一人在冷藏倉庫工作也有相關人員前往該倉庫針對物體表面進行病毒測試布魯姆菲爾德解釋新冠肺炎的病毒可以在冷藏環境中存活相當久。
奧克蘭大學微生物學家懷爾斯（Siouxsie Wiles）表示封鎖政策是消滅病毒的最佳手段但如果紐西蘭政府無法在3日內找到感染的源頭的話很有可能會延長限制措施。
更多 CTWANT 報導</t>
  </si>
  <si>
    <t>奧克蘭紐西蘭感染社區病毒目前病例旅遊沒有表示公司布魯姆菲爾德當地冷藏出現前往源頭調查貨運進口倉庫</t>
  </si>
  <si>
    <t>奧克蘭紐西蘭社區感染源頭新增</t>
  </si>
  <si>
    <t>源頭感染社區紐西蘭奧克蘭</t>
  </si>
  <si>
    <t>蔡其昌以上疫苗bnt打到</t>
  </si>
  <si>
    <t>首批93萬劑BNT疫苗今天清晨7時許順利運抵桃園國際機場；立法院副院長蔡其昌上午到台積電參訪接受媒體訪問表示感謝台積電對國家所作的貢獻自購的疫苗將陸續到貨對於防疫有很大的貢獻他要求政院9月底前只</t>
  </si>
  <si>
    <t>貢獻台積電疫苗要求時許順利桃園國際機場法院院長對於蔡其昌防疫上午到貨參訪接受陸續表示感謝</t>
  </si>
  <si>
    <t>首批93萬劑BNT疫苗今天清晨7時許順利運抵桃園國際機場；立法院副院長蔡其昌上午到台積電參訪接受媒體訪問表示感謝台積電對國家所作的貢獻自購的疫苗將陸續到貨對於防疫有很大的貢獻他要求政院9月底前只要「不選疫苗」18歲以上的民眾都可以打到第1劑疫苗。
立法院副院長蔡其昌說聽到18歲到20歲的青少年喊「不要變成疫苗孤兒」持續2周跟行政院溝通包括自購AZ疫苗將陸續到貨 12歲到18歲的孩子透過父母親同意進行施打。</t>
  </si>
  <si>
    <t>疫苗貢獻台積電到貨法院陸續院長蔡其昌父母親透過時許孩子順利以上同意桃園要求表示</t>
  </si>
  <si>
    <t>新冠肺炎台灣疫苗蔡其昌BNT</t>
  </si>
  <si>
    <t>疫苗肺炎臺灣蔡其昌bnt</t>
  </si>
  <si>
    <t>標準危險武漢一致紐約</t>
  </si>
  <si>
    <t>新冠肺炎疫情升溫臺北市長柯文哲30日抱怨中央這段時間讓太多在國外的台人回來北市目前居家檢疫民眾多達1萬900多人已接近檢查能量範圍他呼籲中央要與地方協調若超過可容受量恐怕要崩盤了此外柯強調</t>
  </si>
  <si>
    <t>中央升溫臺北市恐怕柯文哲抱怨超過疫情時間協調居家目前檢疫台人北市回來民眾地方接近國外</t>
  </si>
  <si>
    <t>新冠肺炎疫情升溫臺北市長柯文哲30日抱怨中央這段時間讓太多在國外的台人回來北市目前居家檢疫民眾多達1萬900多人已接近檢查能量範圍他呼籲中央要與地方協調若超過可容受量恐怕要崩盤了此外柯強調現在紐約比武漢危險武漢回來要集中檢疫但歐美回來沒有還是要有統一標準。
柯文哲今早出席延壽國宅拆除典禮他指出未來這一周是關鍵期提醒民眾在人多、密閉空間、面對不特定對象時要戴口罩雖然北市沒有明令搭公車和捷運要戴口罩但市民素質很高今天他搭公車車上沒戴口罩只有1、2個。
柯話峰一轉他抱怨這段時間中央讓國外台人一下子回來太多人北市居檢人數目前有1萬900多人已接近民政系統檢查容量範圍他呼籲中央每天放回國的人數還是要控制一下要跟地方協調不要每天放進來按照維持居檢的量如果超過每天可忍受量恐怕要崩盤了移民署也不是他管的中央和地方還是要協調一下無限制的話會受不了。
面對外界質疑會影響民眾遷徙自由柯文哲說實事求是現在大陸（指武漢）回來全部集中檢疫但歐美回來沒有根據現在統計紐約比武漢危險還是要有一個統一標準放回來的人數要控制一下回國都要居檢的話中央地方協調一下量太多垮掉了不行啊。
柯文哲強調目前武漢上海包機回來民眾要集中檢疫歐美回來沒有還是回到科學根據該怎麼做就怎麼做標準一樣中央和地方協調。</t>
  </si>
  <si>
    <t>中央柯文哲回來民眾地方協調沒有武漢口罩目前北市人數現在面對檢疫強調公車抱怨居檢</t>
  </si>
  <si>
    <t>中央武漢臺北市柯文哲新冠肺炎</t>
  </si>
  <si>
    <t>臺北市柯文哲武漢中央肺炎</t>
  </si>
  <si>
    <t>確診本土新增江蘇</t>
  </si>
  <si>
    <t>據大陸國家衛健委網站今天消息31個省(自治區、直轄市)和新疆生產建設兵團（8月1日0—24時）報告新增確診病例98例其中境外輸入病例43例(雲南16例北京4例福建4例內蒙古3例江蘇3例陝西3例上海2例山東2</t>
  </si>
  <si>
    <t>病例網站今天確診消息新增報告自治區直轄市新疆生產建設兵團雲南衛健陝西境外江蘇內蒙古福建北京國家輸入上海大陸山東</t>
  </si>
  <si>
    <t>據大陸國家衛健委網站今天消息31個省(自治區、直轄市)和新疆生產建設兵團（8月1日0—24時）報告新增確診病例98例其中境外輸入病例43例(雲南16例北京4例福建4例內蒙古3例江蘇3例陝西3例上海2例山東2例河南2例廣東2例四川2例)本土病例55例(江蘇40例湖南7例北京2例湖北2例山東1例河南1例海南1例雲南1例)。
此外大陸31個省(自治區、直轄市)和新疆生產建設兵團昨天報告新增無症狀感染者60例其中境外輸入16例本土44例(河南28例湖南11例江蘇2例湖北2例北京1例)；當日轉為確診病例7例(境外輸入4例)；當日解除醫學觀察20例(境外輸入19例)；尚在醫學觀察的無症狀感染者476例(境外輸入379例)。
★江蘇新增本土確診病例40例 南京市11例、揚州市26例
江蘇昨天新增本土確診病例40例（南京市報告11例淮安市報告3例揚州市報告26例）11例為輕型29例為普通型。新增本土無症狀感染者2例（均為揚州市報告）。新增境外輸入確診病例3例。以上病例均在定點醫院隔離治療。7月20日至今南京市累計報告本土確診病例215例。
★專家：12天內江蘇或將新增180多例本土病例
《健康時報》報導蘭州大學新冠肺炎疫情全球預測系統負責人黃建平教授表示根據系統最新預測結果若江蘇採取二級響應措施本輪疫情將於8月12日左右得到有效控制或將新增180多例本土病例累計確診病例數預計約425人。若採取三級響應措施本輪疫情預計在8月16日左右得到控制累計確診病例數或將達到606人左右。
黃建平表示為使預測結果達到最優本預測系統將統計-動力氣候預測的先進技術與流行病模型相結合建成並在系統中考慮了溫度、濕度和管控措施等因素對疫情發展的影響。由於測模型中的變量是不斷變化的預測數字也會不斷滾動修正。</t>
  </si>
  <si>
    <t>預測病例江蘇系統疫情新增本土確診報告模型措施輸入境外不斷累計自治區黃建平結果症狀昨天河南達到北京</t>
  </si>
  <si>
    <t>新冠肺炎大陸江蘇報告3例</t>
  </si>
  <si>
    <t>大陸江蘇肺炎報告</t>
  </si>
  <si>
    <t>淪陷印度全球航母根號疫情大國</t>
  </si>
  <si>
    <t>全球新冠疫情持續延燒據Worldmeter網站統計截至昨晚全球確診人數已突破2700萬其中逾88萬人死亡。美國海軍「雷根號」航空母艦二度傳出有官兵「中鏢」；印度則再次打破紀錄1天內新增9萬人確診最快今天就會</t>
  </si>
  <si>
    <t>確診全球持續worldmeter網站統計官兵印度新增傳出截至航空母艦再次天內昨晚根號打破紀錄美國海軍死亡人數</t>
  </si>
  <si>
    <t>確診疫情新增根號國家人數死亡病例全球印度巴西累計官兵美國達到出海美國海軍</t>
  </si>
  <si>
    <t>新冠肺炎雷根號疫情印度確診</t>
  </si>
  <si>
    <t>根號肺炎疫情印度確診</t>
  </si>
  <si>
    <t>登記意願疫苗網友趕上答案女星</t>
  </si>
  <si>
    <t>公費疫苗預約平臺第12期第一階段預約於昨（20日)截止第12輪第1階段莫德納第2劑符合預約資格為62萬6911人但僅約18萬人完成預約不過施打過首劑的資深女星譚艾珍登記時發現不符合預約資格讓女兒歐陽靖急得在</t>
  </si>
  <si>
    <t>預約符合資格階段莫德納打過女星登記譚艾發現完成平臺女兒截止歐陽靖公費疫苗</t>
  </si>
  <si>
    <t>公費疫苗預約平臺第12期第一階段預約於昨（20日)截止第12輪第1階段莫德納第2劑符合預約資格為62萬6911人但僅約18萬人完成預約不過施打過首劑的資深女星譚艾珍登記時發現不符合預約資格讓女兒歐陽靖急得在臉書發文求救希望能找到解決辦法。
歐陽靖表示母親譚艾珍67歲7月14日打了莫德納第一劑由於戶籍在臺北市第一劑是在台南診所打的殘劑但此次意願登記要在10月13日中午12:00前完成母親在當天下午才完成因此不符合這一輪疫苗預約資格但算算距離第一劑已經超過14週讓她無奈表示：「不知道何年何月才能打到第二劑了」加上母親依然從事「無法戴口罩」、「與多人近距離接觸」的演藝工作讓她急得發文求救：「不知道有沒有人家裡的長輩跟我媽媽有一樣的情形？」
對於歐陽靖的疑惑網友也紛紛給予解答：「地方政府的區公所有協助65歲以上長者可以跟區公所或是裡長預約登記趕快詢問在地區公所或是裡長」、「直接請裡長幫忙造冊然後再打去衛生局雙重確認」、「我爸戶籍在南部人住北部北部裡長一樣幫忙預約成功第二劑」、「高雄65歲以上是造冊的我媽沒有登記也可以安排去打疫苗」。
譚艾珍施打第一劑疫苗也是一波三折因為戶籍沒遷到台南當台南市65歲以上疫苗開放預約打電話到戶政事務所、衛生所、1922、診所等單位詢問能否留在台南打疫苗？都是得到「必須先登記資料如果有多的疫苗再通知」的答案因為等不到通知便幫母親預約回臺北施打疫苗好在北上前得知有某診能提供接種才不用舟車勞頓。
★《中時新聞網》提醒您：因應新冠肺炎疫情疾管署持續加強疫情監測與邊境管制措施 如有疑似症狀請撥打：1922專線或 0800-001922 並依指示配戴口罩儘速就醫同時主動告知醫師旅遊史及接觸史以利及時診斷及通報。</t>
  </si>
  <si>
    <t>預約疫苗登記母親歐陽靖台南以上戶籍接觸口罩譚艾裡長符合資格完成疫情區公所診所表示</t>
  </si>
  <si>
    <t>譚艾珍歐陽靖新冠肺炎莫德納疫苗</t>
  </si>
  <si>
    <t>歐陽靖肺炎莫德納疫苗譚艾</t>
  </si>
  <si>
    <t>市民宣佈台中盧秀燕疫苗元禮</t>
  </si>
  <si>
    <t>台中市12歲以上尚未施打疫苗者大概有25萬人近期出現變種病毒Omicron引起全民恐慌為鼓勵台中市民施打第1劑疫苗市長盧秀燕今天在市議會宣佈從下週一（13日）起台中市施打第1劑疫苗的民眾可獲得200元禮券</t>
  </si>
  <si>
    <t>疫苗台中施打第民眾近期出現變種病毒omicron大概引起全民恐慌施打議會鼓勵宣佈市民今天盧秀燕市長尚未下週一</t>
  </si>
  <si>
    <t>台中市12歲以上尚未施打疫苗者大概有25萬人近期出現變種病毒Omicron引起全民恐慌為鼓勵台中市民施打第1劑疫苗市長盧秀燕今天在市議會宣佈從下週一（13日）起台中市施打第1劑疫苗的民眾可獲得200元禮券。衛生局長曾梓展說超商禮券目前採購中。
台中市議會今天進行市政總質詢國民黨市議員陳政顯關心台中市疫苗施打的進度未施打第1劑的人數有多少？市府是否應該鼓勵市民施打疫苗。
盧秀燕說台中市第1劑的施打率約為8成減掉12歲以下不能施打12歲以上的未施打疫苗者大概有25萬人；面對近期更出現變種病毒Omicron市府規畫鼓勵未施打第1劑的民眾出來施打將從下週一開始從未施打第1劑的民眾若來接種就贈送200元的禮券。其中100元是中央補助、100元是台中市自己加碼。
盧秀燕強調中市沒有即期疫苗跟其他縣市為鼓勵民眾打即期疫苗送禮券是不一樣；市府因預算有限若未來預算可以會再往前推進。目前還未打疫苗的人可能是因為生病或是有其他的顧慮；命是自己的請民眾評估好再來施打。
曾梓展表示目前超商禮券正採購中市府為方便民眾施打疫苗本週六、日起將開放16處賣場或百貨公司作為施打疫苗場所；民眾可選擇就近接種疫苗。</t>
  </si>
  <si>
    <t>疫苗施打民眾台中施打第市府鼓勵目前盧秀燕今天議會下週一市民病毒接種</t>
  </si>
  <si>
    <t>新冠肺炎台灣第1劑施打施打疫苗</t>
  </si>
  <si>
    <t>肺炎施打臺灣疫苗</t>
  </si>
  <si>
    <t>賴士葆疫苗急迫性沒有蘇貞昌</t>
  </si>
  <si>
    <t>對於萬華兩處新冠肺炎快篩站的陽性率高竟高達10%一事國民黨立委賴士葆表示這樣的結果很嚇人而談到疫苗採購他感嘆不免讓人痛心疾首；他也表示蘇貞昌不久之前才說台灣沒有施打疫苗的急迫性相較於如今的</t>
  </si>
  <si>
    <t>表示疫苗肺炎施打沒有國民黨臺灣之前才說賴士葆蘇貞昌不免痛心疾首感歎採購結果嚇人</t>
  </si>
  <si>
    <t>對於萬華兩處新冠肺炎快篩站的陽性率高竟高達10%一事國民黨立委賴士葆表示這樣的結果很嚇人而談到疫苗採購他感嘆不免讓人痛心疾首；他也表示蘇貞昌不久之前才說台灣沒有施打疫苗的急迫性相較於如今的窘迫讓人無言。
賴士葆16日在臉書指出回想過去一年多多少專家學者呼籲要普篩或快篩的建議指揮中心置之不理原來大家追求每天「+0」的美化數字隱藏在背後的是沒有症狀的帶原者無法被揪出來在社區裡面亂竄至終紙包不住火總是要面對現實。
賴士葆談到疫苗採購不免讓人痛心疾首。他說政府多次嚴重的失誤不接受監督不檢討改進台灣達到群體免疫需要施打千萬劑的疫苗至今只進來31萬劑。蘇貞昌不久之前才說台灣沒有施打疫苗的急迫性相較於如今的窘迫讓人無言。
他強調不要再細數過往防疫的政績也不必不停的大內宣-有政府會做事、有政府請安心。確診的人數飆高誰會安心？最後他也呼籲在病毒面前我們只能謙卑。</t>
  </si>
  <si>
    <t>疫苗賴士葆政府呼籲臺灣沒有表示施打談到痛心疾首蘇貞昌之前採購肺炎才說原來追求</t>
  </si>
  <si>
    <t>賴士葆蘇貞昌疫苗新冠肺炎台灣</t>
  </si>
  <si>
    <t>疫苗蘇貞昌肺炎賴士葆臺灣</t>
  </si>
  <si>
    <t>納入資產配置防禦組合強化</t>
  </si>
  <si>
    <t>在新冠肺炎、油價崩跌、全球面臨經濟衰退等黑天鵝衝擊下今年來金融市場相當不平靜震盪幅度已達2008年金融海嘯水準投資人投資困難度大幅提升。
投信法人分析新興短期高收益債具有「短天期低波動」及「較佳息收」二大優勢在雷曼事件、美國降評、油價重挫、中美貿易戰及新冠肺炎等重大利空期間其跌幅明顯小於全球高收債、美國高收益債、美國短高收債甚至在中美貿易戰期間逆勢上揚建議投資人現階段將新興短期高收債納入資產配置組合強化資產防禦力。
台新新興短期高收益債券基金經理人尹晟龢指出債券距離到期日愈近債券價格波動愈小只要不違約到期時債券價格將回到面額因此短天期債券對利率敏感度較低波動幅度也相對較小以過去十年年化波動率來看新興短期公司債僅525％皆不到美國投資債、新興公司債、新興主權債及美國高收益債的一半最適合目前大幅震盪下的避險操作。
另一方面今年來債市波動加劇許多投資人頻繁進出大幅增加了交易成本而新興短期公司債因為價格波動低本金不易被侵蝕債息自然能成為總報酬主要來源更有機會強化長期投資複利效果。</t>
  </si>
  <si>
    <t>波動債券美國投資人大幅價格收益公司強化全球震盪期間幅度油價投資今年貿易戰肺炎</t>
  </si>
  <si>
    <t>全球新興強化高收債納入</t>
  </si>
  <si>
    <t>強化納入高收全球</t>
  </si>
  <si>
    <t>omicron最新bnt保護疫苗現有曝光</t>
  </si>
  <si>
    <t>疫苗omicron以色列資料入侵初步多國公開莫德納媒體顯示執行長預期有效效力下降不會引發市場恐慌同一時間衛生部長表示輝瑞</t>
  </si>
  <si>
    <t>疫苗omicron以色列表示保護接種初步the已經對抗bnt報導昨日目前霍洛維茲非常資料感染民眾顯示delta衛生部長horowitz</t>
  </si>
  <si>
    <t>#新冠肺炎#全球以色列Omicron疫苗保護力</t>
  </si>
  <si>
    <t>全球以色列omicron肺炎疫苗保護</t>
  </si>
  <si>
    <t>呼吸道指揮中心醫護症狀風險機構安養</t>
  </si>
  <si>
    <t>確診機構國內護理人員表示回應今天陳時中指揮官中心指揮全面沒有工作者應對專家建議直到才采檢</t>
  </si>
  <si>
    <t>可以醫護人員流感表示護理人員機構醫師中心指揮相關檢驗確診沒有症狀整備加強階段使用放寬判斷研議藥物</t>
  </si>
  <si>
    <t>緩解中西醫症狀</t>
  </si>
  <si>
    <t>新冠肺炎自五月份擴大以來已經造成一萬多人確診五百多人死亡的案例醫療量能一度緊繃全國中醫師聯合會副秘書長陳博淵認為在等待疫苗的同時中西醫合力治療有機會緩解症狀縮短陽性轉陰性的時間改變目</t>
  </si>
  <si>
    <t>擴大以來轉陰陽性縮短症狀緩解醫療機會五月治療一度合力中西醫疫苗全國等待中醫師認為聯合會陳博淵秘書長已經</t>
  </si>
  <si>
    <t>新冠肺炎自五月份擴大以來已經造成一萬多人確診五百多人死亡的案例醫療量能一度緊繃全國中醫師聯合會副秘書長陳博淵認為在等待疫苗的同時中西醫合力治療有機會緩解症狀縮短陽性轉陰性的時間改變目前流行病的曲線。
若從中醫的角度來看新冠肺炎是一種瘟疫古今中外都有傳染病或流行病如黑死病、傷寒無論動植物皆有可能染上瘟疫造成健康危害和經濟的損失。
細菌病毒在人類還沒出現就已經存在之所成為「病」是因為人體提供它適合生長的環境好比潮濕的地方容易滋生黴菌一旦水土氣候、環境條件改變細菌病毒就會減緩甚至消滅。
●改善體質 遏止病原體肆虐
陳博淵說中醫看的是體質跟病原體的相對關係如果身體的環境是病原體要的就會在體內恣意蔓延我們無法改變水土氣候但是可以改變體質來遏止病原體在體內生長。
新冠致死率攀高有些確診者在患病幾日內死亡主要是肺部瀰漫性發炎到處充滿痰這些痰像果凍的膠狀或黏稠的鼻涕阻礙肺部氣體交換身體極度缺氧瞬間暴斃死亡。
這種黏濕的痰中醫視為「濕」的表現至於是寒濕或濕熱則要看區域或在人體狀況而定原則上身體帶「濕氣」不管是寒濕或濕熱都是病毒喜歡生長的環境自然比較容易患病。
陳博淵指出肥胖、糖尿病、三高都是屬於濕痰的表現並不是說有三高或肥胖就一定會得新冠肺炎而是濕痰的體質容易讓病毒在體內恣意坐大比一般人更容易罹病、由輕症轉為重症。
●施打疫苗 第一層衛氣的防禦機制
這些致病的因數古代稱之為火氣或病邪有些人遇到病邪會發病有些人不會關鍵在於人體的防禦機制強或弱中醫將防禦機制分為「衛、氣、營、血」四層衛氣為表、營血為裡先表後裡抵禦外侮的病毒、邪氣。
衛氣是邊境防守就像台灣初期的防疫從機場、海關阻擋境外移入一旦病毒突破邊境侵入社區就進入營血的範圍必須要靠地方政府(五臟六腑)防疫機制阻擋病毒在社區(體內)擴大蔓延。
施打疫苗其實就是第一層衛氣的防禦讓身體對病毒有初步的認識、反應提早對病毒產生抗體一旦病毒侵入營血就必須靠藥物來治療然而新冠病毒至今仍沒有藥可解唯一可靠的是身體自然的免疫能力因此把體能狀況維持好以時間換取空間才能提高打勝仗的機率。
陳博淵說明新冠病毒很刁鑽會躲過身體的防禦機制潛藏在器官隱密處等到兵力部署完畢一次反應出來釀成重病才會有快樂缺氧或猝死的情況發生。
中醫是看體質的缺需哪邊不足、哪邊過旺做適度的調養讓身體有充裕的準備對抗病毒如果體質好、氣血順暢體內不是病毒要的環境病毒在體內無法大量繁殖便能取得壓倒性勝利。
●調整免疫 支持性療法
除了改善體質之外進一步的做法是向病毒宣戰外部的研究發現「清冠一號」的板藍根、魚腥草就有抗病毒的作用輔以其他藥材調整免疫做支持性療法從過去發表的二十一個病例來看皆收到不錯成效。
陳博淵認為症狀是病毒攻擊身體所產生的混亂狀況病人因為症狀而面臨死亡威脅如果投藥後症狀減輕意味著這樣的治療模式對病毒有壓抑的作用病情就有好轉的可能。
他強調不要說中醫比較好或西醫比較強重點不在於追求哪個特效藥如果中西醫合作能夠找出一個有效的治療模式根據病程什麼時機用什麼藥讓重症變輕症輕症轉為無症狀自然能減少死亡對疫情有正面幫助。
依現在的狀況快篩陽性還不見得有症狀PCR陽性不見得入住病房有些無症狀的確診民眾在防疫旅館、檢疫所或居家隔離接二連三聽到快樂缺氧或猝死的情況這一階段西醫束手無策中醫師確實可以介入關懷、提供諮詢及治療。
流行病都有共同的特徵以中醫來看新冠肺炎就是濕痰去濕用藥不可少臨床上以「清冠一號」的精神為主軸輔以個人的體質設計不同藥方藉以緩解症狀、縮短陽性轉陰性的時間目前在各醫學中心的中醫部門及中醫師全聯會的LINE群組上陸續皆有傳出中西醫合治服用中醫藥方後病情好轉提早出院的案例。
●透過視訊關懷、看診 穩定病人情緒
最好的狀況是不要讓無症狀發病、輕症變為重症陳博淵說病人關在防疫旅館整天看電視、缺乏運動消耗身體能量加上情緒低落心情反而是擊垮抵抗力的幫兇這時如果中醫師透過視訊關懷、看診穩定病人情緒開出藥方提升抗病能力減少發病的機率若有緊急狀況也可以通報衛生局立即處置尋求第一線的治療。
全省有七千多名中醫師在醫療量能吃緊的同時針對上萬名居家檢疫或被隔離的患者一個中醫師若能分配二到三位病人適度看診問候必要時開藥緩解症狀對疫情緩解有很大的幫助這段時間若能善用中醫師的力量台灣的防疫水準會更上一層樓流行病曲線的發展必然大不相同。
實際做法上各縣市政府或衛生局一定會有居家檢疫、隔離或匡列者的名單衛生局可以發揮作用積極媒合中醫師視訊看診另一方面由於「清冠一號」還是自費用藥可以鼓勵企業發揮愛心募款捐藥並由各區公所派人協助送藥建立社區防疫的功能。
●「清冠一號」用藥為基底 輕症方、預防方日常保健
「清冠一號」是屬於確診者的用藥必須由醫師開立處方箋一般民眾不可擅自服用對於目前尚健康、無症狀者國立中醫藥研究所也有開出輕症方或預防方是以「清冠一號」用藥為基底減輕藥量用作日常生活的保健。
當然每一位中醫師都有自己的預防妙方陳博淵分享新冠肺炎屬於高度傳染病現在沒有確診不代表以後不會染病原則上以「清冠一號」方劑為精神少量的魚腥草、板藍根等抗病毒用藥保持低度的警戒；濕氣用通風來解可以放些厚樸行氣輔以荊芥、防風固表增強外在抵禦病邪的能力。
●寒涼食物少碰 練氣功提振身體能量
穴道的部分可適度按摩合穀、列缺、迎香等穴位增強肺部機能新冠病毒會從眼睛侵入人體平常可按摩睛明穴、頭維穴或用毛巾熱敷。另外溫熱可以除去身體的濕氣可用艾灸放置背部的大椎穴、陶道穴及腰部的大腸俞去濕邪使用艾灸時注意保持室內通風如果不方便用艾灸毛巾熱敷也可達到去濕的效果。
飲食的部分冰涼食物會阻礙氣血流通把濕氣滯留在體內造成虛胖的體質生冷的水果適度飲用即可；燥熱會使身體處於發炎的狀態料理食物以清淡為上乘。居家環境注意室內外通風、溫度盡量不要感冒減少染疫的風險。
談到個人生活防疫除了戴口罩、勤洗手之外陳博淵平常會練氣功像是太極拳、八段錦、無相氣學提振身體的能量適當飲食、不追求口腹之慾特別是寒涼的食物盡量少碰也會視身體的狀況補充保養品、營養品增加抵抗能力。
本文作者: 蔡武穆
(本文摘自《理財週刊1087期》)</t>
  </si>
  <si>
    <t>病毒身體中醫師症狀體質陳博淵可以防疫中醫狀況治療用藥冠一號環境體內</t>
  </si>
  <si>
    <t>身體病毒體質中醫師新冠症狀</t>
  </si>
  <si>
    <t>體質中醫師病毒身體症狀</t>
  </si>
  <si>
    <t>滙豐下調gdp衝擊肺炎</t>
  </si>
  <si>
    <t>滙豐13日表示該行將大陸今年首季GDP增長預估從58％下調至41％而全年GDP增長預估從58％下調至53％原因在於新冠肺炎疫情造成的影響據路透報導滙豐表示大陸旅遊、貿易、供應鏈和其他行業已經開始感受到</t>
  </si>
  <si>
    <t>大陸表示滙豐gdp行業供應貿易旅遊下調預估肺炎增長疫情造成今年影響首季已經報導路透原因於新冠開始感受全年</t>
  </si>
  <si>
    <t>滙豐13日表示該行將大陸今年首季GDP增長預估從58％下調至41％而全年GDP增長預估從58％下調至53％原因在於新冠肺炎疫情造成的影響
據路透報導滙豐表示大陸旅遊、貿易、供應鏈和其他行業已經開始感受到疫情的影響。
滙豐還將今年全年全球經濟增長預估從25％下調至23％滙豐指出預計第一季受到的衝擊最大隨著時間的推移情況將會有所好轉。</t>
  </si>
  <si>
    <t>滙豐疫情大陸影響今年下調表示預估全年增長情況推移時間衝擊受到gdp預計行業已經供應開始貿易感受</t>
  </si>
  <si>
    <t>gdp今年大陸影響疫情</t>
  </si>
  <si>
    <t>今年大陸疫情影響gdp</t>
  </si>
  <si>
    <t>館長中華民國蔡依林加油</t>
  </si>
  <si>
    <t>新冠肺炎疫情蔓延全球日前蔡依林（Jolin）攜手陳奕迅（Eason）合唱英文公益單曲《Fight as One》用歌聲向全球醫護致敬卻因MV畫面中有外國小孩舉著「感謝China」標語片段引發爭議。「館長」陳之漢也發文狂酸</t>
  </si>
  <si>
    <t>全球館長蔓延爭議引發片段標語日前china感謝蔡依林jolin小孩陳奕迅外國eason攜手合唱英文公益畫面單曲mv</t>
  </si>
  <si>
    <t>新冠肺炎疫情蔓延全球日前蔡依林（Jolin）攜手陳奕迅（Eason）合唱英文公益單曲《Fight as One》用歌聲向全球醫護致敬卻因MV畫面中有外國小孩舉著「感謝China」標語片段引發爭議。「館長」陳之漢也發文狂酸敢講中華民國台灣醫護人員辛苦了或是加油中華民國？保證聽不到！
據瞭解這次蔡依林與陳奕迅合作兩人並沒有碰面是分別錄唱、拍攝MV再藉由後製剪輯完成。歌詞內容毫無爭議不過卻有眼尖網友發現MV中有小朋友拿著畫有大陸五星旗、「感謝China」標語片段狂罵這首歌表面向全球醫護致敬背後用意根本是幫大陸做宣傳。
館長今（7日）在臉書發文狂酸「是喔被陰了唷MV內容不知道喔那麼10一定等等會發新聞稿抗議。我相信等到天荒地老海枯石爛也等不到」。
更說「不然叫他講一句中華民國台灣所有醫護人員辛苦了或是我國的部長以及防疫人員辛苦了或是加油中華民國我保證也聽不到。」
而蔡依林臉書粉專昨（6日）發文「此刻的我感到渺小」似乎在回應近期風波。內文提到「無論未來的蔡依林將會如何地被敘述和被形塑著。我都要深深地謝謝你謝謝你在我有限的表演生命裡 曾用力地拉過我一把 曾親臨現場地救贖過我更曾不離不棄地陪伴過我的你。」
「也許在某個時間你忽然間不再需要我了也不再記起我了我都相信那也本是我該收下的生命之禮。在此之前我一定會為蔡依林全力以赴的活著笑著哭著唱著⋯⋯」。</t>
  </si>
  <si>
    <t>蔡依林mv全球發文中華民國生命陳奕迅大陸不到內容爭議相信館長一定醫護致敬</t>
  </si>
  <si>
    <t>蘇貞昌補助現金人本紓困經濟</t>
  </si>
  <si>
    <t>行政院長蘇貞昌今（22）日表示針對受新冠肺炎疫情衝擊的企業及個人紓困已超前佈署包括中低收入戶與弱勢、計程車與遊覽車司機、自營業者及受創業者員工等對象本周將有90萬人領到紓困現金強調是發給有需要的人</t>
  </si>
  <si>
    <t>紓困表示肺炎衝擊計程車弱勢中低收入疫情企業遊覽車司機營業個人包括佈署超前創業者強調員工物件</t>
  </si>
  <si>
    <t>行政院長蘇貞昌今（22）日表示針對受新冠肺炎疫情衝擊的企業及個人紓困已超前佈署包括中低收入戶與弱勢、計程車與遊覽車司機、自營業者及受創業者員工等對象本周將有90萬人領到紓困現金強調是發給有需要的人不是不分貧富的大撒幣。
蘇貞昌上午邀集副院長陳其邁、秘書長李孟諺、發言人Kolas Yotaka、政委龔明鑫、衛福部長陳時中、經濟部長沈榮津、財政部長蘇建榮、文化部長鄭麗君、主計長朱澤民等首長召開「紓困振興進度記者會」說明紓困預算目前發放狀況。
蘇貞昌指出針對87萬名中低收入戶與弱勢每人每月將補助1500元3個月第1個月補助已於21日入帳已有71萬人收到。針對10萬名計程車與遊覽車司機每人每月補助1萬元3個月已自21日起陸續入帳目前已有58萬人領到。
對於100萬名自營業者政府將一次補助3萬元蘇貞昌表示將自今日起入續入帳本周將有10萬人領到。針對90萬名受創產業員工則補助薪資4成共3個月自21日起陸續入帳本周將有37萬人領到。合計本周將有90萬人領到紓困現金補助。
針對各受創企業員工補助狀況蘇貞昌指出包括121家餐飲業15萬名員工、共35億元47家製造業4千名員工、共12億元127家會展業3300名員工、共1億元80家觀光業3800名員工、共08億元以及2700件藝文產業11萬人、共403億元。
行政院因應新冠肺炎疫情衝擊前後2階段共祭出達105兆元的紓困振興預算立法院21日已通過特別條例修正草案。蘇貞昌表示政院將在明（23）日院會提出追加特別預算1500億元24日將赴立院報告並接受質詢。</t>
  </si>
  <si>
    <t>紓困蘇貞昌補助員工預算表示領到包括振興目前企業特別營業狀況中低收入弱勢產業司機</t>
  </si>
  <si>
    <t>行政院蘇貞昌新冠肺炎紓困經費</t>
  </si>
  <si>
    <t>肺炎蘇貞昌紓困經費行政院</t>
  </si>
  <si>
    <t>地區高風險清零風險疫情全國下降大陸</t>
  </si>
  <si>
    <t>大陸國家衛健委宣佈截至7日大陸全國高風險地區清零中風險地區下降到3個。同時對中秋國慶假期是否可以外出旅行、疫苗接種情況如何等問題大陸國務院聯防聯控單位指出在假期期間不提倡聚集和聚會尤其是</t>
  </si>
  <si>
    <t>大陸假期地區提倡期間截至指出全國高風險單位下降聯控國務院中秋聚集聯防問題是否情況可以接種旅行外出國慶疫苗宣佈</t>
  </si>
  <si>
    <t>大陸國家衛健委宣佈截至7日大陸全國高風險地區清零中風險地區下降到3個。同時對中秋國慶假期是否可以外出旅行、疫苗接種情況如何等問題大陸國務院聯防聯控單位指出在假期期間不提倡聚集和聚會尤其是不允許大規模的聚集。
中疾控專家7日表示在目前全球新冠肺炎疫情流行的嚴峻形勢下外防輸入的壓力依然很大中秋、國慶假期不提倡公眾在假期聚集和聚會尤其不允許大規模聚集公眾不能前往中高風險地區所在地為中高風險地區的公眾也不能出行。
出行前先瞭解目的地的疫情防控等級不去中高風險地區。出行中做好個人防護戴口罩、勤洗手、保持手衛生保持社交距離。
截至6日大陸累計報告新冠疫苗接種總人數達到10億9500萬覆蓋總人口的776％完成全程接種的有9億6972萬人。12-17歲人群目前已經接種1億6228萬劑次。
針對個別地區不允許未接種新冠疫苗人群進入超市等重點公共場所、學生被拒絕入校、單位組織人員到外地接種等現象大陸國務院聯防聯控單位已專門召開會議要求各地及時糾正、避免簡單化、一刀切。
大陸已部署了滅活疫苗、重組蛋白疫苗、腺病毒載體疫苗、核酸疫苗、減毒流感病毒載體疫苗5條技術路線。目前已實現5條技術路線臨床試驗的全覆蓋。滅活疫苗已有3款獲國家藥監局附條件上市批准並正在大陸國內開展大規模接種。2款獲大陸國家藥監局同意緊急使用同時也正在國外開展Ⅲ期臨床試驗。
國務院聯防聯控單位指出各地協調配合做好疫苗跨地區接種資訊管理工作接種單位在完成接種後及時為接種者提供預防接種憑證群眾可根據接種憑證完成續種。
大陸正積極推進全國免疫規劃資訊系統互聯互通目前尚未實現接種資訊跨省互聯互通的地區民眾仍需在接種後續劑次疫苗時提供接種單位出具的紙質版憑證按照憑證記錄接種後續劑次的疫苗。</t>
  </si>
  <si>
    <t>接種大陸疫苗單位地區目前假期完成高風險憑證疫情資訊公眾允許及時覆蓋截至聯控聯防全國</t>
  </si>
  <si>
    <t>接種新冠肺炎大陸高風險疫苗</t>
  </si>
  <si>
    <t>肺炎大陸高風險接種疫苗</t>
  </si>
  <si>
    <t>輸家沒請打牌人群</t>
  </si>
  <si>
    <t>國內疫情嚴峻但仍有民眾學不乖持續進行群聚活動。今（8日）晨高雄市一棟大樓就傳出麻將聲新興警方獲報後隨即前往臨檢發現6人群聚中有5人未戴口罩於是趕緊蒐證查扣現場麻將、塑膠籌碼向衛生局舉報</t>
  </si>
  <si>
    <t>麻將現場民眾查扣蒐證口罩趕緊持續未戴警方進行傳出隨即大樓高雄市活動前往</t>
  </si>
  <si>
    <t>國內疫情嚴峻但仍有民眾學不乖持續進行群聚活動。今（8日）晨高雄市一棟大樓就傳出麻將聲新興警方獲報後隨即前往臨檢發現6人群聚中有5人未戴口罩於是趕緊蒐證查扣現場麻將、塑膠籌碼向衛生局舉報裁罰。當時賭客供稱因為宅在家太無聊才約朋友打牌輸的人還承諾要請大家吃烤雞豈料這次群聚裁罰每人至少吃上6萬元罰單總計得付出36萬元代價。
據警方指出高雄市某大樓的一間屋子深夜時燈火通明、傳出疑為洗麻將的聲響警方因此在外埋伏趁25歲蔡姓女子開門外出時攔查並進屋查訪確認現場共計4男2女群聚打牌所有人身上並無現金警方遂查扣塑膠籌碼近1萬2千元並將6人依傳染病防治法、社會秩序維護法送辦。
據瞭解這場群聚是由27歲李姓店長主揪他表示牌咖全是自己朋友和離職員工非賭客也否認有開賭場營利實在是大家宅家救國悶壞才觸法相約打牌並說好最輸的人請全部吃烤雞。但由於群聚打麻將一人至少罰6萬元6人總計36萬元以美式賣場好市多（Costco）189元烤全雞來說36萬能買約1900隻由此可見為解悶群聚打牌實在得不償失。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警方麻將打牌口罩賭客朋友實在務必現場高雄市傳出大樓</t>
  </si>
  <si>
    <t>群聚打牌罰金36萬烤雞</t>
  </si>
  <si>
    <t>打牌罰金</t>
  </si>
  <si>
    <t>官方確診北京宣佈反彈進入非常病例時期大陸</t>
  </si>
  <si>
    <t>北京市衛生健康委員會周日（14日）公佈市內上週六（13日）再新增36宗本地新冠肺炎病例、無症狀感染者1例。連續56天沒有出現本土新冠肺炎病例後大陸首都北京市2天內新增7宗本土病例光12日就確診6例另有46人為</t>
  </si>
  <si>
    <t>病例本土新增肺炎北京市周日連續感染者天內沒有症狀出現大陸首都委員會公佈市內確診週六健康</t>
  </si>
  <si>
    <t>北京市衛生健康委員會周日（14日）公佈市內上週六（13日）再新增36宗本地新冠肺炎病例、無症狀感染者1例。連續56天沒有出現本土新冠肺炎病例後大陸首都北京市2天內新增7宗本土病例光12日就確診6例另有46人為陽性無症狀感染者。新發地農產品批發市場疑似傳染源頭市場所在地豐台區重啟「戰時機制」。北京市委書記蔡奇表示北京已進入非常時期。
北京市疾病預防控制中心副主任龐星火13日召開記者會表示除12日通報的1例病例劉某有出京史外其餘6例病例近2周均無出京史、無境外人員或湖北人員接觸史。但7人都去過新發地農產品批發市場因此初步判斷可能接觸市場中汙染的環境、或接觸到被感染人員。
北京市豐台區新發地市場出現新冠疫情後豐台區迅速啟動戰時機制成立現場指揮部並對新發地市場及周邊11個社區採取封閉管理措施。目前已鎖定豐台區確診病例的密切接觸者139人全部實施集中隔離。
豐台區 重啟戰時機制
根據官方通報12日通報的6名病例中有在新發地市場工作的銷售員和司機也有前往該市場採購肉製品的顧客以及2名執行食品抽檢工作的研究機構員工。11日公佈住在西城區的患者也去過新發地市場買菜。
《新京報》報導檢疫人員在切割進口鮭魚的砧板上發現新冠病毒當局連夜對全市的生鮮、畜禽肉類和水產品進行食品安全檢查很多餐館和超市也下架鮭魚產品。
北京市政府如臨大敵13日淩晨3時立刻下令關閉新發地農產品批發市場市場所在地豐台區重啟「戰時機制」新發地市場及周邊社區採取封閉管理措施。
關景點 禁止群體聚餐
北京也立即暫停跨省旅遊團、暫停舉辦體育賽事小學一、二、三年級暫緩復課多處景點如雍和宮即日起關閉。5條北京和河北省之間的跨省公車線路暫緩恢復營運；北京餐飲防控調升至二級管控禁止群體性聚餐、進店用餐需查驗「健康寶」App海澱區所有社區恢復二級防控。
46人呈陽性無症狀
當局對1940名北京各批發市場從業人員進行進行核酸檢測其中46人呈陽性反應目前無臨床症狀已納入嚴密管理和觀察中。此外市場中採集的40件環境樣本也呈現陽性。北京將對5月30日以來與新發地市場有接觸者開展核酸檢測。
此外朝陽區崔各莊鄉13日晚間公告京旺家園社區居民王某11日至瀋陽出差12日核酸檢測為陽性成為遼寧省新增2例無症狀感染者之一。王某在北京的家人均已居家隔離醫學觀察社區也升級為二級管控。大陸多地提醒民眾如非必要近期不要前往北京市。</t>
  </si>
  <si>
    <t>市場北京病例新發豐台區症狀社區人員陽性北京市接觸新發地農產品批發市場核酸新增戰時檢測機制感染者暫緩</t>
  </si>
  <si>
    <t>陽性豐台區新發地北京市北京</t>
  </si>
  <si>
    <t>陽性北京市新發北京豐台區</t>
  </si>
  <si>
    <t>復原杜蘭特可nba上場</t>
  </si>
  <si>
    <t>假如這個爆料屬實只能說籃網球星杜蘭特的恢復能力太驚人了！先前公開坦承自己確診新冠肺炎的杜蘭特27日被《TNT》資深記者伊格爆料杜蘭特不僅已經恢復健康甚至狀態回到昔日巔峰時刻假如NBA今天復賽他可以</t>
  </si>
  <si>
    <t>杜蘭特時刻巔峰昔日nba狀態甚至恢復健康先前公開坦承已經驚人能力確診網球恢復肺炎tnt今天</t>
  </si>
  <si>
    <t>假如這個爆料屬實只能說籃網球星杜蘭特的恢復能力太驚人了！先前公開坦承自己確診新冠肺炎的杜蘭特27日被《TNT》資深記者伊格爆料杜蘭特不僅已經恢復健康甚至狀態回到昔日巔峰時刻假如NBA今天復賽他可以上場比賽！
杜蘭特是在去年6月總冠軍賽期間不慎造成阿基裡斯腱撕裂的重傷讓他本季提前宣告報銷沒想到先前籃網宣佈4名球員檢驗結果呈現陽性之後他竟率先跳出來承認自己確診新冠肺炎沒想到如今他接連克服新冠肺炎與腳傷宣告健康。
「杜蘭特與他的團隊已經證實了這點」伊格表示「很明顯地杜蘭特自從確診新冠肺炎之後就積極恢復自己的健康從最近流出他的訓練影片當中可以看出他不僅打得像昔日的自己甚至看起來像是今天就準備好上場的球員。」
「但對杜蘭特來說當前最大的問題是他到底應該怎麼做」伊格表示「我想籃網會把決定權交給杜蘭特自己就從醫學角度來看我認為他現在可以上場打球但更頭痛的問題是籃網能否接受這個決定？甚至杜蘭特自己能否接受？」</t>
  </si>
  <si>
    <t>杜蘭特可以肺炎甚至伊格確診恢復先前之後球員上場健康沒想問題今天表示昔日已經撕裂重傷阿基裡斯</t>
  </si>
  <si>
    <t>杜蘭特籃網伊格上場確診</t>
  </si>
  <si>
    <t>確診上場伊格杜蘭特</t>
  </si>
  <si>
    <t>張雅琴播報政大時再羅友志</t>
  </si>
  <si>
    <t>新冠肺炎疫情肆虐全球擔任防疫指揮官的衛福部長陳時中為了防疫每天行程滿檔也讓知名主播張雅琴呼籲立委放過陳時中反遭名嘴羅友志痛批是「政大之恥」對此張雅琴在昨天播報新聞時再度開嗆。張雅琴表示曾提及</t>
  </si>
  <si>
    <t>張雅琴陳時中防疫肆虐全球擔任再度疫情新聞播報昨天行程對此政大羅友志知名放過呼籲</t>
  </si>
  <si>
    <t>新冠肺炎疫情肆虐全球擔任防疫指揮官的衛福部長陳時中為了防疫每天行程滿檔也讓知名主播張雅琴呼籲立委放過陳時中反遭名嘴羅友志痛批是「政大之恥」對此張雅琴在昨天播報新聞時再度開嗆。
張雅琴表示曾提及「放過陳時中」並非不監督的意思而是希望立委能讓陳時中部長以處理疫情為優先像是昨天除了除了確診案例外還有武漢台商包機、口罩20等重大事件因此向立法院備詢請假也是情有可原接著表示這種敏感時刻有些人會想要藉此蹭熱度希望都可以省下功夫若想要出名最好還是靠自己不能夠靠別人藉機再次嘲諷羅友志。
從去年十月張雅琴砲轟高雄市長韓國瑜「嫖妓說」引發名嘴羅友志開嗆後事隔數月張雅琴有鑑於站在第一線的陳時中幾乎沒時間休息呼籲立委「放他一馬」對此名嘴羅友志怒批：「新聞人自動放棄監督政府的義務跟天職去當網軍保護政府那跟死了有什麼分別」？撂下狠話：「政大廣電系之恥」再度引發議論。</t>
  </si>
  <si>
    <t>張雅琴陳時中羅友志想要昨天監督表示疫情政府對此政大部長再度呼籲引發放過防疫</t>
  </si>
  <si>
    <t>張雅琴羅友志政大陳時中名嘴</t>
  </si>
  <si>
    <t>政大張雅琴羅友志陳時中</t>
  </si>
  <si>
    <t>轉彎難道賴士葆政策臺灣人命疫苗施打不如自費友邦</t>
  </si>
  <si>
    <t>全台新冠肺炎疫情不斷擴大包括臺北、新北、宜蘭、基隆都有確診者引爆全國恐慌。衛福部長陳時中12日在記者會上表示「過去擔心疫苗打不完但如今卻是擔心打不夠」對此國民黨立委賴士葆表示自己服務處接到</t>
  </si>
  <si>
    <t>表示擔心疫情不斷擴大包括臺北新北宜蘭基隆都確診肺炎引爆全國恐慌衛福對此部長不夠國民黨陳時中疫苗記者會過去</t>
  </si>
  <si>
    <t>全台新冠肺炎疫情不斷擴大包括臺北、新北、宜蘭、基隆都有確診者引爆全國恐慌。衛福部長陳時中12日在記者會上表示「過去擔心疫苗打不完但如今卻是擔心打不夠」對此國民黨立委賴士葆表示自己服務處接到許多民眾陳情已經無法施打疫苗但政府有保證有預約的人民都打得到沒想到政策會轉彎；他拜託政府不要只顧協助邦交國取得疫苗難道台灣人民的命不如友邦？
賴士葆今（17日）在臉書發文表示今天一早服務處接到很多民眾的電話抱怨到藥局買不到口罩還有一些民眾氣急敗壞的是他們已經預約自費施打疫苗昨天陳時中在記者會上也宣佈有預約的民眾都打得到沒想到政策立刻轉彎疾管局告知取消18日以後已預約的停止施打讓民眾十分錯愕。
行政院長蘇貞昌2月底還說台灣沒有施打疫苗的急迫性賴士葆直言當時整個內閣對於疫苗可有可無鬆散的態度可見端倪；5天前外交部長吳釗燮表示瓜國是台灣堅實友邦台灣正透過各方管道並結合理念相近的國家設法協助瓜國取得疫苗；駐美代表蕭美琴3天前受訪表示：「截至上周駐美處對美方交涉重點在如何協助邦交國取得新冠疫苗不過台灣發生本土疫情國人對疫苗期待比較迫切這周起也非常積極接洽。」賴痛批看了這樣的報導讓人痛心疾首為什麼台灣人的命永遠不如友邦？為什麼台灣人就是配吃萊豬和核廢水漁產？
賴士葆稱這幾天暴增的確診人數讓大家心驚專家也表示其實幾個月前社區很多的確診案例只是被掩蓋著長期美化「＋0」的數字為台灣博得防疫績優生的美名沉浸於虛幻的假相政府錯誤的認為台灣是淨土不急著施打殊不知病毒已經悄悄的進入社區政府堅持不篩直等到大爆發民眾想打疫苗沒有疫苗原來都在幫友邦喬疫苗。賴質問美國3億多人口採購了N倍的疫苗美國一直表示很支持台灣蕭美琴為什麼不積極請美國釋出一些疫苗給台灣告訴美國現在台灣疫苗施打只有1％左右的窘狀和急迫為什麼不大聲地說：Taiwan needs help？</t>
  </si>
  <si>
    <t>疫苗臺灣表示民眾施打賴士葆政府友邦確診預約協助美國已經取得疫情積極社區</t>
  </si>
  <si>
    <t>疫苗賴士葆台灣施打疫苗新冠肺炎</t>
  </si>
  <si>
    <t>施打疫苗臺灣賴士葆肺炎</t>
  </si>
  <si>
    <t>香港經濟廠商會衝擊火燒疫情</t>
  </si>
  <si>
    <t>新冠肺炎疫情正在全球蔓延嚴重衝擊全球經濟。香港中華廠商聯合會（廠商會）近日發表一份研究報告警告疫情恐會連環衝擊有緊密合作關係的亞洲區經濟體而香港為亞太區重要的貿易樞紐及供應鏈管理中心貿易中轉業</t>
  </si>
  <si>
    <t>疫情衝擊貿易全球重要亞太區香港經濟體管理亞洲關係供應合作緊密經濟近日樞紐發表香港中華廠商聯合會研究報告廠商會警告中心蔓延</t>
  </si>
  <si>
    <t>新冠肺炎疫情正在全球蔓延嚴重衝擊全球經濟。香港中華廠商聯合會（廠商會）近日發表一份研究報告警告疫情恐會連環衝擊有緊密合作關係的亞洲區經濟體而香港為亞太區重要的貿易樞紐及供應鏈管理中心貿易中轉業務會減少。
上述報告指出疫情令亞洲經濟體或產生「火燒連環船」的情況。由於大陸為亞洲區內重要的供應鏈中心工廠被迫延遲開工或者沒有完全復工妨礙跨國企業在大陸的生產線。同時影響其他依賴大陸供應原材料的下游供應鏈經濟體以及大陸與上游供應商的生意拖累生產運作的恢復。
報告提及本地貿易、物流和相關行業本來已陷入衰退疫情是雪上加霜。而香港又一向嚴重依賴大陸旅客將對當地經濟帶來即時而直接的衝擊令旅遊相關行業特別零售、餐飲、住宿以及交通運輸業步入了「寒冬」。</t>
  </si>
  <si>
    <t>疫情大陸經濟體衝擊報告供應貿易行業相關香港亞洲經濟嚴重重要依賴中心全球餐飲零售特別住宿沒有旅遊妨礙復工開工完全跨國企業</t>
  </si>
  <si>
    <t>媽祖說話</t>
  </si>
  <si>
    <t>大甲媽9天8夜的遶境行程決定延期了！大甲鎮瀾宮剛剛宣告「全體董監事會昨晚召開會議我們決議尊重專業將今年的大甲媽遶境進香延期舉辦全力支持政府的防疫工作。」鎮瀾宮預定上午11時召開記者會說明。大甲鎮瀾</t>
  </si>
  <si>
    <t>召開延期大甲鎮決議會議昨晚尊重監事會今年專業全體全力支援進香舉辦政府工作上午行程預定防疫</t>
  </si>
  <si>
    <t>大甲媽9天8夜的遶境行程決定延期了！大甲鎮瀾宮剛剛宣告「全體董監事會昨晚召開會議我們決議尊重專業將今年的大甲媽遶境進香延期舉辦全力支持政府的防疫工作。」鎮瀾宮預定上午11時召開記者會說明。
大甲鎮瀾宮早上在臉書公告內容如下：
百年的遶境進香活動因為今年武漢肺炎和流感的疫情蔓延各界出現了不同的聲浪為了維護百年的文化活動近日密切注意疫情發展請益公衛團體、醫院醫師、學者拜訪沿途宮廟、縣市政府建立防疫工作尋求各單位的協助。
大甲鎮瀾宮表示全體董監事會昨晚召開會議決議尊重專業將今年的大甲媽遶境進香延期舉辦全力支持政府的防疫工作。</t>
  </si>
  <si>
    <t>大甲鎮疫情活動召開防疫工作延期今年進香全體監事會醫院醫師團體益公衛學者昨晚發展拜訪維護密切注意近日出現</t>
  </si>
  <si>
    <t>延期大甲媽今年董監事監事會</t>
  </si>
  <si>
    <t>董監事今年監事會延期</t>
  </si>
  <si>
    <t>原相泰利多抗跌</t>
  </si>
  <si>
    <t>國際股市恐慌賣壓未歇拖累台股連五日回檔波段下跌1562點法人指出隨著疫情持續升溫目前已有多國實施關閉實體店面市場擔憂歐美感染人數爆發對終端消費影響將逐步顯現操作上建議聚焦有業績支撐營運</t>
  </si>
  <si>
    <t>拖累聚焦回檔波段建議下跌法人指出顯現賣壓操作逐步影響消費疫情終端爆發人數感染歐美持續擔憂</t>
  </si>
  <si>
    <t>原相成長tws法人疫情影響肺炎中國市場指出進度預期任天堂股價營運維持消費首季泰碩可望今年</t>
  </si>
  <si>
    <t>泰碩原相進度法人肺炎</t>
  </si>
  <si>
    <t>肺炎法人泰碩進度原相</t>
  </si>
  <si>
    <t>保單等待南山</t>
  </si>
  <si>
    <t>有糖尿病史者若染上新冠肺炎死亡率極高但現在想投保醫療險又恐怕來不及。南山人壽16日指出其先前推出的外溢型糖尿病弱體保單已取消30天的疾病等待期且有一年六次門診保險金讓保戶定期回診檢測血糖及生活</t>
  </si>
  <si>
    <t>糖尿病定期保戶保險金門診等待肺炎回診死亡率現在投保醫療疾病恐怕來不及南山人壽取消指出先前</t>
  </si>
  <si>
    <t>有糖尿病史者若染上新冠肺炎死亡率極高但現在想投保醫療險又恐怕來不及。南山人壽16日指出其先前推出的外溢型糖尿病弱體保單已取消30天的疾病等待期且有一年六次門診保險金讓保戶定期回診檢測血糖及生活記錄可減免5～10％保費鼓勵糖尿病患者不要在此時避諱就醫、耽誤病情。
南山人壽這款弱體保單是專門針對36～60歲的第二型糖尿病患者提供住院日額、住院手術、門診手術及門診等保險金保單共分三額度基本款是日額2千元最高醫療給付300萬元進階款是日額3千元最高醫療保險金給付450萬元；高階款是日額4千元醫療部分最高給付600萬元保單亦有意外身故給付100～200萬元。
這部分是已確定罹患糖尿病者才能投保的保單南山人壽強調對於一般健康體保戶可投保住院醫療險亦有17張是針對法定傳染病取消等待期。
由於是外溢型保單保戶要定期回醫院測量糖化血色素每月有一定天數以上記錄血糖、飲食及運動依糖化血色素的數控及記錄行為總分保單第三年起可折減保費5～10％。
全球正在努力控制新冠肺炎疫情擴散南山人壽指出台灣新冠肺炎確診案例已達395例其中有六人死亡當中就有四例具有糖尿病史亦即有相關慢性病史者若不幸罹患新冠肺炎死亡風險會高於其他群體。
糖尿病亦位居台灣人十大死因之一每年有近萬人因糖尿病死亡南山人壽引述國民健康署統計全台約有200多萬名糖尿病的病友且每年以約25萬人的速度持續增加近期因為新冠肺炎疫情不少糖尿病患者不敢上醫院甚至忽視病情變化延誤就醫。
南山人壽即強調其糖尿病患專屬保單對所有疾病都是免30天的等待期馬上有醫療與意外保障且保單有每次門診600元的保險金給付糖尿病保戶可定期回診以有效控制血糖、觀察體況。
南山人壽舉創若投保此弱體保單的高階款投保後確診新冠肺炎入住負壓隔離病房每日即有新台幣4千元的住院日額保險金若住院期間進行手術治療可申領每次新台幣2萬元的住院手術醫療保險金另外針對糖尿病患者常見的眼部病症也提供每次新台幣4千元的門診手術醫療保險金若因回診檢查一年有六次每次新台幣600元的門診醫療保險金。</t>
  </si>
  <si>
    <t>糖尿病保單南山人壽醫療肺炎保險金投保患者保戶門診記錄血糖住院死亡手術定期台幣回診</t>
  </si>
  <si>
    <t>日額肺炎保單死亡保險金</t>
  </si>
  <si>
    <t>保單肺炎死亡保險金</t>
  </si>
  <si>
    <t>議會率先無限期超前防疫休會</t>
  </si>
  <si>
    <t>新冠肺炎疫情延燒花蓮縣議會今召開第19屆第7次臨時會民進黨議員莊枝財提出緊急提案主張疫情嚴峻建議暫緩第7次、8次臨時會以及五月的定期會獲得許多議員附議議長張峻敲槌定案創下全台首例暫緩定期會</t>
  </si>
  <si>
    <t>疫情議員暫緩定期花蓮縣議會定案召開創下張峻主張民進全台提出議長緊急提案附議嚴峻莊枝財建議首例獲得</t>
  </si>
  <si>
    <t>新冠肺炎疫情延燒花蓮縣議會今召開第19屆第7次臨時會民進黨議員莊枝財提出緊急提案主張疫情嚴峻建議暫緩第7次、8次臨時會以及五月的定期會獲得許多議員附議議長張峻敲槌定案創下全台首例暫緩定期會將視疫情擇期開議。
花蓮縣議會24日召開第七次臨時會昨天辦理議員報到莊枝財今早提出緊急動議希望暫緩臨時會及定期大會他表示目前已進入第2天的預備會議因此將「暫緩」再找適當時機召開下次會議直接進入一讀會及臨時動議。
莊枝財指出現在全台各地疫情嚴峻花蓮在縣府各單位努力防疫下並配合中央防疫工作現在都還沒有確診病例因此他建議先行休會讓大家做好防疫。有議員則認為縣府總預算在十月提出目前應不至於影響重要議案但暫緩定期會開議也創下全台之先。
議事主任譚進成表示4月13日將召開的第8次臨時大會及5月1日的定期大會經議員決議是「順延」目前發准內政部同意並同步進行發函及發文給相關單位至於開議時間延至何時？未來還要視疫情狀況協商決定。</t>
  </si>
  <si>
    <t>疫情議員暫緩定期召開開議目前全台提出防疫單位現在建議縣府進入嚴峻表示大會議會創下緊急莊枝財</t>
  </si>
  <si>
    <t>新冠肺炎武漢肺炎新型冠狀病毒台灣大陸</t>
  </si>
  <si>
    <t>肺炎武漢冠狀病毒臺灣大陸</t>
  </si>
  <si>
    <t>學者蔓延政府歧視導致有意無意灌輸疫情</t>
  </si>
  <si>
    <t>我國接連幾天染疫確診人數破百萬華區成為疫情熱點甚至遭外界標籤化。世新大學社會心理系副教授詹昭能認為國際間已將COVID-19稱為新冠病毒我官方與部分媒體還是稱之為「武漢肺炎」政府有意無意灌輸民眾採取</t>
  </si>
  <si>
    <t>確診政府人數肺炎武漢稱之為華區媒體成為疫情部分官方熱點甚至病毒外界有意無意標籤稱為covid-世新大學已將社會</t>
  </si>
  <si>
    <t>我國接連幾天染疫確診人數破百萬華區成為疫情熱點甚至遭外界標籤化。世新大學社會心理系副教授詹昭能認為國際間已將COVID-19稱為新冠病毒我官方與部分媒體還是稱之為「武漢肺炎」政府有意無意灌輸民眾採取偏見人格與情節便出現遷移效果如此導致歧視在社會蔓延「這是超級不合理」。
詹昭能提到從社會心理學角度來談面對傳染力極高的病毒人們出現害怕、恐懼的心理為人之常情可以理解這是自我保護的反應但為了盡可能消弭歧視美國總統拜登也簽署《反新冠仇恨犯罪法》雖無法解除美國社會這根深蒂固的種族歧視情節仍盼透過政府帶動降低民眾因疫情而釀成居高不下的反亞裔社會情緒。
反之觀察台灣詹昭能稱自疫情爆發以來我官方始終稱之為「武漢肺炎」社會因此將敵視視為理所當然偏見更難以去除如此情緒也在國內擴散「從歧視中國人開始擴散到加強對萬華或其他地區的歧視」但實際上這波境內疫情大爆發源於英國病毒株「現在卻把矛頭指向萬華這是超級不合理的情緒性反應！」
疫情除了導致國家、區域與種族不睦近期國內疫情大爆發也傳出多起電視台記者感染案例社群媒體上甚至不斷發送點名禁止跟接受某電視台記者採訪的訊息。對此詹昭能指出歧視現象已從網路蔓延到實際生活主要還是在主政者的態度蔡總統是否能非常明理告訴國人表態不要歧視與仇視但並沒有做到「已陷入了僵局某種程度無解」。
至於媒體不斷報導疫情擴散新聞挨批釀社會恐懼詹昭能認為媒體是社會現實的反應記者也是人同樣會有不安與恐懼的心理這都是可以理解的此時恐慌情緒不斷蔓延顯然是政府做得不夠一方面是沒有準備充足的疫苗甚至國產疫苗也無法確定7月是否能如期推出另則是指揮中心沒有即時公佈疫情消息即便當前情況已十分緊繃仍是每天定時兩點召開記者會。
詹昭能進一步提到假設某某縣市有大樓被封起來清潔現在網路通訊發達消息當然會傳出去類似情況指揮中心卻沒有立刻說明恐慌的社會心理已在台灣變成連鎖反應。</t>
  </si>
  <si>
    <t>疫情社會歧視媒體沒有情緒心理詹昭病毒甚至政府恐懼記者爆發反應擴散網路偏見消息現在情節出現</t>
  </si>
  <si>
    <t>社會歧視詹昭能疫情新冠肺炎</t>
  </si>
  <si>
    <t>疫情詹昭歧視肺炎社會</t>
  </si>
  <si>
    <t>湧入發文範瑋琪網友罕見道歉救命低調回應</t>
  </si>
  <si>
    <t>新冠肺炎肆虐全球長達近2年而台灣守了1年多的平靜生活也在上個月被猛爆出的本土疫情打破全台進入三級警戒已經超過3週雖然確診數下降但每天的死亡數字仍是讓人聽了心驚而藝人賈永婕為此熱血跳出來號召</t>
  </si>
  <si>
    <t>全球為此賈永婕藝人心驚臺灣平靜生活上個月數字肆虐熱血死亡爆出下降本土確診疫情</t>
  </si>
  <si>
    <t>新冠肺炎肆虐全球長達近2年而台灣守了1年多的平靜生活也在上個月被猛爆出的本土疫情打破全台進入三級警戒已經超過3週雖然確診數下降但每天的死亡數字仍是讓人聽了心驚而藝人賈永婕為此熱血跳出來號召捐救命神器HFNC(高流量氧氣鼻導管全配系統)各界朋友紛紛響應包含因失言風波而沉寂一整年的歌手范瑋琪讓不少網友改觀紛紛到她臉書道歉並致謝而範瑋琪也打破沉默罕見發文回應。
台灣本土疫情雖下降但指揮官陳時中表示仍沒有放鬆的本錢因為死亡率跟重症比例仍相當高讓民眾聽了也感到惶恐而除了推進疫苗接種進度外藝人賈永婕更熱心為醫護「補血」號召捐救命神器HFNC集各方親友之力一捐就是330台並跟廠商努力拚在3天內就交到各家醫院手中之後還會持續增加與此同時還每天給醫護送一百個便當支援讓眾人相當感動她與友人們的善心。
而過去因口罩出口問題鬧出失言風波的歌手范瑋琪她跟老公的名字出現在賈永婕公開的HFNC捐贈名單中賈永婕表示她在思考哪些藝人很熱心公益時想到了范范夫妻於是打電話過去「范範聽完了之後也熱血參與她跟黑人一人一台」消息一出引發熱議。
許多人得知範瑋琪跟老公陳建州低調行善紛紛湧入她的臉書留言表達感謝「謝謝妳和黑人的愛心」、「謝謝妳為台灣奉獻感恩」其中不乏道歉的留言「雖然妳去年有些發言不適當但你的愛心還是很讚賞」、「感謝你的付出…對不起之前一直黑你」、「以前罵過你但這次你捐了救命機器還是要感謝你謝謝你在台灣需要時的貢獻」而這段時間相當低調很少po文的範瑋琪也難得在昨天(6/14)發了文寫下「祝大家都有個平安健康的端午節～ 台灣加油我們一起守護」回應眾人的反饋。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臺灣范瑋琪賈永婕相當口罩紛紛感謝藝人hfnc救命天內務必眾人打破之後表示醫護</t>
  </si>
  <si>
    <t>範瑋琪陳建州賈永婕救命神器HFNC</t>
  </si>
  <si>
    <t>賈永婕救命陳建州範瑋琪hfnc</t>
  </si>
  <si>
    <t>來源地病毒曝光測到全是污水高風險國內</t>
  </si>
  <si>
    <t>污水病毒陳時中監測系統透過傳染性顯示具有ct檢測追查衛福發現來源今天社區部長目前感染表示證實測到</t>
  </si>
  <si>
    <t>污水監測表示病毒沒有感染目前社區出來發現設立可能傳染性疫情檢測</t>
  </si>
  <si>
    <t>汙水病毒監測莊人祥傳染性</t>
  </si>
  <si>
    <t>莊人祥病毒監測污水傳染性</t>
  </si>
  <si>
    <t>台中警告雇主落實來源國防疫措施</t>
  </si>
  <si>
    <t>中央流行疫情指揮中心宣佈19日起限制所有非本國籍人士入境事前申請核准者才予放行並將印尼、越南、菲律賓及泰國等移工來源國列為旅遊疫情建議第三級警告配合勞動部訂定「入境移工居家檢疫計畫書」；台中市政府</t>
  </si>
  <si>
    <t>入境疫情中心檢疫宣佈居家限制非本國籍人士才予放行事前申請核准印尼越南警告建議菲律賓泰國配合列為</t>
  </si>
  <si>
    <t>中央流行疫情指揮中心宣佈19日起限制所有非本國籍人士入境事前申請核准者才予放行並將印尼、越南、菲律賓及泰國等移工來源國列為旅遊疫情建議第三級警告配合勞動部訂定「入境移工居家檢疫計畫書」；台中市政府勞工局呼籲雇主應善盡外國人生活照顧責任協助配合防疫措施。
勞工局說明為避免傳染風險擴大、減少移工跨境流動勞動部鼓勵雇主優先期滿續聘繼續留用同一移工；若有用人需求的雇主也鼓勵在國內承接已在台的移工代替自海外引進新移工。針對在台累積工作年限家庭看護工已達14年、其它工作類別已達12年的移工則可由雇主為移工向勞動部申請延長每次3個月於防疫期間繼續留台工作。
對於已在台工作的移工若原有休假返國計畫則鼓勵雇主與移工協商於防疫期間暫時不要返國休假避免重入國後馬上面臨居家檢疫的狀況；移工若經協商願意配合我國防疫措施延後或取消返國休假針對移工取消已訂機票等費用損失勞動部將提供必要費用補償由雇主聘僱移工所繳納的就業安定費支應。
勞工局指出為避免產生防疫破口勞動部推動訂定「入境移工居家檢疫計畫書」雇主於申請許可、申請入國簽證及辦理機場接機服務時應提報該計畫書確保雇主引進移工時有能力辦理居家檢疫雇主如有執行困難得請仲介公司協助辦理。
勞工局長吳威志表示勞動部也要求移工應由該部機場服務站同仁接機協助翻譯及辦理相關手續確保移工不會搭乘大眾運輸工具前往雇主處所。雇主及受委任仲介公司引進移工前應事先準備居家檢疫處所才能引進移工；否則應暫緩引進避免貿然引進後無法執行居家檢疫14天而遭受處罰。
針對暫時不引進移工的雇主勞動部將同意保留名額雇主得於防疫期間結束後3個月向勞動部申請延長引進效期。吳威志說若發現雇主有引進外國人卻未善盡外國人生活照顧責任情事勞工局將依《就業服務法》及《外國人生活照顧服務計畫書裁量基準》相關規定處雇主6萬元以上30萬元以下罰鍰呼籲雇主勿以身試法。</t>
  </si>
  <si>
    <t>雇主勞動部引進防疫勞工檢疫居家申請避免辦理配合協助鼓勵外國人期間生活照顧入境休假返國疫情工作相關</t>
  </si>
  <si>
    <t>新冠肺炎疫情防疫勞工局訪視</t>
  </si>
  <si>
    <t>疫情防疫勞工肺炎訪視</t>
  </si>
  <si>
    <t>保護簡介上線眼尖疫苗力幾高端管署沒寫</t>
  </si>
  <si>
    <t>食品藥物管理署昨日宣佈首批高端疫苗共265萬劑已完成審查檢驗並核發封緘證明書消息一出引發討論。一名網友發現衛生福利部疾病管制署官網的疫苗簡介高端也悄悄上線。原PO昨（2）日於PTT八卦板爆卦指出進</t>
  </si>
  <si>
    <t>高端疫苗ptt宣佈po上線悄悄八卦板消息引發討論證明書網友發現檢驗核發衛生福利疾病審查簡介管制完成</t>
  </si>
  <si>
    <t>疫苗保護簡介高端副作用結果小於千分之神經麻痹管署顏面注射部位肺炎管制顯示上線發現引發</t>
  </si>
  <si>
    <t>國產疫苗高端疫苗高端疾管署新冠疫苗</t>
  </si>
  <si>
    <t>疫苗高端管署</t>
  </si>
  <si>
    <t>北市醫院浪費轉彎授權教職員bnt接種校園</t>
  </si>
  <si>
    <t>臺北市22日起將入校替青少年施打BNT疫苗北市原要校方將殘劑繳回醫院但市議員王欣儀砲轟市府浪費何不就地讓未接種AZ疫苗的教職員施打？北市副市長蔡炳坤表示北市為避免浪費只要不超過開瓶後6小時保存期限</t>
  </si>
  <si>
    <t>北市施打疫苗開瓶超過避免浪費入校炮轟市府王欣儀浪費議員何不就地醫院青少年接種教職員az校方bnt</t>
  </si>
  <si>
    <t>臺北市22日起將入校替青少年施打BNT疫苗北市原要校方將殘劑繳回醫院但市議員王欣儀砲轟市府浪費何不就地讓未接種AZ疫苗的教職員施打？北市副市長蔡炳坤表示北市為避免浪費只要不超過開瓶後6小時保存期限市府授權校方徵詢校園內教職員工施打。
蔡炳坤在今日防疫記者會指出BNT疫苗1瓶能接種6位學生只有最後1瓶才會有剩餘劑量頂多剩下5劑北市立場很清楚會以不浪費、不超過開瓶後6小時的期限為最高原則因此讓校園內有殘餘劑量時北市授權校方徵詢校園內教職員工接種。
蔡表示他要提醒中央畢竟BNT疫苗是第一次接種先從學生開始中央還是要針對學生外的族群給出施打指引讓台灣各縣市有辦法參考。
此外也有媒體詢問若學生因故不在校園上課又該如何施打？蔡則說有學籍的學生共110位包括國小6年級、進修部、境外台校等會寄送通知單給對方再安排至醫院接種盡量以該校配合的醫院為主；若是沒學籍的學生就依照指揮中心公佈的時程上網預約接種。</t>
  </si>
  <si>
    <t>接種學生施打北市校園疫苗醫院bnt校方學籍市府浪費中央劑量小時教職員工授權超過開瓶</t>
  </si>
  <si>
    <t>新冠肺炎台灣殘劑北市學生</t>
  </si>
  <si>
    <t>肺炎臺灣北市學生</t>
  </si>
  <si>
    <t>暴動知情過份酒瓶村民確診候村真相宜蘭碧</t>
  </si>
  <si>
    <t>宜蘭縣昨（26日）新增2個確診案例其中一例是南澳鄉碧候村女子父母在當地開雜貨店女子返鄉後確診。由於該店是村民常聚的場所宜蘭縣衛生局派員進駐進行全村約6、700人普篩。晚間傳出有村民對雜貨店叫囂罵三</t>
  </si>
  <si>
    <t>宜蘭 縣 昨 26 日 新增 2 個 確診 案例 其中 一 例 是 南澳鄉 碧 候 村 女子 父母 在 當地 開 雜貨店 女子 返鄉 後 確診 由於 該店 是 村民 常聚 的 場所 宜蘭 縣 衛生局 派員 進駐 進行 全村 約 6700 人 普 篩 晚間 傳出 有 村民 對 雜貨店 叫囂 罵 三</t>
  </si>
  <si>
    <t>村民確診雜貨店女子宜蘭傳出全村晚間進行進駐派員衛生局案例新增南澳鄉返鄉場所常聚</t>
  </si>
  <si>
    <t>宜蘭縣昨（26日）新增2個確診案例其中一例是南澳鄉碧候村女子父母在當地開雜貨店女子返鄉後確診。由於該店是村民常聚的場所宜蘭縣衛生局派員進駐進行全村約6、700人普篩。晚間傳出有村民對雜貨店叫囂罵三字經還丟酒瓶有網友將影片放上網認為確診者也不願意如此行為太過份。不過有知情人士揭發內幕指該女子工作的大樓有人確診封樓她不待臺北卻跑回老家且去年從國外回來要自主管理也是跑回來老家才讓村民們如此氣憤。
有網友在臉書社團《爆料公社公開版》發文、貼出影片表示宜蘭碧候村民暴動跑去確診者家叫囂、罵人甚至丟酒瓶發文者覺得「人家也很不願意中鏢共同抗疫還這樣調皮的心態去攻擊恐嚇丟酒瓶真的有點缺德！應該是要多點關心及體諒。請大家互相勉勵關懷做好防疫措施。」。
不過下麵有疑似知情人者回應：「染疫也許真的不是她們願意但事情會變成這樣你們真的不瞭解她公司樓下有確診整棟公司大樓都封人員需自主隔離14天她人不乖乖待在臺北還跑回來老家她老家在這個村莊是開雜貨店的（幾乎全村的人都在她家商店買東西）去年從國外回來要自主管理也是跑回來老家這次出事了！村民怎麼不會生氣。現在連她媽媽也確診村民不怕嗎？老人家那麼多」。
其他網友則回：「看影片對罵聲量還是很大完全沒有覺得自己家人應該要自主隔離卻沒遵守的這件事有錯」、「一個需要自主管理的人不甩規定硬是從臺北的隔離地跑回宜蘭老家（內文有提到）而且這狀況聽說是第二次了這樣的風險難怪周圍的人會憤怒！」。
★中時新聞網關心您：飲酒過量有礙健康！
★中時新聞網關心您：開車不喝酒、喝酒不開車！</t>
  </si>
  <si>
    <t>確診村民自主影片網友雜貨店酒瓶隔離老家願意關心回來女子臺北全村</t>
  </si>
  <si>
    <t>新冠肺炎台灣宜蘭南澳鄉碧候村</t>
  </si>
  <si>
    <t>臺灣宜蘭肺炎南澳鄉碧候村</t>
  </si>
  <si>
    <t>出場公關確診中央酒店性交北市男客名單</t>
  </si>
  <si>
    <t>臺北市知名高級酒店的公關小姐「潔西」日前驚傳新冠肺炎確診發病期間仍去上班消息傳出引起臺北酒店業恐慌還讓全國酒店、舞廳一律停止營業不止如此政府為防疫出現破口要求該名確診女公關上班的酒店要提</t>
  </si>
  <si>
    <t>酒店確診上班公關小姐日前公關不止酒店業政府一律舞廳全國停止營業恐慌肺炎臺北出現引起防疫傳出消息</t>
  </si>
  <si>
    <t>臺北市知名高級酒店的公關小姐「潔西」日前驚傳新冠肺炎確診發病期間仍去上班消息傳出引起臺北酒店業恐慌還讓全國酒店、舞廳一律停止營業不止如此政府為防疫出現破口要求該名確診女公關上班的酒店要提供「潔西」2、3月班表以及「框出場、框全場」與「做S」（性交易）的男客名單讓近一個星期去消費的酒客如坐針氈屆時恐引爆男客們的家庭風暴。
該名公關小姐在上週六出現發燒流鼻水症狀就醫後確診雖然北市衛生局初步掌握接觸者為21人但實際狀況恐怕不樂觀因為一般酒店女公關上班過程中除了同事一個晚上在同包廂或是坐檯接觸的客人可能超過人50人以上而且大部分男客唯恐會引起「家庭革命」可能會隱瞞行蹤是否會成為防疫破口引人關注。
目前臺北市酒店大致分為「便服酒店」、「禮服酒店」、「制服酒店」3大類其中「便服酒店」消費最高若口袋不夠深很難有機會去消費。店內陪酒女郎打扮入時平均3人入包廂消費待上3個小時至少超過6萬元。
至於禮服酒店是便服酒店的「簡易版」同樣3人去消費3小時3到4萬元出頭就可打發因消費中等所以近10餘年內臺北市禮服酒店如雨後春筍佔了北市酒店業一半市場。制服酒店則是敢脫敢玩通常進入包廂後就是脫到底通常喜歡肉慾刺激的年輕人最愛平均1人1小時2到3千元到底但也最引起警方注目所以固定成為臨檢對象。
★中時新聞網關心您：飲酒過量有礙健康！</t>
  </si>
  <si>
    <t>酒店消費確診包廂引起男客上班小時臺北市禮服成為公關小姐出現酒店業到底防疫接觸北市平均</t>
  </si>
  <si>
    <t>消費男客確診包廂便服酒店</t>
  </si>
  <si>
    <t>確診男客便服包廂消費酒店</t>
  </si>
  <si>
    <t>贖回國際去年同期月中</t>
  </si>
  <si>
    <t>利率急速國際板債券也爆贖回潮。金管會17日公佈今年到本月16日為止已有40檔國際板債券提前贖回金額共達16044億美元（約合新台幣4853億元）比去年同期的3檔債券贖回金額128億美元金額爆增124倍以上。</t>
  </si>
  <si>
    <t>利率 急速 國際 板 債券 也 爆 贖回 潮 金管會 17 日 公佈 今年 到 本月 16 日 為止 已 有 40 檔 國際 板 債券 提前 贖回 金額 共 達 16044億 美元 約合 新 台幣 4853億 元 比 去年同期 的 3 檔 債券 贖回 金額 128億 美元 金額 爆 增 124 倍 以上</t>
  </si>
  <si>
    <t>贖回債券金額國際金管會約合台幣提前今年本月公佈去年同期利率以上</t>
  </si>
  <si>
    <t>利率急速國際板債券也爆贖回潮。金管會17日公佈今年到本月16日為止已有40檔國際板債券提前贖回金額共達16044億美元（約合新台幣4853億元）比去年同期的3檔債券贖回金額128億美元金額爆增124倍以上。
證期局副局長張振山表示主要就是利率下降過去國際板債券發行利率若較高發行人即可能考慮提前贖回。
不過有些發行人提前贖回國際板債券亦有新發債券借新還舊2月共有28檔國際債券發行金額共達11619億美元（即約新台幣3515億元發行金額不僅較去年同期成長近158倍也應該是國際板創板以來單月最大發行量。
從去年第四季開始就因債券殖利率走低加上低利率環境加劇不少國際板債券開始行使提早贖回權據證期局統計去年9到12月的共有36檔國際板債券提前贖回金額達10968億美元（約新台幣3318億元）是前年同期的40倍壽險業者原本預估去年第四季到今年全年應有逾新台幣1兆元的國際板債券要提早贖回。
今年初又因新冠肺炎疫情蔓延各國央行降息、推出貨幣寬鬆政策更加劇債券贖回潮到3月16日為止國際板債券已贖回40檔贖回金額達新台幣4853億元即不到三個月時間贖回金額超過去年最後四個月的贖回量且半年多的時間贖回金額已逾新台幣8171億元。
3月美國又無預警降息利率逼近0恐加速債利贖回今年可能會超過壽險業預估的贖回量。</t>
  </si>
  <si>
    <t>贖回債券國際利率金額台幣去年今年發行降息加劇四季開始壽險業提前共有預估</t>
  </si>
  <si>
    <t>贖回國際板債券提前贖回新台幣國際板</t>
  </si>
  <si>
    <t>提前贖回國際債券台幣</t>
  </si>
  <si>
    <t>自費公佈陳時中社區診所措施</t>
  </si>
  <si>
    <t>我國疫情持續嚴峻原本5月中旬時每日PCR檢驗量能僅有2萬7000餘件中央流行疫情指揮中心指揮官陳時中表示經過整備後每日通報數從6534件提升至3萬228件、PCR檢驗量能從2萬7682件提升至8萬307件、社品篩檢站從3</t>
  </si>
  <si>
    <t>疫情提升pcr檢驗原本月中中心指揮官指揮表示陳時中流行整備中央通報嚴峻持續我國</t>
  </si>
  <si>
    <t>我國疫情持續嚴峻原本5月中旬時每日PCR檢驗量能僅有2萬7000餘件中央流行疫情指揮中心指揮官陳時中表示經過整備後每日通報數從6534件提升至3萬228件、PCR檢驗量能從2萬7682件提升至8萬307件、社品篩檢站從3站提升至111站、專責病房從2412間提升至5494間居家隔離時效從323天提升至2天。
陳時中提及希望檢驗把潛藏的病例發掘出來措施包括廣設篩檢站、協助企業自主快篩、導入診所自費快篩、引進在家快篩等他也說已有2家廠商申請在家快篩機制將盡快完成審查。
陳時中提及如果自己篩檢陽性要自己去篩檢站做PCR至於國稅局擬從6月15日開放臨櫃報稅他呼籲大家盡量線下申報、另外國稅局如要臨櫃申辦時包括人流管理應該要做好。
陳時中提及目前PCR及快篩後來結果比較大概都只有7成「使用上要小心」。</t>
  </si>
  <si>
    <t>pcr提升檢驗時中提及包括國稅局疫情臨櫃在家中心指揮指揮官陳時中報稅呼籲表示原本都只</t>
  </si>
  <si>
    <t>社區廣篩新冠肺炎台灣陳時中</t>
  </si>
  <si>
    <t>肺炎臺灣陳時中社區</t>
  </si>
  <si>
    <t>保戶提供共同關懷壽險應變服務措施郵政</t>
  </si>
  <si>
    <t>為關懷保戶並協助民眾度過新冠肺炎疫情衝擊中華郵政公司對壽險保戶與房貸客戶提供多項關懷服務措施。一、放寬理賠措施中華郵政銷售之日額型住院醫療保險商品對於被保險人因新冠肺炎住院所生之日額型住院醫療</t>
  </si>
  <si>
    <t>郵政中華保戶肺炎關懷住院提供客戶服務措施放寬理賠壽險措施公司醫療保險度過商品銷售對於衝擊疫情民眾被保險人協助</t>
  </si>
  <si>
    <t>為關懷保戶並協助民眾度過新冠肺炎疫情衝擊中華郵政公司對壽險保戶與房貸客戶提供多項關懷服務措施。
一、放寬理賠措施中華郵政銷售之日額型住院醫療保險商品對於被保險人因新冠肺炎住院所生之日額型住院醫療費用除將依條款規定理賠外另針對被保險人確診新冠肺炎之理賠採從寬給付原則：
（一)因新冠肺炎入住「負壓隔離病房」者將從寬比照加護病房住院予以理賠提供全面保障。
(二)經醫師診斷確診新冠肺炎必須入住醫院並辦理住院手續但因醫院滿載而入住防疫旅館或檢疫所經被保險人提供確診新冠肺炎診斷證明書及檢疫所或防疫旅館入出住證明即可申請住院保險金。
二、寬延繳納保險費經確認罹患新冠肺炎之保戶及非自願性失業者得個別檢具證明檔申請於寬限期間屆滿(自保險費當期繳費日起算3個月)再給予3個月延長繳納保險費之寬限期間。
三、新增之保單借款免息3個月經確認罹患新冠肺炎之保戶及非自願性失業者自事件發生日起3個月內得個別檢具證明文件申請新增之保單借款免息3個月。
四、房貸戶緩繳本金1年經確認罹患新冠肺炎或受疫情影響致還款困難之房貸借款人自事件發生日起3個月內得個別檢具證明文件經申請及審理後房貸本金得緩繳1年。
詳細資訊請致電中華郵政公司客服專線。</t>
  </si>
  <si>
    <t>肺炎住院理賠申請提供中華郵政保戶保險費被保險人從寬證明文件確認確診繳納檢具旅館防疫寬限個別期間</t>
  </si>
  <si>
    <t>保戶新冠肺炎理賠申請關懷</t>
  </si>
  <si>
    <t>肺炎理賠申請關懷保戶</t>
  </si>
  <si>
    <t>陸網足球口罩日本真不球迷</t>
  </si>
  <si>
    <t>日本J1聯賽昨日拉開帷幕揭幕戰湘南海洋主場2-3不敵浦和紅鑽。此役湘南BMW平塚競技場的球票幾乎被搶購一空有15000名球迷到現場觀戰並且絕大多數都佩戴口罩。大陸網民對此極表佩服：「日本人真不怕呀！」而且「</t>
  </si>
  <si>
    <t>湘南日本佩服對此拉開帷幕大陸口罩揭幕戰佩戴觀戰現場球迷搶購一空海洋幾乎球票主場競技場</t>
  </si>
  <si>
    <t>日本J1聯賽昨日拉開帷幕揭幕戰湘南海洋主場2-3不敵浦和紅鑽。此役湘南BMW平塚競技場的球票幾乎被搶購一空有15000名球迷到現場觀戰並且絕大多數都佩戴口罩。大陸網民對此極表佩服：「日本人真不怕呀！」而且「這麼多人聚集光戴口罩也沒什麼用呀！」
據微博《新浪體育》報導日本J1聯賽揭幕戰有15000人到場觀戰全場幾乎滿座。由於新冠肺炎疫情的影響多數球迷都佩戴口罩。湘南海洋主場也採取了一系列的防禦措施在球場的入口處引導人員使用擴音器要求觀眾戴上口罩並將酒精消毒液噴灑在觀眾手部。從轉播畫面中可以看出座位上絕大多數的球迷佩戴口罩觀賽。
對於足球也非常盛行的中國大陸許多大陸球迷對於日本球迷的熱情與勇氣非常佩服。網友評論稱「現在疫情那麼嚴重還這麼聚眾真是為了看球嗎？也不想想其他人？希望有關部門管管。」
由於才發生23人鑽石公主號人員未檢測就下船的情況日本官員為此出面道歉大陸網友嘲諷說「通過這一段對疫情的觀察發現日本並沒有對疫情很在意就如兒童過家家似的竟然會讓二十三名沒有經過檢測的人下了郵輪不知道日本的管理人員工作能力就這麼差嗎？這不算太大的問題竟然還有15000人戴口罩看足球賽 的事情發生我是真的無語了。」「感覺日本還是沒有足夠重視疫情雖然帶了口罩但是人太多了太密集了傳播機率還是很大的」「這些人都不要命了嗎？這麼多人聚集戴口罩的意義不大。」</t>
  </si>
  <si>
    <t>日本口罩疫情球迷大陸湘南沒有佩戴人員幾乎發生觀眾佩服竟然網友檢測非常</t>
  </si>
  <si>
    <t>新冠肺炎武漢肺炎新型冠狀病毒NCP日本</t>
  </si>
  <si>
    <t>肺炎武漢冠狀病毒ncp日本</t>
  </si>
  <si>
    <t>升級一般防疫病房醫院新樓全面禁止探病麻豆</t>
  </si>
  <si>
    <t>為加強防堵新冠肺炎疫情降低社區感染風險台南市麻豆新樓醫院配合台南市政府規定24日起除加護病房有特殊探視需求一般病房全面禁止探病。麻豆新樓醫院表示住院病人每日可有一人登記陪病於院內活動須配戴「</t>
  </si>
  <si>
    <t>病房台南醫院麻豆新樓肺炎疫情登記降低社區可有院內感染住院病人風險表示一般規定全面禁止</t>
  </si>
  <si>
    <t>為加強防堵新冠肺炎疫情降低社區感染風險台南市麻豆新樓醫院配合台南市政府規定24日起除加護病房有特殊探視需求一般病房全面禁止探病。
麻豆新樓醫院表示住院病人每日可有一人登記陪病於院內活動須配戴「陪病證」加護病房探病時間為上午11點至11點30分探視親友也需配戴「探病證」登記後入院。
此外若經醫師醫療專業評估有其急迫性、必要性者將由院內醫院同仁與親友聯繫請盡可能以電話或視訊方式關懷親友請民眾配合與體諒一同為防疫努力。</t>
  </si>
  <si>
    <t>親友醫院探病配合病房登記院內台南探視配戴麻豆新樓肺炎疫情降低社區感染民眾風險方式關懷</t>
  </si>
  <si>
    <t>新冠肺炎社區感染台南市麻豆新樓醫院探病</t>
  </si>
  <si>
    <t>南市感染麻豆社區肺炎新樓醫院探病</t>
  </si>
  <si>
    <t>女友傳出官兵台南擴大疫情艦隊烏龍敦睦確診</t>
  </si>
  <si>
    <t>敦睦艦隊疫情再擴大？台南市長黃偉哲視察封館消毒後今天重新開業的新光三越新天地暗示台南未來２周沒有鬆懈本錢防疫專線昨天接獲400多通相關諮詢電話顯見民眾恐慌心態他也坦言擔憂後續可能有相關個案發生</t>
  </si>
  <si>
    <t>台南相關擴大可能後續市長坦言擔憂黃偉哲心態視察恐慌消毒民眾今天顯見重新電話開業新光專線防疫三越</t>
  </si>
  <si>
    <t>敦睦艦隊疫情再擴大？台南市長黃偉哲視察封館消毒後今天重新開業的新光三越新天地暗示台南未來２周沒有鬆懈本錢防疫專線昨天接獲400多通相關諮詢電話顯見民眾恐慌心態他也坦言擔憂後續可能有相關個案發生。
上午一度傳出一名來過台南的官兵確診後女友也傳出確診不過相關單位未證實強調一切由中央流行疫情指揮中心公佈為主下午2點揭曉並沒有傳出官兵女友確診應為誤傳。</t>
  </si>
  <si>
    <t>台南相關傳出沒有疫情確診官兵女友擴大市長消毒開業重新今天黃偉哲新光三越專線指揮流行防疫昨天民眾</t>
  </si>
  <si>
    <t>陳時中本土樂觀案例疫情觀察</t>
  </si>
  <si>
    <t>連假後的疫情是否樂觀？據統計目前的採檢量每日近2000例但個案數相對少中央流行疫情指揮中心指揮官陳時中表示：「民眾確實不用太恐慌但小心仍是好的」。現階段也正好可好好查一查過濾一下過去的案例境外移入</t>
  </si>
  <si>
    <t>疫情過去過濾查一樂觀統計目前案例小心恐慌不用個案確實民眾表示相對陳時中中央指揮官</t>
  </si>
  <si>
    <t>連假後的疫情是否樂觀？據統計目前的採檢量每日近2000例但個案數相對少中央流行疫情指揮中心指揮官陳時中表示：「民眾確實不用太恐慌但小心仍是好的」。現階段也正好可好好查一查過濾一下過去的案例境外移入案例隨著管制措施可發現已在可控範圍內沒什麼大問題本土案例仍待持續觀察。</t>
  </si>
  <si>
    <t>案例疫情樂觀統計目前個案範圍本土相對管制中央流行沒什麼問題指揮中心表示指揮官</t>
  </si>
  <si>
    <t>連假樂觀本土案例觀察新冠肺炎</t>
  </si>
  <si>
    <t>案例觀察本土樂觀肺炎</t>
  </si>
  <si>
    <t>課程以上台大教學</t>
  </si>
  <si>
    <t>大專校院首例！中原大學16日緊急宣佈下週二（24日）起全校含研究所都採取「類非同步遠距教學」且取消期中、期末考。台大也宣佈4月6日起百人以上課程遠距教學。中原大學下週二起含研究所全部課程改採「類似非同步</t>
  </si>
  <si>
    <t>教學課程中原大學研究所宣佈週二同步期中台大期末取消採取全校以上緊急首例類似校院</t>
  </si>
  <si>
    <t>大專校院首例！中原大學16日緊急宣佈下週二（24日）起全校含研究所都採取「類非同步遠距教學」且取消期中、期末考。台大也宣佈4月6日起百人以上課程遠距教學。
中原大學下週二起含研究所全部課程改採「類似非同步遠距教學」的彈性授課取消期中期末考改以報告、作業、討論、線上考試等方式取代。體育課授課內容統一改為「維護疫情間之體能健康」以學生到自訂健康目標或報告來打分。
據瞭解所謂「類似非同步遠距教學」是老師先用錄影錄下上課內容或將各項教材數位化。
另台大表示因應全球疫情發展4月6日起百人以上課程採遠距教學。除了錄製課程內容上傳台大網路教學平臺NTU COOL外教務處將提供各授課教師訊連科技簡報軟體U Webinar和U Meeting的平臺帳號俾益所有老師可以同步遠距討論。台大並強調未來將視疫情發展若有需要不排除所有課程均遠距教學。
台大教務處數位學習中心此前已開設「數位TA訓練課程」邀請所有100人以上課程的助教在3月20日前上完課。台大並強調為確保學生學習權益大家應充份利用數位資源「無論疫情如何發展學習都不會中斷。」</t>
  </si>
  <si>
    <t>教學疫情課程授課學習同步發展數位內容報告教務處平臺討論學生台大以上台大並強調老師中原大學研究所</t>
  </si>
  <si>
    <t>復蘇反彈</t>
  </si>
  <si>
    <t>疫情大陸經濟受到出現恢復活動下降降幅出廠價格控制工業品月份中國專家下挫分析大幅</t>
  </si>
  <si>
    <t>大陸經濟月份疫情需求下降復蘇反彈分析批發價格出現資料表示ppi經濟學家全球報導國內外</t>
  </si>
  <si>
    <t>臺灣失守蘇偉碩總統政要下令鎖國防疫</t>
  </si>
  <si>
    <t>衛福部桃園醫院爆發群聚感染精神科醫師蘇偉碩先前就建議疫情指揮官陳時中應考慮下令鎖國一週。如今影響持續擴大昨（24）日更緊急下令5000人強制居家隔離加上南非與美國又有境外移入病例。對此蘇偉碩再次諫</t>
  </si>
  <si>
    <t>下令蘇偉碩感染精神病例醫師境外先前爆發美國南非建議加上疫情隔離指揮官居家陳時中強制擴大持續</t>
  </si>
  <si>
    <t xml:space="preserve">衛福部桃園醫院爆發群聚感染精神科醫師蘇偉碩先前就建議疫情指揮官陳時中應考慮下令鎖國一週。如今影響持續擴大昨（24）日更緊急下令5000人強制居家隔離加上南非與美國又有境外移入病例。對此蘇偉碩再次諫言喊話總統蔡英文「該下令鎖國了」。
衛福部桃園醫院疫情出現轉變蘇偉碩今在臉書表示昨天出現兩位感染源不明的確診者中央流行疫情指揮中心下令擴大部立桃園醫院相關人員進行居家隔離並在期滿或出現疑似症狀時接受採檢。
由於此次匡列人數眾多並非指揮中心能夠全盤掌握蘇偉碩呼籲大家協助轉發緊急通知讓在1月6日開始曾去過衛福部桃園醫院住院或陪伴的民眾及同住家屬趕緊和1922聯絡並進行居家隔離。如果已超過14天除了再保持7天的自主健康管理外也要趕緊回想紀錄自己這段時間的足跡通報給1922紀錄並聽候通知進行隔離及採檢。
蘇偉碩也提醒所有服務都是免費的不要聽信電話自稱是政府或防疫人員要求轉帳或操作自動提款機（ATM）有疑問時先掛斷電話詢問165反詐騙專線。
雖然蔡總統和指揮官陳時中看不到蘇偉碩PO文但他仍呼籲昨3例境外移入都是來自南非和美國這兩地都是變種病毒肆虐的地方而台灣的防疫體系已證明無法嚴守變種病毒入侵醫療體系和社區因此蔡總統應下令啟動國安機制協助指揮中心防疫並即刻宣佈鎖國。同時蘇偉碩也在蔡英文和行政院蘇貞昌院長的臉書留言建議鎖國。
《南非與美國又有境外移入病例蔡總統該下令鎖國了》
《通知緊急隔離全民協助總動員》
</t>
  </si>
  <si>
    <t>蘇偉碩下令鎖國隔離總統防疫醫院出現桃園疫情指揮中心進行協助居家趕緊人員南非體系感染指揮官</t>
  </si>
  <si>
    <t>蘇偉碩鎖國新冠肺炎蔡英文衛福部桃園醫院</t>
  </si>
  <si>
    <t>肺炎蔡英文衛福部桃園鎖國蘇偉碩醫院</t>
  </si>
  <si>
    <t>痛斥who公佈一錯再錯陳時中</t>
  </si>
  <si>
    <t>台灣在去年12月31日從社群網路得知武漢發生7例非典型肺炎案例並接受隔離治療同日以電子郵件通報世界衛生組織(WHO)由於通報信中未明說「人傳人」然而有提及病患正在進行隔離治療希望WHO提高警覺要求其提供</t>
  </si>
  <si>
    <t>who治療隔離通報網路得知武漢發生非典型肺炎希望案例明說傳人接受提及正在同日進行電子提高</t>
  </si>
  <si>
    <t>台灣在去年12月31日從社群網路得知武漢發生7例非典型肺炎案例並接受隔離治療同日以電子郵件通報世界衛生組織(WHO)由於通報信中未明說「人傳人」然而有提及病患正在進行隔離治療希望WHO提高警覺要求其提供進一步資訊。
然而WHO否認我國曾警告COVID-19(新冠肺炎)可能人傳人中央流行疫情指揮中心指揮官陳時中表示由於SARS的經驗讓我們對本次疫情訊息感到高度警惕因此隨即在2019年12月31日以電郵方式通報世界衛生組織(WHO)「國際衛生條例」(IHR)聯繫視窗要求其提供進一步資訊為求慎重我方在電郵中特別提及「非典型肺炎」、尤其「病患已進行隔離治療」公衛專業人員即能由此研判該等病例有「人傳人」的可能但我國當時尚未有確診病例無法直接明示該疾病已人傳人。
陳時中指出疾管署也在1月中旬派遣專家去武漢瞭解疫情狀況、防治作為及病患暴露史。依據初步的研究我們研判該肺炎確實會人傳人。
陳時中強調隔離治療已是警訊既然非會員國的台灣已經警告WHO了那身為會員國的中國大陸是否有告知？若沒有是否是在隱瞞疫情？反之那就是WHO的失職呼籲WHO不要一錯再錯應秉持專業來做事。
專家諮詢小組召集人張上淳表示我國2位專家1月去武漢考察發現當地有人傳人現象當地官員卻強烈否認然而北京官員親臨武漢考察卻發現有限度人傳人之後大陸改口證實WHO也才公開警告病毒會有限度人傳人。</t>
  </si>
  <si>
    <t>who疫情傳人武漢治療隔離我國專家警告專業表示通報非典型肺炎病例否認大陸肺炎</t>
  </si>
  <si>
    <t>新冠肺炎武漢肺炎新型冠狀病毒台灣WHO</t>
  </si>
  <si>
    <t>肺炎武漢冠狀病毒臺灣who</t>
  </si>
  <si>
    <t>疫情中下旬南山高峰</t>
  </si>
  <si>
    <t>大陸新冠肺炎確診病例雖已出現下降的趨勢但武漢當地似乎並未停止「人傳人」。大陸抗SARS專家鍾南山18日強調武漢內外的危重病人情況其實差不多武漢並非發生病毒變異應是一下子病人太多得不到很好的照顧；85</t>
  </si>
  <si>
    <t>武漢病人大陸病例確診應是出現變異下降病毒趨勢傳人並非sars專家當地發生似乎並未停止南山差不多其實危重</t>
  </si>
  <si>
    <t>大陸新冠肺炎確診病例雖已出現下降的趨勢但武漢當地似乎並未停止「人傳人」。大陸抗SARS專家鍾南山18日強調武漢內外的危重病人情況其實差不多武漢並非發生病毒變異應是一下子病人太多得不到很好的照顧；85%病人若有適當的生命支援與治療條件、營養病情應可獲得改善。
廣東省政府新聞辦18日在廣州舉行疫情發布會出席的大陸國家呼吸系統疾病臨床醫學研究中心主任、中國工程院院士鍾南山認為目前武漢仍為關鍵「8成的病人在武漢9成死亡率在武漢武漢現在看來還並沒有停止人傳人」；當務之急「一是正常人和病人分開二是新冠肺炎病人和流感病人分開」。
可採用康復病患血漿
在治療藥物方面鍾南山表示磷酸氯口奎稱不上特效藥但是非常值得探討的藥。相較於一些西藥在實驗室有效進入人體後無效蓮花清瘟膠囊等中藥已常用在新冠肺炎臨床治療且使用後顯示「能減少病毒進入細胞減輕炎症症狀」。
「我很重視中藥的作用一旦有證據中藥是可以放心用的。」鍾南山並提到使用康復病人的血漿「這是比較老的方法也比較安全」尤其針對重症病人而言但垂危病人則不適用。
在鍾南山口中目前來看85%病人若有適當的生命支援與治療條件、營養病情應可獲得改善；危重病人占5%左右「病死率約在25%」。武漢並非發生病毒變異應是一下子病人太多得不到很好的照顧。「如果給很好的生命支持隨著時間過去就算沒有特效藥病毒的載量也會慢慢下降。」
此外大陸的新冠肺炎疫情來勢洶洶兩岸民眾紛紛陷入疑慮、甚至集體恐慌的情緒。本報特別針對各界最為關注與生活息息相關的各項防疫課題把鍾南山的觀點看法採用問答的方式一一列出與讀者、民眾廣為分享。
戴口罩做好個人防護
Q1：新冠肺炎疫情的拐點（轉折點）何時出現？
A：到了峰值不等於到了「拐點」！鍾南山團隊初步估計二月中或二月中下旬南方應會達到峰值；達到峰值不見得說它馬上會下降。達到峰值是指積累的病例或者說新增的病例。大陸全國應也是二月中下旬達到峰值。也可能隨著勞工（節後）的大流動會不會再出來一個高峰我個人的估計大概不會。因為現在流動過程中也採取了非常嚴格的檢測措施隔離措施不太容易出現一個大高峰（互相傳染、聚集性感染）。
Q2：新冠肺炎何以如此兇猛？A：新冠病毒對病人的肺部有實質性的損傷、產生的肺黏液阻礙氣道通暢等方面比SARS病人難治。主要是病人重複互相感染、感染病例增速較快有關。此外醫護人員無法在早期對病人進行氧療等適當治療病情發展至終末期才進入重症病房導致病死率高。危重病人一拖下去病毒造成持續的損傷比SARS的救治難度更大。
Q3：如何做好個人防護？
A：1搭乘電梯一定要戴口罩。
2一定要頻繁為電梯間消毒特別是按鈕區。
3至餐廳坐下吃飯的最後一刻才脫口罩。
4餐廳裡避免面對面就餐避免就餐說話。
5辦公室裡配戴口罩談話保持適度距離。
6辦公室隨時保持良好通風並針對門把、鍵盤滑鼠、文具、桌面進行必要酒精消毒。
7莫忘勤洗手、多用酒精消毒。
8多運動少熬夜。</t>
  </si>
  <si>
    <t>病人南山病毒武漢口罩治療大陸肺炎進入峰值病例sars消毒下降出現危重中藥疫情個人</t>
  </si>
  <si>
    <t>大陸病人峰值肺炎病毒</t>
  </si>
  <si>
    <t>大陸肺炎峰值病人病毒</t>
  </si>
  <si>
    <t>購物天價轉賣阻擋口罩日政府</t>
  </si>
  <si>
    <t>日本各地仍閙口罩荒網上卻仍有不少人高價轉賣。日本政府要求網購公司加以控管禁止高價轉賣但上有政策下有對策無論網購公司如何控管不肖業者仍有漏洞可鑽繼續賺災難財。日本《週刊文春》電子報訪問到哄抬</t>
  </si>
  <si>
    <t>日本高價公司轉賣控管電子週刊災難繼續漏洞訪問業者不肖要求日本政府禁止加以</t>
  </si>
  <si>
    <t>日本各地仍閙口罩荒網上卻仍有不少人高價轉賣。日本政府要求網購公司加以控管禁止高價轉賣但上有政策下有對策無論網購公司如何控管不肖業者仍有漏洞可鑽繼續賺災難財。
日本《週刊文春》電子報訪問到哄抬口罩價格的轉賣業者1名20多歲的男性表示轉賣口罩實際上3個人只工作1天就有超過100萬日圓進帳。他開車到處買到7千片各種不同的口罩已全部賣光。進貨總額約35萬日圓（約台幣9萬7千多元）銷售額為110萬5千日圓（約台幣30萬6千多元）光利潤就有80萬日圓（約台幣22萬2千元）。
他還透露現在有很多藥房規定1人限買1盒他就多跑幾趟或是在門口拜託路人幫他買。聽說同行還有人透過醫護人員將醫院的「3M」拿出來轉賣醫療用口罩1片100日圓左右現在賣到1片500、600日圓。還有朋友在雅虎拍賣網站上50片裝的口罩賣5萬日圓（約台幣1萬3千880元）。
日本政府要求網購公司要防止高價轉賣之事雅虎、亞馬遜（Amazon）、merukari等網購公司都宣佈若發現轉賣口罩的可疑帳號便禁止出品之後網上的口罩價格確實跌了。結果居然有業者將口罩價格標低但調高運費價格以變相的方式高價出售口罩利潤和過去一樣。例如2千日圓的口罩運費設定1萬日圓等。
此外還有人直接在推特等社群網站上交易。還有住在日本的中國人將口罩轉賣到大陸去不僅是口罩他還聽說日本的酒精手指消毒劑價格在大陸飇漲到3倍大陸因為封城的原因民眾只好宅在家裡使得任天堂的遊戲機「Nintendo Switch」的價格也高漲。</t>
  </si>
  <si>
    <t>口罩轉賣價格日圓日本還有高價公司業者大陸聽說台幣網站現在運費網上</t>
  </si>
  <si>
    <t>轉賣日圓口罩高價網購</t>
  </si>
  <si>
    <t>日圓口罩高價轉賣</t>
  </si>
  <si>
    <t>到底沒有社區感染臺灣</t>
  </si>
  <si>
    <t>新冠肺炎社區感染爆發是決定地區是否大流行的關鍵疫情才會達到頂點頂點後才有下來的希望。台灣到底有沒有社區感染爆發？官方與醫界的看法是有分歧的官方一向只承認有零星社區感染醫界則強烈懷疑早已有社區感</t>
  </si>
  <si>
    <t>社區感染爆發官方才會達到頂點頂點疫情關鍵才有流行下來希望是否臺灣地區到底決定懷疑沒有分歧承認強烈</t>
  </si>
  <si>
    <t>新冠肺炎社區感染爆發是決定地區是否大流行的關鍵疫情才會達到頂點頂點後才有下來的希望。台灣到底有沒有社區感染爆發？官方與醫界的看法是有分歧的官方一向只承認有零星社區感染醫界則強烈懷疑早已有社區感染爆發。
台灣新冠肺炎防疫政策最大的不足是檢驗量能一直無法有效提升原因是快篩一直沒法到位靠著傳統檢驗方法撐著量能大不起來。篩檢的四大族群有症狀接觸者、社區獲得性肺炎、上呼吸道感染、無症狀接觸者台灣僅有的檢驗量能全用在感染者與有症狀接觸者的刻花上。社區獲得性肺炎在3月29日才由陳時中部長口中說出可以篩查這還是醫界催了3個月才有的結果其他族群想篩查難度更高。
所以說穿了台灣根本沒有篩查社區病例的能力當然沒法偵測是否有社區感染爆發這項缺點指揮中心是心知肚明的。解決方法是對現有檢驗量能做了最有效運用僅篩查有症狀個案與接觸者無症狀個案沒法找來篩無症狀接觸者則以居家隔離替代篩查。這樣勤儉持家的作法可以有效運用資源但仍無法解答是否有社區感染爆發的疑慮。
在社區感染爆發的謎底尚未揭曉之前指揮中心其實非常焦慮做出的政策常會搖擺於零星社區感染與社區感染爆發之間。嚴格社交距離、停課政策、停業政策、停止媽祖繞境及大型集會遊行都是在具有社區感染爆發的政策在零星社區感染時就推出是焦慮行為但很容易被合理化為超前部署人民的權益損失就自認倒楣了。
在焦慮的氛圍下唯一一次美麗的意外是清明節連假。本該焦慮著依超前部署的原則嚴格下達清明連假的旅運及集會規範但只公佈維持社交距離及人口密集機構全面口罩政策等軟性政策並未下禁足令造成多處風景區塞爆了意外獲得解放的人民。
這次意外並不是錯誤是天上掉下來的餡餅。讓我們得以驗證到底現在台灣有沒有社區感染爆發。又這麼巧陳部長剛好在3月29日就開放社區獲得性肺炎可以篩查新冠病毒醫療院所在4月5日後的14天內卯起來篩查只要在這段時間內台灣每週新增病例仍然維持小於11%的常規社區感染比例台灣就真正的沒有社區感染爆發也解除了指揮中心與醫界的疑慮。
如果真能如此台灣的社區疫情清零應該很快會到來成為繼中國大陸之後第2個社區清零的地區。在即將到來的疫情綏靖時期有限的檢驗量能變成充裕必須把守在接觸者的擴大篩查不但要向症狀發生前撈接觸者還應該對每位接觸者均執行病毒篩查因為此時已經沒有資格再忽視無症狀感染者了。
台灣對新冠肺炎防疫走到現在若真能證實沒有社區感染爆發大概疫情就將近尾聲了。期間雖有波折但瑕不掩瑜整體結果還是可圈可點。綏靖時期對於過往僥倖逃過的不足之處應該改善有些為保持戰果所必須甚至要比防檢疫時期執行得更嚴格；有些則必須要放以回復經濟活力綏靖時期防疫是必須兼顧經濟與民權的。（作者為中華民國防疫學會榮譽理事長）</t>
  </si>
  <si>
    <t>社區篩查感染臺灣爆發政策接觸症狀焦慮疫情沒有必須時期肺炎檢驗防疫嚴格應該</t>
  </si>
  <si>
    <t>爆發有社區社區感染肺炎篩查</t>
  </si>
  <si>
    <t>社區感染肺炎篩查爆發</t>
  </si>
  <si>
    <t>悄悄規劃東奧延期方案路透</t>
  </si>
  <si>
    <t>新冠肺炎疫情擴散全球外界關注東京奧運能否於今年夏天如期舉行相較於日本政府重申不會延期路透社引述2名熟知內情的消息人士指出東京奧運主辦方正在悄悄規劃奧運延期的可能方案。一名親近東奧組委會的匿名日</t>
  </si>
  <si>
    <t>奧運延期東京擴散親近全球方案外界可能關注疫情相較能否日本政府重申如期舉行今年東奧路透社引述夏天指出消息人士熟知內情規劃肺炎悄悄</t>
  </si>
  <si>
    <t>新冠肺炎疫情擴散全球外界關注東京奧運能否於今年夏天如期舉行相較於日本政府重申不會延期路透社引述2名熟知內情的消息人士指出東京奧運主辦方正在悄悄規劃奧運延期的可能方案。
一名親近東奧組委會的匿名日本官員透露組委會被要求為延期進行模擬計畫。他說替代方案可能包含B、C、D主要根據延遲的時間而定另外計畫也包含估算奧運延期的成本。
可能方案也包含縮減奧運規模或是在不開放觀眾進場的情況下如期舉行匿名官員說東京奧運組織委員會將會在3月底討論這些選項。
另一名匿名消息人士也證實東奧組委會正在討論延期舉行的可能性包含延期1至2年部分組委會成員則希望延後1個月或45天。
針對報導東奧組委會、國際奧林匹克委員會（International Olympic Committee）以及日本政府等都尚未回應。
國際奧會主席巴赫（Thomas Bach）昨（21）日才堅稱奧運應該如期舉行更稱取消奧運將會摧毀運動員夢想。
路透社引述2名東奧組委會成員指出必須盡快做出是否延期決定警告時間拖得愈久要進行的準備工作愈多將導致相關的取消費用飆升。
不過參與延期規劃的日本官員也透露如果延期的時間拖得愈久可能會引發年紀較長的運動員不滿並且必須想辦法留住贊助商另一個頭大問題是選手村。
目前2021年夏季的時程表已相當滿2022年則會遇上世界盃足球賽還有北京冬奧。
路透社指出東京奧運究竟會否如期舉行最終將由國際奧會決定不過日本的態度也會有影響。</t>
  </si>
  <si>
    <t>奧運延期組委會如期舉行東京東奧可能包含路透社指出匿名時間日本方案官員必須日本政府運動員進行取消討論消息人士成員決定</t>
  </si>
  <si>
    <t>監控電子htc中心deepqline指揮助攻疫情</t>
  </si>
  <si>
    <t>(17:40更新補入HTC回應)新冠肺炎(COVID-19)疫情升溫台灣到底守不守得住這一波境外移入疫情？中央流行疫情指揮中心資訊組組長簡宏偉在今(18)日下午的疫情中心記者會中宣佈針對高科技數位元防疫讓檢疫追蹤能更精</t>
  </si>
  <si>
    <t>疫情中心檢疫防疫數位肺炎高科技covid-追蹤宣佈升溫臺灣回應得住不守到底境外記者會資訊下午簡宏偉組組長</t>
  </si>
  <si>
    <t>防疫民眾line資訊居家系統檢疫疫情入境htc提供透過相關關懷電子追蹤開發健康方面監控簡宏偉還有肺炎中心</t>
  </si>
  <si>
    <t>疫情防疫電子圍籬監控入境</t>
  </si>
  <si>
    <t>電子監控防疫疫情入境</t>
  </si>
  <si>
    <t>申請az施打預期時間曝光</t>
  </si>
  <si>
    <t>英國阿斯特捷利康公司（AstraZeneca）昨（29）日宣佈將在今年稍後向美國申請AZ疫苗的藥證不過他們也不預期之後會在美國被大量施打強調拿到藥證能夠提升AZ的重要性。綜合路透社、印度《商業標準日報》（Busines</t>
  </si>
  <si>
    <t>美國azastrazeneca印度路透社宣佈綜合公司重要性今年商業稍後提升能夠申請拿到之後疫苗強調施打預期捷利康</t>
  </si>
  <si>
    <t>英國阿斯特捷利康公司（AstraZeneca）昨（29）日宣佈將在今年稍後向美國申請AZ疫苗的藥證不過他們也不預期之後會在美國被大量施打強調拿到藥證能夠提升AZ的重要性。
綜合路透社、印度《商業標準日報》（Business Standard）報導阿斯特捷利康昨日公佈AZ疫苗在美國的第三期臨床試驗結果結果顯示防止有症狀感染的保護效力達74%。
阿斯特捷利康發言人昨日也表示將在今年稍後向美國食品暨藥物管理局（FDA）申請AZ疫苗的藥證。
目前美國僅批准輝瑞/BNT、莫德納、嬌生等3款新冠疫苗的緊急使用授權（EUA）其中BNT疫苗更已在8月底獲得藥證全美至今已有185億人完整接種疫苗完整接種比例達564%。
外界先前關注AZ疫苗一直未獲得美國FDA批准EUA美國FDA 5月底時表示未來可能不會再審核尚未提出討論的新疫苗的緊急使用授權。路透社報導當時阿斯特捷利康已經向美國官員提出申請EUA的計畫不過《華爾街日報》（The Wall Street Journal）另外指出阿斯特捷利康計畫跳過EUA申請改申請藥證。
阿斯特捷利康發言人昨日表示「目前美國的疫情以及替代疫苗的供應狀況並不支持申請EUA」因此阿斯特捷利康預計今年稍後申請又稱為「藥證」的藥品上市查驗登記（BLA）。
參與AZ美國臨床試驗的美國約翰霍普金斯大學（Johns Hopkins University）疫苗研究人員杜賓（Anna Durbin）表示她不預期未來美國會大量施打AZ疫苗不過獲得FDA藥證確實能提升AZ疫苗的重要性。
阿斯特捷利康執行長索利歐（Pascal Soriot）7月受訪時就表示將跳過EUA申請直接申請藥證當時他被記者問及為何美國已有足夠的疫苗阿斯特捷利康仍要在美國申請藥證他當時表示AZ是重要的疫苗相信在未來會扮演一定角色因此他們想要申請、取得全面許可。
他那時強調阿斯特捷利康不需要美國的批准來提升AZ疫苗在全球的信譽因為全球已經有170國施打AZ疫苗但是阿斯特捷利康希望在可能被需要的時候做好準備。</t>
  </si>
  <si>
    <t>疫苗美國阿斯特捷利康az申請表示euafda未來批准今年稍後當時提升獲得可能路透社bnt昨日提出強調</t>
  </si>
  <si>
    <t>#新冠肺炎#全球AZ阿斯特捷利康疫苗美國</t>
  </si>
  <si>
    <t>全球az阿斯特捷利康肺炎疫苗美國</t>
  </si>
  <si>
    <t>藝術節童話確診大型活動維持基隆延期</t>
  </si>
  <si>
    <t>新冠肺炎疫情延燒大臺北地區僅基隆市仍維持「0確診」市長林右昌25日在市政會議宣佈取消今年基隆市中小學聯合運動會開、閉幕式活動接下來如2020基隆童話藝術節、市府幹部策勵營等活動都會延期辦理等到疫情</t>
  </si>
  <si>
    <t>基隆活動疫情都會大臺北地區策勵林右昌市政幹部市長藝術節會議市府維持確診童話宣佈取消今年接下來</t>
  </si>
  <si>
    <t>新冠肺炎疫情延燒大臺北地區僅基隆市仍維持「0確診」市長林右昌25日在市政會議宣佈取消今年基隆市中小學聯合運動會開、閉幕式活動接下來如2020基隆童話藝術節、市府幹部策勵營等活動都會延期辦理等到疫情和緩再舉辦。
林右昌表示為減少群聚感染風險原訂3月21日舉辦「市府幹部策勵營」活動將延期並等疫情和緩後再行辦理4月2至5日舉行的「童話藝術節」活動將延期舉行至於基隆市中小學聯合運動會取消開、閉幕儀式其餘賽事正常進行。
緊接著清明掃墓祭祖民政處正研擬相關作法像是延長服務期間以疏散清明掃墓人潮；另針對近來韓國疫情大爆發基市府公務員含約、聘僱人員等適用公務人員任用法之員工24日起禁止休假出國前往中港澳以及疾管署公告的1至3級旅遊警示地區。
針對防疫期間醫療院所控管酒精、酒精棉片及口罩等物資醫護人員口罩戴到耳朵痛洗手洗到乾燥脫皮穿上隔離衣的悶熱、缺氧以及無法隨意喝水、如廁的辛苦和照顧疑似個案的壓力林右昌也特別向醫護人員致敬並祭出對策。
對於醫護人員對醫療口罩的需求林右昌也指示即日起採取「一次發放七天共21個」的方式務必讓醫護人員在對抗疫情時沒有後顧之憂。此外市內330名列管居家檢疫民眾所需口罩也要求一天一片一周共7片務必確實到位最多可一次發放14片。</t>
  </si>
  <si>
    <t>疫情林右昌醫護人員基隆口罩活動市府期間地區清明掃墓務必醫療延期舉辦取消發放辦理童話藝術節和緩舉行幹部</t>
  </si>
  <si>
    <t>新冠肺炎疫情武漢肺炎基隆活動延期口罩</t>
  </si>
  <si>
    <t>肺炎武漢疫情活動基隆延期口罩</t>
  </si>
  <si>
    <t>製造商供糧中興不間斷</t>
  </si>
  <si>
    <t>新冠肺炎的接觸傳染加上政府宣導多數國人為防止人傳人減少外出及外食機率。由於疫情仍未看到終點民眾對未來不確定的恐慌有人是在家裡囤放物資。對此農委會農糧署表示「無驚」。歡迎民眾多買盡量買存</t>
  </si>
  <si>
    <t>民眾加上政府宣導國人防止傳人減少表示外出接觸傳染農委會對此物資家裡疫情仍未</t>
  </si>
  <si>
    <t>新冠肺炎的接觸傳染加上政府宣導多數國人為防止人傳人減少外出及外食機率。由於疫情仍未看到終點民眾對未來不確定的恐慌有人是在家裡囤放物資。對此農委會農糧署表示「無驚」。歡迎民眾多買盡量買存糧足夠可撐九個月。台灣知名品牌中興米製造商聯米企業也表示在全台賣場、超市鋪貨的中興米「24小時」全天供應沒有缺貨問題請民眾安心採購。
農糧署表示依糧食管理法國家備糧不可低於三個月（即30萬公噸）消費量的安全存量目前米庫存量達90萬公噸夠國人九個月所需加上第一期稻作將在4月底陸續收割因此國內米糧供應充裕國人無須擔心。
在國內米市場擁有龍頭地位的聯米企業在疫情尚未爆發時已超前部署於全台賣場、超市自己的貨架派專人全天盯貨並隨時回報米糧供應狀況讓位在彰化的集團總部可以精確掌握市場的供銷情形以利公司彈性調配與支援。
董事長莊麗珠對於身為台灣米食專家有強烈的企業使命感。尤其新冠肺炎來勢洶洶對長期專注在米的研究與堅持米的好品質的中興米而言如何做到企業責人首要米糧完全充分供應不讓大家瘋搶物資協助國人可以安心、放心挺過疫情。
莊麗珠表示在疫情尚未消退前多數民眾還是會選擇在家吃也因此第一季較去年同期公司為獲利成長尤其小包裝的米銷售奇佳。莊麗珠提到有民眾過於擔憂而囤積白米她建議白米買回家還是要趕快吃掉放太久若保存狀態不好會長米蟲。有放脫氧劑的米室溫下可放十個月若是真空包裝建議可先放冷凍庫一周讓蟲卵死掉再拿出來放在陰涼的地方。</t>
  </si>
  <si>
    <t>民眾國人企業供應表示疫情中興米糧公司莊麗珠市場可以尤其建議加上臺灣物資安心全天尚未</t>
  </si>
  <si>
    <t>萬公噸肺炎聯米企業國人米糧</t>
  </si>
  <si>
    <t>米糧肺炎國人企業</t>
  </si>
  <si>
    <t>上市新高導體</t>
  </si>
  <si>
    <t>敦泰(3545)今(11)日法說會因亞洲疫情趨緩全球供應鏈逐步回穩又受惠於智慧型手機傳統旺季敦泰第3季IDC及各項手機及平板電腦相關產品出貨放量市佔率快速提升推升單季營收成長達3816億元季增379%年增</t>
  </si>
  <si>
    <t>手機收成單季提升快速長達亞洲疫情全球供應逐步回穩產品</t>
  </si>
  <si>
    <t>敦泰(3545)今(11)日法說會因亞洲疫情趨緩全球供應鏈逐步回穩又受惠於智慧型手機傳統旺季敦泰第3季IDC及各項手機及平板電腦相關產品出貨放量市佔率快速提升推升單季營收成長達3816億元季增379%年增483%單季每股賺106元創上市後最高紀錄。
敦泰第3季因產品組合相較第2季微幅變動毛利率為2135%較第二季小幅下滑081個百分點但受益於營業額上揚及費用控管得宜單季稅後純益為268億元季增165倍每股純益為106元(依加權股本計算)創敦泰自2013年上市後最高紀錄。
展望未來敦泰認為晶圓代工供應端吃緊且IC供應商有限IDC已轉為賣方市場。同時為反映並轉嫁晶圓等生產成本的上漲敦泰已針對IC產品售價進行調整。在兩個因素加乘的效果之下第4季雖然產能供貨較為吃緊但預期營業額及利潤仍可望維持一定水準。AMOLED觸控IC、電容式指紋及傳統顯示驅動IC產品方面敦泰看好需求亦相當熱絡因此預期整體營收仍有較佳的表現其中敦泰在電容式指紋佈局陸續傳出捷報成功切入多個國際一線品牌廠後市出貨量預期會有相當的成長有機會成為市場上的主力供應商。且敦泰透過與IDC及觸控產品相互搭配可望為客戶提供高度整合的一站式服務為客戶創造最高的附加價值。</t>
  </si>
  <si>
    <t>產品ic預期單季idc營業額可望供應最高客戶吃緊電容式供應商傳統相當手機晶圓</t>
  </si>
  <si>
    <t>敦泰IDC平板電腦AMOLED觸控IC</t>
  </si>
  <si>
    <t>電腦平板amoledidcic</t>
  </si>
  <si>
    <t>專責衛生局醫院基隆陽性</t>
  </si>
  <si>
    <t>基隆市政府日前公佈3間醫院設置快篩站但昨天又說僅基隆市立醫院進行快篩讓民眾霧煞煞對此衛生局長吳澤誠親自說明基隆原有4個篩檢站皆可進行PCR檢測和快篩而市立基隆醫院新成立的篩檢站是專責快篩</t>
  </si>
  <si>
    <t>基隆醫院進行親自說明原有設置檢測對此衛生局長pcr昨天民眾公佈</t>
  </si>
  <si>
    <t>基隆市政府日前公佈3間醫院設置快篩站但昨天又說僅基隆市立醫院進行快篩讓民眾霧煞煞對此衛生局長吳澤誠親自說明基隆原有4個篩檢站皆可進行PCR檢測和快篩而市立基隆醫院新成立的篩檢站是專責快篩目前已有334人預約。
基隆市確診數持續攀升吳澤誠說本土疫情爆發時基隆已在三軍總醫院基隆分院、基隆礦工醫院、基隆醫院、基隆長庚醫院設置篩檢站皆提供PCR檢測和快篩為降低PCR量能前天在基隆市立醫院設快篩站並訂為專門負責快篩的院所。
吳澤誠指出若未來快篩量過多導致基隆市立醫院無法負荷時會先行轉給三軍總醫院基隆分院、基隆礦工醫院進行協助；而目前快篩採線上預約衛生局會提供QR CODE給民眾使用並於每日下午3時陸續通知隔日篩檢時間及地點。
吳澤誠提及目前已有約334人預約快篩已約診270人其中採檢93人僅1人陽性今天預計可以採檢100人預估在明、後天所有預約民眾都能篩檢完畢並會定時在網路上公佈結果。</t>
  </si>
  <si>
    <t>基隆醫院預約民眾目前進行提供pcr公佈設置基隆醫院檢測三軍</t>
  </si>
  <si>
    <t>快篩基隆採檢基隆市立醫院新冠肺炎</t>
  </si>
  <si>
    <t>基隆醫院肺炎</t>
  </si>
  <si>
    <t>病毒王任賢進來</t>
  </si>
  <si>
    <t>台灣防疫已進入積極備戰新冠病毒社區感染的新時期。目前新冠肺炎病人已可以在台灣本土生產不再仰賴「進口」因此失去了診斷病人的最好憑藉無法再以旅遊史辨識病人感染者會無聲無息地鑽到你身邊。此時的防疫政</t>
  </si>
  <si>
    <t>病人臺灣防疫無聲無息感染者辨識最好診斷備戰失去不再進口積極仰賴生產本土肺炎可以社區旅遊時期病毒</t>
  </si>
  <si>
    <t>台灣防疫已進入積極備戰新冠病毒社區感染的新時期。目前新冠肺炎病人已可以在台灣本土生產不再仰賴「進口」因此失去了診斷病人的最好憑藉無法再以旅遊史辨識病人感染者會無聲無息地鑽到你身邊。此時的防疫政策必須由以辨識為主的檢疫走向以防護為主的「減災」方可因應。
台灣新冠病毒防疫做得好嚴格講起來只說對了一半只做好了檢疫。病毒還沒進來前阻絕於境外的動作叫做檢疫。這點台灣做得可好的啟動得早動作做得猛中央流行疫情指揮中心天天開好幾次會每次都有新看點把公務員都累翻了老百姓看了都喊讚。但這種檢疫高牆其實擋不住病毒病毒不需要穿牆依然可以翻牆進來。
社區感染讓我們失去最重要的屏障就是診斷。呼吸道傳染病來無影去無蹤個個長的都一樣唯一不同的是你來自何方。一個類流感病人在地產生或由美國回來的是一般感冒如果由武漢或大陸回來的就是新冠肺炎。沒有了旅遊史連醫生都不可能光由臨床症狀就判斷是否為新冠病毒。
這就是為什麼台灣第19例與第24例病例會發生的原因沒有旅遊史醫生懷疑都不讓送檢造成被動延誤通報卻又被美化成中央疫情指揮中心主動出擊真有夠不害臊。
世界衛生組織在SARS後頒布的呼吸道衛生與咳嗽禮節一直是呼吸道傳染病防控的最高戰略指導原則。在新冠病毒社區化之後防控政策仍能奉此為金標準只不過應執行進階版作為。原版中提示有發燒或呼吸道症狀的人應自覺戴上口罩自覺代表自我診斷這也解決了沒有旅遊史的診斷困擾。這項政策也暗示了口罩是給有症狀的人戴的台灣在還沒有社區感染之前某些官員就跨過疫情指揮中心拍腦門推出一般民眾的口罩政策才造成後來的口罩之亂。
原版自覺戴口罩的提示到了進階版該如何改變？當新冠肺炎社區化之後人口密集機構的入口體溫監測就不見得有用機構內全面口罩政策必須落實包括公共交通工具及室內營業場所都必須提出自己的全面口罩政策落實計畫。公共衛生上政策的落實非常重要沒法落實的政策叫口號政府也該對配合良好的機構給予相對應的優惠例如出現病例時可免於關閉的處分。
利用停辦集會遊行、封城、封樓、封院、封村達到傳染病控制的目標都是不得已的作為在台灣執行起來很難落實結果會只受其害不蒙其利。只要「封口」封得好其他都可避免。社區感染出現時有可能出現重症病患、大量輕症病患及接觸者除了接觸者的檢疫收容中心可以徵用既有機構外台灣的病患不可能以建火神山或方艙醫院來因應醫療院所局部或全面清空及常規病患的居家治療將成為未來重要的收治政策現在開始規畫應該是時候了。
台灣這次的社區感染破口在檢驗量能不足社區感染之後會更不足必須趕緊增加量能及尋找替代診斷方案否則將會成為社區感染爆發的罪魁禍首。
（作者為中華民國防疫學會榮譽理事長）</t>
  </si>
  <si>
    <t>臺灣政策社區感染病毒口罩檢疫診斷機構病人呼吸道中心必須防疫落實沒有傳染病旅遊可以</t>
  </si>
  <si>
    <t>社區感染台灣檢疫落實新冠病毒</t>
  </si>
  <si>
    <t>檢疫落實臺灣感染社區病毒</t>
  </si>
  <si>
    <t>分析病毒藥品有效電腦成分ibm</t>
  </si>
  <si>
    <t>新冠病毒肺炎正在全球迅速擴散世界各國正加速研製治療的特效藥與疫苗。據美國有線電視新聞網(CNN)報導由 IBM 集團研發、配備AI人工智慧能力的超級電腦高峰(Summit)已經分析了數千種藥品配方並辨識出其中77種</t>
  </si>
  <si>
    <t>分析已經summit高峰電腦加速能力研製人工智慧治療ai特效藥配備疫苗研發美國有線電視新聞網集團cnnibm報導藥品肺炎全球迅速擴散世界配方病毒辨識</t>
  </si>
  <si>
    <t>藥物電腦病毒研發ibm研究速度有效高峰能力辨識疫苗目前cnn分析全球人工智慧已經實驗室科學家報導</t>
  </si>
  <si>
    <t>沒有稱出口罩大臣財務關鍵</t>
  </si>
  <si>
    <t>新冠肺炎疫情全球蔓延許多國家出現口罩短缺的狀況而日本財務大臣卻在近日的參院預算會議上說就算出錢也沒有口罩台灣網友對此在PTT上貼文指出2關鍵隨即引發網友熱議。根據日本《共同社》報導新冠肺炎的</t>
  </si>
  <si>
    <t>日本口罩網友肺炎全球蔓延國家出現共同大臣參院短缺預算狀況會議財務近日隨即引發就算關鍵出錢</t>
  </si>
  <si>
    <t>新冠肺炎疫情全球蔓延許多國家出現口罩短缺的狀況而日本財務大臣卻在近日的參院預算會議上說就算出錢也沒有口罩台灣網友對此在PTT上貼文指出2關鍵隨即引發網友熱議。
根據日本《共同社》報導新冠肺炎的因應對策強化是否要重編2020年的政府預算對此日本財務大臣竟回就算出錢也沒有口罩因此否決重編預算的提議。
而台灣網友在PTT上針對此事PO文討論對世界各國來說口罩是夕陽產業亞洲地區大概只剩大陸、台灣和韓國有在做口罩機生產相關設備的公司其實不多而過去無大量生產口罩的日本為因應疫情趕製生產線「這筆開下去可能有點傷」。
再者日本不織布的產能極低塑膠原料高度仰賴進口在市面上可見的日本不織布產品百分之90的原料皆從中台越進口而在原料來源不明的狀況下就算做了機器也可能生不出口罩若你是日本經濟部長你吞的下去？
原PO指出網傳政府開口罩生產線事圖利廠商但實際上若政府一開始就不鳥口罩這件事現在口罩機就會以三到五倍的價格出口到中日韓這才叫做圖利廠商懂嗎？此則貼文曝光許多網友紛紛回應「原來如此」、「謝謝國家隊成員QQ 我現在真的每天抱著 感恩的心在生活」、「身在台灣很幸福」。</t>
  </si>
  <si>
    <t>口罩日本臺灣網友政府預算就算現在進口不織布因應狀況可能指出po圖利廠商疫情下去生產線生產</t>
  </si>
  <si>
    <t>有錢也聲不出口罩口罩財務大臣日本關鍵</t>
  </si>
  <si>
    <t>口罩不出財務大臣日本關鍵</t>
  </si>
  <si>
    <t>被捕道歉詐騙悲慘口罩家世新星埋伏偶像</t>
  </si>
  <si>
    <t>新冠肺炎肆虐防疫物資瘋搶在眾人抵擋災禍之際選秀節目《以團之名》出身的新星黃智博竟行「口罩詐騙」不法取財140萬遭警方逮捕事發後他身分被揭露也遭公司解約昨黃智博親姊在微博po文道歉並解釋前因後</t>
  </si>
  <si>
    <t>黃智博防疫物資眾人抵擋災禍之際肆虐po微博節目出身新星解約</t>
  </si>
  <si>
    <t>新冠肺炎肆虐防疫物資瘋搶在眾人抵擋災禍之際選秀節目《以團之名》出身的新星黃智博竟行「口罩詐騙」不法取財140萬遭警方逮捕事發後他身分被揭露也遭公司解約昨黃智博親姊在微博po文道歉並解釋前因後果悲慘身世因此曝光。
21歲偶像黃智博發災難財假賣口罩真詐騙得手破百萬元本月13日遭警方逮捕目前刑事拘留中而他的親姊姊昨(2/16)用黃智博微博帳號發文解釋來龍去脈表示家裡收入薄弱父母艱難務農供姊弟倆上學然爸爸突然因心臟病病倒兩人為籌醫藥費不得已輟學打工「由於文化程度低、法律知識薄弱也為後來的這件事埋下了伏筆」。
姊姊表示黃智博從小懷抱星夢因此一直邊打工邊學習唱歌跳舞好不容易成了練習生訓練過程花費也不少但姊姊心甘情願努力供給他黃智博也知家裡辛苦所以有時間就去兼差貼補家用背後心酸罕為人知。
而今年春節黃智博返家發現父親身體變差之前醫生已建議要做第二次手術但爸爸當時決定把錢省給兒子追夢姐姐表示：「這時不知道在什麼人的煽動下動了這個念頭在家人都不知情的情況下做出了令人痛心的違法行為」她代替弟弟向社會大眾道歉「由於智博的前車之鑑以此請大家遵紀守法多學習法律知識不要像我弟那樣無知」也奉勸很多家境平凡但想實現追星夢的孩子們務必小心「這條路並不是你們所看到的那樣光鮮亮麗」。也懇請外界能不要行言語及人身攻擊「現在家人為此事也非常傷心難過操碎了心」唯一盼望的就是盡量保護家人。</t>
  </si>
  <si>
    <t>黃智博表示家人道歉爸爸學習薄弱家裡打工星夢法律知識詐騙解釋口罩</t>
  </si>
  <si>
    <t>台中環保市場創業做頭振興</t>
  </si>
  <si>
    <t>蝦毀用振興3倍券就能創業做老闆？！位於台中市北區東光路近太原路口的大台中環保市集因應市地重劃、擴大營業因應政府715發放振興券祭出振興券專屬頭家專案讓攤商可以用振興券抵攤租此外場內所有攤商都收振</t>
  </si>
  <si>
    <t>振興台中因應專案政府市集路口太原環保光路市北區老闆位於場內創業擴大重劃營業市地頭家</t>
  </si>
  <si>
    <t>蝦毀用振興3倍券就能創業做老闆？！位於台中市北區東光路近太原路口的大台中環保市集因應市地重劃、擴大營業因應政府715發放振興券祭出振興券專屬頭家專案讓攤商可以用振興券抵攤租此外場內所有攤商都收振興券但不找零希望幫失薪族成功轉業也讓更多攤商可以搭上這波振興列車。
大台中環保市集是全台歷史最攸久、規模最大的二手市場場主蘇福安表示從2000年搬遷至此後20年間台灣社會也歷經金融海嘯、SARS以及新冠肺炎三大波的失業潮洗禮這裏不但是民眾尋寶樂園更成為中年失業者轉換跑道的跳板今年以來因為新冠疫情重創經濟不少失業者或是斜摃族湧入擺攤市場裏幾乎有7成新攤商都是職場收入銳減或被裁員轉而到此尋求機會。
蘇福安分析這裏攤租便宜創業門檻低尤其主打二手買賣、垃圾變黃金每逢景氣低潮有廠商到此出清存貨變現也有家庭主婦將家中奢侈品拿來兌現適巧遇到政府振興3倍券即將在7月15日發放啟用大台中環保市集特別祭出振興券專屬頭家專案讓攤商可以用振興券抵攤租希望幫助受疫情影響失業或放無薪假的民眾開啟轉職的可能性。
蘇福安坦言近日大台中環保市場因應市地重劃雖然部分用地遭到徵用同時也租到鄰近的閒置用地重新整理、擴大營業目前如火如荼試營運中這回政府發放振興3倍券市場除要求所有攤商配合政府政策收200元、500元面額的振興券唯一就是不找零他強調環保市集所有物品價格至少都打了兩折所以不用再搭配折扣促銷已經相當便宜歡迎民眾揪團來尋寶。</t>
  </si>
  <si>
    <t>振興台中環保政府市集民眾市場便宜失業者發放創業疫情失業蘇福安</t>
  </si>
  <si>
    <t>振興3倍券大台中環保市集振興券專屬頭家專案 金融海嘯 SARS</t>
  </si>
  <si>
    <t>頭家振興專案市集金融環保海嘯台中sars</t>
  </si>
  <si>
    <t>室內苦悶花店設計防疫app在家</t>
  </si>
  <si>
    <t>新冠肺炎病毒肆虐全球超過40億人口遭禁足。隔離或宅在家防疫的日子不好過為了排解苦悶的生活應該怎麼辦？可以透過app線上買花佈置住家室內設計app也大受歡迎。南韓《韓國先驅報》報導春天到了百花齊放</t>
  </si>
  <si>
    <t>app肆虐全球超過先驅人口韓國南韓隔離大受歡迎病毒在家防疫日子不好過報導排解苦悶設計生活室內應該可以住家</t>
  </si>
  <si>
    <t>新冠肺炎病毒肆虐全球超過40億人口遭禁足。隔離或宅在家防疫的日子不好過為了排解苦悶的生活應該怎麼辦？可以透過app線上買花佈置住家室內設計app也大受歡迎。
南韓《韓國先驅報》報導春天到了百花齊放可惜因為疫情之故大家無法出門賞花但可以透過買花app把美麗的花朵搬到家裡。
南韓鮮花產業因疫情承受損失但線上花店業績卻欣欣向榮。以業者Kukka為例該公司找來專家為客戶包裝法式花束並且直接把鮮花送到消費者家門口。雜貨宅配平臺Market Kurly則在2月疫情爆炸時善加利用旗下的冷鏈物流系統開始跨足鮮花宅配服務。儘管花種僅限於鬱金香和小蒼蘭但每天訂單都達5百筆以上。
另外小型的家居產品也能讓住家有不同風貌。室內設計app「Today House」提供使用者分享自家的居家裝飾照片並在照片上標記這些商品的連結方便其他消費者購買。這套app也列出各種室內設計風格和選項並在線上販售包括蠟燭毛巾小茶几等小型居家商品。一點點小小的改變也許能產生料想不到的效果隔離生活更有重心也讓心情轉個彎。</t>
  </si>
  <si>
    <t>app疫情鮮花設計室內隔離生活消費者居家南韓商品住家可以透過肆虐全球超過病毒</t>
  </si>
  <si>
    <t>app室內設計線上花店疫情南韓</t>
  </si>
  <si>
    <t>花店設計疫情室內南韓app</t>
  </si>
  <si>
    <t>長輩訊息line狂吹網友傻眼檢舉</t>
  </si>
  <si>
    <t>新冠肺炎疫情延燒台灣確診病例連日暴增昨(18日)更是一口氣新增23例也引發民眾恐慌晚間紛紛到各大賣場如好市多、全聯、家樂福等瘋搶民生物資。一名網友貼出自家LINE群組長輩所傳的訊息不少人一看訊息傻眼</t>
  </si>
  <si>
    <t>line貼出臺灣網友確診物資病例民生訊息家樂福全聯更是疫情一口氣長輩新增</t>
  </si>
  <si>
    <t>新冠肺炎疫情延燒台灣確診病例連日暴增昨(18日)更是一口氣新增23例也引發民眾恐慌晚間紛紛到各大賣場如好市多、全聯、家樂福等瘋搶民生物資。一名網友貼出自家LINE群組長輩所傳的訊息不少人一看訊息傻眼直呼婆媽群組真的會害死人。
一名網友在PTT八卦版貼出LINE對話表示前天(17日)晚上家裡群組突然有長輩傳訊息要他們儲備1個月份的糧食與生活必需品更表示「立刻去銀行提領所有存款」原PO事後又補上一張對話紀錄該長輩繼續說「要補充的有米、麵、乾貨罐頭與根莖葉菜類」、「上次通知今年初會有金融崩盤真的有發生情勢會怎樣未確定建議要有適當準備」更要大家到銀行提領所有存款至少也要一個月以上的生活費讓原PO也忍不住直呼「真的是傻眼」。
鄉民看到也氣炸紛紛回：「檢舉了啦 根本蓄意造成恐慌」、「這個可以報警嗎？唯恐社會不亂」、「萬一真的末日你領錢也是沒3小路用啦」、「鼓吹擠兌會犯法喔」、「真的受不了這些長輩」、「領錢是要幹嘛啦」、「直接檢舉追源頭吧」、「直接跟長輩說別再轉傳了啊」、「領錢幹嘛付造謠罰款嗎」、「備糧就算了領錢是在X小」、「該是原PO你大義滅親的時候了」。</t>
  </si>
  <si>
    <t>長輩領錢真的po恐慌紛紛訊息表示對話網友檢舉line貼出存款</t>
  </si>
  <si>
    <t>長輩群組領錢LINE家樂福</t>
  </si>
  <si>
    <t>家樂福領錢長輩line</t>
  </si>
  <si>
    <t>訂單雙增滿到</t>
  </si>
  <si>
    <t>專業TPU機能布暨成品廠八貫(1342)1月營收雙增八貫預計隨著醫療及戶外訂單需求持續暢旺加上去年底因缺櫃的出貨遞延預估首季營運將成長第二季業也將持續向上。八貫1月合併營收157億元較去年同期成長1537%</t>
  </si>
  <si>
    <t>持續成品首季營運預估合併去年底加上暢旺預計需求訂單戶外醫療向上</t>
  </si>
  <si>
    <t>專業TPU機能布暨成品廠八貫(1342)1月營收雙增八貫預計隨著醫療及戶外訂單需求持續暢旺加上去年底因缺櫃的出貨遞延預估首季營運將成長第二季業也將持續向上。
八貫1月合併營收157億元較去年同期成長1537%也較去年12月成長68%。
八貫表示1月營收成長主係因戶外需求暢旺公司合作之國際品牌大廠拉貨力道強勁僅戶外類別出貨金額即超過一億元預計隨著醫療及戶外訂單需求持續暢旺加上去年底因缺櫃遞延的產品陸續出貨預估今年不但首季營運將成長第二季業績也可望持續向上。
八貫進一步指出機能性布料和成品組件兩大事業群自去年底起品牌客戶持續下單目前整體產能利用率及稼動率居高不下預計持續至四月底的產能皆近滿載加上六月底有品牌客戶季節性需求接棒樂觀期待上半年的業績應可順利超越去年同期數字。
隨著新冠肺炎疫苗開打有利加強經濟復甦力道八貫主攻TPU高階利基型產品尤其在醫療、戶外及救生三大領域受惠終端市場需求增溫訂單能見度明朗目前機能性布料產線趨近滿載訂單生產排程已至第二季去年底已啟動產線三班制機台不停機生產至清明連假前以目前在手訂單來看全年營運成長動能依然強勁。
展望今年八貫佈局新廠之效益將可逐步產生貢獻元月底新廠已取得宜蘭縣政府核發之使用執照成品組件新產線預計第二季進入試機量產產能有望於下半年逐步挹注將可再度推升營運規模。</t>
  </si>
  <si>
    <t>持續訂單戶外預計營運去年底成品需求目前產能成長生產產品加上醫療業績</t>
  </si>
  <si>
    <t>TPU八貫疫苗新冠肺炎</t>
  </si>
  <si>
    <t>疫苗tpu肺炎</t>
  </si>
  <si>
    <t>入冬時間病毒疫情</t>
  </si>
  <si>
    <t>新冠病毒究竟何時進入美國？新證據會說話加州檢測3具遺體發現早在2月6日就有第1起死亡案例比之前公佈的日期整整早3周不只病毒入境得比預期更早、感染人數更多美國CDC也警告冬季還有一波疫情對美國的防疫</t>
  </si>
  <si>
    <t>美國病毒還有警告cdc證據加州說話死亡案例檢測遺體發現之前公佈整整日期冬季</t>
  </si>
  <si>
    <t>新冠病毒究竟何時進入美國？新證據會說話加州檢測3具遺體發現早在2月6日就有第1起死亡案例比之前公佈的日期整整早3周不只病毒入境得比預期更早、感染人數更多美國CDC也警告冬季還有一波疫情對美國的防疫將產生什麼影響？
COVID-19（新冠肺炎一稱武漢肺炎）在美第1起死亡病例一直都認定是2月29日西雅圖近郊的60歲患者。但加州矽穀聖塔克拉拉郡（Santa Clara County）公共衛生官員公佈3具遺體的驗屍結果證實2月6日才是第一起死亡病例出現的時間比2月29日整整早上3週。
這3名死者死亡時間分別是2月6日、17日以及3月6日。他們都在自家過世當時檢測的試劑非常有限並限定只有具旅遊史、有具體症狀的人才能受檢所以3人生前都不知道自己染病。
當地衛生官員推測由於新冠肺炎重症患者平均在染病1個月後死亡從2月6日往回推該名死者可能1月初就染病代表新冠病毒恐怕在2019年12月就已入境美國。
根據《紐約時報》報導2月6日過世的這名死者是一名57歲女性在矽穀一家半導體製造商工作過世前並沒有出國紀錄但過去曾到各地出差包括德國、奧地利和中國大陸一位友人則透露她在2019年11月曾到過北京。
她工作的公司屬於國際性企業在全球各地都有分公司包括疫情爆發中心的武漢。
仔細回溯病情她在2月2日向朋友抱怨出現流感症狀短短4天後女兒回家發現她倒在廚房接著不幸過世。家人表示曾懷疑她是不是染上新冠肺炎但礙於當時的限制而未能受檢直到現在透過檢驗遺體才得到答案。
這起病例不但重寫美國疫情時間軸更如鐵證般進一步證明病毒恐怕早在矽穀所在的舊金山灣區傳播。
灣區是美國和中國往來最密切的地區在這份檢測報告出爐前史丹福大學在聖塔克拉拉郡的3個灣區城市進行血液採樣發現帶有新冠病毒抗體反應的人數比官方的確診病例要多出50～85倍。
從12月到2月正是流感高峰期有多少人像2月6日的死亡病例一樣被誤認為流感？
這突顯美國初期防疫政策根本錯置只著重封鎖邊境忽略社區傳播的風險（美國CDC直到3月15日才呼籲不要舉辦或參與50人以上的活動）。美國初期檢測門檻嚴格直到3月中才放寬受檢資格假使遺體檢結果持續出爐可能揪出更多病例「黑數」。
「每一起（生前未檢測的）死亡病例可能都只是冰山一角而我們不知道這冰山到底有多大」 聖塔克拉拉郡公共衛生官員科帝（Sara Cody）表示。
CDC預警第2波疫情「更嚴重」 美只能寄望抗體檢測？
美國現有近一半人宅在家停滯的活動重擊各產業民眾和政府都希望重啟經濟但如果貿然恢復常態這麼多未檢測出的病例隱藏在四周難保不會隨時再大爆發尤其美國CDC已經警告冬天可能有第2波疫情。
CDC主任雷德菲爾德（Robert Redfield）對《華盛頓郵報》表示冬天疫情可能更棘手因為「流感和新冠肺炎將在同一時間發生」屆時可能導致醫療體系大崩潰。流感雖然有疫苗但光是去年流感就在美國造成3550萬人染病、 34萬人死亡冬天來臨前美國能怎麼做？
在新冠肺炎疫苗問世前暫時只能透過大量篩檢來掌握疫情。美國過敏與傳染病研究院主任、也是這次抗疫大將佛奇（Anthony Fauci）打算推出大規模的抗體檢測讓已有抗體的人取得證明也是各地能否重啟經濟的依據。
雷德菲爾德則呼籲民眾一定要接種流感疫苗他說接種疫苗至少能防範自己不因流感而住院「到時候至少能空出床位給新冠肺炎的病人因為染病的也可能是你的母親或祖母。」</t>
  </si>
  <si>
    <t>美國檢測可能病例流感疫情死亡肺炎cdc染病過世病毒遺體抗體</t>
  </si>
  <si>
    <t>qe無限fed來勁</t>
  </si>
  <si>
    <t>2020年美國重回零利率且推出無限QE利差交易有利之後熱錢回流亞洲與大陸加上分析師預估新興市場可望領先成熟市場復甦投信法人預期皆有利新興短期高收益債漲升行情；就佈局時點來看由於新冠肺炎病毒的影響新</t>
  </si>
  <si>
    <t>有利市場推出來看時點無限佈局qe利差行情交易之後預估零利率收益亞洲大陸復蘇分析加上</t>
  </si>
  <si>
    <t>2020年美國重回零利率且推出無限QE利差交易有利之後熱錢回流亞洲與大陸加上分析師預估新興市場可望領先成熟市場復甦投信法人預期皆有利新興短期高收益債漲升行情；就佈局時點來看由於新冠肺炎病毒的影響新興國家經濟成長率衰退將集中在第一季與第二季在此狀況下金融資產風險5月中旬過後可望降低第二季正是逢低佈局新興高收債良機其中又以新興短高收相對看好。
台新新興短期高收益債券基金經理人尹晟龢指出2020全球金融市場深受新冠肺炎影響但新興高收債企業償債高峰是落在2022年JPM預估2020全球新興高收債違約率仍不到5％。
隨著新興短債的收益率和利差都達到十年來的高位再加上美國國債等低收益債券的數量不斷增加預期在債市風險下降經濟回穩後資金將湧向一些被錯殺的高質量信用債券新興短期高收益債將優先受惠。
尹晟龢指出新冠肺炎衝擊企業活動可能導致債市違約率上升不過全球政府與央行宣佈了前所未有的貨幣和財政刺激方案以應對全球經濟產生未知影響的擔憂；另一方面新興市場經過近幾年的積極再融資債務存續期間得到了延展企業也能夠以較低的利率再融資在病毒危機爆發之前新興公司的基本面狀況相對良好、淨槓桿率接近七年低點總體上有利於債務。
群益全球新興收益債券基金經理人李忠泰指出油價波動對新興債市的影響程度較輕主要由於新興市場原油相關發債企業大多為該國產業龍頭且具備國營企業角色意即相關公司發行的債券擁有準主權債（Quasi-sovereign）的特質政府隱含支持度很高風險承擔能力較佳也因此對油價的敏感度較低。
由於全球各國同步擴大振興計劃根據外資統計顯示金融海嘯後受惠於新興市場經濟基本面明顯改善系統性危機事件呈現逐年下降的趨勢配合上述的觀察以及低利率的環境長期而言料將使新興市場債重回上升趨勢若疫情緩和預期新興市場債將因高殖利率與準主權債的特質而重新獲得資金青睞。</t>
  </si>
  <si>
    <t>全球市場債券企業影響風險債市收益預期經濟高收利率指出利差相關肺炎加上有利公司債務</t>
  </si>
  <si>
    <t>有利準主權企業新興高收債肺炎</t>
  </si>
  <si>
    <t>企業高收主權有利肺炎</t>
  </si>
  <si>
    <t>要求桃檢不治轉達死者家屬高端希望</t>
  </si>
  <si>
    <t>桃園市44歲溫姓男子上月23日接種高端疫苗25日工作時卻送醫不治。溫男解剖時詢問法醫「是否能加驗免疫螢光反應及血小板第4凝血抗體？」卻遭拒絕。桃園地檢署回應已向法醫研究所轉達死者家屬希望但此為法醫研</t>
  </si>
  <si>
    <t>法醫桃園上月已向回應工作免疫光反應拒絕血小板詢問是否抗體解剖轉達研究所男子接種</t>
  </si>
  <si>
    <t>桃園市44歲溫姓男子上月23日接種高端疫苗25日工作時卻送醫不治。溫男解剖時詢問法醫「是否能加驗免疫螢光反應及血小板第4凝血抗體？」卻遭拒絕。桃園地檢署回應已向法醫研究所轉達死者家屬希望但此為法醫研究所專業會尊重專業判斷。
家屬想釐清溫男死因是否與接種高端疫苗有關但溫男解剖完後家屬詢問法醫「是否能加驗免疫螢光反應及血小板第4凝血抗體？」法醫當下卻回應驗那個沒有意義。
桃園地檢署說檢察官年8月26日相驗溫姓死者大體後因家屬質疑死因疑似與死者生前施打高端疫苗有關為求慎重8月30日上午率法醫就死者進行解剖並已向法醫研究所轉達死者家屬希望加驗免疫螢光反應及血小板第四凝血抗體之訴求。
檢方說有關檢驗過程及項目屬法醫研究所專業事項亦會尊重法醫研究所之專業判斷由於目前尚未取得法醫研究所之解剖報告將於取得解剖報告後儘速向死者家屬說明並提供必要之協助。</t>
  </si>
  <si>
    <t>法醫解剖研究所死者家屬有關死者家屬高端桃園專業疫苗是否抗體死因溫男溫姓接種判斷已向</t>
  </si>
  <si>
    <t>新冠肺炎台灣法醫研究所法醫轉達</t>
  </si>
  <si>
    <t>法醫臺灣研究所肺炎轉達</t>
  </si>
  <si>
    <t>轉輪亮相賀卡新年六大蘇揆政績</t>
  </si>
  <si>
    <t>行政院秘書長李孟諺今（7）日公佈行政院長蘇貞昌的新年賀卡和福袋。李孟諺表示今年以牛年的諧音希望新的一年可以「牛」轉乾坤、牛來好運。卡片上還有一個轉輪寫著政院過去一年六大施政成果。李孟諺指出過去</t>
  </si>
  <si>
    <t>李孟過去卡片好運牛來轉幹轉輪可以希望諧音施政六大牛年蘇貞昌行政院長今年表示</t>
  </si>
  <si>
    <t>行政院秘書長李孟諺今（7）日公佈行政院長蘇貞昌的新年賀卡和福袋。李孟諺表示今年以牛年的諧音希望新的一年可以「牛」轉乾坤、牛來好運。卡片上還有一個轉輪寫著政院過去一年六大施政成果。
李孟諺指出過去這一年面對疫情挑戰可說是危機也是轉機今年蘇貞昌的新年賀卡以「牛」年的諧音、扭轉為意象希望新的一年可以「牛」轉乾坤牛來好運。
李孟諺指出賀卡上有一個轉輪放上執政團隊去年的施政成果跟民眾報告、賀年。轉輪上六大政績分別為經濟冠東亞、民主耀國際、拚台股新高、阻新冠肺炎、守非洲豬瘟、攬台商破兆。
李孟諺說福袋將印製3萬份在農曆春節期間發給民眾但由於疫情關係目前規劃不以排隊形式發放。</t>
  </si>
  <si>
    <t>轉輪賀卡疫情民眾六大今年過去施政成果蘇貞昌新年李孟諧音指出好運牛來目前可以希望關係民主</t>
  </si>
  <si>
    <t>賀卡李孟諺轉輪新年蘇揆</t>
  </si>
  <si>
    <t>轉輪李孟新年蘇揆賀卡</t>
  </si>
  <si>
    <t>觀光局高市力推國旅城市探險搶攻</t>
  </si>
  <si>
    <t>高市觀光局為振興國旅市場6月主打「城市探險月」推出野外祕境探險、自然生態探索、城市風格冒險3大主題以及海上重帆體驗、斯巴達障礙賽等7項活動多元遊程包山又包海感受高雄不同風貌鼓勵民眾走出戶外</t>
  </si>
  <si>
    <t>城市探險鼓勵風貌市場不同高雄感受包海包山游程活動民眾自然生態障礙探索巴達體驗海上風格冒險主題國旅</t>
  </si>
  <si>
    <t>高市觀光局為振興國旅市場6月主打「城市探險月」推出野外祕境探險、自然生態探索、城市風格冒險3大主題以及海上重帆體驗、斯巴達障礙賽等7項活動多元遊程包山又包海感受高雄不同風貌鼓勵民眾走出戶外強化身心。
觀光局長邱俊龍指出後疫情時代6月以戶外探險為主題的「城市探險月」推薦民眾私房景點與全新遊程以需要體力的活動為主像是斯巴達障礙賽因疫情關係各國暫停台灣首場選在高雄崗山之眼、阿公店水庫展開25項障礙賽。
邱俊龍提到3大主題將配合業者推出走訪有高雄「阿塱壹」美稱的柴山天威古道祕境及寶來花賞溫泉公園推出溫泉搭配極限設施體驗遊程；動物園夜宿營、攀樹體驗及壽山國家自然公園仲夏森遊借位拍照活動；斯巴達障礙賽、美利達單車漫遊及海線推動重型帆船體驗。除斯巴達外其餘活動有意深耕為常態性遊程。
除了月月有精彩活動外邱俊龍表示5大觀光景點免費入園包括壽山動物園、崗山之眼、寶來花賞溫泉公園、鼓山洞、旗津貝殼館而觀光局16個景點的商店除可參加「高雄振興購物嘉年華」滿500元抽獎外再加碼滿500元可折抵100元。
副市長葉匡時表示4月推出的「軍事觀光月」活動有超過5 000人參加「軍事走讀之旅」更是名額秒殺並於5月接續加碼推出第二梯次半價優惠活動。</t>
  </si>
  <si>
    <t>推出活動游程體驗高雄障礙景點巴達觀光邱俊龍主題公園城市探險加碼參加壽山民眾疫情振興動物園戶外溫泉軍事</t>
  </si>
  <si>
    <t>新冠肺炎高雄國旅觀光海洋</t>
  </si>
  <si>
    <t>國旅高雄肺炎觀光海洋</t>
  </si>
  <si>
    <t>情況楊志良衝破臺灣</t>
  </si>
  <si>
    <t>海軍磐石艦是台灣目前疫情破口是否會造成封城？前衛生署長楊志良直指磐石艦事件再多來兩件我們就被衝破了。楊志良在政論節目《少康戰情室》中表示全球兩個最安全的地方一個是大陸湖北武漢另一個就是台灣</t>
  </si>
  <si>
    <t>楊志良磐石臺灣表示地方安全全球戰情少康造成是否封城節目政論疫情衛生目前衝破署長直指</t>
  </si>
  <si>
    <t>海軍磐石艦是台灣目前疫情破口是否會造成封城？前衛生署長楊志良直指磐石艦事件再多來兩件我們就被衝破了。
楊志良在政論節目《少康戰情室》中表示全球兩個最安全的地方一個是大陸湖北武漢另一個就是台灣。我們民眾基本上有高度的警覺心大家也都基本上「順時中」。
楊志良指出磐石艦這個大破口這個非常可能造成社區某種程度的感染但是因為我們的民眾、還有我們整個醫療體系基本上他不認為現在馬上會被衝破但是如果像這種事情再多來兩件我們就被衝破了、就麻煩了。
至於台灣未來會封城嗎？楊志良說現在全台灣還是在享受全球最幸福的時候最重要的是除了政府的努力以外民眾的自我健康管理也是能不能讓我們這麼幸福的一個最重要關鍵。幸福能不能持續不知道而且封城是一個政治的決定不是一個可以用科學、可以用量表、可以用指標來處理的真的希望不要到封城的那一天。</t>
  </si>
  <si>
    <t>封城臺灣民眾基本上磐石衝破造成現在楊志良全球不能可以幸福重要再多處理希望</t>
  </si>
  <si>
    <t>封城台灣楊志良前衛生署長磐石艦</t>
  </si>
  <si>
    <t>衛生楊志良署長臺灣磐石封城</t>
  </si>
  <si>
    <t>店潮店家席捲專家非常</t>
  </si>
  <si>
    <t>等不及政府紓困方案台中市一周爆三家大型飯店、餐廳結束營業管仲管理顧問公司總經理胡智鈞指出這波疫情衝擊下大家都在苦撐承租、租金高以及做宴會為主的這類餐旅業最危險但他認為在這時退場經營者面對</t>
  </si>
  <si>
    <t>危險台中旅業為主飯店宴會餐廳結束營業租金管仲承租管理方案認為顧問公司總經理胡智鈞</t>
  </si>
  <si>
    <t>等不及政府紓困方案台中市一周爆三家大型飯店、餐廳結束營業管仲管理顧問公司總經理胡智鈞指出這波疫情衝擊下大家都在苦撐承租、租金高以及做宴會為主的這類餐旅業最危險但他認為在這時退場經營者面對大量解僱比較不受社會道德壓力讉責另多數承租或合作合約都有天災、人禍免責條款提前解約可免違約金這時結束企業成本最小。
胡智釣是前薆悅酒店總經理在面臨陸客不來困境時曾挺身而出成立台中特色飯店聯盟面對一周來台中亞緻大飯店、香蕉新樂園以及阿秋大肥鵝太平賀緹店陸續傳出「下課」消息
他坦言可能還有未爆彈。
胡智鈞說雖然疫情造成餐旅業哀鴻遍野但體質好的以拖待變而原本就體質不佳的這也是業者退場最佳時機其中最危險的就是向私人承租的業者像臺北有家時尚飯店月租金高達780萬而台中亞緻傳說一年租金近億元沈重的租金壓力原本就讓業者月月虧這個時機點退場可以向房東爭取免違約金另此時裁員不用揹負道德壓力。
此外大型餐廳只是是以宴會為主的生意慘到剩一至兩成如同樣是租地自建或是要付租金的租金愈高愈危險但也有例外者就是BOT或OT案因為政府已釋出租稅減免這類業者只要撐下去仍有機會東山再起。</t>
  </si>
  <si>
    <t>業者飯店租金壓力承租退場危險總經理違約金結束疫情台中面對餐廳道德原本旅業為主宴會</t>
  </si>
  <si>
    <t>倒店新冠肺炎台中武漢肺炎COVID-19</t>
  </si>
  <si>
    <t>肺炎台中武漢covid-</t>
  </si>
  <si>
    <t>分流pcr預約屬性受檢者</t>
  </si>
  <si>
    <t>新冠肺炎疫情持續奇美醫療體系包括奇美醫學中心、柳營奇美醫院、佳裡奇美醫院統計5月15日至6月30日執行新冠病毒核酸檢驗超過3萬1000件民眾接受新冠病毒核酸檢測PCR。奇美醫學中心依受檢者屬性分類預約分流3</t>
  </si>
  <si>
    <t>醫學中心病毒核酸受檢者奇美醫院屬性持續pcr檢測柳營分類執行疫情超過民眾檢驗接受佳裡統計醫療體系包括預約</t>
  </si>
  <si>
    <t>新冠肺炎疫情持續奇美醫療體系包括奇美醫學中心、柳營奇美醫院、佳裡奇美醫院統計5月15日至6月30日執行新冠病毒核酸檢驗超過3萬1000件民眾接受新冠病毒核酸檢測PCR。奇美醫學中心依受檢者屬性分類預約分流3處篩檢站分艙檢測避免採檢群聚也節省檢測時間。
為減輕需自費PCR民眾的負擔奇美醫學中心響應中央疫情指揮中心公告衛福部部立醫院自費新冠病毒核酸檢測(PCR)降低收費；奇美醫學中心7月1日起自費PCR費用亦降為常規每人次3500元、急件每人次4500元計收。
奇美醫學中心指出不論商務出國、住院就診陪病、工作洽公需求、健康感染疑慮等狀況愈來愈多民眾向醫院預約PCR檢測奇美醫學中心規畫3處「篩檢站」讓不同屬性需求族群分流預約在不同地點「篩檢站」分艙接受PCR檢測雖然人力負擔加重不少但落實分流分地PCR採檢讓受檢民眾更安心避免排隊群聚也讓檢測的過程更節省時間。
奇美醫學中心除了前述落實分艙分流分地採檢新冠肺炎核酸檢驗外也與工研院合作建置「貨櫃組合式微負壓高通量全自動核酸檢測實驗室」獨立執行完整一站式病毒檢驗提升大台南地區檢驗量能並確保醫療人員及受檢者安全快速檢驗流程。</t>
  </si>
  <si>
    <t>中心醫學pcr檢驗檢測民眾核酸自費分流病毒預約受檢者需求醫療醫院疫情負擔</t>
  </si>
  <si>
    <t>新冠肺炎台灣PCR奇美醫學中心受檢</t>
  </si>
  <si>
    <t>pcr臺灣肺炎醫學中心受檢</t>
  </si>
  <si>
    <t>補助民眾交通部觀光國旅</t>
  </si>
  <si>
    <t>新冠肺炎重創觀光產業交通部提出44億元立即紓困方案、545億元投入復甦及振興另配合前瞻計畫20投入300億元將觀光產業升級與轉型行政院稍早已拍板。在觀光產業立即紓困方案包含：陸客團提前離境補助旅行社</t>
  </si>
  <si>
    <t>觀光產業方案投入紓困立即陸客團包含交通部振興轉型提前復蘇早已升級拍板提出重創前瞻配合行政院離境肺炎補助旅行社</t>
  </si>
  <si>
    <t>新冠肺炎重創觀光產業交通部提出44億元立即紓困方案、545億元投入復甦及振興另配合前瞻計畫20投入300億元將觀光產業升級與轉型行政院稍早已拍板。
在觀光產業立即紓困方案包含：陸客團提前離境補助旅行社2億元、旅行社停止出入團補助7億元入境旅行社紓困3億元另投入5億元人才培訓、12億元協助旅行業、旅宿及觀光遊樂業融資周轉貸款協助及利息補貼提供15億元減輕營運負擔總共投入44億元。
在復甦及振興方案提供545億元的規模包含：再次投入20億元做國旅補助、結合相關公協會提出在地行銷4億元、補助地方政府提案觀光亮點活動共3億元提升旅宿溫泉品牌與行銷2億元。
國際旅遊部分國際郵輪復甦計畫7000萬元、疫情過後擴大國際行銷5億元、鼓勵DMO區域結盟2億元、國際旅客入境旅遊市場獎勵措施88億元。旅遊景點優化包含：旅宿業品質提升4億元、觀光遊樂業優質化計畫3億元、觀光數位轉型計畫2億。
至於升級與轉型前瞻計畫包含：計畫建設國際級景區及轉型升級、主題旅遊年、慧觀光類等投入經費初估約300億元配合行政院檢討前瞻計畫20時提出。</t>
  </si>
  <si>
    <t>觀光投入包含補助行銷國際紓困復蘇轉型提出產業升級方案入境協助前瞻提供旅遊行政院提升遊樂業旅行社配合振興立即計畫旅客</t>
  </si>
  <si>
    <t>返台疫苗兩劑打過防疫旅館</t>
  </si>
  <si>
    <t>Delta病毒來勢洶洶中央流行疫情指揮中心日前宣佈6/27零時起自任一國家入境都要入住防疫旅館若來自7個高風險國家則要住進集中檢疫所有民眾陳情希望打過2劑量疫苗可以開放返家居家檢疫指揮官陳時中表示</t>
  </si>
  <si>
    <t>國家居家流行返家疫情開放指揮可以疫苗中心劑量日前打過希望檢疫宣佈陳情中央民眾檢疫所集中自任入境</t>
  </si>
  <si>
    <t>Delta病毒來勢洶洶中央流行疫情指揮中心日前宣佈6/27零時起自任一國家入境都要入住防疫旅館若來自7個高風險國家則要住進集中檢疫所有民眾陳情希望打過2劑量疫苗可以開放返家居家檢疫指揮官陳時中表示目前集中隔離的措施暫時不會改變。
有民眾陳情有打過兩劑疫苗且有陰性報告希望可以開放返家居家檢疫因為防疫旅館已經爆滿且經濟負擔很大。
指揮官陳時中表示已經爆滿是不可能每天500到1000人總共有2000多開始之前至今使用率是2828%這樣集中隔離的措施暫時不會改變。
副指揮官陳宗彥表示目前防疫旅館入住率3262%使用的房間數7000多間還可使用的房間還有2萬多間絕對不會有不足或是不夠的問題。
陳時中則強調集中隔離會不方便台灣疫情從5/15開始至今大家急於控制國內、邊境都要管制但待狀況明朗就會滾動式修正。</t>
  </si>
  <si>
    <t>集中旅館防疫疫情表示指揮官國家開始隔離至今入住爆滿已經陳時中目前希望疫苗使用民眾開放返家</t>
  </si>
  <si>
    <t>防疫旅館打疫苗陳時中集中隔離居家隔離</t>
  </si>
  <si>
    <t>陳時中疫苗集中旅館隔離防疫居家</t>
  </si>
  <si>
    <t>配合中央宗教團體疫情中心總統府指示</t>
  </si>
  <si>
    <t>蔡英文總統今天宣佈暫停520總統就職活動籌辦工作只要疫情仍有疑慮520就職將不會舉辦大型群眾活動。對此總統府也召開記者會表示為全力防控新冠肺炎保留最大彈性來因應疫情的變化。總統府發言人丁允恭表示</t>
  </si>
  <si>
    <t>活動就職疫情總統府表示總統肺炎保留防控全力彈性變化因應籌辦記者會工作召開疑慮對此群眾</t>
  </si>
  <si>
    <t>蔡英文總統今天宣佈暫停520總統就職活動籌辦工作只要疫情仍有疑慮520就職將不會舉辦大型群眾活動。對此總統府也召開記者會表示為全力防控新冠肺炎保留最大彈性來因應疫情的變化。
總統府發言人丁允恭表示為全力投入新冠肺炎防疫首先總統指示暫停籌辦就職典禮工作保留最大彈性來因應疫情的變化。第二點在防疫還有疑慮情形下520就職典禮就不會辦理大型群眾活動。接下來總統府都會配合中央疫情指揮中心專業的判斷。
至於臺北市長柯文哲爆料就職典禮要在北流舉辦丁允恭表示北流確實是預留的選項但是當總統府跟北市府借北流的同時也有在公文中明確說明如遇天災和疫情等不可抗拒的情況他們就會取消借用。
丁允恭直言總統也感謝願意停辦遶境或延期的宗教團體他們也期待其他宗教團體也能配合中央疫情中心的指揮來規劃活動辦理。</t>
  </si>
  <si>
    <t>疫情總統府就職典禮活動總統丁允恭北流表示防疫就職舉辦疑慮工作暫停肺炎籌辦中心指揮配合中央全力保留</t>
  </si>
  <si>
    <t>520總統府就職典禮新冠肺炎武漢肺炎</t>
  </si>
  <si>
    <t>肺炎就職典禮武漢總統府</t>
  </si>
  <si>
    <t>漏洞建議學者學童族群定期年輕</t>
  </si>
  <si>
    <t>美國年輕族群確診比例攀升其原因指向印度變異株（Delta）傳染力增強、年輕族群施打比例較低等。台灣近期經歷以年輕族群為主的幼兒園群聚感染學者提出美國研究指出在無法落實NPI的族群身上藉由篩檢仍能有效防</t>
  </si>
  <si>
    <t>族群年輕比例美國身上npi落實研究無法提出指出學者變異指向印度delta感染原因傳染幼稚園為主攀升增強經歷</t>
  </si>
  <si>
    <t>美國年輕族群確診比例攀升其原因指向印度變異株（Delta）傳染力增強、年輕族群施打比例較低等。台灣近期經歷以年輕族群為主的幼兒園群聚感染學者提出美國研究指出在無法落實NPI的族群身上藉由篩檢仍能有效防堵群聚感染。目前在歐洲、美洲的場所多數都要求出示疫苗証明或檢驗陰性證明由於兒童無法接種疫苗建議流行期間可每週定期快篩建立起「安心防疫場所」。
公衛學者古玫生表示美國自2020年9月至2021年8月資料發現共約15％的感染個案為21歲以下年輕族群疫情初期（D614G）時因年輕族群有較好的先天性免疫優勢僅134％確診個案為年輕族群原因是他們有較強第一線防疫（幹擾素、訊號因數IL-17及嗜中性白血球較強）並有較多元的抗體可面對新病毒侵入。
古玫生表示在Delta侵襲、成年人施打疫苗比例較高等因素之下美國年輕族群確診比例升至224％可見病毒演化成以打擊年輕族群先天性免疫優勢的品種為主。台灣經驗顯示幼兒園與托兒所等場域較難維持NPI措施易成為防疫漏洞因此台大公衛學院教授陳秀熙團隊提出國際間對年輕族群制定的措施作為政策參考之用。
公衛學者範僑芯以加拿大為例鑑於幼兒無法打疫苗、難以維持NPI措施要求所有教職員、家長與學童每日填寫自我健康評估問卷依症狀、旅遊史、接觸史與居住地給予指引並對高風險或發病的孩童提供PCR檢測、抗原快篩檢測或漱口水檢測。其中的PCR、快篩作法與台灣相同即以鼻拭子插入鼻腔5秒而漱口水檢測則是讓學童以鹽水漱口30秒來檢測可降低不適感增加篩檢意願。
至於美國明尼蘇達州去年底至今年5月針對6所特殊學校提供定期唾液篩檢服務在7289次檢測中有21人確診校園陽性率為029％較社區陽姓率(031％）低。範僑芯表示這說明瞭就算是無法施打疫苗、無法嚴格執行NPI措施的場域只要定期進行篩檢仍能有效防堵群聚感染。
另英國則針對人口密集機構如學校、辦公大樓人員定期進行檢測。在高盛行率地區亦會進行大規模檢測阻斷傳播鏈在低盛行地區則推動定期檢測利用快篩試劑迅速得知檢驗結果。
對於台灣剛發生幼兒園群聚案如何確保學童的安全？陳秀熙表示歐洲、美洲的場所多數都要求進入的民眾出示疫苗証明或檢驗陰性證明由於兒童無法接種疫苗建議可定期快篩在流行期間每週篩檢1次自行篩或到醫療院所篩都可藉此建立「安心防疫場所」。若為確診個案的接觸者或剛從國外入境者則建議在自主健康管理開始的半個月到1個月內每3天快篩1次減低疫情擴大的風險。</t>
  </si>
  <si>
    <t>族群年輕檢測疫苗定期無法臺灣表示美國防疫確診措施感染npi場所學童比例進行幼稚園學者</t>
  </si>
  <si>
    <t>新冠肺炎台灣年輕族群檢測無法</t>
  </si>
  <si>
    <t>年輕族群臺灣肺炎檢測</t>
  </si>
  <si>
    <t>成破口徐國勇</t>
  </si>
  <si>
    <t>為了防止失聯移工成為防疫破口內政部長徐國勇上午在立法院提出研議「擴大自行到案專案」徐國勇僅初步提出免收容或者將罰款降到最低最低等誘因。不過韓國政府卻更有魄力迅速宣佈給予外籍非法勞工自願免責離</t>
  </si>
  <si>
    <t>徐國勇提出外籍給予宣佈迅速魄力成為最低防疫勞工內政部長免收上午初步法院研議擴大到案專案自行</t>
  </si>
  <si>
    <t>為了防止失聯移工成為防疫破口內政部長徐國勇上午在立法院提出研議「擴大自行到案專案」徐國勇僅初步提出免收容或者將罰款降到最低最低等誘因。不過韓國政府卻更有魄力迅速宣佈給予外籍非法勞工自願免責離境的機會還表示此時參加「自願離境」項目者會減免對非法入境行為的追責包括不會被追究此前非法入境的行為不會被記錄在「黑名單」上。
針對「擴大自行到案專案」如何鼓勵移工自行到案？徐國勇舉例自行到案者免收容或者將罰款降到最低最低；也會跟其他部會商量推出其他鼓勵措施讓他們自行到案。不過細節仍要再研議徐國勇說近期將與勞動部共同研議更具誘因的「擴大自行到案」專案希望藉此鼓勵失聯移工踴躍自行到案。
該說法曝光後民間團體一句話打臉徐國勇國際勞工協會研究員陳秀蓮直指對外勞最關鍵的是無法再來台灣工作會遭到境管註記所以若不取消註記逃逸外勞是沒有動力配合的。
新冠肺炎疫情危急韓國政府在處理非法入境的行為上面展現魄力據泰國《曼谷郵報》報導當地時間2月28日開始韓國政府宣佈給予30萬外籍非法勞工自願免責離境的機會這一機會將持續至3月31日。
韓國政府表示此時參加「自願離境」項目者不會被追究此前非法入境的行為也不會被記錄在韓國入境和移民管理部門的「黑名單」上。而在3月31日後仍未離境的非法勞工被捕後將被立刻遣返並會被記錄在黑名單上10年內不得再次入境韓國。目前韓國政府已用6種語言發佈了這一通知。
回頭來看臺灣的應變措施台灣國際勞工協會請願希望給予無證移工合法身分。今天有媒體詢問「非法移工取消境管可行嗎？」徐國勇4日到桃園市消防局和桃園市長鄭文燦慰問勞鑽石公主號執勤消防員徐國勇回應「法律就是法律」一切依法處理內政部都會做相關的規劃所以內政部特別強調「自行到案」專案相信會有相當的成果。</t>
  </si>
  <si>
    <t>徐國勇自行韓國政府到案入境勞工專案離境行為臺灣黑名單研議給予魄力記錄擴大希望鼓勵措施</t>
  </si>
  <si>
    <t>徐國勇失聯移工防疫破口韓國政府離境</t>
  </si>
  <si>
    <t>防疫韓國政府徐國勇離境</t>
  </si>
  <si>
    <t>美女盡頭看不到找樂警戒坦言</t>
  </si>
  <si>
    <t>台灣維持了1年多的平靜日常生活終究爆出了本土疫情新冠肺炎感染情況一波接一波不但雙北深受影響原本勉強壓下確診數的中南部如今又出現Delta病毒株進入南台灣美女主播吳宇舒對於現況也不禁感嘆真的是看</t>
  </si>
  <si>
    <t>臺灣不禁現況對於爆出終究本土吳宇舒疫情肺炎影響原本勉強美女壓下感歎確診中南部如今進入出現病毒</t>
  </si>
  <si>
    <t>台灣維持了1年多的平靜日常生活終究爆出了本土疫情新冠肺炎感染情況一波接一波不但雙北深受影響原本勉強壓下確診數的中南部如今又出現Delta病毒株進入南台灣美女主播吳宇舒對於現況也不禁感嘆真的是看不到盡頭。
美女主播吳宇舒2013年嫁給同為記者的老公如今39歲的她仍是活力充沛且外型保養得相當好除了在主播檯上努力外私下跟老公還有狗兒子開心生活也熱愛戶外運動過去經常能看見她分享到各地旅遊、踏青的美好照片。
但這一切因為台灣疫情關係都被迫停擺她昨天(6/27)在臉書po文發表對於Delta變種病毒株仍傳入台灣的心得「其實從疫情爆炸到趨緩再到Delta入侵管制都是一樣『三級警戒』」民眾能做到的很有限就是盡可能遵守中央所宣佈的警戒努力撐下去。
如今Delta病毒在台現蹤三級警戒從當初確診數下降到如今3度延後三級警戒讓吳宇舒直嘆：「看不到盡頭只能自己轉換心情」但未來自己以及他人的安全吳宇舒仍是勸大家「少出門就在家找樂子吧！」她隨文章貼出穿著半截小可愛大露蠻腰的辣照哀怨表示：「快沒有照片發了」同台主播巫嘉芬還特地留言說自己有拉大認真欣賞腹肌主播簡立喆也直讚吳宇舒腰線太美「人當然也美呆了」。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吳宇舒delta警戒臺灣如今疫情病毒旅遊務必照片肺炎出現對於努力老公</t>
  </si>
  <si>
    <t>吳宇舒三級警戒Delta新冠肺炎台灣</t>
  </si>
  <si>
    <t>delta警戒肺炎吳宇舒臺灣</t>
  </si>
  <si>
    <t>警戒專家標準留後路規則解封清楚</t>
  </si>
  <si>
    <t>近日本土疫情趨緩中央流行疫情指揮中心宣佈7月13日起各縣市微解封全國三級警戒觀察至7月26日不過毒理學權威招名威卻對三級解封表示不樂觀坦言「要有心理準備」。招名威建議中央應先制訂「再警戒」的標準解</t>
  </si>
  <si>
    <t>中央警戒疫情指揮建議應先宣佈招名威心理準備中心坦言制訂樂觀表示各縣市全國觀察毒理學權威</t>
  </si>
  <si>
    <t>近日本土疫情趨緩中央流行疫情指揮中心宣佈7月13日起各縣市微解封全國三級警戒觀察至7月26日不過毒理學權威招名威卻對三級解封表示不樂觀坦言「要有心理準備」。招名威建議中央應先制訂「再警戒」的標準解封後若確診人數再度攀升就必須回歸三級警戒先把遊戲規則講清楚避免疫情嚴重時大家又變回無頭蒼蠅找不到標準可循。
中原大學副教授招名威13日於臉書表示微解封迎來了塞車、街上更多行人、捷運公車都滿載的狀況可想而知大家對於正式解封是有多渴望但他自己卻抱持不樂觀的看法指出歐美、日韓、以色列等國家都是在解除警戒後一兩週內國內疫情再度爆發。招名威坦言「如果我們沒有良好的防護觀念和措施再度回到警戒封城也不是不可能大家要有心理準備。」
招名威建議指揮中心應再宣佈解封前事先制訂出一個「再警戒」的確診人數標準「比如說單日確診再度超過50人或是100人我們就必須再度回到三級警戒」。招名威說一來先把遊戲規則說清楚以免到時候臨時要再封城大家又像無頭蒼蠅一樣抱怨毫無標準可遵循；二來可以杜絕無知民眾搞破壞在微解封時期不遵守既定的防疫規範；三又可以杜悠悠之口以防屆時謠言四起何樂而不為呢？
很多人擔心解封前要先清零但招名威坦言目前要清零是不可能的畢竟之前就是因為疫調不勤導致現在這種結果。不過招名威也指出只要每位民眾確實做到「盡快施打疫苗」、「出外戴口罩」、「人多的地方不要去」、「勤洗手」4件事就有望中止病毒傳播鏈讓時間沖淡一切。</t>
  </si>
  <si>
    <t>解封警戒招名威再度疫情標準坦言可以民眾指出表示中央</t>
  </si>
  <si>
    <t>三級警戒解封微解封三級解封標準</t>
  </si>
  <si>
    <t>解封警戒標準</t>
  </si>
  <si>
    <t>雲林疫苗缺貨</t>
  </si>
  <si>
    <t>雲林縣部分長者因對AZ疫苗有疑慮改打肺炎鏈球菌疫苗導致肺炎鏈球菌疫苗大缺貨雲林縣北港媽祖醫院表示肺炎鏈球菌疫苗無法防治新冠肺炎只能減低感染後的重症機率建議長者還是以施打新冠疫苗為優先考量。雲</t>
  </si>
  <si>
    <t>疫苗肺炎鏈球菌長者林縣重症施打新感染減低只能建議az疑慮表示媽祖醫院缺貨防治</t>
  </si>
  <si>
    <t>雲林縣部分長者因對AZ疫苗有疑慮改打肺炎鏈球菌疫苗導致肺炎鏈球菌疫苗大缺貨雲林縣北港媽祖醫院表示肺炎鏈球菌疫苗無法防治新冠肺炎只能減低感染後的重症機率建議長者還是以施打新冠疫苗為優先考量。
雲林縣北港鎮媽祖醫院、虎尾若瑟醫院、台大醫院雲林分院等醫院近日有許多民眾詢問要自費施打肺炎鏈球菌疫苗尤其是年輕民眾因不符合新冠肺炎疫苗施打條件希望先打肺炎鏈球菌疫苗減少重症風險不過各醫院肺炎鏈球菌疫苗都已施打完畢必須等藥商再供貨。
媽祖醫院內科部長蔡昆道表示肺炎鏈球菌會引發細菌性肺炎是很常見的菌種醫療人員與65歲上民眾、幼兒、免疫力下降者有必要施打肺炎鏈球菌疫苗可有效的預防肺炎但最近卻因新冠肺炎疫情成為搶手貨令人始料未及。
蔡昆道說肺炎鏈球菌疫苗分為23價與13價最近大家搶打13價疫苗其主要作用是讓免疫T細胞可以記憶預防時效達10年左右但與預防新冠肺炎是否有相關性其實是兩回事新冠肺炎是病毒性肺炎肺炎鏈球菌疫苗是無效的。
針對有醫學研究指出肺炎鏈球菌疫苗可減少新冠肺炎重症風險蔡昆道指出他建議以施打新冠肺炎疫苗為主肺炎鏈球菌疫苗為輔民眾若符合新冠肺炎疫苗施打條件請盡速前往施打如此才能降低染疫機率。
一名醫護人員說最近除了長者詢問要施打肺炎鏈球菌疫苗也出現許多年20至40歲年輕民眾要施打呼籲大家還是要把肺炎鏈球菌疫苗留給真正有需要施打的族群各種新冠肺炎疫苗已陸續抵台施打對象將會持續擴大。</t>
  </si>
  <si>
    <t>肺炎疫苗鏈球菌施打民眾醫院長者媽祖蔡昆最近重症預防林縣指出表示施打新年輕詢問</t>
  </si>
  <si>
    <t>施打肺炎鏈球菌疫苗疫苗肺炎鏈球菌疫苗肺炎肺炎疫苗</t>
  </si>
  <si>
    <t>肺炎施打鏈球菌疫苗</t>
  </si>
  <si>
    <t>勞工勞動部疫情投保因應</t>
  </si>
  <si>
    <t>行政院會上午通過勞動部提報新冠肺炎因應措施無薪假勞工參與短、中、長期各項計畫分別最高可領到3萬4800元到4萬2760元不等補貼最高不超過原投保薪資也就是說無薪假勞工有機會領回原投保薪資3個月。政院紓困6</t>
  </si>
  <si>
    <t>投保薪資最高勞工提報肺炎勞動部因應分別措施補貼計畫長期超過參與機會也就是說上午</t>
  </si>
  <si>
    <t>行政院會上午通過勞動部提報新冠肺炎因應措施無薪假勞工參與短、中、長期各項計畫分別最高可領到3萬4800元到4萬2760元不等補貼最高不超過原投保薪資也就是說無薪假勞工有機會領回原投保薪資3個月。
政院紓困600億元特別預算勞動部遭沒有照顧勞工。勞動部上午正名無薪假為「減班休息」並提出各項因應計畫其中除失業勞工可領失業給付外。無薪假勞工若參加為期3個月的「充電再出發計畫」以每月120小時每小時158元計算可領到1萬8960元若參與中期的安心就業計畫以最高投保薪資4萬5800元計算可領到1萬1000元若參與長期的僱用安定措施訓練課程可獲補貼投保薪資7成以最高投保薪資4萬5800元計算可領到1萬5400元。
若加計原無薪假期間可領最低基本工資則分別可領到34800元到42760元區間不等工資勞動部勞動力發展署副署長施貞仰表示減班休息最完美的演算法就是最低工資23800元加上18960元最高42760元但以不超過原投保薪資為原則。
此外在企業部分還有安穩僱用計畫企業若僱用失業30天以上失業者每人每月可發給5000元最長6個月僱用失業30天以上特定對象每人每月可發給1萬1000元至1萬3000元最長12個月；僱用3個月以上失業者每人每月發給9000元最長12個月。
勞動部合計各項計經費4125億元其中新增計畫經費約3058億元。</t>
  </si>
  <si>
    <t>勞動部勞工薪資投保領到最高計畫雇用失業參與措施減班休息因應計算上午補貼長期分別不等企業</t>
  </si>
  <si>
    <t>無薪假減班勞工勞動部行政院新冠肺炎</t>
  </si>
  <si>
    <t>勞工勞動部減班行政院肺炎</t>
  </si>
  <si>
    <t>華春瑩who捐助會費吹噓抗</t>
  </si>
  <si>
    <t>對美國務卿蓬佩奧指稱美國對世界衛生組織(WHO)抗疫捐助遠遠超過中國一事大陸外交部發言人華春瑩回應稱中國對此沒有任何攀比的想法到目前美國承諾要向中國等一些國家提供的抗疫援助卻「一個子兒都沒見到」這</t>
  </si>
  <si>
    <t>中國美國指稱援助世界衛生組織who華春瑩提供外交部大陸應稱沒有捐助攀比遠遠想法承諾國家超過目前</t>
  </si>
  <si>
    <t>對美國務卿蓬佩奧指稱美國對世界衛生組織(WHO)抗疫捐助遠遠超過中國一事大陸外交部發言人華春瑩回應稱中國對此沒有任何攀比的想法到目前美國承諾要向中國等一些國家提供的抗疫援助卻「一個子兒都沒見到」這批物資中國已經不需要了現在不知在何方？還有「美國欠聯合國與世衛組織的會費繳了嗎？」
大陸外交部4月3日的記者會上有媒體提問稱：美國國務卿蓬佩奧日前在國務院記者會上說美國對世衛組織抗擊疫情的捐助數額遠遠超過中國。中方對此有何評論？
華春瑩答稱：這個問題前幾天有記者問到過我已經答過了。我當時覺得蓬佩奧先生把美國對世衛組織的捐助從1948年算起很有意思。他說美國對抗擊疫情國際援助遠遠超過中國其實我們沒有任何攀比的想法。美方援助到底怎麼樣我也不瞭解但我看到有報導說美方把一些擬向其他國家抗擊疫情提供的援助在半路上追討回去了不知道這是真是假？
華春瑩說：就中國而言之前我的同事也介紹過蓬佩奧國務卿和美方曾經宣佈美政府要向中國等一些國家提供1億美元抗疫援助但是我們一個子兒都沒有見到。另外美國國際開發署說要向中國提供抗疫援助一直「只聽樓梯響不見人下來」。直到3月11日美方告訴中方物資準備得差不多了但是鑒於那個時候疫情已經發生變化中方告訴美方中方已不再需要請他們把這筆物資捐給那些更有需要的國家。不知道這筆物資後來下落如何？
華春瑩還說美國一些地方和企業在中方疫情形勢最困難時向中方伸出了援手。現在美國國內疫情非常嚴重中國很多企業和地方也都在紛紛向美國人民伸出援助之手提供力所能及的幫助。中美兩國人民在互相同情、相互支持共同抗擊疫情。
她最後對美國反將一軍說「我有一個問題美國欠聯合國和世衛組織的會費不知道交清了沒有？」</t>
  </si>
  <si>
    <t>美國中國疫情援助美方中方華春瑩物資提供世衛組織已經沒有抗擊國家知道捐助國務卿需要超過遠遠佩奧</t>
  </si>
  <si>
    <t>周周大消毒直到全市解除警戒新北</t>
  </si>
  <si>
    <t>雙北防疫三級警戒新北市環保局表示14日全市24小時大清消後環保局持續由各區清潔隊進行轄區每週一次全區清消直到三級警戒解除；環保局提醒民眾外出倒垃圾務必戴好口罩並保持安全距離保護自已也保護清潔人</t>
  </si>
  <si>
    <t>環保局警戒保護安全保持口罩務必市環保局垃圾距離表示外出民眾全市提醒小時解除清潔隊轄區</t>
  </si>
  <si>
    <t>雙北防疫三級警戒新北市環保局表示14日全市24小時大清消後環保局持續由各區清潔隊進行轄區每週一次全區清消直到三級警戒解除；環保局提醒民眾外出倒垃圾務必戴好口罩並保持安全距離保護自已也保護清潔人員違規可依傳染病防治法最高開罰1萬5000元。
環保局表示在進入三級防疫前環保局防疫消毒大隊針對列管公共環境場域1360處每月消毒一次包含交通場站、百貨賣場、超市、超商、市場、餐廳、商圈、學校、洽公機關等。
環保局表示14日10時到5月15日10時24小時大清消已完成地毯式消毒工作三級警戒後除原來防疫消毒大隊也重新盤點消毒人力、物力由各區清潔隊配合各區公所指揮調度持續執行轄區每週一次的全面消毒直到解除三級防疫警戒為止。
至於一般商家、賣場、餐廳、社區大樓等場所內部的公共環境消毒依照行政院環境保護署的規定應由所有人、管理人或使用人負責可自行使用1：50稀釋後漂白水針對公共區域、地板、梯間扶手、門把、電梯按鈕等持續且定期以拖把或抹布擦拭；若有委外消毒需求也可洽環保局提供新北市境內消毒廠商名單供參。
環保局說環保局則維持垃圾收運正常化除提供清潔隊員充足的防疫配備以保護其工作安全更提醒民眾外出倒垃圾即為「戶外活動」依照第三級警戒規定應全程配戴口罩違者可依照傳染病防治法最高開罰1萬5000元。
環保局提出「查、戴、保、洗」的倒垃圾口訣呼籲民眾出門倒垃圾前應先查「新北樂垃車」網站確認垃圾車到達時間；全程載上口罩；保持適當距離並減少交談；回家後立即洗手或用酒精消毒。另紙容器、塑膠瓶罐、鐵鋁罐及玻璃瓶等回收前要先沖洗後再交給資源回收車。</t>
  </si>
  <si>
    <t>消毒環保局警戒防疫垃圾持續保護新北口罩表示餐廳環境規定提供全程民眾清潔隊清潔回收</t>
  </si>
  <si>
    <t>環保局倒垃圾三級警戒新冠肺炎新北市</t>
  </si>
  <si>
    <t>警戒肺炎垃圾新北環保局</t>
  </si>
  <si>
    <t>集中大國疫情國際強勢世界反彈</t>
  </si>
  <si>
    <t>精選《中時新聞網》5件不可不知的國際大事帶讀者掌握今天(3月3日)的國際新聞重點。【1】世衛： 境外新增案例是大陸的9倍 集中在四大國WHO總幹事譚德塞對於韓國、義大利、伊朗、日本這四個國家最為憂心說明今天在</t>
  </si>
  <si>
    <t>國際今天不可不日本國家伊朗大事大利韓國對於德塞幹事who四大集中大陸案例新增新聞世衛境外重點新聞網</t>
  </si>
  <si>
    <t>精選《中時新聞網》5件不可不知的國際大事帶讀者掌握今天(3月3日)的國際新聞重點。
【1】世衛： 境外新增案例是大陸的9倍 集中在四大國
WHO總幹事譚德塞對於韓國、義大利、伊朗、日本這四個國家最為憂心說明今天在大陸以外地區的新增案例比大陸的新增案例要多了將近9倍新冠肺炎的擴散正在「全球化」。
【2】美股強力反彈 投資人看好央行刺激措施
美股繼上周重挫之後星期一的表現相當亮眼三大指數齊漲可謂絕地大反彈。道瓊工業指數上漲了129681點或51%以2670617點作收；S&amp;P 500指數也漲了1363點或461%以309052點作收；那斯達克綜合指數上漲3848點或449%以895217點作收。
【3】日若發布緊急命令 衝擊東奧
日本北海道因發生多起新冠病毒感染途徑不明的社區感染使北海道知事鈴木直道2月28日發布「緊急事態宣言」要求學校停課、民眾盡量避免外出。首相安倍晉三2日已鬆口有考慮跟進。但倘若日本發布「緊急事態宣言」將限制舉辦集會活動官方、民間舉辦的許多活動勢必辦不了人員的往來也受限對東京奧運的籌備工作和觀光勢必造成影響。
【4】「全球第一CEO」 GE前執行長威爾許去世
據新加坡聯合早報網2日報導奇異電器（General Electric）前董事長兼執行長傑克威爾許（Jack Welch）去世享年84歲。美國總統川普透過推特向他致敬稱威爾許是一位商業傳奇。
【5】移民大軍挺進歐洲 奧地利表明將全數攔阻
土耳其開放邊界讓移民有機會挺進歐洲。奧地利保守派內政部長內哈默今天表示如果希臘和巴爾幹半島國家阻止移民湧入的措施失敗奧地利將攔住任何企圖闖入境內的移民。</t>
  </si>
  <si>
    <t>移民今天日本威爾指數奧地利發佈勢必大陸措施北海道反彈國際去世國家案例執行長新增宣言</t>
  </si>
  <si>
    <t>疫苗奔走造冊服務鄰長誤會官員</t>
  </si>
  <si>
    <t>衛福部長陳時中昨天說明中央與地方官員造冊約3萬人打疫苗地方官員達936％。提報人數彰化縣8723人是第一名彰化縣長王惠美今天在防疫說明會上再次公開說明並向7899位鄰長們直說拍謝指出縣府依中央規定將</t>
  </si>
  <si>
    <t>說明中央地方官員縣府指出直說鄰長防疫今天惠美縣長人數提報疫苗造冊昨天公開再次會上</t>
  </si>
  <si>
    <t>衛福部長陳時中昨天說明中央與地方官員造冊約3萬人打疫苗地方官員達936％。提報人數彰化縣8723人是第一名彰化縣長王惠美今天在防疫說明會上再次公開說明並向7899位鄰長們直說拍謝指出縣府依中央規定將鄰長列冊在第二類來施打卻被中央誤會是官員了。
「我們不是官員是第一線協助防疫工作人員」彰化縣被爆出官員列冊施打達8723人不少人都傻眼了彰化官員這麼多啊？鄰長也喊冤我們可不是什麼官不過是任勞任怨為民跑腿幫忙奔走分送傳單、選單只是服務啊。
王惠美強調彰化縣政府施打疫苗完全依照中央規定造冊施打經查這次中央公佈的第二類人員彰化縣8283人當中其中有7899位是鄰長他們並非官員是在第一線協助防疫的工作人員抱歉害他們被中央誤會是官員針對此事縣府再次向他們說聲抱歉也希望中央在公佈相關資料前要先解釋清楚不要讓這些第一線辛苦工作的鄰長被冤枉。
「中央明明知道又公佈是不是刻意要誤導？」衛生局長葉彥伯沒有正面接招表示數字說明清楚就好了一切都是按照中央規定來辦理第二類人員中鄰長占98％其餘還包括是一戶一社工的社工等防疫工作人員其餘才是縣府的官員「鄰長被當作官被誤會了」。
王惠美表示彰化縣第七輪AZ疫苗接種簡訊通知符合資格人數4萬6668人增開通知23至28歲2萬1823人完成預約者3萬7400人中央配發本縣AZ疫苗量分兩批次第一批已在8月31日到貨1萬9400劑9月3日、4日施打第二批AZ將在9月8、9、10日分3天施打。
針對第七輪符合預約對象加選BNT疫苗未完成預約者在8月31日下午4點後可加選；而已完成預約者在9月11日起才可進行加選。只要在國高中有學籍的就會協助造冊直接到學校進行疫苗施打並請家長簽署疫苗施打同意書。其餘優先提供給18至22歲的對象至預約平臺意願登記及預約。</t>
  </si>
  <si>
    <t>衛福 部長 陳時中 昨天 說明 中央 與 地方 官員 造冊 約 3萬 人 打 疫苗 地方 官員 達 936 提報 人數 彰 化 縣 8723 人 是 第一 名 彰 化 縣長 王 惠美 今天 在 防疫 說明 會上 再次 公開 說明 並 向 7899 位 鄰長 們 直說 拍 謝 指出 縣府 依 中央 規定 將 鄰長 列 冊 在 第二 類 來 施打 卻 被 中央 誤會 是 官員 了 我們 不是 官員 是 第一 線 協助 防疫 工作人員 彰 化 縣 被 爆出 官員 列 冊 施打達 8723 人 不少 人 都 傻眼 了 彰 化 官員 這麼 多 啊 鄰長 也 喊冤 我們 可不是 什麼 官 不過 是 任勞任怨 為民 跑腿 幫忙 奔走 分送 傳單 選單 只 是 服務 啊 王 惠美 強調 彰 化 縣政府 施打 疫苗 完全 依照 中央 規定 造冊 施打 經查 這次 中央 公佈 的 第二 類 人員 彰 化 縣 8283 人 當中 其中 有 7899 位 是 鄰長 他們 並非 官員 是 在 第一線 協助 防疫 的 工作人員 抱歉 害 他們 被 中央 誤會 是 官員 針對 此事 縣府 再次 向 他們 說 聲 抱歉 也 希望 中央 在 公佈 相關 資料 前 要 先 解釋 清楚 不 要 讓 這些 第一線 辛苦工作 的 鄰長 被 冤枉 中央 明明 知道 又 公佈 是不是 刻意 要 誤導 衛生局長 葉 彥 伯 沒有 正面 接 招 表示 數字 說明 清楚 就 好 了 一切都是 按照 中央 規定 來 辦理 第二 類 人員 中 鄰長 占 98 其 餘 還 包括 是 一 戶 一 社 工 的 社 工 等 防疫 工作人員 其 餘 才 是 縣府 的 官員 鄰長 被 當作 官 被 誤會 了 王 惠美 表示 彰 化 縣 第 七 輪 az 疫苗 接種 簡訊 通知 符合 資格 人數 4萬6668 人 增開 通知 23 至 28 歲 2萬1823 人 完成 預約 者 3萬7400 人 中央 配發 本縣 az 疫苗 量 分 兩 批次 第一 批 已 在 8 月 31 日 到貨 1萬9400 劑 9 月 3 日 4 日 施 打 第二 批 az 將 在 9 月 8910 日 分 3 天 施 打 針對 第 七 輪 符合 預約 物件 加選 bnt 疫苗 未 完成 預約 者 在 8 月 31 日 下午 4 點 後 可加 選 而已 完成 預約 者 在 9 月 11 日 起 才 可 進行 加選 只要 在 國高中 有 學籍 的 就 會 協助 造冊 直接 到 學校 進行 疫苗 施打 並 請 家長 簽署 疫苗 施打 同意書 其 餘 優先 提供 給 18 至 22 歲 的 對象 至 預約 平臺 意願 登記 及 預約</t>
  </si>
  <si>
    <t>中央鄰長疫苗官員預約施打說明防疫公佈造冊縣府az規定協助惠美工作人員誤會完成物件進行</t>
  </si>
  <si>
    <t>官員鄰長施打預約造冊</t>
  </si>
  <si>
    <t>鄰長施打官員造冊預約</t>
  </si>
  <si>
    <t>《股利-其他》豐泰擬派利6元Nike未砍單鬆口氣</t>
  </si>
  <si>
    <t>派利nike豐泰股利鬆口氣</t>
  </si>
  <si>
    <t>製鞋大廠豐泰(9910)2019年稅後純益6231億元年增1839%每股純益為848元董事會通過每股擬配息4元、配股2元。受新冠肺炎疫情影響運動品牌產品銷售下滑難以避免首季業績是否出現衝擊值得留意。據目前的訂</t>
  </si>
  <si>
    <t>純益衝擊出現是否業績首季難以避免下滑產品銷售配股豐泰品牌運動影響疫情肺炎值得董事會大廠留意</t>
  </si>
  <si>
    <t>製鞋大廠豐泰(9910)2019年稅後純益6231億元年增1839%每股純益為848元董事會通過每股擬配息4元、配股2元。
受新冠肺炎疫情影響運動品牌產品銷售下滑難以避免首季業績是否出現衝擊值得留意。據目前的訂單能見度主力客戶Nike尚未因疫情影響而砍單豐泰能否維持全年出貨年增預期尚待觀察。
豐泰前2月營收11496億元年增573%但獲利呈衰退情形前2月營業利益729億元年減426%；稅後淨利663億元年減305%EPS09元。
豐泰今年仍將擴大越南、印度佈局越南春祿工業區廠新產線持續開出另外董事會日前通過投資2700萬美元承租越南平順省德令4588公頃土地計劃將打造新的製鞋基地。</t>
  </si>
  <si>
    <t>豐泰越南疫情影響董事會純益衝擊出現值得是否留意業績目前首季訂單難以避免能見度下滑主力產品銷售</t>
  </si>
  <si>
    <t>豐泰每股純益新冠肺炎疫情運動品牌越南</t>
  </si>
  <si>
    <t>肺炎疫情運動品牌純益越南豐泰</t>
  </si>
  <si>
    <t>足跡往返曝光確診幼稚園新北</t>
  </si>
  <si>
    <t>新北市板橋某幼兒園教保員確診今日又新增8名幼兒與1名家長確診。新北衛生局今公佈確診老師相關足跡老師在上月底至本月初時經常搭乘捷運板南線往返頂埔站和新埔站另外也曾經在上月29日抵達板橋環球購物中心</t>
  </si>
  <si>
    <t>確診上月板橋新北老師抵達往返搭乘今日家長經常初時本月新埔曾經幼稚園</t>
  </si>
  <si>
    <t>新北市板橋某幼兒園教保員確診今日又新增8名幼兒與1名家長確診。新北衛生局今公佈確診老師相關足跡老師在上月底至本月初時經常搭乘捷運板南線往返頂埔站和新埔站另外也曾經在上月29日抵達板橋環球購物中心。
新北衛生局公佈的確診足跡圖顯示該教師曾在上月23至27日、上月30至31日、本月2至3日搭乘捷運板南線往返頂埔站和新埔站另外上月29日也曾搭乘捷運從頂埔站到板橋站並在板橋環球購物中心B1逗留之後再搭捷運返回頂埔站。
該名教師也曾在上月22日搭乘捷運從頂埔站到新埔站並搭乘805公車到新泰游泳池站之後再搭乘786公車返回捷運府中站之後再到頂埔站。</t>
  </si>
  <si>
    <t>上月搭乘確診板橋之後新北足跡中心衛生局返回購物環球公佈教師公車老師曾在新埔今日本月</t>
  </si>
  <si>
    <t>頂埔站搭乘老師確診新埔站</t>
  </si>
  <si>
    <t>老師搭乘確診新埔</t>
  </si>
  <si>
    <t>護理營運產後促銷</t>
  </si>
  <si>
    <t>擔心坐月子太貴？為使新產婦在防疫期間享受五星級月子中心服務新寶產後護理之家督導長黃琦惠透露6月30日前入駐試營運期間不限房型、入住天數全面58折優惠。新寶產後護理之家可遠眺觀音山、淡水河景觀採</t>
  </si>
  <si>
    <t>期間月子護理產後觀音遠眺貴?為淡水透露入駐日前營運產婦房型入住天數防疫全面</t>
  </si>
  <si>
    <t>擔心坐月子太貴？為使新產婦在防疫期間享受五星級月子中心服務新寶產後護理之家督導長黃琦惠透露6月30日前入駐試營運期間不限房型、入住天數全面58折優惠。
新寶產後護理之家可遠眺觀音山、淡水河景觀採歐式獨棟建築風格且電梯與磁扣有樓層管控每層不超過四間月子房人員進出單純宛如在自己家裡保有隱私。黃琦惠強調新寶產後護理之家係以豪宅建案理念設計空間寬廣的現代及古典風格月子房讓產婦和Baby都能有最好的休息與照護。
新寶產後護理之家有專業小兒科、婦產科、內科、復健科等醫療團隊進駐定時巡診用心照護每位媽媽及寶寶提供健康、安心、舒適環境。嬰兒室24小時空氣淨化管控嚴格的負壓觀察隔離室讓寶寶在安全環境成長也有專為寶寶量身設計的迷你游泳池可促進寶寶感覺統合發展。
為防範新冠肺炎（COVID-19）新寶產後護理之家24小時門禁嚴格管控進入館內必須量額溫若體溫超過375度或有出國史皆不得進入。入內手部須先消毒並換上消毒過後的室內拖鞋及隔離衣公共區域每天中午與晚上定時紫外線消毒。配合衛生局防疫措施防疫期間陪宿者限一位全面禁止訪客探視。
新寶產後護理之家對月子餐的設計主打多樣創意料理。天天新鮮現煮菜單不重覆食材嚴選台灣在地產出無重金屬、農藥雙主菜設計補充產婦優質蛋白質由專業營養師團隊調配。
新寶產後護理之家於4月1日開幕後廣受準媽媽們的好評紛紛預約報名參觀。為了貴賓們的健康及全力配合政府全面防疫特採取一次只接待一組參觀貴賓以防群聚感染另於貴賓參觀後消毒。</t>
  </si>
  <si>
    <t>護理產後設計寶寶產婦防疫消毒期間月子參觀進入貴賓超過定時子房環境媽媽全面健康團隊專業嚴格</t>
  </si>
  <si>
    <t>參觀消毒寶寶風格管控</t>
  </si>
  <si>
    <t>管控參觀寶寶風格消毒</t>
  </si>
  <si>
    <t>全程口罩距離維持社交葬禮參加肺炎</t>
  </si>
  <si>
    <t>新冠肺炎疫情越演越烈就算有維持好社交距離、戴上口罩還是有可能會被感染在美國明尼蘇達州的一場喪禮共有50多人參加全程都有配戴口罩且有維持社交距離但其中仍有30人先後感染新冠肺炎。根據明尼蘇達州當</t>
  </si>
  <si>
    <t>感染口罩維持明尼蘇達州社交距離肺炎喪禮共有參加全程美國可能都有配戴就算</t>
  </si>
  <si>
    <t>新冠肺炎疫情越演越烈就算有維持好社交距離、戴上口罩還是有可能會被感染在美國明尼蘇達州的一場喪禮共有50多人參加全程都有配戴口罩且有維持社交距離但其中仍有30人先後感染新冠肺炎。
根據明尼蘇達州當地媒體《明星論壇報》報導上月初有名78歲老翁因帕金森氏症及併發症死亡其家人在教堂舉行葬禮共有50多人參加且都有戴口罩、彌撒時也有保持社交距離但在葬禮結束沒幾天就傳出有人確診最後人數多達30人。
對此該名老翁的女兒史黛芬妮（Stephanie Schindler）回應當時雖然大家都有配戴口罩但在彌撒結束之後大家情緒十分低落當時就有人用手拭淚隨後大家也有互相擁抱病毒可能就是藉此傳染開來。
史黛芬妮認為本起事件說明就算在人煙稀少的地區新冠肺炎病毒的威脅仍非常大就算大家都有注意防疫戴起口罩但還是有許多人受到感染也讓大家清楚理解到新冠病毒的傳染力有多可怕。
更多 CTWANT 報導</t>
  </si>
  <si>
    <t>口罩就算病毒感染老翁肺炎芬妮傳染當時社交葬禮結束距離明尼蘇達州可能共有報導配戴參加彌撒</t>
  </si>
  <si>
    <t>50參加葬禮維持社交距離</t>
  </si>
  <si>
    <t>維持參加社交距離葬禮</t>
  </si>
  <si>
    <t>副作用台大醫疫苗局部反應明年</t>
  </si>
  <si>
    <t>疫情指揮中心昨日表示第三劑最快於1月1日開打對象以高危險和高接觸風險族群優先一般民眾也可自行評估接種。對此台大家醫科醫師何忠祐表示接種完整兩劑疫苗6個月後保護力都會下降若前兩劑皆是打AZ的族群</t>
  </si>
  <si>
    <t>表示兩劑接種族群快於一般優先民眾評估自行對此下降都會保護完整疫苗昨日對象接觸風險</t>
  </si>
  <si>
    <t>疫情指揮中心昨日表示第三劑最快於1月1日開打對象以高危險和高接觸風險族群優先一般民眾也可自行評估接種。對此台大家醫科醫師何忠祐表示接種完整兩劑疫苗6個月後保護力都會下降若前兩劑皆是打AZ的族群未出現嚴重不良反應的話第三劑以mRNA（輝瑞／BNT或莫德納）為主其中又以BNT及莫德納的局部副作用會比較多。
何忠祐昨（29）日於個人臉書粉專《何忠祐醫師 Dr Eric 家醫。美食。健康體態》分析各廠牌疫苗保護力會隨著時間遞減且面臨變異株的威脅施打第三劑是可以提供較佳的保護力。根據美國研究指出BNT的保護力會從869%降到433%、莫德納會從892%降至580%嬌生的下降幅度最大從864%下降剩131%；另一篇英國研究也顯示打完兩劑AZ疫苗4個月後保護力也會有明顯的下降。
何忠祐也提國外現行政策表示打滿兩劑AZ若沒有出現嚴重不良反應加拿大、美國及英國第三劑都是以mRNA疫苗為主且與第二劑間格至少６個月。
至於副作用何忠祐說接種三劑BNT及莫德納第三劑整體副作用發生率和第二劑相似若將副作用細分成局部及全身性會發現第三劑的局部副作用較第二劑高全身性的副作用較第二劑則相對低。另外打完兩劑AZ再打一劑mRNA會出現常見的副作用包括注射處疼痛持續1至2天、疲倦、全身痠痛及發熱等症狀。
何忠祐提醒一般民眾若不確定自己是否適合打第三劑可以考量自身染疫風險、是否屬於重症高風險族群、對副作用的耐受度、是否有不適合接種疫苗的情況、有無疫苗禁忌症等因素做為評估標準。</t>
  </si>
  <si>
    <t>副作用疫苗保護兩劑接種下降表示azbnt族群何忠右mrna莫德納是否出現可以醫師風險局部一般</t>
  </si>
  <si>
    <t>第三劑加強針副作用新冠疫苗保護力</t>
  </si>
  <si>
    <t>疫苗副作用保護加強</t>
  </si>
  <si>
    <t>栓塞莫德納後腦治療基隆半邊無力</t>
  </si>
  <si>
    <t>基隆市七堵區一名年約70歲陳姓婦人7月初施打第一劑莫德納疫苗約一周後出現急性腦栓塞不良反應送醫後立即進行動脈取栓手術一度失去意識送入加護病房婦人目前雖已恢復意識但左側肢體仍無力持續在醫院復健</t>
  </si>
  <si>
    <t>婦人意識肢體陳姓左側立即恢復莫德納進行疫苗動脈手術目前一度無力失去病房送入月初不良反應送醫</t>
  </si>
  <si>
    <t>基隆市七堵區一名年約70歲陳姓婦人7月初施打第一劑莫德納疫苗約一周後出現急性腦栓塞不良反應送醫後立即進行動脈取栓手術一度失去意識送入加護病房婦人目前雖已恢復意識但左側肢體仍無力持續在醫院復健治療長達4個月家屬盼能釐清原因。
陳婦丈夫表示太太7月接種疫苗身體沒有明顯不適直到8天後的晚上2人一起在客廳看電視太太要拿眼鏡配戴時手部突無法控制一直掛不好也放不開沒多久身體便開始抖動長達1至2分鐘整個人一度要倒下嚇得趕緊報警他說太太平常身體健朗也沒有慢性疾病沒想到打疫苗後出現狀況送醫後已治療長達4個月盼能趕快康復回家也希望市府能給予關心、協助。
據瞭解陳姓婦人於7月6日接種第1劑莫德納疫苗返家後注射部位發癢、疲累症狀休息後雖有所改善但手臂仍持續發癢疼痛且疑似出現容易瘀血現象直到7月14日晚上在家中看電視時身體突然開始顫抖人癱軟在沙發上無法言語身體不自覺傾斜、嘴角流有口沫等症狀。
婦人送醫後院方診斷為急性腦栓塞立即施打血栓溶解劑並進行動脈取栓手術取出少部分血栓術後一度失去意識轉入加護病房治療直到8月12日病況穩定才轉至其他分院一般病房婦人目前能正常言語表達逐漸康復唯獨左側肢體仍無力持續在醫院復健中。
衛生局指出醫院接獲個案有不適狀況後於7月19日通報不良反應事件局內也在7月21日協助個案申請藥害救濟並完成病例調閱已於10月29日送往中央流行疫情指揮中心審議另外也提供相關急難救助資訊給婦人若家屬有需要可以向區公所提出申請。
市議員張耿輝呼籲相關單位要注意狀況並進行檢討市府也要積極給予家屬協助不要不聞不問。</t>
  </si>
  <si>
    <t>婦人身體疫苗家屬太太直到狀況協助一度長達治療出現病房意識持續進行申請相關送醫言語發癢</t>
  </si>
  <si>
    <t>新冠肺炎台灣身體婦人7月</t>
  </si>
  <si>
    <t>身體臺灣肺炎婦人</t>
  </si>
  <si>
    <t>藍綠挺推出縣府圓夢口水減稅停止射箭</t>
  </si>
  <si>
    <t>新冠肺炎衝擊中央提出600萬元紓困專案民進黨彰化縣團17日指出至今都沒有看到彰化縣政府的紓困計畫；彰縣府示則強調防疫不分藍綠、紓困更需團結將成立整合單一視窗縣府並推出幸福圓夢貸款計畫辦理農業</t>
  </si>
  <si>
    <t>紓困縣府中央提出貸款專案成立整合團結單一視窗圓夢推出民進衝擊不分幸福指出防疫至今</t>
  </si>
  <si>
    <t>新冠肺炎衝擊中央提出600萬元紓困專案民進黨彰化縣團17日指出至今都沒有看到彰化縣政府的紓困計畫；彰縣府示則強調防疫不分藍綠、紓困更需團結將成立整合單一視窗縣府並推出幸福圓夢貸款計畫辦理農業紓困貸款依營業情形予以減徵娛樂稅等並疾呼不分黨派向中央爭取更多實質的疏困經費後續也會就中央不足部分研擬適當方案。
民進黨團總召尤瑞春議員賴清美、莊陞漢、賴澤民、李成濟等指出縣內各行各業無不成為這疫情下的受災戶不禁要來問問縣政府紓困作為在哪裡？不能就是觀望600億紓困專案應有妥善調查好好準備向中央爭取許多縣市都已經「射箭」了。
彰化縣政府表示這次防疫工作臺灣做得比其他國家早也好是各地方政府不分藍綠全力遵從中央指揮疫情造成商圈、零售業、農漁牧業以及觀光產業等衝擊600億元紓困特別預算也在立院朝野各黨團一毛未刪三讀通過證明惟有不分中央、地方、不分黨派、大家停止口水、團結一致才能一齊度過難關。
縣長王惠美表示雖然地方政府資源有限但從疫情開始就於主管周報中要求各單位提出對應疫情紓困的推動作為目前縣府各相關局處的作為有下列幾項：
一、經綠處表示1 推出彰化縣幸福圓夢貸款計畫正與多家銀行洽談提供利息補貼申請一年的利息全免減輕急需資金週轉的縣內中小企業及商號的負擔亦適用經濟部日前函頒「經濟部對受嚴重特殊傳染性肺炎影響發生營運困難產業事業紓困振興辦法」可申請展延本金償還期限一年免收手續費。2 配合中央紓困計畫內容建立整合中央、地方紓困服務單一窗口。
二、農業處表示1 辦理農漁業紓困貸款。2 籌辦彰化蛋品行銷推廣活動。3 與埤頭鄉農會、溪湖鄉農會與埔鹽鄉農會等3個大宗蔬菜生產地農會合作3月17日聯合辦理「大宗蔬菜多元加工暨創新料理活動」。4 補助集運費以輔導轄下果菜市場收購花椰菜加工紓困。
三、城市暨觀光發展處針對低迷觀光產業為開發國際觀光市場邀請大型旅行社至彰化縣考察旅遊環境並舉辦與縣內業者座談會後期望在疫情平穩後快速爭取到國際市場。 此外也積極參與各項産業座談會向中央爭取把相關產業能納入紓困對象內並運用各種經濟及旅遊期刊管道適時報導縣內旅遊美食秘境景點等等介紹強化促銷帶動買氣。目前交通部許多紓困方案都要求由公協會直接提案城觀處仍主動協助彰化縣旅遊產業協會提案作業產業合作謀求最大利益。
四、地方稅務局的紓困方案1 稅務服務線上申辦。2延繳。3減稅：受疫情衝擊娛樂業者依營業情形予以減徵娛樂稅。</t>
  </si>
  <si>
    <t>紓困中央疫情產業不分爭取地方表示旅遊方案衝擊市場貸款縣府觀光辦理縣政府作為活動</t>
  </si>
  <si>
    <t>新冠肺炎武漢肺炎新型冠狀病毒台灣紓困</t>
  </si>
  <si>
    <t>肺炎武漢冠狀臺灣病毒紓困</t>
  </si>
  <si>
    <t>今年臺灣全球分析產業年高</t>
  </si>
  <si>
    <t>資策會產業情報研究所（MIC）表示由於新冠肺炎疫情帶動換機潮提前預估今年全球筆電出貨將達17億台、成長達6％其中台灣筆電出貨估成長達79％雙創近5年新高。不過由於換機潮提前預估明年全球筆電出貨將</t>
  </si>
  <si>
    <t>提前情報研究所mic表示預估全球產業肺炎疫情帶動雙創估成臺灣明年今年</t>
  </si>
  <si>
    <t>供應臺灣中國遷移成為mic市場元件大陸組裝廠關鍵零預估組裝東南亞中心伺服器</t>
  </si>
  <si>
    <t>資策會MIC筆電出貨成長</t>
  </si>
  <si>
    <t>mic成長</t>
  </si>
  <si>
    <t>加州全數惡化室內疫情活動</t>
  </si>
  <si>
    <t>美國疫情再陷惡化特別以「陽光地帶」的南部州最為嚴峻不僅佛羅裡達州創下全美各州單日新增確診最多的15299起紀錄後加州13日也傳出單日新增8358起確診、23死讓加州州長紐森當日再次對該州祭出室內活動限制</t>
  </si>
  <si>
    <t>美國 疫情 再 陷 惡化 特別 以 陽光 地帶 的 南部 州 最為 嚴峻 不僅 佛羅里達州 創下 全美 各州 單日 新增 確診 最 多 的 15299 起 紀錄 後 加州 13 日 也 傳出 單日 新增 8358 起 確診 23 死 讓 加州 州長 紐森 當日 再次 對 該州 祭出 室內 活動 限制</t>
  </si>
  <si>
    <t>加州新增確診惡化特別陽光再次地帶當日南部紐森最為州長嚴峻祭出佛羅里達州創下全美傳出紀錄室內</t>
  </si>
  <si>
    <t>美國疫情再陷惡化特別以「陽光地帶」的南部州最為嚴峻不僅佛羅裡達州創下全美各州單日新增確診最多的15299起紀錄後加州13日也傳出單日新增8358起確診、23死讓加州州長紐森當日再次對該州祭出室內活動限制令餐廳、酒吧、博物館、電影院以及健身房等室內活動必須關閉立即生效。
NEW: #COVID19 cases continue to spread at alarming rates CA is now closing indoor operations STATEWIDE for:-Restaurants-Wineries-Movie theaters family entertainment-Zoos museums-CardroomsBars must close ALL operations
綜合美國有線電視新聞網與《國會山莊》報報導加州公共衛生署13日表示除了新增8千多起確診之外過去兩周以來加州因新冠肺炎住院的比例也大增28%；目前全加州新冠肺炎病患總確診數已來到329162起並造成7040人死亡。
報導指出在加州58個郡中其中30個郡已列入州政府的監視名單包括洛杉磯郡、橘郡、沙加緬度郡等都必須關閉如健身房、教堂、個人看護、美髮廳以及部分非必要的辦公室等室內活動。餐廳仍允許戶外用餐與外帶。
紐森（Gavin Newsom）表示我們正看到病毒正加速傳播「這就是讓所有州政府成員清楚認知到為何新冠病毒不會太快離開」。他指出這次禁止室內活動的規定比較像是先前「居家隔離」令的微調版本也有提出許多允許例外的情況預計新規定須實行3周。
此外舊金山與聖地亞哥也宣佈下個月起的新學期所有學校都採線上教學直到公衛條件許可時才會回復面對面授課。</t>
  </si>
  <si>
    <t>加州活動室內確診operations新增州政府病毒規定紐森允許報導指出關閉必須表示健身房餐廳肺炎惡化</t>
  </si>
  <si>
    <t>新冠病毒武漢肺炎新冠肺炎COVID-19室內</t>
  </si>
  <si>
    <t>肺炎covid-室內武漢病毒</t>
  </si>
  <si>
    <t>楊冪世十裡桃花喊話醫護防疫英雄</t>
  </si>
  <si>
    <t>楊冪、趙又廷、迪麗熱巴主演的仙俠神劇《三生三世十裡桃花》6日起將重回中天娛樂台陪伴觀眾渡過防疫非常時期。該劇播出至今在網路平臺創下近530億次的驚人點播數字不但讓楊冪再添一部代表作品更讓男主角趙又廷</t>
  </si>
  <si>
    <t>楊冪趙又廷神劇世十裡桃花中天娛樂陪伴觀眾渡過防疫數字非常時期播出至今網路創下平臺點播</t>
  </si>
  <si>
    <t>楊冪、趙又廷、迪麗熱巴主演的仙俠神劇《三生三世十裡桃花》6日起將重回中天娛樂台陪伴觀眾渡過防疫非常時期。該劇播出至今在網路平臺創下近530億次的驚人點播數字不但讓楊冪再添一部代表作品更讓男主角趙又廷紅遍兩岸三地迪麗熱巴也知名度大開成為新一代女神。
《三生三世十裡桃花》劇情集結了虐心浪漫、仙俠武鬥的元素無論首播或重播都能掀起一股追劇熱潮近日有一名因為新冠肺炎疫情而忙碌不堪的醫護人員在她的個人網路平臺透露「在許多睡不著的狀態下就會重新再看一次《三生三世十裡桃花》因為有女神楊冪的陪伴才能安心入睡」沒想到楊冪竟現身留言區親自回覆她「你們是真英雄！加油！要件健康康的早點回家」楊冪的舉動讓這名醫護人員非常開心無疑為她在精神上打了一支強心針粉絲們也大讚「楊冪女神超貼心！」
《三生三世十裡桃花》在今年更推出續集《三生三世枕上書》讓劇迷們相當期待楊冪再度扮演同一個角色「白淺」更是新戲一大看點。這回她在續集裡終於與趙又廷舉行大婚這更是劇粉心中是相隔3年殷殷期盼的大結局但其實早在《三生三世十裡桃花》中楊冪與趙又廷已定下婚期也生下兒子卻直到續集《枕上書》才完成大婚典禮網友紛紛回憶「不禁想起3年前那段天天熬夜追劇的日子啊」但也有人失落趙又廷竟在續集沒有客串遺憾缺少了夜華(趙又廷飾)登場。想看更多精彩內容敬請鎖定4月6日起週一至週五晚間8點至10點中天娛樂台《三生三世十裡桃花》。</t>
  </si>
  <si>
    <t>楊冪趙又廷世十裡桃花續集女神醫護人員非常平臺網路陪伴</t>
  </si>
  <si>
    <t>楊冪三生三世十裡桃花趙又廷續集迪麗熱巴</t>
  </si>
  <si>
    <t>桃花世十裡趙又廷續集楊冪迪麗熱巴</t>
  </si>
  <si>
    <t>民眾開放</t>
  </si>
  <si>
    <t>台灣本土新冠肺炎疫情嚴峻在短短兩週內感染人數近7000 人不過中央流行疫情指揮中心今天表示預測病毒傳播力的Rt值下降表示高峰已過本土疫情即將趨緩國民黨立委林思銘指出台灣篩檢能量不足社區無症狀感</t>
  </si>
  <si>
    <t>疫情表示臺灣本土不足能量指出社區林思銘國民黨病毒傳播預測嚴峻下降肺炎周內感染人數即將今天中央</t>
  </si>
  <si>
    <t>台灣本土新冠肺炎疫情嚴峻在短短兩週內感染人數近7000 人不過中央流行疫情指揮中心今天表示預測病毒傳播力的Rt值下降表示高峰已過本土疫情即將趨緩國民黨立委林思銘指出台灣篩檢能量不足社區無症狀感染者黑數龐大他建議政府開放民眾購買方便使用的快篩試劑做篩檢以盡速找出感染者。
林思銘說所謂「Rt值」(有效傳染數)是估算病毒在一定時間內能夠傳播給多少人的能力基礎來自於「Ro值」(基本傳染數)。但是現在台灣篩檢量能不足一天最多只能提供2萬人次篩檢韓國可達一天20萬人次目前社區內存在太多無症狀感染者病原傳染期間和接觸史都無從調查會造成相當程度的估算失準不知疫情指揮官陳時中到底那兒來的自信？
林思銘表示過去一年間不斷有人建議就「快篩」提前部署但指揮中心都不為所動如今在牛津大學公佈世界Covid-19每千人篩檢率中截至5／25為止台灣僅千分之17349遠低於韓國的千分之184821世界排名倒數第二；而台灣重症率為15％遠高於世界各國的5％-10％也顯示未被篩檢出的輕症或無症狀患者相當多這些人現在仍隱身在各社區內繼續傳播病毒。
林思銘說先前防疫指揮中心曾經公佈國產快篩試劑在疫情熱區靈敏度高達90％以上歐美許多國家甚至在超商、超市都已經可以購得試劑供民眾自行檢測在短期疫苗供應不足的狀況下台灣應參酌世界各國防疫經驗開放民眾購買方便使用的快篩試劑做篩檢以盡速找出感染者進行相對處置避免疫情繼續擴大蔓延。</t>
  </si>
  <si>
    <t>疫情臺灣感染者世界試劑社區表示症狀中心指揮不足民眾估算建議現在防疫</t>
  </si>
  <si>
    <t>林思銘篩檢新冠肺炎台灣快篩試劑</t>
  </si>
  <si>
    <t>肺炎臺灣試劑林思銘</t>
  </si>
  <si>
    <t>原鄉豐年縣政府停辦衝擊疫情</t>
  </si>
  <si>
    <t>為有效防範新型冠狀病毒疫情蔓延台東縣政府今日正式函文通知各鄉鎮市公所建議轄內各原住民族部落今年度歲時祭儀停辦或延後辦理視疫情規劃辦理情形掌握部落自發性的祭儀及活動並應訂定相關應變機制以做好</t>
  </si>
  <si>
    <t>疫情部落辦理相關蔓延應訂台東縣政府活動正式今日函文通知儀及各鄉鎮應變市公所建議轄內原住自發性民族延後停辦病毒掌握今年情形</t>
  </si>
  <si>
    <t>為有效防範新型冠狀病毒疫情蔓延台東縣政府今日正式函文通知各鄉鎮市公所建議轄內各原住民族部落今年度歲時祭儀停辦或延後辦理視疫情規劃辦理情形掌握部落自發性的祭儀及活動並應訂定相關應變機制以做好原鄉部落防疫措施。
每年從6月底開始台東地區有上百場的阿美族豐年祭及魯凱族、排灣族、卑南族收穫祭陸續登場一直到9月底；去年疫情爆發後台東縣政府原住民行政處基於部落自主由部落自行決定是否辦理有部落取消有部落如期舉行有部落則縮小規模。
往年原鄉的歲時祭儀即使是颱風天也照常辦理這次疫情來得急又猛台東縣政府已行文至鄉鎮公所建請各原住民族部落今年度歲時祭儀停辦或延後辦理並應訂定相關應變機制以做好原鄉防疫措施。
據瞭解由台東市公所舉辦具有指標的「馬卡巴嗨」豐年祭活動決定取消這也是第2年取消；另外每3年1次的全縣阿美族聯合豐年祭剛好今年舉行目前尚未討論取消或是延期。
達魯瑪克部落頭目古昌弘表示每年7月第2個星期舉辦達魯瑪克收穫祭不對外公開的祭儀照常舉行而最受歡迎的盪鞦韆視疫情變化再決定。卑南族利嘉部落頭目潘村雲及阿美族馬蘭部落少年階層長老羅福慶都說必須召開會議後才會進一步做決定。
此外針對各部落自主成立防疫站實施進入部落實聯制等措施縣長饒慶鈴給予肯定也感謝族人自主防疫期間的辛勞縣府將結合部落與民間等各項管道一起努力抗疫。</t>
  </si>
  <si>
    <t>部落疫情台東辦理自主縣政府措施決定阿美族取消防疫豐年原鄉公所舉辦月底今年舉行照常活動收穫頭目達魯瑪克</t>
  </si>
  <si>
    <t>新冠肺炎台灣台東部落豐年祭</t>
  </si>
  <si>
    <t>台東臺灣肺炎部落豐年</t>
  </si>
  <si>
    <t>關閉持續夜市暫不加強防疫</t>
  </si>
  <si>
    <t>新冠肺炎疫情升溫夜市是否營業受矚目；南投縣副縣長陳正昇表示因在最新的疫情中南投縣目前尚未有確診案例且緊鄰的台中市也尚未全面禁止夜市設攤基於縣市聯防因此南投縣暫不關閉夜市後續將視疫情狀況</t>
  </si>
  <si>
    <t>夜市疫情尚未升溫後續是否台中案例關閉確診營業暫不矚目目前設攤縣長表示陳正升最新緊鄰全面禁止</t>
  </si>
  <si>
    <t>新冠肺炎疫情升溫夜市是否營業受矚目；南投縣副縣長陳正昇表示因在最新的疫情中南投縣目前尚未有確診案例且緊鄰的台中市也尚未全面禁止夜市設攤基於縣市聯防因此南投縣暫不關閉夜市後續將視疫情狀況做滾動式修正。
陳正昇表示縣府會持續加強夜市、賣場等公共場所的防疫宣導要求攤販業者及逛街民眾都戴口罩、保持社交距離加強各項防疫措施；縣府也要求夜市管委會多鼓勵民眾外帶降低現場聚集人數減少夜市出入口盡量做到人數總量管控並能加大攤販攤位和現場座位的間距盡量避免民眾聚集。
至於八大行業在南投並不盛行實際上也是門可羅雀縣府將會持續宣導防疫及稽查。</t>
  </si>
  <si>
    <t>夜市民眾疫情防疫縣府攤販現場聚集要求陳正升表示加強人數尚未持續升溫總量管控做到並能加大攤位都戴</t>
  </si>
  <si>
    <t>南投防疫夜市新冠肺炎台灣</t>
  </si>
  <si>
    <t>夜市防疫肺炎臺灣</t>
  </si>
  <si>
    <t>確診遍佈足跡最新公佈全聯家樂福</t>
  </si>
  <si>
    <t>案6348太平區58歲牧場男員工5月15日曾至南投草屯東方紅時尚會館按摩21日出現症狀、25日採檢確診。案6349太平區58歲工廠男員工5月16日曾至桃園旅遊22日出現症狀25日就醫採檢26日確診；案6350北區23歲日本</t>
  </si>
  <si>
    <t>確診男員工出現症狀太平區時尚草屯曾至南會館工廠東方紅按摩桃園曾至旅遊牧場就醫日本</t>
  </si>
  <si>
    <t>案6348太平區58歲牧場男員工5月15日曾至南投草屯東方紅時尚會館按摩21日出現症狀、25日採檢確診。
案6349太平區58歲工廠男員工5月16日曾至桃園旅遊22日出現症狀25日就醫採檢26日確診；案6350北區23歲日本男性擔任大學教練去年3月入境後未再出境5月16日出現症狀25日至醫院採檢確診。
案6352龍井區25歲北部大學女研究生5月15日曾至男友外公（案3010）位於新北市家中聚餐16日返回男友台中住處23日出現症狀25日採檢確診男友檢驗結果陰性。
案6541潭子區33歲工廠女包裝員4月30日至5月1日曾至板橋旅遊5月24日出現症狀26日採檢確診；案6542豐原區69歲女性家管原居住於臺北萬華5月17日全家南下回台中居住19日出現症狀26日採檢確診。
案6761西屯區2歲男童為案1943的外孫、案2016（重慶國小六年級確診個案）的弟弟5月19日因匡列為接觸者與媽媽至檢疫所居家隔離25日發燒至醫院採檢26日檢驗確診。以上確診個案均已匡列相關接觸者並進行採檢。
27日確診個案公共場域足跡包括5月14日19時30分至20時30分北屯區「暴走中村-雞白湯拉麵」；5月15日13時30分至16時北屯區「春水堂-崇德店」、17時北屯區「寶雅北屯東山店」停留超過15分鐘；5月20日10時13分至11時13分南屯區「全聯嶺東店」、18時北區「山嵐拉麵一中店」停留超過15分鐘；5月22日16時至17時25分西屯區「家樂福西屯店」。以上足跡均已通知店家加強清消。</t>
  </si>
  <si>
    <t>確診出現男友個案症狀分至曾至大學足跡接觸拉麵北屯區西屯區以上居住男員工停留工廠</t>
  </si>
  <si>
    <t>新冠肺炎台灣5月症狀25日</t>
  </si>
  <si>
    <t>症狀臺灣肺炎</t>
  </si>
  <si>
    <t>消費進入同步市場旺季商機運動休閒概念激勵響叮噹疫情</t>
  </si>
  <si>
    <t>新冠肺炎疫情激勵運動休閒商機且中、美兩大市場同步進入第四季消費旺季包括宏遠（1460）、喬山（1736）、岱宇（1598）等15檔運動休閒概念股股價響叮噹。15檔5日股價走揚的運動休閒概念股包括宏遠、喬山、岱宇</t>
  </si>
  <si>
    <t>運動休閒包括概念宏遠激勵市場商機同步進入四季消費旺季股價喬山岱宇疫情響叮噹肺炎</t>
  </si>
  <si>
    <t>新冠肺炎疫情激勵運動休閒商機且中、美兩大市場同步進入第四季消費旺季包括宏遠（1460）、喬山（1736）、岱宇（1598）等15檔運動休閒概念股股價響叮噹。
15檔5日股價走揚的運動休閒概念股包括宏遠、喬山、岱宇、美利達、東隆興、廣越、力山、寶成、利勤、遠東新、建大、巨大、得力、宜進、桂盟。
法人分析在新冠肺炎疫情蔓延期間人們較以往更重視健康運動休閒以戶外、不近距離接觸的活動如騎自行車、慢跑、登山為主並發展出在家健身以及線上互動新運動需求帶動相關運動健身器材、運動機能服飾等廠商訂單大增。
全球最大互動式健身器材公司Peloton Interactive的高端健身腳踏車與跑步機大賣該公司財報也轉虧為盈在川普染疫消息美股嚇跌之際Peloton股價不動如山持續向上攀升2020年迄今Peloton的股價累計狂飆逾261％。
國泰證期經理蔡明翰指出疫情激勵運動健康的需求導致紡織與自行車股價出現帶量轉強在長線基本面持續復甦短線具有疫情題材加持之下預期運動休閒族群有望延續相對強勢建議可持續偏多操作。
除此之外蔡明翰分析大陸進入10月黃金周且線上銷售迎來雙11及雙12兩大促銷檔期美國則在第四季將展開返校季的遞延消費以及感恩節、黑色星期五、聖誕節等節慶促銷活動在中、美同步進入傳統消費旺季下各相關廠商將喜迎第四季商機。
CMoney法人決策系統顧問呂漢威指出根據統計顯示在過去十五年的中秋節過後紡織股上漲機率達80％主要是服飾業有換季需求再加上第四季的消費旺季帶動運動休閒與消費電子也有機會受惠1111與超級星期五等消費節日只是今年多了美國大選投資人仍要留意短期股價波動。</t>
  </si>
  <si>
    <t>運動休閒股價消費四季疫情持續peloton需求進入自行車旺季指出美國法人紡織活動健身分析蔡明翰促銷廠商</t>
  </si>
  <si>
    <t>同步Peloton概念股運動休閒肺炎</t>
  </si>
  <si>
    <t>peloton概念運動休閒肺炎同步</t>
  </si>
  <si>
    <t>學者早就病毒</t>
  </si>
  <si>
    <t>新冠肺炎疫情延燒繼首列社區感染白牌車司機後又新增確診北部一名60多歲婦女找不到感染源這名婦女近2年未出國卻在1月22日發病當時台灣尚未對大陸採取任何入境限制學者表示顯示病毒可能早就進入台灣。根</t>
  </si>
  <si>
    <t>感染婦女臺灣顯示病毒表示學者社區限制入境採取大陸疫情尚未當時發病司機北部確診新增</t>
  </si>
  <si>
    <t>新冠肺炎疫情延燒繼首列社區感染白牌車司機後又新增確診北部一名60多歲婦女找不到感染源這名婦女近2年未出國卻在1月22日發病當時台灣尚未對大陸採取任何入境限制學者表示顯示病毒可能早就進入台灣。
根據中央流行疫情指揮中心表示該名婦女1月22日出現發燒、咳嗽症狀22日至29日曾4度至診所就醫後來因症狀加劇開始呼吸急促29日晚間送往急診診斷為肺炎30日住院2月10日轉入加護病房19日確診染新冠肺炎感染源不明。
長庚大學新興病毒感染研究中心主任施信如表示這名婦女發病當下台灣尚未針對大陸展開任何入境限制顯然新型冠狀病毒早就進入台灣若新冠肺炎疫情持續且出現明顯的群聚、重症應比照新加坡採取輕症在家休息、需隔離就自主管理而非集中管理的模式。
抗SARS專家蘇益仁教授表示社區感染、社區傳播只是不同程度的散播方式感染源不明就代表具有社區傳播的風險；政府應超前部署不論是防疫體系、醫療體系或民眾的注意事項都應公佈出標準建議流程以免當年SARS事件重演。
對於學者質疑病毒可能早就進入台灣指揮中心專家諮詢小組召集人張上淳表示由於當時大陸對於新冠肺炎相關訊息並不透明台灣所知有限相關技術也未完備新冠肺炎病毒更早進入台灣的可能性是存在的。
至於台灣第1起感染新冠肺炎死亡案例感染源是他載過的浙江台商之前採檢都陰性直到20日經2實驗室採檢結果顯示這名浙江台商有抗體曾感染新冠肺炎病毒。
這名浙江台商1月22日從中國大陸入境台灣過了8天後開始咳個不停1月30日和2月10日曾到2家診所就診但並沒有發燒且屬咳嗽輕症診所僅予止咳的藥物治療。
直到2月15日白牌司機死亡彰化縣衛生局追到這名台商進行流感快篩檢驗流感A型和B型病毒都呈陰性採驗新冠肺炎病毒也呈陰性但還是咳衛生局不敢大意馬上要求強制隔離目前仍住在醫院負壓隔離病房。</t>
  </si>
  <si>
    <t>感染臺灣肺炎表示病毒台商婦女社區中心大陸進入隔離診所陰性浙江疫情sars衛生局入境專家</t>
  </si>
  <si>
    <t>浙江台商病毒肺炎進入台灣</t>
  </si>
  <si>
    <t>台商肺炎病毒進入浙江臺灣</t>
  </si>
  <si>
    <t>元太反彈後市權王臺灣</t>
  </si>
  <si>
    <t>台股啟動大跌後反彈儘管新冠肺炎本土疫情仍在延續中研究機構仍專注在超跌電子股基本面上看好元太（8069）擴產幅度再增加受惠節能趨勢推升需求以及全新（2455）身為網通趨勢與大陸去美化主要受惠者分別給</t>
  </si>
  <si>
    <t>受惠趨勢反彈大陸網通肺炎本土疫情專注節能元太幅度增加基本擴產面上看好電子美化身為延續</t>
  </si>
  <si>
    <t>台股啟動大跌後反彈儘管新冠肺炎本土疫情仍在延續中研究機構仍專注在超跌電子股基本面上看好元太（8069）擴產幅度再增加受惠節能趨勢推升需求以及全新（2455）身為網通趨勢與大陸去美化主要受惠者分別給予「買進」投資評等。
大型投顧研究機構指出元太第一季毛利率創八年來單季新高其電子標籤與閱讀器均具潛力使擴產幅度再增加並應大陸節能政策積極拓展當地市場加上現金殖利率達48％看好投資價值。
法人指出元太董事會先前已通過未來在新竹架設新產線惟經營管理階層再度表示2021年資本支出可能由15億元增加至20億元較2019、2020年的55、76億元大幅提升亦為五年新高。
元太經營管理階層表示彩色電子紙目前以Kaleido plus、Spectra 3100、Gallery三種為主多應用於教科書、電子貨架標籤與廣告看板因反應速度更精進處於供不應求狀態。元太於4月在上海籌組電子紙產業聯盟（EPIA）目前超過60家會員包含聯想、騰訊、聯詠等看好大陸節能環保政策與趨勢積極發展相關應用。
另一投顧法人針對全新指出全新持續受惠產業趨勢正向與大陸去美化政策展望正向。首先法人投研部預期2021年智慧機銷量將會回溫至135億支、年增102％5G智慧機滲透率由2020年的17％成長至2021年的39％5G智慧機PA所耗用面積將比4G智慧機增加20～60％預期全新營收隨5G滲透率提升而持續成長。
其次法人預估Wifi 6的滲透率將由2020年的20％上升至2021年的50％Wifi 6以前的PA多數並非使用GaAs為材料加上Wifi 6E的晶片尺寸比Wifi 6再大上一倍因此在Wifi通訊技術的革新與滲透率持續提升也會推升對上游磊晶的需求。</t>
  </si>
  <si>
    <t>電子元太增加法人wifi看好大陸趨勢提升滲透受惠指出持續政策智慧節能加上應用目前產業投資</t>
  </si>
  <si>
    <t>法人元太趨勢智慧機看好</t>
  </si>
  <si>
    <t>元太智慧趨勢看好法人</t>
  </si>
  <si>
    <t>京元電新增超豐苗栗</t>
  </si>
  <si>
    <t>苗栗竹南電子廠爆發員工群聚感染7日新增確診人數略有下降共45例包括外籍移工28例本國17例顯示受共同上班群聚影響使得本國員工感染狀況增力。其中京元電共有44例確診包括外籍移工27例本國17例京元</t>
  </si>
  <si>
    <t>確診員工感染包括爆發上班影響使得狀況外籍共有下降略有新增人數京元電顯示共同電子竹南</t>
  </si>
  <si>
    <t>苗栗竹南電子廠爆發員工群聚感染7日新增確診人數略有下降共45例包括外籍移工28例本國17例顯示受共同上班群聚影響使得本國員工感染狀況增力。其中京元電共有44例確診包括外籍移工27例本國17例京元電總確診數達到239人。另有一例為超豐電子的本國員工。
而超豐公司從6月5日啟動全廠快篩預計篩檢4252人截至6月7日上午止共篩檢2997人6月5日快篩陽性15人經PCR檢測1人陽性確診。6月6日快篩26人陽性PCR檢驗報告未出相關疫調持續調查中。
另外頂埔裡社區篩檢站7日將持續運作從下午13時30分至16時止預計篩檢200人。</t>
  </si>
  <si>
    <t>確診員工持續感染京元電電子預計pcr超豐包括陽性爆發調查相關未出上班影響報告使得</t>
  </si>
  <si>
    <t>新冠肺炎台灣苗栗京元電超豐電</t>
  </si>
  <si>
    <t>臺灣苗栗京元電肺炎超豐</t>
  </si>
  <si>
    <t>接送長輩免費鄉鎮疫苗啟動縣府</t>
  </si>
  <si>
    <t>屏東縣將於15日啟動大規模疫苗接種縣府為首批接種的85歲以上長者推出貼心服務凡符合接種資格的長照、獨居、輪椅身障、重大傷病等長輩都能使用復康巴士、小黃公車及長照專車免費接送有需要的民眾可事先打電話</t>
  </si>
  <si>
    <t>接種需要啟動疫苗接送縣府免費專車以上民眾推出長者等長使用傷病貼心重大服務公車小黃</t>
  </si>
  <si>
    <t>屏東縣將於15日啟動大規模疫苗接種縣府為首批接種的85歲以上長者推出貼心服務凡符合接種資格的長照、獨居、輪椅身障、重大傷病等長輩都能使用復康巴士、小黃公車及長照專車免費接送有需要的民眾可事先打電話預約。
縣府指出第一階段施打對象包含年滿85歲以上長者優先全縣計有1萬5664人在評估部分長輩行動不便、獨居等情況出門不易問題縣府團隊立即盤整縣內大眾運輸工具資源整合復康巴士、小黃公車及長照專車推出免費接送貼心服務。
縣府說輪椅身障者可洽詢復康巴士屏北區08-7386626、屏中區08-7887433、屏南區08-88922936轉403；長照對象請撥打原長照專車電話預約或洽詢1966專線；獨居、重大傷病及非輪椅身障者可預約小黃公車電話08-7861818或0905518365。
至於9個原住民鄉由既有的幸福巴士服務部落居民可洽各鄉公所預約；琉球鄉則由當地鄉營巴士服務請洽08-8614040。另外有4鄉鎮為避免擁擠啟動原備妥的速打站施打地點更新為潮州鎮潮州高中、內埔鄉內埔國小、東港鎮慈濟靜思堂、新園鄉新園國中。
縣府提醒民眾如果家中長輩被通知施打時間請記得帶身分證、健保卡雙證件並請盡可能陪伴長輩前往施打確保長輩健康與安全現場都會做好防疫動線規畫請大家安心。
而縣長潘孟安再次強調請民眾不要心急縣府依中央流行疫情指揮中心規畫類別依序分流分批施打屏東29萬劑疫苗已接續規畫開放第二階段80至84歲長輩於18至20日開始施打接種對象也都已造冊請務必等候村裡長、村裡幹事通知千萬不要自行前往以免影響施打秩序。</t>
  </si>
  <si>
    <t>施打縣府長輩巴士預約服務民眾接種獨居對象不要啟動疫苗公車專車長者</t>
  </si>
  <si>
    <t>新冠肺炎台灣屏東長輩免費接送</t>
  </si>
  <si>
    <t>臺灣長輩肺炎免費接送</t>
  </si>
  <si>
    <t>胡扯媽祖人間</t>
  </si>
  <si>
    <t>很難想像媽祖該不該照常遶境祈福能扯出這麼多口水難道是繼還沒下戲的口罩之亂接著上檔媽祖遶境戲碼？媽祖早已成仙哪在乎是否遶境祈福關心的應是人間不要因此而耽誤了防疫大事吧！新冠肺炎的應對其實並不複雜</t>
  </si>
  <si>
    <t>媽祖祈福肺炎大事防疫耽誤應對不要該不該人間沒下口罩難道口水應是照常關心</t>
  </si>
  <si>
    <t>很難想像媽祖該不該照常遶境祈福能扯出這麼多口水難道是繼還沒下戲的口罩之亂接著上檔媽祖遶境戲碼？媽祖早已成仙哪在乎是否遶境祈福關心的應是人間不要因此而耽誤了防疫大事吧！
新冠肺炎的應對其實並不複雜避免進出人多的場合而已。準此應對並沒有針對活動性質的分別就是減少接觸、避免因近距離互動而增加感染的機會並未指涉宗教活動合宜與否完全從現場局面來判斷。因此防疫大員要扯上宗教活動媽祖只能笑笑。本不該有針對性地指涉媽祖遶境如今竟成防疫的熱門話題只能嘆是無妄之災。
沒錯新冠肺炎疫情延燒至今未見降溫南韓因新天地教會活動一下增加數百個確診病例香港則因北角宗教聚會也快速增加到近百的病例還有南韓不確知的隱憂韓航飛赴以色列朝聖的航班中1位機組員因而感染其後這位機組員服勤飛赴美西讓接觸者的數字急速往上攀升。
這樣追本溯源地追究病毒因近距離接觸而感染其實是科學的很遺憾台灣突然因媽祖遶境而掀起討論但值得欣喜的是民眾對人多場合感染的風險有較高的認知因而引發的討論也非常客觀但政客介入後全然變調不但涉及藍綠、大選勝負甚至人潮聚集也以有色眼鏡看待。
可議的是中央疫情指揮中心本該清楚地定調該活動卻未聞所以反而是內政部長徐國勇涉入。徐部長有治安維護的責任人多的場合確實因近距離接觸的各項風險都較高未料到徐國勇選擇以宗教主管機關的角色介入要求大型宗教活動應考慮延期備案如此的認知徒然讓媽祖遶境的爭議及風險更加升高。
很難理解中央疫情指揮中心、內政部對這可預見的爭議是如此手忙腳亂。農曆大年初一國人廟裡上香、祈福政治人物也排了拜廟行程頂禮、賀年、發紅包宮廟周圍擠得不可開交怎不見宮廟主管機關徐國勇呼籲應有延期備案？之後走春、初六清水祖師廟賽豬公接著鹽水蜂炮、炸寒單…內政部也不講話其後元宵燈節更是熱烈響應每一項活動聚集的人群都不比媽祖遶境少徐國勇早該講話。
媽祖遶境的人潮當然增加新冠肺炎擴散的風險內政部、中央疫情中心早該有好整以暇的腹案應對不該是時間近了匆促上陣打口水戰。不客氣地說即便因政治攻防上陣打口水戰也該以防疫知識為基底。迄今最大號的超級傳播者是義大利第1號確診病例他是馬拉松選手10天內兩場馬拉松深呼吸、深吐氣病毒傳播能量無法估計。說大白話病毒擴散與什麼性質的活動無太大關係與病毒濃度、散播環境則大有關係。
該檢討的是民俗活動與防疫的關係南韓教會活動讓新冠肺炎確診數飆升教會無絲毫檢討反與社會對嗆這才是問題癥結。台灣防疫扯上媽祖遶境話題廟方有其一貫說詞政治人物也不敢正面對嗆讓本可藉此釐清事理的活動繼續混沌真是讓人遺憾。（作者為資深媒體人）</t>
  </si>
  <si>
    <t>活動媽祖防疫宗教徐國勇風險接觸感染肺炎疫情應對病毒政治增加祈福病例場合確診</t>
  </si>
  <si>
    <t>宗教媽祖遶境肺炎內政部活動</t>
  </si>
  <si>
    <t>肺炎媽祖內政宗教活動</t>
  </si>
  <si>
    <t>疫苗明起az以上</t>
  </si>
  <si>
    <t>台中市65歲以上第一劑接種AZ疫苗的長輩15日起開始施打第二劑市長盧秀燕14日在市政會議中表示裡鄰長分送疫苗注射通知單到家長者依照指定時間、地點接種學校已開學這次快打站20地點不在學校提醒長</t>
  </si>
  <si>
    <t>疫苗接種地點學校az盧秀燕長輩市政會議鄰長分送表示注射通知單時間指定到家長者不在施打市長開學</t>
  </si>
  <si>
    <t>台中市65歲以上第一劑接種AZ疫苗的長輩15日起開始施打第二劑市長盧秀燕14日在市政會議中表示裡鄰長分送疫苗注射通知單到家長者依照指定時間、地點接種學校已開學這次快打站20地點不在學校提醒長者別跑錯地方。
盧秀燕表示明日起一連三天台中市設置快打站20為65歲以上第一劑接種AZ疫苗的長輩接種第二劑疫苗。
第一劑施打莫德納等其他疫苗長輩將等中央配發疫苗後通知施打第二劑。
盧秀燕說裡鄰長分送注射通知單請依照指定時間、地點前往注射她也特別提醒學校已經開學快打站20接種地點未設學校接種者別跑錯地方。
民政局長吳世瑋指出這次共發送71萬份通知單設置46處快打站20地點在活動中心寺廟廣場等地。</t>
  </si>
  <si>
    <t>地點疫苗接種盧秀燕學校通知單施打注射表示提醒長者地方設置別跑長輩鄰長分送時間台中指定開學az</t>
  </si>
  <si>
    <t>新冠肺炎台灣台中接種AZ</t>
  </si>
  <si>
    <t>肺炎臺灣台中接種az</t>
  </si>
  <si>
    <t>活動戶外集會停止侯神耶誕得分新北</t>
  </si>
  <si>
    <t>台灣時隔253天後再度出現一例本土病例外界也相當關心跨年等相關活動是否照常舉辦而新北市觀光旅遊局今(22日)率先宣佈即日起停止耶誕城內所有戶外集會型活動並不再受理申請避免疫情擴大。消息一出後許</t>
  </si>
  <si>
    <t>活動出現疫情本土病例避免外界申請受理相當不再關心率先宣佈即日起停止耶誕觀光旅遊集會相關戶外</t>
  </si>
  <si>
    <t>台灣時隔253天後再度出現一例本土病例外界也相當關心跨年等相關活動是否照常舉辦而新北市觀光旅遊局今(22日)率先宣佈即日起停止耶誕城內所有戶外集會型活動並不再受理申請避免疫情擴大。消息一出後許多網友都大讚「反應快喔」、「難怪侯友宜民調高」。
中央流行疫情指揮中心今公佈國內新增1例COVID-19本土病例(案771)為案765友人(30多歲女性)由於案765疫調時表示無法回想確切活動史且並未提及曾與案771接觸21日經警政單位調查案765活動軌跡發現案765曾與案771密切往來5天故列為接觸者同日由衛生單位安排採檢於今日確診。
消息曝光後新北市觀旅局率先宣佈停止耶誕城內所有戶外集會型活動目前在市民廣場的市集屬開放空間仍會繼續另外晚間光雕秀也會持續並視疫情與中央指令調整。
對此不少網友紛紛在批踢踢留言表示「侯市長這個扣殺又快又急阿北還愣在原地」、「侯友宜真的厲害」、「幹的好」、「動作真的快」、「侯神得分」、「侯這個風向看的準準的真強」、「侯友宜得分+1反觀某時鐘」；不過也有人認為「集會型活動取消而已耶誕城還是在而且演唱會都結束了」。</t>
  </si>
  <si>
    <t>活動侯友宜疫情表示網友單位中央耶誕消息集會接觸得分新北病例本土真的率先</t>
  </si>
  <si>
    <t>侯友宜本土病例新北耶誕城新冠肺炎</t>
  </si>
  <si>
    <t>耶誕新北病例本土肺炎侯友宜</t>
  </si>
  <si>
    <t>預約後天莫德納加開疫苗元禮竹市</t>
  </si>
  <si>
    <t>新竹市政府14日宣佈「施打莫德納就送200禮券」場次再加開2天15日、16日上午8至11時、下午3時至晚間7時包含第1、2、3劑都可施打、免預約直接至中正市場疫苗施打站接種莫德納疫苗打完現場就送200元全聯禮券。</t>
  </si>
  <si>
    <t>新竹 市政府 14 日 宣佈 施打 莫德納 就 送 200 禮 券 場次 再 加開 2 天 15 日 16 日 上午 8 至 11 時 下午 3 時至 晚間 7 時 包含 第 123 劑 都 可 施 打 免 預約 直接 至 中正 市場 疫苗 施打 站 接種 莫德納 疫苗 打完 現場 就 送 200 元全 聯 禮 券</t>
  </si>
  <si>
    <t>施打莫德納疫苗包含預約直接中正市場現場打完晚間時至上午宣佈加開接種元全</t>
  </si>
  <si>
    <t>新竹市政府14日宣佈「施打莫德納就送200禮券」場次再加開2天15日、16日上午8至11時、下午3時至晚間7時包含第1、2、3劑都可施打、免預約直接至中正市場疫苗施打站接種莫德納疫苗打完現場就送200元全聯禮券。
市長林智堅表示新竹市第1劑疫苗涵蓋率已達935％是全國第1劑次人口比為1698％更是本島第1。因應國外疫情仍嚴峻海外返鄉潮、耶誕跨年活動到來竹市明後兩天莫德納疫苗專案持續在中正市場進行不論第1、2、3劑均免預約、到現場打完疫苗就送200元全聯禮券呼籲大家持續踴躍接種、提升疫苗涵蓋率守護自己與親友的健康。
衛生局指出此次符合「打疫苗、領禮券」活動資格包括18歲以上尚未接種第1劑；第1劑施打莫德納疫苗已滿4周可接種第2劑者；第1劑施打AZ疫苗已滿8周可接種第2劑者；接種兩劑AZ或莫德納疫苗已滿5個月可接種第3劑者。
符合的接種對象可致電疫苗專線（03-5355137）預約施打站接種莫德納疫苗也可直接赴中正市場2樓施打。民眾只要接種完「莫德納疫苗」即可在場簽收100元全聯禮券2張。
衛生局表示根據COVID-19公費疫苗預約平臺顯示竹市仍有4900多人曾預約第1劑或第2劑疫苗但不明原因爽約接種疫苗簡訊提醒也未果為完善疫苗防護網透過打疫苗送禮券也希望再提高接種疫苗意願、持續提升涵蓋率。市府也鼓勵竹縣、苗縣民眾前來施打目前衛生局仍持續透過簡訊通知符合資格者盡速預約。</t>
  </si>
  <si>
    <t>疫苗接種預約莫德納施打持續衛生局符合涵蓋中正活動市場竹市資格簡訊民眾透過</t>
  </si>
  <si>
    <t>新冠肺炎台灣接種施打莫德納疫苗</t>
  </si>
  <si>
    <t>接種臺灣肺炎施打莫德納疫苗</t>
  </si>
  <si>
    <t>自彈自唱解悶隔離飯店隔壁歌手投訴</t>
  </si>
  <si>
    <t>從大陸選秀節目《創造101》和《歌手2019》受關注的香港女歌手許靖韻當年更以「容祖兒」師妹被看好近日因工作前往大陸得先住飯店自我隔離14天沒想到卻遭其他房客投訴。許靖韻在各大音樂節目嶄露好歌喉之後</t>
  </si>
  <si>
    <t>許靖韻大陸歌手音樂節目創造投訴房客想到隔離當年飯店師妹更以前往工作看好近日祖兒嶄露節目關注香港</t>
  </si>
  <si>
    <t>從大陸選秀節目《創造101》和《歌手2019》受關注的香港女歌手許靖韻當年更以「容祖兒」師妹被看好近日因工作前往大陸得先住飯店自我隔離14天沒想到卻遭其他房客投訴。
許靖韻在各大音樂節目嶄露好歌喉之後工作機會因此變多近期從香港到大陸工作因疫情得先在飯店自我隔離14天：今（3）日一早她分享自己在房間內自彈自唱解悶的影片唱著莫文蔚的〈呼吸有害〉像是在開個人演唱會一樣唱得忘我。
許多粉絲看到偶像展歌喉都相當開心但也有網友好奇問「房間隔音好嗎？」認為在飯店彈琴大唱應該容易被投訴許靖韻也無奈笑說「前一天晚上才被投訴」所以她晚上就不會彈琴唱歌了。</t>
  </si>
  <si>
    <t>許靖韻投訴飯店工作大陸歌喉香港隔離彈琴歌手晚上創造呼吸有害像是莫文蔚影片演唱會解悶忘我自彈自唱</t>
  </si>
  <si>
    <t>許靖韻新冠肺炎自主隔離大陸飯店</t>
  </si>
  <si>
    <t>肺炎自主隔離大陸飯店許靖韻</t>
  </si>
  <si>
    <t>西南前景聚焦堪憂全球</t>
  </si>
  <si>
    <t>【1】美西南數州染疫飆升 前景堪憂隨著美國各州重啟經濟活動新冠肺炎疫情在多達20個州有升溫跡象其中亞歷桑納州、佛州、加州19日新增確診病例創單日新高。美國南部和西部幾個州感染率飆升令人擔憂尤其川普總統</t>
  </si>
  <si>
    <t>美國納州佛州曆桑加州中亞跡象新增升溫前景確診堪憂感染病例疫情肺炎</t>
  </si>
  <si>
    <t>【1】美西南數州染疫飆升 前景堪憂
隨著美國各州重啟經濟活動新冠肺炎疫情在多達20個州有升溫跡象其中亞歷桑納州、佛州、加州19日新增確診病例創單日新高。美國南部和西部幾個州感染率飆升令人擔憂尤其川普總統20日在奧克荷馬州舉辦室內造勢大會恐變成「病毒傳播大會」。耶魯大學公共衛生專家直言在疫情未有效控制的情況下就急著重啟經濟是不負責任的做法。
【2】中東告急 歐洲鬆綁 南亞憂惡化
巴西成為繼美國後全球第二個確診病例破百萬的國家。儘管疫情嚴峻迫於經濟壓力等因素巴西許多地方已逐步放鬆隔離措施。一些較早放鬆隔離的城市新增病例數上升專家對此非常擔憂。
【3】球員中鏢 職業賽事重啟打問號
美國職棒大聯盟（MLB）的球團老闆和球員工會還在為例行賽要打幾場吵得不可開交殊不知新冠疫情若死灰復燃北美職業運動能否復賽都是問號。尤其佛羅裡達州最近案例激增MLB的費城人隊甚至傳出8人確診關閉位於佛州清水市的春訓基地。
【4】北京新增22例 最小僅1歲
北京19日新增確診新冠肺炎22例年齡最小者僅1歲。自11日北京發生新發地市場疫情以來9天內疫情確診達205例17例跨省病例與北京有關。市疾控中心發出重要提醒北京至少5家餐廳出現病例。
【5】管制逐漸解封 搭機仍屬高風險
各國政府為了活絡經濟逐漸鬆綁新冠肺炎疫情管制有些甚至解除邊境管制但乘客搭機受感染的風險仍不可漠視。畢竟機艙是完全密閉空間一旦與確診者搭同一班飛機被感染的風險仍高尤其是長程飛行。</t>
  </si>
  <si>
    <t>疫情確診病例北京經濟新增尤其美國感染肺炎球員專家mlb巴西職業管制鬆綁</t>
  </si>
  <si>
    <t>飆升美國20新增數州</t>
  </si>
  <si>
    <t>新增美國</t>
  </si>
  <si>
    <t>印媒病毒怒斥塗改公然五角星以怨報德國旗</t>
  </si>
  <si>
    <t>最近大陸提供製氧機給印度遭到抱怨趁機漲價後近年來從官方到民間持續大小衝突不斷的中印關係又有新話題。據媒體報導印度一家媒體在推特上發文呼籲調查新冠病毒起源搭配了一張大陸國旗圖片但將其中的大五角星</t>
  </si>
  <si>
    <t>印度大陸媒體國旗搭配起源遭到病毒近年來官方民間抱怨持續趁機大小漲價衝突調查圖片中印關係呼籲</t>
  </si>
  <si>
    <t>最近大陸提供製氧機給印度遭到抱怨趁機漲價後近年來從官方到民間持續大小衝突不斷的中印關係又有新話題。據媒體報導印度一家媒體在推特上發文呼籲調查新冠病毒起源搭配了一張大陸國旗圖片但將其中的大五角星替換為新冠病毒圖案引起了大陸網民批評指責印媒在大陸提供抗疫物資後竟還「公然辱華」根本是「以怨報德」。還有人甚至認為先前飽受批評的中共中央政法委官方微博發布「中印點火」對比圖若與印媒的做法相比簡直是「小巫見大巫」。
近期新冠病毒疫情在印度肆虐雖然中國也提供不少醫療物資給印度但並未因此改善雙方近年來嚴重惡化的關係。據《多維新聞》報導印度媒體Swarajya在網站與官方推特@SwarajyaMag發文呼籲追查新冠病毒起源配圖中使用中國國旗五星紅旗但其中的大五角星被替換為新冠病毒圖片。此文隨機受到中國網民的批評指責。
Here&amp;apos;s @alok_bhatt with a long read on tracing the origins of the coronavirus:https://tco/1goN7BkkSZ
報導說文章並未就病毒起源提供新的事證或理論但大陸網民認為變造圖片的用意是有意將病毒起源與大陸武漢聯結在一起。根據前往武漢調查的世界衛生組織專家組表示許多早期病例與華南海鮮市場有關只能證明該市場是病毒傳播點之一但目前資料無法確定新冠病毒是如何傳入華南海鮮市場的。
對於印媒的做法大陸網民稱北京對新德里是「以德報怨」而新德里卻對北京是「以怨報德」。如此看來中共政法委官微「中國長安網」的中印點火對比圖是「小巫見大巫」也有網民在@SwarajyaMag留下印度焚燒新冠確診死者遺體照指稱圖片為「good picture」。
報導引述大陸外交部與媒體報導說至5月中為止已向印度出口呼吸機和製氧機26000餘台監看器15000多臺醫藥材以及藥品近3800噸。大陸官方與媒體也提到印度購買醫療器材時抱怨陸企隨意漲價要求中國官方介入但北京回應稱這是市場行為。
大陸駐印度的大使館與其他官方機構為運往印度的醫療物資舉行抵達印度的交接儀式但其中也有些物資是其他國家捐贈後向大陸企業購入但這些情況在印度媒體與網上並沒有較詳細訊息。若從大陸網民與推特的相關議論中可以發現有極大部份網民認為這些製氧機及其他醫療器材是大陸捐贈給印度的援助物資但其中的確有些屬於商業買賣因此中方的回應才會稱這部份的物資漲價是屬於市場行為。
近幾年來中印邊境衝突不斷前年以來兩國邊境衝突更加重了雙方日趨惡化的關係。多次邊境衝突不只造成傷亡兩國媒體與民眾更無時無地在網上惡戰印度加入美國發起的印太4國戰略對話後雙方民眾對抗情勢更加激烈。
3月以來印度疫情大規模爆發在露天空地為死者進行火葬的圖片在國際上流傳中共中央政法委的官方微博將去年探測火星的火箭發射照與印度火葬場的照片做了對比圖並以「中印點火」為標題。但這張「中印點火」對比圖隨即在網上遭到大量批評指其在慶祝自身成就時藉機嘲弄別國災難做法太過刻薄有失大國風範。中共政法委隨即悄悄撤下照片但未公開致歉。
根據印度衛生部5月19日公佈資料顯示該國新冠肺炎確診病例總數為2千5百餘萬例死亡總數近30萬人。單日新增病例已最高點超過40萬例下滑目前26萬例新增死亡約4千餘人。</t>
  </si>
  <si>
    <t>印度大陸官方病毒媒體圖片物資報導中國批評政法委市場醫療衝突起源中印提供病例做法網上</t>
  </si>
  <si>
    <t>新冠疫情五星紅旗印度媒體病毒Swarajya</t>
  </si>
  <si>
    <t>五星紅旗印度媒體疫情病毒swarajya</t>
  </si>
  <si>
    <t>變種病毒台後醫學期刊斷根</t>
  </si>
  <si>
    <t>權威醫學期刊《刺胳針》（The Lancet）日前發布一項最新研究新加坡專家發現新冠病毒出現1個名為「Sars-CoV-2」的變種最早出現在大陸武漢再傳入新加坡及台灣其感染症狀較典型的新冠肺炎輕微研究變種病毒</t>
  </si>
  <si>
    <t>新加坡研究出現變種病毒thelancet日前發佈最新武漢臺灣傳入大陸感染典型症狀專家名為肺炎發現</t>
  </si>
  <si>
    <t>權威醫學期刊《刺胳針》（The Lancet）日前發布一項最新研究新加坡專家發現新冠病毒出現1個名為「Sars-CoV-2」的變種最早出現在大陸武漢再傳入新加坡及台灣其感染症狀較典型的新冠肺炎輕微研究變種病毒可能有助疫苗研發。
中央流行疫情指揮中心發言人莊人祥對此表示這項研究偵測到個案到過新加坡和台灣新加坡曾出現群聚台灣應是沒有繼續傳出去而研究也指出3月後病毒就不見了估計對全球和國人沒有影響後續要再觀察。
新加坡傳染病中心（NCID）、新加坡免疫學網絡（Singapore Immunology Network）以及杜克－新加坡國立大學醫學院（Duke-NUS Medical School）研究團隊針對1月22日至3月21日在該國及其他國家出現的變種病毒進行分析。發現與原始病毒感染者相比變種感染者的症狀普遍較輕。變種感染組29人中無人出現缺氧現象或需機器輔助供氧而原始病毒感染組的92人中有26人出現缺氧現象。
本次研究對象計131人其中10人同時感染上述2種病毒。研究發現變種病毒的基因組缺失382個核苷酸（nucleotide）非結構性蛋白ORF8無法轉錄因此和原始病毒相比其複製能力雖未下降但毒性卻大幅降低感染後的臨床症狀也相對溫和。
另據3月份的初步研究報告亦指出「Sars-CoV-2」在新加坡的8名患者身上出現之後發生人傳人現象至少4周才受到控制。2月時一名從武漢返台的旅客身上也發現此種病毒但3月過後就沒有再檢測到這個變種。</t>
  </si>
  <si>
    <t>研究病毒新加坡出現變種感染發現沒有原始症狀現象臺灣中心武漢身上相比指出人中sars-cov-缺氧</t>
  </si>
  <si>
    <t>醫學期刊發現變種病毒缺氧</t>
  </si>
  <si>
    <t>病毒發現醫學期刊變種缺氧</t>
  </si>
  <si>
    <t>國會議員肺炎伊朗</t>
  </si>
  <si>
    <t>伊朗媒體援引國會副發言人米思理的聲明稱目前有23名伊朗議員的新冠病毒檢測結果呈陽性目前所有國會議員參與民間活動全部暫停。根據中新網引述美聯社報導伊朗最高領袖柯梅尼3日下令軍隊協助政府衛生部門防控新</t>
  </si>
  <si>
    <t>伊朗目前軍隊協助下令米思理柯梅發言人領袖最高中新暫停聲明報導美聯社引述活動民間參與國會議員陽性結果</t>
  </si>
  <si>
    <t>伊朗媒體援引國會副發言人米思理的聲明稱目前有23名伊朗議員的新冠病毒檢測結果呈陽性目前所有國會議員參與民間活動全部暫停。
根據中新網引述美聯社報導伊朗最高領袖柯梅尼3日下令軍隊協助政府衛生部門防控新冠肺炎傳播令該國整體進入備戰狀態。
柯梅尼說：「任何有助於公共衛生和預防疾病傳播的方法都是好的而有助於傳播疾病的東西則是罪惡的。」
截至目前伊朗累計確診新冠肺炎病例達2336例死亡病例達77例。</t>
  </si>
  <si>
    <t>伊朗目前傳播柯梅肺炎有助於疾病米思理發言人暫停中新活動民間聲明引述參與美聯社國會議員報導陽性下令最高軍隊</t>
  </si>
  <si>
    <t>移民同船解禁公主鑽石幸運</t>
  </si>
  <si>
    <t>鑽石公主號郵輪爆發聚感染當時與遊客接觸的基隆54名計程車司機被居家隔離另有5名登船4天查驗船上旅客身分的基隆港國境大隊移民官也終於平安解禁何姓移民官受訪直呼大家在疫情爆發前一天就下船「真是太幸運</t>
  </si>
  <si>
    <t>爆發基隆移民疫情感染當時受訪何姓遊客接觸官也下船計程車司機居家大隊隔離查驗船上國境旅客</t>
  </si>
  <si>
    <t>鑽石公主號郵輪爆發聚感染當時與遊客接觸的基隆54名計程車司機被居家隔離另有5名登船4天查驗船上旅客身分的基隆港國境大隊移民官也終於平安解禁何姓移民官受訪直呼大家在疫情爆發前一天就下船「真是太幸運！」
「鑽石公主號」確診新冠肺炎突破500人該船一月底停靠基隆後隔天在沖繩就傳出香港遊客染疫首例疾管署隨即將岸上54名巴士、計程車司機以及另外同船5名移民官依《傳染病防治法》進行居家隔離幸無異狀傳出皆已在14日平安出關。
解禁當天基隆市府送上豬腳麵線給司機過過運其實同船還有5名移民署移民官自1月28日從越南下龍灣上船查驗乘客資料至31日抵達基隆有長達4天與郵輪旅客「第一線」接觸1日香港80歲老翁確診罹患新冠肺炎政府連忙展開追查可能接觸者。
何姓男移民官回憶當時在船上就和一般遊客一樣當時有看到幾名港澳籍長者在咳嗽當時覺得老家人咳嗽很正常並沒刻意去閃躲後來從報導得知這艘郵輪有旅客確診當場嚇出一身冷汗隔天就接到通知要居家隔離幸好都沒人被感染。
潘姓女移民官女指出看到鑽石公主號郵輪在海上隔離覺得船上的旅客很可憐被困在被污染的環境導致疫情越來越嚴重相比之下在家隔離算安全多了隔離期間她看看書、督促小孩課業想到就差一點可能就還在隔離中讓她覺得很感恩。</t>
  </si>
  <si>
    <t>隔離移民基隆旅客郵輪當時接觸司機居家確診船上遊客覺得公主疫情鑽石傳出香港可能看到感染</t>
  </si>
  <si>
    <t>賞貓不敢上線</t>
  </si>
  <si>
    <t>新北市猴硐貓村是國際知名的賞貓景點新北市動保處配合防疫減少群聚染疫風險猴硐貓公所籌備處至5月28日暫不對外開放場館封閉期間為讓愛貓民眾能遠距關心貓咪動保處提供智慧賞貓影像定期於官方IG更新貓</t>
  </si>
  <si>
    <t>賞貓保處新北場館影像對外開放定期期間封閉暫不民眾智慧籌備處貓咪提供公所減少關心</t>
  </si>
  <si>
    <t>新北市猴硐貓村是國際知名的賞貓景點新北市動保處配合防疫減少群聚染疫風險猴硐貓公所籌備處至5月28日暫不對外開放場館封閉期間為讓愛貓民眾能遠距關心貓咪動保處提供智慧賞貓影像定期於官方IG更新貓村街貓動態讓民眾居家防疫的同時也能共同觀賞貓咪。
「猴硐貓公所籌備處」以「瑞芳金」顏色彩繪外牆、大門也描繪上「大黑貓」呈現貓村新美學吸引不少遊客拍照打卡。動保員吳明芬表示貓村目前列冊125隻貓平時由當地居民與店家共同照顧猴硐貓公所籌備處不對外開放內部日常例行性照護貓咪工作持續進行包含協助餵食街貓、施打晶片造冊管控健康狀況、救援受傷或疾病需要醫療的貓且每日環境消毒。
動保處表示國外報告指出犬貓可能被染疫人員汙染尤其貓為新冠肺炎易感受性動物動保處為保障貓村街貓健康且配合防疫指引下暫停開放場所並加強園區防疫措施添購揹負式消毒機使用對動物無毒的廣效性消毒劑每日噴灑消毒希望在防疫措施中也能兼顧貓隻健康。
動保處強調在疫情嚴峻情況之下新北市仍為動物友善目標努力首創「寵物健康生活站」設置全自動超音波造霧寵物消毒機來落實智能防疫；規畫寵物安置旅館讓確診者寵物能獲得暫時安置照護守護毛寶貝健康。呼籲民眾接觸犬貓前後須洗手、消毒、配戴口罩且避免親膩行為養成良好個人衛生習慣。</t>
  </si>
  <si>
    <t>防疫消毒保處健康寵物動物民眾新北智能籌備處安置公所表示賞貓</t>
  </si>
  <si>
    <t>猴硐貓村動保處賞貓新北</t>
  </si>
  <si>
    <t>保處賞貓新北</t>
  </si>
  <si>
    <t>規定大眾英格蘭運輸口罩</t>
  </si>
  <si>
    <t>對台灣民眾來說疫情爆發後搭捷運和公車等大眾運輸工具戴口罩早已成日常生活一部分但在英國顯然不是。英國的英格蘭地區直到今天才強制規定搭乘地鐵巴士長途客運火車飛機渡輪時臉上都必須遮蔽</t>
  </si>
  <si>
    <t>英國渡輪飛機火車公車客運大眾運輸工具巴士口罩地鐵早已搭乘直到規定強制今天爆發臉上日常生活顯然英格蘭</t>
  </si>
  <si>
    <t>對台灣民眾來說疫情爆發後搭捷運和公車等大眾運輸工具戴口罩早已成日常生活一部分但在英國顯然不是。
英國的英格蘭地區直到今天才強制規定搭乘地鐵巴士長途客運火車飛機渡輪時臉上都必須遮蔽戴口罩或以圍巾及大手帕遮蓋都可。儘管威爾斯北愛爾蘭和蘇格蘭沒有類似規定不過三地都建議民眾搭乘大眾運輸最好戴上口罩。
這項規定不適用於身障身體有特殊狀況以及11歲以下學童。如果違反規定者將被要求馬上戴上口罩若仍不從將遭拒載或者罰款100英鎊（約台幣3804元）。
今天一早在多個倫敦地鐵站都有志工發放口罩。當局派出超過3千名額外人力包括員警進駐各車站以確保所有乘客都遵守新規定。一位被派往地鐵站的倫敦交通局官員表示大多數人到站時都已戴好口罩。</t>
  </si>
  <si>
    <t>口罩規定今天倫敦地鐵站大眾搭乘民眾英國包括人力員警狀況特殊以下額外進駐學童超過</t>
  </si>
  <si>
    <t>戴口罩英格蘭英國新冠肺炎</t>
  </si>
  <si>
    <t>英國英格蘭口罩肺炎</t>
  </si>
  <si>
    <t>來希偉大民進問題口罩炮轟政府</t>
  </si>
  <si>
    <t>新冠肺炎疫情延燒使民眾瘋搶口罩政府因此祭出口罩實名制每人每7天可購買2片口罩。全國公務人員協會榮譽理事長李來希昨貼出排隊購買的口罩直呼口罩顏色、品質不一並質疑口罩分裝的衛生問題。李稍早再度貼文</t>
  </si>
  <si>
    <t>口罩購買民眾問題疫情衛生分裝全國理事長排隊來希公務人員貼出榮譽協會政府祭出質疑肺炎不一品質</t>
  </si>
  <si>
    <t>新冠肺炎疫情延燒使民眾瘋搶口罩政府因此祭出口罩實名制每人每7天可購買2片口罩。全國公務人員協會榮譽理事長李來希昨貼出排隊購買的口罩直呼口罩顏色、品質不一並質疑口罩分裝的衛生問題。李稍早再度貼文表示他是心疼國家的藥師被當成口罩的分裝人員是專業人力資源的浪費是對藥師尊嚴的戕害！他諷刺表示人民要購買的口罩只能零散的處理既不衛生又無效率「有說錯嗎？偉大的民進黨政府啊」！
李來希昨在臉書貼出購買的口罩並表示口罩顏色不一、品質也不一他說國家有限的勞動生產力被浪費在排隊上不管是老的還是少的人力資源這樣子消耗口罩這樣子分裝要接觸多少人衛生嗎？製程中不能就一併分裝好嗎？藥師們被當成了分裝工人既浪費人力侮辱藥師們的專業與尊嚴又無效率。「這是什麼樣的爛決策我就不相信沒有別的方式或方法解決不了這個問題！」
然而稍早李來希又發文指出這兩天民進黨發動媒體與酸民說他醜化藥師分裝口罩不衛生「錯了！我是心疼國家的藥師被當成了口罩的分裝人員是專業人力資源的浪費是對藥師尊嚴的戕害」。他說口罩的分裝像早晨吃的燒餅難道就不能就源管理嗎？在口罩的製程中就可以完成的包裝為什麼要交由下游的藥師處理浪費人力資源莫此為甚過去可以做得到現在卻不行為什麼？「連罷韓團體提供的口罩都可以做完整的包裝人民要購買的口罩只能零散的處理既不衛生又無效率有說錯嗎？偉大的民進黨政府啊！請妳們告訴人民吧！」
對此有網友表示「分裝的口罩實在不衛生」、「執政黨在創造工作機會？不想讓藥劑師太無聊吧？」、「無能的作為！連口罩包裝也弄不好」、「說穿了就是這政府解決不了口罩產能不足的問題」。不過也有網友不以為然表示「你行你來呀」、「所以更好的方法是？別只會罵」、「講一堆屁話結果也沒提出什麼東西」、「不爽不要領」。</t>
  </si>
  <si>
    <t>口罩分裝藥師衛生表示政府購買浪費可以包裝來希問題人力資源人民國家方法排隊民進尊嚴</t>
  </si>
  <si>
    <t>口罩李來希新冠肺炎新型冠狀病毒NCP</t>
  </si>
  <si>
    <t>肺炎來希冠狀病毒口罩ncp</t>
  </si>
  <si>
    <t>品嘗免費觀光雲朗黑豆</t>
  </si>
  <si>
    <t>雲朗觀光與嘉義縣新港農會合作自12月中起雲朗旗下各飯店陸續在各館客房提供「黑娘媽」黑豆茶包除了提振且推廣國產農產品也讓房客免費體驗品嘗台灣黑豆茶的好味道。雲朗觀光集團旗下擁有：君品酒店、雲品溫泉</t>
  </si>
  <si>
    <t>黑豆觀光雲朗擁有農會合作月中雲朗旗集團飯店陸續農產品房客客房提供推廣免費</t>
  </si>
  <si>
    <t>雲朗觀光與嘉義縣新港農會合作自12月中起雲朗旗下各飯店陸續在各館客房提供「黑娘媽」黑豆茶包除了提振且推廣國產農產品也讓房客免費體驗品嘗台灣黑豆茶的好味道。
雲朗觀光集團旗下擁有：君品酒店、雲品溫泉酒店、翰品酒店、兆品酒店、品文旅等五個品牌、十間飯店幅員廣及九個縣市。此次嘉義新港農會為了讓所產優質的黑豆茶可走出嘉義、讓更多縣市的客群都能體驗特別與雲朗觀光合作一同推廣台灣優質農產品。
「黑娘媽」是新港農會於民國106年以新港知名的奉天宮主神媽祖林默娘為精神象徵推出的自有品牌並陸續開發黑豆茶、黑豆粉、黑豆漿、黑豆糙米香、黑豆蔭油等多元商品。農會總幹事林雅欣表示該農會黑豆茶使用新港在地生產、非基因改造、通過產銷履歷驗證（TAP）的國產黑豆製作品質安全有保障。
農糧署副署長姚志旺指出農糧署南區分署長期輔導新港農會種植與推廣國產黑豆新港農會黑豆產品品質佳且價格實惠農會用心生產高品質的黑豆產品光黑豆保存設備就投入上千萬消費者得以安心享用。受新冠肺炎影響國人只能走國旅行程飯店也願善盡一份心力協助推廣國產優質農產品。</t>
  </si>
  <si>
    <t>黑豆農會飯店推廣觀光農產品品牌生產品質體驗臺灣合作陸續嘉義酒店雲朗</t>
  </si>
  <si>
    <t>推廣新港嘉義黑豆各館</t>
  </si>
  <si>
    <t>黑豆嘉義推廣</t>
  </si>
  <si>
    <t>二戰聯盟停辦明星賽mlb</t>
  </si>
  <si>
    <t>大聯盟本週末宣佈取消2020年全明星賽！總裁曼佛雷德(Robert Manfred)感謝地主洛杉磯道奇的配合與理解。同時聯盟公佈第一波新冠肺炎檢驗結果3185位受測者有38人染病其中31人為球員擴及19支球隊。首屆明星賽在19</t>
  </si>
  <si>
    <t>聯盟結果檢驗肺炎取消染病總裁全明星賽雷德robert公佈manfred感謝地主理解配合洛杉磯道奇受測者球員宣佈週末</t>
  </si>
  <si>
    <t>大聯盟本週末宣佈取消2020年全明星賽！總裁曼佛雷德(Robert Manfred)感謝地主洛杉磯道奇的配合與理解。同時聯盟公佈第一波新冠肺炎檢驗結果3185位受測者有38人染病其中31人為球員擴及19支球隊。
首屆明星賽在1933年初次取消明星賽是在1945年(二次世界大戰)道奇則是40年沒辦明星賽(上次在1980年)。二次大戰並未波及美國本土大聯盟仍然正常打完球季但因國內旅行管制而停辦明星賽也沒有選出明星球員。德國於該年5月戰敗聯盟有意在德國舉辦勞軍比賽被軍方婉拒。
明年的明星賽已經分配給了亞特蘭大勇士道奇最快要2022年才能辦今年也不需要票選球星了。大聯盟第一波檢驗的染病率很低只有12%遠低於職籃NBA的71%。例行賽預計於7月24日開打。</t>
  </si>
  <si>
    <t>聯盟明星賽道奇取消染病檢驗球員德國例行預計雷德robert總裁manfrednba感謝地主全明星賽</t>
  </si>
  <si>
    <t>明星賽大聯盟勇士道奇美國</t>
  </si>
  <si>
    <t>道奇勇士聯盟明星賽美國</t>
  </si>
  <si>
    <t>愛滋強生魔術nba</t>
  </si>
  <si>
    <t>NBA名人堂球星魔術強生(Magic Johnson)本周重回CNN談論他29年前(1991年11月)震驚籃壇的感染HIV(愛滋病毒)新聞「這跟新冠病毒不同但是非裔美國人同樣都成為主要受害者。」魔術強生說：「當我宣佈感染HIV時大家</t>
  </si>
  <si>
    <t>強生魔術感染hivmagic是非美國johnson病毒同樣cnn受害者成為談論新聞震驚愛滋病籃壇</t>
  </si>
  <si>
    <t>NBA名人堂球星魔術強生(Magic Johnson)本周重回CNN談論他29年前(1991年11月)震驚籃壇的感染HIV(愛滋病毒)新聞「這跟新冠病毒不同但是非裔美國人同樣都成為主要受害者。」
魔術強生說：「當我宣佈感染HIV時大家都以為那是白gay男的疾病黑人以為自己不會有HIV和愛滋病。」多年後隨著防護意識提高白人染病率大幅下降2018年的新增HIV案例高達42%是黑人而且黑人只佔美國總人口14%。
《美聯社》分析在黑人較多的地區包括紐約、底特律、紐奧良、芝加哥、密爾瓦基高達42%新冠死者是黑人。魔術強生說：「我們很多都沒有醫療保險為此躺在醫院的大部分是我們非裔美國人應該多加學習保持社交距離。」
其實黑人不完全是缺乏防護意識《今日美國》報導有美國黑人因為戴口罩而被當地員警趕出大賣場這讓他們因此不敢戴口罩出門。媒體疾呼要鼓勵黑人多戴口罩而不是把他們當成搶匪。
魔術強生對缺乏檢驗和藥物表示憂心「我當年及早驗出HIV所以撿回一命。」「現在(新冠肺炎)檢驗試劑不足而且大家要開車到市郊去檢驗為何不在市中心就近提供？醫療保險也太貴了如果價格合理一些非裔美國人也能變得更健康。」</t>
  </si>
  <si>
    <t>黑人hiv美國強生魔術檢驗口罩醫療保險缺乏意識感染防護愛滋病非裔以為</t>
  </si>
  <si>
    <t>黑人魔術強生HIV非裔美國人戴口罩</t>
  </si>
  <si>
    <t>非裔hiv美國強生魔術口罩黑人</t>
  </si>
  <si>
    <t>振興上限</t>
  </si>
  <si>
    <t>行政院今（2）日舉行臨時院會院長蘇貞昌親率14名相關部會閣員出席記者會說明整體1兆500億紓困方案。不少民眾相當關心振興折扣券經濟部長沈榮津表示酷碰券（coupon）主要是希望能刺激消費每人每月上限1000</t>
  </si>
  <si>
    <t>院會希望院長蘇貞昌coupon相關部會閣員出席經濟部長記者會說明舉行折扣整體紓困振興方案民眾關心相當表示沈榮津</t>
  </si>
  <si>
    <t>行政院今（2）日舉行臨時院會院長蘇貞昌親率14名相關部會閣員出席記者會說明整體1兆500億紓困方案。不少民眾相當關心振興折扣券經濟部長沈榮津表示酷碰券（coupon）主要是希望能刺激消費每人每月上限1000元。
經濟部規劃酷碰券將以行動支付為主搭配敬老卡回饋行動支付消費優惠25％即打七五折每人每月優惠上限1000元主要目的是銜接振興抵用券計畫先執行三個月。
目前仍處疫情期間行政院長蘇貞昌強調目前先以降低業者營運負擔並提供資金融通、補助員工薪資振興折扣券、酷碰券的詳細辦法要等疫情穩定後才會提出相關的鼓勵及補貼方案。</t>
  </si>
  <si>
    <t>行政院 今 2 日 舉行 臨時 院會 院長 蘇貞昌 親 率 14 名 相關 部會 閣員 出席 記者會 說明 整體 1 兆 500億 紓困 方案 不少 民眾 相當 關心 振興 折扣 券 經濟部長 沈榮津 表示 酷 碰 券 coupon 主要 是 希望 能 刺激 消費 每人 每月 上限 1000 元 經濟部 規劃 酷 碰 券 將 以 行動 支付 為主 搭配 敬老 卡 回 饋 行動 支付 消費 優惠 25 即 打 七五 折 每人 每月 優惠 上限 1000 元 主要 目的 是 銜接 振興 抵 用 券 計畫先 執行 三 個 月 目前 仍 處 疫情 期間 行政院長 蘇貞昌 強調 目前 先以 降低 業者 營運 負擔 並 提供 資金 融通 補助 員工 薪資 振興 折扣 券 酷 碰 券 的 詳細 辦法 要 等 疫情 穩定 後 才會 提出 相關 的 鼓勵 及 補貼 方案</t>
  </si>
  <si>
    <t>振興蘇貞昌相關疫情目前消費上限支付行動方案折扣優惠院會院長閣員部會出席舉行說明記者會提出才會整體負擔</t>
  </si>
  <si>
    <t>振興酷碰券1000元蘇貞昌上限</t>
  </si>
  <si>
    <t>蘇貞昌上限振興</t>
  </si>
  <si>
    <t>疫苗施打az新北達到</t>
  </si>
  <si>
    <t>全台今日開始實施第12期疫苗施打不過指揮中心擬定AZ混打BNT疫苗的消息傳出後開始有民眾詢問醫院取消施打疫苗。對此新北市衛生局長陳潤秋表示新北第12期第一階段有483萬開出今早每個地方施打率都很高像</t>
  </si>
  <si>
    <t>施打疫苗新北開始地方階段表示衛生局長中心混打開出bnt指揮az消息對此傳出民眾醫院詢問取消實施</t>
  </si>
  <si>
    <t>全台今日開始實施第12期疫苗施打不過指揮中心擬定AZ混打BNT疫苗的消息傳出後開始有民眾詢問醫院取消施打疫苗。對此新北市衛生局長陳潤秋表示新北第12期第一階段有483萬開出今早每個地方施打率都很高像是AZ疫苗施打率就達到97％因此沒有看到上述這些狀況。
陳潤秋說在中央平臺上每個人可以選擇施打的疫苗、地點尊重中央平臺運作只要在新北登記施打都會全力完成施打市府會盡量把站點開出來滿足登記數目。</t>
  </si>
  <si>
    <t>施打疫苗新北中央az登記開始儘量網站選擇臺上可以打的混打bnt地點出來中心傳出</t>
  </si>
  <si>
    <t>疫苗新北AZ施打施打率</t>
  </si>
  <si>
    <t>新北az施打疫苗</t>
  </si>
  <si>
    <t>何讓醫討好舵手防疫民意網友拭淚陳時中都服</t>
  </si>
  <si>
    <t>「寶瓶星號的朋友們大家好我是衛生福利部部長我們可以回家了。」2月8日衛生福利部長陳時中親自率領檢疫人員登上「寶瓶星號」郵輪針對船上較高風險、可能感染2019年新型冠狀病毒（又稱武漢肺炎）的128名旅客</t>
  </si>
  <si>
    <t>星號衛生福利部長寶瓶病毒冠狀感染可能高風險船上郵輪陳時中登上親自人員率領檢疫武漢可以肺炎朋友回家</t>
  </si>
  <si>
    <t>「寶瓶星號的朋友們大家好我是衛生福利部部長我們可以回家了。」
2月8日衛生福利部長陳時中親自率領檢疫人員登上「寶瓶星號」郵輪針對船上較高風險、可能感染2019年新型冠狀病毒（又稱武漢肺炎）的128名旅客採樣檢疫檢驗結果出爐後確認全數為陰性船上1709名台籍旅客可以順利回家也讓全國民眾放下心中一塊大石。
「向來衛福部長或衛生署署長我們（醫界）一聽到就是罵的啦！這次疫情的事（陳時中）忙到現在連第一線醫療人員都會說『你辛苦了趕快去休息』這很難得」前立委、醫師林靜儀表示。
從國人回台後檢疫隔離、口罩、延後開學到接回武漢台商等一個個議題陳時中一次次明快指揮、裁定。尤其2月4日他在記者會提到有一位武漢包機返台的台商確診感染時這位部屬口中的「撲克臉」部長忍不住哽咽、數次拿起衛生紙拭淚讓大眾見到他難得感性的一面成為許多網友心中的「防疫英雄」。
除了防疫表現外牙醫師出身的陳時中在向來有「門戶之見」的醫界能成為史上任期最久、至今已在任3年的衛福部長更非易事。過去此職位因掌管醫藥、健保、食安與社福等項目與民生息息相關動輒因調漲健保費、食安等議題而下臺。
「陳部長上任前、還有上任後好一段時間我真的接到滿多醫界大老的電話說：『他是牙醫師為什麼可以擔任部長？』醫界真的會有這樣不公平的偏見」林靜儀透露。
採訪過程有人形容他「撲克臉」但也有人說他「能放軟身段、接地氣」；有人說他果決、明快但更多人形容他「不討好民意」。
究竟這位台灣首位牙醫師出身的衛福部長有什麼樣的能耐讓醫療、社福界都信服？
他的最經典一役：
率領牙醫界加入健保總額制
今年67歲的陳時中父親是台大法律系民法教授陳棋炎。他過去受訪時自詡為「社會運動家」並透露自己曾經不解父親為何在台大任教期間數次拒絕入閣錯過扭轉社會不平的局勢。
自臺北醫學大學牙醫系畢業後一心想改變社會的陳時中成為開業牙醫並開始參與醫界公共事務。
在醫界他最經典的一役是擔任牙醫師公會全國聯合會理事長時率領牙醫界加入健保「總額預算制」。
當時健保還是論量計酬醫師做多少、給付多少但陳時中意識到健保很快會入不敷出因此整合牙醫界率先配合實施總額預算制意即每年先畫出一塊固定預算給牙科再用點數換算醫師可得的收入量入為出。
「當時醫界大部分人都反對（總額制）因為大家不清楚、會怕但他（陳時中）滿有遠見的跳下去花很多時間說服牙醫界內部」同樣是牙醫師出身台灣私立醫療院所協會秘書長吳明彥表示。
事後看來在健保財務越來越吃緊下牙醫界因為最早與政府談判先保住一塊大餅。
在政壇「果決」則是多數人對陳時中的第一印象。
他果決、秉持專業：
做好隔離讓包機回台落實
「幾乎部長開的會議都是有會議就有決策就算沒辦法當場下決策他也一定在時間內例如明、後天就要求你把決策資料再評估出來」曾與不只一位衛福部長合作過的醫事司司長石崇良形容。
明快決策背後部分是靠著陳時中精準的數字能力。
一位衛福部不願具名的幕僚舉例陳時中常面對醫院和長照機構要求提撥經費部內主管報告有多少家機構、需要多少錢、因此需增補多少預算、費用變成多少百分比時「他一聽就知道數字對不對即使中間數字是不同領域的專業名詞代換進去也都能掌握。」
但更重要的是透過傾聽不同專業的意見讓決策快速的同時也兼顧品質。
「只要不同（利益）團體有聲音進來他都很願意瞭解。」專長於社福的立委吳玉琴舉例長照20上路後身心障礙族群反映其與老年人在照顧需求上有差異不應一體適用。陳時中理解後便拍板將部分老年人與身心障礙族群的補助分流。
例如老年人入住住宿型機構是針對個人一年最高補助6萬元；但身心障礙者入住則是針對全日型機構每床每月補助6千元以解決身心障礙長照機構過去被設下服務費用天花板無法隨物價、時空調整收費難以精進服務品質的困境。
「他的做事態度從來不會敷衍或呼嚨有些政務官都把事推給下面的人但如果部長沒出來承擔或交代下麵的人有時能拖就拖」吳玉琴觀察。
不過決策明快只是戰術政務官如果沒有清楚的戰略和中心思想也難以服人。
我們訪問7位立委、衛福部幕僚和醫界人士他們共同的觀察是：陳時中是個秉持專業「不討好民意」的部長。
石崇良以這次包機接回武漢台商為例。初期許多人擔心接回後台灣醫療量能能否承受？風險能否控管？「很多人說台商不要回來最好假如只是安民心大可用社會反彈最小的來做（指不接回台商）。」
但陳時中經過評估認為只要做好檢疫隔離便能將衝擊降到最低仍應接回台商。
「（部長認為）專業最重要再來才是透過溝通讓大家安心。」石崇良表示接回的台商除了在機場檢疫入住隔離處所後也一律在24小時內再次排檢確認無防疫破口就是要消除一般民眾的不安。
「有些人（武漢專機回台台商）排檢完說我是陰性你幹嘛還關我（指隔離於處所）14天？ 我們就跟他們說這是為了讓社會大眾安心」石崇良透露。
其他包括不怕得罪醫院經營者堅持讓住院醫師納入《勞基法》照顧年輕醫師權益；不怕大醫院因利益減損而反彈推動醫療分級轉診制度讓醫療體系健康；不怕被法界與民權團體非議推動醫療刑責合理化凝聚醫界士氣等都是陳時中力推的政策。
「其實無限制的滿足大眾在政治上是最容易的民眾要什麼就給也是政治上最不得罪人的但他（陳時中）願意秉持專業做他應盡的責任」林靜儀觀察。
不過陳時中並非不懂人情否則一個政務官若只有鐵腕遲早因處處樹敵而四面楚歌難以成事。
健保署長李伯璋透露陳時中在一個政策影響某方利益的同時會盡力做出配套彌補。
例如近年健保推動藥價改革藥師配合改革方案同時會減損藥局收入因此衛福部便增加藥事服務費「不會讓人家白做工。」
李伯璋再舉一個例子推動醫療分級轉診制度會讓大醫院因少看小病、輕症而減少收入「他（陳時中）會說我們是不是有些錢去給大醫院做急、重、罕見病症的照顧給更多資源。」
「有些人嘴巴講說要有配套措施你問他要有什麼配套？他只講『就是要有配套』但部長不會講這種鬼話他會很明確告訴你要怎麼做」李伯璋直言。
同時陳時中的溝通更是硬中帶軟沒有身段。
他鐵漢中帶柔情：
WHA被打壓仍高歌謝僑胞
林靜儀舉例她和陳時中兩度參與「世界衛生大會」（WHA）會議上得面對許多國家打壓甚至是惡意；但會議結束後陳時中會拋下情緒在晚餐時主動唱歌炒熱場面表達對台灣僑界的謝意「他會唱《母親的名叫台灣》這類歌陪大家喝點酒感謝全球有醫療背景的台灣人對台灣的支持。」
固然重大疫情的時勢讓大眾看見了陳時中但如果是沒有能力的人往往只會被時勢的浪潮淹沒而無法在大眾檢視下站穩浪尖。
在這個疫病持續蔓延的非常時刻期許這位「不討好民意」的部長能繼續堅持以專業淩駕政治、民粹帶領防疫體系走過危難。
【延伸閱讀】</t>
  </si>
  <si>
    <t>陳時中部長醫療台商牙醫臺灣社會決策專業</t>
  </si>
  <si>
    <t>病毒黃安贊有智慧武漢更名who虧了</t>
  </si>
  <si>
    <t>世界衛生組織（WHO）日前將武漢肺炎正名為新冠肺炎所謂的武漢病毒也改稱為新型冠狀病毒今(12日)黃安發文認為此舉十分有智慧認為若不改名世界上所有人聽到武漢就想到病毒太虧了。黃安說日前WHO將武漢肺</t>
  </si>
  <si>
    <t>武漢病毒黃安日前認為肺炎who改名世界所有人所謂虧了想到有智慧十分正名發文改稱冠狀</t>
  </si>
  <si>
    <t>世界衛生組織（WHO）日前將武漢肺炎正名為新冠肺炎所謂的武漢病毒也改稱為新型冠狀病毒今(12日)黃安發文認為此舉十分有智慧認為若不改名世界上所有人聽到武漢就想到病毒太虧了。
黃安說日前WHO將武漢肺炎正名主因是為了避免病毒和某一地區或動物等產生關連間接對此汙名化他認為這樣的決定很好也算還武漢一個公道先前他到杜拜度假遇到一個會說中午的紀念品店小販沒想到對方開口第一句話就問：「你是武漢來的？」
黃安表示當時他知道小販是開玩笑但他心裡就認為這個名稱未來勢必該改笑說：「武漢後面接辣鴨脖比較合適」又指唯一覺得不用改的暱稱應該是「香港腳」。大陸網友回應：「只有香港和台灣叫武漢肺炎」、「武漢全世界出名了未必是壞事」、「香港腳我小時候都知道叫了」。</t>
  </si>
  <si>
    <t>武漢認為病毒黃安肺炎香港腳小販想到知道正名日前合適比較覺得who不用汙名</t>
  </si>
  <si>
    <t>黃安WHO新冠肺炎武漢肺炎新型冠狀病毒</t>
  </si>
  <si>
    <t>肺炎武漢who冠狀黃安病毒</t>
  </si>
  <si>
    <t>奔喪放寬檢疫症狀隔離申請居家</t>
  </si>
  <si>
    <t>中央流行疫情指揮中心今(8)日表示考量國內檢驗量能及民眾因緊急情況、工作等因素已於5月29日放寬自費檢驗適用對象有檢驗需求者可至指定院所進行自費檢驗以取得相關檢驗證明檔。另基於人道考量並依國內</t>
  </si>
  <si>
    <t>檢驗自費考量國內中心表示需求者進行指揮工作因素民眾緊急情況放寬已於人道證明檔取得相關院所指定物件適用疫情</t>
  </si>
  <si>
    <t>中央流行疫情指揮中心今(8)日表示考量國內檢驗量能及民眾因緊急情況、工作等因素已於5月29日放寬自費檢驗適用對象有檢驗需求者可至指定院所進行自費檢驗以取得相關檢驗證明檔。另基於人道考量並依國內疫情現況及風險評估今日宣佈放寬居家隔離/檢疫者因親屬身故或重病等社會緊急需求需外出奔喪或探視之次數及時間相關流程及規定如下：
1居家隔離/檢疫第5天(含)以後且無症狀者向地方衛生單位提出申請。
2經審查符合資格且取得醫院同意探病後由地方衛生單位安排至指定醫療院所自費採檢。
3取得檢驗陰性報告3天內經醫院同意後由地方衛生單位安排外出無論探病、奔喪或辦理喪事均以每天1次、每次2小時為原則(不含車程)。
4外出時需全程佩戴口罩並保持安全社交距離不得搭乘大眾運輸工具並確實執行洗手等個人良好衛生習慣。
此外指揮中心指出考量醫院或奔喪地點為人群聚集且具傳播風險為加強外出時之防護措施申請人需配合填寫防疫檢核表以提升個人防護措施確保大眾安全。相關申請規定公佈於疾病管制署全球資訊網/嚴重特殊傳染性肺炎&amp;gt;醫療照護機構感染管制相關指引項下提供民眾參考運用</t>
  </si>
  <si>
    <t>外出相關檢驗奔喪考量醫院取得自費管制個人安全大眾醫療風險單位放寬申請民眾防護措施地方規定衛生國內指揮疫情中心</t>
  </si>
  <si>
    <t>奔喪相關外出放寬居家隔離</t>
  </si>
  <si>
    <t>外出放寬相關居家奔喪隔離</t>
  </si>
  <si>
    <t>《國際金融》美疫情飆升美股期貨走跌</t>
  </si>
  <si>
    <t>期貨疫情走跌國際金融</t>
  </si>
  <si>
    <t>美國新冠狀病毒感染病例數持續以驚人速度飆升美股繼上周大漲後周日夜盤美股期貨走跌。目前道瓊指數期貨下跌266點或124%標普500指數期貨跌14%那斯達克指數期貨跌129%。此外因新冠肺炎全球大流行疫情惡</t>
  </si>
  <si>
    <t>期貨指數全球病毒感染肺炎持續病例驚人速度上周夜盤周日下跌目前走跌流行</t>
  </si>
  <si>
    <t>美國周日上周指數感染目前超過期貨病例全球肺炎下挫病毒感染價格戰未之間俄羅斯阿拉伯</t>
  </si>
  <si>
    <t>美國美股期貨原油期貨新冠狀病毒新冠肺炎</t>
  </si>
  <si>
    <t>原油期貨期貨病毒肺炎美國</t>
  </si>
  <si>
    <t>國小北市緊急通知停課確診校長老師回應美術</t>
  </si>
  <si>
    <t>雙北進入第三級警戒臺北市萬華區爆發新冠肺炎疫情北市府也宣佈鄰近萬華的老松國小、龍山國小、雙園國小及螢橋國小等4校也自今起至23日止停課一周而昨晚臺北市萬華區「光仁小學暨附設幼兒園」昨晚深夜也在</t>
  </si>
  <si>
    <t>華區臺北市昨晚國小爆發鄰近宣佈市府疫情起至小學肺炎附設停課老松螢橋國小幼稚園警戒</t>
  </si>
  <si>
    <t>雙北進入第三級警戒臺北市萬華區爆發新冠肺炎疫情北市府也宣佈鄰近萬華的老松國小、龍山國小、雙園國小及螢橋國小等4校也自今起至23日止停課一周而昨晚臺北市萬華區「光仁小學暨附設幼兒園」昨晚深夜也在官網上緊急宣佈幼兒園外聘的美術老師確診小學及幼兒園今起停課2周。
據瞭解該名美術老師是在快篩後收到通知確診並在昨晚8點緊急通知校方校方為了謹慎處理宣佈全校停班、停課2周不過授課期間該名美術老師並無任何的症狀是做了快篩後才得知確診。
北市光仁國小校長何碧蓮指出雖然中央規定1名師生確診不用停班停課但老師都會跨班級上課加上昨統計有5分之2的家長決定讓學生請假因此才做出停班停課的決定。
何碧蓮表示平時校園內都會定期做消毒昨接獲老師緊急通知後今天早上7點學校也做了全面大消毒學校的行政人員也都遵守防疫規則落實量體溫、戴口罩。
何碧蓮指出停課期間學校將採視訊方式上課而學校也有家長的緊急聯繫群組因此通知停課非常快速不過許多家長在週末時也都希望學校可以停課緊急通知後家長也都相當贊成停課的決定。</t>
  </si>
  <si>
    <t>停課老師學校確診家長宣佈昨晚緊急通知國小決定幼稚園美術華區指出臺北市碧蓮通知上課期間</t>
  </si>
  <si>
    <t>停課確診光仁國小美術老師新冠肺炎</t>
  </si>
  <si>
    <t>國小美術老師確診停課肺炎</t>
  </si>
  <si>
    <t>警戒口罩謝淑薇最高n-防疫</t>
  </si>
  <si>
    <t>台灣職業女網一姊謝淑薇帶著近兩周於WTA巡迴賽杜拜站、杜哈站女雙奪冠的氣勢加入今年聯邦盃亞大區一級賽事中華女網隊因為新冠肺炎疫情人心惶惶謝淑薇也「高規格」自我健康管理透露都戴N-95口罩也避免全隊</t>
  </si>
  <si>
    <t>謝淑薇女網n-都戴透露管理哈站女雙奪冠杜拜氣勢巡迴賽wta加入今年健康聯邦周於規格大區賽事中華</t>
  </si>
  <si>
    <t>台灣職業女網一姊謝淑薇帶著近兩周於WTA巡迴賽杜拜站、杜哈站女雙奪冠的氣勢加入今年聯邦盃亞大區一級賽事中華女網隊因為新冠肺炎疫情人心惶惶謝淑薇也「高規格」自我健康管理透露都戴N-95口罩也避免全隊聚餐。
謝淑薇和捷克好手史崔可娃（Barbora Strycova）聯手在連兩站中東地區賽事拿下WTA女雙冠軍謝淑薇在臉書粉專用「中東雙打女王組」形容自己和搭擋結束杜哈賽事後也趕赴杜拜跟中華女網隊會合備戰杜拜時間3月3日到7日進行的2020聯邦盃亞洲/大洋洲區第一級賽事。
因為擔心新冠肺炎疫情謝淑薇直到深夜人少時才現身球場練習休息空擋本次中華女網隊教練翁宜寧把體育署提供給選手的一包外科口罩請謝淑薇簽收寶島一姊說：「我都戴N-95口罩上次在澳洲找了好久才找到2個。」翁宜寧回她戴N-95會呼吸困難謝淑薇立刻答道：「無所謂反正我比賽也常常打到吸不到空氣。」
謝淑薇近來對於人多之處都戒慎恐懼也告知教練翁宜寧比賽期間每天晚上全隊的聚餐她大概都不會出席請大家見諒謝淑薇解釋：「之後還有許多比賽不能不特別小心。」
翁宜寧也告訴謝淑薇本屆賽事中華隊的對手一姊發現沒有日本和哈薩克兩支強敵隨口說了：「可以喔！」至於「可以喔！」代表什麼意思？翁宜寧推敲說應該是指「可以」打進前兩名吧！「我也不知道就讓大家去猜吧。」</t>
  </si>
  <si>
    <t>謝淑薇宜寧賽事女網比賽口罩n-杜拜中華女雙可以wta聯邦聚餐全隊教練疫情</t>
  </si>
  <si>
    <t>謝淑薇翁宜寧N-95杜拜杜哈</t>
  </si>
  <si>
    <t>杜拜n-宜甯謝淑薇杜哈</t>
  </si>
  <si>
    <t>投資展望陸台野村</t>
  </si>
  <si>
    <t>新冠肺炎在全球爆發大流行美股僅花21天就從歷史新高下跌超過20％進入熊市全球經濟活動暫緩市場何時才會觸底？野村投信表示短期市場將持續波動亦不排除再往下探底但在各國央行及政府支持下可將金融體系</t>
  </si>
  <si>
    <t>市場全球爆發流行支持歷史下跌超過進入熊市再往排除經濟波動活動持續</t>
  </si>
  <si>
    <t>新冠肺炎在全球爆發大流行美股僅花21天就從歷史新高下跌超過20％進入熊市全球經濟活動暫緩市場何時才會觸底？野村投信表示短期市場將持續波動亦不排除再往下探底但在各國央行及政府支持下可將金融體系的系統性風險降至最低待疫情受到控制後經濟與市場將逐步回歸正軌第二季可分批逢低買進做長線佈局。股市以美、陸、台為核心產業面看好科技及消費債市首選美國投資級債、短債以及金融債。
野村投信投資長周文森（Vincent Bourdarie）表示2020年美國GDP增長率至少被影響40個基本點歐洲極有可能步入衰退亞洲國家則會受到全球需求與消費減少的衝擊所幸各國央行積極實施寬鬆貨幣及財政政策大量挹注流動性支撐金融市場不過短期內市場仍籠罩在恐慌情緒中待各國復工以及市場情緒回穩刺激政策的效果才會顯現。
股市方面野村投信海外投資部主管呂丹嵐表示由於歐美國家沒有經歷過SARS因此在處理疫情時較為輕忽當市場意識到嚴重性時恐慌情緒隨即席捲而來金融市場以史無前例的速度跌入熊市；若以目前市場預估2020年美國標普500指數EPS最糟的狀況－衰退5～10％來看EPS還有5～10％下跌空間但指數位置則要看投資人願意給予的評價水準而定若信用市場沒有系統性風險目前基本面已接近最壞情境的水準美、歐與新興市場的本益比已處於偏低水準以美股而言目前本益比約為16～17倍積極型投資者可以開始分批逢低進場風險敏感的投資人則宜等待市場明朗化再佈局。
債市方面野村投信固定收益部主管謝芝朕表示未來一～二個月債市趨穩必須滿足三個要件首先是投資人對債市要從1月份的過度加碼轉為中立甚至減碼；再者債券市場的價格需要反應接近衰退的情況；最後也最重要的一點是美國及歐洲的每日新增確診人數觸頂且放緩。從資金流向來看目前投資級債和高收益債的賣壓應已告一段落新興市場債券2019全年淨流入671億美元2020年初迄今則流出286億美元（截至4月3日）新興市場先前加碼的龐大部位已經部分出清完成因此預估這波新興債的拋售即將減緩。</t>
  </si>
  <si>
    <t>市場債市美國目前表示衰退全球風險投資人野村水準投資情緒加碼預估積極金融市場接近分批</t>
  </si>
  <si>
    <t>衰退金融恐慌情緒EPS疫情</t>
  </si>
  <si>
    <t>恐慌情緒eps金融疫情衰退</t>
  </si>
  <si>
    <t>獨居德州美國早先女星搬回原訂物資</t>
  </si>
  <si>
    <t>新冠肺炎疫情持續升溫中央流行疫情指揮中心18日宣佈19日零時起美國、加拿到、澳洲及紐西蘭4國旅遊疫情建議提升至「第三級」自第三級國家及地區入境者必須進行14天居家檢疫。出身美國德州的袁詠琳（Cindy）表示</t>
  </si>
  <si>
    <t>疫情美國德州出身檢疫居家必須進行入境者拿到地區國家提升建議澳洲旅遊紐西蘭持續袁詠升溫中央流行指揮中心宣佈</t>
  </si>
  <si>
    <t>新冠肺炎疫情持續升溫中央流行疫情指揮中心18日宣佈19日零時起美國、加拿到、澳洲及紐西蘭4國旅遊疫情建議提升至「第三級」自第三級國家及地區入境者必須進行14天居家檢疫。出身美國德州的袁詠琳（Cindy）表示原本住在德州的媽媽4月要搬回台灣現在因疫情關係計畫得調整不過更讓她憂心的是疫情爆發後當地民眾瘋搶物資加上媽媽一人待在美國她表示「希望大家節省使用留給最需要的人」。
長期和母親分隔兩地袁詠琳說早在一月份左右注意到疫情就開始透過網路平臺幫媽媽準備食物及濾水器等物資她憂心地說「我一直都很擔心她一個人住也擔心如果遇上因為疫情而發生的緊急狀態像是類似隔離等所以先幫媽媽先準備一些物資也比較不怕沒有人可以照顧她」。
袁詠琳說在美國擔任會計師的母親正好在今年2月底正式退休現階段都在美國生活也有養一隻愛犬陪伴左右自己則是每天透過簡訊、視訊電話跟媽媽保持聯繫也會在通話中安撫媽媽不安情緒也會跟在歐美的朋友聯繫互相關心及祈禱一切平安健康。近期受到疫情影響不少工作延期她表示目前最大的共識「齊聚一心一起面對這次的疫情這才是現階段最重要的事」。
新冠肺炎疫情蔓延全球韓國截至18日全國新冠肺炎確診人數達8413例身為韓國第三代華僑的孫盛希相當擔心在韓國的家人除了通電話報平安外家人也格外小心因為集體感染擴散很嚴重在韓國擔任中醫師的父親仍然有在看診平時也有戴好口罩以及消毒雖然生活並未受到太大影響但坦言診所患者有減少。</t>
  </si>
  <si>
    <t>疫情美國媽媽韓國表示物資擔心肺炎透過憂心擔任現階段受到影響生活袁詠琳母親</t>
  </si>
  <si>
    <t>媽媽美國韓國物資袁詠琳</t>
  </si>
  <si>
    <t>物資韓國媽媽袁詠琳美國</t>
  </si>
  <si>
    <t>肺炎突破全球人數確診死亡超過</t>
  </si>
  <si>
    <t>自從今年年初疫情爆發後新冠肺炎肆虐全球目前為止確診人數已經突破2300萬人死亡人數也突破80萬人。根據《法新社》報導指出目前新冠肺炎在全球已經造成2300萬3079人感染其中有80萬人因此染病身亡。而拉丁美</t>
  </si>
  <si>
    <t>已經肺炎全球突破人數法新社報導肆虐指出目前確診目前為止爆發感染造成身亡染病疫情拉丁年初死亡今年</t>
  </si>
  <si>
    <t>自從今年年初疫情爆發後新冠肺炎肆虐全球目前為止確診人數已經突破2300萬人死亡人數也突破80萬人。
根據《法新社》報導指出目前新冠肺炎在全球已經造成2300萬3079人感染其中有80萬人因此染病身亡。而拉丁美洲、加勒比海是受到疫情衝擊最嚴重的地區其中有25萬4897人因染病去世。
因為新冠肺炎而死亡的人數中大多來四個國家分別是美國17萬5416人、巴西11萬3358人、墨西哥5萬9610人、印度5萬5794人。光這四個國家的總合就高達40萬4178人佔據全球死亡人數的一半。
更多 CTWANT 報導</t>
  </si>
  <si>
    <t>人數肺炎全球死亡疫情國家染病已經報導突破分別受到衝擊高達加勒比海嚴重佔據身亡地區拉丁美洲大多</t>
  </si>
  <si>
    <t>新冠肺炎死亡人數2300萬80萬人報導</t>
  </si>
  <si>
    <t>死亡肺炎人數報導</t>
  </si>
  <si>
    <t>缺氧確診醫師診所肺炎</t>
  </si>
  <si>
    <t>台灣新冠肺炎疫情仍嚴峻每天都有人確診病逝。臺大醫院昨日收治一名到院前死亡的患者檢驗屍體後確定感染新冠肺炎。據瞭解該名患者為三重某診所的醫師7天前曾接種AZ疫苗研判因隱形缺氧導致死亡。該名死者</t>
  </si>
  <si>
    <t>患者死亡肺炎疫苗az接種醫師確診台大醫院病逝昨日疫情診所收治嚴峻院前檢驗屍體瞭解感染</t>
  </si>
  <si>
    <t>台灣新冠肺炎疫情仍嚴峻每天都有人確診病逝。臺大醫院昨日收治一名到院前死亡的患者檢驗屍體後確定感染新冠肺炎。據瞭解該名患者為三重某診所的醫師7天前曾接種AZ疫苗研判因隱形缺氧導致死亡。
該名死者為66歲三重某診所基層醫師到院前就已死亡對此稍早指揮中心記者會上有媒體問及該個案是否為首位醫事人員染新冠病逝中央流行疫情指揮中心發言人莊人祥則回應該案例狀況要再深入瞭解死亡7天前曾接種AZ疫苗會再瞭解其狀況若屬實恐是第一位醫事人員死於新冠肺炎。</t>
  </si>
  <si>
    <t>死亡瞭解病逝中心指揮疫情患者肺炎狀況院前醫師診所人員疫苗az接種媒體問及記者會</t>
  </si>
  <si>
    <t>隱形缺氧新冠肺炎確診診所AZ</t>
  </si>
  <si>
    <t>肺炎確診診所az缺氧</t>
  </si>
  <si>
    <t>父子傳染埔心確診全縣家人雲林</t>
  </si>
  <si>
    <t>雲林縣今（23日）再增2例新冠肺炎確診案住西螺的23歲男性（案4019）、東勢鄉86歲老婦（案4222）全縣達6例都是家屬互相傳染。案4019年輕人其父是昨日確診的西螺45歲男、有萬華旅遊史男性；案4222老母是被新北</t>
  </si>
  <si>
    <t>男性確診西螺肺炎全縣家屬旅遊年輕人昨日老婦東勢傳染互相林縣</t>
  </si>
  <si>
    <t>雲林縣今（23日）再增2例新冠肺炎確診案住西螺的23歲男性（案4019）、東勢鄉86歲老婦（案4222）全縣達6例都是家屬互相傳染。案4019年輕人其父是昨日確診的西螺45歲男、有萬華旅遊史男性；案4222老母是被新北三重的兒子傳染。
雲林縣長張麗善表示昨日確診的「案3868」（西螺45歲男性、到萬華唱歌）是今日確診「案4019」的父親4019的CT值2414匡列19名親朋居家隔離棘手的是友人多在西螺果菜市場工作接觸期間大多沒有防疫。
案4019近日的足跡14日到朋友家；15日到朋友家及虎尾麥當勞新興店；16日淩晨在西螺福陽堂打麻將、早安山丘西螺中山店用餐、西螺市區；17日、18日未外出19日、20日到醫院21日衛生局送去就醫。
案4222是86歲老母親其兒子是計程車司機「案3739」在18日從三重區返回東勢22日兒子確診她也在23日確診CT值是286足跡包括19日、20日、21日到東勢鄉鎮玄宮、晉安府；22日曾在東勢鄉安南村的早餐店吃1小時。
西螺鎮埔心父子檔3868、4019有萬華接觸史雙雙染疫父子交遊廣闊且潛伏期長達12天接觸人群無法估計雲林縣衛生局明天（24日）將在早上9點至下午3點在安定國小對面的大牛埔公園辦理熱點快篩。
張麗善表示雲林縣目前確診6例的傳染者都是最親愛的家屬包括元長鄉66歲重大傷病弟弟被北市的姐姐傳染；林內鄉兄弟檔染疫有萬華接觸史的哥哥傳給精神障礙的弟弟；西螺鎮父子檔染疫；東勢鄉老媽媽被三重兒子傳染；新北市人但返回崙背鄉的父親被兒子傳染她呼籲旅外鄉親暫時不要返鄉。
雲林縣轄內餐飲業、便利商店、超級市場、量販店、連鎖加盟店、市場、商圈或其它相類似提供現場餐飲之場所也從23日起至28日全面停止營業場所店內飲食。</t>
  </si>
  <si>
    <t>傳染確診西螺林縣兒子接觸東勢男性市場父子弟弟場所父親西螺鎮</t>
  </si>
  <si>
    <t>新冠肺炎台灣 西螺傳染40</t>
  </si>
  <si>
    <t>西螺臺灣肺炎傳染</t>
  </si>
  <si>
    <t>確診肺炎日本</t>
  </si>
  <si>
    <t>日本迄周日下午止確診達773人死亡4例。其中東京都確診達29人。位於東京的國際著名的吉蔔力美術館就以新型肺炎疫情爆發為由宣佈從週二開始封館直到3月17日止已購買2月和3月入場券民眾將獲得退費。這次封館主</t>
  </si>
  <si>
    <t>確診入場券民眾購買位於吉蔔力美術館著名東京肺炎國際疫情爆發為由宣佈週二直到開始下午獲得周日退費</t>
  </si>
  <si>
    <t>日本迄周日下午止確診達773人死亡4例。其中東京都確診達29人。
位於東京的國際著名的吉蔔力美術館就以新型肺炎疫情爆發為由宣佈從週二開始封館直到3月17日止已購買2月和3月入場券民眾將獲得退費。
這次封館主要是配合東京都政府要取消或延後未來3周大型活動來防止疫情蔓延。</t>
  </si>
  <si>
    <t>疫情確診大型活動未來延後取消位於東京著名國際吉卜力東京都政府美術館肺炎配合爆發退費為由獲得入場券購買宣佈</t>
  </si>
  <si>
    <t>確診東京都封館新冠肺炎東京</t>
  </si>
  <si>
    <t>肺炎東京都東京確診</t>
  </si>
  <si>
    <t>再犯林佳龍航班</t>
  </si>
  <si>
    <t>新冠肺炎再度出現本土個案是確診的外籍機師在台外出時的接觸者。對於疫情升高蔡英文總統及行政院長蘇貞昌連日來密切關切並指示各部會積極提出因應作為。交通部長林佳龍近日來與相關單位會商後今（22）日於交通</t>
  </si>
  <si>
    <t>出現會商單位本土個案相關近日確診林佳龍外籍交通部長機師外出作為因應提出接觸再度積極對於疫情指示升高關切</t>
  </si>
  <si>
    <t>新冠肺炎再度出現本土個案是確診的外籍機師在台外出時的接觸者。對於疫情升高蔡英文總統及行政院長蘇貞昌連日來密切關切並指示各部會積極提出因應作為。交通部長林佳龍近日來與相關單位會商後今（22）日於交通部召集所屬單位召開防疫應變會議會中指示：
一、交通部民航局全力配合並協助中央流行疫情指揮中心對未依防疫規定落實居家檢疫及自主健康管理之航空業從業人員由主管機關依傳染病防治法規定予以裁罰。
二、交通部民航局應確實要求航空公司嚴加落實經指揮中心核定的「國籍航空公司實施機組人員健康管控強化措施作業原則」。若有監管漏洞將追究責任除依傳染病防治法裁罰情節嚴重者將不排除對未落實防疫規定之業者的提出限縮航班等行政處分。
三、鑑於國際疫情擴大交通部各所屬單位要求大眾交通運輸落實指揮中心公佈之秋冬專案。除戴口罩、量體溫亦請相關單位協調各場站提供消毒用酒精等裝置並全力提高場站櫃台、座位、廁所及車廂內之清潔頻率。
四、由交通部及所屬單位舉辦之大型活動（包括元旦迎曙光、台灣燈會）主辦機關應協調相關合辦、承辦與協辦單位依照中央流行疫情指揮中心的專業指引及早研議包括總量管制在內之各項防疫措施。
五、交通部觀光局應加強要求旅行社對冬季團遊補助、春節疏運孝親專案、以及一般出團在交通、食宿、集體行程等遊程中落實防疫旅遊之相關規定。
林佳龍責成政務次長王國材23日召集會議確認各單位防疫整備及落實情形。</t>
  </si>
  <si>
    <t>防疫落實單位疫情相關規定中心指揮交通部所屬單位要求航空專案全力包括提出協調交通部民航局健康林佳龍會議召集公司</t>
  </si>
  <si>
    <t>交通部林佳龍新冠肺炎本土個案</t>
  </si>
  <si>
    <t>肺炎本土林佳龍交通部個案</t>
  </si>
  <si>
    <t>首日越南挑戰新光</t>
  </si>
  <si>
    <t>新光三越臺北南西店周年慶今正式開跑上午9點就聚集排隊人潮11點正式營業湧入數千名民眾；新光三越表示南西店週年慶開打首次遇上中秋連假首日民眾扶老攜幼、不用擔心是上班時間要遮遮掩掩預估單日人潮破1</t>
  </si>
  <si>
    <t>民眾正式人潮南西三越新光上班時間擔心不用扶老攜幼首日排隊中秋上午開跑遇上營業湧入遮遮掩掩表示聚集</t>
  </si>
  <si>
    <t>新光三越臺北南西店周年慶今正式開跑上午9點就聚集排隊人潮11點正式營業湧入數千名民眾；新光三越表示南西店週年慶開打首次遇上中秋連假首日民眾扶老攜幼、不用擔心是上班時間要遮遮掩掩預估單日人潮破10萬人將刷新往年紀錄首日業績挑戰5億元。
早上10點員工已到櫃位準備迎接客人新光三越董事長村上英及新光三越百貨副董事長兼總經理吳昕陽也來各個櫃位前為週年慶開跑加油打氣並在接近11點時走向2樓觀看首日人潮進出的狀況。
今年上半年新冠肺炎疫情爆發吳昕陽坦言今年確實比較辛苦但數位提早佈局、熟客系統上線、加上強壯的團隊週年慶落在第4季正是業績的收割期預測全台新光三越第4季能達到300億元的目標吳昕陽現在期望與去年相當、達800億元若達到這目標就「Very Wonderful」(太完美)。
新光三越臺北南西店週年慶長達18天預計業績與去年同期成長1％、可達21億元；吳昕陽表示團隊拉長準備時間、做足週年慶商品、數位等工作雖然團隊工作壓力大但透過執行力相信業績結果會令人滿意新光三越一定會成長。
吳昕陽分析疫情爆發後反而加速數位元佈局長達半年的數位練兵新光三越給予補助有專業團隊教導前線的銷售人員如何運用燈光、提升拍照技巧並傳授數位元文字的書寫方法。
吳昕陽表示新光三越3年前積極改裝今年改裝比較少資源可以大力放到數位平臺上現在數位上架商品1天超過逾1萬件商品；吳昕陽認為實體百貨週年慶未來將與數位週年慶「相輔相成」可因應個人需求作對應週年慶不一定要擠進百貨公司宅在家也可以上網逛百貨週年慶、點選購買增加客人多樣化的選擇。</t>
  </si>
  <si>
    <t>數位吳昕陽新光三越團隊業績首日人潮百貨今年表示可以民眾商品準備開跑現在客人一定長達佈局</t>
  </si>
  <si>
    <t>新光週年慶三越新光三越數位</t>
  </si>
  <si>
    <t>新光三越數位</t>
  </si>
  <si>
    <t>昏迷診所痙攣防護衣發高燒急診女兒</t>
  </si>
  <si>
    <t>台灣新冠肺炎疫情嚴峻醫護人員工作量遽增撥打電話叫救護車也會比平常來得晚。日前台南一名男子表示女兒因發高燒只好趕緊到附近的診所看診沒想到才剛到到診所女兒突然熱痙攣並陷入昏迷診所醫師見情</t>
  </si>
  <si>
    <t>診所女兒疫情嚴峻醫護人員工作量昏迷撥打電話陷入肺炎救護車平常來得日前台南男子表示附近發高燒趕緊只好</t>
  </si>
  <si>
    <t>台灣新冠肺炎疫情嚴峻醫護人員工作量遽增撥打電話叫救護車也會比平常來得晚。日前台南一名男子表示女兒因發高燒只好趕緊到附近的診所看診沒想到才剛到到診所女兒突然熱痙攣並陷入昏迷診所醫師見情況不對趕緊脫下身上的防護衣載他們到成功大學醫學院附設醫院急診令男子感動不已呼籲疫情期間不要抱怨任何醫護。
一名男子（29）日在臉書指出28日晚間女兒出現發燒症狀便帶她去加附近的「紀冠廷診所」看診孰料才剛到診所女兒卻突然熱痙攣身體開始抽搐、嘴唇發紫隨即陷入昏迷狀態令在場的所有人都嚇了一跳醫護人員趕緊撥打救護車。
因疫情的緣故救護車要半小時後才能前來紀醫師見情況緊急顧不得現場還有看診的民眾趕緊脫下身上的防護衣開車載他們前往成大醫院掛急診目前已恢復意識等待後續檢查。
據《聯合新聞網》報導紀冠廷醫師表示當時這對父女是騎乘機車孩子已陷入昏迷考量已不適合騎機車到醫院急診情況又相當危急沒想太多就趕緊脫下防護衣開車載他們到急診室。爸爸感動地說「這恩惠我永生難忘」雖然在紀冠廷診所看診常常要等很久但他是值得等待的好醫生並呼籲大家不要抱怨任何醫護感謝站在第一線的醫護。
★《中時新聞網》提醒您：因應新冠肺炎疫情疾管署持續加強疫情監測與邊境管制措施 如有疑似症狀請撥打：1922專線或 0800-001922 並依指示配戴口罩儘速就醫同時主動告知醫師旅遊史及接觸史以利及時診斷及通報。</t>
  </si>
  <si>
    <t>疫情醫師趕緊診所女兒男子撥打陷入急診昏迷醫院醫護救護車症狀新聞網防護衣等待脫下紀冠廷表示情況</t>
  </si>
  <si>
    <t>新冠肺炎台灣診所發燒醫師</t>
  </si>
  <si>
    <t>診所臺灣肺炎發燒醫師</t>
  </si>
  <si>
    <t>丹麥問題血栓死亡疫苗案例az</t>
  </si>
  <si>
    <t>「路透社」報導丹麥20日又通報2起接種阿斯特捷利康公司（AstraZeneca）疫苗後出現血栓症狀的案例且其中1人不幸死亡。目前全球有多國已暫停接種AZ疫苗。根據報導丹麥首都哥本哈根公立醫院主管當局表示本次</t>
  </si>
  <si>
    <t>疫苗接種丹麥報導哥本哈根首都不幸死亡目前案例全球症狀血栓多國出現通報az暫停公立醫院阿斯特astrazeneca公司捷利康</t>
  </si>
  <si>
    <t>「路透社」報導丹麥20日又通報2起接種阿斯特捷利康公司（AstraZeneca）疫苗後出現血栓症狀的案例且其中1人不幸死亡。目前全球有多國已暫停接種AZ疫苗。
根據報導丹麥首都哥本哈根公立醫院主管當局表示本次通報的2例皆為醫院員工兩人皆在接種AZ疫苗後的14天內出現血栓症狀其中1人已不幸死亡另1人則狀況嚴重還出現腦出血的症狀。
丹麥藥品管理局（Danish Medicines Agency）則確認已接獲2起「嚴重通報」但並未提供更多細節。該局的藥物安全性代理主任伊瑞克森（Tanja Erichsen）20日在推特上表示目前正處理兩件具體案例會徹底檢視相關案例以確定此類嚴重副作用是否與疫苗有關。
由於國內出現接種後發生血栓症狀的案例丹麥本月11日暫停施打AZ疫苗成為全球十多個全面或部分暫停施打AZ疫苗的國家之一。歐洲藥品管理局（European Medicines Agency）執行主任庫克（Emer Cooke）18日承認目前仍無法排除AZ疫苗造成血栓症狀的可能性但仍重申施打AZ疫苗「利大於弊」。不過丹麥、瑞典與挪威等三國表示其仍需要更多時間來評估是否繼續施打該疫苗。
阿斯特捷利康公司拒絕評論丹麥通報新案例一事僅重申該公司首席醫療官泰勒（Ann Taylor）18日發表的聲明其強調疫苗安全是「最重要的」感謝歐洲藥品管理局承認AZ疫苗對抑制新冠肺炎（COVID-19）疫情的貢獻並相信在經過仔細評估後AZ疫苗將在全歐洲範圍繼續施打。</t>
  </si>
  <si>
    <t>疫苗az丹麥案例通報接種症狀表示施打嚴重目前出現公司血栓管理局主任歐洲藥品暫停承認重申評估是否</t>
  </si>
  <si>
    <t>AZ疫苗新冠肺炎副作用血栓丹麥</t>
  </si>
  <si>
    <t>肺炎副作用疫苗血栓az丹麥</t>
  </si>
  <si>
    <t>兩岸不能一刀切</t>
  </si>
  <si>
    <t>為管控新冠肺炎疫情傳播防疫中心限制陸配子女入台政策24小時內4次髮夾彎。兩岸婚姻協調促進會會長鍾錦明表示政府將兩岸人民關係規定得很細很多事情不能一刀切下去否則只會怨聲載道。台灣學者龐建國呼籲蔡</t>
  </si>
  <si>
    <t>臺灣傳播怨聲載道防疫中心限制下去配子一刀切不能政策事情小時很細規定髮夾疫情學者關係兩岸人民兩岸婚姻政府協調</t>
  </si>
  <si>
    <t>為管控新冠肺炎疫情傳播防疫中心限制陸配子女入台政策24小時內4次髮夾彎。兩岸婚姻協調促進會會長鍾錦明表示政府將兩岸人民關係規定得很細很多事情不能一刀切下去否則只會怨聲載道。台灣學者龐建國呼籲蔡政府不要拿肺炎作為「抗中保台」的工具否則兩岸關係將難以修復。
新冠肺炎疫情延燒陸配子女是否能夠隨父母返台？陸委會主委陳明通11日舉例「小明的故事」不僅讓外界聽得霧煞煞12日更遭疫情指揮中心指揮官陳時中打臉撤回所有對陸配子女的管制措施「不具我國國籍的陸配子女仍滯留在中港澳者不同意入境。」據瞭解這些人的人數約在一千人左右。
娶了大陸妻子的鍾錦明表示早在1月26日中央流行疫情指揮中心發布管制大陸人士暫緩交流、陸生暫緩來台、陸配回台限制住居須自主健康管理14天的政策後他就分別向陸委會及移民署反應指出這樣全面管制會有問題兩岸人民關係很細很多事情不能一刀切下去否則會遭到抗議。
「有不少台商是在大陸經商做生意、結婚、生子再舉家遷回台灣定居的」鍾錦明舉例「雖然小孩在台灣受教育但沒有台灣的戶籍而是申請專案長期居留或居留探親在台生活小孩這次若跟媽媽回大陸過年就會發生媽媽可以回台、小孩不能回台的情形。」
中國文化大學國家發展與中國大陸研究所教授龐建國感慨疫情的防治工作原本可以成為兩岸互相釋放善意的契機卻演變成了突顯矛盾、升高敵意的破口。回顧疫情發生之後的兩岸互動「我們不得不說蔡政府想要藉疫情防治進行政治操作缺乏必要的同理心是事情越弄越擰的主因。」
龐建國呼籲對岸「非常情況特殊處理」不妨考慮仿照前例邀請台灣以觀察員身分參加今年的世界衛生組織大會（WHA）展現防疫高於政治的情懷和氣度；另外一方面則奉勸蔡政府「以疫情防治需求為名搞妖魔化大陸形象和突顯主權意涵的動作只會招來對岸更嚴峻的對待讓兩岸關係雪上加霜。」</t>
  </si>
  <si>
    <t>疫情大陸臺灣政府管制兩岸龐建國陸配小孩中心防治肺炎回台突顯政策事情配子防疫對岸政治不能發生</t>
  </si>
  <si>
    <t>回台肺炎防治陸配子女兩岸</t>
  </si>
  <si>
    <t>陸配肺炎子女防治兩岸回台</t>
  </si>
  <si>
    <t>臺灣重要加油好好徐若瑄</t>
  </si>
  <si>
    <t>台灣疫情升溫今（12日）一口氣新增16例本土確診案例包括臺北、新北、宜蘭、基隆4縣市都出現染疫者面對疫情本土疫情爆發女神徐若瑄就在臉書感嘆：「為了我們愛的人好好的活著是目前最重要的事」同時美</t>
  </si>
  <si>
    <t>本土疫情目前好好感歎新增一口氣徐若瑄出現基隆宜蘭新北確診案例</t>
  </si>
  <si>
    <t>台灣疫情升溫今（12日）一口氣新增16例本土確診案例包括臺北、新北、宜蘭、基隆4縣市都出現染疫者面對疫情本土疫情爆發女神徐若瑄就在臉書感嘆：「為了我們愛的人好好的活著是目前最重要的事」同時美魔女何如芸也寫下：「口罩戴起來不要怕！台灣加油！」
本土疫情爆發昨新增7例本土案例後今天則一口氣新增16例本土確診案例社會氣氛明顯緊張對此美魔女何如芸稍早則在臉書喊話：「口罩戴起來不要怕！台灣加油！」發文引發網一片熱議：「台灣加油 大家一起配合政府防疫政策」、「一起配合防疫 團結起來加油」、「大家都要把防疫做好做滿」。
口罩戴起來
不要怕！
台灣加油！
女神徐若瑄今年春節在新加坡過年後3月初回台工作、拍新片徐若瑄近期結束台灣工作並在日前飛回新加坡她當時曬出與兒子合照引來網質疑「不用隔離嗎？」徐若瑄也親自回應：「從台灣來的不用喔！」短短8字就道出臺灣在防疫獲得國際的認可。
早安疫情擴散了很多演唱會&amp;活動也都被迫取消或延期電影院也開始梅花座了可以感受到大家的失望也是無可奈何⋯ But 安全第一☝?  為了我們愛的人好好的活著是目前最重要的事V哥沒在大家身邊請好好照顧自己。戴好口罩、勤洗手、酒精不離身、少去公共場合、多運動、還要吃的飽睡的好才有抵抗力?  我們一起努力渡過這個難關！天佑台灣、天佑新加坡、天佑全世界? ? 
隨著本土病例爆發徐若瑄今早則沈重發文：「早安疫情擴散了很多演唱會&amp;活動也都被迫取消或延期電影院也開始梅花座了可以感受到大家的失望也是無可奈何」徐若瑄認為安全第一「為了我們愛的人好好的活著是目前最重要的事V哥沒在大家身邊請好好照顧自己」並呼籲戴好口罩、勤洗手、酒精不離身、少去公共場合、多運動「還要吃的（得）飽睡的（得）好才有抵抗力」。</t>
  </si>
  <si>
    <t>臺灣徐若瑄本土疫情口罩加油新加坡防疫好好一起案例爆發發文不用</t>
  </si>
  <si>
    <t>徐若瑄何如芸新冠肺炎疫情新加坡</t>
  </si>
  <si>
    <t>肺炎疫情新加坡徐若瑄</t>
  </si>
  <si>
    <t>沒有樂觀下降病例本錢</t>
  </si>
  <si>
    <t>國內本土病例數近日逐步下降外界關注是否要進入「社區清零階段」？衛福部長陳時中1日認為現在要先控制疫情雖看到病例數「緩步下降」但台灣沒有樂觀本錢未來14天「緊縮過日子」才能有好的防疫成果完整執</t>
  </si>
  <si>
    <t>下降病例才能過日子緊縮未來防疫本錢逐步樂觀沒有臺灣衛福部長關注緩步外界社區進入清零階段是否陳時中認為現在控制</t>
  </si>
  <si>
    <t>國內本土病例數近日逐步下降外界關注是否要進入「社區清零階段」？衛福部長陳時中1日認為現在要先控制疫情雖看到病例數「緩步下降」但台灣沒有樂觀本錢未來14天「緊縮過日子」才能有好的防疫成果完整執行公衛手段「病例越少疫情的可控性就越好」。因此這兩天正考慮未來不再公佈校正回歸相對對整體疫情意義比較小。
另外大陸傳出發生H10N3禽流感傳人的案例中央流行疫情指揮中心發言人莊人祥回應大陸官方今天中午向台灣通報指出江蘇有個H10N3輕症個案這是世界上第一起病例目前大陸說並未有其他個案出現台灣將繼續觀察是否有「人傳人風險」。</t>
  </si>
  <si>
    <t>疫情病例大陸臺灣是否未來個案下降傳人衛福部長階段陳時中逐步認為清零社區進入公佈現在回歸關注相對</t>
  </si>
  <si>
    <t>病例數樂觀本錢新冠肺炎台灣</t>
  </si>
  <si>
    <t>本錢樂觀肺炎病例臺灣</t>
  </si>
  <si>
    <t>開幕觀光業展今蔡英文國際等待春暖花開臺北</t>
  </si>
  <si>
    <t>全球觀光界受到新冠肺炎疫情衝擊近2年國際組織預估2024年才能恢復疫情前榮景2021臺北國際旅展（ITF）今日於南港展覽館登場雖然規模不如以往但仍有40多個國家地區來參展總統蔡英文表示這顯示各國已逐漸恢</t>
  </si>
  <si>
    <t>國際疫情表示蔡英文總統參展地區國家肺炎顯示以往不如規模登場展覽館衝擊于南港今日itf受到預估才能</t>
  </si>
  <si>
    <t>全球觀光界受到新冠肺炎疫情衝擊近2年國際組織預估2024年才能恢復疫情前榮景2021臺北國際旅展（ITF）今日於南港展覽館登場雖然規模不如以往但仍有40多個國家地區來參展總統蔡英文表示這顯示各國已逐漸恢復海外行銷呼籲旅遊業再堅持一下等待春暖花開的日子。
ITF主辦單位、台灣觀光協會會長葉菊蘭表示疫情重創觀光業全球旅遊人次從疫情前的146億人次銳減到4億人次工作流失6200萬人。最近疫苗覆蓋率提升許多國家也開放邊境期能帶動觀光復甦我國疫苗覆蓋率也超過74％「再撐一會就有好日子過」。
交通部長王國材說政府這2年實施紓困與振興措施陪大家過難關旅行業也做了很多轉型包括旅宿業、觀光遊樂業等都提出許多產品和行銷交通部的短期規劃仍是佈局國旅、擴大內需再等待迎接觀光客。
交通部推動區域觀光聯盟策略整合資源擴大觀光圈並藉由前瞻計畫打造6個具國際魅力的景點包括大野柳、東北角沙丘、日月潭、東海岸島嶼、阿里山以及澎湖黃金海岸希望提供國人和國際旅客更多元觀光選擇並透過ITF旅展向世界宣告台灣準備好了。
行政院政務委員張景森指出行政院針對邊境開放在兼顧防疫與觀光平衡下已著手研究國際上務實作法時機成熟便會推動盡速恢復國際旅遊活力。他強調每年5000至8000億元的出境市場有潛力轉為國內旅遊消費適當發展可補上國際觀光客的不足。
蔡英文表示在疫情挑戰下實體旅展順利舉辦且呈現這樣規模並不容易。國內疫情穩定現進入振興街段希望4天旅展能作為轉型契機為旅遊注入新能量鼓勵國人看展、消費一起振興國旅。
蔡英文邀請民眾參加旅展搭配五倍券、各部會加碼券一定能在現場買自己喜歡的產品。今年仍有40多個國家地區來參展、30多國代表到場支持顯示各國逐漸恢復海外行銷她也有信心台灣能提供在地、深度、多元的產品及美食吸引更多國際旅客注意。
蔡英文說上周她帶CNN記者到萬華參觀當地小吃及宗教文化都受到喜愛並讓在地小吃登上國際版面這種體驗旅遊就是台灣旅遊契機和商機希望旅遊業大家再堅持一下等待春暖花開的日子。</t>
  </si>
  <si>
    <t>國際觀光疫情旅遊臺灣恢復希望振興蔡英文表示產品itf行銷國家包括規模推動國內消費提供</t>
  </si>
  <si>
    <t>振興五倍券振興券五倍券相關新聞 新冠肺炎</t>
  </si>
  <si>
    <t>相關新聞肺炎振興</t>
  </si>
  <si>
    <t>曙光中研院找到強效早班車抑制新聞</t>
  </si>
  <si>
    <t>小編精選《中國時報》5件不可不知大事帶讀者掌握今天（11日）新聞重點。【1】抗疫曙光 中研院找到10倍強效抑制劑新冠肺炎疫情在全球蔓延中研院生化所研究員梁博煌團隊從上百種化合物中篩選出新冠病毒主要蛋</t>
  </si>
  <si>
    <t>中研院不可不知大事讀者掌握今天中國時報新聞重點篩選上百化合物曙光團隊梁博煌研究員生化找到蔓延強效抑制</t>
  </si>
  <si>
    <t>小編精選《中國時報》5件不可不知大事帶讀者掌握今天（11日）新聞重點。
【1】抗疫曙光 中研院找到10倍強效抑制劑
新冠肺炎疫情在全球蔓延中研院生化所研究員梁博煌團隊從上百種化合物中篩選出新冠病毒主要蛋白酶這項強效的抑制劑可在體外抑制新冠病毒並且效果對比已知的抑制劑強10倍。
【2】夜市難管制 業者酸不如關門
中央流行疫情指揮中心宣佈夜市、傳統市場與商圈需提出總量管制計畫雖然夜市經營者都願意配合但感覺執行困難有業者大嘆近期人潮已大幅減半甚至生意掉了7、8成再實施管制不如大家說好一起關門。
【3】大院長出征小屌絲 自貶身價
整天掛在網上、無所事事、遇事圍觀看熱鬧、話不驚人死不休…這群人在大陸被視為「屌絲」。他們也是大陸「武統論」的最大粉絲團兩岸一有事這群人就要揪團「出征」台灣老在網上噴口水。
【4】國台辦轟台灣當局造謠抹黑！陸委會遺憾兩岸漸行漸遠
大陸國台辦發言人朱鳳蓮昨表示疫情發生以來大陸精心照顧在陸臺胞生活和防疫需要也為滯留臺胞做好服務；但民進黨當局對兩岸關係出口就是惡言舉手就是挑釁對在陸臺胞台企、陸生陸配沒講過什麼好話她說編織謊言、煽動仇恨解決不了防疫問題造謠抹黑的政治把戲可以休矣。
【5】謝忻含淚嗑美食「我好感動」
謝忻首次光臨《飢餓遊戲》與同為來賓的PTT鄉民大神們一起玩遊戲第1關卡竟考倒遊戲機器「飢餓三帥」許孟哲直喊：「我作答本還給你們。」孫協志也棄權表示：「我可能沒辦法參與這關。」謝忻則憑著實力一連答對好幾題享用美食時甚至含淚說：「我好感動能吃到食物。」孫協志則在旁補刀：「妳一開始不相信我們遊戲規則還問工作人員真的只能喝水嗎？」謝忻無奈抗議：「甚至連咖啡都不能喝！」</t>
  </si>
  <si>
    <t>謝忻大陸甚至疫情夜市臺胞管制抑制饑餓中研院網上出征業者表示防疫一起含淚抹黑造謠</t>
  </si>
  <si>
    <t>抑制劑謝忻中研院10倍強效</t>
  </si>
  <si>
    <t>謝忻抑制中研院強效</t>
  </si>
  <si>
    <t>世界確診男單atp肺炎</t>
  </si>
  <si>
    <t>職業網球進入紅土賽季本周ATP蒙地卡羅大師賽已經開打男單世界第2、大會第2種子麥維德夫（Daniil Medvedev）今天因為新冠肺炎病毒篩檢呈陽性反應立刻退出比賽、進行隔離。麥維德夫首輪輪空但在第二輪賽事之前</t>
  </si>
  <si>
    <t>維德夫賽季atp蒙地卡羅大師已經紅土男單隔離立刻陽性反應病毒世界肺炎進行退出大會比賽種子今天</t>
  </si>
  <si>
    <t>職業網球進入紅土賽季本周ATP蒙地卡羅大師賽已經開打男單世界第2、大會第2種子麥維德夫（Daniil Medvedev）今天因為新冠肺炎病毒篩檢呈陽性反應立刻退出比賽、進行隔離。
麥維德夫首輪輪空但在第二輪賽事之前傳出病毒檢驗呈陽性ATP表示小麥現在已經進行隔離賽會及ATP的醫療團隊嗎密切觀察他的狀況。
麥維德夫表示：「無法參加蒙地卡羅大師賽讓我很失望現在我只能專心康復期待盡快平安回到賽場。」
蒙地卡羅大師賽去年因為新冠肺炎去全球大流行取消今年好不容易復辦但因為疫情仍嚴峻無法開放球迷進場麥維德夫確診後已經從單打跟雙打籤表移除由「幸運輸家」、阿根廷選手隆德羅（Juan Ignacio Londero）取代參賽。</t>
  </si>
  <si>
    <t>維德夫atp已經蒙地卡羅大師現在表示病毒隔離進行肺炎juan德羅選手阿根廷輸家ignacio幸運移除好不容易疫情</t>
  </si>
  <si>
    <t>網球ATP麥維德夫蒙地卡羅大師賽男單</t>
  </si>
  <si>
    <t>維德夫蒙地卡羅大師atp網球男單</t>
  </si>
  <si>
    <t>梅花座吃飯陳時中在外小小孩</t>
  </si>
  <si>
    <t>全台7月27日起疫情警戒降至2級部分縣市已經有條件開放餐廳內用。對於無法自行用餐的小小孩是否也需要梅花坐？中央流行疫情指揮中心指揮官陳時中表示因為平常就在餵小孩帶小小孩出門可以坐在一起。至於婚宴的</t>
  </si>
  <si>
    <t>小小孩疫情可以警戒出門部分已經小孩條件開放平常餐廳表示陳時中指揮官對於中心指揮無法自行流行中央</t>
  </si>
  <si>
    <t>全台7月27日起疫情警戒降至2級部分縣市已經有條件開放餐廳內用。對於無法自行用餐的小小孩是否也需要梅花坐？中央流行疫情指揮中心指揮官陳時中表示因為平常就在餵小孩帶小小孩出門可以坐在一起。至於婚宴的規定陳時中表示要保持梅花座、隔板不要人與人近距離接觸。
另外近期有照顧管理專員指出疫情至今地方政府都規定不得視訊家訪但許多人都尚未接種疫苗案主往往又是高風險者是否可以考慮開放視訊訪問？對此陳時中表示如果評估是高風險當然可以用視訊會與地方單位溝通。
不過陳時中也提醒照顧管理專員縱使對方不是高風險對象若前往家訪戴口罩、社交距離也是一樣要維持另動作也要迅速一點。</t>
  </si>
  <si>
    <t>陳時中疫情表示高風險可以小小孩開放是否家訪規定地方距離管理專員照顧警戒部分已經條件</t>
  </si>
  <si>
    <t>內用梅花座陳時中小小孩視訊</t>
  </si>
  <si>
    <t>陳時中小小孩梅花座</t>
  </si>
  <si>
    <t>不足住院呼吸急促總理情況嚴重盧森堡穩定</t>
  </si>
  <si>
    <t>盧森堡政府今天表示感染2019冠狀病毒疾病（COVID－19）的貝特爾（Xavier Bettel）總理情況「嚴重但穩定」將繼續住院2－4天。貝特爾現年48歲是歐洲國家年輕一輩的領導人之一。總理辦公室的一名消息人士透露他</t>
  </si>
  <si>
    <t>貝特爾總理感染領導人病毒年輕疾病covid-表示國家歐洲xavier現年bettel嚴重穩定住院繼續情況今天辦公室政府消息人士盧森堡透露</t>
  </si>
  <si>
    <t>盧森堡政府今天表示感染2019冠狀病毒疾病（COVID－19）的貝特爾（Xavier Bettel）總理情況「嚴重但穩定」將繼續住院2－4天。
貝特爾現年48歲是歐洲國家年輕一輩的領導人之一。總理辦公室的一名消息人士透露他的「呼吸急促但並未插管」。
貝特爾5月6日曾注射一劑AZ疫苗目前尚未注射第2劑。他因出現溫和症狀而在6月27日自主隔離接著在昨天住院當局宣佈這是24小時預防措施。
盧森堡政府發表聲明說：「當時他被診斷出血氧濃度不足於是接受持續醫學觀察。」
「醫生認為總理目前身體狀況嚴重但穩定因此照護總理的醫療人員決定此時總理仍有必要住院估計是2－4天以持續觀察。」
同為自由派的財政部長葛梅格納（Pierre Gramegna）將獲授權負責確保政務延續但貝特爾還是能在醫院中協調多數事務。1100706</t>
  </si>
  <si>
    <t>貝特爾總理住院持續目前政府嚴重穩定注射盧森堡診斷出血當時感染聲明發表濃度不足病毒接受</t>
  </si>
  <si>
    <t>新冠肺炎國際</t>
  </si>
  <si>
    <t>國際肺炎</t>
  </si>
  <si>
    <t>嚴重疫情去年國際防疫政府疫苗不滿成民調重災區</t>
  </si>
  <si>
    <t>新冠肺炎疫情升溫國內死亡人數已達149人據昨日媒體民調有6成不滿政府防疫表現。綠委許智傑今日表示政府從去年8月就積極採購疫苗但當時台灣疫情不嚴重國際藥廠都將疫苗先分給重災區希望民眾可以諒解。</t>
  </si>
  <si>
    <t>疫苗疫情政府重災區分給升溫國內死亡人數昨日媒體藥廠嚴重國際不滿希望防疫表現</t>
  </si>
  <si>
    <t>新冠肺炎疫情升溫國內死亡人數已達149人據昨日媒體民調有6成不滿政府防疫表現。綠委許智傑今日表示政府從去年8月就積極採購疫苗但當時台灣疫情不嚴重國際藥廠都將疫苗先分給重災區希望民眾可以諒解。
許智傑指出民眾現在的不滿可以理解但政府從去年起就積極洽談疫苗採購但藥廠都把疫苗優先分給重災區希望國人能諒解現在美日都已出手相助希望接下來國產跟國外疫苗採購都有好消息。
此外近日有媒體報導南韓大邱市自行採購BNT疫苗但南韓中央禁止使用這些非正規管道獲取的疫苗。許智傑說買疫苗不是買豆苗牽涉到保存運送等問題因此國際藥廠只想跟中央接洽要感謝地方政府、民間單位要幫助買疫苗但很多時候不是中央卡疫苗希望不要再給地方扣帽子。
針對在野黨批評政府在卡民間企業採購疫苗許智傑回應國際大廠都要跟各國的中央政府洽談包括韓國、印度地方政府要談都被拒絕請國民黨別再抹黑指揮中心卡疫苗只要符合規定原廠願意出貨指揮中心都樂觀其成。</t>
  </si>
  <si>
    <t>疫苗政府採購許智傑希望中央國際藥廠地方疫情媒體不滿現在指揮洽談南韓中心民間可以去年諒解重災區分給</t>
  </si>
  <si>
    <t>疫苗重災區許智傑新冠肺炎台灣</t>
  </si>
  <si>
    <t>許智傑重災區肺炎臺灣疫苗</t>
  </si>
  <si>
    <t>比賽感恩繪畫第一線防疫寶貝無名英雄</t>
  </si>
  <si>
    <t>新冠肺炎疫情延燒為了宣導新冠病毒防疫的正確觀念及鼓勵所有站在第一線防疫工作人員社團法人台東縣南迴健康促進關懷服務協會方舟教室舉辦「寶貝你很繪」繪畫比賽藉由繪圖的方式不僅發揮小朋友對於防疫情形</t>
  </si>
  <si>
    <t>防疫發揮宣導繪圖方式比賽繪畫病毒寶貝舉辦教室方舟正確協會服務關懷促進第一線健康南回工作人員社團東縣法人</t>
  </si>
  <si>
    <t>新冠肺炎疫情延燒為了宣導新冠病毒防疫的正確觀念及鼓勵所有站在第一線防疫工作人員社團法人台東縣南迴健康促進關懷服務協會方舟教室舉辦「寶貝你很繪」繪畫比賽藉由繪圖的方式不僅發揮小朋友對於防疫情形的想像力同時也向防疫英雄們致敬。
新型冠狀病毒（COVID-19)肺炎疫情持續延燒台灣確診人數也持續上升全國人民從去年疫情爆發後就繃緊神經、依照衛福部的政策指示全面防備與抗疫不敢有一絲一毫的鬆懈就連小朋友們都要隨時注意疫情的發展。
台東縣南迴健康促進關懷服務協會6間方舟教室小朋友在課後的陪讀課程中開始拿起畫筆畫出小朋友們對於防疫的正確觀念並向所有防疫英雄來致意。
南迴協會總幹事張小雲表示台東目前雖然還沒新冠病毒的個案發生但是透過宣導防疫的措施讓小朋友瞭解這次疫情的嚴重性。
張小雲強調繪畫比賽最後會選出每個年級的前3名除了公開表揚之外也會將方舟教室小朋友的得獎畫作捐贈給大武、達仁衛生所以表達小朋友的感恩之意在疫情升溫期間用學生們的純真感動融化病毒讓病毒不要來。</t>
  </si>
  <si>
    <t>小朋友疫情防疫病毒教室南回方舟協會比賽繪畫英雄宣導對於正確東縣觀念肺炎促進健康防備</t>
  </si>
  <si>
    <t>防疫小朋友疫情病毒新冠</t>
  </si>
  <si>
    <t>病毒疫情小朋友防疫</t>
  </si>
  <si>
    <t>裝運紙箱價格需求</t>
  </si>
  <si>
    <t>疫情爆發後宅經濟熱潮加溫加上政府好幾波的紓困助漲電商業務美國裝運用紙箱呈現供不應求並已連番漲價每噸報價已飆到785美元的歷史新高4月份很可能進一步上漲。根據美國紙箱協會的統計美國廠商2020年瓦楞</t>
  </si>
  <si>
    <t>美國紙箱經濟熱潮加溫加上政府紓困上漲月份歷史商業進一步新高可能供不應求呈現裝運協會</t>
  </si>
  <si>
    <t>疫情爆發後宅經濟熱潮加溫加上政府好幾波的紓困助漲電商業務美國裝運用紙箱呈現供不應求並已連番漲價每噸報價已飆到785美元的歷史新高4月份很可能進一步上漲。
根據美國紙箱協會的統計美國廠商2020年瓦楞紙製品的總產量達近4070億平方英尺年增34％或477平方英里比紐約市都還要大。
需求火熱帶動廠商去年秋天就將紙箱價格調升到歷史新高最近則又出現一波調漲這無疑進一步增加供應鏈的壓力。
去年秋季廠商紙箱每噸約調漲50美元市場基準報價達每噸765美元。根據美國紙箱協會旗下的產業刊物《PPI漿紙週刊》報導今年稍早廠商又啟動新一波漲價每噸至少調漲60美元帶動基準報價飆至785美元的歷史新高。
傢俱製造商Green Forest Cabinetry的老闆摩根（John K Morgan）表示公司紙箱進貨成本比一年前多了22％而且供貨商還一再通知未來價格會持續上漲。
去年爆發新冠肺炎疫情後紙箱製造商對景氣前景轉趨保守並對經濟衰退帶來的衝擊預作準備完全沒料到產業會掀起一波景氣榮景。美國瓦楞紙箱第二大廠WestRock去年5月還宣佈大砍股利減幅超過5成。
KeyBanc資本市場紙類與包裝產業分析師喬瑟夫森（Adam Josephson）指出「疫情爆發後紙箱需求先跳水2個月但6月份就強勢反彈當時經濟重啟政府又推出紓困措施民眾有錢可以消費。」
此外疫情期間房市景氣大好刺激裝潢活動暴增進而帶動包裝家電與櫥櫃等大型貨品的瓦楞紙箱的需求。
《PPI漿紙週刊》總編輯魯德（Greg Rudder）表示「由於秋天才剛調漲價格加上之前廠商帳務系統因遭勒索軟體攻擊出現狀況導致最新一波漲價才剛剛反應出來預料基準報價4月份還會再進一步創新高。」</t>
  </si>
  <si>
    <t>紙箱廠商美國去年漲價產業景氣報價需求月份帶動疫情歷史基準爆發表示包裝製造商市場</t>
  </si>
  <si>
    <t>紙箱美國歷史新高瓦楞紙基準</t>
  </si>
  <si>
    <t>美國瓦楞紙歷史新高紙箱基準</t>
  </si>
  <si>
    <t>群起惡劣行徑員工狄珍妮艾倫溫暖主持都裝</t>
  </si>
  <si>
    <t>美國知名主持人艾倫狄珍妮(Ellen DeGeneres)其脫口秀節目《艾倫秀》聞名全球她作風風趣機靈加上長期為弱勢及LGBTQ族群發聲因此幽默溫暖的形象深植人心沒想到近日遭節目工作人員群起投訴指她毫無通知就找</t>
  </si>
  <si>
    <t>節目狄珍妮投訴ellen群起degeneres工作人員脫口秀艾倫秀近日聞名人心風趣全球機靈加上溫暖弱勢形象長期lgbtq幽默族群發聲沒想</t>
  </si>
  <si>
    <t>美國知名主持人艾倫狄珍妮(Ellen DeGeneres)其脫口秀節目《艾倫秀》聞名全球她作風風趣機靈加上長期為弱勢及LGBTQ族群發聲因此幽默溫暖的形象深植人心沒想到近日遭節目工作人員群起投訴指她毫無通知就找外包廠商錄影集體丟包他們連跟她合作過的網紅、保鑣也爆她是「雙面人」目前形象都是裝出來的消息一出引發外界譁然。
《艾倫秀》30多名員工近日聯合控訴因新冠肺炎影響節目從攝影棚移到艾倫家裡拍攝但她私自找了外頭的攝影廠商來拍完全沒通知原本的團隊一行人就這樣被迫放無薪假慘被丟包毫不念舊情。
而荷蘭知名美妝網紅Nikkie Tutorials今年1月受邀出演《艾倫秀》表示其實很多節目邀約但她是因艾倫長期為LGBT族群發聲因此決定接下工作但當天卻讓她非常不舒服她爆料艾倫並不似螢光幕前和善暖心私下冷漠無理還對來賓大小眼「他們不讓我用洗手間因為強納森兄弟要用」。
事實上2014年艾倫的前保鑣Majercak就曾出面爆料為艾倫工作期間她的老婆波蒂亞(Portia de Rossi)非常和善但艾倫根本「雙面人」從沒正眼看過Majercak「她老婆在介紹我的時候艾倫反應冷漠還帶著歧視也從不跟我打招呼」Majercak心寒地說前老闆人見人愛的形象本是裝的實際接觸過猶如被潑了盆冷水。</t>
  </si>
  <si>
    <t>艾倫節目艾倫秀形象majercak近日通知廠商和善非常工作冷漠老婆面人長期</t>
  </si>
  <si>
    <t>艾倫狄珍妮艾倫秀雙面人溫暖形象形象</t>
  </si>
  <si>
    <t>艾倫秀狄珍妮溫暖面人艾倫形象</t>
  </si>
  <si>
    <t>入境措施比照宣佈香港政府人士</t>
  </si>
  <si>
    <t>大陸央視新聞報導香港特區政府宣佈繼先前收緊台灣、新加坡的入境防疫措施從3日起將加強對從大陸、澳門等地抵港人士的檢測要求。提高檢測次數及頻率。港府表示在從大陸或澳門抵港的人士中按「回港易」計</t>
  </si>
  <si>
    <t>大陸人士澳門檢測宣佈香港特區政府先前收緊臺灣新加坡入境防疫措施頻率加強新聞報導次數要求表示回港提高</t>
  </si>
  <si>
    <t>大陸央視新聞報導香港特區政府宣佈繼先前收緊台灣、新加坡的入境防疫措施從3日起將加強對從大陸、澳門等地抵港人士的檢測要求。提高檢測次數及頻率。
港府表示在從大陸或澳門抵港的人士中按「回港易」計畫抵港而獲豁免強制檢疫人士以及已完成新冠疫苗接種而需接受7天強制檢疫人士由目前抵港後接受兩次檢測增至需在到達香港第3天、第5天及第12天接受共3次檢測。
未完成疫苗接種而需接受14天強制檢疫人士由目前抵港後接受兩次檢測增至需在到達香港的第3天、第7天、第12天、第16天及第19天接受共5次檢測。
港府先前宣佈自5月17日及5月21日起分別收緊曾逗留台灣及新加坡的抵港人士的檢疫等要求強制檢疫期由原先的7天（已完成疫苗接種人士）或14天（未完成疫苗接種人士）分別調整為14天或21天。
港府稱為進一步降低風險政府額外要求於上述收緊檢疫措施前已抵港相關人士需在完成原先7天或14天強制檢疫後接受強制檢測並在檢測獲確認為陰性結果前留在居住地點、私人處所或在檢疫令上指明的檢疫地點。
港府表示隨著收緊檢疫措施前已抵港人士陸續完成強制檢疫及相關檢測所有自5月17日起曾逗留台灣及自5月21日起曾逗留新加坡的抵港人士強制檢疫及檢測安排將與曾逗留其他高風險地區的抵港人士保持一致。已完成疫苗接種的人士需在指定檢疫酒店強制檢疫14天其間第3天、第5天及第12天接受檢測其後七天自行監察並於抵港第16天和第19天接受強制檢測。未完成疫苗接種的人士需在指定檢疫酒店強制檢疫21天其間第3天、第7天、第12天及第19天接受檢測。</t>
  </si>
  <si>
    <t>檢疫人士檢測強制接受收緊完成要求措施疫苗接種大陸地點臺灣新加坡及第宣佈分別</t>
  </si>
  <si>
    <t>香港台灣新加坡入境新冠肺炎</t>
  </si>
  <si>
    <t>入境新加坡臺灣香港肺炎</t>
  </si>
  <si>
    <t>巨蛋感染漢神高雄不明深夜公告緊急停業</t>
  </si>
  <si>
    <t>高雄龍頭百貨漢神巨蛋8樓櫃姐染疫迄今查無源頭原本業者在大清消後預計明(24)日重新營運但網路上一片罵聲。業者今（23）日深夜緊急發出公告表示配合政府防疫政策為維護員工及民眾健康自即日起至5／28暫</t>
  </si>
  <si>
    <t>業者員工巨蛋維護政策防疫政府配合表示民眾漢神迄今公告查無發出源頭原本緊急深夜預計</t>
  </si>
  <si>
    <t>高雄龍頭百貨漢神巨蛋8樓櫃姐染疫迄今查無源頭原本業者在大清消後預計明(24)日重新營運但網路上一片罵聲。業者今（23）日深夜緊急發出公告表示配合政府防疫政策為維護員工及民眾健康自即日起至5／28暫停營業。
漢神巨蛋指出調整營業時間即日起至5／28(五)暫停營業5／29(六)起正常營業；不便之處敬請見諒。
針對漢神巨蛋櫃姐染疫案衛生及警察局已針對電子足跡調閱百貨監視器畫面及手機定位紀錄繼續追蹤。該案疫調採三層方式進行第一圈為櫃姐家人、朋友、同事、清潔人員、顧客等14人檢驗結果12人呈陰性其餘檢驗中；第二圈為周邊櫃位、美食街等52人疫調匡列中；第三圈為8樓其他櫃位人員共148人疫調匡列中。</t>
  </si>
  <si>
    <t>巨蛋業者暫停營業百貨人員漢神檢驗政府配合防疫表示政策維護公告發出員工民眾緊急深夜健康</t>
  </si>
  <si>
    <t>漢神巨蛋停業櫃姐感染源新冠肺炎</t>
  </si>
  <si>
    <t>感染停業巨蛋漢神肺炎</t>
  </si>
  <si>
    <t>指揮官王必勝現象環南前線進駐窘境</t>
  </si>
  <si>
    <t>臺北市今（2日）新增29例本土個案其中環南市場群聚案2783人檢出41例陽性中央第三度派出醫療應變組副組長王必勝擔任聯合前進指揮所指揮官。對此王必勝坦言從過去經驗中「本位主義」的堅持常讓防疫上出現</t>
  </si>
  <si>
    <t>王必勝堅持本位主義經驗過去本土坦言個案對此中環常讓市場擔任組長應變中央陽性醫療派出新增指揮官前進指揮所</t>
  </si>
  <si>
    <t>臺北市今（2日）新增29例本土個案其中環南市場群聚案2783人檢出41例陽性中央第三度派出醫療應變組副組長王必勝擔任聯合前進指揮所指揮官。對此王必勝坦言從過去經驗中「本位主義」的堅持常讓防疫上出現困難惟有全面控制住疫情才有解封的可能性。
萬華環南市場爆發本土群聚中央攜手北市成立聯合指揮所於濱江、環南市場各設1處以便中央、地方交換情報。這是繼苗栗、北農大型群聚事件後指揮中心醫療應變組副組長王必勝第三度擔任前進指揮所指揮官。
王必勝臉書發文表示接到指揮中心的指派進駐聯合前進指揮所首先要將未完成的篩檢儘速確實完成以釐清感染的全貌。因此已立即與北農、北榮及相關人員形成決議清出一塊場地將於明（3日）早6點開始由北榮團隊開始篩檢「預計處理2000人下午報告就會陸續出來」。
王必勝談到一個好的篩檢必須考慮目標族群的方便性才能有效率的達成目標其中包括就近的地點及工作時間的配合像批發市場就有其特殊性。另一方面明早起臺北聯醫也將於環南市場一樓針對家禽市場及週邊民眾進行篩檢儘早釐清附近受感染的狀況。
王必勝指出在多次處理疫情事件的經驗中發現明明在同一個受影響場域卻常有「這不是我們公司的人」、「這別家的不關我事」、「這是別縣市的」等堅持出現導致出現處理上的困難和延宕。他表示「我們的國家就是一個島同島一命疫情沒控制好誰也無法獨善其身。」希望在抗疫上大家不要有本位主義資源共用守望相助。
王必勝最後強調「惟有全面性的疫情控制住才有解封的可能性才能真的幫到廣大受影響人民的生計和生活。」</t>
  </si>
  <si>
    <t>市場必勝疫情中央處理聯合環南前進指揮所控制北農才能表示影響本土事件</t>
  </si>
  <si>
    <t>環南市場聯合指揮所前進指揮所王必勝篩檢</t>
  </si>
  <si>
    <t>前進指揮所指揮所王必勝聯合南市</t>
  </si>
  <si>
    <t>影音爆發用戶經濟陸宅激增</t>
  </si>
  <si>
    <t>大陸成長app周均應用程式催生下載量手機超過平臺疫情apple蘋果公司去年爆發平均值經濟資料分析大幅統計遊戲</t>
  </si>
  <si>
    <t>下載量大陸疫情消費資料超過教育分析手機平臺影片爆發市民遊戲app位居增加娛樂應用成長</t>
  </si>
  <si>
    <t>手機應用App大陸超過肺炎</t>
  </si>
  <si>
    <t>應用app大陸超過肺炎手機</t>
  </si>
  <si>
    <t>漏洞疫情臺灣時中乾笑心知肚明大陸</t>
  </si>
  <si>
    <t>臺灣確診漏洞防疫肺炎不斷傳出案例予以重視都會今天陳時中來自情報受訪台辦心知肚明沒有乾笑入境指揮官公佈地區</t>
  </si>
  <si>
    <t>陳時中臺灣開放沒有對於進口清楚情況受訪國際相關確診台辦陸續地方案例漏洞政府溝通</t>
  </si>
  <si>
    <t>新冠肺炎美豬陳時中</t>
  </si>
  <si>
    <t>肺炎陳時中</t>
  </si>
  <si>
    <t>支援王婉諭口罩包裝指揮中心口誤陳時中澄清</t>
  </si>
  <si>
    <t>新冠肺炎疫情延燒口罩供給成為防疫重中之重「口罩實名制」上路讓各大藥局忙翻天中央疫情指揮中心指揮官、衛福部長陳時中提出研擬請「社工」支援口罩包裝、販售人力。對此時代力量立委王婉諭昨(18)日表示</t>
  </si>
  <si>
    <t>口罩疫情力量時代對此人力王婉諭包裝部長陳時中提出支援衛福指揮官中心上路指揮中央藥局</t>
  </si>
  <si>
    <t>新冠肺炎疫情延燒口罩供給成為防疫重中之重「口罩實名制」上路讓各大藥局忙翻天中央疫情指揮中心指揮官、衛福部長陳時中提出研擬請「社工」支援口罩包裝、販售人力。對此時代力量立委王婉諭昨(18)日表示看到新聞嚇了一跳社工不是志工若是部長口誤指揮中心應主動澄清避免社工困擾。
王婉諭說看到新聞內容表示「由於目前各地藥局的口罩配送量將增加陳時中部長研議將請社工支援包裝、販售人力。」該新聞讓她嚇了一跳因為原先工作負擔就相當繁重的社工們真的有能量去支援口罩實名制的發放嗎？
王婉諭表示透過同仁致電衛福部確認後才確定這個新聞應該是陳時中部長一時口誤將「志工」誤稱為「社工」。她也提出兩個想法：第一衛福部及指揮中心應主動澄清避免造成社工的困擾與恐慌；第二建議勞動部媒合失業勞工投入口罩需求人力舒緩第一線防疫人員的辛勞。
王婉諭也強調防疫期間陳時中部長和相關的人員一定都辛苦了她的發言並無針對責備之意只是希望善意提醒呼籲相關單位應該儘早澄清避免不必要的誤會。
更多 CTWANT 報導</t>
  </si>
  <si>
    <t>口罩新聞部長陳時中表示防疫人力指揮避免相關疫情澄清應該中心支援人員藥局衛福部提出嚇了一跳</t>
  </si>
  <si>
    <t>社工部長王婉諭陳時中新聞</t>
  </si>
  <si>
    <t>陳時中王婉諭部長新聞</t>
  </si>
  <si>
    <t>開會時中寸步難行國際人士混打政策高端</t>
  </si>
  <si>
    <t>疫苗入境高端邊境管制預防接種表示立院確定委員會陳時中美國部長上路衛福即將對此條件規定允許列入</t>
  </si>
  <si>
    <t>疫苗高端目前美國國際入境民眾表示特別對此acip國家出國接種混打認可問題</t>
  </si>
  <si>
    <t>台灣混打陳時中高端疫苗新冠肺炎</t>
  </si>
  <si>
    <t>高端疫苗陳時中混打肺炎臺灣</t>
  </si>
  <si>
    <t>點評開放缺失專家葬送自由解禁有望呼吸權利雙北</t>
  </si>
  <si>
    <t>7月27日起全台降二級警戒各地方政府也表態將逐步開放餐廳內用宜蘭縣將於8月3日起解除禁內用規定北市府今（30日）也坦言將視疫情發展最快下週二（3日）開放餐飲業內用。對此毒理專家招名威也樂觀其成認為</t>
  </si>
  <si>
    <t>開放專家毒理政府對此地方警戒餐飲業市府表態快下疫情禁內週二發展解除逐步坦言宜蘭招名威</t>
  </si>
  <si>
    <t>7月27日起全台降二級警戒各地方政府也表態將逐步開放餐廳內用宜蘭縣將於8月3日起解除禁內用規定北市府今（30日）也坦言將視疫情發展最快下週二（3日）開放餐飲業內用。對此毒理專家招名威也樂觀其成認為目前確診趨勢已完全符合開放內用條件但仍有一些事情需要注意希望全民能繼續配合防疫好好珍惜二個月以來開放內用的機會。
臺北市最快下週二開放餐廳內用招名威於臉書表示自己保持審慎樂觀的想法畢竟確診人數現在都不高了。綜觀目前疫情Rt值已經趨近於06且連續幾天全台確診數都是20例上下沒有太大的變動雙北新增個案介於5-10人之間且確診者多在已匡列的範圍內不明感染源少於2人完全符合開放餐廳內用的條件。
不過招名威指出若要開放餐廳內用仍存在諸多限制。以桃園為例單一隔間室內不能超過50人內用餐點須以個人餐為主不能和人共食；內用同行的人就算坐同桌也要間隔15公尺同桌之間設有隔板用餐須採梅花座。招名威解釋「意思就是你在吃東西的時候根本就看不到你的朋友你還是孤單一人唷！」就算能坐同桌用餐但彼此要聊天都很難。
招名威接著指出不只顧客麻煩其實餐廳也很麻煩。店家的基本防疫措施不能少店員仍須戴口罩、戴防護面罩、勤洗口消毒等有些餐廳為避免與人接觸不敢收現金、信用卡只接受行動支付把自己搞得很辛苦。只要有顧客或員工確診餐廳還要被暫停營業3天清消並且在接下來的11天暫停開放內用「壓力真的很大。」
然而招名威擔心若餐廳門口有長長的排隊人龍「會不會又是另一個群聚的開始呢？」他認為若大家都戴好口罩應該是不至於但最好還是維持每人225平方公尺的社交面積以降低染疫風險。因此不管是餐廳員工或顧客仍須多加留意。
「我們花了超過兩個月從地獄再回到接近天堂的地方」。最後招名威坦言從三級到降二級大家都很努力特別是後期的防疫措施奏效大幅提升疫調的精準度能有現在成果真的實來不易。呼籲大家一定要好好珍惜這個第二次機會「別再因為自己的私慾而再葬送了全台灣自由呼吸的權利。 」</t>
  </si>
  <si>
    <t>餐廳開放招名威確診防疫用餐不能顧客口罩超過現在認為地方</t>
  </si>
  <si>
    <t>禁內用解禁餐廳開放餐廳內用</t>
  </si>
  <si>
    <t>開放餐廳解禁禁內</t>
  </si>
  <si>
    <t>足跡確診年輕人返台橫跨bnt</t>
  </si>
  <si>
    <t>中央流行疫情指揮中心29日公佈國內新增23例COVID-19確定病例分別為13例本土及10例境外移入其中臺北市有2例本土、1例境外移入。北市衛生局29日下午召開記者會指出北市知名甜點店個案（案16087）除到臺北市還</t>
  </si>
  <si>
    <t>北市臺北市本土中心境外公佈個案國內新增知名指出記者會召開指揮衛生covid-確定下午疫情病例分別</t>
  </si>
  <si>
    <t>中央流行疫情指揮中心29日公佈國內新增23例COVID-19確定病例分別為13例本土及10例境外移入其中臺北市有2例本土、1例境外移入。北市衛生局29日下午召開記者會指出北市知名甜點店個案（案16087）除到臺北市還曾到其他5縣市。
北市衛生局疾管科長張惠美說明一名境外移入個案從中國大陸入境另外兩例本土分佈在中山區、北投區一名男性、一名女性年齡為20多歲到50多歲之間。
張惠美說案16087在7月23日從美國入境在美國期間於5月、6月打兩劑BNT疫苗在入境前及8月5日採檢都是陰性便回到社區生活因為近日要回美國於8月28日自費採檢確診CT為36風險較低。
張惠美表示經瞭解確診前14天足跡比較多包含北市餐飲店、公共場所已立即通知業者清消並請工作人員自我健康監測該案足跡涵蓋花蓮縣、宜蘭縣、基隆市、新北市桃園市北市已通知各縣市衛生局相關足跡通知各縣市進行必要調查及處置。
張惠美指出將比對實聯制及電信足跡個案跨縣市移動時曾搭捷運、公車、火車等比對資料後將公佈搭乘時間提醒民眾自我健康監測。張惠美也證實該個案有前往北市甜點店「深夜裡的法國手工甜點」與拉麵店「麵屋一燈」。
針對該個案匡列接觸者居家隔離有8位擴大採檢35位合計43位採檢上午完成21位採檢下午有18位採檢3位明天採檢。另一位本土個案為案16077目前匡列接觸者4位其中1位採檢陰性其餘持續追蹤中。
張惠美說2例本土皆為不明感染源但雙北有零星不明感染源呼籲民眾配合各項防疫工作減少聚會及跨縣市移動必要時可至北市7個採檢站採檢。</t>
  </si>
  <si>
    <t>張惠美北市個案足跡本土入境通知公佈民眾美國比對健康指出監測必要確診</t>
  </si>
  <si>
    <t>新冠肺炎台灣採檢個案北市</t>
  </si>
  <si>
    <t>臺灣肺炎個案北市</t>
  </si>
  <si>
    <t>專家高端比喻疫苗解答</t>
  </si>
  <si>
    <t>台灣鬧疫苗荒AZ和莫德納不夠打因此第六輪疫苗接種將開放高端上場。對此中華民國防疫學會理事長王任賢呼籲大家別落入政府的圈套！並呼籲打了首劑莫德納的人不要在疫苗空窗期去打高端因為打高端就像是打入</t>
  </si>
  <si>
    <t>疫苗莫德納呼籲高端王任賢理事長中華民國學會對此防疫不要高端上開放接種az落入不夠政府圈套打入</t>
  </si>
  <si>
    <t>台灣鬧疫苗荒AZ和莫德納不夠打因此第六輪疫苗接種將開放高端上場。對此中華民國防疫學會理事長王任賢呼籲大家別落入政府的圈套！並呼籲打了首劑莫德納的人不要在疫苗空窗期去打高端因為打高端就像是打入水一樣沒有效。
第五輪疫苗打莫德納符合資格的民眾可上網預約接種預計將在8月11日至8月17日開始施打；由於第五輪打完以後國內AZ與莫德納疫苗的數量不夠因此指揮中心也宣佈第六輪將由國產高端疫苗上場預計在八月下旬開放預約。
進口疫苗不夠打讓許多民眾猶豫是否該選擇打高端對此中華民國防疫學會理事長王任賢呼籲大家不要掉進政府的圈套在疫苗空窗期去打高端疫苗因為打高端就像是打入水一樣沒有效所以他不建議打第一劑莫德納的民眾第二劑去打高端。
台灣疫苗庫存量不足指揮中心指揮官陳時中昨也在記者會上坦言疫苗庫存量告急因為登記要打疫苗的人比起政府能供應的量還多對於目前急需疫苗的緊急狀況他們也持續與廠商聯絡希望疫苗可以盡快抵達。
另外由於疫苗不夠的緣故指揮中心先前也宣佈除了第一類至三類的公費接種對象與孕婦可在四周內預約打第二劑莫德納之外其他人的兩劑接種間隔時間將延長至10至12周左右讓不少人擔憂疫苗保護力是否會因為間隔太久而受到影響。
陳時中昨在記者會上被追問如果莫德納最後還是無法及時抵達台灣是否會再延長第二劑的接種時間對此他避而不談只是不斷強調打第一劑就可以產生足夠的保護力總比完全沒打還更好現在台灣主要會先拚第一劑的疫苗覆蓋率。</t>
  </si>
  <si>
    <t>疫苗莫德納接種高端臺灣不夠是否預約政府民眾中心指揮記者會可以延長抵達保護開放不要</t>
  </si>
  <si>
    <t>接種莫德納高端疫苗空窗期</t>
  </si>
  <si>
    <t>莫德納高端疫苗接種</t>
  </si>
  <si>
    <t>檢測核酸陸急捐試劑感同身受</t>
  </si>
  <si>
    <t>大陸駐日本大使館官網今天稱近日透過中國深圳華大基因科技有限公司和深圳市猛獁公益基金會緊急向日本國立傳染病研究所捐贈一批新冠病毒核酸檢測試劑盒。據《中央社》報導陸使館官網並未披露核酸檢測試劑的具</t>
  </si>
  <si>
    <t>核酸檢測試劑深圳市有限公司科技公益華大基因基金會深圳中國今天緊急日本透過傳染病研究所近日捐贈病毒披露使館中央</t>
  </si>
  <si>
    <t>大陸駐日本大使館官網今天稱近日透過中國深圳華大基因科技有限公司和深圳市猛獁公益基金會緊急向日本國立傳染病研究所捐贈一批新冠病毒核酸檢測試劑盒。
據《中央社》報導陸使館官網並未披露核酸檢測試劑的具體運抵時間與數量。但駐日大使館指出近來日本國內新型冠狀病毒肺炎疫情持續發展中方對此高度關注感同身受。得知日方新冠病毒核酸檢測試劑不足後中方立即向日方表達提供協助意願並採取行動。
官網稱經過多方協調近日透過中國大陸深圳華大基因科技有限公司和深圳市猛獁公益基金會緊急向日本國立傳染病研究所捐贈一批新冠病毒核酸檢測試劑盒。
官網強調病毒沒有國界之分需要國際社會共同應對。中方願繼續向日方提供力所能及的幫助密切開展溝通合作攜手早日戰勝疫情共同維護兩國人民健康安全以及地區和世界公共衛生安全。</t>
  </si>
  <si>
    <t>病毒中方日方試劑檢測共同疫情日本核酸提供大陸中國透過近日健康兩國人民維護有限公司科技華大基因深圳安全戰勝溝通</t>
  </si>
  <si>
    <t>eua完成疫苗即可交貨</t>
  </si>
  <si>
    <t>國產疫苗進入二期臨床試驗的解盲階段聯亞生技8日先完成3000多名核心受試者的血液樣本採集準備送去協力廠商公正單位進行抗體反應、安全性等檢查估計兩周後就會有結果另一方面聯亞生技也證實首批將交付政府的2</t>
  </si>
  <si>
    <t>證實階段公正單位進行抗體準備反應採集安全性樣本檢查血液估計受試者周後核心完成</t>
  </si>
  <si>
    <t>國產疫苗進入二期臨床試驗的解盲階段聯亞生技8日先完成3000多名核心受試者的血液樣本採集準備送去協力廠商公正單位進行抗體反應、安全性等檢查估計兩周後就會有結果另一方面聯亞生技也證實首批將交付政府的28萬劑疫苗已生產完成8日已移至桃園龜山物流中心進行外倉保存解盲、量產同步進行。
聯亞生技表示由於新竹生產基地的內倉空間不足因此8日先將首批產出的28萬劑疫苗移至桃園龜山物流中心的外倉保存今年3、4月間與政府洽談採購合約時已明訂疫苗存放倉庫該倉庫日前也已通過食藥署審核作為新冠疫苗存放使用。
聯亞生技指出量產出的疫苗可保存6個月只要通過政府的緊急使用授權以及食藥署的相關檢驗後就能立即交貨後續簽約的500萬劑疫苗也將採分批交貨會視政府防疫所需以及產能來供應。
不過聯亞生技也說即便已與疾管署完成疫苗簽約但還是要看是否能夠通過EUA若最後解盲不成功首批28萬劑的疫苗就得銷毀。</t>
  </si>
  <si>
    <t>疫苗政府完成保存進行使用簽約生產產出存放</t>
  </si>
  <si>
    <t>聯亞生技EUA量產交貨解盲</t>
  </si>
  <si>
    <t>eua交貨</t>
  </si>
  <si>
    <t>病毒實驗銷毀嚴查部門違規啟人疑竇樣本</t>
  </si>
  <si>
    <t>就在網路與外媒持續質疑大陸病毒研究機構洩漏實驗動物病原因而導致新冠肺炎疫情之際大陸農業農村部、教育部等7個部門大張旗鼓聯合發布通知要求加強動物病原實驗室安全管理任何單位和個人未經批准不得從事高</t>
  </si>
  <si>
    <t>大陸病原動物未經個人持續單位質疑管理安全病毒批准實驗室研究大張旗鼓聯合教育部農村部部門農業機構發佈加強之際疫情要求實驗通知洩漏</t>
  </si>
  <si>
    <t>就在網路與外媒持續質疑大陸病毒研究機構洩漏實驗動物病原因而導致新冠肺炎疫情之際大陸農業農村部、教育部等7個部門大張旗鼓聯合發布通知要求加強動物病原實驗室安全管理任何單位和個人未經批准不得從事高致病性動物病原微生物實驗活動亦不得保藏高致病性病原微生物菌（毒）種和樣本。顯然有關病毒研究機構私自進行大陸官方未知的高風險病毒研究的說法並非空穴來風而要求研究機構銷毀病毒樣本更讓人起疑意在湮滅證據。
據《新京報》報導農業農村部、教育部等7部門聯合發佈通知要求加強動物病原微生物實驗活動監管生物安全三級、四級實驗室從事高致病性動物病原微生物或者疑似高致病性動物病原微生物實驗活動的應報省級以上畜牧獸醫主管部門批准任何單位和個人未經批准不得從事相關實驗活動。
此外通知要求各地畜牧獸醫主管部門要加強對轄區內動物病原微生物實驗室及其實驗活動的生物安全監督管理。未經批准從事高致病性動物病原微生物實驗活動的要依法嚴肅查處。對實驗室能力條件發生變化不再符合國家標準或有關規定的要及時暫停或取消實驗活動許可。
同時加強科研院所、大專院校、出版機構有關高致病性病原微生物研究成果發表的管理納入相關績效評價工作。
通知說除農業農村部指定的專業實驗室外其他單位和個人不得保藏高致病性病原微生物菌（毒）種和樣本。對於違規保存菌（毒）種和樣本的當地畜牧獸醫主管部門應當監督其就地銷毀或送農業農村部指定的保藏機構保存。
通知提出加強動物病料採集和使用監管。對於重大動物疫病或疑似重大動物疫病應當由動物防疫監督機構採集病料採集過程中應當防止病原微生物擴散和感染並對樣本的來源、採集過程和方法等作詳細記錄。各地畜牧獸醫主管部門要加強病料採集和實驗活動廢棄物的安全監管。
外媒報導指出大陸網上有許多人質疑武漢病毒研究所或其他研究病毒的科研機構外洩實驗動物或病毒導致新冠病毒疫情擴散但大陸官方與武漢病毒研究所已多次否認。此時大陸7部門聯合發布通知要求嚴查未經批准的病毒實驗確實啟人疑竇顯示確有未經批准的病毒實驗才需要發布通知明令禁止。而且又要求未經批准的研究用病毒樣本不得保留當地政府要監督銷毀讓人懷疑是否為湮滅證據之用。</t>
  </si>
  <si>
    <t>實驗病毒動物活動病原通知大陸微生物機構樣本研究批准加強要求未經採集農業農村部實驗室銷毀主管部門監督獸醫應當致病畜牧管理</t>
  </si>
  <si>
    <t>三越南京新光公寓市場足跡確診公佈上榜北市</t>
  </si>
  <si>
    <t>臺北信義區百貨再傳有專櫃人員確診新光三越臺北信義新天地A4昨（30日）晚被通知有專櫃人員確診目前已匡列6名密切接觸者今A4暫停營業一天全面進行清消明天恢復正常營業。臺北市衛生局今日公佈2名確診足跡</t>
  </si>
  <si>
    <t>確診專櫃人員信義臺北臺北市衛生局明天營業進行全面暫停營業密切接觸匡列目前天地今日三越</t>
  </si>
  <si>
    <t>臺北信義區百貨再傳有專櫃人員確診新光三越臺北信義新天地A4昨（30日）晚被通知有專櫃人員確診目前已匡列6名密切接觸者今A4暫停營業一天全面進行清消明天恢復正常營業。
臺北市衛生局今日公佈2名確診足跡分別為案15773和案15781足跡曾到過位於南京東路的南京公寓市場以及信義區松壽路的新光三越A4館2樓兩者皆在30日、31日間清消完畢相關人員則進行自我健康監測。
衛生局指出案15773於30日確診初判可能感染源為家戶感染個案曾在24日上午9時30分至下午1時、25日與26日上午9時30分10時30分、28日上午9時30分至中午12時以及29日上午9時30分至11時30分到過南京東路5段291巷的南京公寓市場該處已於30日完成清消。
另名案15781則為新北市個案同樣於30日確診感染源尚待新北市疫調釐清個案曾在28日上午10時到晚間20時、29日中午12時30分至晚間22時於新光三越A4館2樓工作衛生局說工作場域已於31日進行全館停業消毒並請相關人員進行自我健康監測。</t>
  </si>
  <si>
    <t>確診進行人員三越信義新光個案已于衛生局感染新北專櫃相關市場分至公寓</t>
  </si>
  <si>
    <t>新冠肺炎台灣確診足跡南京公寓市場</t>
  </si>
  <si>
    <t>確診臺灣足跡南京肺炎公寓市場</t>
  </si>
  <si>
    <t>登記截止azqa接種完整</t>
  </si>
  <si>
    <t>第十輪疫苗意願登記今午截止！目前確定由AZ與高端上場符合資格者為50至64歲已打完第一劑AZ滿10周以上的民眾；以及打完第一劑高端滿4周者。而《中時新聞網》也整理出何時可接種、接種AZ和高端後常見的副作用等常見</t>
  </si>
  <si>
    <t>az高端打完截止目前接種確定新聞網周者高端滿上場民眾符合整理登記以上資格意願</t>
  </si>
  <si>
    <t>第十輪疫苗意願登記今午截止！目前確定由AZ與高端上場符合資格者為50至64歲已打完第一劑AZ滿10周以上的民眾；以及打完第一劑高端滿4周者。而《中時新聞網》也整理出何時可接種、接種AZ和高端後常見的副作用等常見的6個問題供民眾參考。
一、第十輪開放給誰打？
第十輪疫苗符合資格的對象為在9月30日前打完第一劑AZ且間隔滿10周的50至64歲民眾可以預約打第二劑；另外曾在10月6日已前打完首劑高端疫苗且間隔4周以上的民眾可以預約接種第二劑。
二、何時可預約、接種？
第十輪疫苗意願登記截止時間為今（29日）中午12時止符合資格者可在10月3日上午10時至10月4日下午4時登入平臺預約打疫苗；預計在10月6日至10月12日開打。指揮中心提醒符合接種資格且無取消者不用再進行意願登記但若不曾登記意願者請在今午12點前完成登記。
三、哪些人不適合施打？
對疫苗成分嚴重過敏、打過AZ曾出現嚴重過敏反應或血栓合併血小板低下症候群者將不予以接種另正在發燒或罹患急性中重度疾病者建議等疫情穩定後再打。
高端疫苗的部分曾對疫苗成分有嚴重過敏反應者不予接種；發燒或正患有急性中重度疾病者建議等病情穩定後再接種。
四、打完疫苗的副作用？
打AZ後常見的副作用為注射部位疼痛（542%）、疲倦（531%）、頭痛（526%）、肌肉痛（440%）、畏寒（319%）、關節痛（264%）與發燒（79%）。
接種高端後常見的副作用則是注射部位疼痛（712%）、痠痛／全身無力（36%）、肌肉痛（276%）、頭痛（222%）、腹瀉（151%）、注射部位腫脹／硬結（105%）、噁心／嘔吐（77%）、注射部位泛紅（49%）以及發燒（07%）。
五、罕見的不良反應是？
接種AZ疫苗後極罕見的不良反應「血栓」因此提醒民眾打完28天內若出現「嚴重持續性頭痛、視力改變或癲癇」、「嚴重且持續腹痛超過24小時」、「嚴重胸痛或呼吸困難」、「下肢腫脹或疼痛」以及「皮膚出現自發性出血點、瘀青、紫斑」的話請立刻就醫；另打高端後罕見的不良反應為顏面神經麻痺與眼壓過高。
六、打疫苗後發燒怎辦？
打完疫苗若發燒不適可以吃退燒止痛藥緩解不過家醫科醫師許書華提醒自行至藥局買藥要注意安全劑量含乙醯胺酚成分的止痛藥健康成人建議最大日劑量不超過4000毫克。</t>
  </si>
  <si>
    <t>疫苗接種打完az嚴重高端發燒民眾提醒符合出現資格疼痛登記成分注射部位可以預約建議止痛藥</t>
  </si>
  <si>
    <t>第十輪疫苗AZ高端新冠肺炎</t>
  </si>
  <si>
    <t>az高端肺炎疫苗</t>
  </si>
  <si>
    <t>關鍵搖頭莫德納清楚</t>
  </si>
  <si>
    <t>莫德納疫苗超搶手昨開放第五輪莫德納疫苗預約施打截至下午1時就有32萬3000人完成預約佔符合資格者的628％莫德納開打也有許多民眾想搶殘劑對此新北張博揚小兒科診所醫師則表示想搶莫德納殘劑的人要想</t>
  </si>
  <si>
    <t>莫德納預約疫苗小兒科施打診所張博揚資格下午醫師新北完成符合對此截至表示民眾開放</t>
  </si>
  <si>
    <t>莫德納疫苗超搶手昨開放第五輪莫德納疫苗預約施打截至下午1時就有32萬3000人完成預約佔符合資格者的628％莫德納開打也有許多民眾想搶殘劑對此新北張博揚小兒科診所醫師則表示想搶莫德納殘劑的人要想清楚因為有一沒有二大家做好出國打第二劑的準備了嗎？
新北張博揚小兒科診所醫師昨天在臉書上發文表示下周診所施打新冠疫苗時段為8月11日和8月12日兩天而已疫苗廠牌為莫德納。至於其他天為何沒有則是因為沒有疫苗啊！只能說想搶莫德納殘劑的人要多想想大家有出國打第二劑的心理準備嗎？
張博揚小兒科診所醫師也在留言處指出要大家多想一想的原因是「有一沒有二」搶到第一劑但第二劑的在哪裡？不少網友看了哀嚎說「唉！我目前就是卡在這樣的狀況裡7月19日做為第七類打到莫德納疫苗結果現在？」、「如果不是疫苗不足莫德納也不用從4周變12周搞得大家打也不是不打也不是傻眼」、「真的慘但AZ也沒有第二劑啊」。
台灣疫苗的數量究竟還剩下多少中央流行疫情指揮中心發言人莊人祥昨在記者會上透露中央及分配至地方政府的新冠肺炎疫苗加起來目前全台剩餘的疫苗量約是86萬劑AZ疫苗和658萬劑莫德納疫苗。</t>
  </si>
  <si>
    <t>疫苗莫德納沒有診所中央目前醫師預約小兒科表示張博揚出國az新北</t>
  </si>
  <si>
    <t>莫德納殘劑莫德納疫苗張博揚小兒科診所新冠肺炎</t>
  </si>
  <si>
    <t>小兒科診所張博揚疫苗莫德納肺炎</t>
  </si>
  <si>
    <t>武漢坦承重症官方大陸危重症</t>
  </si>
  <si>
    <t>中國大陸消息稱國務院副秘書長、中央指導組成員丁向陽20日在武漢表示湖北武漢疫情防控形勢盡管有好的跡象和積極變化但仍然十分嚴峻。從醫療救治上說現有3萬多名患者在醫院救治其中重症患者8000多人危重</t>
  </si>
  <si>
    <t>救治武漢國務院秘書長患者中央指導組成員丁向陽醫療嚴峻防控十分形勢仍然變化積極跡象醫院現有表示湖北疫情消息</t>
  </si>
  <si>
    <t>中國大陸消息稱國務院副秘書長、中央指導組成員丁向陽20日在武漢表示湖北武漢疫情防控形勢盡管有好的跡象和積極變化但仍然十分嚴峻。從醫療救治上說現有3萬多名患者在醫院救治其中重症患者8000多人危重症1600多人救治任務還十分艱巨。
大陸央視也報導連日來全國治癒出院的患者不斷增加包括2月19日安徽省63例新冠肺炎患者治癒出院以及吉林首例新冠肺炎危重症患者治癒出院。
安徽全省63例新冠肺炎患者治癒出院其中安徽黃山市有3名新冠肺炎患者治癒出院安徽亳州市有11名新冠肺炎患者治癒出院截至目前安徽全省共治癒出院424例。
吉林省首例新冠肺炎危重症患者也治癒出院這名患者今年62歲1月28日確診為新冠肺炎由於患者長期患有慢性支氣管炎、高血壓等疾病確診當日就出現呼吸困難、昏迷等癥狀。經過23天的全力救治患者恢復良好經救治專家組會診符合出院標準。
湖北省武漢華中科技大學附屬協和醫院西院31名重症新冠肺炎患者治癒出院。這是自該院成為武漢市重症新冠肺炎患者定點醫院後出院人數最多的一次。目前該院累計收治患者1055名累計出院145人。
丁向陽也指出這場突如其來的疫情是一場非常戰役病毒來勢之洶、疫情傳播之烈、範圍擴散之廣、全社會所面臨的挑戰之大堪稱前所未有。他表示武漢不是孤島、不是孤軍作戰。</t>
  </si>
  <si>
    <t>患者出院救治肺炎治癒疫情武漢丁向陽重症表示大陸確診安徽危重症目前全省首例前所未有面臨全社會</t>
  </si>
  <si>
    <t>黃耀興台肥轉彎人事董座</t>
  </si>
  <si>
    <t>台肥董事長人事案大轉彎日前大股東農委會改派代表人農委會副主委陳添壽取代原董事長康信鴻原訂12日召開臨時董事會接任董事長不過11日公告改公股董事由台肥總經理黃耀興接任農委會指出新冠肺炎疫情升溫</t>
  </si>
  <si>
    <t>農委會董事長接任台肥指出黃耀興康信鴻陳添壽原訂取代主委總經理董事公股公告日前轉彎股東代表人肺炎董事會人事疫情</t>
  </si>
  <si>
    <t>台肥董事長人事案大轉彎日前大股東農委會改派代表人農委會副主委陳添壽取代原董事長康信鴻原訂12日召開臨時董事會接任董事長不過11日公告改公股董事由台肥總經理黃耀興接任農委會指出新冠肺炎疫情升溫需陳添壽留任統籌因應因此改派代表人。
台肥原董事長康信鴻1月中請辭獲准農委會原本7日規劃改派副主委陳添壽將接任台肥董事長不過短短幾天在臨時董事會前人事案再傳異動原本官股法人代表改派陳添壽案註銷改由黃耀興接任。
農委會表示近期因新冠性肺炎全球疫情不斷升溫而台灣是海島型國家國際漁業活動及與相關國際組織互動頻繁為了強化台灣在國際漁業組織的參與及協調確保漁民在國際海域上的作業權利及保障現階段仍亟需嫻熟漁業事務的陳添壽留任統籌相關業務因此重新報請行政院同意改派台肥總經理黃耀興接任。
農委會表示黃耀興在台肥公司從基層做起長年於台肥公司服務業務嫻熟且專業能力備受公司內外肯定具備擔任公股董事所需的公司治理專業有助於台肥公司永續經營及長遠發展。</t>
  </si>
  <si>
    <t>台肥陳添壽農委會公司董事長接任漁業國際董事黃耀興業務嫺熟相關臺灣公股康信鴻升溫原本組織留任專業統籌疫情代表人人事</t>
  </si>
  <si>
    <t>陳添壽肺炎改派台肥嫻熟</t>
  </si>
  <si>
    <t>台肥肺炎陳添壽嫺熟</t>
  </si>
  <si>
    <t>疫苗明年冬天國光</t>
  </si>
  <si>
    <t>國光生技昨日宣佈已成功產生候選疫苗經小鼠動物實驗發現小鼠抗體反應優異預計今年第三季能獲准開始第一期人體臨床試驗希望最快明年冬天就能展開量產讓台灣民眾優先施打。疫情指揮中心對此表示樂觀其成</t>
  </si>
  <si>
    <t>疫情宣佈施打優先成功民眾產生疫苗臺灣經小動物展開實驗發現昨日指揮小鼠冬天抗體明年反應優異</t>
  </si>
  <si>
    <t>國光生技昨日宣佈已成功產生候選疫苗經小鼠動物實驗發現小鼠抗體反應優異預計今年第三季能獲准開始第一期人體臨床試驗希望最快明年冬天就能展開量產讓台灣民眾優先施打。疫情指揮中心對此表示樂觀其成表示未來若順利完成將會由政府公費購買讓醫護優先施打。
國光生技指出新冠肺炎是全新的疫苗採用不活化全病毒目前已成功產生出候選疫苗並與台大病毒實驗室合作進行疫苗抗體中和試驗結果在注射新冠肺炎候選疫苗的小鼠血清中發現小鼠抗體反應優異且血清抗體經高度稀釋後證明仍足以讓新冠病毒失去感染力希望能以緊急使用授權方式及早進入人體臨床實驗力拚明年冬天讓全民有疫苗可接種有餘裕再輸出國外。
疫情指揮中心專家小組召集人張上淳表示國光生技已經用他們開發的疫苗在做動物實驗這部分跟台大醫學院合作初步有一些還不錯的結果不過疫苗的開發後續還是需要有更進一步釐清例如副作用毒性都還需要在動物試驗最後才到臨床試驗因此開發期程還需要一點時間。
指揮官陳時中表示過兩天他會去國光聽取簡報並瞭解可給予什麼協助。國光生技疫苗未來若能如期上市疫情指揮中心疫情監測組組長周志浩示將會以公費購買原則上會讓醫護人員及風險族群優先施打但需透過疫苗接種委員會討論接種順序。
至於近期取得美國藥物食品管理局緊急使用授權的新冠肺炎治療藥物瑞德西韋所屬公司吉利亞醫藥表示將以自願授權的方式規畫至2022年與多個化學廠、藥廠進行藥物生產的合作協商同時與聯合國兒童基金會、藥物專利聯盟等夥伴共同合作協助開發中國家順利取得藥物。</t>
  </si>
  <si>
    <t>疫苗藥物表示合作國光試驗需要疫情抗體動物病毒開發授權施打優先中心指揮肺炎接種人體</t>
  </si>
  <si>
    <t>國光生技抗體疫苗肺炎合作</t>
  </si>
  <si>
    <t>疫苗抗體肺炎合作國光</t>
  </si>
  <si>
    <t>師生生病擔憂求助保處校園</t>
  </si>
  <si>
    <t>貢寮豐珠中學生態農場的蛋雞接連暴斃死亡校方擔心為禽流感通報新北市政府動保處立即趕赴現場進行臨床診斷與採樣送檢後經畜衛所檢驗後還好只是家禽傳染性支氣管炎動保處獸醫為雞隻進行雙價活毒疫苗、點眼補</t>
  </si>
  <si>
    <t>進行保處生態農場蛋雞接連雙價死亡中學校方擔心禽流感還好通報採樣只是新北診斷市政府獸醫臨床</t>
  </si>
  <si>
    <t>貢寮豐珠中學生態農場的蛋雞接連暴斃死亡校方擔心為禽流感通報新北市政府動保處立即趕赴現場進行臨床診斷與採樣送檢後經畜衛所檢驗後還好只是家禽傳染性支氣管炎動保處獸醫為雞隻進行雙價活毒疫苗、點眼補強免疫令學校師生鬆了一口氣。
動保處接獲貢寮區豐珠中學通報校園生態農場內飼養蛋雞於5月下旬後陸陸續續出現咳嗽、打噴嚏、不進食及死亡情形動保處不敢大意當日立即派員前往對雞隻進行臨床診斷與採樣送檢。由於正值新冠肺炎防疫期間校方人員很擔心人員與學生健康安危經畜衛所檢測結果禽流感陰性、家禽傳染性支氣管炎陽性。家禽傳染性支氣管炎係由冠狀病毒引起僅對雞隻感染；臨床症狀包括呼吸有嚴重眼鼻分泌物、咳嗽及打噴嚏僅能以疫苗免疫補強來防治疫病。
豐珠中學校園幹事李玥俊表示於106年開始生態農場內飼養約70隻蛋雞養雞就像是餐桌來源的真實教材讓學生體驗農民的付出並珍惜食材的來源蛋雞由校方專人餵養照顧飼養2年多來雞群們都健康期間還發生過雞隻因爭奪地域領土而咬啄打鬥的「霸淩」事件也發生過雞隻飛走「逃學」事件當時還曾動員人馬去尋雞。
李玥俊指出今年新冠肺炎疫情期間雞群們陸陸續續出現咳嗽、打噴嚏等呼吸道症狀讓全校師生擔心雞隻的安全又害怕會不會傳染人所幸經確認家禽傳染性支氣管炎雞隻不會傳染給人經動保處獸醫徐愛明為雞隻進行雙價活毒疫苗、點眼補強免疫後學校師生心理都感到踏實安心許多。
動保處表示家禽傳染性支氣管炎為重要雞傳染病之一傳染性支氣管炎病毒現被歸類為冠狀病毒感染除呼吸道外生殖與泌尿系統也是侵犯的目標。近日天氣雖炎熱但環境中仍可能有病毒活動情形提醒養雞戶若發現場內家禽攝食量、飲水量或產蛋量異常下降情形應立即通報動保處處理動保處獸醫會協助進行防疫處置確保民眾及家禽安全。</t>
  </si>
  <si>
    <t>家禽保處蛋雞傳染性支氣管炎進行情形病毒通報校方擔心師生飼養咳嗽打噴嚏獸醫生態農場期間呼吸來源</t>
  </si>
  <si>
    <t>雞隻家禽傳染性支氣管炎氣管炎</t>
  </si>
  <si>
    <t>家禽傳染性支氣管炎氣管炎</t>
  </si>
  <si>
    <t>全球金融業勤業衝擊肺炎臺灣觀察</t>
  </si>
  <si>
    <t>（勤業眾信聯合會計師事務所投資管理產業負責人黃海悅。圖／勤業眾信提供）近期新冠肺炎（COVID-19）疫情延燒衝擊全球供應鏈和經濟各產業開始思考應對之道。對金融服務業來說疫情所造成的中國消費內需下滑、供</t>
  </si>
  <si>
    <t>疫情產業勤業中國造成服務業金融應對開始思考消費經濟供應covid-肺炎全球衝擊近期管理提供投資事務所負責人會計師</t>
  </si>
  <si>
    <t>（勤業眾信聯合會計師事務所投資管理產業負責人黃海悅。圖／勤業眾信提供）
近期新冠肺炎（COVID-19）疫情延燒衝擊全球供應鏈和經濟各產業開始思考應對之道。對金融服務業來說疫情所造成的中國消費內需下滑、供應鏈斷裂及赴陸差旅減少等然而對於台灣的銀行、證券、投信投顧等產業的影響程度目前仍待觀察。
勤業眾信聯合會計師事務所今（18）日發布《2020 投資管理產業趨勢展望》報告指出受到全球區域經濟發展差異和投資人偏好影響促使許多投資經理人主要策略是跨出國界。
勤業眾信建議企業可以從「尋求市場或產品之成長機會、增進營運效率、提升顧客體驗與互動度」三大方向擬定策略開拓新的發展路徑。同時針對近期疫情衝擊也呼籲金融業者重新檢視其風險管理機制及投資佈局、強化數位溝通管道、確保與客戶的順暢溝通管道以即時面對環境的變化。
勤業眾信會計師事務所投資管理產業負責人黃海悅指出全球經濟動盪與區域間的經濟發展差異性加劇加上投資人偏好轉為被動且資產集中的投資型態及手續費壓力等因素使得另類投資（alternative）與多頭（long-only）投資經理人紛紛跨出國界、借鏡全球。</t>
  </si>
  <si>
    <t>投資產業勤業疫情全球發展經濟供應策略影響管理偏好投資人衝擊近期經理國界跨出管道溝通指出會計師事務所黃海悅負責人</t>
  </si>
  <si>
    <t>勤業眾信會計師事務所投資管理新冠肺炎金融業</t>
  </si>
  <si>
    <t>事務所管理投資會計師肺炎勤業金融業</t>
  </si>
  <si>
    <t>確診新增本土南京江蘇揚州</t>
  </si>
  <si>
    <t>健康江蘇今（12日）發布8月11日0-24時江蘇新增本土確診病例38例（南京市報告1例；揚州市報告37例）15例為輕型23例為普通型。以上病例均在定點醫院隔離治療。新增出院病例2例（均為本土確診病例）。7月20日至</t>
  </si>
  <si>
    <t>病例新增本土江蘇確診定點醫院出院隔離治療發佈報告南京市普通型以上健康揚州市</t>
  </si>
  <si>
    <t>健康江蘇今（12日）發布8月11日0-24時江蘇新增本土確診病例38例（南京市報告1例；揚州市報告37例）15例為輕型23例為普通型。以上病例均在定點醫院隔離治療。新增出院病例2例（均為本土確診病例）。
7月20日至今江蘇全省累計報告本土確診病例734例（南京市234例淮安市12例揚州市485例宿遷市3例）。累計出院本土確診病例32例。
目前在定點醫院隔離治療的確診病例721例其中本土確診病例702例（輕型133例、普通型532例、重型24例、危重型13例）。在醫學觀察的無症狀感染者8例其中本土無症狀感染者1例。
2020年1月22日至2021年8月11日24時江蘇全省累計報告新冠肺炎確診病例1499例（其中境外輸入133例）。</t>
  </si>
  <si>
    <t>病例確診本土江蘇累計報告新增定點醫院出院全省隔離治療普通型肺炎至今症狀感染者南京市醫學觀察目前發佈</t>
  </si>
  <si>
    <t>新冠肺炎大陸確診病例江蘇報告</t>
  </si>
  <si>
    <t>確診大陸病例肺炎江蘇報告</t>
  </si>
  <si>
    <t>最高峰張上淳力達傳染患者案例發病</t>
  </si>
  <si>
    <t>清明連假由於許多景點湧入人潮連假後的14天是關鍵根據自然期刊《Nature》最新發布的一篇論文指出新冠肺炎病毒原來在症狀不明顯幾乎無症狀的發病前5天病毒量可到達最高峰甚至比SARS的高峰高出1000倍。對</t>
  </si>
  <si>
    <t>病毒症狀最高峰到達關鍵自然期刊nature最新發佈人潮論文發病指出原來甚至肺炎湧入幾乎明顯</t>
  </si>
  <si>
    <t>清明連假由於許多景點湧入人潮連假後的14天是關鍵根據自然期刊《Nature》最新發布的一篇論文指出新冠肺炎病毒原來在症狀不明顯幾乎無症狀的發病前5天病毒量可到達最高峰甚至比SARS的高峰高出1000倍。對此中央流行疫情指揮中心專家小組召集人張上淳表示確實有發現個案一發病病毒量就很高持續1個禮拜左右目前台灣臨床經驗和那篇報告大致是相符的。
根據自然期刊在4月1日的一篇研究論文「Virological assessment of hospitalized patients with COVID-2019」指出研究發現新冠肺炎最活躍的病毒複製都出現在上呼吸道組織有感染力的病毒特別容易在患者的咽喉和肺部來源被分離出來。
研究也發現過去SARS病毒是在發病後的7到10天病毒量到達最高峰但新冠肺炎在還沒有出現明顯症狀、甚至是無症狀時的發病前5天病毒量就達最高峰甚至比SARS高出1000倍。
對此張上淳表示台灣從確診第一個個案開始就做了一系列追蹤確實有發現個案發病病毒量就很高估計持續1個禮拜左右病毒量才會下降。
針對無症狀感染者張上淳稱因為沒辦法知道患者在哪個時間點有病毒只能說「確診時病毒量都蠻高的」當時就認為無症狀是有傳染力的隨著國外資料和研究證明「無症狀有很大的機會會傳染給別人」；但他也提到因為無症狀不會有咳嗽和打噴嚏等症狀所以病毒量會是比較小的。
更多 CTWANT 報導</t>
  </si>
  <si>
    <t>病毒症狀研究發現張上淳sars發病肺炎甚至臺灣患者論文出現自然最高峰個案指出確診</t>
  </si>
  <si>
    <t>病毒量發病無症狀張上淳發病前5天</t>
  </si>
  <si>
    <t>發病症狀張上淳病毒</t>
  </si>
  <si>
    <t>莊人祥醫護自責莫德納</t>
  </si>
  <si>
    <t>台灣近日開始施打美國捐贈的莫德納疫苗中央流行疫情指揮中心提及美國捐的這批疫苗每罐可以打14個人但有醫護反應有時候抽完13劑之後最後一劑無法抽滿05cc對此發言人莊人祥表示打13人也沒關係</t>
  </si>
  <si>
    <t>美國疫苗表示莊人祥cc發言人對此捐贈有時候莫德納反應醫護流行中央個人疫情可以中心指揮每罐提及施打無法最後之後</t>
  </si>
  <si>
    <t>台灣近日開始施打美國捐贈的莫德納疫苗中央流行疫情指揮中心提及美國捐的這批疫苗每罐可以打14個人但有醫護反應有時候抽完13劑之後最後一劑無法抽滿05cc對此發言人莊人祥表示打13人也沒關係請醫護不用自責。
有醫護反映美國捐贈的莫德納疫苗抽到第14劑的時候可能無法抽滿05cc。對此指揮中心發言人莊人祥表示美國提供莫德納可打14人但用空針抽取排氣可能也會產生自然損耗因此打13人也沒問題請醫護不用自責。</t>
  </si>
  <si>
    <t>美國醫護疫苗可能指揮捐贈中心莫德納表示莊人祥發言人cc無法對此不用有時候反應自責排氣反映抽取流行</t>
  </si>
  <si>
    <t>莫德納疫苗新冠肺炎莊人祥台灣自然耗損</t>
  </si>
  <si>
    <t>肺炎莊人祥臺灣自然疫苗耗損莫德納</t>
  </si>
  <si>
    <t>眼科醫師提醒肺炎眼睛</t>
  </si>
  <si>
    <t>新冠肺炎疫情持續延燒病毒是否會透過眼睛感染引起討論彰化眼科醫師強調眼睛的結膜部分也屬於黏膜組織跟口腔、鼻腔內的黏膜一樣確實可能成為病毒侵入人體的途徑提醒民眾用常用手碰觸搓揉眼睛勤洗手若</t>
  </si>
  <si>
    <t>眼睛病毒黏膜持續常用手民眾提醒是否途徑人體侵入確實可能成為屬於疫情透過感染部分引起討論強調</t>
  </si>
  <si>
    <t>新冠肺炎疫情持續延燒病毒是否會透過眼睛感染引起討論彰化眼科醫師強調眼睛的結膜部分也屬於黏膜組織跟口腔、鼻腔內的黏膜一樣確實可能成為病毒侵入人體的途徑提醒民眾用常用手碰觸搓揉眼睛勤洗手若眼睛出現紅腫癢等結膜炎症狀也應盡速就醫檢查。
大陸武漢眼科醫師李文亮日前因感染病逝新春期間北京大學第一醫院呼吸和危重症醫學科主任王廣發赴武漢考察疫情也不幸確診感染、出現發燒症狀成為全陸確診首位感染新冠肺炎的醫師上月底治癒出院他判斷自己是透過眼睛被傳染。
肺炎疫情不只讓口罩成為搶手貨一度護目鏡也有民眾詢問購買；員林市明明眼科醫師黃偉成表示新型冠狀病毒已知主要透過飛沫與接觸傳染病毒必須經過口腔或鼻腔的黏膜進入體內若只單純存在皮膚上是無法傳染的。
黃偉成指出眼睛結膜一樣屬於黏膜組織因此合理推測眼睛確實是可能的病毒侵入途徑。美國眼科醫學會就提出警語在無法排除結膜進入及空氣懸浮微粒感染冠狀病毒的可能性下若近距離接觸疑似案例都必須使用護目鏡保護。
他提醒除醫護人員需頻繁近距離接觸患者一般民眾不需要用到護目鏡防護眼部更重要的還是勤洗手避免用手去碰觸、搓揉眼睛減少佩戴隱形眼鏡戴一般眼鏡可多一層防護若出現眼睛癢、眼睛紅等類似結膜炎症狀也別掉以輕心最好到醫院就醫檢查。</t>
  </si>
  <si>
    <t>眼睛病毒感染眼科醫師護目鏡民眾成為疫情透過結膜黏膜症狀出現肺炎武漢一般必須提醒進入無法勤洗手防護黃偉成接觸冠狀</t>
  </si>
  <si>
    <t>眼睛武漢肺炎新型冠狀病毒新冠肺炎台灣</t>
  </si>
  <si>
    <t>病毒肺炎冠狀武漢臺灣眼睛</t>
  </si>
  <si>
    <t>留學生新增接觸確診親友</t>
  </si>
  <si>
    <t>新冠肺炎持續攀高全國增加到322例彰化縣也一連再添兩例第15例20多歲男性留美返台追蹤接觸人數多達11人採居家檢疫；第16例30多歲英國留學生同住家人接觸6人彰化縣居家檢疫、隔離人數累計也飆到2961人</t>
  </si>
  <si>
    <t>接觸人數檢疫居家全國持續增加返台追蹤肺炎英國累計家人隔離留學生男性</t>
  </si>
  <si>
    <t>新冠肺炎持續攀高全國增加到322例彰化縣也一連再添兩例第15例20多歲男性留美返台追蹤接觸人數多達11人採居家檢疫；第16例30多歲英國留學生同住家人接觸6人彰化縣居家檢疫、隔離人數累計也飆到2961人結案1415人追蹤中1546人。
彰化縣衛生局表示第15例是20多歲男性美國留學畢業後留美工作。3月16 返台屬於自主健康管理個案自行在家單人房檢疫返國後皆無國內就醫紀錄。3月28 全身酸痛、流鼻水及發燒送醫採檢。經中央公佈為確定個案。同戶家屬及其他成員共11人採檢居家隔離。
第16例30多歲女性英國留學生。3月17在英國時已出現咳嗽、流鼻水3月29 返台機場採檢後回家單人房居家檢疫經中央公佈為確診病例同住家人接觸者6人採檢居家隔離。
彰化縣衛生局長葉彥伯表示 這波歐美亞洲疫情來襲彰化縣自3月18日至4月1日12天期間已出現11例境外移入個案。其中9名為留學生（包括歐洲3位英美各4位）。累計有33名彰化縣同住家屬接觸者。接觸人數增多居家檢疫人數也益增加大家出門都帶起口罩了。</t>
  </si>
  <si>
    <t>檢疫居家個案接觸返台留學生人數增加表示隔離中央累計出現男性家屬單人房英國</t>
  </si>
  <si>
    <t>新冠肺炎武漢肺炎新型冠狀病毒台灣彰化縣</t>
  </si>
  <si>
    <t>肺炎冠狀病毒臺灣武漢</t>
  </si>
  <si>
    <t>《農業科技》防疫商機閃金光瑞基漲停</t>
  </si>
  <si>
    <t>金光瑞基防疫科技農業</t>
  </si>
  <si>
    <t>瑞基(4171)成功開發新冠肺炎檢測試劑市場看好防疫商機多頭力挺表態今日股價跳空開高盤中衝上漲停板782元隨後雖遭打開但漲幅仍在9%以上。瑞基已成功開發出適用於實驗室使用的qPCR(Real-Time PCR)試劑</t>
  </si>
  <si>
    <t>試劑成功瑞基使用實驗室適用於股價今日開高表態盤中多頭停板隨後防疫市場開發看好打開</t>
  </si>
  <si>
    <t>瑞基(4171)成功開發新冠肺炎檢測試劑市場看好防疫商機多頭力挺表態今日股價跳空開高盤中衝上漲停板782元隨後雖遭打開但漲幅仍在9%以上。
瑞基已成功開發出適用於實驗室使用的qPCR(Real-Time PCR)試劑以及適用瑞基POCKIT平臺使用的iiPCR系列試劑。qPCR試劑可搭載一般實驗室儀器檢測使用；iiPCR系列試劑將搭載瑞基儀器POCKIT系列使用。瑞基在2018年開發並獲得CE-IVD認證的POCKIT Central儀器更將萃取與檢測合而為一sample-in-result-out的設計只需將樣本置入85分鐘後即可得知檢測結果可說是防疫一大利器。
瑞基受惠非洲豬瘟與禽流感疫情持續延燒亞洲各國積極動物防疫帶動畜產檢測試劑銷售1月營收創新高。今年將深耕畜產市場以亞洲地區為起點全面拓展非洲豬瘟檢測市場同時強化佈局PCR在雞禽市場應用；伴侶動物方面將持續朝新增代理通路前進。</t>
  </si>
  <si>
    <t>檢測試劑市場防疫使用持續儀器動物pockit畜產豬瘟非洲pcr瑞基實驗室開發成功qpcriipcr搭載盤中開高</t>
  </si>
  <si>
    <t>瑞基新冠肺炎漲停試劑防疫商機</t>
  </si>
  <si>
    <t>試劑肺炎防疫瑞基</t>
  </si>
  <si>
    <t>數位亢奮五月目標確診</t>
  </si>
  <si>
    <t>國內新冠肺炎防疫再傳捷報台灣今（28日）再度無新增確診個案締造連續3天零確診此外也達成國內連續16天無本土確診成績。不只有指揮中心送龜苓膏慶祝網上也一片歡聲雷動慶祝「嘉玲（+0）」又出現了！同時</t>
  </si>
  <si>
    <t>確診慶祝國內連續龜苓膏中心指揮傳捷報防疫臺灣歡聲雷動成績再度本土網上肺炎嘉玲締造達成</t>
  </si>
  <si>
    <t>國內新冠肺炎防疫再傳捷報台灣今（28日）再度無新增確診個案締造連續3天零確診此外也達成國內連續16天無本土確診成績。不只有指揮中心送龜苓膏慶祝網上也一片歡聲雷動慶祝「嘉玲（+0）」又出現了！同時今日「解隔離」的人數也讓大家驚艷網見這數字直呼「好猛」！
在今天中央流行疫情指揮中心對抗新冠肺炎疫情成立滿百日繼續創下「零確診」佳績連續3天國內確診數仍在429例、6例死亡不少人都對這「台灣奇蹟」感到亢奮。不過有網友點出另一個亮眼成績也非常值得慶祝那就是解隔離的人數。
疾管署公佈截至目前為止解除新冠肺炎負壓隔離人數為307人相較昨日又再新增17人PTT網友細算發現在現有429例確診者中扣掉6例死亡個案再扣掉307位解隔離確診者後現有病例僅剩116例307/429＝治癒率高達71%。
台灣解隔離人數不斷上升正意味著現有確診者不斷被治癒並逐漸康復目前現有病例116位眾人已經開始期待5月後負壓隔離人人數可以低於100例。網友表示「解隔離衝啊！拼五月份active cases（現有病例）降百例以下」、「有點想哭307解隔離」、解隔離+17好猛治癒率upup！」、「相關人員都辛苦了！勤洗手不亂跑一起加油」。</t>
  </si>
  <si>
    <t>隔離確診人數現有網友臺灣病例肺炎慶祝治癒率成績指揮中心連續疫情</t>
  </si>
  <si>
    <t>解隔離人數現有30國內</t>
  </si>
  <si>
    <t>隔離現有人數國內</t>
  </si>
  <si>
    <t>華爾街的賣壓持續未完道瓊指數兩天跌逾1900點台股26日開在114686點隨後跌幅擴大逾百點力守11400點關卡蘋概三王皆臉綠。美國CDC警告美國民眾為新冠狀病毒肺炎在美國蔓延做好準備引發美股賣壓湧現</t>
  </si>
  <si>
    <t>美國賣壓準備指數做好蔓延肺炎病毒擴大力守關卡蘋概三王引發開在民眾隨後警告跌幅</t>
  </si>
  <si>
    <t>華爾街的賣壓持續未完道瓊指數兩天跌逾1900點台股26日開在114686點隨後跌幅擴大逾百點力守11400點關卡蘋概三王皆臉綠。
美國CDC警告美國民眾為新冠狀病毒肺炎在美國蔓延做好準備引發美股賣壓湧現恐慌殺盤一路跌到收盤四大指數皆下挫。
國票投顧指出大陸境外新冠肺炎確診人數上升市場恐慌氛圍加重導致美股連二日下跌台股24日留下的空方缺口再加上目前短均下彎上方橫亙賣壓恐將壓抑指數短期表現空間。
從資金面來看新台幣止貶顯示資金外流壓力減輕再加上央行公佈1月份金融情況貨幣總計數M1B與M2年增率分別上升至761％與 46％已連續24個黃金交叉意味目前市場資金偏向寬鬆可為台股提供一定程度支撐。
整體而言新冠肺炎疫情仍未見落幕市場因憂心工廠未來營收不如預期而紛紛轉進避險資產短期影響仍不可避免在資金面的挹注下可望為台股提供支撐。
因此預估台股在疫情尚未落幕前將在半年線至季線間區間震盪整理操作上投資人應隨時關注疫情走向調節手中受新冠肺炎影響較深個股可擇具剛性需求且具基本面題材標的及因疫情而受惠相關個股以為短多因應。</t>
  </si>
  <si>
    <t>疫情肺炎市場指數賣壓目前影響美國資金面加上個股上升恐慌落幕提供支撐情況</t>
  </si>
  <si>
    <t>新冠肺炎台股美股道瓊武漢肺炎</t>
  </si>
  <si>
    <t>肺炎武漢</t>
  </si>
  <si>
    <t>死亡冰山感染</t>
  </si>
  <si>
    <t>新冠肺炎在大陸第一波的疫情有趨緩跡象但日、韓、義等國才剛進入疫情升溫期甚至有多國已出現首宗死亡病例。香港公衛專家指出如出現1起死亡案例代表背後有100名感染者更坦言還可能有第二波爆發疫情；疫情在</t>
  </si>
  <si>
    <t>疫情死亡出現可能感染者國才剛背後跡象進入專家指出升溫香港代表病例案例甚至多國大陸</t>
  </si>
  <si>
    <t>疫情出現研究可能大陸病例患者肺炎報告體溫流行資料專家死亡必須</t>
  </si>
  <si>
    <t>大陸肺炎感染疫情研究</t>
  </si>
  <si>
    <t>疫情肺炎感染研究大陸</t>
  </si>
  <si>
    <t>公家機關提供要求手部升級消毒防疫嘉縣</t>
  </si>
  <si>
    <t>新冠肺炎疫情延燒嘉義縣政府今2日召開第5次「因應嚴重特殊傳染性肺炎」跨局處會議縣長翁章梁指示務必建立起民眾進入公共場所做好消毒工作的正確觀念並要求公家機關提供手部消毒液讓洽公民眾做好消毒同</t>
  </si>
  <si>
    <t>消毒肺炎做好縣政府嘉義召開因應嚴重特殊傳染性縣長會議翁章梁指示務必建立手部提供公家機關民眾</t>
  </si>
  <si>
    <t>新冠肺炎疫情延燒嘉義縣政府今2日召開第5次「因應嚴重特殊傳染性肺炎」跨局處會議縣長翁章梁指示務必建立起民眾進入公共場所做好消毒工作的正確觀念並要求公家機關提供手部消毒液讓洽公民眾做好消毒同時各鄉鎮公市所需提報應變計畫落實外籍移工衛教及管理建立最高規格應變機制。
今縣府召集縣內有招收外籍學生的中正大學、嘉義大學和南華大學三所大學代表說明學校因應新冠肺炎相關整備作為並期勉各校防疫不能有破口另考量長輩的免疫力較弱亦也要求社會局在安養中心加強防疫作業家屬探視也要有相關的配套措施。
翁章梁強調嘉義縣目前雖無確診個案但千萬別掉以輕心縣府會用高標準來防範尤其醫療院所、安養機構、大專院校容易造成群聚感染指示衛生局、社會局以及教育處密切注意針對近期室內大型活動目前確切停辦的包括農民節慶祝大會和萬國戲院經典電影放映。
至於確診第32案非法移工形成防疫漏洞問題翁章梁要求社會局建立養護機構防疫標準作業落實管理機制包括輔導雇主不得聘雇非法移工並加強外籍移工住宿飲食管理及衛教宣導提供失聯名單配合警政落實查核全面提升社區防範措施。
新冠肺炎移工消毒確診嘉義</t>
  </si>
  <si>
    <t>防疫消毒肺炎落實翁章梁建立社會局要求外籍確診目前包括提供縣府指示標準做好安養機構相關因應作業衛教</t>
  </si>
  <si>
    <t>防疫移工肺炎大學新冠肺炎</t>
  </si>
  <si>
    <t>大學肺炎防疫</t>
  </si>
  <si>
    <t>人群以上建議中心加強免疫陸疾接種</t>
  </si>
  <si>
    <t>新冠肺炎肆虐全球近兩年新冠疫苗接種率雖普遍提升卻也不斷傳出「突破性感染」即接種新冠疫苗後仍確診大陸多地近期已展開施打第三劑新冠疫苗「加強針」。大陸疾控中心免疫規劃首席專家王華慶今（24日）表示</t>
  </si>
  <si>
    <t>疫苗大陸接種首席專家規劃免疫中心王華慶不斷傳出突破性提升感染普遍加強近期確診施打第展開</t>
  </si>
  <si>
    <t>新冠肺炎肆虐全球近兩年新冠疫苗接種率雖普遍提升卻也不斷傳出「突破性感染」即接種新冠疫苗後仍確診大陸多地近期已展開施打第三劑新冠疫苗「加強針」。大陸疾控中心免疫規劃首席專家王華慶今（24日）表示建議免疫功能低或有缺陷者以及60歲以上人群可進行加強免疫接種。
王華慶今在大陸國務院聯防聯控機制記者會上說大陸疫苗研發專班就加強免疫接種策略專門組織了專家論證。根據前期加強免疫接種研究結果考慮疫苗的安全性、保護效率等因素基礎上提出了3種減毒疫苗和1種腺病毒載體疫苗的加強免疫策略。
王華慶表示加強免疫接種時間的選擇是基於前期研究結果確定的。大陸專家組建議在完成免疫程式6個月後展開海關、邊檢、航空、隔離點防疫、定點醫療機構及擬赴海外工作或學習、交流等高風險人群的加強免疫接種；此外也建議免疫功能低或有缺陷者以及60歲以上人群也可進行加強免疫接種。
王華慶說當前大陸絕大部分地區已經按照疫情防控需要開始對重點人群進行加強免疫但是否需要對已接種其他人群進行加強免疫接種還有待進一步研究並根據疫情形勢綜合研判。</t>
  </si>
  <si>
    <t>接種加強免疫大陸疫苗免疫研究王華慶人群建議疫情進行展開結果表示策略前期需要醫療機構定點防疫</t>
  </si>
  <si>
    <t>新冠肺炎接種免疫大陸王華慶</t>
  </si>
  <si>
    <t>接種免疫肺炎大陸王華慶</t>
  </si>
  <si>
    <t>劇情推出外泄延後頑皮生還最後崩潰</t>
  </si>
  <si>
    <t>《最後生還者(The Last of Us)》由頑皮狗團隊(Naughty Dog)開發遊戲內容大受好評因此續集《最後生還者 第II章》也讓玩家相當期待不過受新冠肺炎影響物流問題造成延後推出不過讓頑皮狗團隊崩潰的是網路上</t>
  </si>
  <si>
    <t>頑皮團隊生還最後問題物流造成影響延後肺炎推出期待dognaughty內容遊戲相當開發usii讓玩家oflast</t>
  </si>
  <si>
    <t>《最後生還者(The Last of Us)》由頑皮狗團隊(Naughty Dog)開發遊戲內容大受好評因此續集《最後生還者 第II章》也讓玩家相當期待不過受新冠肺炎影響物流問題造成延後推出不過讓頑皮狗團隊崩潰的是網路上竟流出《最後生還者 第II章》完整劇情讓官方趕緊呼籲不要看。
《最後生還者 第II章》的推出時間因新冠肺炎被延後至6月19日而原定6月29日推出的PS4動作冒險遊戲《對馬戰鬼（Ghost of Tsushima）》則改延後至7月17日推出。但今年4月初時論壇4chan上竟出現《最後生還者 第II章》完整劇情甚至還有遊戲任務迅速在YouTube及各大論壇上引發討論。
A message from the studio: pictwittercom/f0TzIZXUIB
不過流出的遊戲劇情仍讓玩家抱存疑但頑皮狗團隊得知後趕緊在官方Twitter發聲明表示「我們知道過去這幾天大家都很難熬我們也是如此當看到開發的遊戲內容曝光後我們感到非常失望為了避免影響到他人請不要劇透給其他玩家《最後生還者 第II章》很快就會推出遊戲體驗仍值得大家等待」。</t>
  </si>
  <si>
    <t>推出遊戲最後生還ii頑皮團隊劇情twitter影響of論壇the流出讓玩家官方趕緊內容開發</t>
  </si>
  <si>
    <t>最後生還者PS4對馬戰鬼遊戲科技</t>
  </si>
  <si>
    <t>馬戰ps遊戲生還最後科技</t>
  </si>
  <si>
    <t>半導體聯發點將外資族群入列熱門</t>
  </si>
  <si>
    <t>亞系外資針對半導體產業出具最新看法認為隨著美國等解封在即液晶電視、筆記本電腦下半年需求也有減緩的聲音但資料中心重啟建設伺服器需求上升且目前IC設計廠庫存仍低點名首選個股台積電(2330)、聯發科(2</t>
  </si>
  <si>
    <t>需求產業個股出具首選最新點名看法認為庫存美國半導體解封設計ic在即目前液晶電視筆記型電腦上升下半年中心資料伺服器</t>
  </si>
  <si>
    <t>需求ic庫存液晶電視晶圓設計外資美國訂單削減售價市場預計資料認為伺服器聯發去年</t>
  </si>
  <si>
    <t>聯發科信驊台積電驅動設計IC新冠肺炎</t>
  </si>
  <si>
    <t>設計台積電驅動ic肺炎聯發</t>
  </si>
  <si>
    <t>曝光中元節全聯誇張</t>
  </si>
  <si>
    <t>新冠肺炎的疫情不斷升溫但網路上有不少謠言造成民眾無謂的恐慌紛紛跑至賣場掃貨無論是衛生紙還是泡麵只要上架後就立刻被掃光。對此有全聯的工讀生在網路上透露賣場「慘況」直呼這景象比中元節還誇張！</t>
  </si>
  <si>
    <t>網路上不斷升溫景象透露謠言上架衛生紙立刻造成掃光紛紛對此工讀生恐慌民眾</t>
  </si>
  <si>
    <t>新冠肺炎的疫情不斷升溫但網路上有不少謠言造成民眾無謂的恐慌紛紛跑至賣場掃貨無論是衛生紙還是泡麵只要上架後就立刻被掃光。對此有全聯的工讀生在網路上透露賣場「慘況」直呼這景象比中元節還誇張！
這名工讀生在Dcard上發文表示自己是個全聯資深的小小兼職透過這幾天的新聞大家應該都知道各賣場的慘況。原PO貼出一張圖可以看到光是紙箱就有4大捆他就直言「我們店的紙箱平常一天是一捆甚至不到一捆 今天一天就4捆這麼多紙箱、這麼多貨真的比中元誇張」。
在防疫期間雖然進貨量變多、工作量也跟著變大但原PO也表示「在這防疫期間辛苦各行各業全聯身為本土企業為社會物資貢獻小小力量而在我個人心中能對這次戰疫做小小小小貢獻也是十分榮幸！」</t>
  </si>
  <si>
    <t>紙箱貢獻全聯網路上工讀生表示誇張po防疫期間不斷升溫心中個人力量物資謠言社會</t>
  </si>
  <si>
    <t>年內渦扇</t>
  </si>
  <si>
    <t>為了加緊防控心冠肺炎疫情解放軍出動了運-20大力支援成為各方矚目的焦點。新浪軍事網指出最近大飛機發動機終於傳來好消息第一款陸製渦扇-18可能在2020年量產象徵中方自製大飛機發動機開始進入實用階段。成</t>
  </si>
  <si>
    <t>發動機飛機肺炎疫情解放軍出動大力支援成為焦點各方矚目新浪軍事網渦扇可能自製指出消息最近傳來中方</t>
  </si>
  <si>
    <t>為了加緊防控心冠肺炎疫情解放軍出動了運-20大力支援成為各方矚目的焦點。
新浪軍事網指出最近大飛機發動機終於傳來好消息第一款陸製渦扇-18可能在2020年量產象徵中方自製大飛機發動機開始進入實用階段。
成都航空發動機2019年底時透露一款發動機進入量產關鍵階段。而這種發動機是成發集團第一個量產型號對空軍十三五裝備發展目標至關重要。而成發是渦扇-18的研製單位這款發動機是俄羅斯D-30KP-2渦扇發動機的仿製型。D-30發動機配備了中方空軍運-20大型運輸機轟-6K與轟-6N戰略轟炸機等多種飛機。
其中運-20是中國空軍主力大型運輸機而轟-6K和轟-6N則是空軍現役主力遠程轟炸機。如今渦扇-18量產為運-20轟-6K與轟-6N加速生產清除了障礙力保中方空軍武器升級換代。
此外2020年這個時間點與中方引進D-30KP-2渦扇發動機相對應。解放軍是在2016和2017年時引進D-30KP-2發動機。其中2016年時中方採購了170具D-30KP-2到了2017年時又添購了54具而這些發動機都將在2020年交付完畢。按照俄方透露的合同內容顯示2020年時中方將接收58具D-30KP-2發動機。
至於2021年之後的發動機合同暫時還沒消息外界推測中方空軍可能會根據渦扇-18實際運用的表現再決定是否繼續採購D-30KP-2要是渦扇-18表現出色或許不會再買。但如果仍需要改善就會再採購。
分析指出中方鑑於航發工業還在發展大飛機發動機領域基礎更是薄弱因此很有必要這麼做。事實上當年發展大飛機發動機時相關部門也採取較穩妥的做法先研製相對簡單的中等涵道比渦扇發動機再研製大涵道比渦扇發動機。也就是先解決有無再設法解決好壞的問題。
分析說渦扇-18在2014年完成地面台架和高空台測試2015年初發動機運抵試飛中心裝在伊爾-76發動機空中試車台實際試飛。經過一系列測試和評估渦扇-18總算在2019年底量產。由於渦扇-18是成發研製的唯一軍用發動機也是成發在新世紀第一個量產交付的型號具有舉足輕重的地位因此被稱為成發的「生命工程」。
不過考慮到用戶對渦扇-18是否完全成熟態度仍有保留因此外界推測就算渦扇-18今年能量產並交付運-20轟6K與轟6N可能還會繼續採用俄製發動機或是兩者混用以免可靠性出現問題對飛機造成不利影響。
而一旦渦扇-18量產意味著轟6K、轟6N戰略轟炸機和運-20大型運輸機也將開始放量生產。尤其是運-20它是中方空軍最亟需的機型。甚至有消息說空軍可能以運-20為基礎將它改裝成空中加油機或預警機。這樣一來解放軍對大型運輸機的需求將進一步提高。而1架運-20就需要4具發動機因此相關需求更大。也因此渦扇-18量產為轟6K、轟6N和運-20擴大生產清除了障礙。
不過分析指出D-30KP-2畢竟是蘇聯70年代使用的發動機戰術技術指標已經落後需要更新。因此中方需要早日敲定渦扇-20的設計儘快量產為運-20升級打基礎。</t>
  </si>
  <si>
    <t>發動機渦扇中方飛機空軍d-kp-解放軍成發可能指出發展消息需要分析交付</t>
  </si>
  <si>
    <t>渦扇運-20發動機新冠肺炎武漢肺炎</t>
  </si>
  <si>
    <t>發動機肺炎武漢渦扇</t>
  </si>
  <si>
    <t>手機買氣下半年</t>
  </si>
  <si>
    <t>五大電信公司正加速5G基礎網路建設希望在年底看到第一波4G升5G的換機潮。神腦國際表示真正帶動4G用戶升級使用5G服務的時間點還需要再花一點時間蘊釀 雖然下半年有機會看到換機潮但5G用戶及相關商機爆發成</t>
  </si>
  <si>
    <t>使用者時間加速基礎網路建設年底蘊釀下半年服務機會帶動真正表示國際希望相關看到</t>
  </si>
  <si>
    <t>五大電信公司正加速5G基礎網路建設希望在年底看到第一波4G升5G的換機潮。神腦國際表示真正帶動4G用戶升級使用5G服務的時間點還需要再花一點時間蘊釀 雖然下半年有機會看到換機潮但5G用戶及相關商機爆發成長的時間點預期要等到2021年下半年到2022年上半年。
神腦國際總裁林保雍日前表示台灣防疫得宜加上5G帶動換機潮手機買氣下半年回溫神腦下半年營運將優於上半年。
神腦國際策略長邱致忠進一步指出上半年受到新冠肺炎疫情影響國內整體手機銷量約落在296萬支接近300萬支是近幾年來的新低。新冠肺炎影響消費支出加上中華電、台灣大、遠傳的5G服務於6月底陸績開台等待更綿密的網路覆蓋、以及更多平價5G機種上市的延遲消費心態上半年手機銷量清淡下半年5G網路覆蓋率提升加上5G版本的Android手機愈來愈平價化、首款5G版本iPhone手機年底上市的加溫下可望催化買氣下半年台灣整體手機銷量預估可達350萬支全年挑戰650萬支。
神腦目前是國內最大手機代理商神腦強調雖然神腦來自電信本業的業績衰退但轉型佈局正超前部署該公司將從手機代銷及電信服務商角色轉型為全方位的智慧生活品牌通路商除了販售手機、平板等3C家電也會擴大至銷售遊戲、保健食品、家電影音、健康娛樂、居家生活日用品、票券美食等。因應5G時代來臨神腦正規劃結合5G應用的智慧家庭服務包括實體門市將進行改裝著重在消費者的情境體驗同時也會與國際及本土各大3C品牌合作將神腦門市打造為智慧家電體驗館。</t>
  </si>
  <si>
    <t>手機下半年上半年國際智慧服務家電臺灣網路加上時間銷量生活轉型上市品牌消費年底</t>
  </si>
  <si>
    <t>回溫手機銷量版本肺炎神腦國際</t>
  </si>
  <si>
    <t>肺炎版本銷量手機國際回溫</t>
  </si>
  <si>
    <t>可能美國研究病例</t>
  </si>
  <si>
    <t>一項由美國國立衛生研究院（NIH）主導的血液分析研究顯示早在2019年聖誕節美國可能就已經有新冠肺炎病例比2020年1月中旬美國通報首例確診的時間點還要早了半個月。美國的第一起新冠肺炎案例究竟始於何時？目前</t>
  </si>
  <si>
    <t>美國肺炎分析研究顯示耶誕節血液通報首例可能還要月中已經病例案例主導時間確診究竟nih始于美國國立衛生研究院目前</t>
  </si>
  <si>
    <t>一項由美國國立衛生研究院（NIH）主導的血液分析研究顯示早在2019年聖誕節美國可能就已經有新冠肺炎病例比2020年1月中旬美國通報首例確診的時間點還要早了半個月。
美國的第一起新冠肺炎案例究竟始於何時？目前美國官方通報的第一起案例發生在2020年1月21日一名華盛頓州居民從武漢返美後到醫院就醫確診不過愈來愈多研究顯示新冠病毒在美國出現的時間點可能要再往前推。
綜合《紐約時報》（New York Times）、美聯社報導一項由美國國立衛生研究院主導、於15日刊登在《臨床傳染病》期刊（Clinical Infectious Diseases）的研究顯示2019年12月底美國就可能已經有新冠肺炎病例。
研究分析了2020年1月2日至3月18日期間全美50州民眾捐血的24萬個血液樣本當中9個血液樣本測出新冠病毒抗體其中7個樣本的捐血時間甚至早於所屬州通報的第一起新冠案例3個樣本來自於伊利諾州其餘樣本分別來自威斯康辛州、賓州、密西西比州及麻州。
根據分析結果研究的第一作者、約翰霍普金斯大學彭博公共衛生學院（Johns Hopkins Bloomberg School of Public Health）副教授艾索夫（Keri Althoff）指出伊利諾州的其中一個案例顯示最早可能在2019年12月24日平安夜就已經感染。伊利諾州官方的第一起病例發生在2020年1月24日。
這份大型血液分析研究結果與另一份由美國疾病管制暨預防中心（CDC）主導、於2020年12月公佈的血液分析研究一致CDC的研究顯示早在2019年12月中美國就已經有人感染病毒。
對於研究結果專家並不感到驚訝尤其疫情爆發初期各州病毒檢測措施尚未到位可能遺漏掉了最初幾周的病例另外芝加哥大學演化生物學家珂比（Sarah Cobey）表示從當時的死亡率與住院率來推測專家們早就知道是這種結果。
她說最新的模型推測2020年3月伊利諾州可能就有約1萬人感染。
不過這份研究也存在缺陷讓部份專家質疑準確性。主要問題在於專家難以分辨血液中的抗體是為了對抗新冠病毒SARS-CoV-2、或是其他引起普通感冒的冠狀病毒產生的因此研究人員在分析時使用了2種檢測方法設法降低錯誤機率第一次篩檢出147個樣本第二次再過濾出9個樣本儘管如此仍有專家擔心可能出現偽陽性問題。
另一個疏漏是研究人員並未追蹤這些案例的旅遊史驗出的7個案例也不在紐約或西雅圖等美國第一波疫情集中的區域對此團隊表示將會進一步追蹤案例的旅遊史。
艾索夫表示研究顯示新冠病毒可能已在美國多處播種。</t>
  </si>
  <si>
    <t>研究美國可能案例專家分析血液病毒樣本結果顯示伊利諾州表示病例時間通報主導疫情已經感染</t>
  </si>
  <si>
    <t>#新冠肺炎#全球美國研究病例2019年12月</t>
  </si>
  <si>
    <t>全球肺炎美國研究病例</t>
  </si>
  <si>
    <t>鳳梨道歉終於人群直播含羞草尷尬</t>
  </si>
  <si>
    <t>知名YouTuber團體「含羞草日記」的草爺（江治緯）被爆今(10日)淩晨與鳳梨吳泓逸開直播被線上近萬名網友發現草爺竟與10多位友人在室內喝酒群聚而且都沒有戴口罩令鳳梨尷尬退出直播。稍早草爺也在IG為不良示範</t>
  </si>
  <si>
    <t>鳳梨直播日記江治緯喝酒沒有口罩室內友人淩晨尷尬發現泓逸退出</t>
  </si>
  <si>
    <t>知名YouTuber團體「含羞草日記」的草爺（江治緯）被爆今(10日)淩晨與鳳梨吳泓逸開直播被線上近萬名網友發現草爺竟與10多位友人在室內喝酒群聚而且都沒有戴口罩令鳳梨尷尬退出直播。稍早草爺也在IG為不良示範道歉表示願意接受相關單位調查依法進行後續處理。
草爺今日突然在IG發出道歉聲明「防疫當前我沒有藉口不論任何理由、任何人都應該要落實並遵守防疫規範我身為公眾人物更應當要做好正確防疫示範。」令不知情的粉絲看了一頭霧水紛紛留言詢問他是怎麼了？
含羞草（@xiucaohan）分享的貼文
隨後更有網友還原草爺與鳳梨直播的事發現場「3位在群聚現場包含草爺+一位在家的鳳梨叔叔感覺都喝多了明明在同一個空間卻一直說我們沒有群聚鏡頭都照到後方超多人的至少有10多人（可能更多）室內群聚喝酒吸引約9000多名粉絲觀看後來看情況不對叔叔趕緊退出其他人之後也陸續退出。」
草爺亦在聲明中數度道歉表示「即使『微解封』我也會要更謹慎地做好防疫工作配合指揮中心的防疫指引避免發生類似的事件。」強調他願意接受相關單位調查依法進行後續處理。但草爺的道歉文仍遭部分網友吐槽指適度鬆綁是13號的規範聲明中講到微解封不對吧。
★中時新聞網關心您：喝酒過量有礙健康！
★中時新聞網提醒您：因應新冠肺炎疫情疾管署持續加強疫情監測與邊境管制措施 如有疑似症狀請撥打：1922專線或0800-001922並依指示配戴口罩儘速就醫同時主動告知醫師旅遊史及接觸史以利及時診斷及通報。</t>
  </si>
  <si>
    <t>防疫鳳梨道歉網友聲明喝酒沒有直播口罩退出含羞草規範叔叔疫情示範粉絲不對表示</t>
  </si>
  <si>
    <t>含羞草日記草爺江治緯鳳梨吳泓逸群聚新冠肺炎</t>
  </si>
  <si>
    <t>江治緯泓逸鳳梨日記含羞草肺炎</t>
  </si>
  <si>
    <t>確診防疫超過方法美國</t>
  </si>
  <si>
    <t>中國疾控中心官方網站週三發表一篇周報評估如果中國採取外國的防疫策略每日新增確診可能達到數十萬例其中如果採用美國防疫中國每日新增將超63萬例。文末提到世界上許多國家都因過於自信地以為病毒傳染力會</t>
  </si>
  <si>
    <t>中國防疫新增以為過於自信都因週報國家評估病毒世界提到採取文末外國發表策略確診可能達到美國採用傳染週三官方網站</t>
  </si>
  <si>
    <t>中國疾控中心官方網站週三發表一篇周報評估如果中國採取外國的防疫策略每日新增確診可能達到數十萬例其中如果採用美國防疫中國每日新增將超63萬例。文末提到世界上許多國家都因過於自信地以為病毒傳染力會衰退而蒙受損失「我國不應該、也負擔不起成為下一個」。
周報文章《與COVID-19共存：估計和展望》以美國、英國、以色列、西班牙和法國為參考國並評估若採取參考國的防疫政策每日新增案例會數以十萬計其中1萬例會出現嚴重症狀「對我國的醫療體系造成毀滅性的衝擊在國內造成巨大的災難」。
文章指出如果採用美國防疫策略中國每日確診將超過63萬；若採用英國防疫策略每日新增則為27萬。值得注意的是上述結果已是病例預測數字的下限。文章認為按目前情況在可預見的未來全球幾乎不可能消滅這種疾病全人類不得不暫時與病毒共存。
不過文章直言：「這樣的現實並不意味著我們可以偏離現有的『動態清零』策轉而毫無保留地接受某些開放戰略僅僅依靠某些西方國家宣導的疫苗接種誘導群體免疫成功的假設。」
文末強調西方國家根據流行病學動態模型來抗疫「在過去的一年裡世界上許多國家都因過於自信地跳入後一種情況（病毒傳播力加強）而蒙受損失我國不應該、也負擔不起成為下一個。」</t>
  </si>
  <si>
    <t>文章國家新增防疫美國我國動態情況週報病毒西方策略中國英國文末共存採用評估都因世界過於自信確診造成採取</t>
  </si>
  <si>
    <t>中國美國新冠肺炎大陸</t>
  </si>
  <si>
    <t>美國肺炎中國大陸</t>
  </si>
  <si>
    <t>進行防疫靈堂追思儀式分批分流佛教喪禮方式弔唁劉真</t>
  </si>
  <si>
    <t>劉真22日晚間22時病逝臺北榮總她的追思靈堂設在龍巖會館25日下午14時22分開放弔唁喪禮會以佛教儀式進行。24日早上大批媒體守在劉真的追思靈堂外頭目前未見辛龍及劉家人的蹤跡據悉辛龍今強忍悲傷為愛</t>
  </si>
  <si>
    <t>靈堂追思辛龍據悉目前外頭蹤跡病逝劉家人真的早上儀式進行佛教媒體榮總弔唁喪禮會開放臺北下午</t>
  </si>
  <si>
    <t>劉真22日晚間22時病逝臺北榮總她的追思靈堂設在龍巖會館25日下午14時22分開放弔唁喪禮會以佛教儀式進行。24日早上大批媒體守在劉真的追思靈堂外頭目前未見辛龍及劉家人的蹤跡據悉辛龍今強忍悲傷為愛妻挑選塔位。
龍巖會館早上8點多表示：「今日靈堂尚未佈置完成請媒體朋友不必到現場等侯明天下午於2：22開放粉絲朋友弔唁現場將採分批分流方式避免群聚進入會場需配戴口罩量測體溫並用酒精消毒雙手一起做好防疫謝謝大家。」
而劉真的追思會將在4月22日舉行屆時會在寒舍艾美酒店舉行吳宗憲23日也表示到時辛龍心情較為平靜會與大家分享陪伴愛妻劉真走完生命最後一段路的點滴。</t>
  </si>
  <si>
    <t>靈堂辛龍愛妻表示媒體早上真的朋友追思現場弔唁下午會館劉真開放舉行口罩配戴測體溫並用</t>
  </si>
  <si>
    <t>劉真靈堂辛龍龍巖佛教</t>
  </si>
  <si>
    <t>靈堂劉真佛教</t>
  </si>
  <si>
    <t>國際停賽球員無限期無法影響疫情nba</t>
  </si>
  <si>
    <t>NBA聯盟昨日向30支球隊發出通告賽季停擺期間球員可以離球隊所在的城市但必須事先獲得球團的同意並且提供每日行程在與任何人接觸前都要保持距離然而聯盟這項決定卻沒有包含各隊的國際球員因為這些球員目</t>
  </si>
  <si>
    <t>球隊球員決定通告聯盟距離賽季保持接觸行程提供期間同意獲得可以事先必須城市所在包含發出</t>
  </si>
  <si>
    <t>NBA聯盟昨日向30支球隊發出通告賽季停擺期間球員可以離球隊所在的城市但必須事先獲得球團的同意並且提供每日行程在與任何人接觸前都要保持距離然而聯盟這項決定卻沒有包含各隊的國際球員因為這些球員目前根本無法離開美國。
目前效力於尼克、法國籍球員尼利基納他在推特上表示真的無法想像過去幾年談到病毒和疫情全球民眾的健康都是平等的沒想到這次新冠肺炎影響的層面如此的大現在只能期盼所有感染新冠肺炎的民眾能夠康復。
尼利基納坦承一開始非常害怕呼籲所有人都要做好防疫準備「如果想要保持間康大家都要有良好的衛生習慣勤洗手、避免握手妥善照顧好自己就能避免感染病毒。」</t>
  </si>
  <si>
    <t>球員尼利基納球隊民眾保持肺炎感染避免病毒目前通告賽季期間城市必須獲得事先可以效力所在同意</t>
  </si>
  <si>
    <t>新冠肺炎NBA尼克尼利基納</t>
  </si>
  <si>
    <t>nba尼克肺炎尼利基納</t>
  </si>
  <si>
    <t>親密男客易中確診公關原因</t>
  </si>
  <si>
    <t>酒店女公關確診引起客人緊張中國醫藥大學兒童醫院兒童感染科主任黃高彬表示性器官接觸不會傳播新冠病毒但親吻、擁抱等行為恐提升傳染風險。指揮中心早期也曾說許多案例是與家人親密接觸後傳染的。北市知名酒</t>
  </si>
  <si>
    <t>接觸傳染兒童客人緊張中國引起主任黃高彬表示性器官親密不會曾說醫藥病毒親吻傳播案例早期家人中心指揮擁抱</t>
  </si>
  <si>
    <t>酒店女公關確診引起客人緊張中國醫藥大學兒童醫院兒童感染科主任黃高彬表示性器官接觸不會傳播新冠病毒但親吻、擁抱等行為恐提升傳染風險。指揮中心早期也曾說許多案例是與家人親密接觸後傳染的。
北市知名酒店女公關確診相關人士指出該名公關發病後仍去工作接觸客人恐逾50人引發不少男客緊張根據指揮中心的疫調該女在4日出現發燒和流鼻水的症狀目前匡列71位接觸者2位採檢中。
根據《ETtoday》報導黃高彬表示單純性器官的接觸並不會傳播病毒但在親密過程中親吻對方、肢體碰觸的行為屬於「超近距離」的接觸恐會直接噴濺飛沫給對方造成傳染機會提升。
指揮中心防疫醫師詹珮君也曾在影片中提到檢疫或隔離期間應該要避免性行為、擁抱等親密行為莊人祥也曾說新冠肺炎不是透過性行為傳播而是因為和病患親密、長時間接觸而感染。</t>
  </si>
  <si>
    <t>接觸親密行為傳染指揮中心傳播緊張客人公關對方性行為擁抱親吻黃高彬曾說表示病毒提升性器官確診感染酒店</t>
  </si>
  <si>
    <t>酒店女公關親密接觸親吻指揮中心新冠肺炎</t>
  </si>
  <si>
    <t>指揮親吻接觸中心親密公關酒店肺炎</t>
  </si>
  <si>
    <t>研究不夠病毒最遠距離社交傳播</t>
  </si>
  <si>
    <t>新冠肺炎疫情全球升溫為了避免病毒快速傳播全球正在宣導「安全社交距離」的重要性但是英國一項新研究發表後人與人之間的社交距離恐怕又要改變了！該研究顯示在咳嗽時病毒最遠可傳達6公尺；打噴嚏時最</t>
  </si>
  <si>
    <t>病毒研究社交距離全球升溫咳嗽傳播顯示改變宣導安全恐怕英國重要性最遠疫情避免快速發表之間傳達</t>
  </si>
  <si>
    <t>新冠肺炎疫情全球升溫為了避免病毒快速傳播全球正在宣導「安全社交距離」的重要性但是英國一項新研究發表後人與人之間的社交距離恐怕又要改變了！該研究顯示在咳嗽時病毒最遠可傳達6公尺；打噴嚏時最遠更可達8公尺。
根據BBC報導倫敦衛生與熱帶醫學院流行病學教授大衛海曼（David Heymann）表示有項來自於麻省理工學院的研究顯示人類的咳嗽可以將病毒傳播6米而打噴嚏可傳播長達8米。
身為世界衛生組織（WHO）傳染病戰略和技術諮詢小組主席大衛海曼指出這研究說明瞭人類咳嗽和打噴嚏所產生的飛沫恐比預想的還來得更遠如果此研究結果得到支持的話那麼「戴口罩」的重要性可就大於「保持社交距離」了。 他表示WHO目前正在對這新研究進行評估將在未來幾天內將舉行的會議上提出戴口罩的建議。
當前WHO的健康指引是與任何有咳嗽或打噴嚏的人保持至少1公尺的社交距離；而英國美國建議應保持至少2公尺的社交距離。（我國則是保持室內15公尺室外1公尺。）
報導指出根據此研究目前的社交安全距離可能還要再度調整但是要保持到6公尺或8公尺的社交距離顯然也是不切實際。
另外報導中也提到近日在《自然》雜誌發表的一項德國研究證實了「輕症患者有傳染性」這個假設。因此有媒體認為應該要戴上口罩來防止輕症患者傳染；同時也有觀點認為保持社交距離還是有積極意義「戴口罩」與「社交距離」2者無法代替。
大衛海曼警告戴口罩必須戴得正確要對準捏緊鼻樑；如果口罩變潮濕了就要直接丟棄因為此時病毒顆粒可以通過；取下口罩時務必要小心污染到手。不過要小心長時間配戴口罩會導致人們對上述的建議變得麻木。</t>
  </si>
  <si>
    <t>口罩研究社交距離保持打噴嚏咳嗽大衛海曼who病毒報導建議傳播可以表示重要性指出發表</t>
  </si>
  <si>
    <t>安全社交距離打噴嚏戴口罩研究</t>
  </si>
  <si>
    <t>距離打噴嚏口罩社交研究安全</t>
  </si>
  <si>
    <t>耕作主角長壽漫畫作品弘兼憲議題</t>
  </si>
  <si>
    <t>新冠肺炎疫情席捲全球連長壽漫畫《島耕作》系列主人翁都無法逃過染疫風險！在2月10日發售的漫畫雜誌《Morning》最新一話中島耕作吃下辣味咖哩卻出現無法感受味覺的症狀引起讀者熱議猜測漫畫中已73歲高齡</t>
  </si>
  <si>
    <t>漫畫無法耕作席捲全球連長壽猜測讀者引起症狀味覺感受疫情出現發售風險雜誌辣味</t>
  </si>
  <si>
    <t>新冠肺炎疫情席捲全球連長壽漫畫《島耕作》系列主人翁都無法逃過染疫風險！在2月10日發售的漫畫雜誌《Morning》最新一話中島耕作吃下辣味咖哩卻出現無法感受味覺的症狀引起讀者熱議猜測漫畫中已73歲高齡的島耕作是否也罹患新冠肺炎若島耕作因病死亡可能還因此迎來完結篇。
《島耕作》系列自1983年開始連載故事從年輕上班族島耕作任職為電器公司課長開始本以為能迎來光明前途卻陸續面臨部門派系鬥爭、爭權角力等職場黑暗面廣獲讀者共鳴。連載近40年來島耕作從課長逐漸爬升還成為公司會長(董事長)退休後成公司顧問。全系列故事如領讀者走一回職涯人生。
有趣的是因島耕作和漫畫家弘兼憲史是同年同月同日生也都曾任職於電器公司讓不少人將主角視為弘兼憲史化身。弘兼憲史曾於2010年訪台時透露其實這位主角靈感源自一位前同事「他的個性爽朗做事有原則我只要一開筆他的樣子就會自己跑出來。」
弘兼憲史畢業於早稻田大學法律系1974年正式出道為漫畫家作品往往反映社會真實時下環境。如《島耕作》系列最初便是以日本泡沫經濟時期為背景其他作品如《政治最前線》也是以日本政界為題。如今故事體現世界疫情變化許多忠實讀者並不感到意外。
多次訪台的弘兼憲史曾來台觀摩立法院取材描繪《島耕作》台灣篇2018年時他也談及《島耕作》劇情走向「在日本也有人當會長當到100歲所以我或許會畫到自己不能畫為止。未來如果我生病住院、出院或許也會畫『住院島耕作』、『出院島耕作』。」</t>
  </si>
  <si>
    <t>耕作讀者公司弘兼憲漫畫故事日本主角無法作品漫畫家會長疫情迎來訪台課長開始電器任職或許</t>
  </si>
  <si>
    <t>島耕作弘兼憲史漫畫讀者新冠肺炎</t>
  </si>
  <si>
    <t>漫畫讀者弘兼憲耕作肺炎</t>
  </si>
  <si>
    <t>雙增通信網大關</t>
  </si>
  <si>
    <t>統振(6170)11月營收雙增順利站回3億元大關展望未來統振看好台商回流將推動外籍移工需求的人數增加趨勢明確對於統振營運將提供正面助益。統振11月合併營收為313億元受惠於能源事業、流通事業之業績齊步成</t>
  </si>
  <si>
    <t>事業流通合併需求人數外籍增加推動能源趨勢明確順利對於雙增回流大關展望未來台商看好受惠助益</t>
  </si>
  <si>
    <t>匯款增加公司市場疫情外籍營運事業能源業務封裝電池創造推動需求業績金融整體累計受惠</t>
  </si>
  <si>
    <t>統振營收新冠肺炎易付卡移工</t>
  </si>
  <si>
    <t>肺炎易付卡</t>
  </si>
  <si>
    <t>機構配給口罩視察據點林智堅</t>
  </si>
  <si>
    <t>新冠肺炎疫情持續延燒新竹市長林智堅4日至伯大尼老人養護中心視察檢視長照機構防疫措施包括接送長輩的車輛、出入機構防護措施等他並宣佈發放1萬5000片口罩給長照機構長輩使用加強長輩的健康防護工作。林智</t>
  </si>
  <si>
    <t>機構長輩防護措施持續新竹市長林智堅疫情老人養護中心視察肺炎出入包括防疫宣佈口罩加強使用</t>
  </si>
  <si>
    <t>新冠肺炎疫情持續延燒新竹市長林智堅4日至伯大尼老人養護中心視察檢視長照機構防疫措施包括接送長輩的車輛、出入機構防護措施等他並宣佈發放1萬5000片口罩給長照機構長輩使用加強長輩的健康防護工作。
林智堅今天視察伯大尼老人養護中心他表示針對日間照顧中心等長照機構市府衛生局已要求各機構均需加強防疫措施針對工作人員進行感染管制教育訓練、對工作人員與服務對象及家屬進行健康管理另外針對環境清潔部分每日要求須進行消毒他同時也再叮嚀長輩洗手7步驟的重要。
另考量長輩於社區活動感染風險較高市府目前暫停全市的社區關懷據點、長輩共餐、C級巷弄長照站、長青學苑等長輩活動據點暫定停課至3月底。
家樂園社區式長期照顧機構院長劉美男則表示面對來勢洶洶的新冠肺炎機構已要求針對接送長輩的車輛除每日消毒外長輩上車前工作人員也要全程配戴口罩替長輩量體溫確認無發燒症狀後才接送長輩至日照中心接受服務。
此外由於新竹市目前超過9成口罩都已分配給醫療院所和照護機構但因長輩屬於感染高風險族群因此市府加倍謹慎林智堅今天也宣佈發放1萬5000片口罩給長照機構長輩使用另有白因子公司致贈560瓶抗菌消毒液予95處長照、失智據點加強長輩的健康防護工作。</t>
  </si>
  <si>
    <t>長輩機構口罩據點林智堅消毒市府感染工作人員要求接送措施健康新竹目前表示服務加強中心照顧進行防護今天老人養護中心視察</t>
  </si>
  <si>
    <t>長輩機構長照口罩新冠肺炎</t>
  </si>
  <si>
    <t>口罩機構長輩肺炎</t>
  </si>
  <si>
    <t>相關關懷恢復據點宜縣活動</t>
  </si>
  <si>
    <t>台灣已經連續超過1個月沒有新冠肺炎本土感染病例隨著疫情明顯趨緩各項防疫的規定也逐漸解禁宜蘭縣長林姿妙15日宣佈全縣所有的社區照顧關懷據點即日起恢復桌遊、室內運動等社區相關活動課程以鼓勵各社區的</t>
  </si>
  <si>
    <t>社區沒有肺炎本土室內運動感染病例疫情超過明顯恢復即日起防疫規定據點逐漸解禁關懷宜蘭縣長林姿</t>
  </si>
  <si>
    <t>台灣已經連續超過1個月沒有新冠肺炎本土感染病例隨著疫情明顯趨緩各項防疫的規定也逐漸解禁宜蘭縣長林姿妙15日宣佈全縣所有的社區照顧關懷據點即日起恢復桌遊、室內運動等社區相關活動課程以鼓勵各社區的長者維持運動習慣保持健康的身心。
宜蘭縣政府上星期宣佈開放縣內的長照機構可採實名探視如今再進一步擴大放寬管制措施宜蘭縣各個社區照顧關懷據點自即日起恢復健康促進課程。
縣府表示因新冠肺炎疫情影響自3月26日起為縮短各社區關懷據點的所有健康促進課程由3小時減為1小時並且暫停集會活動至今已長達50天許多長輩都相當期待能恢復原來的課程時段。
考量疫情已經趨緩縣長林姿妙也從善如流在15日的宜蘭縣防疫會議上當場裁示全縣117個社區照顧關懷據點即日起恢復社區相關活動課程至於長青食堂為了防疫而採取的自行取餐或專人送餐服務則將持續以降低眾人因坐在一起吃合菜發生彼此感染的機率。</t>
  </si>
  <si>
    <t>社區防疫疫情課程宜蘭恢復關懷據點健康感染宣佈肺炎照顧已經活動課相關林姿縣長促進全縣</t>
  </si>
  <si>
    <t>肺炎社區照顧關懷據點活動關懷據點社區</t>
  </si>
  <si>
    <t>社區照顧關懷據點肺炎活動</t>
  </si>
  <si>
    <t>新高確診台增</t>
  </si>
  <si>
    <t>新冠肺炎疫情延燒中央流行疫情指揮中心18日公佈台灣新增23例確診案例連續4天打破單日新高加上前天累計的77例確診人數已達100例。疫情指揮中心指揮官陳時中表示新增案例中有3人風險較高。其中1名法國人</t>
  </si>
  <si>
    <t>疫情案例指揮新增確診中心風險表示陳時中累計前天新高加上打破指揮官連續公佈臺灣中央流行肺炎人數</t>
  </si>
  <si>
    <t>新冠肺炎疫情延燒中央流行疫情指揮中心18日公佈台灣新增23例確診案例連續4天打破單日新高加上前天累計的77例確診人數已達100例。疫情指揮中心指揮官陳時中表示新增案例中有3人風險較高。其中1名法國人、1名曾赴印尼的女子在台待了約4天才確診另1人則是繼案50以來再度出現無旅遊史卻染疫的本土案例。
陳時中表示3名風險較高的確診者分別是20多歲法國男子（案84）、曾赴印尼峇裡島的20多歲女子（案95）以及1名感染源不明20多歲南部女子（案100）。
2例自法國印尼入境
中央流行疫情指揮中心社區防疫組副組長莊人祥表示法國男子3月12日自法國來台16日出現發燒症狀就醫進行採檢後確診來台期間多待在臺北市活動地點為一般觀光客愛去的景點。男子入境時法國尚未列入第三級地區只需自主健康管理目前尚無法確定男子外出時是否配戴口罩。
另一名高風險個案為自印尼峇裡島返台的20多歲女子女子與先生在3月6日前往自由行10日在當地出現喉嚨腫痛、輕微咳嗽的症狀12日入境台灣時因沒有症狀未被攔下。
16日因身體不適自行前往就醫昨日確診新冠肺炎。莊人祥表示該女子返台後都住在旅館直到採檢確診期間未返家。
至於感染源不明本土個案則是20多歲南部女性。莊人祥表示女子3月12日出現喉嚨痛、咳嗽、發燒當日前往就醫16日開始喘就醫診斷為感冒。
其餘個案病情穩定
該名女子因症狀未緩解17日再前往急診就醫。雖然女子無旅遊史但是醫師仍基於無法排除新冠肺炎感染風險而通報採檢後確診目前衛生單位仍在詢問女子發病前的接觸史釐清感染源中。
根據統計台灣昨日新增884例疑似案例目前累計1萬8812例其中1萬7793例排除、100例確診。確診個案中維持1名死亡22名解除隔離、其餘個案病況穩定持續住院隔離中。</t>
  </si>
  <si>
    <t>確診女子個案法國表示就醫感染男子出現案例症狀印尼目前疫情入境臺灣風險指揮莊人祥</t>
  </si>
  <si>
    <t>採檢肺炎男子多歲症狀</t>
  </si>
  <si>
    <t>症狀肺炎男子</t>
  </si>
  <si>
    <t>縮水顏清標規模沒辦要死</t>
  </si>
  <si>
    <t>大甲媽遶境首度遇上疫情攪局輿論多建議停辦鎮瀾宮臉書粉絲頁也湧入網友留言一面倒支持停辦。媒體對此詢問顏清標他四兩撥千金回應「你們自己討論就好了不要政治化媽祖是大家的不是董監事的不要一竿子打</t>
  </si>
  <si>
    <t>停辦遇上媽祖政治化疫情不要攪局輿論討論回應建議董監事千金首度顏清標詢問宮臉書湧入媒體粉絲支持一面倒網友</t>
  </si>
  <si>
    <t>大甲媽遶境首度遇上疫情攪局輿論多建議停辦鎮瀾宮臉書粉絲頁也湧入網友留言一面倒支持停辦。媒體對此詢問顏清標他四兩撥千金回應「你們自己討論就好了不要政治化媽祖是大家的不是董監事的不要一竿子打翻一船人。」他也大嘆有的友宮已經遶境我們還有24天起駕還沒辦就被罵得要死。
媒體問到大甲媽取消三大慶典是否會降低信眾追隨意願？顏清標說這是一定會的因此我們將節省下來的3千萬捐給流行疫情指揮中心用於添購防疫設備。進香沿路不認識的人都會花大錢準備豐盛餐食並恭迎大甲媽鑾轎這也會被罵安全起見改為提供便當。
針對遶境取消「摸鑾轎、稜轎腳」顏清標說這是為了安全起見專家罵成這樣不能摸人家也會罵這不是我們董監事開會討論而已「我等會也要下南部向友宮陪不是不是幾句話講講這麼簡單而已人很難為啦！」
顏清標強調進香遶境活動都配合政府政策政府怎麼指示我們怎麼做；在疫情尚未控制住、未滅之前慢一點舉辦也沒關係啊！有的友宮已經遶境我們距離起駕還有24天還沒舉辦就被罵得要死了。
顏清標感嘆「我們要愛惜自己也要尊重別人啦！」</t>
  </si>
  <si>
    <t>顏清標疫情友宮停辦進香媒體舉辦取消安全要死董監事已經政府</t>
  </si>
  <si>
    <t>顏清標新冠肺炎新型冠狀病毒NCP台灣</t>
  </si>
  <si>
    <t>肺炎冠狀病毒ncp顏清標臺灣</t>
  </si>
  <si>
    <t>市場傳統自主稽查觀察加強新北</t>
  </si>
  <si>
    <t>新北市長侯友宜今（6日）主持防疫會議記者會表示端午節將至上周起即要求自治會配合管控所至6月5日已開出325張稽查單動員3600人次端午節前加強稽查。侯友宜說今天看起來確診個案有下降但沒有大幅下降還</t>
  </si>
  <si>
    <t>端午節侯友宜稽查個案確診看起來下降今天主持要求加強會議表示自治上周配合防疫記者會管控開出沒有</t>
  </si>
  <si>
    <t>新北市長侯友宜今（6日）主持防疫會議記者會表示端午節將至上周起即要求自治會配合管控所至6月5日已開出325張稽查單動員3600人次端午節前加強稽查。
侯友宜說今天看起來確診個案有下降但沒有大幅下降還是跟病毒對抗沒有壓到大幅下降不能掉以輕心要繼續低度活動有效控制傳播鏈。
此外剛好遇到端午節將至侯友宜說動員市府市場處、區公所、員警3600人次稽查傳統市場強力要求再要求目前有10個自主休市還有一個停業、16處觀察中大家一定要做到。
自治會可以提供不一樣的做法依據地形這很重要不僅QR掃描還有戴口罩、維持社交距離外每個人要有一個觀念一次買一周不要每天買攤商除了戴口罩還戴面罩這是對的保護自己保護別人。
侯友宜說今天去水流公市場很多市場管理不是只有單一方式感謝公務員請不要返鄉拜託堅守崗位市民要低度活動不要再回故鄉了。</t>
  </si>
  <si>
    <t>侯友宜不要端午節市場稽查要求還有活動自治下降口罩動員今天大幅沒有地形依據做法</t>
  </si>
  <si>
    <t>動員市場端午節侯友宜稽查</t>
  </si>
  <si>
    <t>市場侯友宜稽查動員端午節</t>
  </si>
  <si>
    <t>升級摩擦冠封死亡數美中倍增武裝世界衝突</t>
  </si>
  <si>
    <t>展開新的一天中時新聞網帶您看看世界發生了哪5件大事：【1】雖然死亡人數續增但美國多州已迫不及待解封放寬社交距離限制而據權威模式估算美國的死亡人數將倍增。【2】由於新冠肺炎疫情肆虐全球反陸情</t>
  </si>
  <si>
    <t>人數死亡美國疫情肺炎新聞網看看肆虐世界倍增發生社交放寬距離大事解封限制迫不及待權威估算續增模式全球</t>
  </si>
  <si>
    <t>展開新的一天中時新聞網帶您看看世界發生了哪5件大事：
【1】雖然死亡人數續增但美國多州已迫不及待解封放寬社交距離限制而據權威模式估算美國的死亡人數將倍增。
【2】由於新冠肺炎疫情肆虐全球反陸情緒達1989年天安門事件以來最高。而美國緊咬大陸不放認為中方隱瞞導致全球疫情一發不可收拾而北京則加以駁斥。除了新冠爭議外雙方在政經軍事上持續較勁緊張不斷升高。據北京內部檔顯示美中可能爆發武裝衝突。
【3】雖然中國大陸受到新冠肺炎疫情衝擊但美國總統川普仍堅持要北京履行向美國採購2000億美元（近6兆台幣）商品的承諾否則將再打關稅戰。
【4】「鑽石公主」號郵輪爆發群聚感染一度成為各方關注的焦點專家經過調查後發現病毒原來藏在這些地方。
【5】前好萊塢女星梅根和夫婿哈利王子震撼脫英後依然是各方關注的焦點。他們從加拿大遷居美國加州後動作不斷如今已訂8月11日將出王室內幕自傳可能又將掀起另一波新話題。</t>
  </si>
  <si>
    <t>美國北京疫情爆發可能不斷大陸全球關注焦點死亡人數肺炎好萊塢女星梅根新聞網地方夫婿哈利看看原來</t>
  </si>
  <si>
    <t>新冠肺炎武漢肺炎解封美國中國大陸</t>
  </si>
  <si>
    <t>肺炎武漢解封美國中國大陸</t>
  </si>
  <si>
    <t>廠商園區單位申請新竹</t>
  </si>
  <si>
    <t>新竹市政府繼新竹國軍醫院設立篩檢站之後第二個篩檢站將設在新竹科學園區26日下午市府偕同竹科管理局及醫院代表前往竹科會勘尋找適宜的設立地點竹科管理局也證實選定地點後會在一、兩周內盡速搭建完畢後</t>
  </si>
  <si>
    <t>醫院設立竹科新竹管理局地點選定科學園區下午偕同市府尋找代表竹科會前往適宜</t>
  </si>
  <si>
    <t>新竹市政府繼新竹國軍醫院設立篩檢站之後第二個篩檢站將設在新竹科學園區26日下午市府偕同竹科管理局及醫院代表前往竹科會勘尋找適宜的設立地點竹科管理局也證實選定地點後會在一、兩周內盡速搭建完畢後續將提供廠商申請給有需要的員工及家屬前來採檢。
新竹市跟科學園區在產業、生活、防疫上緊密聯繫市長林智堅日前也表示雙方成立防疫聯絡視窗與竹科會共同築起防疫高牆守護護國神山群雙方達成設立篩檢站共識後26日下午進行場地會勘。
據瞭解竹科篩檢站選址盡可能選在空曠、通風及交通良好之處屆時也要考量人流管制市府的角色為協助科管局建制將新竹國軍醫院的範例挪制竹科園區使用希望採用高規格的方式替園區企業員工採檢。目前仍在選址包括篩檢能量、醫事人員進駐都還在規畫中。
竹科管理局副局長陳淑珠表示園區員工大部分在新竹縣市居住若竹科提供篩檢站可讓園區廠商就近篩檢規畫以企業為單位申請除了員工之外更擴大讓家屬也能來篩檢26日若選定位置後快在一兩周內盡速搭建完成所有程式都會按照市府以及CDC相關規範來做。</t>
  </si>
  <si>
    <t>新竹竹科員工市府園區防疫管理局設立醫院雙方表示竹科會提供申請家屬科學園區廠商</t>
  </si>
  <si>
    <t>新冠肺炎台灣新竹科學園區篩檢站廠商</t>
  </si>
  <si>
    <t>科學園區新竹臺灣肺炎廠商</t>
  </si>
  <si>
    <t>男性精蟲指揮冠後中心原因</t>
  </si>
  <si>
    <t>義大利佛羅倫斯大學分析43名30到60歲罹患過新冠肺炎男性精液樣本研究顯示康復後有25%男性的精子數量較低20%是「空包彈」的無精症高於全球男子無精症的比例對此指揮中心表示染疫後身心壓力的確會影響生理功</t>
  </si>
  <si>
    <t>男性分析的確壓力身心大學肺炎表示指揮比例中心對此精液空包彈樣本</t>
  </si>
  <si>
    <t>義大利佛羅倫斯大學分析43名30到60歲罹患過新冠肺炎男性精液樣本研究顯示康復後有25%男性的精子數量較低20%是「空包彈」的無精症高於全球男子無精症的比例對此指揮中心表示染疫後身心壓力的確會影響生理功能但該研究樣本數少也沒有染疫前的精子數量做對照待後續更多資料再來分析才能證實。
中央流行疫情指揮中心醫療應變組副組長羅一鈞指出去年5月大陸研究就有指出男性精液中可以驗得到新冠病毒但目前還沒有報告證實會透過性行為傳染因此在精液中驗到新冠病毒就像在尿液、糞便中會驗到病毒一樣會在部分體液中出現。
對男性生殖系統的影響部分羅一鈞表示這篇報告提供些新線索有可能會影響到男性的精子數目不過感染到新冠病毒這樣嚴重的流行性傳染疾病會帶給染疫者很大的生理壓力尤其像呼吸系統身體會自動移轉其他如生殖系統等能量來維繫因為生命延續功能在當下可能沒有那麼重要因此身心壓力的確可能影響生理功能但該研究樣本數少、沒有對照組也沒有43名男子染疫前的精子數量資訊還需要更多資料分析才能證實。</t>
  </si>
  <si>
    <t>男性沒有精子研究病毒影響分析壓力可能精液數量證實生殖系統指揮中心羅一鈞表示報告</t>
  </si>
  <si>
    <t>新冠肺炎無精症男性</t>
  </si>
  <si>
    <t>肺炎男性</t>
  </si>
  <si>
    <t>加泰隆尼亞蔓延自治區政府肺炎主席確診</t>
  </si>
  <si>
    <t>西班牙加泰隆尼亞自治區政府主席托拉（Quim Torra）今天表示自己對2019冠狀病毒疾病（武漢肺炎）檢驗結果呈陽性他會在一棟政府大樓內自主隔離。路透社報導加泰隆尼亞政府副主席阿拉岡尼斯（Pere Aragones）昨</t>
  </si>
  <si>
    <t>政府主席加泰隆尼亞拉岡病毒疾病武漢表示肺炎檢驗今天quim結果托拉torra陽性報導大樓自主路透社尼斯隔離pere自治區</t>
  </si>
  <si>
    <t>西班牙加泰隆尼亞自治區政府主席托拉（Quim Torra）今天表示自己對2019冠狀病毒疾病（武漢肺炎）檢驗結果呈陽性他會在一棟政府大樓內自主隔離。
路透社報導加泰隆尼亞政府副主席阿拉岡尼斯（Pere Aragones）昨天宣佈自己檢驗結果也是陽性。
西班牙交通部長阿巴羅斯（Jose Luis Abalos）今天接受西班牙國家廣播電台（RNE）訪問時說西班牙現行限制疫情擴散的措施「顯然」必須延長到原訂的15天期限以後。</t>
  </si>
  <si>
    <t>西班牙政府今天檢驗主席結果陽性加泰隆尼亞延長必須顯然措施擴散疫情限制時說國家廣播接受表示abalos病毒疾病武漢交通部長pere自主jose</t>
  </si>
  <si>
    <t>政府西班牙泰隆尼亞加泰隆尼亞今天</t>
  </si>
  <si>
    <t>隆尼亞加泰隆西班牙尼亞今天政府</t>
  </si>
  <si>
    <t>《傳產》無畏疫情臺北、桃園、台中2月房市交易量增</t>
  </si>
  <si>
    <t>臺北桃園台中疫情房市無畏交易量</t>
  </si>
  <si>
    <t>目前臺北、桃園、台中、台南、高雄等五都已公佈今年2月份買賣移轉資料由於今年春節在1月份2月的工作天數相對多因此今年2月與去年同期相比皆大幅增加臺北年增647%、桃園年增722%、台中年增709%、台南年增4</t>
  </si>
  <si>
    <t>今年月份臺北台南桃園台中今年春節增加大幅買賣工作去年同期天數相比高雄相對公佈資料目前</t>
  </si>
  <si>
    <t>目前臺北、桃園、台中、台南、高雄等五都已公佈今年2月份買賣移轉資料由於今年春節在1月份2月的工作天數相對多因此今年2月與去年同期相比皆大幅增加臺北年增647%、桃園年增722%、台中年增709%、台南年增463%、高雄年增334%；但若統計今年1~2月買賣移轉棟數並與去年同期相比則五都各有增減臺北市年增146%、桃園年增238%、台中年增92%、台南年減12%、高雄年減104%。大家房屋企劃研究室主任郎美囡分析今年初受肺炎疫情之故看屋量多少受影響不過去升溫的買氣依然延續至今年尤其具有建設議題的區域吸引自用買盤進駐故各區域1~2月的交易表現有所差異。
住商不動產企劃研究室經理徐佳馨指出受惠台商回台佈局及自用買氣升溫部分區域的房市交易持續維持熱度但新冠肺炎疫情尚未減緩近期市場走向充滿變數今年首季的市場交易仍具挑戰。
綜觀各都買賣移轉情況今年2月份因工作天數較多單月份表現突出臺北月增223%、年增647%桃園月增26%、年增722%台中月增346%、年增709%台南月增130%、年增463%高雄月增153%、年增334%。不過以1~2月合計買賣移轉棟數與去年同期比較五都的交易表現有明顯落差臺北年增146%、桃園市年增238%、台中年增92%反觀南台灣交易則明顯降溫台南年減12%、高雄年減104%。
郎美囡表示台南市、高雄市在去年初市場交易熱絡比較基期高故今年1~2月交易相比量減尤其高雄市受選舉議題影響反應較為明顯。而臺北、桃園、台中雖然也因疫情幹擾看屋量但自用買盤撐場機能佳或具有增值潛力的區域備受矚目另一方面台商回流、資金回台佈局等因素讓市場遊資充沛故部分高端買方選擇高價位的物件入手且有些民眾依據SARS經驗欲於此時逢低進場因此若賣方或建商願意讓價有助於推升交易量。</t>
  </si>
  <si>
    <t>交易今年市場區域臺北表現自用明顯疫情買賣桃園台中月份部分去年同期高雄市肺炎具有台南</t>
  </si>
  <si>
    <t>買賣移轉臺北桃園台中台南</t>
  </si>
  <si>
    <t>桃園臺北台中買賣台南</t>
  </si>
  <si>
    <t>中心指揮解禁台商武漢返台</t>
  </si>
  <si>
    <t>從上週五開始武漢、湖北解禁不再採包機形式返台改成自行搭機返台後集中檢疫14天。中央流行疫情指揮中心今指出目前已有12名台商返台。指揮中心表示12名台商中有1位是5月9日返台、昨天有11位分別送往南、</t>
  </si>
  <si>
    <t>返台指揮中心台商解禁不再包機形式湖北集中檢疫流行中央疫情指出目前昨天武漢自行</t>
  </si>
  <si>
    <t>從上週五開始武漢、湖北解禁不再採包機形式返台改成自行搭機返台後集中檢疫14天。中央流行疫情指揮中心今指出目前已有12名台商返台。
指揮中心表示12名台商中有1位是5月9日返台、昨天有11位分別送往南、北的檢疫所進行隔離。
指揮中心表示最快1個月內可解除對武漢台商的註記。但還是要觀察武漢當地的疫情狀況以及接下來返台的台商中是否還會有確診者出現。</t>
  </si>
  <si>
    <t>返台台商武漢指揮中心疫情表示解禁不再包機形式集中湖北解除分別觀察是否當地檢疫所</t>
  </si>
  <si>
    <t>武漢返台搭機指揮中心12名</t>
  </si>
  <si>
    <t>指揮返台中心武漢</t>
  </si>
  <si>
    <t>證明人暫緩改選長青延期</t>
  </si>
  <si>
    <t>新冠肺炎疫情嚴峻桃園市社會局宣佈除關懷據點已於本週一停辦老人會春遊及參訪觀摩活動、長青學苑也暫緩身心障礙證明到期可依法展延60天人民團體如任期屆滿需改選可依法申請延期3個月避免成染疫破口。</t>
  </si>
  <si>
    <t>依法嚴峻桃園社會局宣佈關懷延期據點已於本週一停辦申請疫情老人春遊參訪觀摩活動長青苑也暫緩身心改選障礙證明</t>
  </si>
  <si>
    <t>新冠肺炎疫情嚴峻桃園市社會局宣佈除關懷據點已於本週一停辦老人會春遊及參訪觀摩活動、長青學苑也暫緩身心障礙證明到期可依法展延60天人民團體如任期屆滿需改選可依法申請延期3個月避免成染疫破口。
社會局指出考量老人會活動參與者多為中高齡者且活動參與因長時間且近距離接觸具有較高傳播風險由區公所辦理或市政府補助辦理的長青學苑課程已全面研擬暫緩辦理也呼籲各老人會一同加入防疫行動參訪觀摩等群聚活動延期調整至疫情緩解後辦理。
疫情也讓各醫院祭出探病須登記、限制時段人數等多項禁令社會局考量市民恐因疫情影響無法至醫院辦理鑑定為維護身心障礙者權益將依身心障礙者權益保障法第14條主動辦理展延60天並發文通知民眾相關權益注意事項。
依規定人民團體會員大會每年須召開1次因應疫情防治社會局也彈性調整授權團體自行評估延期今年底前召開大會即可若團體今年涉及改選可向社會局提出申請延後召開延長時間以不超過3個月為限也呼籲團體近期若有召開會議的必要務必遵照中央流行疫情指揮中心公告的集會相關防護措施辦理。志工訓練也建議採線上及影片教學方式辦理。
有關老人會、長青學苑問題請電洽3322101分機6411-6418；身障證明展延問題請電洽368-4368；人民團體改選問題請電洽338-2981或336-2956；志工訓練問題請電洽3322101分機6312-6314或桃園市志願服務推廣中心426-2881。</t>
  </si>
  <si>
    <t>辦理疫情社會局老人活動延期召開團體展延改選長青身心權益相關桃園請電調整問題考量暫緩申請呼籲依法</t>
  </si>
  <si>
    <t>新冠肺炎新型冠狀病毒NCP台灣桃園</t>
  </si>
  <si>
    <t>病毒冠狀ncp肺炎臺灣桃園</t>
  </si>
  <si>
    <t>隔離解隔居家勞動部確診症狀防疫</t>
  </si>
  <si>
    <t>我國在今年5月中旬爆發多起新冠肺炎群聚案因為當時醫療量能不足指揮中心當時決議無症狀或輕症確診個案解除隔離治療後要再進行數日的居家隔離但有不少勞資雙方詢問此期間有假可請嗎？或是要用自己的假？勞</t>
  </si>
  <si>
    <t>隔離當時有假期間肺炎詢問勞資雙方居家醫療進行爆發治療指揮中心解除決議個案確診症狀</t>
  </si>
  <si>
    <t>我國在今年5月中旬爆發多起新冠肺炎群聚案因為當時醫療量能不足指揮中心當時決議無症狀或輕症確診個案解除隔離治療後要再進行數日的居家隔離但有不少勞資雙方詢問此期間有假可請嗎？或是要用自己的假？勞動部表示經詢問指揮中心確認此段期間可依「嚴重特殊傳染性肺炎防治及紓困振興特別條例」請防疫隔離假至於是否可請領津貼則由指揮中心決定。
我國在5月中旬時爆出多起群聚案至今已累積超過萬例確診個案為了減少醫院負擔指揮中心放寬解隔離標準但也要求解隔離後應在家中居家隔離數日。
勞動部條件司司長黃維琛表示如果經認定是職業上原因致感染嚴重特殊傳染性肺炎雇主應給予公傷病假並給付相當於原領工資之工資補償；勞工如非因職業上原因感染嚴重特殊傳染性肺炎隔離治療期間得請普通傷病假、特別休假或事假。
黃維琛說但近期有勞工及雇主詢問解隔離後指揮中心要求在家隔離此時可以請什麼假？經詢問指揮中心後認為為特別條例中的「防疫隔離假」並且可以追溯意謂如果勞工當時是請「病假」、「事假」或「特別休假」「防疫隔離假」「防疫隔離假」的給薪方式則依勞資協議如果不給薪是否可請領防疫補償則待指揮中心決議。</t>
  </si>
  <si>
    <t>隔離中心指揮肺炎勞工當時防疫詢問特別病假期間傳染性確診個案黃維琛雇主特殊表示勞動部補償治療</t>
  </si>
  <si>
    <t>新冠肺炎台灣防疫隔離假居家隔離勞動部</t>
  </si>
  <si>
    <t>隔離臺灣防疫肺炎居家勞動部</t>
  </si>
  <si>
    <t>最愛媽媽檢疫居家捐款中韓真相</t>
  </si>
  <si>
    <t>南韓人氣女團TWICE台灣成員周子瑜日前和隊友視訊分享近況才知道她已低調返台目前正在居家檢疫中而她的媽媽也證實子瑜3日就回來了既然配合政府防疫就把隔離14天當休息並透露她在家的行程。因為新冠肺炎</t>
  </si>
  <si>
    <t>臺灣在家成員透露周子瑜休息隔離日前隊友分享近況twice知道行程低調證實返台媽媽目前</t>
  </si>
  <si>
    <t>南韓人氣女團TWICE台灣成員周子瑜日前和隊友視訊分享近況才知道她已低調返台目前正在居家檢疫中而她的媽媽也證實子瑜3日就回來了既然配合政府防疫就把隔離14天當休息並透露她在家的行程。
因為新冠肺炎疫情影響TWICE不少行程被迫取消近日TWICE開直播和粉絲互動子瑜卻缺席後來她透過和成員視訊才知道原來她已悄悄回台但為了配合政府防疫政策需居家檢疫14天據《自由時報》報導子瑜媽媽證實她3日返台預計要到18日才可出關。
雖然不能出門有點悶但子瑜會在家看電影、做適度運動健身至於何時回韓國？子瑜媽媽也表示要看TWICE之後的行程如果活動再延期她回去時間也可能延後。而之前為了疫情子瑜分別捐出5千萬韓元、30萬人民幣給中韓兩地媽媽也證實「這是女兒的心意」並說她是自掏腰包的。</t>
  </si>
  <si>
    <t>twice媽媽行程證實在家成員疫情居家檢疫返台知道防疫政府配合臺灣周子瑜隊友日前運動</t>
  </si>
  <si>
    <t>周子瑜TWICE居家檢疫新冠肺炎南韓</t>
  </si>
  <si>
    <t>檢疫居家twice肺炎周子瑜南韓</t>
  </si>
  <si>
    <t>保護完成疫苗力逾智飛</t>
  </si>
  <si>
    <t>保護肺炎智飛製劑澎湃公司方面資料宣佈實驗研發具體重組生物蛋白delta疫苗新聞報導預防力達變種病毒試驗</t>
  </si>
  <si>
    <t>疫苗智飛保護病毒資料變異肺炎效力臨床試驗對於分析安全性以上目前使用公司顯示接種截至生物重組蛋白大陸</t>
  </si>
  <si>
    <t>保護力疫苗病毒肺炎效力</t>
  </si>
  <si>
    <t>肺炎疫苗病毒效力保護</t>
  </si>
  <si>
    <t>戶外就業加工</t>
  </si>
  <si>
    <t>不畏新冠肺炎（COVID-19）疫情經濟部加工出口區管理處挺就業每月徵才服務不間斷高雄及台中園區將分別在14日、以及29日舉辦現場徵才活動共釋出242個職缺此次徵才廠商包括華新科技、台虹科技、光頡科技、</t>
  </si>
  <si>
    <t>covid-疫情經濟部新科加工出口包括肺炎管理處廠商台虹台中就業高雄活動不間斷服務分別園區科技舉辦</t>
  </si>
  <si>
    <t>不畏新冠肺炎（COVID-19）疫情經濟部加工出口區管理處挺就業每月徵才服務不間斷高雄及台中園區將分別在14日、以及29日舉辦現場徵才活動共釋出242個職缺此次徵才廠商包括華新科技、台虹科技、光頡科技、台灣三井高科技、組弘科技、億力光電及聲遠精密光學等7家知名企業。
加工處12日表示14日登場的高雄園區徵才活動參加廠商包括華新科技、光頡科技、台灣三井高科技、組弘科技、以及台虹科技等5家公司提供職缺項目包括設備保修助理工程師、品管／品保工程師、測包助理工程師、生產助理技術員、倉管技術員及操作工等總計212個職缺。
台中園區徵才則在29日接棒共有億力光電、以及聲遠精密光學等2家廠商參與徵才釋出共30個職缺設備工程師薪資上看45K。</t>
  </si>
  <si>
    <t>工程師科技園區包括助理廠商設備台中活動台虹光電高雄精密光學covid-疫情經濟部加工出口肺炎新科</t>
  </si>
  <si>
    <t>光頡華新徵才職缺園區</t>
  </si>
  <si>
    <t>華新園區</t>
  </si>
  <si>
    <t>貴人疫情扶持肺炎雙魚星座消息</t>
  </si>
  <si>
    <t>本周星座運勢星座專家許睿光老師提醒太陽落在雙魚座海王星是雙魚座的守護星所以這周很有可能會有新冠肺炎的好消息。水星在持續逆行的時間老師也提醒可以繼續處理過往沒有處理好的事情比如帳單。這周也有可</t>
  </si>
  <si>
    <t>老師提醒雙魚處理許睿光太陽星座比如肺炎消息水星可以事情時間持續逆行專家守護星海王星可能</t>
  </si>
  <si>
    <t>本周星座運勢星座專家許睿光老師提醒太陽落在雙魚座海王星是雙魚座的守護星所以這周很有可能會有新冠肺炎的好消息。水星在持續逆行的時間老師也提醒可以繼續處理過往沒有處理好的事情比如帳單。這周也有可能會有一些報仇的機會或是吵架的衝突。
運勢大旺：
●雙魚 ♓️ 充滿理想 貴人扶持
●魔羯 ♑️ 努力執行 意見領袖
●天蠍 ♏️ 開心愉快 桃花朵朵
●金牛 ♉️ 偏財運旺 意外好運
運勢平穩：
●牡羊 ♈️ 正財走旺 長官加持
●天秤 ♎️ 照顧身心 工作績效佳
●射手 ♐️ 家運走旺 努力進財
●處女 ♍️ 職場合作 績效傲人
要注意：
●巨蟹 ♋️ 貴人撐腰 擊退不安
●雙子 ♊️ 人際運旺 職場須謹慎
●水瓶 ♒️ 正財走旺 避開人際紛爭
●獅子 ♌️ 多方資源 笑看他人閒言
➤加碼
財運最旺：水瓶 ♒️
桃花最旺：金牛 ♉️
事業最旺：雙魚 ♓️</t>
  </si>
  <si>
    <t>雙魚貴人績效提醒老師努力財運人際金牛可能桃花處理最旺消息水星可以</t>
  </si>
  <si>
    <t>雙魚貴人走旺最旺星座專家</t>
  </si>
  <si>
    <t>最旺貴人星座雙魚專家</t>
  </si>
  <si>
    <t>各縣市增設院所提升</t>
  </si>
  <si>
    <t>因應新冠肺炎傳播社區化並提升檢驗案件數疫情指揮中心規畫近日將在各縣市設立167家採檢院所主要為一般、中度級急救及非急救醫院或經地方衛生局指定醫院或衛生所以便診所醫師將疑似病患轉至採檢所進行進</t>
  </si>
  <si>
    <t>醫院傳播社區化急救提升檢驗案件數疫情指揮肺炎中心轉至衛生所以便診所近日醫師設立各縣市衛生局</t>
  </si>
  <si>
    <t>因應新冠肺炎傳播社區化並提升檢驗案件數疫情指揮中心規畫近日將在各縣市設立167家採檢院所主要為一般、中度級急救及非急救醫院或經地方衛生局指定醫院或衛生所以便診所醫師將疑似病患轉至採檢所進行進一步的採檢另民眾有國外旅遊史、出現發燒或呼吸道症狀也可自行前往採檢。
目前新冠肺炎病毒檢驗機構計有30家疫情指揮中心社區防疫組副組長莊人祥表示昨日新增預醫所、台美醫事檢驗所、新竹馬偕醫院及嘉義基督教醫院4家指定檢驗機構家數由30家增加至34家自今日起國內檢驗量能將由一天3000件提升至3200件。
轉診安置有待細化
莊人祥指出新冠肺炎歐美疫情嚴峻已是全球流行為因應傳播社區化及預防大型醫院院內感染指揮中心將在各縣市設立採檢院所診所醫師若研判病患為新冠肺炎疑似病例可轉至採檢所進行採檢以補強現有診所沒有快篩工具無法進行篩檢的問題另採檢院所也開放讓民眾前往如果14天內有國外旅遊史且出現發燒或呼吸道症狀民眾可逕至採檢院所由採檢院所醫師研判是否需要採檢。
南台科大生技系講座教授蘇益仁表示設立採檢所牽涉的問題不是只有採檢而已還有很多的環節包括診所所認定的疑似病例要在如何的防護之下轉至採檢院所在等待採檢結果出來之前病患要先安置在哪裡這是個複雜體系的運作一定要先演練過一次不是只有設立採檢地方就好了。
高齡、糖尿病應列優先
蘇益仁指出依目前一天3000件來看167家採檢院所計算平均一家大約只能篩18件左右這個量並不多國內約有1萬多家診所每家轉來一位量就爆了目前國內的篩檢量應要再提升依目前規畫的篩檢量來看無法完全應付診所轉來的疑似病患篩檢能量要留給真正需要的人例如本身還有糖尿病或是年齡高的長者這些都是新冠肺炎重症高危險族群應考慮予以優先採檢。</t>
  </si>
  <si>
    <t>診所檢驗肺炎院所醫院目前設立疫情指揮提升民眾國內表示安置糖尿病轉至</t>
  </si>
  <si>
    <t>採檢肺炎提升設立篩檢</t>
  </si>
  <si>
    <t>設立肺炎提升</t>
  </si>
  <si>
    <t>肺炎身亡家屬北市新北跟進慰問金</t>
  </si>
  <si>
    <t>新冠肺炎疫情爆發至今新北宣佈因染疫確診往生者的市民發放慰問金10萬元給往生者家屬多名北市議員力促市府跟進近期也傳出跟進消息總計有247人受惠北市副市長蔡炳坤證實昨日民間捐款委員會已通過此決定</t>
  </si>
  <si>
    <t>北市跟進爆發民間至今新北昨日宣佈證實蔡炳坤確診市長疫情受惠消息捐款家屬市府力促議員肺炎傳出近期委員會</t>
  </si>
  <si>
    <t>新冠肺炎疫情爆發至今新北宣佈因染疫確診往生者的市民發放慰問金10萬元給往生者家屬多名北市議員力促市府跟進近期也傳出跟進消息總計有247人受惠北市副市長蔡炳坤證實昨日民間捐款委員會已通過此決定未來會由社會局主動發放。
針對是否發放家屬慰問金柯文哲態度轉變多次先是認為「法」要有一致性倘若因新冠死亡就要賠償那以後流感、腸病毒、水痘、皰疹要不要賠？又因議員質疑北市募款已近4億沒理由不跟進慰問金發放柯文哲則說有剩下就可以但要委員會討論。
近期北市社會局公佈凡設籍北市、因新冠肺炎往生者家屬將會獲得10萬慰問金共計247人包括去年5月的2人都會一併發放以繼承人為第一順位外界好奇為何市府會通過發放？何時能夠領到錢？
對此北市副市長蔡炳坤說每位確診者家庭都需要市府關懷昨日的民間捐款委員會也通過家屬慰問金10萬的提案社會局會主動發放對家屬提供相關慰問和協助。</t>
  </si>
  <si>
    <t>北市發放慰問金家屬市府委員會社會局跟進確診近期議員柯文哲市長蔡炳坤民間昨日捐款肺炎</t>
  </si>
  <si>
    <t>新冠肺炎台灣慰問金北市跟進</t>
  </si>
  <si>
    <t>肺炎臺灣慰問金北市跟進</t>
  </si>
  <si>
    <t>損失華新eps去年轉投資新低</t>
  </si>
  <si>
    <t>華新（1605）2019年因認列投資寶德損失168億元、鎳避險損失10億元等2019年EPS為095元創近四年新低27日董事會決議每股配發現金股利05元。華新大陸南京華新城D地塊第三期住宅已獲南京市政府列為優先取得銷售</t>
  </si>
  <si>
    <t>損失南京市政府住宅地塊新低董事會現金配發寶德投資決議列為避險eps新城南京新大陸股利優先取得</t>
  </si>
  <si>
    <t>華新（1605）2019年因認列投資寶德損失168億元、鎳避險損失10億元等2019年EPS為095元創近四年新低27日董事會決議每股配發現金股利05元。華新大陸南京華新城D地塊第三期住宅已獲南京市政府列為優先取得銷售許可證名單因疫情影響預計下半年銷售可望貢獻2020年營運。
此外華新因應大陸及印尼不鏽鋼業者掌控鎳生鐵原料低價競爭的威脅農曆年前董事會決議在印尼青山園區設廠生產鎳生鐵總投資金額超過5億美元華新先出資五千萬美元取得一半股權預計2021年第三季完工試車年產36萬噸純鎳產能全開估算預計五年投資可回收。
為了充實營運資金華新計畫2020年發行公司債179億美元建廠需要35億美元資金計畫向銀行辦理專案融資。
華新27日董事會承認2019年財報2019年合併營收134804億元營業利益4059億元淨利歸屬母公司業主315億元EPS降為095元。董事會也決議每股配現金股利05元以27日收盤價1395元計算現金殖利率358％並通過5月29日召開股東會。
華新27召開線上法說會表示2019年不鏽鋼部門雖受中美貿易戰影響但前三季不鏽鋼銷量平穩不過第四季因大陸對手用鎳生鐵生產不銹鋼造成產品價格與國際鎳市場價格脫鉤華新獲利受影響。為此華新年初董事會決議到印尼青山建鎳生鐵廠以確保原料供應穩定希望下半年逐步回到穩定獲利狀態。
華新指出電線電纜部門獲利穩定其中建築用線及基礎設施用線獲利穩定風電、太陽能及港機電纜市場成長佳離岸風電也洽談合作太陽能及港機電纜獲國際訂單。
華新商貿地產部門在南京開設「華采天地」商場2019年中開幕目前人流及營業狀況穩定南京華新城D地塊「璟園」第三期獲南京市政府列銷售許可證優先名單因疫情還無法銷售。AB地塊辦公樓採分期開發銷售模式6號樓預計2020年第三季開始出租1號樓興建中預計2021年底完工。
華新表示大陸各廠區受新冠肺炎影響延後開工目前均復工到崗比例從40％～81％不等預計3月下旬會恢復正常運作將影響2、3月合併營收3月受影響程度沒有2月多。</t>
  </si>
  <si>
    <t>華新預計影響董事會穩定不銹鋼銷售生鐵決議部門獲利大陸投資印尼地塊南京資金目前營業市場</t>
  </si>
  <si>
    <t>鎳生鐵穩定銷售鏽鋼投資</t>
  </si>
  <si>
    <t>銷售穩定生鐵投資</t>
  </si>
  <si>
    <t>陳柏惟當兵港人網友韓立委出來</t>
  </si>
  <si>
    <t>台灣基進立委「3Q哥」陳柏惟今（24）日在立院質詢行政院長蘇貞昌時指出我們邀請香港人來台灣當兵有三個好處：第一他比我們年輕；第二他比我們更討厭大陸；第三可以增加我們勞工人數。可否考慮這件事情？陳</t>
  </si>
  <si>
    <t>臺灣人數勞工增加可以大陸討厭陳柏惟年輕可否好處立院質詢行政院長蘇貞昌當兵指出邀請香港</t>
  </si>
  <si>
    <t>台灣基進立委「3Q哥」陳柏惟今（24）日在立院質詢行政院長蘇貞昌時指出我們邀請香港人來台灣當兵有三個好處：第一他比我們年輕；第二他比我們更討厭大陸；第三可以增加我們勞工人數。可否考慮這件事情？
陳柏惟表示「今日香港明日台灣」聲援香港不是說說而已有一個實際上可以做的我們邀請香港人來台灣當兵是當兵不是當官喔不是當軍官。
陳柏惟分析當兵有3好處第一他比我們年輕；第二他比我們更討厭大陸；第三可以增加我們勞工人數。可否考慮這件事情？
蘇貞昌回答指出這個我看可能要慎重！
網友在「3Q陳柏惟立委網路後援會」留言「這是？？？」「真心公三小？」、「你欠思考喔」、「請3Q不要把自己當作藝人搞笑！莫忘初衷選民都用顯微鏡監督您一人」、「沒啥可說嗎？高知名度更要謹言慎行！」「是在開玩笑嗎？」、「 以後發言要更謹慎！！！」
另外陳柏惟此也被PTT網友噓到爆「看破手腳」、「對民生息息相關的國土法裝死」、「最好認真一點否則沒下一任了！」、「這真的扣很多分」、「菸粉一致認為有料的立委」、「3Q先叫覺青簽志願吧」、「誰選出來的？這素質」、「沒下屆了幫QQ」、「台中呂孫綾」、「內交部已經很這次直接突破天際」、「別這樣綠媒狂捧的基進黨唯一香火」、「這麼快就就爆了」、「要台獨卻不敢當兵？笑死」、「可憐哪」、「當初應該蓋廢票才對」、「笑死還好只有一席」。
陳柏惟在「3Q陳柏惟立委網路後援會」臉書回應「我收到大家的意見了今天是內政質詢這是因應中華民國憲政能引渡香港人的一種方法因為投資移民、婚姻移民、學生簽證不能解決香港來台問題議題上不妥就再修正這樣的發言我也要承受後果再次謝謝大家的意見我其實講了15分鐘很可惜聚焦在這個點我會再調整很抱歉讓大家費心」。
「3Q陳柏惟立委網路後援會」隨即關閉留言功能。</t>
  </si>
  <si>
    <t>陳柏惟香港當兵臺灣意見質詢蘇貞昌發言網友可以指出</t>
  </si>
  <si>
    <t>當兵香港人陳柏惟3Q哥蘇貞昌</t>
  </si>
  <si>
    <t>陳柏惟香港當兵蘇貞昌</t>
  </si>
  <si>
    <t>藥師口罩</t>
  </si>
  <si>
    <t>高雄市左營某藥局遭檢舉對外以每片10元高價銷售醫用及外科口罩1個月就賣出21萬多片獲利數十萬疑涉哄抬價格及囤積防疫物資。調查局日前約談藥局負責人林姓藥師已依違反《傳染病防治法》、《嚴重特殊傳染性肺</t>
  </si>
  <si>
    <t>藥局防治法傳染病違反檢舉對外藥師銷售高價林姓外科口罩負責人嚴重獲利哄抬價格囤積物資防疫日前</t>
  </si>
  <si>
    <t>高雄市左營某藥局遭檢舉對外以每片10元高價銷售醫用及外科口罩1個月就賣出21萬多片獲利數十萬疑涉哄抬價格及囤積防疫物資。調查局日前約談藥局負責人林姓藥師已依違反《傳染病防治法》、《嚴重特殊傳染性肺炎防治及紓困振興特別條例》、《刑法》妨害農工商罪等罪嫌移送橋頭地檢署偵辦。
調查局強調本案是新冠肺炎行政院徵用全國66家口罩製造廠商後偵破囤積、哄抬價格與數量最高的防疫口罩案件。
高雄市調處接獲情資指左營某大藥局以每10元價格對民眾銷售「益江拋棄式醫用口罩（未滅菌）」疑哄抬價格及囤積防疫物資。
上月13日檢調會同衛生局及消保官前往藥局稽查查出藥局負責人林姓藥師自1月31日行政院公告「一般醫用口罩及外科手術口罩」為防疫物資後即以每片6元價格向供應商大量進貨囤積「益江拋棄式醫用口罩（未滅菌）」。
檢調發現該藥局趁疫情蔓延且醫用口罩不足之際將售價調漲至每片10元販售；自2月3日至3月3日止已售出21萬5350片。林到案坦承不諱遭移送法辦。
此外海洋委員會主委李仲威昨在立法院內政委員會答詢表示海巡署今年已查獲超量出口口罩2案合計逾7萬片未來會持續加強管控邊境防疫、防止非洲豬瘟、新冠肺炎疫情入境。</t>
  </si>
  <si>
    <t>口罩防疫藥局價格肺炎囤積移送委員會物資調查局哄抬行政院銷售藥師林姓疫情左營某負責人</t>
  </si>
  <si>
    <t>口罩肺炎防疫物資左營醫用口罩</t>
  </si>
  <si>
    <t>肺炎物資防疫口罩左營</t>
  </si>
  <si>
    <t>前鋒歧視控訴門外nba</t>
  </si>
  <si>
    <t>先前一口氣宣告包含杜蘭特在內4名球員確診新冠肺炎的籃網至今相當「詭異」尚未公佈其他3名確診籃網球員姓名連帶害到籃網球員飽受外界歧視了嗎？籃網前鋒威爾森錢德勒就在19日發推控訴自己遭到大樓管理員擋在門</t>
  </si>
  <si>
    <t>確診網球員遭到控訴杜蘭特球員大樓威爾森錢德勒前鋒歧視外界飽受肺炎至今公佈相當包含尚未詭異管理員連帶</t>
  </si>
  <si>
    <t>先前一口氣宣告包含杜蘭特在內4名球員確診新冠肺炎的籃網至今相當「詭異」尚未公佈其他3名確診籃網球員姓名連帶害到籃網球員飽受外界歧視了嗎？籃網前鋒威爾森錢德勒就在19日發推控訴自己遭到大樓管理員擋在門外的無奈遭遇。
「一位大樓管理員在門口叫住了我更告訴我她看到籃網球員感染新冠肺炎新聞他們想知道我的情況假如可以的話請我待在大廳外面因為他們不想承擔失去工作的風險」錢德勒表示「她不僅沒問我好嗎？甚至連我是陽性或陰性都沒問我要回家了！」
其實這名大樓管理員的做法也出自人之常情畢竟籃網並未公佈除了杜蘭特以外其餘3名確認感染新冠肺炎的球員名字儘管錢德勒應該不可能那麼白目在確診之後仍然四處走動可是為了保險起見不肯讓錢德勒進入大樓也算相當合理的行為。</t>
  </si>
  <si>
    <t>大樓錢德勒確診管理員網球員肺炎杜蘭特公佈相當球員感染遭到甚至陰性外面大廳控訴</t>
  </si>
  <si>
    <t>籃網NBA威爾森錢德勒杜蘭特確診</t>
  </si>
  <si>
    <t>確診威爾森錢德勒杜蘭特nba</t>
  </si>
  <si>
    <t>阿聯酋航班明起杜拜暫時往返臺北</t>
  </si>
  <si>
    <t>新冠肺炎疫情在歐洲大爆發阿聯酋航空今天宣佈臺北往返杜拜的航線明天起暫時停飛正密切觀察情勢發展期待盡早恢復航班。阿聯酋航空發言人表示因應台灣疾管署頒佈的入境檢疫規定阿聯酋航空將自3月16日起暫</t>
  </si>
  <si>
    <t>阿聯酋航空歐洲大爆發密切觀察情勢發展暫時明天航線杜拜今天期待管署規定宣佈往返儘早臺灣臺北檢疫恢復入境</t>
  </si>
  <si>
    <t>新冠肺炎疫情在歐洲大爆發阿聯酋航空今天宣佈臺北往返杜拜的航線明天起暫時停飛正密切觀察情勢發展期待盡早恢復航班。
阿聯酋航空發言人表示因應台灣疾管署頒佈的入境檢疫規定阿聯酋航空將自3月16日起暫時停飛臺北往返杜拜的航線恢復營運日期將另行通知。阿聯酋航空將密切關注相關情勢發展期望能儘早恢復航班營運及旅客服務。行程受影響之旅客請洽詢訂票旅行社、阿聯酋航空票務中心或阿聯酋航空客服中心更改機票。</t>
  </si>
  <si>
    <t>阿聯酋航空恢復營運航班密切旅客情勢杜拜臺北往返航線暫時發展儘早歐洲大爆發請洽旅行社管署臺灣</t>
  </si>
  <si>
    <t>疫苗保護力最強組合莫德納</t>
  </si>
  <si>
    <t>新冠病毒不斷變種讓各國急於提高疫苗保護效力包括追打第三劑或混打不同廠牌疫苗精神科醫師沈政男綜合各國研究及實驗結果揭露疫苗保護力最強組合第一名是AZ混打莫德納第二名為兩劑莫德納第三名是AZ混打</t>
  </si>
  <si>
    <t>疫苗保護混打變種組合綜合提高急於力最強研究沈政男醫師揭露精神結果實驗效力包括az病毒</t>
  </si>
  <si>
    <t>新冠病毒不斷變種讓各國急於提高疫苗保護效力包括追打第三劑或混打不同廠牌疫苗精神科醫師沈政男綜合各國研究及實驗結果揭露疫苗保護力最強組合第一名是AZ混打莫德納第二名為兩劑莫德納第三名是AZ混打BNT第四名兩為劑BNT最後一名是打兩劑AZ。
沈政男在臉書發文指出自己打的是AZ混打莫德納當今最強疫苗組合同時透露疫苗保護力最強組合排名是AZ+莫德納其次是兩劑莫德納第三名是AZ+BNT第四名兩劑BNT最後才是兩碗陽春麵也就是打兩劑AZ。
但他也提醒民眾不要故意去混打醫護是因為當時疫苗短缺現在疫苗量已充足第一選擇還是兩劑莫德納兩劑BNT也很好畢竟混打還沒有夠多的研究佐證證據效力比不上打兩劑同品牌疫苗。
至於想等第三劑再混打沈政男說只有老人家、醫護有機會一般民眾有得等但如果疫苗夠多的話屆時愛怎麼打就怎麼打。
對於民眾害怕打第二劑莫德納副作用強不敢打沈政男怎表示當然要打第二劑副作用頂多手臂舉不起來幾天上年紀的人幾乎不會有心肌炎。
對於國內兩劑疫苗覆蓋率僅22%指揮中心力拚年底達到6成沈政男表示必須很拚甚至永遠達不到因為台灣民眾施打意願太低75歲以上至今第一劑只有7成1覆蓋率遠遠低於國外若台灣能達到兩劑6成覆蓋率「與病毒共存」也絕對不可行因為覆蓋率太低仍舊會有許多新增案例不可能放任病毒載浮載沉這就是台灣的防疫大勢。</t>
  </si>
  <si>
    <t>疫苗混打兩劑沈政男民眾覆蓋率臺灣az病毒莫德納保護研究醫護達到效力表示副作用</t>
  </si>
  <si>
    <t>莫德納AZ混打兩劑疫苗保護力</t>
  </si>
  <si>
    <t>兩劑混打疫苗保護az莫德納</t>
  </si>
  <si>
    <t>公佈who經費川普考慮另起爐灶磨刀霍霍</t>
  </si>
  <si>
    <t>美國總統川普與世界衛生組織之間的糾葛逐漸加深自WHO秘書長反嗆川普將公衛問題政治化後川普10日再次重批WHO以大陸為中心並在下周對WHO做出宣佈暗示川普政府將大砍其援助經費。而外媒也透露除了砍經費之外川</t>
  </si>
  <si>
    <t>川普who經費援助之間糾葛透露加深政府逐漸做出再次宣佈暗示秘書長世界衛生組織中心大陸周對政治化問題</t>
  </si>
  <si>
    <t>美國總統川普與世界衛生組織之間的糾葛逐漸加深自WHO秘書長反嗆川普將公衛問題政治化後川普10日再次重批WHO以大陸為中心並在下周對WHO做出宣佈暗示川普政府將大砍其援助經費。而外媒也透露除了砍經費之外川普政府內部正討論如何改革WHO其中包括扶持現有國際組織來取之。
據《福斯新聞網》報導在白宮的防疫記者會上再次對WHO問題表示「美國每年提供世衛約5億美元資金而我們將在下周討論這一問題我們有很多話要說的」。他同時痛批WHO以大陸為中心「我們每年提供3億至5億美元但大陸每年提供4千萬不到美國附的比大陸還要高10倍」但「WHO總看起來像是替大陸說好話這我不喜歡對美國民眾也不公平」並已向中國大陸國家主席習近平以及譚德塞表達不滿。
關於將在下周對WHO宣佈何事川普說將在下周討論「大量細節」但不想在耶穌受難日（Good Friday）的今天或復活節前夕談論這件事在掌握所有真相前他也不想討論此事。
另外據美媒《Politico》透露川普政府的官員們已正草擬信函將宣佈暫停美國對WHO以及與其相關的泛美衛生組織的經費。這封信函也向國務院官員、美國國際開發署以及其他機構官員表示必須將暫停WHO的經費轉移至其他國際組織。
至於川普對付WHO的下一步美媒《Politico》指出川普團隊內官員們正在討論有人提到藉由先存的法律以及政治機制改革聯合國體系有人考慮如何降低WHO的作用；該報導也引述兩名知情人士指出有幕僚們討論在聯合國愛滋病規劃署（UNAIDS）為基礎模式上取代WHO該機構為1990年建立致力於消除愛滋病的聯合國下的國際組織。
不過報導也指出一旦美中斷WHO經費很可能遭到包括美國盟友的國際反擊並且反而增強了大陸在國際組織的影響力。至於將UNAIDS取代WHO的想法報導也指出仍不清楚UNAIDS內部組成為何會特別吸引川普政府幕僚部分專家也對此想法表示困惑。美國知名智庫「戰略與國際研究中心」（CSIS）全球衛生專家莫里斯（Stephen Morrison）表示「WHO在成立25年內確實有些汙點但它仍是指導緊急應對以及建立規範與標準的中央實體機構」。</t>
  </si>
  <si>
    <t>who川普美國討論大陸國際經費報導表示組織政府指出聯合國unaids官員問題機構建立改革專家</t>
  </si>
  <si>
    <t>新冠肺炎新型冠狀病毒武漢肺炎NCPCOVID-19</t>
  </si>
  <si>
    <t>肺炎病毒冠狀武漢ncpcovid-</t>
  </si>
  <si>
    <t>預約加開名額沒人疫苗高端</t>
  </si>
  <si>
    <t>高端疫苗二度加開預約已於今（24）日下午6時截止收單根據中央流行疫情指揮中心統計兩天共有15萬2871人完成預約佔符合預約資格人數7324%剩下5萬多名額沒人打。第六輪高端疫苗於8/23、8/24兩日增開8/16以後新</t>
  </si>
  <si>
    <t>預約疫苗高端中心指揮疫情流行中央共有統計人數截止名額剩下沒人下午於今完成符合資格增開</t>
  </si>
  <si>
    <t>高端疫苗二度加開預約已於今（24）日下午6時截止收單根據中央流行疫情指揮中心統計兩天共有15萬2871人完成預約佔符合預約資格人數7324%剩下5萬多名額沒人打。
第六輪高端疫苗於8/23、8/24兩日增開8/16以後新登記或加選高端疫苗者預約符合預約資格共有20萬8735人昨天（23日）下午5點就有11萬4635人完成預約達符合預約資格人數5492%。
不過今早傳出馬來西亞籍陸姓作家疑接種高端疫苗後死亡雖尚未證實是否與施打疫苗有關似乎也影響到高端疫苗預約數二度加開預約截至今天下午6時今天淨增加人數只有3萬8236人比昨天11萬人少了一半以上。
二度加開完成預約人數為15萬2871人佔符合預約人數的7324%預約仍未額滿。加上第六輪首波預約599萬人第六輪總計有751萬人要打高端疫苗。
而疾管署昨日表示實際驗收的高端疫苗有11批共86萬7464劑意謂還有11萬劑高端可供施打。
指揮中心今（24）日公佈最新疫苗統計昨日共有179萬人接種疫苗其中接種高端的有16萬7268劑；統計截至目前為止累計接種10246977劑疫苗接種人口涵蓋率4032%劑次人口比4366(劑/每百人)。</t>
  </si>
  <si>
    <t>疫苗高端預約人數接種統計施打加開共有指揮中心截至資格完成下午昨日昨天符合有關是否馬來西亞陸姓</t>
  </si>
  <si>
    <t>預約高端疫苗加開新冠肺炎台灣</t>
  </si>
  <si>
    <t>加開疫苗肺炎高端臺灣預約</t>
  </si>
  <si>
    <t>送客旅行社高雄市場花蓮國旅搶攻</t>
  </si>
  <si>
    <t>新冠疫情衝擊位在「海嘯第一排」的旅遊業哀鴻遍野今年國外旅遊市場較無機會發展業者轉而搶攻國旅市場隨著疫情趨緩高雄旅行社與航空公司、飯店合作將人往花蓮、澎湖送民眾詢問度高但未能彌補雪崩式的</t>
  </si>
  <si>
    <t>疫情市場詢問民眾海嘯花蓮未能合作飯店旅遊業哀鴻遍野公司航空今年旅行社國外旅遊高雄搶攻國旅</t>
  </si>
  <si>
    <t>新冠疫情衝擊位在「海嘯第一排」的旅遊業哀鴻遍野今年國外旅遊市場較無機會發展業者轉而搶攻國旅市場隨著疫情趨緩高雄旅行社與航空公司、飯店合作將人往花蓮、澎湖送民眾詢問度高但未能彌補雪崩式的業績缺口。
為搶救國旅市場統茂旅館集團、華信航空與捷利旅行社聯合宣佈「2人輕鬆遊花蓮」幸福專案平日2人成行、每人3999元。另外華信航空也攜手旅遊業推出高雄、台中、臺北三地飛航澎湖即日起至6月推出超值專案二天一夜平日出發每人1999起。
高市旅行公會理事長吳盈良指出因疫情關係旅行社收入幾乎是零尤以中大型旅行社又有龐大管銷等成本部分公司乾脆裁員或放無薪假因應當前旅行社只能推動國內旅遊但坦白說量體及業績還是無法與國外旅遊相提並論。
吳盈良表示近日國內新冠肺炎持續0確診國旅的詢問度非常踴躍但尚未完全反應在訂單上顯見消費者需要時間及信心但國旅的復甦是可以預期的目前非都會區的澎湖、花蓮、金門比較會受到民眾青睞。
針對旅行社主動出擊推出套裝促銷方案吳盈良表示不少客人都是採自由行而沒有透過旅行社如此旅行社也無收入他向政府喊話應該加大力度在旅行業上屆時若防疫旅遊補助方案出爐後可望帶動一波國人出遊潮。
吳盈良認為目前不少客人還抱持觀望態度但假設未來一直沒有新的疫情爆發會催出鄰裡長自強活動、公司行號員工旅遊等屆時量體自然會變大推算大概7月中旬會漸漸有起色可望讓低靡的旅行業再現生機。</t>
  </si>
  <si>
    <t>旅行社旅遊國旅疫情公司推出航空市場可望旅行詢問方案吳盈良客人目前業績表示國內民眾旅遊業</t>
  </si>
  <si>
    <t>新冠肺炎疫情高雄旅行社花蓮</t>
  </si>
  <si>
    <t>高雄肺炎疫情旅行社花蓮</t>
  </si>
  <si>
    <t>緊急陽性公司消毒員工分流上班</t>
  </si>
  <si>
    <t>蘋果代工大廠和碩集團昨天（16日）接到衛生單位通知一名員工無症狀感染採檢陽性還在釐清是陽性還是偽陽性尚未確診正遵照醫囑隔離據瞭解該名員工是為了出差去採檢若確認染疫將是繼科技大廠大立光、印</t>
  </si>
  <si>
    <t>大廠員工陽性集團昨天科技接到衛生單位遵照通知醫囑隔離瞭解感染症狀確認出差</t>
  </si>
  <si>
    <t>蘋果代工大廠和碩集團昨天（16日）接到衛生單位通知一名員工無症狀感染採檢陽性還在釐清是陽性還是偽陽性尚未確診正遵照醫囑隔離據瞭解該名員工是為了出差去採檢若確認染疫將是繼科技大廠大立光、印刷電路板工廠敬鵬、富邦金控後第4家有員工染疫的上市公司。
《經濟日報》報導和碩昨天接獲通知一名員工採撿陽性目前無症狀由於是微弱陽性反應尚在釐清是否確診。和碩表示該員工住在郊區通勤至關渡公司上班交通路線及生活都單純關渡總部辦公室共分成4棟獨立建築以及其他獨立租屋建築該員工是在較小的獨立建築中工作。
和碩表示接獲通知後已展開大消毒嚴格執行員工分流上班其他則會遵守主關機關規定執行。</t>
  </si>
  <si>
    <t>員工通知上班陽性公司確診昨天大廠獨立表示建築症狀遵守關渡單純</t>
  </si>
  <si>
    <t>新冠肺炎台灣和碩員工染疫</t>
  </si>
  <si>
    <t>臺灣員工肺炎</t>
  </si>
  <si>
    <t>夏春湧預言政府面對難題疫情</t>
  </si>
  <si>
    <t>新冠肺炎疫情逐漸趨緩中央流行疫情指揮中心表示國內昨無新增病例已經連續第4天沒有新增病例29天沒有本土病例另確診個案新增1例死亡(國內第7例死亡)。對此捧紅不少大明星的名經紀人夏春湧表示真正的考</t>
  </si>
  <si>
    <t>表示國內疫情病例死亡經紀人逐漸大明流行沒有指揮個案中心夏春湧中央對此確診本土新增肺炎</t>
  </si>
  <si>
    <t>新冠肺炎疫情逐漸趨緩中央流行疫情指揮中心表示國內昨無新增病例已經連續第4天沒有新增病例29天沒有本土病例另確診個案新增1例死亡(國內第7例死亡)。對此捧紅不少大明星的名經紀人夏春湧表示真正的考驗是在0確診之後。他認為也許現在因為疫情有些國家為台灣助陣萬一有天臺灣經濟陷入困境會有幾個國家跳出來聲援？他說若將來大部分台灣人面臨0經濟、0就業、0收入這種慘況時民進黨政府還會沉醉在0確診的小確幸裡？
夏春湧在臉書指出0確診已經成為民進黨政府的逆天護身符！只要在電視上聽到0確診就覺得政府好棒台灣人從此就可以過著安和樂利的好日子全世界就都以台灣為榮台灣就可以理直氣壯的要求加入世界各種組織「真是這樣嗎？」
夏春湧說真正的考驗是在0確診之後那個時候就不只是要求加入WHO這麼簡單了等全世界0確診之後還能這麼大聲嗎？夏春湧表示WHO只是聯合國附屬下的一個小機構就像衛福部一樣沒有任何傳染病大流行的時候沒有幾個人知道他們是幹什麼的？
夏春湧認為讓世界不停循環的是「經濟」經濟的復甦才是全世界目前迫在眉睫的生死課題。他說政府因為防疫得當被喜悅沖昏了頭誰都敢罵誰都敢反但他說台灣沒有本錢罵因為罵完之後要承擔的後果絕對不會像新冠病毒的0確診更不會像要求加入WHO這種小兒科的遊戲。
夏春湧說也許現在很多歐美國家在罵中國可是一旦攸關國家經濟命脈的議題出現誰還敢罵？面對一個世界第二大經濟體和全世界最大的市場誰會和自己的國家經濟過不去？他說也許現在因為疫情有些國家為台灣助陣萬一有一天臺灣經濟陷入困境還會有幾個國家跳出來聲援？他說如果將來大部分台灣人面臨O經濟、O就業、O收入這種慘況時不知道民進黨政府是不是還會沉醉在0確診這個小確幸裡？</t>
  </si>
  <si>
    <t>確診政府全世界經濟沒有國家之後臺灣疫情表示世界who要求加入敢罵民進現在</t>
  </si>
  <si>
    <t>新冠肺炎夏春湧蔡政府台灣經濟</t>
  </si>
  <si>
    <t>夏春湧政府肺炎臺灣經濟</t>
  </si>
  <si>
    <t>疫情爆發周後陰屍與世隔絕森林上演</t>
  </si>
  <si>
    <t>新冠肺炎（COVID-19）疫情肆虐全球美國在第二波疫情爆發後十分慘烈目前已有5萬多例確診名列全球第3。但一名男子卻因為在享受森林裡享受與世隔絕的生活而完全不知道新冠肺炎的存在甚至連NBA傳奇球星過世消</t>
  </si>
  <si>
    <t>全球肺炎疫情享受nba甚至存在生活知道完全男子目前確診十分慘烈名列傳奇爆發與世隔絕森林球星</t>
  </si>
  <si>
    <t>新冠肺炎（COVID-19）疫情肆虐全球美國在第二波疫情爆發後十分慘烈目前已有5萬多例確診名列全球第3。但一名男子卻因為在享受森林裡享受與世隔絕的生活而完全不知道新冠肺炎的存在甚至連NBA傳奇球星過世消息也一無所知直到員警上門才知道疫情的存在。他回憶這一切彷彿就像是《陰屍路》的場景上演。
一名叫做Marcus的網友在Twitter上透露一則奇人奇事表示他的經理在今年1月25日和其妻子展開了為期8周的度假在北卡州（North Carolina）的森林內的小木屋內享受沒有手機等通訊軟體與世隔絕的生活。
也因此在這8周內經理對外頭所發生的事情一無所知甚至當他在3月中結束度假後原PO和他提到NBA傳奇球星柯比（Kobe Bryant）不幸過世的消息時表現出難以置信的樣子。
更別說新冠肺炎疫情於3月初在美國大爆發這位元經理完全不知道病毒的可怕。當他得知這件消息時是在某日的淩晨4點鐘有3名帶著面罩員警正敲打他的門那時他們正在對居民進行新冠肺炎的檢驗。也是在那時候經理才得知小木屋的屋主已被確診。
經理更向原PO透露最嚇人的是當他回憶起當初踏入北卡州租借小木屋時小鎮內的人們正快活地工作著但是當疫情爆發後他與妻子離開時的畫面讓他印象深刻彷彿見到了影集《陰屍路》裡的場景小鎮的生氣蕩然無存更直白地說一個人影都見不到。
My manager went on a 8 week sabbatical on Jan 25th and him and his wife rented a cabin in the North Carolina woods and didn’t bring no type of technology with them so they could enjoy each other company Nigga finna come back to pure hell He don’t even know Kobe gone</t>
  </si>
  <si>
    <t>經理疫情肺炎消息and知道爆發木屋享受妻子小鎮northcarolina回憶透露度假po</t>
  </si>
  <si>
    <t>經理與世隔絕陰屍路新冠肺炎小木屋</t>
  </si>
  <si>
    <t>陰屍肺炎與世隔絕木屋經理</t>
  </si>
  <si>
    <t>隔離期滿夫妻居家專人生活垃圾曝光</t>
  </si>
  <si>
    <t>新冠肺炎（COVID-19）疫情持續延燒台灣7日公佈淩晨0時起港澳來台旅客需要居家檢疫14天的防疫措施。一名台灣網友表示和妻子從芬蘭度完蜜月要回台灣因為要在香港轉機所以需要居家檢疫14天25日正好是第14天</t>
  </si>
  <si>
    <t>臺灣需要居家檢疫疫情持續covid-公佈芬蘭表示妻子淩晨網友港澳時起旅客措施防疫轉機肺炎蜜月香港</t>
  </si>
  <si>
    <t>新冠肺炎（COVID-19）疫情持續延燒台灣7日公佈淩晨0時起港澳來台旅客需要居家檢疫14天的防疫措施。一名台灣網友表示和妻子從芬蘭度完蜜月要回台灣因為要在香港轉機所以需要居家檢疫14天25日正好是第14天他也分享居家檢疫的心得慶幸終於到隔離最後一天了。
原PO在PTT論壇發文透露自己和妻子到芬蘭度蜜月原先預計2月10號在香港轉機回台不料台灣政府在7日公佈有中港澳旅遊史者來台須居家檢疫14天的措施可活動範圍就只有居住場所若趴趴走會被處以1到15萬的罰款。原PO原先想乾脆用飯店電話取消班機結果「芬蘭航空要嘛不是不接就是說再問主管」只能硬著頭皮到香港轉機事後還發現電話費居然還要5000台幣。
原PO表示到香港轉機時飛機上的空服員都會發居家檢疫通知書下飛機後再交給防疫人員會說需要隔離多久「可以感受防疫人員的辛苦唯一可惜的是沒有防疫配合的返家工具防疫人員也僅說不建議搭乘大眾運輸工具但實際上還是有不少人是搭捷運公車回家的」。
到家後便開始漫長的隔離期原PO提到區公所每天都會打電話關心他們的狀況甚至提供一支手機號碼有異常狀況隨時都可聯絡甚至連「倒垃圾」都可以跟區公所的人講他們會派人在門口收取垃圾如果有其他需求也都可以跟他們講。
至於吃飯食材都是父母放在房門口後離開自己在家煮飯認為要吃的健康免疫力才會好。而隔離的14天就是在家裡忙忙工作玩玩遊戲朋友還借他Switch健身環運動。他坦言「不能出門還真的是很悶但為了防疫只能悶14天囉！很慶幸今天是我們最後一天這14天是很悶很累但保障了其他人的安全我們都覺得很值得！各層級的防疫人員也真的很辛苦。有需求也願意幫我們處理。真的很感謝！」
網友看完PO文紛紛留言表示「恭喜健康無事」、「手藝看起來不錯」、「這叫不會做菜的人怎麼辦好會煮！」、「隔離瘋狂做菜喜獲防疫寶寶」、「恭喜兒子射手座」、「瘋狂做菜 那有瘋狂做人嗎? XD」、「區公所幫忙倒垃圾服務真好」、「謝謝你們保護臺灣！」、「感謝你配合了14天沒有偷跑出去」、「新婚在家隔離剛好培養感情！」</t>
  </si>
  <si>
    <t>防疫隔離po臺灣居家檢疫香港人員表示區公所芬蘭轉機垃圾可以需要健康在家</t>
  </si>
  <si>
    <t>新冠肺炎武漢肺炎新型冠狀病毒台灣COVID-19</t>
  </si>
  <si>
    <t>肺炎武漢冠狀病毒臺灣covid-</t>
  </si>
  <si>
    <t>疫情波及衛健擴散國家風險加大大陸</t>
  </si>
  <si>
    <t>大陸國家衛健委新聞發言人米鋒24日在國務院聯防聯控機制新聞發布會上表示當前國外疫情持續蔓延加上季節因素容易引發疫情傳播擴散。10月17日以來大陸出現多點散發本土疫情呈快速發展態勢一周之內已波及</t>
  </si>
  <si>
    <t>疫情新聞大陸態勢發展快速發言人本土米鋒蔓延加上持續散發因素發佈會聯防國外容易聯控機制當前表示出現引發以來傳播</t>
  </si>
  <si>
    <t>大陸國家衛健委新聞發言人米鋒24日在國務院聯防聯控機制新聞發布會上表示當前國外疫情持續蔓延加上季節因素容易引發疫情傳播擴散。10月17日以來大陸出現多點散發本土疫情呈快速發展態勢一周之內已波及11個省。感染者大多有跨地區旅遊活動疫情進一步擴散風險仍在加大。
國家衛生健康委疾控局副局長吳良有表示本次疫情波及範圍廣、傳染性強。目前發現的跨地區感染者絕大多數與旅遊團或自駕的遊客有關潛在風險人員的跨地區流動性大涉及到的省較多。
吳良有指出本起疫情的病毒為德爾塔（Delta）變異株部分病例的呼吸道樣本病毒核酸載量高提示病例排毒量大傳播力強在暴露人群中引起續發傳播的風險較高。
自陝西省西安市發現2例遊客核酸檢測陽性以來截至10月23日本輪大陸本土疫情已波及陝西、內蒙古、寧夏、甘肅、湖南、北京、貴州、河北、湖北、青海等多個省區市有明確關聯的新冠病毒陽性病例已超80人。呈現感染來源尚不明確蔓延速度快的特點。</t>
  </si>
  <si>
    <t>疫情風險病例病毒傳播波及地區明確蔓延新聞陽性核酸大陸發現表示擴散遊客吳良感染者本土</t>
  </si>
  <si>
    <t>疫情擴散地區新冠肺炎大陸</t>
  </si>
  <si>
    <t>地區擴散肺炎疫情大陸</t>
  </si>
  <si>
    <t>罰金天母中國拒繳貴婦查封</t>
  </si>
  <si>
    <t>全球疫情嚴峻台灣努力防堵無奈就是有居家檢疫或隔離民眾不顧罰緩硬是違反規定出門趴趴走令全台深陷恐慌之中。更可惡的是法務部執行署日前調查發現一名蔡姓女子遲未繳清10萬元罰金執行署人員登門催繳時</t>
  </si>
  <si>
    <t>執行努力無奈不顧民眾深陷居家隔離檢疫恐慌臺灣之中罰金女子可惡遲未蔡姓發現</t>
  </si>
  <si>
    <t>全球疫情嚴峻台灣努力防堵無奈就是有居家檢疫或隔離民眾不顧罰緩硬是違反規定出門趴趴走令全台深陷恐慌之中。更可惡的是法務部執行署日前調查發現一名蔡姓女子遲未繳清10萬元罰金執行署人員登門催繳時才得知她人早已於年初潛逃中國於是趕緊依法將其臺北千萬豪宅查封。
根據《三立新聞網》報導一位蔡姓女屋主因違反居家檢疫規定遭罰10萬元可後來她卻大搞失蹤、躲避罰金催繳直至執行署人員上門堵人才知道蔡姓女屋主早已在今（2021）年2月14日逃至中國遂趕緊查封其價值1800萬的天母房產。
對此法務部強調民眾若執意賴帳不顧居檢、隔離罰鍰不僅房屋恐被查封就連愛車也可能遭查扣千萬別以身試法。為展現大刀闊斧的決心昨（20）日第3波催繳行動法務部執行署動員近400人進行此次共計查封12筆土地、13間建築和3台汽車並限制17人出境。
★中時新聞網提醒您：
防範新冠肺炎肥皂勤洗手、必要時戴口罩、避免食用生肉及生蛋、少去人多的場所、避免接觸禽畜類動物！
回國若身體不適請主動通報14天內出現疑似症狀請先撥打防疫專線並戴上口罩儘速就醫務必告知醫師旅遊史。
※ 免付費防疫專線：1922、0800-001922</t>
  </si>
  <si>
    <t>查封執行蔡姓法務部催繳口罩民眾新聞網避免防疫隔離趕緊居家早已罰金專線中國檢疫</t>
  </si>
  <si>
    <t>查封居家檢疫居家隔離防疫罰金</t>
  </si>
  <si>
    <t>檢疫居家隔離防疫罰金查封</t>
  </si>
  <si>
    <t>防疫時代投資解析契機產經</t>
  </si>
  <si>
    <t>幾個月前資本市場最關注的焦點無非是中國與美國之間的貿易摩擦。沒想到現在全球的焦點都放在新冠肺炎疫情鮮少有人會再提起中美貿易戰這個議題。防疫講究「超前部署」那麼對於積極型與風險承受能力比較高的投資</t>
  </si>
  <si>
    <t>焦點風險積極關注對於部署超前講究無非防疫議題貿易戰承受能力提起中國之間美國貿易摩擦疫情肺炎沒想</t>
  </si>
  <si>
    <t>疫情中國市場機會投資刺激已經美國投資人趨勢防疫指數醫療科技措施例如下跌</t>
  </si>
  <si>
    <t>資本美國中國肺炎機會</t>
  </si>
  <si>
    <t>肺炎中國資本機會美國</t>
  </si>
  <si>
    <t>場所大類口罩</t>
  </si>
  <si>
    <t>「秋冬防疫專案」今12月1日起正式上路進入8大類高感染傳播風險場所需強制戴口罩未戴口罩經勸導不聽者將開罰3千至1萬5千元。此外防疫期間違規亂丟口罩者第一次遭北市環保局查獲罰鍰將加重為3600元再犯</t>
  </si>
  <si>
    <t>口罩防疫正式上路進入大類感染傳播風險場所查獲環保局專案期間北市違規強制</t>
  </si>
  <si>
    <t>「秋冬防疫專案」今12月1日起正式上路進入8大類高感染傳播風險場所需強制戴口罩未戴口罩經勸導不聽者將開罰3千至1萬5千元。此外防疫期間違規亂丟口罩者第一次遭北市環保局查獲罰鍰將加重為3600元再犯者最重可處罰6000元及環境講習。
中央流行疫情指揮中心表示8大類場所包含醫療照護、大眾運輸、生活消費、教育學習、觀展觀賽、休閒娛樂、宗教祭祀及洽公未依規定佩戴口罩經勸導不聽者將依違反《傳染病防治法》第37條第1項第6款規定由地方政府裁罰3000元以上1萬5000元以下罰款。
值得注意的是8大類場所包括KTV、健身房、三溫暖、室內游泳池、超商、圖書館等都要戴口罩。指揮中心指揮官陳時中解釋上述這些場所因具有不易保持社交距離或會近距離接觸不特定對象的特性有較高的感染與傳播風險因此要求進入該類場所活動的民眾佩戴口罩但室外不戴會先勸導不會一看到沒戴就罰。
為保障民眾戶外活動安全北市環保局已持續加強人潮易聚集的交通場站、商圈市集、百貨旅館等周邊環境消毒包括捷運站、公車調度站、計程車休息站、交通樞紐、機關、夜市、商圈、百貨公司、防疫旅館共240處。
此外環保局也提醒防疫期間違規亂丟口罩者第一次查獲罰款將加重為3600元再犯者最重可處罰6000元及環境講習民眾切勿心存僥倖任意亂丟以免荷包失血又變成防疫公敵。</t>
  </si>
  <si>
    <t>場所口罩防疫大類民眾環保局包括商圈旅館規定勸導指揮北市罰款中心進入佩戴感染環境</t>
  </si>
  <si>
    <t>口罩8大類場所秋冬防疫專案罰鍰新冠肺炎</t>
  </si>
  <si>
    <t>防疫專案秋冬場所大類口罩肺炎</t>
  </si>
  <si>
    <t>主席歐盟執委會宣佈隔離確診</t>
  </si>
  <si>
    <t>歐洲聯盟執行委員會主席范德賴恩(Ursula von der Leyen)5日在推特上宣佈由於其日前(9月29日)出席的一場會議中與會者有人確診感染新冠肺炎。根據現行防疫法規其將自主隔離至6日早晨。這是繼歐洲理事會主席米歇</t>
  </si>
  <si>
    <t>主席范德賴恩ursulavonderleyen早晨隔離防疫肺炎日前自主感染確診出席法規會議與會者宣佈委員會</t>
  </si>
  <si>
    <t>歐洲聯盟執行委員會主席范德賴恩(Ursula von der Leyen)5日在推特上宣佈由於其日前(9月29日)出席的一場會議中與會者有人確診感染新冠肺炎。根據現行防疫法規其將自主隔離至6日早晨。這是繼歐洲理事會主席米歇爾9月底因特勤人員染疫而宣佈隔離後又一宣佈自我隔離的歐盟官員。
範德賴恩表示日前與其一同出席會議的人士中有人於10月4日確診新冠肺炎。儘管範德賴恩1日採檢的結果為陰性；但基於安全考量與防疫規範將於5日再次採檢。
I’ve been informed that I participated in a meeting last Tuesday attended by a person who yesterday tested positive for COVID-19 In accordance with regulations in force I’m therefore self-isolating until tomorrow morning I’ve tested negative on Thursday &amp; am tested again today
事實上這不是首位歐盟官員因與染疫者接觸而自我隔離。歐洲理事會主席米歇爾日前才因隨扈檢測結果呈現陽性而宣佈自我隔離也讓歐盟27個會員國領導人峰會延期。無獨有偶德國外長馬斯9月也因為隨扈染疫而宣佈隔離所幸馬斯最終採檢結果為陰性。
隨著歐洲第2波新冠肺炎疫情持續擴散歐洲各國相繼頒布新的限制與封鎖措施。捷克宣佈緊急狀態已長達30天試圖遏制確診人數快速地上升並減輕醫療體系的壓力。目前捷克4日新增確診病例高達1841例。
在英國光4日單日的疫情確診數便高達22961起病例幾乎為先前單日病例數的2倍。在波蘭3日新增病例數達2367人創下連續3天以來的歷史新高。</t>
  </si>
  <si>
    <t>宣佈隔離確診tested范德賴恩日前主席in歐盟結果病例肺炎捷克疫情ve官員馬斯防疫新增</t>
  </si>
  <si>
    <t>範德賴恩自我隔離歐盟新冠肺炎病例數</t>
  </si>
  <si>
    <t>歐盟隔離肺炎病例范德賴恩</t>
  </si>
  <si>
    <t>首例巴西突變病例病毒發現</t>
  </si>
  <si>
    <t>自巴西出現新冠肺炎病例後成為南美洲首起確診病例引起高度關注。而在巴西和英國的研究人員研究下已完成首例病例的病毒基因定序發現與最初在大陸武漢發現的病毒株基因密碼已經有三處不同點。根據已存有關於</t>
  </si>
  <si>
    <t>病例發現巴西研究密碼已經基因病毒肺炎確診引起高度關注完成病毒基因首例武漢大陸最初成為南美洲英國</t>
  </si>
  <si>
    <t>自巴西出現新冠肺炎病例後成為南美洲首起確診病例引起高度關注。而在巴西和英國的研究人員研究下已完成首例病例的病毒基因定序發現與最初在大陸武漢發現的病毒株基因密碼已經有三處不同點。
根據已存有關於新型冠狀病毒基因組序列的分析網站virologicalorg在巴西權威病理化驗所阿多佛魯茲（Adolfo Lutz）與聖保羅大學醫學院熱帶醫學研究所和英國牛津大學合作29日完成巴西暨拉丁美洲首例新冠肺炎確診病例病毒基因定序。
聖保羅州研究支援基金會（Fapesp）指出這名來自聖保羅的61歲男性確診病曾經於9日至21日有義大利北部旅遊史在返回巴西後才開始出現發燒、乾咳與喉嚨痛等呼吸道症狀患者目前情況穩定僅有乾咳的輕微症狀在家隔離。。
但研究人員發現巴西首起病例的新冠病毒基因序列只有一處與義大利的相同而義大利新冠病毒是從一名來自到訪羅馬的湖北省旅客但不代表因此造成在該城市區域傳染。
初步基因研究顯示巴西首起病例的病毒基因排序與武漢發現的新冠病毒相比已有三處相異其中兩變異處與德國的病例最相近因此推論不止一個人在歐洲傳播疾病。
研究人員之一薩比諾（Ester Cerdeira Sabino）稱必須對RNA的變化進行測序和研究以瞭解這種變化是否對疾病的傳播有影響比如伊朗呈現較高的死亡率是否與病毒基因突變有關。</t>
  </si>
  <si>
    <t>研究巴西病例病毒基因病毒確診人員發現聖保羅來自是否乾咳症狀基因傳播序列疾病完成首例變化大利</t>
  </si>
  <si>
    <t>新冠病毒武漢肺炎新型冠狀病毒COVID-19巴西</t>
  </si>
  <si>
    <t>肺炎病毒武漢冠狀covid-巴西</t>
  </si>
  <si>
    <t>第一線消毒站防疫計程車設立升級金門</t>
  </si>
  <si>
    <t>新冠肺炎疫情持續延燒金門縣府今（25）日成立計程車、遊覽車消毒站目標是防疫做到「零死角」滴水不漏嚴防交通工具成為移動傳染源。副縣長黃怡凱專程赴機場訪視計程車、遊覽車消毒站消毒作業提醒業者及司機要</t>
  </si>
  <si>
    <t>消毒站遊覽車計程車持續金門作業縣府消毒疫情成為工具交通移動嚴防傳染源滴水不漏縣長黃怡凱死角成立做到專程防疫訪視機場</t>
  </si>
  <si>
    <t>新冠肺炎疫情持續延燒金門縣府今（25）日成立計程車、遊覽車消毒站目標是防疫做到「零死角」滴水不漏嚴防交通工具成為移動傳染源。
副縣長黃怡凱專程赴機場訪視計程車、遊覽車消毒站消毒作業提醒業者及司機要戴口罩、量體溫在接送乘客後切實針對重點區域如旅客接觸頻繁的車內椅背、把手、安全帶扣環及門把加強消毒以維護搭車環境及旅客健康安全讓公共運輸安全防護再升級。另也呼籲乘客做好個人防護措施避免出現相互感染情況。
縣府提醒計程車、遊覽車業者如需進行車體消毒可於2月25日起至3月31日止上班日（不含國定假日）上午9點至11點及下午2點至4點至「尚義機場旁遊覽車停車場」及「烈嶼鄉習山湖停車場」2個地點一起做好防疫工作。</t>
  </si>
  <si>
    <t>遊覽車消毒計程車旅客乘客縣府機場做好防護業者防疫停車場提醒消毒站安全持續疫情金門工具成為交通移動傳染源地點嚴防滴水不漏</t>
  </si>
  <si>
    <t>消毒計程車遊覽車肺炎金門</t>
  </si>
  <si>
    <t>金門消毒計程車遊覽車肺炎</t>
  </si>
  <si>
    <t>蘋果供應計畫生產打亂iphone疫情se</t>
  </si>
  <si>
    <t>自 2019 年底在中國大陸武漢爆發而至今疫情持續升溫的新冠肺炎(NCP)疫情重挫全球航空、旅遊等產業；不僅如此也因為多品牌的供應鏈都位於中國大陸境內受疫情影響延後年節後復工時間牽一髮動全身影響了包</t>
  </si>
  <si>
    <t>疫情影響中國大陸一發時間復工節後旅遊產業不僅如此後年品牌爆發持續肺炎ncp升溫航空全球供應位於至今</t>
  </si>
  <si>
    <t>iphone蘋果大陸中國發表可能疫情生產供應重新影響時間受到storeapplese時程預計營業供貨報導</t>
  </si>
  <si>
    <t>新冠肺炎疫情蘋果生產量產</t>
  </si>
  <si>
    <t>蘋果疫情生產肺炎</t>
  </si>
  <si>
    <t>台南登革熱今年累計境外</t>
  </si>
  <si>
    <t>新冠肺炎疫情持續升溫但不只新冠肺炎值得擔心台南市政府衛生局11日宣佈新增1例境外移入登革熱病例截至目前已累計4例4例均為本國人士到東南亞旅遊、工作後返國發病衛生局呼籲民眾務必要落實環境孳清避</t>
  </si>
  <si>
    <t>衛生局肺炎落實務必民眾呼籲旅遊發病環境返國東南亞工作病例截至值得登革熱台南擔心市政府境外宣佈</t>
  </si>
  <si>
    <t>新冠肺炎疫情持續升溫但不只新冠肺炎值得擔心台南市政府衛生局11日宣佈新增1例境外移入登革熱病例截至目前已累計4例4例均為本國人士到東南亞旅遊、工作後返國發病衛生局呼籲民眾務必要落實環境孳清避免登革熱疫情一觸即發。
今年開春面對新冠肺炎來勢洶洶境外移入登革熱今年以來累計4例。衛生局指出去年東南亞登革熱疫情嚴峻連帶台灣境外移入病例創下10年新高去年台南同期有10例、今年4例鑒於去年本土登革熱一度拉警報衛生局呼籲居家環境孳清、巡倒清刷不能有絲毫鬆懈。
今年境外移入首例是1月8日的下營20餘歲女性該民眾到印尼旅遊被蚊子叮咬回國後發病；第2例是鹽水區30多歲男性赴柬埔寨旅遊後發病；第3例是永康區20餘歲男性、派駐菲律賓工作1月24日出現發燒、頭痛等症狀於菲律賓當地就醫服藥後未改善仍持續出現眼窩痛、肌肉關節痛等症狀入境台灣無發燒直接至北榮桃園分院急診目前3人都已康復。
新增第4例為佳裡區20餘歲女性個案1月15日至斯裡蘭卡工作24日出現發燒、頭痛等症狀於斯裡蘭卡當地醫院就醫施打點滴治療2月7日返台後因眼疾問題於永康奇美醫院就醫11日確診。因病毒血症期已過並配合居家隔離無須進行戶內外化學防治會加強居住地孳清。</t>
  </si>
  <si>
    <t>登革熱衛生局境外就醫今年旅遊疫情發病去年工作居家出現症狀臺灣發燒目前民眾台南呼籲</t>
  </si>
  <si>
    <t>境外移入登革熱工作女性肺炎餘歲</t>
  </si>
  <si>
    <t>登革熱工作女性肺炎境外</t>
  </si>
  <si>
    <t>微血管器官衰竭重症豐富出院肺炎部位重災區</t>
  </si>
  <si>
    <t>新冠肺炎流行已逾一年不僅感染人數攀升重症患者的再住院率和死亡率也是怵目驚心。英國萊斯特大學與英國國家統計局針對47780位第一波出院的新冠肺炎患者追蹤後發現其中294%的患者再度入院就醫而有123%病</t>
  </si>
  <si>
    <t>患者肺炎怵目驚心英國萊斯特死亡率大學住院重症英國國家統計局人數攀升感染再度出院發現追蹤流行入院</t>
  </si>
  <si>
    <t>新冠肺炎流行已逾一年不僅感染人數攀升重症患者的再住院率和死亡率也是怵目驚心。英國萊斯特大學與英國國家統計局針對47780位第一波出院的新冠肺炎患者追蹤後發現其中294%的患者再度入院就醫而有123%病人死亡與糖尿病、心臟病、慢性肝腎等併發症風險相關。
重症醫療醫師黃軒受訪指出迄今不少研究發現新冠肺炎患者有所謂「新冠肺炎症候群」如疲憊、睡眠障礙、呼吸道症狀與神經症狀且並非只出現在重症患者身上輕症病患也可能發生。如果患者免疫力無法恢復正常就可能面臨再度感染甚至多重器官衰竭等嚴重後果。
黃軒醫師表示國外統計發現約三分之一的重症患者出院後4-6月仍有呼吸症狀。由於歐美各國醫療崩潰住院者經2次PCR檢測陰性後就可能被要求出院因此再感染和再入院的情形更為頻繁與台灣的重症患者能住院到確定無症狀才出院狀況相去甚遠。
黃軒醫師解釋新冠病毒進入身體後最容易在咽喉、肺部造成症狀。病毒會尋找微血管豐富的部位進行複製因此肺泡、睾丸、腎臟、腸系膜、腦部這些部位微血管密度高ACE2接受體分佈的密度也高最容易變成感染後的重災區導致患者會發生排尿異常、拉肚子、便祕、腸胃部不適等症狀也有1/4患者出院後發生記憶力衰退、睡眠障礙、神識不清等神經症狀。
●肺泡、腎臟、腦部　微血管豐富部位成重災區
黃軒醫師指出新冠肺炎重症患者在急性期時就可能已受到多重器官傷害即便將病毒殺死但身體裡被破壞的微組織和微循環無法立即恢復約須經過6-8個月才會完全修復。若再加上本身有不利條件例如慢性病或是癌症患者就可能在感染後引發多重器官衰竭等後續問題。
「好比你天花板破了來不及修好天花板其他的病菌已經跟著殺到！」黃軒醫師說明病人本身如果有慢性疾病如糖尿病、心臟病或是正在接受化療、標靶的癌症患者免疫系統的條件因感染變得更不利導致其他的病菌更容易入侵身體因此再感染率也特別高發生併發症的機率也會增加。
●隱藏式加無症狀　新冠病毒適應環境傳播強
黃軒醫師指出新冠病毒逐漸演變成「隱藏式」和「無症狀」的感染更容易隱藏在人體內且更容易傳播。新冠病毒會因為環境改變尋隙就縫在人體內大量複製。所以有些個案回國之前的PCR檢測陰性卻在集中檢疫時才驗出陽性而不少人會向檢疫人員表示自己只是鼻子過敏原因就在環境改變、溼度改變、PM25改變後體內病毒開始大量複製這時才被檢測出陽性。
全球感染人數持續增加顯示新冠病毒愈來愈能適應環境台灣的防疫考驗恐更為嚴峻。黃軒醫師指出目前8大類病毒之中台灣除了E類病毒其他種類都有。隨著各地國人往返新冠病毒有無數次攻擊台灣的機會。黃軒醫師強調面對這樣的疫情即便發生社區感染、院內感染只要在可控制範圍內控制下來就是防疫成功。
「很多人以為國外的PCR檢測不準不是的問題是在這個病毒變成以隱藏式、無症狀為主！」黃軒強調新冠肺炎的基因變種得很好非常能夠適應當前的環境等於每個地球上的人類都有風險。要防範病毒戴口罩、勤洗手仍不可偏廢估計未來一年整體態勢依舊病毒也不會馬上消失。
●新冠病毒恐變慢性病　疫苗效力僅4-6個月
黃軒醫師認為新冠病毒的特性使其相當有可能變成一種慢性病式的感染未來每隔一段時間就可能帶走一大批人的生命。再加上新冠病毒的死亡率是流感的2-3倍又不像流感一樣有明確的季節性。經過一年以上的觀察幾可確定新冠病毒沒有季節化的現象一年四季都有良好傳播能力。
疫苗會是終結新冠病毒的解方嗎？黃軒醫師指出依據目前研究顯示新冠肺炎的疫苗約可維持4-6月預計新冠病毒不會像SARS般突然消失。施打疫苗的目的之一是避免病毒大量傳播給高風險族群減少醫療崩潰、醫護人員被感染隔離而使院內死亡率急遽上升的情況出現。
醫師呼籲新冠病毒的走向趨勢仍不明朗在疫苗普及之前慢性病患可先施打肺炎與流感疫苗平日戴口罩、勤洗手仍是防疫重中之重。(編輯梁惠明)</t>
  </si>
  <si>
    <t>病毒感染患者黃軒醫師症狀肺炎重症可能疫苗發生出院慢性病檢測容易臺灣防疫</t>
  </si>
  <si>
    <t>今健康新冠病毒黃軒醫師新冠肺炎後遺症</t>
  </si>
  <si>
    <t>醫師病毒黃軒肺炎健康後遺症</t>
  </si>
  <si>
    <t>升級措施防疫全面校園戒備金門</t>
  </si>
  <si>
    <t>台灣疫情迅速擴大金門防疫全面超前部署縣府今天再敲定5大因應措施進一步強化校園防疫即起持續進行至6月8日確保師生的健康。縣府教育處擬訂的5大防疫措施如下：一、禁止校外人士進入校園（含周間與週末）</t>
  </si>
  <si>
    <t>防疫校園縣府措施金門進入全面人士超前校外部署進行確保持續今天師生如下禁止擴大健康因應強化</t>
  </si>
  <si>
    <t>台灣疫情迅速擴大金門防疫全面超前部署縣府今天再敲定5大因應措施進一步強化校園防疫即起持續進行至6月8日確保師生的健康。
縣府教育處擬訂的5大防疫措施如下：
一、禁止校外人士進入校園（含周間與週末）洽公人員由學校造冊、量體溫、戴口罩家長接送以至校門口為原則。
二、縣立各級學校室內體育場館及游泳池不對外開放。
三、全面禁止學校各項赴臺活動、競賽。
四、暫停台灣相關學校團體來金進行校際交流。
五、各校畢業典禮縮小規模、避免群聚遵守防疫規範如疫情持續擴大將改採線上辦理。</t>
  </si>
  <si>
    <t>學校防疫校園持續縣府擴大措施臺灣疫情接送家長口罩交流室內體育場館原則校門畢業典禮全面禁止對外開放體溫</t>
  </si>
  <si>
    <t>金門校園防疫學校新冠肺炎台灣</t>
  </si>
  <si>
    <t>學校防疫校園肺炎臺灣金門</t>
  </si>
  <si>
    <t>養護個案累計機構死亡基隆病逝</t>
  </si>
  <si>
    <t>基隆市今天新增1例死亡個案是逸嘉養護中心住民目前累計308例、27人死亡據以計算致死率達876％。中央流行疫情指揮中心公佈今日新增1例死亡個案案13852為80多歲男性是逸嘉養護中心住民有慢性病因與其</t>
  </si>
  <si>
    <t>死亡新增養護中心個案中央流行疫情指揮中心致死公佈計算今日累計目前男性今天</t>
  </si>
  <si>
    <t>基隆市今天新增1例死亡個案是逸嘉養護中心住民目前累計308例、27人死亡據以計算致死率達876％。
中央流行疫情指揮中心公佈今日新增1例死亡個案案13852為80多歲男性是逸嘉養護中心住民有慢性病因與其他確診者有接觸史6月17日安排採檢篩檢陽性、無症狀同日收治住院7月9日解除隔離7月17日因其他原因死亡。
基隆市政府表示目前已有270例個案完成治療16例住院治療70人居家隔離、60人居家檢疫27例死亡其中2例是解隔離後因其他原因死亡。
基隆累計27名確診者死亡據統計基隆養護機構占15名包括仁愛護理之家1人、安泰護理之家7人、逸嘉老人照顧中心7人另外12人為一般社區人士。</t>
  </si>
  <si>
    <t>死亡基隆個案中心隔離累計目前新增原因確診養護中心護理症狀同日收治中央流行疫情</t>
  </si>
  <si>
    <t>新冠肺炎台灣住民例死亡個案累計</t>
  </si>
  <si>
    <t>臺灣死亡肺炎個案累計</t>
  </si>
  <si>
    <t>作用病毒不夠</t>
  </si>
  <si>
    <t>雖然宅在家、減少出門最能達到防疫效果但是天氣不錯的時候總還是會想要出門走走。到戶外空曠處騎單車、跑步總比在街上走路好多了吧？一項非正式研究提出觀察看法建議民眾在運動時也該保持適當的安全距離</t>
  </si>
  <si>
    <t>出門運動民眾建議看法觀察提出達到研究走路保持效果防疫街上天氣總比不錯跑步時候騎單車空曠戶外</t>
  </si>
  <si>
    <t>雖然宅在家、減少出門最能達到防疫效果但是天氣不錯的時候總還是會想要出門走走。到戶外空曠處騎單車、跑步總比在街上走路好多了吧？一項非正式研究提出觀察看法建議民眾在運動時也該保持適當的安全距離但是這個距離遠遠大於1～2公尺；另外同方向跑步和騎車時到底該保持前後還是並排比較安全？
新冠肺炎（COVID-19一稱武漢肺炎）疫情延燒傳播途徑以近距離接觸帶有病毒的飛沫或分泌物為主。目前大眾以配戴口罩、拉出1～2公尺社交安全距離並且勤洗手為防範之道。根據由比利時魯汶大學（KU Leuven）與荷蘭埃因霍溫理工大學（TU Eindhoven）所做的一份研究指出以騎自行車、健走和慢跑時的安全距離和安全位置來看1～2公尺並不足夠並排位置比前後走要來得安全些。
研究指出在一般情況下與人保持1～2公尺的社交距離可以有效防止吸進飛沫但是在運動期間如果前方有人正在健走、跑步或騎車又剛好打了噴嚏或咳嗽時就會透過所謂的滑流（slip-stream）作用讓飛沫飄散向後方的人。
研究學者Bert Blocken解釋除了打噴嚏或咳嗽的人會以更大的力量散佈飛沫外如同飛機或車輛高速通過時會帶起滑流的原理當人往前跑步走路或騎單車一定也會產生對流風速將飛沫向後飛散。
圖a、b站在直線後方又未保持較長距離的人最容易被滑流飛沫沾染。
圖c、d並排與斜後方位置比較不受滑流飛沫衝擊影響。
根據模擬結果建議民眾在步行或慢跑時若是同個方向前進儘量不要前後緊貼最好保持4～5公尺；慢速騎自行車的話距離該拉長到10公尺左右；速度較快的騎士更要拉長到20公尺為佳。同時左右並排或前後斜位是相對較安全的範圍。</t>
  </si>
  <si>
    <t>距離安全保持研究跑步並排前後出門位置後方社交運動咳嗽</t>
  </si>
  <si>
    <t>強生英相入院不止視事疫情</t>
  </si>
  <si>
    <t>英國首相強生確診感染新冠肺炎10天後已證實於5日（周日）住院唐寧街發言人強調這是「預防措施」因首相仍有持續症狀。此外由於新冠肺炎疫情爆發使得投資人在3月自英國基金撤離數十億英鎊失血規模遠超出近</t>
  </si>
  <si>
    <t>肺炎失血撤離基金英國投資人使得規模爆發強調發言人唐甯街預防措施疫情住院周日首相證實症狀持續感染</t>
  </si>
  <si>
    <t>英國首相強生確診感染新冠肺炎10天後已證實於5日（周日）住院唐寧街發言人強調這是「預防措施」因首相仍有持續症狀。此外由於新冠肺炎疫情爆發使得投資人在3月自英國基金撤離數十億英鎊失血規模遠超出近四年前英國脫歐公投的程度。
首相辦公室發言人表示首相是遵循醫師建議住院檢查因為他仍有發燒等症狀但強調他仍能視事。發言人稱「首相感謝國民保健署（NHS）人員所完成的所有傑出且艱辛的工作並且呼籲持續遵循政府建議待在家中保護NHS同時保護生命。」
現年55歲的強生為全球首位新冠肺炎確診的執政領袖他在3月27日確診後在唐寧街首相官邸自行隔離當時提及自己有高燒和咳嗽。
強生的懷孕未婚妻席孟斯（Carrie Symonds）上週六在推特表示她過去一周也出現新冠肺炎的症狀但未曾篩檢過。32歲的她並稱在自家休息七天後「感覺自己好多了且在恢復中」。
英國女王伊莉莎白二世周日則罕見地發布電視演說呼籲人民要以決心和團結對抗疫情。
英國目前確診人數突破4萬人包括現年71歲的王儲查爾斯親王他兩周前宣佈感染新冠肺炎。英國先前也因缺乏公共新冠肺炎篩檢能力同樣確診的衛生部長韓考克（Matt Hancock）表示目標英國4月底達到每日檢測10萬人的能力。
另據Calastone資料顯示3月英國基金淨流出31億英鎊幾乎是2016年6月贖回規模的近三倍。
上月股市因疫情而出現狂跌走勢英國債券基金也承受重擊。
Calastone指出固定收益基金在3月出現最大失血潮投資人資金淨流出37億英鎊是2019年1月締造單月最大流出紀錄的13倍繳回過去八個月累積流入的資金。固定收益基金大規模贖回歸因於投資人擔憂公債和企業債市場的信用品質。</t>
  </si>
  <si>
    <t>英國基金首相確診肺炎表示出現投資人疫情強生發言人流出呼籲症狀周日nhs過去持續贖回能力現年資金</t>
  </si>
  <si>
    <t>基金肺炎英國億英鎊規模</t>
  </si>
  <si>
    <t>基金英國規模肺炎</t>
  </si>
  <si>
    <t>影響單車疫情肺炎活動延遲起跑</t>
  </si>
  <si>
    <t>原訂3月28日舉行的2020 美利達瑪吉斯盃彰化經典百K單車自我挑戰活動因應新冠病毒的防疫考量而決定延期至10月24日舉辦。主辦單位公告說明活動延期的相關配套措施如下：延期後的活動內容維持不變活動會場、騎乘路</t>
  </si>
  <si>
    <t>活動延期瑪姬斯經典單車挑戰因應說明防疫決定考量舉辦病毒會場美利達維持內容相關公告主辦單位</t>
  </si>
  <si>
    <t>原訂3月28日舉行的2020 美利達瑪吉斯盃彰化經典百K單車自我挑戰活動因應新冠病毒的防疫考量而決定延期至10月24日舉辦。
主辦單位公告說明活動延期的相關配套措施如下：延期後的活動內容維持不變活動會場、騎乘路線、補給站、交維計畫等等仍舊依照大會既有規劃進行。
選手報名物資(含活動紀念衣、晶片貼、手冊等)也將依照活動原規劃於10月24日活動前2周寄出。因延期不克參賽之車友大會可受理取消報名部份退費預定9 日至22 日受理退費申請請登入原報名網站辦理: https://reurlcc/rxd28y 。
此次活動仍舊依照原訂的 5000 人報名上限規劃所以因取消報名而釋出的名額將擇期再受理報名開放日期暫定今年6月1日。詳細完整的活動延期配套措施內容可參考美利達自行車網站(wwwmeridatw)或本活動報名網或洽本活動服務專線：02-8772-1035(中華民國健康運動銀行促進協會)服務時間 09:30-12:00/13:30-18:00感謝各位車友的繼續支持！1</t>
  </si>
  <si>
    <t>活動報名延期規劃受理仍舊網站大會美利達服務取消內容配套措施原訂銀行促進退費會場補給站挑戰單車</t>
  </si>
  <si>
    <t>單車瑪姬斯美利達</t>
  </si>
  <si>
    <t>停工巨石肺炎新片蝙蝠</t>
  </si>
  <si>
    <t>新冠肺炎疫情延燒歐美33歲英國男星勞勃派廷森（Robert Pattinson）接棒班艾佛列克（Ben Affleck）出任新一代的《蝙蝠俠》宣佈停拍震撼好萊塢。該片從1月開始在倫敦籌拍並計畫至利物浦拍攝如今不敵疫情局勢</t>
  </si>
  <si>
    <t>疫情如今利物浦拍攝計畫至歐美英國勞勃派廷森robertpattinson宣佈艾佛列克一代benaffleck出任蝙蝠倫敦籌</t>
  </si>
  <si>
    <t>新冠肺炎疫情延燒歐美33歲英國男星勞勃派廷森（Robert Pattinson）接棒班艾佛列克（Ben Affleck）出任新一代的《蝙蝠俠》宣佈停拍震撼好萊塢。該片從1月開始在倫敦籌拍並計畫至利物浦拍攝如今不敵疫情局勢所屬片商華納兄弟表示劇組停工2周並密切監控情況。
除了《蝙蝠俠》停拍之外華納兄弟旗下的其他新片目前如期拍攝中外媒透露基努李維（Keanu Reeves）主演的《駭客任務4》結束了美國舊金山的拍攝正要前往德國柏林取景；威爾史密斯（Will Smith）主演的《國王理查》則在洛杉磯拍攝中；《怪獸與牠們的產地3》將於下週一在英國倫敦開拍不過上述3部片也有可能因險峻的疫情而隨時喊停。
《紅色通緝令》照付報酬
因為疫情喊卡的還有由蓋兒加朵（Gal Gadot）、巨石強森（Dwayne Johnson）、萊恩雷諾斯（Ryan Reynolds）主演的Netflix動作片《紅色通緝令》該片投入60億台幣的高額預算1月才開拍。Netflix表示暫定停拍2周期間會照常支付演員和劇組人員報酬。
巨石強森則對劇組信心喊話：「我們很感謝這陣子大家的付出和耐心現在最重要的是把每個人送回家送到他們那些憂心忡忡的家人身邊得保護我們的孩子、伴侶、所愛的人和年長者。希望每個人都健康、警覺、安全讓我們保護彼此、同在一起。」
另外Disney+影音平臺的漫威影業3部影集《獵鷹與酷寒戰士》、《汪達與幻視》和《洛基》目前全數停拍其中《獵鷹與酷寒戰士》日前已在捷克停拍後目前劇組全數返回美國亞特蘭大將停拍到3月底；《洛基》則尚未確認停拍至何時。不過Disney+山不轉路轉原訂6月上線的超夯動畫《冰雪奇緣2》提前本週末上架迪士尼表示：「該片堅持不懈和重視家庭的精神對於此刻來說格外有意義。」而《星際大戰：天行者的崛起》也把上線時間提前吸引民眾在家也能安全享受視聽娛樂。</t>
  </si>
  <si>
    <t>疫情拍攝劇組主演表示目前保護安全上線disney提前開拍報酬美國netflix紅色華納兄弟通緝令獵鷹酷寒</t>
  </si>
  <si>
    <t>停拍肺炎洛基劇組全數</t>
  </si>
  <si>
    <t>肺炎劇組洛基全數</t>
  </si>
  <si>
    <t>停課不敢相信全球</t>
  </si>
  <si>
    <t>新冠肺炎疫情肆虐許多國家宣佈停課防疫臉書粉專「空屋筆記-免費的自由」分享在全球英文老師社團的留言來看全世界僅剩6國還沒停課台灣也在其中引發網友熱議台灣學生應該也不敢相信自己竟是全球唯六還</t>
  </si>
  <si>
    <t>停課全球臺灣肆虐國家宣佈防疫不敢相信筆記學生免費自由應該分享疫情英文老師社團留言來看全世界國還沒</t>
  </si>
  <si>
    <t>新冠肺炎疫情肆虐許多國家宣佈停課防疫臉書粉專「空屋筆記-免費的自由」分享在全球英文老師社團的留言來看全世界僅剩6國還沒停課台灣也在其中引發網友熱議台灣學生應該也不敢相信自己竟是全球唯六還要上課的國家。
「空屋筆記-免費的自由」在臉書發文分享有人在各國英文老師的社團發問「哪些國家現在還在上課？」竟發現留言區一片closed（關閉）像是巴西、印度、馬來西亞、祕魯、瓜地馬拉、墨西哥、巴基斯坦、蒙古、葡萄牙、捷克、希臘、奈及利亞等國與俄羅斯公立學校和美國多數學校都因疫情停課。
原PO指出連利比亞、黎巴嫩、厄瓜多、納米比亞、喬治亞、馬爾地夫和烏克蘭等離病毒超遠的國家也停課。從留言處來看截至發文兩小時僅剩6國仍舊沒有停課分別是澳洲、新加坡、瑞典、古巴、塔吉克還有台灣。
貼文曝光後引發網友熱議「現在這個時候應該連火星跟月球都停課了吧」、「台灣學生應該也不敢相信自己居然是全球六個還要上課的國家之一」、「在台灣超幸福」、「可以出門上班上課買手搖杯、買雞排幸福啊！！」</t>
  </si>
  <si>
    <t>停課國家臺灣上課全球留言疫情現在應該發文僅剩來看社團老師英文引發網友學生還要分享幸福</t>
  </si>
  <si>
    <t>停課台灣新冠肺炎武漢肺炎新型冠狀病毒</t>
  </si>
  <si>
    <t>肺炎武漢臺灣冠狀停課病毒</t>
  </si>
  <si>
    <t>《國際社會》南韓新冠肺炎確診新增131例累計達7513例</t>
  </si>
  <si>
    <t>韓國疾病管理本部週二上午宣佈新型冠狀病毒感染確診病例新增131人累計確診病例達7513例。死亡病例新增3人累計死亡病例達54人。此外完全康復並解除隔離的人數增加81人迄今治癒總人數為247人。</t>
  </si>
  <si>
    <t>病例確診週二新增上午人數宣佈冠狀病毒感染康復並本部完全死亡增加隔離解除管理累計疾病迄今韓國治癒</t>
  </si>
  <si>
    <t>南韓新型冠狀病毒新冠肺炎確診死亡</t>
  </si>
  <si>
    <t>病毒肺炎確診冠狀死亡南韓</t>
  </si>
  <si>
    <t>哭訴確診po肺炎毀容知道蛇精</t>
  </si>
  <si>
    <t>大陸網紅「蛇精男」劉梓晨多次進廠維修以大眼、挺鼻、錐子臉誇張五官走紅不過近來微博更新停留在12月9日未料神隱31天後再度發文竟是透露自己罹患新冠肺炎讓他無奈表示：「不知道做錯了什麼」。蛇精男透露</t>
  </si>
  <si>
    <t>蛇精透露劉梓晨進廠維修錐子表示誇張五官知道走紅無奈近來微博更新停留肺炎</t>
  </si>
  <si>
    <t>大陸網紅「蛇精男」劉梓晨多次進廠維修以大眼、挺鼻、錐子臉誇張五官走紅不過近來微博更新停留在12月9日未料神隱31天後再度發文竟是透露自己罹患新冠肺炎讓他無奈表示：「不知道做錯了什麼」。
蛇精男透露這段期間神隱主要是臉部毀容才選擇消失不過許多粉絲發現他不見蹤影後紛紛私訊關切近況讓他直呼相當感動接下來自曝之前因為身體不適便到醫院作檢查沒想到竟確診新冠肺炎讓他難過表示：「我真的好難過不知道做錯了什麼要這樣對無辜的我太難過了好無助」最後更表示打完這段話眼淚又不自覺的流下來。
稍早他再度於微博發文呼籲所有人：「你們一定要照顧好自己戴好口罩 不要讓自己生病照顧好自己一定要好好的」還附上許多哭臉表情符號足以見得他心情相當低落。
而他今年5月在微博寫下：「我沒死謝謝」更曬出毀容照片只見臉上紅點疤痕一堆與以往白皙肌膚大不相同令愛美的他幾乎心碎更強調不知該如何面對以後生活如今又確診新冠肺炎只能說是禍不單行。</t>
  </si>
  <si>
    <t>微博相當表示肺炎毀容蛇精難過透露再度發文確診一定知道</t>
  </si>
  <si>
    <t>蛇精男劉梓晨毀容新冠肺炎進廠維修</t>
  </si>
  <si>
    <t>肺炎毀容進廠劉梓晨蛇精維修</t>
  </si>
  <si>
    <t>辦公室網友陳時中曝光蔡英文</t>
  </si>
  <si>
    <t>指揮中心指揮官陳時中自從新冠肺炎疫情爆發以來已有4個多月沒休息19日總統蔡英文親自拜訪衛福部並意外曝光陳時中的辦公室沒想到不少網友看到後心疼表示「看到這張立刻泛淚」。蔡英文今前往衛福部送上「</t>
  </si>
  <si>
    <t>蔡英文衛福部看到從新肺炎疫情爆發以來陳時中立刻網友休息想到親自中的辦公室拜訪意外陳時曝光總統前往</t>
  </si>
  <si>
    <t>指揮中心指揮官陳時中自從新冠肺炎疫情爆發以來已有4個多月沒休息19日總統蔡英文親自拜訪衛福部並意外曝光陳時中的辦公室沒想到不少網友看到後心疼表示「看到這張立刻泛淚」。
蔡英文今前往衛福部送上「英雄麵」替所有防疫人員加油打氣另外也拜訪了陳時中的辦公室。蔡英文在臉書上貼出照片並留言指出「今天我看到阿中部長的『小窩』真的很佩服也很感動」。
從照片中可以看見陳時中的辦公桌後方還有一張小小的床蔡英文也說「指揮中心的防疫夥伴們不眠不休尤其是阿中部長就算有睡也睡得很少或是直接在指揮中心小睡」。
底下網友看到照片也忍不住直呼「辦公桌後面是ㄧ張床？部長謝謝您辛苦的付出也要照顧好自己身體」、「已眼眶泛淚⋯」、「睡在這樣小小的地方 真令人心疼 也真的謝謝你們」、「辦公室居然有床！太辛苦了！」、「看到這張我都要哭了」。</t>
  </si>
  <si>
    <t>看到蔡英文照片中的部長辦公室陳時中心指揮防疫衛福部阿中辦公桌心疼網友辛苦拜訪謝謝真的</t>
  </si>
  <si>
    <t>陳時中蔡英文辦公室網友指揮中心</t>
  </si>
  <si>
    <t>指揮網友辦公室蔡英文陳時中中心</t>
  </si>
  <si>
    <t>中心罕見指揮副作用疫苗國內az增列歐盟</t>
  </si>
  <si>
    <t>中央流行疫情指揮中心公佈昨新增2例接種後死亡事件分別為接種莫德納和高端疫苗。另外歐盟將急性多發性神經炎增列為AZ疫苗接種後「極罕見不良反應」指揮中心發言人莊人祥表示目前國內不分疫苗廠牌約有10個案</t>
  </si>
  <si>
    <t>疫苗接種中心指揮不分國內目前公佈莊人祥表示發言人多發性莫德納高端歐盟新增列為az不良反應罕見神經炎事件</t>
  </si>
  <si>
    <t>中央流行疫情指揮中心公佈昨新增2例接種後死亡事件分別為接種莫德納和高端疫苗。另外歐盟將急性多發性神經炎增列為AZ疫苗接種後「極罕見不良反應」指揮中心發言人莊人祥表示目前國內不分疫苗廠牌約有10個案例其中AZ佔多數。
據外電報導歐盟藥品管理局（EMA）近期將急性多發性神經炎增列為AZ疫苗極罕見不良反應。莊人祥表示急性多發性神經炎英文縮寫為GBS也就是格林巴厘症候群。
莊人祥指出目前國內有10例GBS個案其中9例為接種AZ後發生1例為接種莫德納後發生；目前AZ和GBS之間的關聯還無法證實或排除指揮中心會持續關注。
根據指揮中心最新疫苗接種後不良事件通報昨（8日）新增2例疫苗接種後死亡事件其中1名為68歲男性接種莫德納疫苗後46日發生另一名為46歲男性接種高端疫苗後15日發生。
昨疫苗接種人次10萬6595劑目前國內累計接種1166萬683劑疫苗人口涵蓋率4539％劑次人口比4968％。</t>
  </si>
  <si>
    <t>疫苗接種az中心指揮目前gbs國內多發性歐盟神經炎表示莫德納莊人祥事件罕見不良反應發生新增高端症候列為</t>
  </si>
  <si>
    <t>AZ接種極罕見不良反應GBS急性多發性神經炎</t>
  </si>
  <si>
    <t>罕見不良反應gbs接種多發性神經炎az</t>
  </si>
  <si>
    <t>全開擴大檢驗</t>
  </si>
  <si>
    <t>新冠肺炎本土疫情未歇中央流行疫情指揮中心今公佈最新檢驗量能指揮官陳時中表示平日檢驗的量能可以達到4萬7848件若量能全開一天可檢驗8萬件比起以前最大的量能2萬7600多已經擴大很多。根據統計目前</t>
  </si>
  <si>
    <t>檢驗疫情指揮本土中心公佈最新中央全開流行比起以前已經肺炎平日指揮官擴大陳時中表示可以達到</t>
  </si>
  <si>
    <t>新冠肺炎本土疫情未歇中央流行疫情指揮中心今公佈最新檢驗量能指揮官陳時中表示平日檢驗的量能可以達到4萬7848件若量能全開一天可檢驗8萬件比起以前最大的量能2萬7600多已經擴大很多。
根據統計目前住院中的確診者有2542人其中1486人住在中央的集中檢疫所1786人住在地方的加強版防疫旅館。陳時中表示目前北部的中央集中檢疫所空房數已經增加全國也是在減少原因是苗栗的個案往中南部送。
陳時中表示北部的量能已經漸漸平衡可以很好地緩解緩衝區可以因應的比較好。目前解除隔離的人有2482人滿10天轉為居家隔離的有則有1260人。現在雙北新確診的居家隔離者都已經送到加強版防疫旅館不會有新確診的居隔者留在家裡不過每天需要安置的人有100多人速度有比較加快了。</t>
  </si>
  <si>
    <t>已經目前確診中央檢驗表示隔離可以北部疫情旅館加強版防疫比較陳時中居家檢疫所集中指揮個案</t>
  </si>
  <si>
    <t>台灣新冠肺炎陳時中檢驗量能擴大</t>
  </si>
  <si>
    <t>陳時中肺炎檢驗臺灣擴大</t>
  </si>
  <si>
    <t>肆虐疫情全球台幣匯率社論展望工商</t>
  </si>
  <si>
    <t>近一個多月來新冠肺炎（COVID-19）疫情在全球擴散造成金融市場動盪不安。除了主要股市跌聲連連外債市亦明顯波動外匯市場也無法置身事外。隨著疫情與主要國家財政與貨幣政策的動態發展市場的風險偏好狀態亦</t>
  </si>
  <si>
    <t>疫情肺炎covid-發展市場全球動態擴散貨幣政策造成動盪不安財政股市金融市場國家連連債市明顯波動外匯市場置身事外無法風險</t>
  </si>
  <si>
    <t>近一個多月來新冠肺炎（COVID-19）疫情在全球擴散造成金融市場動盪不安。除了主要股市跌聲連連外債市亦明顯波動外匯市場也無法置身事外。隨著疫情與主要國家財政與貨幣政策的動態發展市場的風險偏好狀態亦在風險追逐（Risk On）及風險規避（Risk Off）間快速切換主要貨幣相應呈現起伏變化。
以美元對主要貨幣的匯率走勢來說當疫情尚以中國為主要流行區域時美元指數自1月20日的97606緩慢升至2月20日的99865。其後韓國、義大利和伊朗確診病例激增疫情開始走向全球化越來越多與中國無明顯接觸的病例增加市場緊張情緒大幅升溫各國股市普遍重挫美元指數則走低至3月9日的94895。而當日國際油價遽跌近30％加以3月13日道瓊指數崩跌近3千點更顯示市場對疫情可能重創全球經濟的憂心對風險的態度明顯呈現Risk Off也促使美元資金需求急速增加令美元指數反向升值至3月23日的102487升幅達8％。
即使聯準會在3月23日宣佈、被市場將解讀為「無限量QE」的措施──按所需要規模買入美國國債和機構抵押貸款支持證券（MBS）美元指數也僅是略見回落再次證實當前美元指數主要受市場風險態度牽動助長了強勁的美元需求就連「無限量QE」也難攖其鋒。同一期間亞洲各國貨幣對美元大致呈現貶值態勢惟新台幣對美元匯率相對有撐顯示新台幣較亞洲其他國家貨幣相對穩健。
那麼在全球疫情未見緩解促使美、台及其他國家央行不斷推出降息、信貸融通等寬鬆貨幣政策下要解析新台幣後續走勢須從4個面向切入。首先從利差因素觀察今年3月聯準會兩次緊急降息將聯邦基金利率降至0～025％的區間後理應對美元造成貶值壓力。惟從過去經驗得知聯準會降息並不必然會壓低美元指數。舉例來說聯準會於2019年3度降息各次降息一週後與降息一個月後的美元指數變動率升貶表現不一而台灣央行2015年至2016年期間三度降息的情形亦然。再從美元一年期的指標利率（以LIBOR美元12個月拆借利率為參考指標）與美元指數的走勢加以觀察發現2018年初兩者走勢亦步亦趨但2019年後卻呈現反向走勢尤以今年3月9日以後更為顯著。因此從美、台降息後的歷史經驗及美元一年期指標利率與美元指數的相關性來看利差因素並未影響近期美元或新台幣匯率走勢。
再從經濟基本面觀之台灣屬於小型開放經濟體全球經濟走勢變化對台灣經濟影響甚钜從2018年台灣出口占GDP比達6675％同年出口至美、中、日、韓、香港及歐洲主要國家金額占全年總出口額達7127％即可得證。因此當這些國家經濟因疫情受創將連帶傷害我國對其出口。同時在各國政府紛紛祭出關閉國境政策後自然也會對台灣觀光等產業造成打擊。由此可知當疫情遲遲不退出口導向的台灣經濟勢將受到衝擊並對新台幣對美元匯率帶來走貶壓力。
第三是資金面由於疫情在全球各處蔓延供應鏈中斷加以需求下降使金融市場動盪不安變現壓力增強全球股市相應重挫台灣也無法倖免。台灣證券交易所資料顯示自2月20日至3月25日間外資共賣超台股新台幣4728億元今年2月淨匯出金額達3897億美元（新台幣1167億元）終止自去年9月以來連續5個月淨匯入的現象外資持續匯出資金將不利新台幣對美元匯率。所幸台灣依舊保持經常帳順差且政府預算亦有盈餘使新台幣相對抗跌加以台股殖利率高達472％（以2月25日為準）與美國S&amp;P 500殖利率僅244％相較仍具吸引力亦將為新台幣匯率帶來支撐。
第四是台灣央行政策態度隨著全球疫情升溫近年來從不輕啟降息的央行於3月19日調降重貼現率1碼至1125％創下史上新低。而在新台幣名目有效匯率指數甚少過度偏離36個月移動平均線值下3月23日時新台幣收盤價為30405已相當接近名目有效匯率指數上緣數值代表新台幣對一籃子貨幣可能有過強之虞央行或有調整新台幣對美元匯率走貶的考量。惟美國發布匯率操縱國報告在即且2019年台灣對美貿易順差230億美元經常帳順差占GDP比達105％已符合美國匯率操縱國三大要件中的兩項如何避免被美方列入匯率操縱國也必然是央行懸掛於心之事。
要言之新冠肺炎疫情乃是當前臺灣及全球經濟表現以及國際股、債、匯市走勢的主導者新台幣亦難逃脫這樣的格局。從經濟基本面、資金面及央行政策態度三大面向的綜合考量亦可知只要疫情不退未來新台幣對美元匯率將呈現走貶趨勢。值得安慰的是台灣經濟體質相對尚佳預料新台幣貶值幅度應不至太大。</t>
  </si>
  <si>
    <t>台幣指數疫情臺灣經濟匯率走勢央行全球市場國家呈現降息利率貨幣美國出口加以風險態度</t>
  </si>
  <si>
    <t>央行降息新台幣對美元匯率貨幣</t>
  </si>
  <si>
    <t>美元匯率台幣降息貨幣央行</t>
  </si>
  <si>
    <t>陳時中莫德納打到真心話</t>
  </si>
  <si>
    <t>中央流行疫情指揮中心今（27日）宣佈重開公費疫苗預約系統但不少「莫粉」仍期盼莫德納疫苗再度開打至於第五輪有沒有機會開放莫德納疫苗指揮官陳時中回應進貨量難以掌握如果問有沒有可能當然是有可能但</t>
  </si>
  <si>
    <t>疫苗沒有莫德納中心宣佈重開指揮公費掌握難以預約進貨量系統回應陳時中期盼指揮官再度輪有至於開放機會疫情莫粉</t>
  </si>
  <si>
    <t>中央流行疫情指揮中心今（27日）宣佈重開公費疫苗預約系統但不少「莫粉」仍期盼莫德納疫苗再度開打至於第五輪有沒有機會開放莫德納疫苗指揮官陳時中回應進貨量難以掌握如果問有沒有可能當然是有可能但坦言數量比較少。
先前指揮中心估計8月底前預計1000萬劑疫苗到位若加上今天到貨的582萬劑AZ疫苗目前全台已有9484萬劑是否有可能調整預估到貨劑量？陳時中回應我們當然希望越多越好、越快越好。
目前國內莫德納疫苗接種數已將近300萬陳時中說明我們與原廠簽約505萬劑、加購100萬劑加上美國贈送給我們的250萬劑如果不考量混打整體來講可以分配給400多萬人施打兩劑。他也坦言莫德納疫苗可以提供大家的數量比較少。</t>
  </si>
  <si>
    <t>疫苗莫德納陳時中加上中心可以坦言可能指揮目前沒有回應當然數量比較贈送給美國混打公費整體考量重開宣佈</t>
  </si>
  <si>
    <t>陳時中莫德納疫苗新冠肺炎台灣</t>
  </si>
  <si>
    <t>疫苗莫德納肺炎陳時中臺灣</t>
  </si>
  <si>
    <t>教練直言首日洋基mlb</t>
  </si>
  <si>
    <t>大聯盟因新冠肺炎疫情全部停擺洋基是首支確定全員留在春訓基地的球隊15日球員展開首日非正式春訓多半進行守備及內野訓練、室內投打練習雖然不開放媒體及球迷進場不過美媒仍訪問到洋基板凳教練門多薩（Carl</t>
  </si>
  <si>
    <t>洋基肺炎疫情訪問進場球迷媒體開放練習室內訓練確定內野全員守備留在板凳</t>
  </si>
  <si>
    <t>大聯盟因新冠肺炎疫情全部停擺洋基是首支確定全員留在春訓基地的球隊15日球員展開首日非正式春訓多半進行守備及內野訓練、室內投打練習雖然不開放媒體及球迷進場不過美媒仍訪問到洋基板凳教練門多薩（Carlos Mendoza）他直言感覺超怪。
根據《紐約郵報》報導門多薩在經過首日非正式訓練後受訪說「這真的很怪現在是艱難的局面但我們仍竭盡所能做該做的事。」
記者在球場外看見拉瑪修(DJ LeMahieu)、塞弗瑞諾（Luis Severino）、厄薛拉(Gio Urshela)、弗雷塞(Clint Frazier)等人現身門多薩也笑說在這第一天訓練時間一到突然一大群球員就一起現身了。
「我們能進行守備訓練、內野訓練大夥也在室內進行投、打練習我們會持續這樣進行。」門多薩在受訪時說「我們持續為球員提供幫助這是我們的工作現在疫情每天都在變化誰知道接下來會發生什麼但至少到現在為止我們為了球員留在這。」
不過洋基還是不反對球員回家本週末可能會有一些選手決定離開不過大多數球員在春訓期間都會與家人相聚其他球隊也有不少球員選擇回家因此推測大聯盟會在正式開季之前進行第二次較短的春訓來提升球員的身體素質。</t>
  </si>
  <si>
    <t>球員門多薩進行訓練現在洋基現身疫情首日球隊留在受訪回家聯盟練習持續守備</t>
  </si>
  <si>
    <t>洋基春訓新冠肺炎美國延賽</t>
  </si>
  <si>
    <t>肺炎美國延賽洋基</t>
  </si>
  <si>
    <t>說法操作個別情緒肺炎武漢過度解讀蘇揆</t>
  </si>
  <si>
    <t>民進黨立委羅致政今日表示不論是COVID-19的中文翻譯要如何稱呼都是個別的說法不需要因為行政院長蘇貞昌都講武漢肺炎而過度解讀雖上月蘇揆不滿意度民調高過滿意度但長期以來滿意度都在4成以上且都高過滿</t>
  </si>
  <si>
    <t>滿意度今日表示covid-中文翻譯稱呼蘇揆上月個別肺炎武漢解讀說法昌都過度需要行政院長羅致以上長期以來</t>
  </si>
  <si>
    <t>民進黨立委羅致政今日表示不論是COVID-19的中文翻譯要如何稱呼都是個別的說法不需要因為行政院長蘇貞昌都講武漢肺炎而過度解讀雖上月蘇揆不滿意度民調高過滿意度但長期以來滿意度都在4成以上且都高過滿意度民調起起伏伏平常心看待即可。
有媒體指出蔡總統近期任命邱太三接任陸委會主委目的是為了向中國釋出善意且自去年國慶演說起已不再說「武漢肺炎」改口「新冠肺炎」但蘇揆仍持續以「武漢肺炎」稱呼是操作反中情緒想選2024總統也會破壞蔡總統的兩岸談判空間。
羅致政表示民進黨對中國一直持續釋出善意但對岸對我方一向強硬從共機持續擾台一事即可見端倪。至於蘇揆對於COVID-19的中文稱呼上採用了什麼說法也不需要太過度解釋。
針對昨晚流出一份民進黨內部民調直指蘇揆1月份不滿意度高於滿意度。羅致政說先不去談民調流出的動機就所掌握的最新民調蘇揆的滿意度仍是高於不滿意度外界不需要過度看待。</t>
  </si>
  <si>
    <t>蘇揆滿意度持續武漢稱呼總統肺炎過度民進需要羅致covid-善意釋出中國表示說法看待高於</t>
  </si>
  <si>
    <t>蘇揆滿意度武漢肺炎說法羅致政</t>
  </si>
  <si>
    <t>武漢說法肺炎滿意度羅致蘇揆</t>
  </si>
  <si>
    <t>嗅覺出院感染者完全恢復</t>
  </si>
  <si>
    <t>日本新冠肺炎感染患者出院5週後仍聞不出尿布的臭味。1名37歲的女患者向媒體披露自己在治療期間的經歷出現症狀起2周後的4月10日她在日記上寫著一度從醫院轉往輕症患者下榻的飯店才經過不到半天就被醫師宣判</t>
  </si>
  <si>
    <t>患者周後感染飯店下榻一度醫院女患者臭味媒體披露治療期間不出尿布日記經歷</t>
  </si>
  <si>
    <t>日本新冠肺炎感染患者出院5週後仍聞不出尿布的臭味。1名37歲的女患者向媒體披露自己在治療期間的經歷出現症狀起2周後的4月10日她在日記上寫著一度從醫院轉往輕症患者下榻的飯店才經過不到半天就被醫師宣判「症狀恐怕會惡化」而再度被送回醫院出院後仍留下後遺症。
《朝日新聞》報導這名患者說她兩次住院都是住4人房第2次住院後首次發燒至37至38度左右醫師告訴她因為身體要對抗病毒發燒是有必要的故暫時不給退燒藥。第1次發病時的倦怠感在第2次發病時又出現了連看手機、起身吃飯都很痛苦不過已開始一點點地嚐出醫院餐點的味道。
住院患者只要連續兩天發燒在375度以下且沒有出現症狀的話可再接受1次PCR病毒篩檢隔一段規定的時間後再接受第2次病毒篩檢兩次都呈陰性即可出院。
她於第2次住院後的第5天接受病毒篩檢為陰性若再次篩檢呈陰性就可以出院但沒想到又突然發燒近38度接受第2次篩檢後醫師竟說第1次的結果可能是假陰性故還需再住院。
但再經兩天的靜養後因兩次病毒檢測都是陰性也沒再發燒醫師因而批准可以出院。她兩次住院共15天從出現症狀在家隔離算起則共經過24天所幸家人的健康都沒問題。
這名女患者5月中旬和先生一起到民間的醫院自費做抗體檢查結果還是呈陽性。她表示出院的頭1週雖然有時覺得頭痛、身體無力但已能慢慢聞出咖啡的味道甜味、苦味也陸續可以嚐出來第2週感覺身體逐漸復原但出院後過了5週仍聞不出來1歲小兒子的便便的味道看到兒子在哭自己卻沒發現時會懷疑自己真的是陰性嗎？看來與新冠病毒的抗爭還要持續下去。</t>
  </si>
  <si>
    <t>住院發燒醫院病毒出現患者陰性症狀醫師出院味道可以身體接受女患者</t>
  </si>
  <si>
    <t>新冠肺炎患者陰性住院出院</t>
  </si>
  <si>
    <t>陰性肺炎患者住院出院</t>
  </si>
  <si>
    <t>肺炎頭籌全國規模血清抗體</t>
  </si>
  <si>
    <t>新冠肺炎疫情爆發過後全球近30個城市展開血清抗體篩檢彰化縣是全國第一個大規模篩檢縣府和台大公共衛生學院、彰基等合作針對確診個案及接觸者、居家檢疫、防疫人員、居家關懷、長照據點長者及工作人員等展</t>
  </si>
  <si>
    <t>居家爆發過後關懷全球城市據點接觸疫情展開個案確診血清合作抗體全國衛生學人員縣府大公共防疫</t>
  </si>
  <si>
    <t>病毒防疫肺炎表示臺灣疫苗試劑透過靈敏度民眾時間研究elisa提供</t>
  </si>
  <si>
    <t>新冠病毒彰化新冠肺炎肺炎</t>
  </si>
  <si>
    <t>肺炎病毒</t>
  </si>
  <si>
    <t>味覺喪失永久性傷害確診</t>
  </si>
  <si>
    <t>確診者屢傳失去嗅覺和味覺截至昨日目前台灣已有32例個案有此症狀前和平醫院急診室主任張裕泰表示當年護理師感染SARS康復後卻失去嗅覺至今都未恢復。指揮中心也將此症狀列入通報條件。截至昨日台灣有32例確</t>
  </si>
  <si>
    <t>症狀失去嗅覺截至昨日臺灣護理當年感染表示張裕泰sars康復主任急診室至今都未和平醫院恢復中心指揮味覺</t>
  </si>
  <si>
    <t>確診者屢傳失去嗅覺和味覺截至昨日目前台灣已有32例個案有此症狀前和平醫院急診室主任張裕泰表示當年護理師感染SARS康復後卻失去嗅覺至今都未恢復。指揮中心也將此症狀列入通報條件。
截至昨日台灣有32例確診有嗅、味覺異常的狀況約佔全部確診的11%左右中央流行疫情指揮中心專家諮詢小組召集人張上淳解釋此症狀可能是病毒吸附在腦神經授體而導致但目前尚不清楚症狀多久才會消失。
根據《ETtoday》報導前和平醫院急診室主任張裕泰指出17年前SARS期間有位年僅25歲的護理師染疫康復後卻喪失嗅覺至今都沒恢復。張裕泰的妻子透露原因為何她本人也不清楚但多年過去都沒恢復才發現傷害是不可逆的。
至於為何會嗅覺、味覺失靈張上淳表示目前比較清楚的是在神經細胞裡面有病毒授體第一對腦神經下來到鼻腔頂部的地方這個部位是嗅覺比較豐富的地方不排除病毒吸附到那邊進而導致嗅覺異常。</t>
  </si>
  <si>
    <t>嗅覺症狀味覺目前張裕泰恢復確診病毒中心指揮表示清楚sars張上淳失去截至吸附護理昨日腦神經</t>
  </si>
  <si>
    <t>喪失嗅覺味覺新冠肺炎SARS張裕泰和平醫院</t>
  </si>
  <si>
    <t>肺炎sars味覺張裕泰嗅覺喪失和平醫院</t>
  </si>
  <si>
    <t>秘方拼命洗手別碰防疫川普扶手</t>
  </si>
  <si>
    <t>新冠肺炎疫情在全球來勢洶洶有潔癖且自稱患有「細菌恐懼症」的美國總統川普提供私藏防疫祕方他說只要像他一樣拚命洗手沒事別碰扶手聽到有人打噴嚏就逃走就可決戰病毒於體外。他還抱怨外界過於誇大新冠</t>
  </si>
  <si>
    <t>外界抱怨病毒全球來勢洶洶扶手潔癖別碰沒事自稱洗手患有拼命細菌恐懼症美國總統川普秘方</t>
  </si>
  <si>
    <t>新冠肺炎疫情在全球來勢洶洶有潔癖且自稱患有「細菌恐懼症」的美國總統川普提供私藏防疫祕方他說只要像他一樣拚命洗手沒事別碰扶手聽到有人打噴嚏就逃走就可決戰病毒於體外。他還抱怨外界過於誇大新冠肺炎的可怕「如果得到了把它當流感就好了。」
綜合外電報導疫情重擊美股一片慘綠。美東時間26日川普率領有關官員舉行記者會談及個人防疫他先神氣地對記者說：「你們可能聽過我常洗手。」記者笑成一片他接著表示洗手並保持乾淨非必要不要抓扶手。至於碰到打噴嚏的人他會逃之夭夭。川普還分享親身經驗他說約一周前有朋友拜訪他兩人許久不見相互問候並擁抱後朋友說得了重感冒川普一聽大驚「我立即說請恕我失陪然後跑去洗手。」
川普的潔癖舉世聞名
川普的潔癖舉世聞名美國新聞網站《Politico》曾刊文報導在川普身邊工作過的人都知道他有潔癖對於工作環境的衛生要求近乎苛求。參與群眾活動後川普上車的第一件事就是叫助理把乾洗手液拿來。白宮橢圓型辦公室外面也放了一瓶乾洗手讓他可以隨時洗手。曾有記者問川普你一天洗幾次手？他回答越多次越好。川普的前保安也曾表示不能隨便握川普的手否則他會出面阻止。
因為有「細菌恐懼症」川普非常害怕碰到病人或不乾淨的人。訪客到白宮在進入橢圓型辦公室前要先到隔壁的洗手間洗手曾有一名助理在空軍一號上咳嗽川普立即指示軍醫處理。「如果你咳嗽或打噴嚏或者看起來像生病川普會眉頭緊皺舉手示意你離遠點。」一名川普競選團隊成員透露。
指派副總統負責防疫
白宮的官員們現今也都非常有經驗知道自己如果生病、喉嚨沙啞或感冒就千萬別見到川普否則必有排頭吃。白宮代理幕僚長米克穆爾瓦尼（Mick Mulvaney）先前在川普辦公室開會只不過咳嗽就讓川普不滿他對ABC News抱怨說穆爾瓦尼在回答他的提問時咳嗽他不喜歡這樣你知道。「如果你要咳嗽請先離開。」
對於川普的細菌恐懼症曾有美國媒體報導這其實十分諷刺對一位這麼愛吃速食喝這麼多可樂的人來說唯一堅持的原則竟然是洗手。
針對美國疫情川普在記者會上強調美國感染風險仍低但疫情如果擴散也已準備好因應他並說如果國會撥款超過25億美元抗疫他會接受。他同時讚揚大陸國家主席習近平非常努力對抗疫情。他當場指派副總統彭斯負責指揮防疫並直接向他報告。
美國目前總確診人數達到60人：國內確診15起；鑽石公主號返美確診42人；武漢包機感染3人。
控訴兩媒體煽動恐慌
據瞭解美國疾病管制與預防中心（CDC）美東時間25日表示新冠肺炎可能全球大流行在美國大爆發只是時間問題讓美股殺至當日低點。美股連跌兩天讓川普十分不滿認為CDC嚇壞投資人。川普還推文抱怨美國全國廣播公司NBC分支、MSNBC和CNN控訴這兩家媒體收視率低和造假新聞盡可能讓疫情看來糟糕包括煽動市場恐慌至於民主黨員都是空談誤國、無所作為。事實上美國狀態很好！
川普特別在記者會上說美國民眾不必太過恐慌他會加強美國的邊境與機場管制務必決戰病毒於境外。把它當流感就好。</t>
  </si>
  <si>
    <t>川普美國洗手疫情咳嗽白宮防疫表示非常抱怨潔癖媒體恐慌打噴嚏辦公室時間</t>
  </si>
  <si>
    <t>洗手美國川普肺炎抱怨</t>
  </si>
  <si>
    <t>肺炎洗手川普抱怨美國</t>
  </si>
  <si>
    <t>日本中文溝通滑雪直覺反應傷人女星</t>
  </si>
  <si>
    <t>新冠肺炎疫情日益嚴重全球如臨大敵尤其熱門旅遊國家在防堵疫情與自由開放度之間拔河例如日本即使官方表現得自信輕鬆然在地民眾的反應卻是相當真實的女星林韋君上周到日本關西一帶旅遊就親眼見識到這</t>
  </si>
  <si>
    <t>日本疫情旅遊日益嚴重全球如臨大敵熱門尤其一帶反應民眾卻是相當真實國家輕鬆自信自由關西表現女星上周林韋君官方例如開放度拔河</t>
  </si>
  <si>
    <t>新冠肺炎疫情日益嚴重全球如臨大敵尤其熱門旅遊國家在防堵疫情與自由開放度之間拔河例如日本即使官方表現得自信輕鬆然在地民眾的反應卻是相當真實的女星林韋君上周到日本關西一帶旅遊就親眼見識到這個反差讓她大傻眼之後不太敢說中文。
日本確診案例與日俱增當地居民態度如何？據《自由時報》報導女星林韋君上週趁空檔飛到日本關西滑雪有聽聞「排華」的消息但她並沒有遇到這種對待然某天到壽司店用餐她使用著手機中文翻譯以及用語音通訊app被一旁的日本女生聽到了使用中文對方竟馬上戴著口罩默默離開。
林韋君當下感到非常尷尬也表示當時使用中文被日本人聽到的話馬上會被注目她只好在日本出遊期間少用中文至於當地口罩的供應狀態林韋君透露有被朋友交代幫忙買口罩但她走遍每一間遇到的藥妝店完全沒貨一個都沒買到。</t>
  </si>
  <si>
    <t>日本中文口罩使用林韋君遇到疫情自由當地旅遊馬上女星關西聽到上周日益嚴重全球如臨大敵完全熱門尤其走遍當下</t>
  </si>
  <si>
    <t>警民平鎮疫情合作防疫開學</t>
  </si>
  <si>
    <t>新冠肺炎來勢洶洶由於開學日不同於以往增加防疫的工作平鎮警分局執行「護童專案」即時增派警力至各校門口協助校方測量體溫時的交通秩序以確保學童的安全平鎮國中校長羅新炎表示大家都很關心疫情這次開</t>
  </si>
  <si>
    <t>平鎮開學日表示以往羅新炎增加校長防疫工作安全來勢洶洶分局專案警力校門學童增派即時協助測量體溫校方執行確保</t>
  </si>
  <si>
    <t>新冠肺炎來勢洶洶由於開學日不同於以往增加防疫的工作平鎮警分局執行「護童專案」即時增派警力至各校門口協助校方測量體溫時的交通秩序以確保學童的安全平鎮國中校長羅新炎表示大家都很關心疫情這次開學連家長都到校協助測量體溫。
平鎮警分局分局長李建民表示根據過去開學日的經驗上午7時20分至7時40分是家長接送學童上課的尖峰時段而這次開學日又有別以往師生入校前都要先測量體溫警方勢必加強校園周邊的交通疏導。
羅新炎說校方在師生進入校園前即噴灑酒精及測量體溫在警民合作下開學非常順利除一名學生在濟州島尚未到校預計於今（25）日晚間回台並已向該學生通知歸國後需自主健康管理其餘學生皆已安全到校。
平鎮警分局指出平鎮學區分佈特別多所學校校門口緊鄰車流量大的道路或狹窄巷弄警方強調將會與校方共同檢視校園周遭交通並提高見警率讓駕駛人放慢車速得以留意過馬路的學童。</t>
  </si>
  <si>
    <t>平鎮測量體溫學生開學日校方校園到校學童分局校門警方表示交通以往開學家長師生安全協助車速放慢駕駛人歸國</t>
  </si>
  <si>
    <t>新冠肺炎武漢肺炎新型冠狀病毒台灣平鎮</t>
  </si>
  <si>
    <t>肺炎武漢冠狀病毒臺灣平鎮</t>
  </si>
  <si>
    <t>創作民眾賞藝鼠年工藝師雲縣</t>
  </si>
  <si>
    <t>雲林縣北港工藝坊4日舉辦鼠年特展「人喜盛世心有所鼠」25名工藝師以鼠年為主題創作木雕、紙塑等作品主辦單位元希望藉由各領域工藝師齊聚一堂打造鼠年氛圍同時邀民眾抗疫期間欣賞藝術創作「賞藝抗疫」。新冠肺</t>
  </si>
  <si>
    <t>鼠年工藝師工藝舉辦民眾特展氛圍賞藝作品打造希望齊聚一堂主辦單位紙塑盛世有所領域木雕創作</t>
  </si>
  <si>
    <t>雲林縣北港工藝坊4日舉辦鼠年特展「人喜盛世心有所鼠」25名工藝師以鼠年為主題創作木雕、紙塑等作品主辦單位元希望藉由各領域工藝師齊聚一堂打造鼠年氛圍同時邀民眾抗疫期間欣賞藝術創作「賞藝抗疫」。
新冠肺炎疫情讓民眾減少出門不少人悶在家裡心情大受影響北港工藝坊4日特別推出「人喜盛世心有所鼠」鼠年特展邀請民眾來北港朝天宮參拜媽祖祈求平安後順道來距朝天宮約500公尺的北港工藝坊放鬆心情。
10餘名工藝師4日在展場介紹自己的作品包括木雕陳明洲、林朝金、高基培、蕭源松、粉線雕丁宗華、紙雕劉庭翰、纏花林佩瑩、紙塑蔡爾容、陶繪李朝雄、十字繡莊素月、紙粘土楊絮茹、油畫曾良美等人同時交流創作理念。
北港工藝坊負責人蔡享潤表示工藝坊每年元宵節後的生肖工藝聯展是雲林縣內的工藝盛事不同領域的藝師「輸人不輸陣」拿出絕活利用各種媒材創作個人代表作現場爭奇鬥豔讓來賓置身1場精彩的藝術饗宴。
民眾指出為了防疫大部分時間都待在家裡看書、聽音樂、與親友聚餐得知北港工藝坊舉辦鼠年特展特地前來欣賞工藝師們的心血結晶藉由藝術來放鬆心情效果不錯現場並提供防疫消毒水、進行防疫宣導讓人更安心。</t>
  </si>
  <si>
    <t>工藝民眾工藝師鼠年創作心情防疫特展紙塑現場領域藝術木雕作品放鬆欣賞天宮</t>
  </si>
  <si>
    <t>工藝北港藝坊鼠年新冠肺炎</t>
  </si>
  <si>
    <t>鼠年工藝肺炎</t>
  </si>
  <si>
    <t>抗體官兵發燒感染磐石</t>
  </si>
  <si>
    <t>敦睦艦隊磐石艦確診24名新冠肺炎國防部副部長張哲平今天在司法法制委員會答詢時證實磐石艦有337位軍士官兵其中70人看診71次且其中有5人發燒。中央疫情指揮中心下午記者會表示發燒5人中經過三個實驗室進行</t>
  </si>
  <si>
    <t>發燒磐石確診表示國防部部長張哲平肺炎今天記者會司法法制委員會指揮下午答詢中央疫情證實軍士中心官兵</t>
  </si>
  <si>
    <t>敦睦艦隊磐石艦確診24名新冠肺炎國防部副部長張哲平今天在司法法制委員會答詢時證實磐石艦有337位軍士官兵其中70人看診71次且其中有5人發燒。中央疫情指揮中心下午記者會表示發燒5人中經過三個實驗室進行抗體檢測抽血檢驗有3人存有抗體但有抗體代表曾感染過這是否意味著其中3人曾在上船前就染過對疫情調查很有幫助。
民進黨立委趙天麟質詢根據軍醫局提供的資料磐石艦有337位軍士官兵其中竟70人看診71次且其中有五人發燒。張哲平回應在敦睦整個航行過程中到達帛琉前後「確有5人發燒。」
但張哲平也強調艦上醫官將患者隔離到一般病房作診治後「大約4到6天這些症狀也就沒有了」。不過這5位發燒病患經疫調人員抽血檢驗其中有3名竟然存有肺炎抗體其實就意味著極有可能這3人極可能為無症狀感染事後自行康復後帶有病毒但真實狀況仍有待調查。</t>
  </si>
  <si>
    <t>發燒張哲平抗體磐石肺炎意味著症狀感染疫情調查抽血敦睦檢驗存有軍士病毒真實帶有可能康復一般病房</t>
  </si>
  <si>
    <t>海軍發燒感染新冠肺炎抗體檢測抗體國防部副部長</t>
  </si>
  <si>
    <t>抗體肺炎檢測感染發燒國防部海軍部長</t>
  </si>
  <si>
    <t>大眾運輸口罩最高</t>
  </si>
  <si>
    <t>疫情嚴峻台中市長盧秀燕7日宣佈從9日開始市府就會要求市民朋友或者是遊客搭乘大眾運輸系統的時候要強制戴口罩；乘客如果不戴口罩會先行勸導勸導不聽即開罰3000元到1萬5000元。盧秀燕今日上午在市政</t>
  </si>
  <si>
    <t>盧秀燕口罩勸導要求市民遊客搭乘朋友大眾運輸系統強制時候宣佈開始市府台中市長今日</t>
  </si>
  <si>
    <t>疫情嚴峻台中市長盧秀燕7日宣佈從9日開始市府就會要求市民朋友或者是遊客搭乘大眾運輸系統的時候要強制戴口罩；乘客如果不戴口罩會先行勸導勸導不聽即開罰3000元到1萬5000元。
盧秀燕今日上午在市政會議表示面對疫情上緊發條防疫作業的挑戰更重台中市政府會有許多新的防疫措施開始實施如洽公實名制或者台中市的公務同仁在清明連假當中有去中央流行疫情指揮中心公佈的11個旅遊警示景點希望大家能夠申報並且自主健康管理。
盧秀燕說中央流行疫情指揮中心上周已宣佈未來搭乘大眾運輸系統包括像臺北的捷運及各地的公車、計程車等等乘客必須要戴口罩。
她指出目前台中市還在宣導期以柔性勸導為主但是從9日開始配合中央防疫作業中央配發口罩從2周變成9片即1周有45片大概可以勉強滿足上班上學的需要。
所以從9日開始台中市政府就會要求市民朋友們或者是遊客搭乘大眾運輸系統要強制戴口罩如果不戴口罩市府會先勸導勸導還不戴口罩就會開罰3000元到1萬5000元提醒大家這兩天因為口罩還不足仍以柔性勸導。
盧秀燕強調4月9日開始口罩配發2周9片希望大家強制要戴口罩為了防疫杜絕破口籲請大家配合搭大眾運輸務必戴口罩。</t>
  </si>
  <si>
    <t>口罩開始盧秀燕防疫疫情大眾中央台中勸導搭乘希望運輸系統宣佈台中市政府配合作業中心指揮</t>
  </si>
  <si>
    <t>新冠肺炎新型冠狀病毒台灣大眾運輸系統戴口罩</t>
  </si>
  <si>
    <t>臺灣病毒大眾冠狀運輸系統肺炎口罩</t>
  </si>
  <si>
    <t>英國中職開盤</t>
  </si>
  <si>
    <t>新冠肺炎疫情讓全球體育賽事停擺但台灣體壇這個週末很熱鬧從學生聯賽到職業賽事都有比賽讓運動迷熱血一下昨天全球唯一開打的職棒中華職棒31年例行賽相當受到矚目國內外投注網站都熱鬧滾滾。昨在台中洲際棒球</t>
  </si>
  <si>
    <t>熱鬧全球職棒相當矚目受到網站國內外體育賽事昨天體壇熱血週末臺灣學生聯賽比賽職業賽事運動</t>
  </si>
  <si>
    <t>新冠肺炎疫情讓全球體育賽事停擺但台灣體壇這個週末很熱鬧從學生聯賽到職業賽事都有比賽讓運動迷熱血一下昨天全球唯一開打的職棒中華職棒31年例行賽相當受到矚目國內外投注網站都熱鬧滾滾。
昨在台中洲際棒球場進行的統一獅作客中信兄弟準時開打台灣運彩過去曾在中華職棒總冠軍賽提供「單場投注」今年因為新冠肺炎疫情嚴峻比賽能夠開打很不容易因此台彩為了支持國內賽事首度在中職開幕戰提供「單場投注」未來更計畫繼超級籃球聯賽（SBL）之後推出「場中投注」。
昨天順利開打的「象獅大戰」台彩開兄弟讓15分、賠率175單場總分105分總分大的賠率是170、總分小的賠率為180總分加起來單數的賠率是150雙數的賠率則是205。
大陸投注網站1xbet的玩法相當多元彩迷可以投注主隊贏或客隊贏之外一樣也有讓分盤、兩隊得分加總為單數或雙數等還有客隊總得分、6局或7局之後領先隊伍以及兩隊每隊得分為2分到7分或更多每一種賠率都不同並隨著比賽情況隨時變動。
英國兩家知名博彩公司威廉希爾和bet365同樣也針對中職開盤其中bet365開兄弟讓15分、賠率200總分115分大的賠率是186、小的賠率是180。
新冠肺炎疫情何時能被有效控制、讓國際體育賽事全面恢復仍是未知數台灣運彩思考多種可能擬定相關計畫例如6月底以後主要運動賽事恢復的話屆時會加開更多單場及場中投注希望在下半年可以補足上半年因為疫情下滑的銷售額。</t>
  </si>
  <si>
    <t>賽事臺灣比賽疫情兄弟熱鬧計畫恢復職棒可以運動之後相當全球中職肺炎運彩</t>
  </si>
  <si>
    <t>肺炎賠率總分中職賽事</t>
  </si>
  <si>
    <t>總分中職肺炎賽事</t>
  </si>
  <si>
    <t>跨過肺炎缺口</t>
  </si>
  <si>
    <t>台股多頭明燈台積電（2330）不但守穩季線也即將收復30日跳空缺口帶動台股11日大漲8997點漲幅078％收在11664點新冠肺炎最恐慌的衝擊已經過去11日共有219檔11日股價已經超越20日收盤價跨過新冠肺炎缺口</t>
  </si>
  <si>
    <t>已經缺口肺炎季線即將收復衝擊漲幅收盤價收在恐慌跨過過去帶動超越明燈</t>
  </si>
  <si>
    <t>台股多頭明燈台積電（2330）不但守穩季線也即將收復30日跳空缺口帶動台股11日大漲8997點漲幅078％收在11664點新冠肺炎最恐慌的衝擊已經過去11日共有219檔11日股價已經超越20日收盤價跨過新冠肺炎缺口包括有友達（2409）、國巨（2327）等重量級「強者恆強股」。
美國科技股持續走揚消彌了新冠肺炎的對資本市場的恐慌情緒加上大陸官方陸續實施「維穩」政策台股多方護盤的台積電僅差15元將完全收復30日跳空缺口11日收在3315元上漲4元20日豬年最後一個交易日收在333元。
康和證券投資總監廖繼弘認為新冠肺炎疫情爆發至今台積電一直是台股多頭觀察的最重要指標因此只要台積電守穩季線投資人不必殺低持股尤其台積電即將補缺口台積電走勢強過於大盤更凸顯多方的企圖心。
事實上11日台股共有219檔個股的股價已經超越20日收盤價盤面交易熱絡依據近期三大法人買超有友達、技嘉、穩懋、原相、國巨、精材、華新科、博智、華擎、旭富、宏捷科、復盛應用、宜鼎、牧德、仲琦等個股。
台新投顧副總黃文清認為法人買進的強者恆強股其背後的產業基本面能見度高包括有面板、被動元件、PCB、主機板等。砷化鎵大廠穩懋1月營收年增6047％月減1197％股價收復季線外資11日買超2688張投信及自營商也站在買超。
被動元件大廠國巨1月營收33億元年減3085％月增128％。外資11日買超國巨2476張投信買超國巨力道相當積極已經連續第八日買超。
AOI檢測設備大廠牧德1月營收21億元年增227％月增4927％。牧德2019年EPS為2001元公司看好今年訂單將擴增產能、興建廠房計畫辦理現增籌措資金。牧德技術面屬於強者恆強股11日僅跌破5日線守穩短中長期均線。</t>
  </si>
  <si>
    <t>台積電買超牧德肺炎缺口收在強者季線已經大廠收復認為法人個股</t>
  </si>
  <si>
    <t>日買超缺口肺炎強者恆強台積電</t>
  </si>
  <si>
    <t>肺炎強者缺口買超台積電</t>
  </si>
  <si>
    <t>經濟封重啟生命加速自由加州</t>
  </si>
  <si>
    <t>加州州長紐森週二將宣佈加速解除防疫封鎖在開放零售、製造、物流與休閒公共場所後再新增餐廳開放現場用餐。已長時間封鎖的民眾開始逐步恢復正常生活洛杉磯民眾更早於週末就按耐不住湧上街頭表達對自由嚮往。</t>
  </si>
  <si>
    <t>封鎖開放民眾湧上耐不住宣佈週末早於加速街頭解除防疫週二時間公共場所零售休閒新增現場餐廳製造物流用餐</t>
  </si>
  <si>
    <t>加州州長紐森週二將宣佈加速解除防疫封鎖在開放零售、製造、物流與休閒公共場所後再新增餐廳開放現場用餐。已長時間封鎖的民眾開始逐步恢復正常生活洛杉磯民眾更早於週末就按耐不住湧上街頭表達對自由嚮往。海灘上有上千未戴口罩民眾聚集示威聲稱居家禁令違憲要求政府加速重啟經濟美媒稱其為「用生命博自由」。
據《美國之音》報導州長紐森日前宣佈加州進入重開經濟的第二階段後悶在家中許久的民眾在母親節的週末湧上街頭許多商店與公共場所開始出現人潮洛杉磯部分公園、高爾夫球場、散步小徑等都在開放中政府要求各行業營運時仍需遵守衛生部門的規定。預計週二紐林再加速開放餐廳現場供餐營業將會有更多民眾前往消費。
報導說公園裡民眾依然嚴守社交距離規定三三兩兩步行或跑步、遛狗即便在週末的母親節也未舉行群聚慶祝活動。
不過據《福斯新聞》報導母親節當天洛杉磯市中心販賣鮮花的商店人滿為患。人們爭相搶購鮮花也顧不上社交距離的規定群聚現象對民眾健康帶來的潛在威脅。
《美國廣播公司》(ABC第7頻道)則報導週末有約一千多人聚集在洛杉磯縣漢丁頓海灘(Huntington Beach) 的碼頭附近強烈要求重啟加州經濟。示威現場許多人沒有戴口罩也沒有遵守六英尺(183公尺)社交距離的規定。有人拿擴音器演說稱「居家令」是「絕對違反憲法的」。市長居所外也有團體進行抗議要求准許更多商家開門營業。
報導說洛杉磯在週五重啟部分經濟活動後星期六新增病例超過千人約為全加州新增確診人數(2244人)的一半。
洛杉磯海灘將於週三開放已有分析警告說隨著全美各地對疫情的逐步解封人口流動變得更加頻繁這將使得防禦新冠病毒的傳播變得更加困難。</t>
  </si>
  <si>
    <t>民眾報導開放洛杉磯規定週末經濟母親節要求加州海灘加速現場新增距離社交居家自由封鎖</t>
  </si>
  <si>
    <t>新冠肺炎武漢肺炎新型冠狀病毒COVID-19加州</t>
  </si>
  <si>
    <t>肺炎武漢冠狀病毒covid-加州</t>
  </si>
  <si>
    <t>境外累計確診</t>
  </si>
  <si>
    <t>宣佈指揮中心美國女性中央境外肺炎流行新增國內疫情指揮官陳時中個案病例指出返國分別探親</t>
  </si>
  <si>
    <t>症狀確診個案返國中心指揮陳時中美國班機宣佈目前出現分別今日居家物件肺炎境外說明</t>
  </si>
  <si>
    <t>零確診指揮中心台灣新冠肺炎武漢肺炎</t>
  </si>
  <si>
    <t>臺灣中心肺炎指揮武漢確診</t>
  </si>
  <si>
    <t>《國際社會》南韓新冠肺炎確診新增518例累計達6284例</t>
  </si>
  <si>
    <t>韓國疾病管理本部週五上午宣佈新型冠狀病毒感染確診病例新增518人累計確診病例達6284例。死亡病例新增7人累計死亡病例達42人。由於國內疫情持續快速升高防護型口罩嚴重短缺為了確保口罩穩定供應與平均分</t>
  </si>
  <si>
    <t>病例口罩確診週五新增上午防護宣佈升高冠狀確保快速病毒感染持續本部短缺疫情國內嚴重死亡穩定管理累計供應疾病平均</t>
  </si>
  <si>
    <t>韓國疾病管理本部週五上午宣佈新型冠狀病毒感染確診病例新增518人累計確診病例達6284例。死亡病例新增7人累計死亡病例達42人。
由於國內疫情持續快速升高防護型口罩嚴重短缺為了確保口罩穩定供應與平均分配南韓政府週四緊急宣佈幾項口罩控管措施包括將全面禁止口罩出口並擴大國內口罩產量。
此外為了防止重複購買行為南韓也將採納類似台灣的實名限購制民眾自下周起按個人出生年份可在周間指定時間購買口罩但每人每週僅限購買2片。</t>
  </si>
  <si>
    <t>口罩宣佈南韓國內購買病例確診週五新增上午周起按個人出生冠狀年份民眾病毒感染本部指定周間時間</t>
  </si>
  <si>
    <t>南韓新冠肺炎病例確診死亡</t>
  </si>
  <si>
    <t>病例肺炎確診死亡南韓</t>
  </si>
  <si>
    <t>白靈日記曬太陽隔離精彩春光</t>
  </si>
  <si>
    <t>華裔女星白靈在《墮胎師》中深刻詮釋遊走法律邊緣的「墮胎手」以此片入圍第57屆金馬獎最佳女主角獎定居洛杉磯的她將出席金馬頒獎典禮盛會因此早早來台要先挺過隔離這一關對個性活潑大膽愛熱鬧的白靈來說</t>
  </si>
  <si>
    <t>墮胎白靈活潑個性這一關隔離早早盛會頒獎典禮金馬出席深刻洛杉磯定居詮釋主角獎金馬獎法律入圍邊緣</t>
  </si>
  <si>
    <t>華裔女星白靈在《墮胎師》中深刻詮釋遊走法律邊緣的「墮胎手」以此片入圍第57屆金馬獎最佳女主角獎定居洛杉磯的她將出席金馬頒獎典禮盛會因此早早來台要先挺過隔離這一關對個性活潑大膽愛熱鬧的白靈來說被關住是頗辛苦的事情因此她開始在社群更新隔離日記如今已進入第4天只能說天天都是活色生香堪稱最好看的隔離日記。
白靈為參加本屆金馬獎頒獎典禮先行來台接受隔離如今已是第4天但她表示已完全不清楚到了第幾天因為已完全失去時間概念「很快地我就忘了我叫什麼名字了吧或是忘了我為什麼在這家酒店待這麼久的時間」。
她隨文附上今天的照片穿著桃紅色半截小背心搭配同色系印花瑜珈褲的她在大大的落地窗前或盤腿或擺pose享受晴朗的陽光但比起豔陽她胸前激凸大洩春光反倒吸睛白靈說今天非常美好因此分享三張自己從房間俯瞰臺北市的美麗照片「我在21樓幾乎能看到整個城市車水馬龍交通相當繁忙」。
但白靈覺得如果日日夜夜看著這景致也會變得一般如今覺得又熱又缺乏新鮮空氣臺北仍處於夏天「如果我能跳出窗外乘著空氣去擁擠的北市美食廣場吃點台灣小吃就太美好了可惜玻璃太厚我也不想打破啦！從窗臺往下看還是很嚇人的」。
不能出門的白靈只能想像自己到沙灘踏浪、呼吸新鮮空氣很想開開窗戶「好想週末走在臺北當地小巷弄吃小吃而不是獨自待在飯店房間」還說員警每天都會打給她但她又不能見到對方也見不到問她體溫、送餐的這些每天跟她交談的人而平時的週末她大多會跟朋友出門吃飯或看場電影如今只能撒嬌跟粉絲說：「今天是週末你能來帶我出去走走嗎？」而本日隔離日記最後白靈分享了內心感受：「生活是個禮物可能的話盡情享受它吧因為失去它時你會很想念。沒什麼比自由行走與呼吸新鮮空氣來得重要了」。</t>
  </si>
  <si>
    <t>白靈隔離週末今天日記新鮮空氣只能如今享受金馬獎墮胎照片臺北頒獎典禮時間分享</t>
  </si>
  <si>
    <t>白靈金馬獎墮胎師隔離日記新冠肺炎</t>
  </si>
  <si>
    <t>隔離日記墮胎金馬獎白靈肺炎</t>
  </si>
  <si>
    <t>完成預約確定下放疫苗施打高端</t>
  </si>
  <si>
    <t>食藥署今天核發26萬劑高端疫苗封緘證明書讓指揮中心現在共有614萬劑高端疫苗可放入第六輪公費疫苗預約平臺進行使用。衛福部長陳時中表示高端疫苗今起開放預約後已有24萬人完成預約約佔整體符合資格60萬名對</t>
  </si>
  <si>
    <t>食藥署今天核發26萬劑高端疫苗封緘證明書讓指揮中心現在共有614萬劑高端疫苗可放入第六輪公費疫苗預約平臺進行使用。衛福部長陳時中表示高端疫苗今起開放預約後已有24萬人完成預約約佔整體符合資格60萬名對象的40％同時將高端定位為年輕族群疫苗確定可下放施打年齡至36歲「希望能讓更多年輕人打到」。
食藥署今天放行四批高端疫苗總數為26萬1766劑若加上8月2日、4日通過的五批疫苗目前共有61萬4204劑高端可供使用。陳時中表示60萬劑只是當初專家推估能至少擁有的數量若接下來的檢驗一切順利近期不排除還會再增加更多劑量「希望盡量在這一波可讓更多年輕人打到（高端）」。
今天上午10點一到預約接種高端疫苗的民眾一度癱瘓預約平臺指揮中心發言人莊人祥表示2分鐘內就有42萬人湧入登記由於預約高端疫苗的瞬間流量比較大因此平臺啟動流量管制但後來都恢復正常截至下午1點時已有24萬人完成預約相信未來不會有太大問題。
至於總統蔡英文已表示要打高端疫苗陳時中說總統在這次施打疫苗也是跟一般民眾一樣都要先上網做意願登記今早已有40％的人完成預約我不知道總統來預約了沒？但如果有預約成功當然國安團隊會做最適當的接種安排。</t>
  </si>
  <si>
    <t>高端疫苗預約表示平臺總統陳時中希望完成年輕人中心登記指揮打到施打</t>
  </si>
  <si>
    <t>高端疫苗疫苗預約24萬36歲新冠肺炎</t>
  </si>
  <si>
    <t>預約疫苗肺炎高端</t>
  </si>
  <si>
    <t>經營權風暴收購友訊捲入泰漲通信網</t>
  </si>
  <si>
    <t>友訊經營權之爭公司派對上市場派上周更延燒到明泰董座大位明泰大股東佳世達也宣佈擬以每股30元收購明泰收購明泰最多103萬張股即19%的明泰股權屆時佳世達持有明泰股將上看428%明泰(3380)今以2435</t>
  </si>
  <si>
    <t>明泰派對市場上周延燒到泰董公司收購大位明泰大股權股東持有屆時宣佈經營權</t>
  </si>
  <si>
    <t>友訊經營權之爭公司派對上市場派上周更延燒到明泰董座大位明泰大股東佳世達也宣佈擬以每股30元收購明泰收購明泰最多103萬張股即19%的明泰股權屆時佳世達持有明泰股將上看428%明泰(3380)今以2435元開盤跳空漲停大股東友訊(2332)亦大漲逾7%與明泰有策略聯盟的仲琦也大漲85%佳世達(2352)則下挫約2%另外明泰也公佈第一季財報單季每股虧損024元。
友訊經營權之爭延燒到明泰董座大位明泰大股東佳世達宣佈擬在不晚於5月12日起以每股30元收購明泰擬收購最多103萬張股即19%的明泰股權、屆時佳世達持有明泰股將上看428%坐穩最大股東位置。
佳世達目前已是明泰最大股東集團綜合持股明泰共238%佳世達期望透過此次公開收購希望達到綜合持股288%至428%以加速5G的佈局和經營。
明泰第一季的合併營收為4984億元主因明泰交換器、數位多媒體產品出貨成長及無線寬頻產品線合併仲琦營收挹注第一季營收較去年同期增加約550%因合併仲琦(2419)效益營業毛利額約成長600%至845億元毛利率亦提升06個百分點至170%單季營業費用為930億元營業損失為8500萬元營業利益率為-17%稅後淨損為138億元相當於每股損失為024元。
明泰第一季各產品線的營收比重區域/都會網路產品(LAN/MAN)佔43%無線寬頻網路產品(Wireless Broadband)佔37%數位多媒體產品(Digital Multimedia)佔13%其他網路相關產品(Others)佔7%。
明泰表示雖然第一季整體營收及獲利受到新冠肺炎疫情影響期望第二季營收表現因訂單達交情況改善而有所提升。</t>
  </si>
  <si>
    <t>明泰產品股東合併收購網路期望損失單季成長季營數位</t>
  </si>
  <si>
    <t>佳世達明泰友訊無線寬頻網路仲琦</t>
  </si>
  <si>
    <t>友訊明泰網路仲琦</t>
  </si>
  <si>
    <t>新北休閒農場防疫配合暫停營業</t>
  </si>
  <si>
    <t>因應嚴重特殊傳染性肺炎疫情加溫新北市政府農業局輔導轄內取得許可登記證的休閒農場皆配合強化三級防疫政策自主停業後續農業局將協助休閒農場業者向中央爭取紓困補助措施。由於嚴重特殊傳染性肺炎(COVID-19)疫</t>
  </si>
  <si>
    <t>農業局農場休閒特殊傳染性肺炎嚴重措施補助疫情加溫紓困新北市政府爭取輔導中央防疫政策自主停業業者轄內強化配合後續登記證取得協助</t>
  </si>
  <si>
    <t>因應嚴重特殊傳染性肺炎疫情加溫新北市政府農業局輔導轄內取得許可登記證的休閒農場皆配合強化三級防疫政策自主停業後續農業局將協助休閒農場業者向中央爭取紓困補助措施。
由於嚴重特殊傳染性肺炎(COVID-19)疫情警戒行政院農業委員會函知休閒農場業者如有維持營運需求須確實落實中央流行疫情指揮中心所提防疫指引各項措施。
為確保防疫網絡無缺漏新北市政府農業局輔導轄內14家休閒農場業者掌握決戰新冠肺炎3關鍵之一的「低度活動」配合新北市防疫政策自主停業。農業局表示休閒農業是新北市非常重要的產業每處都各有特色農業局會跟新北休閒農業站在一起積極向中央爭取將休閒農業產業納入紓困方案。</t>
  </si>
  <si>
    <t>休閒新北農業局農場防疫中央疫情業者農業肺炎爭取配合紓困市政府輔導停業傳染性自主轄內政策特殊嚴重流行中心指揮落實網路</t>
  </si>
  <si>
    <t>休閒農場農業局新北市業者休閒農業</t>
  </si>
  <si>
    <t>業者新北休閒農業局農場農業</t>
  </si>
  <si>
    <t>楊志良擔憂未來確診單周樂觀臺灣</t>
  </si>
  <si>
    <t>新冠肺炎全球持續延燒台灣疫情今（17日）卻再度傳出佳績不但國內新增確診案例連2日「+0」更是單周內第3度零確診讓累積確診數維持在395例。不過前衛生署長楊志良卻感到擔心表示台灣人體內普遍沒有抗體加</t>
  </si>
  <si>
    <t>確診臺灣持續人體疫情全球表示署長感到楊志良擔心衛生單周案例再度新增傳出國內佳績普遍肺炎維持</t>
  </si>
  <si>
    <t>新冠肺炎全球持續延燒台灣疫情今（17日）卻再度傳出佳績不但國內新增確診案例連2日「+0」更是單周內第3度零確診讓累積確診數維持在395例。不過前衛生署長楊志良卻感到擔心表示台灣人體內普遍沒有抗體加上大陸即將崛起台灣未來走向很不樂觀。
楊志良16日參加「POP搶先爆」電台節目時他針對全球情勢表示目前疫情控制得最好的就是大陸。楊志良指出不談大陸可能存在「黑數」爭議大陸疫情較其他國家恢復地更好甚至在相較之下台灣疫情反而更危險。
儘管楊志良肯定台灣防疫做得好但他認為台灣因感染人數不多所以大部分民眾體內不存在新冠肺炎抗體尤其疫苗還沒研發成功單就藥物是無法阻止疫情傳播的。
另外由於大陸疫情率先穩定控制國內陸陸續續也恢復生產經濟恢復最快；而歐美國家疫情甚至還再持續且防疫物資仍匱乏。因此楊志良預估大陸今年GDP有望成為全球第一。
然而當大陸搖身成為超強國家時台灣就要小心了。楊志良呼籲國安會要趕快想盡辦法怎麼因應後新冠時期（Post coronavirus era）全球的變化。楊志良表示台灣0確診社區沒爆發群聚感染值得肯定但面對大陸恐變成強國台灣未來的走向很不樂觀。</t>
  </si>
  <si>
    <t>臺灣大陸疫情楊志良全球確診表示恢復國內感染抗體肯定強國甚至持續控制防疫存在</t>
  </si>
  <si>
    <t>楊志良大陸台灣恢復疫情</t>
  </si>
  <si>
    <t>臺灣大陸疫情恢復楊志良</t>
  </si>
  <si>
    <t>肺炎暌違確診</t>
  </si>
  <si>
    <t>中央流行疫情指揮中心昨天宣佈國內新冠肺炎零確診。根據統計上次零確診發生在1月25日至今已相隔18天也是農曆牛年來第一次+0。截至目前國內共累計937名確診案例分別是821例境外移入、77例本土病例、36例</t>
  </si>
  <si>
    <t>確診國內中心昨天宣佈分別指揮案例相隔至今農曆牛年截至目前累計境外統計肺炎上次發生</t>
  </si>
  <si>
    <t>桃園防疫醫院目前確診疫情病房市長維持春節王文彥肺炎前往昨天民眾人員鄭文燦視察農曆紅包</t>
  </si>
  <si>
    <t>王文彥肺炎天前桃園醫院小紅包</t>
  </si>
  <si>
    <t>醫院桃園肺炎紅包王文彥</t>
  </si>
  <si>
    <t>政府還要才會李富城疫苗</t>
  </si>
  <si>
    <t>對於台灣新冠疫情延燒而目前疫苗卻只有71萬劑AZ疫苗以及明天到貨的15萬劑莫德納疫苗引發民眾怒火前氣象主播李富城也在臉書怒稱「還要死多少台灣同胞政府才會給我們疫苗？」台灣今天本土疫情再創新高過</t>
  </si>
  <si>
    <t>疫苗臺灣疫情目前才會李富城引發氣象還要民眾政府怒火臺灣同胞今天az</t>
  </si>
  <si>
    <t>對於台灣新冠疫情延燒而目前疫苗卻只有71萬劑AZ疫苗以及明天到貨的15萬劑莫德納疫苗引發民眾怒火前氣象主播李富城也在臉書怒稱「還要死多少台灣同胞政府才會給我們疫苗？」
台灣今天本土疫情再創新高過去16天以來國內累積4822例本土個案34死。中央流行疫情指揮中心今天再度公佈指揮中心公佈新增401例本土、4例境外移入COVID-19個案另有266例校正回歸個案確診個案中新增13例死亡至今國內累積5489例本土個案。
國民黨立委林為洲26日質疑編足115億餘元給中央流行疫情指揮中心買疫苗可以買2000萬劑（均價）為何1年半以來至今只買到71萬劑？
時力立委邱顯智今（27）日更說台灣到目前還拿不到BNT疫苗結果疫情指揮中心竟然說氏藥廠沒向台灣申請「是我們國人為了生命需要疫苗講這什麼話這是負責任的機關該有的態度嗎！」
前氣象主播李富城也發出怒火在臉書砲轟「還要死多少台灣同胞政府才會給我們疫苗？」</t>
  </si>
  <si>
    <t>疫苗疫情臺灣本土個案指揮中心怒火目前至今以來今天新增氣象中央流行累積國內</t>
  </si>
  <si>
    <t>疫苗李富城新冠肺炎台灣</t>
  </si>
  <si>
    <t>李富城肺炎臺灣疫苗</t>
  </si>
  <si>
    <t>《業績-光電》大立光：3月拉貨動能比2月好是否修正待觀察</t>
  </si>
  <si>
    <t>動能是否光電修正觀察業績</t>
  </si>
  <si>
    <t>大立光(3008)公佈2月合併營收為3672億元月減1066%為108年2月以來單月新低但亦是歷年同月新高大立光表示由於新冠肺炎疫情市場變化較大目前看起來3月拉貨動能會比2月好但客戶訂單是否修正仍待觀察。大</t>
  </si>
  <si>
    <t>是否訂單修正客戶動能以來單月新低看起來目前變化歷年市場肺炎合併疫情</t>
  </si>
  <si>
    <t>大立光(3008)公佈2月合併營收為3672億元月減1066%為108年2月以來單月新低但亦是歷年同月新高大立光表示由於新冠肺炎疫情市場變化較大目前看起來3月拉貨動能會比2月好但客戶訂單是否修正仍待觀察。
大陸地區因新冠肺炎疫情延後復工致使2月工作天數較少加上淡季效應讓大立光2月合併營收下滑至1年低點2月合併營收為3672億元月減1066%年增4472%為去年2月以後新低但仍是歷年同月新高累計前2月合併營收為7777億元年成長3188%。
就產品比重來看20M(百萬畫素)以上產品佔大立光2月合併營收比重20%到30%10M以上產品佔50%到60%8M產品佔營收比重10%到20%其他產品約佔0%到10%。
儘管大陸地區因新冠肺炎疫情逐漸獲得控制各地加速復工但大陸以外地區新冠肺炎疫情快速蔓延為市場增添不少變數大立光表示目前看起來3月拉貨動能會比2月好但因新冠肺炎疫情市場變化較大客戶訂單是否修正仍待觀察。
大立光日前公告台中工業區4200坪用地發包動土興建預計2023年完工量產2019年購進的7400坪用地現仍在容積審查中預訂今年下半年動工餘下的3500坪用地因有租約在身移交日期稍晚預訂明年著手興建大立光表示新廠建置將如計畫進行。
目前大立光在台灣共有13個廠區9個為自有4個為承租在新廠完工量產須到2023年下大立光執行長林恩平表示公司除提升生產良率及效率亦將從現有的空間面積下手希望在樓板面積及設備擠出更多空間在產能吃緊下公司接單以高階機種及重要客戶優先若客戶信用良好且有需求公司亦會在產能較不吃緊的時候預做生產以因應客戶訂單需求。</t>
  </si>
  <si>
    <t>客戶公司用地表示合併疫情肺炎產品預訂吃緊空間</t>
  </si>
  <si>
    <t>大立光合併營收新冠肺炎疫情拉貨待觀察</t>
  </si>
  <si>
    <t>疫情肺炎合併觀察</t>
  </si>
  <si>
    <t>確診境外醫護早班車新聞如臨大敵</t>
  </si>
  <si>
    <t>小編精選《中國時報》5件不可不知大事帶讀者掌握今天（12日）新聞重點。【1】境外移入確診產子 醫護如臨大敵中央流行疫情指揮中心昨天公佈國內新增2例自菲律賓境外移入新冠肺炎病例其中一名菲律賓籍30多歲女性（</t>
  </si>
  <si>
    <t>境外不可不知大事讀者掌握中國時報今天疫情指揮流行中心中央昨天新聞公佈如臨大敵醫護國內重點新增菲律賓</t>
  </si>
  <si>
    <t>小編精選《中國時報》5件不可不知大事帶讀者掌握今天（12日）新聞重點。
【1】境外移入確診產子 醫護如臨大敵
中央流行疫情指揮中心昨天公佈國內新增2例自菲律賓境外移入新冠肺炎病例其中一名菲律賓籍30多歲女性（案497）是國內首起確診者生產案例讓國內醫護如臨大敵不但生產全程防護包緊緊就連寶寶也被安排單獨嬰兒室隔離成為國內年紀最小的隔離者醫院昨天也對寶寶檢驗結果今天出爐。據國際研究統計母子垂直感染機率僅3％。
【2】日本駐陸大使 友台垂秀夫接任
日本政府在11日內閣會議上正式決定由垂秀夫（59歲）接替橫井裕（65歲）擔任日本駐華大使。垂秀夫在大陸擁有豐沛人脈資訊搜集能力倍受肯定。2013年曾一度捲入「間諜疑雲」遭驅逐。他也曾派駐台灣擔任日台交流協會總務部長期間與不少台灣政界人物建立起深厚友誼並與台媒交流甚深。
【3】海峽論壇 李乾龍考慮取消隨團
前立法院長王金平將率國民黨代表團參加海峽論壇被大陸央視主持人解讀為「台海兵凶戰危這人要來大陸求和」加上共軍頻密軍演國民黨高層透露正在評估是否調整代表團名單擔任副團長的祕書長李乾龍不排除取消隨團。黨主席江啟臣也強硬表態表示「完全無法接受」要求相關當事人應公開向王院長與國民黨道歉。
【4】李恆隆千萬交保 比噓守3禁令
史上最大立委貪瀆案被控為爭奪SOGO百貨經營權涉嫌行賄多名立委企圖以「借貸說」隔空串證遭羈押禁見38天的太平洋流通前負責人李恆隆經檢方密集提訊部分認罪後提出須進行高風險手術的診斷證明聲請具保停押。臺北地方法院開庭後11日裁准1000萬元交保限制住居及出境、出海及遵守「封口令」3項附帶條件若違反其一可羈押回籠。
【5】女童全身傷不治 母疑施虐羈押
桃園市1名1歲10個月大龍鳳胎女童疑因為哭鬧遭廖姓母親虐打8月19日送醫急救後因器官衰竭10日家屬忍痛拔管。由於醫院發現女童身上多處瘀傷通報家暴廖女雖否認施虐仍遭檢方聲押獲准生父則以5萬元交保。</t>
  </si>
  <si>
    <t>國內大陸國民黨羈押擔任女童今天李恒隆醫院施虐昨天代表團確診院長</t>
  </si>
  <si>
    <t>新冠肺炎日本海峽論壇貪汙虐童</t>
  </si>
  <si>
    <t>海峽日本論壇貪污肺炎</t>
  </si>
  <si>
    <t>糟蹋陳時中社論</t>
  </si>
  <si>
    <t>幾番論辯再幾番互踢皮球大甲鎮瀾宮終於決定延期舉行媽祖遶境進香活動就防疫角度看這是應當之舉相信媽祖也不希望信徒冒生命危險進香並且把危險散播給更多人。問題是如此簡單明白的一件事蔡政府卻不敢出</t>
  </si>
  <si>
    <t>媽祖進香大甲鎮明白終於簡單決定踢皮球延期政府問題舉行危險散播生命危險信徒希望</t>
  </si>
  <si>
    <t>幾番論辯再幾番互踢皮球大甲鎮瀾宮終於決定延期舉行媽祖遶境進香活動就防疫角度看這是應當之舉相信媽祖也不希望信徒冒生命危險進香並且把危險散播給更多人。問題是如此簡單明白的一件事蔡政府卻不敢出面作決定背後的政治算計斧鑿斑斑帶著這種心態做防疫恐將令人民健康蒙受不必要的風險。
萬事莫如防疫急新冠肺炎燎原之勢已兵臨城下實質上可以視同已進入緊急狀態政府及早禁止口罩出口、延長寒假、大幅減少中港澳航班、禁止中港澳韓旅客來台等等比起日本至今仍容許湖北、浙江以外的陸客訪日台灣諸多措施可謂超前國際；限制醫護人員出國更是嚴厲到獨步全球。民眾理解政府的決策都是為了替大家的安全提供更多保障因此雖然醫護人員反彈旅遊餐飲業叫苦連天絕大多數的民眾仍然支持並信賴政府的決定陳時中民意支持度超過8成蔡總統與蘇揆也沾光不少。
綠營媽祖不怕肺炎
但防疫措施雷厲風行的蔡政府對一年一度的大甲媽遶境盛事卻一反常態地龜縮了起來一面把作決定的責任推給鎮瀾宮一面又以停辦總統就職典禮等動作來「彰顯此時不宜舉辦大型聚會」衛福部長陳時中更意有所指地說「媽祖慈悲」、「不要讓媽祖憂心」內政部長徐國勇也出面勸說其他宮廟配合。一次遶境牽涉到許多宮廟相關人士早已投入大量人力經費原本也預期會製造相當商機如今全要停擺鎮瀾宮會直接遭遇各方反彈壓力。因此鎮瀾宮希望政府作個明確的決定但蔡政府卻不願出頭當這個惡人以免得罪廣大媽祖信徒和這些宮廟的椿腳。
明明就防疫來說避免人潮聚集根本只是常識萬金石馬拉松宣佈停辦許多藝人也取消演唱會蔡政府禁止醫護人員出國、取消畢業旅行時硬得很遇到大甲媽就堅持躲在決策第二線敬畏媽祖是假政治算計才是真。否則民進黨籍的桃園縣長鄭文燦親自捧場參加桃園龍德宮四媽祖南巡遶境蔡政府或疫情中心有替媽祖代言表示憂心嗎？難道一個媽祖可以各自表述綠的媽祖廟就不怕新冠肺炎？
政府決定將中央疫情指揮中心提升到「一級開設」按理說指揮官層級應隨之拉高但卻仍由陳時中擔任指揮官這一方面是為免陣前換將二方面也是蔡政府想繼續得到陳時中光環的拉抬與保護因為陳時中的高人氣無人能擋已成了最受民眾信任的防疫英雄連臺北市長柯文哲也因為和他唱反調而被網友罵翻。
但是雖然台灣至今的防疫表現傲視全球但也不是所有決策都是對的。回顧過去就有不少決策明顯是政治淩駕了專業甚至人道。蔡政府藉疫情全球肆虐證明反中有理對歧視陸配及其子女的措施絲毫沒有人道上的不安；在另一方面又一味迎合被煽動起來的反中民粹情緒。例如陸委會前一天宣佈放寬陸配子女來台還以「小明」做例子結果網友一反彈次日立即由陳時中來出面改口說不選我國國籍就要「自己承擔」。這種政治決策交由一個防疫指揮官來傳達既是把陳時中當成政治傳聲筒也是想藉著陳時中的高人氣抹白蔡政府陰暗的政治手段。
政治算計先於防疫
又如台商包機自第一架之後停擺至今兩岸為此政治角力你來我往但如果真是把武漢臺胞的安危放在第一位其他事能彈性就彈性恐怕也未必會至今不曾再接回台商。對蔡政府而言到底是臺胞健康重要還是兩岸角力重要？大家心裡都有所評量。這個政治決策不是由陳時中做的他也沒那個層級。但被推到第一線的他卻要承擔防疫以外的許多政治決定這對他是一種糟蹋與濫用既不公平也有礙防疫在完全基於專業考量下進行。
對抗新冠肺炎是一場保護所有人民生命健康的戰役不容許任何疏忽錯誤政治算計如果先於防疫必然會幹擾防疫工作的進行無益於人民的健康安全。蔡政府如果真心想打好防疫戰就不要再把陳時中當政治工具了。</t>
  </si>
  <si>
    <t>防疫政府政治媽祖陳時中決定決策健康算計措施肺炎至今醫護人員民眾反彈</t>
  </si>
  <si>
    <t>決策陳時中政治肺炎遶境</t>
  </si>
  <si>
    <t>陳時中肺炎政治決策</t>
  </si>
  <si>
    <t>至少疫苗臺灣</t>
  </si>
  <si>
    <t>我國採購新冠疫苗有譜最快明年第一季就能取得至少460萬劑的疫苗每劑訂金105美元（約新台幣300元）疾管署副署長莊人祥今天證實我國已向COVAX支付訂金依照COVAX的採購規則最少能取得該國人口10％的疫苗因</t>
  </si>
  <si>
    <t>疫苗訂金取得我國covax證實莊人祥今天管署最少署長明年台幣季就至少已向支付採購規則人口採購</t>
  </si>
  <si>
    <t>我國採購新冠疫苗有譜最快明年第一季就能取得至少460萬劑的疫苗每劑訂金105美元（約新台幣300元）疾管署副署長莊人祥今天證實我國已向COVAX支付訂金依照COVAX的採購規則最少能取得該國人口10％的疫苗因此衛福部長陳時中口中的有一部分落入口袋的疫苗數量約460萬劑。
莊人祥表示COVAX允許參與國採購該國人口10％～50％的疫苗數量按照莊的說法以新冠疫苗需接種2劑的方式計算我國2300萬人口至少可得460萬劑疫苗至多則可採購2300萬劑疫苗不過我國實際採購的疫苗數量莊人祥則不願透露。
疫苗價格部分莊人祥說COVAX日前公告的訂金價格為每劑105美元但實際採購價格仍會視當地疫情狀況而定且各家疫苗廠的定價也不同以台灣疫情平穩的狀況來說採購價格將會高於平均價一些但仍有藥廠採公道價的定價方式給予各國採購的費用均相同。
衛福部長陳時中昨在立院曾透露目前加入COVAX平臺的疫苗廠共有三家分別是AZ、BNT、賽諾菲莊人祥指出我國對這三家疫苗都不排斥言下之意就是指這三家品牌的疫苗都可能會採購。
至於最快何時能夠取得新冠疫苗莊人祥表示COVAX平臺目前尚未公告疫苗發貨邏輯也未通知何時能夠取得疫苗但樂觀的話最快明年第一季就能取得若要保守估計的話則可能要算到明年中。</t>
  </si>
  <si>
    <t>疫苗採購莊人祥covax我國取得價格人口數量訂金可能明年定價方式透露疫情表示公告</t>
  </si>
  <si>
    <t>疫苗COVAX新冠肺炎</t>
  </si>
  <si>
    <t>疫苗肺炎covax</t>
  </si>
  <si>
    <t>擋不住英示疫情冬天兇險</t>
  </si>
  <si>
    <t>美國、歐洲新冠肺炎疫情趨緩不過隨著復工各國紛紛警告第二波疫情勢不可擋英美專家更表示伴隨流感季來臨今年冬季的新冠肺炎疫情將更加兇險。路透社報導美國疾病管制暨預防中心主任芮斐德（Robert Redfi</t>
  </si>
  <si>
    <t>疫情肺炎美國中心預防管制疾病主任報導路透社表示伴隨流感來臨美專家兇險勢不可擋今年警告紛紛復工更加冬季</t>
  </si>
  <si>
    <t>美國、歐洲新冠肺炎疫情趨緩不過隨著復工各國紛紛警告第二波疫情勢不可擋英美專家更表示伴隨流感季來臨今年冬季的新冠肺炎疫情將更加兇險。
路透社報導美國疾病管制暨預防中心主任芮斐德（Robert Redfield）昨（21）日示警今年冬季美國恐遭遇第2波新冠肺炎疫情尤其伴隨流感季復發第2波疫情將更加嚴重。
芮斐德說美國將同時爆發流感及新冠肺炎屆時將對美國醫療體系造成更大壓力。
無獨有偶英國專家昨日也示警英國將「無法避免」面臨第2波疫情。英國《太陽報》（The Sun）報導倫敦帝國學院（Imperial College London）醫學院傳染科黏膜感染和免疫部主任夏塔克（Robin Shattock）接受倫敦《泰晤士報》（The Times）專訪時表示最大的威脅是今年冬天英國也有這麼多新冠肺炎病例同時還伴隨流感季節這將對英國的醫療系統造成雙重打擊。
不過夏塔克也表示科學家目前還在瞭解新冠病毒還不知道冬天病毒會不會再復發或是有季節性復發的情形不過他認為隨著人們回歸正常生活病例數會再擴大。
不少科學家也將新冠肺炎疫情和20世紀初的西班牙流感疫情作比較當時第1波疫情發生在1918年春季第2波發生在同年9月次年春天再出現第3波西班牙流感第2波疫情中出現變種病毒因此死亡率也比第1波來得高。
此外《韓國前鋒日報》（Korea Herald）報導防疫有成的韓國週二也宣佈第2波疫情無可避免當局將盡全力準備應對。
根據美國約翰霍普金斯大學（Johns Hopkins University）全球疫情統計截至22日中午12時全球一共有256萬4190人感染新冠肺炎美國染疫人數高達825萬人位居第一其次是西班牙204萬人三、四、五名分別是義大利183萬人、法國159萬人、德國148萬人；此外全球逾177萬人喪命美國佔了約448萬人。</t>
  </si>
  <si>
    <t>疫情美國流感肺炎英國報導表示全球西班牙主任伴隨倫敦病毒感染夏塔克復發the</t>
  </si>
  <si>
    <t>標準疫情警戒維持</t>
  </si>
  <si>
    <t>考量國內疫情已趨緩並且穩定控制經與相關單位溝通討論及評估後疫情指揮中心4日宣佈10月5日至10月18日維持疫情警戒標準為第二級調整相關規定及原則說明如下：一、符合主管機關防疫管理規定得開放請遵循相關</t>
  </si>
  <si>
    <t>疫情相關規定管理防疫控制評估穩定主管機關單位討論標準溝通如下調整說明原則指揮開放符合警戒中心維持國內</t>
  </si>
  <si>
    <t>考量國內疫情已趨緩並且穩定控制經與相關單位溝通討論及評估後疫情指揮中心4日宣佈10月5日至10月18日維持疫情警戒標準為第二級調整相關規定及原則說明如下：
一、符合主管機關防疫管理規定得開放請遵循相關規範或指引：
1電子遊戲場所、資訊休閒場所、錄影節目帶播映場所（MTV）、視聽歌唱場所（自助式KTV及電話亭式KTV）、桌遊、麻將休閒館營業場所。
2宗教祭祀：（1）有條件開放進香團、餐會活動。（2）宗教祭祀場所入座不限梅花座。
3餐飲：內用不限隔板或15公尺間距；宴席開放離桌進行敬酒（茶）等社交互動；放寬桌菜、自助式餐廳取菜方式。
4超商：茶葉蛋、關東煮等熟食不限由工作人員服務方式販售。
5電視主播製播新聞如能與其他工作人員均保持適當社交距離得於正式拍攝時不戴口罩。
二、10月5日起開放以下情形者得於戶外免戴口罩：
1農林漁牧工作者於空曠處（如：田間、魚塭、山林）工作無須戴口罩惟應隨身攜帶口罩並應與他人均保持社交距離。
2於山林（含森林遊樂區）、海濱活動無須戴口罩惟應隨身攜帶口罩並應與他人均保持社交距離。
3上述情形如有人潮聚集或與他人共同工作、活動等無法保持社交距離之場合仍應戴口罩。
4主管機關另有規定者依其規定辦理。
三、仍須關閉之場所：歌廳、舞廳、夜總會、俱樂部、酒家、酒吧、酒店（廊）、理容院（觀光理髮、視聽理容）。
指揮中心提醒除上述例外情形外外出仍應全程佩戴口罩、實聯制、保持安全社交距離；營業場所及公共場域仍應執行人流控管或總量管制；集會活動人數上限亦維持原有規定。</t>
  </si>
  <si>
    <t>場所口罩活動開放規定距離社交相關保持情形疫情視聽方式工作人員指揮休閒山林主管機關得於營業</t>
  </si>
  <si>
    <t>新冠肺炎台灣開放活動戴口罩</t>
  </si>
  <si>
    <t>開放臺灣活動肺炎口罩</t>
  </si>
  <si>
    <t>肺炎金吉德辭世名導</t>
  </si>
  <si>
    <t>俄羅斯媒體11日晚報導韓國名導金吉德因新冠肺炎引起併發症已在拉脫維亞一家醫院病逝享年59歲震驚外界。韓國媒體隨後指出金的友人向金吉德家人確認後證實死訊並稱「家屬也是11日才接到他死亡的消息」。</t>
  </si>
  <si>
    <t>韓國媒體家屬死訊並稱證實確認家人報導金吉德引起併發症肺炎拉脫維亞一家友人金吉德因醫院名導病逝</t>
  </si>
  <si>
    <t>俄羅斯媒體11日晚報導韓國名導金吉德因新冠肺炎引起併發症已在拉脫維亞一家醫院病逝享年59歲震驚外界。韓國媒體隨後指出金的友人向金吉德家人確認後證實死訊並稱「家屬也是11日才接到他死亡的消息」。
據悉金吉德11月20日抵達拉脫維亞12月5日突然聯絡不上、失去音訊如今傳出噩耗令人不勝唏噓。
金吉德是韓國唯一在威尼斯、坎城、柏林世界三大影展都曾獲獎的導演在國際間具高知名度他的電影最大特點是「飢餓精神」用最低的預算在短時間「戰鬥式」拍攝韓國商業電影平均製作費為40億韓元（約11億台幣）金吉德2012年榮獲第69屆威尼斯影展金獅獎的《聖殤》僅花1億多韓元（約280多萬台幣）、拍10天就完成的作品該片也同時獲頒韓國青龍獎最佳影片。
金吉德曾捲入性騷擾風暴遭多名女性指控利用職務特權對她們伸狼爪像是女演員A曾指控金吉德在拍攝《莫比烏斯》時強逼她拍攝劇本上沒有的床戲更將她帶到自己的住處陪睡等。據韓媒報導金吉德近年住在俄羅斯與愛沙尼亞並在哈薩克拍攝以俄語發音的電影未料傳出憾事。</t>
  </si>
  <si>
    <t>金吉德韓國拍攝電影指控影展拉脫維亞報導台幣威尼斯傳出媒體俄羅斯特權職務併發症利用引起</t>
  </si>
  <si>
    <t>肺炎名導拍攝韓國金吉德</t>
  </si>
  <si>
    <t>肺炎名導韓國拍攝金吉德</t>
  </si>
  <si>
    <t>冰點外患冷戰降到成形中美關係</t>
  </si>
  <si>
    <t>2020年1月15日中美兩國簽署第一階段貿易協議讓雙方持續兩年的緊張關係獲得緩和。正當外界以為中美關係即將好轉新冠肺炎疫情卻改變了這一切「港版國安法」更進一步讓中美關係跌至冰點「新冷戰」儼然成形</t>
  </si>
  <si>
    <t>中美關係簽署階段貿易協定冰點雙方持續緊張獲得關係緩和正當外界更進一步疫情肺炎改變以為國安法即將好轉港版</t>
  </si>
  <si>
    <t>2020年1月15日中美兩國簽署第一階段貿易協議讓雙方持續兩年的緊張關係獲得緩和。正當外界以為中美關係即將好轉新冠肺炎疫情卻改變了這一切「港版國安法」更進一步讓中美關係跌至冰點「新冷戰」儼然成形成為當前兩強角力的代名詞。
中美是否已進入「新冷戰」學界尚無定論但中國外交部長王毅近期在今年「兩會」（人大、政協會議）的記者會上表示美國一些政治勢力正將中美關係推向「新冷戰」。這也是中國政府高層首度公開表示中美之間或有「新冷戰」的苗頭。
政治大學國際關係研究中心主任寇健文表示從當前國際局勢來看新冠肺炎疫情加劇了中美對立情況即使雙方稍早簽署貿易協議並未對雙方合作帶來更多改變。
寇健文認為中美雙方正爭奪「霸主」地位在外交、軍事、經貿、金融、科技全面開打雙方的爭端不只局限於貿易問題一旦中國對美國這些領域的霸主地位造成威脅美國就會反制。
自疫情蔓延至全球後供應鏈斷鏈、反全球化的危機已漸漸浮上檯面美國總統川普的「退群」行為已逐漸瓦解國際體系單邊主義已竄起成為當前國際局勢的發展。
台灣大學政治學系教授張登及認為美蘇「冷戰」時期雙方在經濟上並沒有往來但目前中美經濟相互依存若雙方要做切割、斷鏈、脫鉤會引起很多糾紛中美的競爭與利益夾雜在一起若爆發「新冷戰」問題會更加複雜。
不過中美對立的局勢可能會因年底美國總統大選結果而出現變化。政大國關中心美歐研究所研究員嚴震生指出如果川普在美國總統大選中勝選會進一步衝擊國際社會組織架構如果是拜登當選美國未來會比較注重多邊主義國際秩序可能才有辦法恢復。</t>
  </si>
  <si>
    <t>美國雙方冷戰國際表示當前中美關係疫情貿易中國可能關係中心改變問題川普成為國際局勢認為</t>
  </si>
  <si>
    <t>斷鏈中美新冷戰美國成形</t>
  </si>
  <si>
    <t>冷戰美國成形</t>
  </si>
  <si>
    <t>智慧增置機場動量金門殺菌全台</t>
  </si>
  <si>
    <t>金門縣府在尚義機場建置的快篩站昨天因中央撤銷「快篩令」公告遭到拆除但縣府今天下午馬上架設全國機場首座可自動對到站旅客量測額溫和全面性消殺病菌的「智慧安全防疫門」（清消門）。楊鎮浯縣長強調防疫工作</t>
  </si>
  <si>
    <t>機場縣府防疫建置智慧病菌全面溫和旅客量到站自動公告拆除遭到全國架設今天下午馬上縣長</t>
  </si>
  <si>
    <t>金門縣府在尚義機場建置的快篩站昨天因中央撤銷「快篩令」公告遭到拆除但縣府今天下午馬上架設全國機場首座可自動對到站旅客量測額溫和全面性消殺病菌的「智慧安全防疫門」（清消門）。楊鎮浯縣長強調防疫工作分秒必爭才能確保金門這塊淨土。
楊鎮浯下午勘查清消門作業特別感謝金門航空站配合選址提供旅客多一層的保障也讓鄉親更多一層的安心。他強調台灣本島全部淪陷目前僅餘金馬澎3離島維持零確診在疫情天天有變化日益嚴峻的情況下縣府的態度很簡單只要對鄉親有幫助就是義無反顧「做就對了!」不但要做而且一刻也不能等。
至於昨天遭拆除的快篩站楊鎮浯也表示他接到很多鄉親的關心電話都認為無論從地方制度法精神或傳染病防治法甚至憲法的保障均有商討的空間可積極尋求法律程式救濟。但縣府將防疫擺在第一把握時間檢視改善才是當務之急目前尚未採取法律救濟程式。
縣府昨天已再度行文中央疫情指揮中心申設快篩站並在今天上午全國防疫會議中提議希望仍在機場設置若中央堅持不准也可改在縣府可主導的地方設置但全案仍待中央疫情指揮中心回應。縣府強調目前已與金門縣醫師公會對接獲得醫護人力的支援防疫旅管、集中檢疫所也有完整配套。
縣府觀光處表示在縣府陸續限制來金門旅遊人流量並建議中央鼓勵旅行社延期出團、暫停公務赴台與呼籲鄉親返金做好14日健康監測等措施同時協調航空公司大幅減班後24日單日到站人數已減至235人次離站也僅有154人次來回均已減少9成以上人次多為鄉親往返基本需求。
楊鎮浯感謝第一線防疫人員的辛勞強調無論中央或地防不分彼此一起抗疫防疫隨著疫情變化工作量持續增加大家同心協力打贏金門保衛戰。</t>
  </si>
  <si>
    <t>縣府防疫鄉親中央金門強調疫情目前機場昨天地方保障到站變化全國表示</t>
  </si>
  <si>
    <t>楊鎮浯金門機場智慧清消門台灣新冠肺炎</t>
  </si>
  <si>
    <t>智慧機場臺灣金門肺炎楊鎮</t>
  </si>
  <si>
    <t>違規娃娃營業查獲最高</t>
  </si>
  <si>
    <t>新型冠狀肺炎疫情升溫南投縣政府公告「自助選物販賣機店」（夾娃娃機）暫停營業至5月28日仍有許多業者繼續插電營業南投警分局配合防疫政策查獲7家埔裡警分局查獲1家依《傳染病防治法》移交主管機關裁罰</t>
  </si>
  <si>
    <t>分局查獲防治法傳染病娃娃縣政府暫停營業販賣機公告業者移交自助繼續配合營業升溫</t>
  </si>
  <si>
    <t>新型冠狀肺炎疫情升溫南投縣政府公告「自助選物販賣機店」（夾娃娃機）暫停營業至5月28日仍有許多業者繼續插電營業南投警分局配合防疫政策查獲7家埔裡警分局查獲1家依《傳染病防治法》移交主管機關裁罰。
南投警分局轄內共有自助選物販賣機店（夾娃娃機）105家警方加強稽查發現7家業者仍照常營業經現場蒐證、拍照並聯繫負責人後除勸導業者配合政策停業也將移交主管機關裁罰。
南投警分局長鄭有益表示警方全力配合查察縣府公告禁止營業的場所同時呼籲業者配合防疫政策切勿心存僥倖也建議民眾於防疫期間減少外出不要涉足公告8大類場域若發現業者違規營業將依法蒐證後移交主管機關裁罰民眾若發現業者違法營業也可向員警機關或主管機關檢舉共同度過疫情難關。
埔裡警分局為防止業者暗中營業成為防疫破口要求各派出所利用巡邏勤務密集清查相關暫時停業業者分局也成立聯合複查小組連續編排聯合稽查勤務由分局長方秋梅親自帶隊針對轄內各類8大場所及46間娃娃機店查察在埔裡鎮東榮路查獲1家自助選物販賣機店店內50多台娃娃機仍然插電營業中警方現場蒐證、拍攝照片並聯繫負責人然後移交主管機關裁罰。
方秋梅表示疫情嚴峻警方不容許業者有暗中經營業也呼籲業者配合政府防疫措施勿心僥倖以身試法違規未停業者蒐證後將依《傳染病防治法》移交主管機關裁罰最高可處30萬元罰款。</t>
  </si>
  <si>
    <t>業者營業防疫警方配合主管機關分局公告疫情蒐證發現移交停業娃娃埔裡勤務稽查分局長查獲轄內</t>
  </si>
  <si>
    <t>新冠肺炎台灣業者營業主管機關</t>
  </si>
  <si>
    <t>肺炎臺灣業者營業主管機關</t>
  </si>
  <si>
    <t>重話罕見擋路心態老人解封</t>
  </si>
  <si>
    <t>「如果老人不想打疫苗就不要擋路請指揮中心盡快開放讓年輕人打。」北市聯醫忠孝院區主治醫師陳昶宇罕見說出重話坦言目前國內疫苗施打速度太慢不少人對疫苗的心態又在挑三揀四這讓陳昶宇忍不住直呼病毒可不</t>
  </si>
  <si>
    <t>疫苗陳昶宇忍不住施打國內挑三揀四目前不要說出罕見指揮主治醫師院區坦言中心心態重話擋路忠孝儘快開放北市</t>
  </si>
  <si>
    <t>「如果老人不想打疫苗就不要擋路請指揮中心盡快開放讓年輕人打。」北市聯醫忠孝院區主治醫師陳昶宇罕見說出重話坦言目前國內疫苗施打速度太慢不少人對疫苗的心態又在挑三揀四這讓陳昶宇忍不住直呼病毒可不會等人「老人不想打就給年輕人打吧。」
陳昶宇今（9日）在臉書上直言「很少說重話但真的是被氣到要講難聽的話了。」他表示目前台灣疫苗到貨總計 702 萬只打掉 290 萬劑接種年齡分佈為：75歲以上長者557％65-74歲131％依照目前施打速度要超過30天才打得完。
陳昶宇進一步指出由於網路上一堆汙名化AZ的謠言莫德納打完換AZ施打速度還會更慢「甚至還有人連莫德納都不要想等BNT的。」陳昶宇說這種挑三揀四選疫苗心態還來談什麼解封「我也是笑了老人不想打就給年輕人打吧人可以等疫苗但病毒可不會等人都說了這麼多AZ的好處講殘酷點最終還是得交給自然法則來做族群淘汰。」
陳昶宇公佈7月8日COVID-19疫苗接種資料當日施打 208564 人次其中 AZ疫苗接種 5814 人次；Moderna（莫德納）疫苗接種 202750 人次。截至目前為止國內累計接種 3121081 人次AZ接種 1986497 人次；Moderna接種 1134584人次人口疫苗覆蓋率約1303％。</t>
  </si>
  <si>
    <t>疫苗az接種施打目前速度陳昶宇年輕人重話不要心態挑三揀四</t>
  </si>
  <si>
    <t>老人年輕人擋路接種疫苗</t>
  </si>
  <si>
    <t>疫苗接種老人年輕人擋路</t>
  </si>
  <si>
    <t>心慧ceo集團新書發表電通</t>
  </si>
  <si>
    <t>作為一位成就非凡的女性領導者同時還必須扮演好母親、妻子、女兒與媳婦等角色電通行銷傳播集團台灣執行長唐心慧（Jennifer Tang）在出版了《人生我選擇以上皆是》的第一本暢銷書之後最新著作《人生有所謂</t>
  </si>
  <si>
    <t>人生必須扮演母親最新妻子女兒之後媳婦角色電通領導者暢銷書行銷傳播集團臺灣以上執行長選擇出版心慧jennifertang著作</t>
  </si>
  <si>
    <t>作為一位成就非凡的女性領導者同時還必須扮演好母親、妻子、女兒與媳婦等角色電通行銷傳播集團台灣執行長唐心慧（Jennifer Tang）在出版了《人生我選擇以上皆是》的第一本暢銷書之後最新著作《人生有所謂決斷無所畏》正式問世新書甫上市一周即榮登博客來暢銷排行榜第一名也讓她又多了個暢銷作家的身分。
唐心慧年僅14歲就帶著弟弟出國讀書回台後憑藉著對品牌、行銷創意的專業與熱情唐心慧選擇從外商公司最基層的AE做起37歲就成為國際級廣告公司最年輕的董事總經理目前在電通行銷傳播集團擔任台灣執行長帶領10間公司、1千多位夥伴時常需要她在關鍵時刻發揮決斷力。唐心慧相信決斷力影響人生發展練就決斷力就能指引出方向而教導她擁有決斷力的人正是她的父親。
對於唐心慧來說父親是影響她一生最大的人。她在新書中回憶起小時候家中遭逢變故母親因幫人作保背負龐大債務時父親讓她見識到甚麼是說到做到、頂天立地的氣魄。唐心慧說父親敢於承擔、直接面對挑戰的態度正是所謂「決斷的力量」是她從父親身上學習最深之處。
再次總結自己的成功經驗透過出書分享給更多人也是出自父親的緣故。父親感嘆於現今社會價值觀扭曲加上新冠肺炎壟罩全球帶來的動盪不安讓很多人對於人生與未來都感到迷惘正是需要指引的時候因此鼓勵她再次出書好好告訴大家：「怎麼做好決定告別糾結人生」。
唐心慧認為決斷力就像許多技能是一種熟能生巧的訓練結果當你願意正面學習、鍛鍊、內化就有機會掌握它的力量。因此她除了在新書中歸納出決斷力的養成心法書末還特別附上「練出決斷力」的引導式筆記由唐心慧親自設計問題幫助讀者透過問答思考人生勇敢為自己做決定。</t>
  </si>
  <si>
    <t>決斷心慧人生父親正是公司行銷母親透過學習需要選擇力量指引出書再次</t>
  </si>
  <si>
    <t>無所畏父親唐心慧決斷選擇</t>
  </si>
  <si>
    <t>決斷父親心慧選擇</t>
  </si>
  <si>
    <t>確診首例女將跆拳道智利選手東奧</t>
  </si>
  <si>
    <t>東京奧運再兩天就要正式開幕目前世界各國的好手們都陸續抵達了日本東京準備迎接這盛大的體育賽事而本次奧運因為正逢新冠肺炎肆虐整體辦起來提心吊膽雖然國際奧會和日本方面都還是有信心但難保疫情不會影</t>
  </si>
  <si>
    <t>日本奧運東京信心方面開幕正式起來整體肆虐目前國際肺炎提心吊膽世界好手正逢難保體育賽事陸續迎接</t>
  </si>
  <si>
    <t>東京奧運再兩天就要正式開幕目前世界各國的好手們都陸續抵達了日本東京準備迎接這盛大的體育賽事而本次奧運因為正逢新冠肺炎肆虐整體辦起來提心吊膽雖然國際奧會和日本方面都還是有信心但難保疫情不會影響這次盛會的進行。
#ENVIVO | Fernanda Aguirre quedó fuera de los JJOO por COVID-19 #24HorasCentral ? #Tokyo2020EnTVN?  Sigue la señal en vivo #24Play ➡ https://tco/mi3yDUstrf pictwittercom/vhyZ369H2O
而不好的消息就在今天傳出了智利跆拳道女子選手阿吉雷(Fernada Aguirre)因兩次新冠肺炎檢測都呈陽性必須被迫退賽她也成為本屆東京奧運首位因確診退賽的選手。這對智利以及日本主辦國方面都是個痛心的事情畢竟阿吉雷在出發前往東京前檢測都還是呈陰性。
阿吉雷是智利代表團唯一的跆拳道選手她參加57公斤級比賽目前因確診退賽智利代表團就完全沒有跆拳道選手了相當令人惋惜而這個缺額將由大陸選手周俐君遞補出賽。智利奧會對此事表示：「她從烏茲別克轉機到東京出發前PCR檢測為陰性如今兩次檢測都呈陽性幸好屬無症狀而她的教練是陰性但還是得進行隔離。」
阿吉雷今年才21歲身高172公分體重57公斤畢業於智利美洲大學正值運動員在生涯衝刺的大好時機她曾獲得2018年泛美跆拳道錦標賽女子57公斤級銅牌及2019年泛美運動會跆拳道比賽女子57公斤級銅牌同年也摘下世界大學運動會57公斤級的銅牌相信這次也是抱著奪牌希望前來可惜因確診被迫退出。</t>
  </si>
  <si>
    <t>智利選手東京跆拳道阿吉雷日本確診奧運檢測女子aguirre陰性世界大學進行目前銅牌肺炎</t>
  </si>
  <si>
    <t>智利跆拳道新冠肺炎東奧即時報導</t>
  </si>
  <si>
    <t>肺炎東奧即時跆拳道報導智利</t>
  </si>
  <si>
    <t>醫護溫暖賴清德重傷成為敵人</t>
  </si>
  <si>
    <t>日前爆發多位醫護人員遭患者砍成重傷；副總統賴清德今表示他感謝醫護人員用生命拯救生命；也拜託大家給醫護同仁多一點溫暖和鼓勵不要讓彼此成為敵人。賴清德今在臉書指出吞下壓力、辛苦與疲倦依循繁複的SO</t>
  </si>
  <si>
    <t>賴清德醫護人員辛苦生命下壓力患者指出同仁醫護疲倦溫暖鼓勵重傷總統敵人成為表示</t>
  </si>
  <si>
    <t>日前爆發多位醫護人員遭患者砍成重傷；副總統賴清德今表示他感謝醫護人員用生命拯救生命；也拜託大家給醫護同仁多一點溫暖和鼓勵不要讓彼此成為敵人。
賴清德今在臉書指出吞下壓力、辛苦與疲倦依循繁複的SOP一次又一次穿上厚重的防護裝備。這是疫情期間前線醫療人員的抗疫日常。
他說昨日新北雙和醫院有患者持刀砍傷醫護造成一人氣胸、一人腹部受傷更有一名年輕的護理師韌帶及神經都被砍斷未來工作及生活都可能受到影響。
他指出聽到這樣的消息萬般不捨。世界醫師會（WMA）日內瓦宣言說：「我鄭重地保證將奉獻一切為人類服務。」前線醫療人員壓力巨大懇請社會各界體諒也拜託大家給醫護同仁多一點溫暖和鼓勵不要讓彼此成為敵人。
他表示這兩天的資料顯示疫情未再大幅擴散但仍無法太過樂觀及鬆懈。謝謝醫護人員用生命拯救生命我相信黑暗過後終會迎來光明。</t>
  </si>
  <si>
    <t>醫護人員指出疫情生命醫護表示患者前線賴清德醫療人員拯救敵人成為過後sop繁複</t>
  </si>
  <si>
    <t>新冠肺炎台灣醫護賴清德敵人</t>
  </si>
  <si>
    <t>肺炎臺灣醫護賴清德敵人</t>
  </si>
  <si>
    <t>永和衛生局永和社區先前感染無關新北</t>
  </si>
  <si>
    <t>新北市16日新增6例確診個案因有3例是永和外界擔心是否跟先前永和某社區大樓5例確診有關新北市衛生局長陳潤秋表示根據疫調沒關聯這次主要家族8名人員跟2名朋友到花蓮旅遊他們自己開車入住民宿有同車、</t>
  </si>
  <si>
    <t>確診永和新北開車花蓮旅遊朋友人員家族關聯表示衛生局長社區大樓有關入住是否擔心外界</t>
  </si>
  <si>
    <t>新北市16日新增6例確診個案因有3例是永和外界擔心是否跟先前永和某社區大樓5例確診有關新北市衛生局長陳潤秋表示根據疫調沒關聯這次主要家族8名人員跟2名朋友到花蓮旅遊他們自己開車入住民宿有同車、同住、同飲所以會有家戶傳染疑慮。
又新北市確診個案遭爆料在石牌某銀行上班陳潤秋說今天確診個案職場都在北市第一時間已經通知北市北市也已立刻做了相關處置。
★《中時新聞網》提醒您：因應新冠肺炎疫情疾管署持續加強疫情監測與邊境管制措施 如有疑似症狀請撥打：1922專線或 0800-001922 並依指示配戴口罩儘速就醫同時主動告知醫師旅遊史及接觸史以利及時診斷及通報。</t>
  </si>
  <si>
    <t>確診個案旅遊新北疫情北市永和接觸史及相關處置醫師肺炎新聞網提醒您監測邊境因應撥打</t>
  </si>
  <si>
    <t>北市永和例確診新北陳潤秋</t>
  </si>
  <si>
    <t>確診永和新北陳潤秋北市</t>
  </si>
  <si>
    <t>解決團體工商疫苗問題蔡英文</t>
  </si>
  <si>
    <t>理事長工商總會聯合包括負責人團體接見秦嘉鴻林伯豐榮譽工業區張平沼廠商商總主席賴正鎰王文淵協進會官邸疫苗臺灣商業許勝雄今日紓困蔡英文</t>
  </si>
  <si>
    <t>蔡英文今日在官邸接見包括工總理事長王文淵、三三會理事長許勝雄、工商協進會理事長林伯豐、台灣商業聯合總會理事長張平沼、商總主席賴正鎰、工業區廠商聯合總會榮譽理事長秦嘉鴻等工商團體負責人就疫苗、紓困以及缺電等議題進行意見交流與會人士對蔡總統之關心鹹表感謝。
蔡總統表示政府有誠心與企業界溝通並解決目前面臨的各項問題。有關缺電部分政府會積極進行解決；新冠疫苗接種部分6月份將有國外包括日本疫苗進口會加快施打的速度和擴大施打範圍。至於紓困方面行政院院會今日通過紓困特別預算2600億元將採從寬、從速、從優原則辦理紓困。
工商團體感謝蔡總統撥冗傾聽企業界的心聲惟工商界普遍認為台灣目前疫情嚴峻近期內若不能對疫情有效掌控勢必對台灣經濟產生嚴重影響。工商界籲請政府儘速進口疫苗並協助有意願進口疫苗的團體及企業縮短申請及審查流程以順利取得國外疫苗。</t>
  </si>
  <si>
    <t>疫苗紓困臺灣理事長政府工商團體進口總統工商界企業界包括進行部分總會聯合疫情今日國外感謝有效至於</t>
  </si>
  <si>
    <t>新冠肺炎台灣 解決缺電紓困</t>
  </si>
  <si>
    <t>臺灣解決肺炎紓困</t>
  </si>
  <si>
    <t>因應醫護減緩策略三大壓力減少國人恐慌</t>
  </si>
  <si>
    <t>本土疫情趨於嚴峻生策會21日表示防疫首重阻斷傳播鏈目前而所面臨的挑戰包括篩檢量需求大幅增加及醫療體系面臨防護設備短缺等迫切問題生策會提出三大因應方向希望在政府的高效率防疫政策及國人的高度配合</t>
  </si>
  <si>
    <t>防疫面臨效率政府希望方向因應需求三大大幅增加包括醫療挑戰提出體系目前防護傳播阻斷設備問題</t>
  </si>
  <si>
    <t>本土疫情趨於嚴峻生策會21日表示防疫首重阻斷傳播鏈目前而所面臨的挑戰包括篩檢量需求大幅增加及醫療體系面臨防護設備短缺等迫切問題生策會提出三大因應方向希望在政府的高效率防疫政策及國人的高度配合下能很快得到控制。
生策會認為 當前要務在減緩醫護壓力、減少國人恐慌三大因應方向建議為：
1 整合佈署「準確」、「快速」和「量大」的核酸檢測篩檢站
隨疫情擴散與確診驟增如何推動高效率篩檢及阻斷傳播途徑為當前遏止疫情擴散的首要任務。由於目前抗原與抗體快篩面臨偽陽性與偽陰性的問題最終仍需採用核酸檢測PCR過程耗時、增加醫院負荷。而解決快篩困境的關鍵應在於第一時間就要導入精準、快速且有效的檢驗！
核酸檢測技術已多有創新甚至導入 AI 並能在5分鐘內從唾液檢測病毒的存在。目前國內已有核酸快速檢測科技與高通量量能、亦有數家取得緊急專案許可政府可快速整合國內 ICT 和精密機械與生醫團隊既有產品、技術籌組國家隊建置可移動式大量快速精準核酸檢測（PCR）最好於1小時內完成檢測、並呈現 CT 值有利判斷傳染力並優先設置於疫情需要地和出入境。除可更有效、精準掌握此波染疫族群外更重要的是阻絕下一波可能的境外移入感染。
2 盤點當前醫療最迫切與缺乏的物資、公告與動員業界配合供給：
讓產業協力醫療體系度過挑戰！針對醫療體系因應當前與下一階段緊急應變所需重要前線物資即時公告以讓產業各界掌握需求優先提供、並加速產製與供應量能。目前各醫院迫切需求包括(1)篩檢：檢疫站設施與裝備、快篩與 PCR 試劑；(2)第一線醫護防護裝備：包括 N95 口罩、護目鏡、防水防護衣與全套隔離衣等紅區裝備；(3)遠距醫療：輕症者在家遠距醫療所需之生理監測設備。
3 整合國內防疫科技產品研發進度與上市狀況、供大眾查詢
自去年疫情爆發以來國內各研究機構與企業積極投入防疫科技開發政府亦投入龐大經費補助加速研發步伐媒體並爭相報導各種防疫研發成果國人隨之趨之若鶩、甚至造成搶購恐慌！為避免大眾資訊落差除當前TFDA定期公告醫材專案緊急授權核准項目外建議彙整相關防疫藥品、疫苗等研發進度與上市狀況以利大眾查詢與瞭解。</t>
  </si>
  <si>
    <t>防疫檢測當前疫情醫療國內目前核酸快速研發裝備國人公告迫切緊急pcr政府因應整合面臨精准</t>
  </si>
  <si>
    <t>新冠肺炎台灣大量防疫生策會</t>
  </si>
  <si>
    <t>防疫臺灣肺炎</t>
  </si>
  <si>
    <t>參院確診紓困參議員共和黨</t>
  </si>
  <si>
    <t>雖然美國眾議院議長裴洛西上周與財長穆努欽密集談判力爭新紓困案能早日通過。但鑒於近來已有三名共和黨參議員確診參議院多數黨領袖麥康納（Mitch McConnell）上週末已宣佈參議院將暫停立法工作直到19日這也意</t>
  </si>
  <si>
    <t>參議院財長穆努欽密集工作談判立法力爭暫停紓困上周早日直到近來宣佈上週末共和黨領袖參議員mcconnellmitch確診麥康納</t>
  </si>
  <si>
    <t>雖然美國眾議院議長裴洛西上周與財長穆努欽密集談判力爭新紓困案能早日通過。但鑒於近來已有三名共和黨參議員確診參議院多數黨領袖麥康納（Mitch McConnell）上週末已宣佈參議院將暫停立法工作直到19日這也意味新紓困案短期在參議院過關的希望渺茫。
隨著美國第一輪紓困案即將到期外界期盼國會能盡快通過第二輪紓困案以為復甦動能趨疲的美國經濟再添新的柴火。但由於總統川普與其他三名共和黨參議員相繼確診感染新冠肺炎導致新紓困案再陷停擺必須等到19日參議院恢復運作才能繼續討論。
由於新紓困案遲遲未決川普3日在特裡德國家軍事醫學中心接受治療時也疾呼國會快點通過新紓困案。他推文說「我們偉大的美國想要、並且也需要刺激大家一起努力完成它！」。
裴洛西周日（4日）在接受媒體訪問時坦承儘管來自總統對紓困案的公開施壓不過目前與白宮的協商仍未達成共識。眼見不到一個月就是美國總統投票日該案在這之前通過的希望也逐漸渺茫。
民主黨佔多數的眾議院已率先在上周通過他們力推的22兆美元紓困案在同時裴洛西與穆努欽也加緊對新紓困案進行協商。據瞭解白宮與共和議員之所以不同意民主黨的提案除了擔憂開支問題外新紓困案規模過大也令他們不願為此案背書。
不過在上周獲知總統川普感染新冠肺炎後當時裴洛西曾語帶樂觀認為這項發展可能改變整個談判氣氛加快白宮與民主黨就新一輪紓困達成共識的腳步。</t>
  </si>
  <si>
    <t>紓困參議院美國總統民主黨白宮上周川普裴洛西談判協商接受渺茫國會確診參議員共和黨希望達成</t>
  </si>
  <si>
    <t>共和黨參議員參議院三名民主黨新紓困案</t>
  </si>
  <si>
    <t>民主黨參議院參議員紓困共和黨</t>
  </si>
  <si>
    <t>三合院賭客查獲藏身賭場</t>
  </si>
  <si>
    <t>新北市新店警分局獲報新店區安豐路某老舊三合院內藏有職業賭場警方跟監多時於今（14日）淩晨1時許前往取締當場逮捕61歲張姓負責人及44歲周姓發牌員、賭客共33人查獲抽頭金3800元、賭資44萬2600元等證物警</t>
  </si>
  <si>
    <t>抽頭查獲賭客安豐路周姓三合院負責人內藏張姓逮捕職業當場賭場取締警方前往時許</t>
  </si>
  <si>
    <t>新北市新店警分局獲報新店區安豐路某老舊三合院內藏有職業賭場警方跟監多時於今（14日）淩晨1時許前往取締當場逮捕61歲張姓負責人及44歲周姓發牌員、賭客共33人查獲抽頭金3800元、賭資44萬2600元等證物警訊後依賭博罪嫌將張嫌、周嫌移送法辦。
據悉張嫌承租新店區安豐路某老舊三合院經營職業賭場以麻將作為賭具進行俗稱「推筒子」的賭博方式。新店警分局於7月初獲報連日蒐證及監控發現該處夜間人員出入頻繁。
警方於13日向臺北地院聲請搜索票獲准今（14日）淩晨1時許由偵查隊長曾柏仲率22名帶隊前往取締查獲張嫌、周嫌及31名賭客現場查扣麻將牌4付、骰子數顆、籌碼數組、監視器一組、抽頭金3800元賭資44萬2600元等證物。
警方訊後依賭博罪嫌將張嫌、周嫌移送法辦其餘賭客則依違反《社會秩序維護法》裁罰。曾柏仲表示新冠肺炎疫情趨緩防疫期間無法律假期對於違法案件警方一定會主動偵辦。</t>
  </si>
  <si>
    <t>警方賭客麻將淩晨前往取締查獲周嫌賭場職業張嫌抽頭法辦安豐路三合院一定</t>
  </si>
  <si>
    <t>新店賭客警方賭博賭場</t>
  </si>
  <si>
    <t>警方賭客賭博賭場</t>
  </si>
  <si>
    <t>主動出擊華銀融資防疫紓困廠商</t>
  </si>
  <si>
    <t>新冠肺炎疫情延燒華南銀行也火速清查債權部位主動出擊、協助廠商。華南金控暨華南銀行董事長張雲鵬指出華銀已全面清查相關產業的曝險情形依國發會列出受疫情影響較為嚴重的產業如觀光、旅遊、航運、餐飲業</t>
  </si>
  <si>
    <t>產業華南銀行清查疫情嚴重較為影響列出國發情形董事長張雲觀光相關華南金華銀廠商主動出擊全面</t>
  </si>
  <si>
    <t>新冠肺炎疫情延燒華南銀行也火速清查債權部位主動出擊、協助廠商。
華南金控暨華南銀行董事長張雲鵬指出華銀已全面清查相關產業的曝險情形依國發會列出受疫情影響較為嚴重的產業如觀光、旅遊、航運、餐飲業等曝險合計約400多億元華銀再增列水上及陸路運輸業授信餘額合計約600多億元占華銀目前總計17兆元的放款部位約3％已指示各分行主動出面瞭解客戶的營運受衝擊狀況予以必要的紓困協助。
華銀日前已提出40億元的防疫融資專案貸款以最低185％的利率、每戶100萬元為上限、搭配信保基金成數最高95成給予客戶資金援助也特別採「簡易徵信作業」來辦理以爭取時效三天內就能完成撥款。
對於一般民眾華銀不僅給予展延舊案的本金還款也提出新的信貸融資專案提出申請期間最長五年、最高200萬元。
尤為特別之處是華銀還結合了壽險公司作保。張雲鵬表示華銀跟法國巴黎人壽合作提出「一年期人身團體壽險」由華銀來作要保人保費由華銀支付讓借款人一旦身故、殘廢或暫時失能時也不會債留家人。
因應新冠肺炎疫情華銀也全面展開防疫大作戰以確保「營運不中斷」除了包括大陸、香港、新加坡等海外分行已全面採取輪班制國內營運的異地備援也已作好準備。
張雲鵬指出目前已挑選包括行訓中心、長安東路大樓以及AMC在內湖購置的大樓作為異地備援的辦公處所一旦不得已啟動異地備援機制時資金操作、資訊單位以及其他涉及營運不中斷的部門之部分人員將移入備援辦公處所以分散風險。
華銀目前已對大陸、香港、新加坡等分行安排輪班制張雲鵬指出除了香港分行近80人為全體海外分行人數之冠因而分為五班制每位行員每週一天在家上班其他都採取兩班制。</t>
  </si>
  <si>
    <t>華銀營運分行備援提出張雲目前全面異地疫情香港指出最高給予產業資金客戶</t>
  </si>
  <si>
    <t>香港華銀大陸營運肺炎</t>
  </si>
  <si>
    <t>大陸肺炎香港營運華銀</t>
  </si>
  <si>
    <t>航班猝死沾滿搶救內幕</t>
  </si>
  <si>
    <t>一名男性乘客14日搭乘美國聯合航空班機時突然停止呼吸、猝死最終證實他感染新冠肺炎事件引發外界譁然一名男性乘客後續在網路上描述當下搶救過程指出自己為男子進行了約45分鐘心肺復甦術（CPR）全身流滿汗</t>
  </si>
  <si>
    <t>乘客男性復蘇進行男子指出cpr過程搶救突然停止呼吸班機猝死最終當下證實美國聯合航空感染描述肺炎網路上後續</t>
  </si>
  <si>
    <t>一名男性乘客14日搭乘美國聯合航空班機時突然停止呼吸、猝死最終證實他感染新冠肺炎事件引發外界譁然一名男性乘客後續在網路上描述當下搶救過程指出自己為男子進行了約45分鐘心肺復甦術（CPR）全身流滿汗還沾染患者尿液。
英國《每日郵報》《Daily Mail）報導14日一名男子在一架從佛州奧蘭多（Orlando）飛往加州洛杉磯的美國聯合航空（United Airlines）班機上猝死乘客指出他在飛機起飛前就不斷發抖、盜汗、呼吸困難男子的妻子也悄聲透露丈夫已經出現新冠症狀一周失去嗅覺及味覺。
飛機起飛後男子的狀況急速惡化機長臨時決定緊急降落紐澳良以讓男子接受治療。不過在班機降落前男子已停止呼吸此時距離飛機起飛已經1個小時。
機組員緊急詢問機上是否有乘客是醫生尋求他們的協助為男子進行CPR幾名乘客起身幫忙。有乘客描述進行CPR時可以聽到男子骨頭裂開的聲音。
阿爾達帕（Tony Aldapa）也是當天進行CPR的乘客之一他發布推文回憶自己主動起身表明會CPR可以幫忙。接著他與另外2名乘客接手為男子進行了約45分鐘CPR直到飛機降落、消防人員上機送患者就醫。
阿爾達帕強調全程沒有進行口對口人工呼吸他們負責壓胸為男子罩上人工復甦器吹氣。
他透露事前就知道對潛在新冠患者施行CPR會有風險但他仍決定上前幫忙。
他說在搶救時曾向男子的妻子詢問病史不過對方都沒有提到確診一事只表示他們原定要在洛杉磯進行病毒檢測。
I spent the remainder of the flight covered in my own sweat and in that man&amp;apos;s urine I have since become symptomatic myself and am awaiting the results of my second test I have not been contacted by the airline or by @CDCgov as of this time
男子下機送醫後班機繼續飛往目的地阿爾帕達表示他身上及衣服都被自己的汗水和男子的尿液浸濕了他就這樣子度過接下來的航程。
班機轉降紐奧良後男子被送往當地醫院到院時醫院宣判死亡。事後美國疾病管制暨預防中心（CDC）通知聯合航空該名男子確診新冠肺炎。
阿爾帕達說自己目前已經出現症狀正在等待病毒檢測結果。即便可能中鏢他仍強調就算重來一次他還是會做出一樣的決定。</t>
  </si>
  <si>
    <t>男子進行乘客cpr班機飛機the患者of降落已經起飛幫忙決定andhave病毒檢測表示確診洛杉磯沒有</t>
  </si>
  <si>
    <t>美國聯合航空猝死新冠病患尿</t>
  </si>
  <si>
    <t>猝死航空聯合美國</t>
  </si>
  <si>
    <t>防疫捐贈友站熱心不分面罩</t>
  </si>
  <si>
    <t>疫情升溫更見善心！台中市政府警察局第四分局黎明警友站長陳蓀裕亦是目前惠蓀開發建設及小王子教育事業等公司負責人有感於員警人員身處防疫最前線為守護全民杜絕疫情傳播堅守著第一道防線。除須打擊犯罪、</t>
  </si>
  <si>
    <t>疫情堅守傳播善心台中市政府杜絕警察局全民分局守護黎明前線防疫站長陳蓀裕身處人員員警目前有感于惠蓀負責人開發公司建設</t>
  </si>
  <si>
    <t>疫情升溫更見善心！台中市政府警察局第四分局黎明警友站長陳蓀裕亦是目前惠蓀開發建設及小王子教育事業等公司負責人有感於員警人員身處防疫最前線為守護全民杜絕疫情傳播堅守著第一道防線。除須打擊犯罪、維護交通安全及為民服務等勤務工作同時還要配合政府推行防疫措施。
陳蓀裕站長特別購買防護面罩400個贈予分局由第四分局分局長代表接受。力挺基層員警提升「防護設備」降低染疫風險讓執勤更加有保障。新冠疫情持續延燒台中市今年迄今累計共154例本土確診案例其中不乏有員警染疫確診個案。
第四分局黎明警友站長陳蓀裕說員警於疫情期間執行各項勤業務總是站在最前線致使員警都暴露在染疫高風險的工作環境中。員警的辛苦與壓力更甚一般民眾為防護員警執勤安全及感佩員警同仁在警政工作上無私奉獻與全力付出。
希望於防疫工作上也能盡一點棉薄之力拋磚引玉特購置防護面罩致贈第一線員警執勤使用協助員警提升「防護設備」現場還親自指導同仁如何穿戴使用。讓員警為市民服務同時也能兼顧防疫安全措施讓所有員警不禁讚賞「有你真好」。
警方表示警友站長陳蓀裕不僅為防疫無私盡心力付出。眼見現下民生問題水情吃緊亮紅燈也鼎力配合政府政策提供旗下由惠蓀與惠田建設共同投資開發的新建案。位於南區新華街與學府路147巷口「惠田上書房」建築工地設置緊急自來水處理設施。
每日計有4200噸的供水量無償分享水資源供全台中市民次級用水使用提供有效水資源循環減少民間鑿井取水降低環境衝擊為紓解水荒盡一份心力。此等人飢己飢、人溺己溺的義行善舉值得大力讚揚。
第四分局分局長表示感謝警友站長陳蓀裕平日對警方全力支持與關照疫情嚴峻期間也不忘以實際行動力挺贊助防疫裝備提升第一線員警防疫能量。同時呼籲民眾要共體時艱防疫絕不能掉以輕心務必作好自身防護措施及防疫衛生習慣外出時應全程配戴口罩、勤洗手停止室內5人以上、室外10人以上之群聚活動保持安全社交距離主動積極配合各項防疫措施齊心防堵疫情。</t>
  </si>
  <si>
    <t>防疫員警疫情防護工作措施站長分局安全配合執勤陳蓀裕使用提升水資源開發提供環境</t>
  </si>
  <si>
    <t>新冠肺炎台灣防疫員警警友站</t>
  </si>
  <si>
    <t>防疫臺灣員警肺炎</t>
  </si>
  <si>
    <t>茶葉發現臺灣肺炎庚中醫潛力藥物嘉義</t>
  </si>
  <si>
    <t>疫情蔓延全世界各國積極研究相關治療方法台灣中醫界也不落人後嘉義長庚醫院中醫科主任吳清源帶領的研究團隊從台灣茶葉萃取出一種多酚羥基茶駢酚酮結構的物質「Theaflavin」可結合於新冠肺炎的2019新型冠狀病</t>
  </si>
  <si>
    <t>研究臺灣theaflavin物質結構相關結合治療取出方法中醫界長庚醫院茶葉不落人後醫科主任嘉義團隊吳清源帶領積極羥基</t>
  </si>
  <si>
    <t>疫情蔓延全世界各國積極研究相關治療方法台灣中醫界也不落人後嘉義長庚醫院中醫科主任吳清源帶領的研究團隊從台灣茶葉萃取出一種多酚羥基茶駢酚酮結構的物質「Theaflavin」可結合於新冠肺炎的2019新型冠狀病毒上此項國內中醫界創新研究已獲國際SCI醫學期刊接受刊登提供各國科學家參考盼對疫情能有幫助。
吳清源帶領研究團隊與醫學研究部龍志浩博士、藥劑部主任林育昰、健康資料加值中心主任楊曜旭、高雄長庚醫院醫師周煜倫等人合作運用電腦高速運算模式尋找台灣本土植物可能有用的抗病毒藥物經由深入研究後發現本土茶葉中有一種多酚羥基茶駢酚酮結構的物質「Theaflavin」可結合2019新型冠狀病毒。
吳清源指出「Theaflavin」可結合在控制病毒增生的重要蛋白酶抑制此蛋白酶活性進而可能抑制2019新型冠狀病毒增生此外這個蛋白酶同時也是新冠肺炎藥物瑞德西韋（remdesivir）所攻擊的主要目標他們發現的「Theaflavin」也與瑞德西韋（remdesivir）具有類似效果。但此項研究目前僅為電腦運算結果仍需要進一步的實驗來驗證。
吳清源表示這項在國內中醫界創新的研究結果已獲國際SCI醫學期刊醫學病毒雜誌（Journal of medical virology）接受並刊登研究團隊期望這項研究成果能開啟更深入的醫學研究對於疫情能有助益。</t>
  </si>
  <si>
    <t>研究病毒吳清源主任臺灣醫學中醫界theaflavin團隊疫情冠狀電腦結果運算本土藥物肺炎刊登接受深入發現可能瑞德西韋結合remdesivir</t>
  </si>
  <si>
    <t>研究病毒醫學台灣吳清源</t>
  </si>
  <si>
    <t>病毒臺灣吳清源研究醫學</t>
  </si>
  <si>
    <t>買到採購能力疫苗前後驚嚇林濁水</t>
  </si>
  <si>
    <t>新一批合計41萬劑的AZ疫苗今抵達台灣；民進黨前立委林濁水今在臉書表示加上先前的30萬劑70萬劑中自己買到的只有11萬其餘都是COVAX平臺分配的這樣的採購能力太令人驚嚇了！林濁水說又有40萬劑AZ了。真是</t>
  </si>
  <si>
    <t>林濁水az抵達採購分配平臺能力covax臺灣民進驚嚇買到先前加上表示</t>
  </si>
  <si>
    <t>新一批合計41萬劑的AZ疫苗今抵達台灣；民進黨前立委林濁水今在臉書表示加上先前的30萬劑70萬劑中自己買到的只有11萬其餘都是COVAX平臺分配的這樣的採購能力太令人驚嚇了！
林濁水說又有40萬劑AZ了。真是謝天謝地。然而包括先前的30萬劑縱使全部施種完畢接種率也不過3％真是低得恐怖。
他說如今70萬劑中自己買到的只有11萬其餘都是COVAX平臺分配的這樣的採購能力太令人驚嚇了！
他表示5日他還po文慶幸疫情雖然擋住了但沒有疫苗畢竟令人提心吊膽結果沒幾天疫情就大爆炸真是慶幸不得沒有僥倖的餘地。</t>
  </si>
  <si>
    <t>真是先前疫情林濁水表示疫苗慶倖az沒有驚嚇買到抵達民進臺灣平臺完畢</t>
  </si>
  <si>
    <t>新冠肺炎林濁水新冠疫苗台灣AZ</t>
  </si>
  <si>
    <t>疫苗林濁水臺灣az肺炎</t>
  </si>
  <si>
    <t>蔡炳坤明年覆蓋率月底醫護人員北市</t>
  </si>
  <si>
    <t>國內疫情因中研院案再起波瀾加上春節返台人潮多臺北市決定展開疫苗第3劑施打計畫副市長蔡炳坤15日指出目前符合第3劑施打資格的多為第1類醫事人員醫院方會盡快在明年1月達95％的目標診所則會與工會合作</t>
  </si>
  <si>
    <t>再起波瀾加上春節返台診所人潮目標臺北市決定展開疫苗明年施打計儘快市長蔡炳坤醫院指出人員目前符合資格施打</t>
  </si>
  <si>
    <t>國內疫情因中研院案再起波瀾加上春節返台人潮多臺北市決定展開疫苗第3劑施打計畫副市長蔡炳坤15日指出目前符合第3劑施打資格的多為第1類醫事人員醫院方會盡快在明年1月達95％的目標診所則會與工會合作透過方式去媒合接種。
北市府下午舉行防疫記者會媒體詢問北市施打疫苗第3劑是否有造冊人數、初步規畫是否會大規模施打？蔡炳坤回應目前為止在臺北市接種第1劑的民眾達893％第2劑達744％；若以戶籍地來看第1劑接種率為751％、第2劑64％希望年底前能讓市民打滿2劑。
蔡炳坤說北市第3劑已開始接種只要施打完第2劑疫苗後有間隔5個月即符合資格目前符合的對象只有第1類醫事人員其中又分醫院和診所臺北市共有33家大型醫院現已請各醫院做好第3劑規畫每半個月會詢問是否有工作人員達標北市設定的目標是打到95％。
蔡炳坤舉聯合醫院為例到明年1月底可以達成95％施打第3劑的目標北市各大醫院的狀況也都差不多；至於診所則會與工會合作透過合約診所造冊方式去媒合需要的疫苗市府都會提供原則上醫護人員為優先警消人員則會陸續造冊只要符合資格就會盡快接種。</t>
  </si>
  <si>
    <t>接種蔡炳坤疫苗北市醫院臺北市診所施打造冊目標人員符合資格明年市府詢問是否目前再起波瀾</t>
  </si>
  <si>
    <t>第3劑北市蔡炳坤疫苗施打</t>
  </si>
  <si>
    <t>疫苗蔡炳坤施打北市</t>
  </si>
  <si>
    <t>臺灣法國大贊主因驚呼欣慰歐洲何全</t>
  </si>
  <si>
    <t>新冠肺炎疫情在歐洲急遽升溫其中義大利確診人數追上南韓成為僅次於大陸疫情最嚴重國家法國也累積1412人確診文化部長裡斯特更被感染目前在台灣學中文的法籍YouTuber路易這陣子收到很多親友關心不少台</t>
  </si>
  <si>
    <t>確診疫情youtuber學中文臺灣歐洲目前路易感染急遽升溫裡斯特文化部長大利累積國家人數嚴重僅次於大陸追上法國南韓</t>
  </si>
  <si>
    <t>新冠肺炎疫情在歐洲急遽升溫其中義大利確診人數追上南韓成為僅次於大陸疫情最嚴重國家法國也累積1412人確診文化部長裡斯特更被感染目前在台灣學中文的法籍YouTuber路易這陣子收到很多親友關心不少台灣人也好奇法國目前狀況所以他特地拍攝影片 希望讓更多人看見台灣政府積極處理的方式和態度「讓台灣被國際看見！」
路易表示「在台灣連我自己都很驚訝於台灣政府的效率」不僅是取消與大陸來往的班機並建議企業、店家使用電子體溫計提倡民眾戴口罩、酒精消毒規定從疫區回來的民眾都須遵守居家檢疫等讓鄰近大陸的台灣本應該病毒會傳播很快卻能有效的控制。
另外他也提到法國最大的新聞報紙《世界報》以鬥大標題報導「台灣是處理新冠狀病毒危機最棒的案例」讓他備受感動「就演算法國離台灣有10000公里遠但法國人都看到台灣怎麼做到有效的管控並開始向台灣學習」。
現在法國政府也積極處理取消5千人以上的活動、不少公司允許在家工作、也積極宣導防疫觀念路易更打電話給正在巴黎的友人詢問目前情況友人坦言幾天前大家都不把疫情放在眼裡沒想到卻開始蔓延有少部分人很擔心還去超市搶購東西但目前大家生活與過去沒什麼差別只是比較注重衛生像是勤洗手、避免握手法國衛生部長也呼籲減少「臉頰親吻」打招呼方式這對法國人來說是巨大變化且難做到。
而目前法國街上也沒人戴口罩因為政府規定要有醫生處方箋才拿得到口罩最後友人補充說最近法國人不斷談論起台灣報章雜誌也認同台灣處理很好。路易也說真的很欣慰自己住在台灣希望大家保持健康也盼疫情能早日結束。</t>
  </si>
  <si>
    <t>臺灣法國目前疫情路易處理大陸口罩積極友人確診民眾病毒開始取消希望規定臺灣政府</t>
  </si>
  <si>
    <t>台灣法國法國人路易新冠肺炎</t>
  </si>
  <si>
    <t>路易法國肺炎臺灣</t>
  </si>
  <si>
    <t>新北感染區域聯防社區</t>
  </si>
  <si>
    <t>新冠肺炎疫情蔓延全球新北市政府14日上午9時舉辦亞洲城市首場「新冠肺炎社區感染大規模防疫演習」模擬社區爆發大量感染時的應變策略及緊急措施中央流行疫情指揮中心指揮官陳時中全程指導新北市長侯友宜建議</t>
  </si>
  <si>
    <t>新北疫情肺炎感染社區指導全程陳時中中心指揮官指揮流行中央應變緊急措施策略上午舉辦市政府亞洲全球蔓延城市首場爆發市長</t>
  </si>
  <si>
    <t>新冠肺炎疫情蔓延全球新北市政府14日上午9時舉辦亞洲城市首場「新冠肺炎社區感染大規模防疫演習」模擬社區爆發大量感染時的應變策略及緊急措施中央流行疫情指揮中心指揮官陳時中全程指導新北市長侯友宜建議應啟動縣市區域聯防機制合力防堵疫情。
北北基宜桃 資源互助
演習動員市府各局處、轄內醫院、國軍部隊及社區志工等共450人實際模擬4大階段防疫應變策略由侯友宜擔任指揮官邀請陳時中、衛福部傳染病防治醫療網臺北區指揮官張上淳、國軍代表等指導。
陳時中致詞時表示新北市完整設想所有狀況將民間團體、醫院、民政、社政、衛政各體系連結起來上次見到新北市成立居家檢疫關懷中心感覺新北市府是有計畫、有步驟、還有溫暖如今是有超前、有落實未來面臨疫情還是要非常謹慎面對中央會與地方一起努力。
侯友宜建議下階段中央應該考慮不是單一個新北市來面對疫情單一作戰台灣很小所以必須要整個防疫的資源互相調配北北基宜一個區塊甚至可以把桃園納進來要開始採取區域聯防「單一新北市的實兵演練是不夠的要以區塊的方式開始做兵推然後以全國的方式來面對疫情的作戰它是有層次劃分的作戰方式。」
新北覓妥隔離收治點
侯友宜指出台灣目前確診個案與各國相比算很少可說是擋住了第1波疫情但歐美的案例逐漸擴增第2波擋不擋得住還不知道這次演習設定新北市出現超過3000例大規模感染時的因應對策。
他也表示目前新北市府已覓妥隔離收治中心地點可容納2000人急救醫院可達到1000床一旦發生社區大規模感染狀況會將輕症病患送至隔離收治中心安置重症病患則分流至市轄的17家責任醫院治療。</t>
  </si>
  <si>
    <t>新北疫情醫院侯友宜中心社區感染市府演習防疫指揮官面對方式隔離收治國軍開始目前臺灣中央區塊作戰</t>
  </si>
  <si>
    <t>陳時中收治醫院侯友宜社區</t>
  </si>
  <si>
    <t>侯友宜收治醫院陳時中社區</t>
  </si>
  <si>
    <t>告急補助紓困疫情</t>
  </si>
  <si>
    <t>韓國新冠病毒疫情急速蔓延確診病例飆破2000大關為紓解疫情擴散對經濟的衝擊首爾當局計畫挹注16兆韓元（逾130億美元）的緊急資金以減稅及補助方式替企業與個人紓困。韓國財長洪楠基（Hong Nam-ki）28日宣佈</t>
  </si>
  <si>
    <t>疫情財長韓國蔓延紓困個人確診企業方式病例補助hong減稅資金緊急大關挹注計畫當局衝擊擴散經濟</t>
  </si>
  <si>
    <t>韓國新冠病毒疫情急速蔓延確診病例飆破2000大關為紓解疫情擴散對經濟的衝擊首爾當局計畫挹注16兆韓元（逾130億美元）的緊急資金以減稅及補助方式替企業與個人紓困。
韓國財長洪楠基（Hong Nam-ki）28日宣佈政府擬支出16兆韓元提供稅務優惠與財務援助協助受疫情波及的企業或個人紓困此外還將提出62兆韓元補充預算支撐內需。
韓國為緩和新冠肺炎對經濟活動的衝擊將減稅幅度擴大1倍包括從今年3月到6月信用卡消費稅扣抵比率由15％拉高至30％；傳統市場與大眾運輸的減稅比率從40％倍增至80％。
韓國政府預估如此一來可望幫韓國民眾省下2200億韓元。
同段期間購車消費稅率由原先的5％降至15％降幅達七成。減稅措施也擴及受新冠病毒疫情重創的小型企業及個別員工。
此外托嬰中心和幼稚園因疫情關閉父母被迫請假在家照顧幼兒的家庭可獲50萬韓元的津貼補助。
財長洪楠基同時透露政府預定下周向國會提交補充預算案金額與2015年爆發MERS疫情當時所提的62兆韓元相當。
韓國當局28日公佈最新統計當天新冠病毒確診病例暴增571例創下單日最大增幅總數達2337例。
韓國疫情迅速延燒重擊金融市場韓股Kospi指數週五收跌33％以198701點作收該指數亦寫下2011年以來最慘周跌幅。
外資大舉出逃韓國股市本周共出脫28兆韓元（23億美元）韓股創近九年來最大單周外資淨流出。
韓國龍頭車廠現代汽車因蔚山市工廠一名員工確診感染新冠肺炎宣佈暫停生產現代股價受此消息影響暴跌逾5％。
韓國天團「防彈少年團」（BTS）也礙於疫情升溫宣佈取消4月的首爾演唱會。</t>
  </si>
  <si>
    <t>疫情韓國減稅宣佈確診補充員工政府現代補助病毒當局衝擊外資比率經濟</t>
  </si>
  <si>
    <t>肺炎減稅韓國韓股紓困</t>
  </si>
  <si>
    <t>減稅韓國紓困肺炎</t>
  </si>
  <si>
    <t>全國成立居家率先澎湖縣檢疫缺口報到防疫</t>
  </si>
  <si>
    <t>防疫零缺口澎湖縣率先全國於機場及港口裝設紅外線體溫測量儀深獲醫界高度肯定；20日縣府再創全國先例成立「居家檢疫報到站」避免防疫漏洞空窗期。驚爆新冠肺炎疫情澎湖縣府會共識新購2部紅外線體溫測量儀</t>
  </si>
  <si>
    <t>全國縣府防疫紅外線體溫測量避免報到漏洞機場居家檢疫成立港口先例再創裝設肺炎高度肯定疫情</t>
  </si>
  <si>
    <t>防疫零缺口澎湖縣率先全國於機場及港口裝設紅外線體溫測量儀深獲醫界高度肯定；20日縣府再創全國先例成立「居家檢疫報到站」避免防疫漏洞空窗期。
驚爆新冠肺炎疫情澎湖縣府會共識新購2部紅外線體溫測量儀分別裝設在澎湖機場及馬公商港監測所有入境澎湖旅客體溫一旦發現有發燒、呼吸道症狀群者立即送醫採檢送驗並自主健康管理。
鑒於中央提供居家檢疫資料太慢20日澎湖防疫會議決議即日起在機場及港口設立居家檢疫報到站 即時掌握入境動向。
縣府表示凡從大陸港澳入境持有居家檢疫通知書者轉搭國內線、臺華輪入境澎湖縣府將協請航空及船務公司廣播通知乘客必須至報到站登記不配合者將依傳染病防治法處3000元至1萬5000元罰鍰。
縣府指出經實際查訪發現須居家檢疫者已
返家2、3天後才收到內政部提供的居家檢疫名單無疑造成防疫大漏洞。
成立居家檢疫報到站適時彌補空窗期入境澎湖持有居家檢疫通知書者必須先至居家檢疫報到站登記核對居住地、電話並立即通知裡長、村裡幹事啟動健康關懷監控在家自主管理居及限制外出至檢疫解除。
同時落實「新住民查核系統」每日追蹤尚未返澎的69名陸配及家屬動向務必先期掌握返國時間加強追蹤防疫零缺口。
新冠肺炎新冠肺炎NCP台灣澎湖</t>
  </si>
  <si>
    <t>檢疫居家縣府防疫入境報到機場體溫立即通知追蹤健康發現自主全國動向掌握管理港口提供登記漏洞</t>
  </si>
  <si>
    <t>檢疫居家澎湖防疫到站</t>
  </si>
  <si>
    <t>居家防疫檢疫到站</t>
  </si>
  <si>
    <t>印尼檢疫輸入期滿確診</t>
  </si>
  <si>
    <t>中央流行疫情指揮中心今(10)日公佈國內新增2例境外移入COVID-19(新冠肺炎)病例(案580、581)均為來臺工作之30多歲印尼籍女性。指揮中心表示案580、581分別於今(2020)年10月26日及27日自印尼搭機來臺工作入境迄</t>
  </si>
  <si>
    <t>中心指揮印尼工作境外covid-新增國內肺炎病例公佈表示女性於今分別疫情搭機來流行入境</t>
  </si>
  <si>
    <t>中央流行疫情指揮中心今(10)日公佈國內新增2例境外移入COVID-19(新冠肺炎)病例(案580、581)均為來臺工作之30多歲印尼籍女性。
指揮中心表示案580、581分別於今(2020)年10月26日及27日自印尼搭機來臺工作入境迄今均無疑似症狀2人分別於11月8日及9日進行檢疫期滿前採檢並於今日確診。
指揮中心指出由於2名個案來臺至今均無症狀且於集中檢疫所檢疫期間均未與他人接觸因此無須匡列接觸者。
莊人祥表示印尼和菲律賓兩國都是入境檢出風險較高的國家已經針對社福類移工要求他們都要住進集中檢疫所且檢疫期滿前再次採檢其中印尼籍移工有八成都是社福類移工所以可以說是入境後都會採檢。
指揮中心統計截⾄⽬前國內累計104380例新型冠狀病毒肺炎相關通報(含102711例排除)其中580例確診分別為488例境外移入55例本⼟病例36例敦睦艦隊及1例不明；另1例(案530)移除為空號。確診個案中7人死亡、528人解除隔離、45人住院隔離中。</t>
  </si>
  <si>
    <t>中心印尼指揮入境確診分別檢疫表示肺炎個案病例國內症狀檢疫所集中工作</t>
  </si>
  <si>
    <t>境外移入指揮中心最新說明國內新冠肺炎</t>
  </si>
  <si>
    <t>中心說明最新國內指揮境外肺炎</t>
  </si>
  <si>
    <t>川普示威應對cnn力道</t>
  </si>
  <si>
    <t>川普政府為了對陸通過港版國安法強硬表態宣佈一連串對陸打擊措施作為挺香港姿態；不過正當非裔人民遭白人警員不當執法致死引起全國示威但川普不停地在推特上「火上加油」多次聲稱要用暴民動用軍隊平亂讓</t>
  </si>
  <si>
    <t>川普暴民要用聲稱火上加油表態強硬宣佈一連串打擊措施作為動用香港姿態正當非裔示威全國白人警員</t>
  </si>
  <si>
    <t>川普政府為了對陸通過港版國安法強硬表態宣佈一連串對陸打擊措施作為挺香港姿態；不過正當非裔人民遭白人警員不當執法致死引起全國示威但川普不停地在推特上「火上加油」多次聲稱要用暴民動用軍隊平亂讓外媒認為川普對示威的反應不僅毀了先前美國對要保護香港的力道更對大陸而言是「天上掉下來的禮物」讓其有了宣傳大好機會。
美國有線電視新聞網指出為了反制北京通過港版國安法川普政府上月29日祭出取消港特殊貿易地位元與對部分官員制裁等一連串手段藉此展現美國在去年「反送中」支持香港追求民主、支持人民上街示威的權力。
不過一名非裔佛洛伊德在毫無抵抗情況下遭警員勒頸約束而窒息身亡引起全國示威動盪但川普不停地在推特上發表意見稱示威群眾是「暴徒」是有組織、有計畫的暴力行為除了譴責媒體鼓舞騷動並要求軍隊部屬到位甚至嗆在動亂後面藏有國內恐怖主義份子。
然而川普對於美國示威的反應讓許多大陸官媒與官員藉此大作文章他們不僅樂見美國面臨前所未見的動亂更諷刺的表態要與示威者站在一起藉此指控美方的虛偽。報導以大陸外交部發言人華春瑩為例她在轉貼美國務院發言人對於美國祭出對陸反制的貼文時僅回覆「我不能呼吸」這句話也是佛洛伊德遭警壓迫時一直說的話她的貼文也獲得俄官媒《今日俄羅斯》的轉貼。
&amp;quot;I can&amp;apos;t breathe&amp;quot; pictwittercom/UXHgXMT0lk
而先前指控華府支持「香港獨立勢力與暴力激進份子」的陸外交部發言人趙立堅以及環球時報總編胡錫進也在其推特上轉貼全美示威新聞並註解這些由美國政客定義的「最美麗風景」終於從香港擴散至美國他們甚至可以從視窗就可看得到。
Did Beijing publicly support US protests and give aid to radical left-wing forces like the political infiltration Washington has done to China? You spoke as if destroying the US ideas US democracy and US values is a piece of cake You are humiliating the US and the West pictwittercom/bmJ7ylCNby
The &amp;apos;beautiful sight&amp;apos; difined by US politicians has eventually extended from Hong Kong to the US Now they can witness it by their home windows I want to ask Speaker Pelosi and Secretary Pompeo: Should Beijing support protests in the US like you glorified rioters in Hong Kong? pictwittercom/tvg0kyK8j0
報導也稱美國示威也讓許多香港反送中示威者陷入尷尬局面稱他們雖然與在美國抗議的示威者們感覺團結一致但華府正對示威者採取強硬姿態讓他們感覺與華府之間可能有被撕裂的感受。報導最後指出華府要影響北京對港施壓的姿態正在嚴重受限制中。川普政府對於示威的反應恐怕將進一步傷害自身地位。</t>
  </si>
  <si>
    <t>美國示威usthe香港川普to華府and示威者轉貼大陸報導姿態youpic對於twitter發言人com</t>
  </si>
  <si>
    <t>川普香港國安法美國中國大陸</t>
  </si>
  <si>
    <t>國安法香港中國美國川普大陸</t>
  </si>
  <si>
    <t>《國際社會》南韓新冠肺炎確診再增374例累計達5186例</t>
  </si>
  <si>
    <t>肺炎確診南韓累計社會國際</t>
  </si>
  <si>
    <t>韓國疾病管理本部週二下午宣佈新型冠狀病毒感染確診病例新增374人累計確診病例達5186例。單日新增確診病例達974人。由於南韓境內新冠肺炎確診人數仍持續大幅增加截至週二為止全世界總計有89個國家或地區將</t>
  </si>
  <si>
    <t>確診週二病例截至下午增加宣佈大幅冠狀持續人數病毒感染新增肺炎全世界南韓境內本部國家管理累計地區疾病</t>
  </si>
  <si>
    <t>確診南韓週二病例公佈下午累計上午達到人數病毒感染新增全世界來自旅客實施截至入境地區國家增加祭出禁令隔離大幅</t>
  </si>
  <si>
    <t>南韓新冠肺炎病例確診</t>
  </si>
  <si>
    <t>病例肺炎南韓確診</t>
  </si>
  <si>
    <t>保費oiu腰斬壽險</t>
  </si>
  <si>
    <t>新冠肺炎疫情讓壽險行銷受阻但影響最大的還是專作境外客戶的國際保險業務分公司（OIU）。據保險局統計今年前5月壽險OIU僅賣出16張保單新契約保費僅8767萬美元（約新台幣26億元）且今年僅剩下五家壽險公司</t>
  </si>
  <si>
    <t>壽險oiu行銷境外受阻影響客戶國際保險業務分公司保險局今年疫情台幣保費契約保單統計年前剩下</t>
  </si>
  <si>
    <t>新冠肺炎疫情讓壽險行銷受阻但影響最大的還是專作境外客戶的國際保險業務分公司（OIU）。據保險局統計今年前5月壽險OIU僅賣出16張保單新契約保費僅8767萬美元（約新台幣26億元）且今年僅剩下五家壽險公司還有OIU保單進帳當初「專責」的OIU人員多已被解編轉往其他業務。
先前因為新冠肺炎各國都進行邊境管制措施境外人士不得入境OIU更是無生意可作很多去年底或今年初已談好的大保單近來都因為無法親自處理保單等相關契約因此無法完成投保、入帳。台灣對境外人士的境管措施6月下旬雖有鬆綁但仍然嚴格恐還難對OIU業績有助益。
保險局統計目前只有五家壽險公司還有OIU保單的新契約保費進帳即國泰人壽、富邦人壽、新光人壽、台灣人壽與全球人壽到5月五家公司共16張保單比去年同期的87張保單衰退816％保費則因今年有大保單進帳16張共87673萬美元但仍比去年同期衰退48％以上。
前五月OIU業績以新光人壽有五張保單、新契約保費731萬美元在件數及金額上都居第一但花了極大的力氣也只拿到約新台幣2億元左右的業績新壽強調這是全金控式的服務有些客戶也會在新光銀行OBU開戶進行資金調度或理財有些則是外銀轉介的VIP客戶就是看好台灣保單利率略高作資產配置。
第二名是富邦人壽的三張保單、新契約保費94萬美元左右；第三名是國泰人壽有兩張保單、25萬美元；全球人壽及台灣人壽也各有三張保單但保費各以19萬美元與7萬美元排名第四與第五。
當初敲鑼打鼓十多家壽險公司都要進軍OIU業務但目前各公司紛紛解編OIU人員有些不再推出保單即今年就沒有OIU新契約保費入帳就連現在的五家壽險公司很多OIU人員也都歸建各單位先去忙今年的保單大改款。</t>
  </si>
  <si>
    <t>保單oiu壽險保費公司契約今年客戶臺灣境外業績人員進帳進行人壽措施人士業務</t>
  </si>
  <si>
    <t>五家進帳保單人員解編</t>
  </si>
  <si>
    <t>進帳人員保單</t>
  </si>
  <si>
    <t>小心轉折下降疫情專家</t>
  </si>
  <si>
    <t>中國疾控中心流行病學首席科學家曾光12日上午在個人微博發文預測這次新冠肺炎疫情下降的轉折點已經出現但還潛藏著上升的轉折點。他提醒各界不可低估多達16億人口流動返程潮對疫情的負面影響首當其衝的就是</t>
  </si>
  <si>
    <t>疫情轉捩點科學家曾光上午個人微博發文返程首席預測流動人口低估肺炎不可提醒上升下降已經出現負面影響潛藏</t>
  </si>
  <si>
    <t>中國疾控中心流行病學首席科學家曾光12日上午在個人微博發文預測這次新冠肺炎疫情下降的轉折點已經出現但還潛藏著上升的轉折點。他提醒各界不可低估多達16億人口流動返程潮對疫情的負面影響首當其衝的就是珠三角、長三角和京津冀地區。
「大陸依據新型冠狀病毒肺炎的防控形勢的不同可以分為武漢市／湖北省的戰場以及湖北以外的省、直轄市、自治區的戰場。」曾光指出其中湖北以外的省市區每日確診病例數已連續下降6天下降的拐點在2月5日左右。
曾光表示這是按確診病例數統計出的拐點由於在每個患者確診前都要經過「暴露-感染-潛伏期-發病-就診-確診」的過程實際拐點的出現應該比確診時間早得多。
曾光曾經長達17年負責全大陸傳染病疫情報告監測和統計分析工作通過對冠狀病毒肺炎疫情的分析他提前預測了湖北以外的省市區確診病例數的拐點在「武漢封城」後5至10天後出現又提出農曆正月十五見分曉看來是預測對了。
不過曾光同時提醒「在下降拐點之後還難以避免又出現一個疫情上升的拐點。理由是切不可以低估多達16億人口流動返程潮對疫情的負面影響首當其衝的是對珠三角、長三角、京津冀地區的衝擊作用。」
「上述流動大軍無論乘坐火車、長途汽車還是飛機返程都處在密閉的環境中容易導致病毒傳播。」曾光解釋「返城後能否平安度過一個最長潛伏期需要做大量艱苦細緻的工作。」</t>
  </si>
  <si>
    <t>確診疫情出現預測下降肺炎流動曾光湖北返程大陸病例潛伏期以外提醒統計上升轉捩點病毒冠狀工作</t>
  </si>
  <si>
    <t>肺炎下降拐點湖北武漢肺炎</t>
  </si>
  <si>
    <t>肺炎下降湖北武漢</t>
  </si>
  <si>
    <t>動作名醫ng咳嗽打噴嚏</t>
  </si>
  <si>
    <t>新冠肺炎疫情延燒清明連假後一周雖然國內確診案例沒有明顯激增不過中央流行疫情指揮中心指揮官陳時中仍保守表示需再觀察一周。陽明醫學博士胸腔重症醫師蘇一峰也指出連假後觀察期只過一半並指出常看到民</t>
  </si>
  <si>
    <t>疫情指出保守中心指揮官陳時中指揮流行清明連醫師中央表示重症激增蘇一峰胸腔明顯觀察陽明醫學博士沒有</t>
  </si>
  <si>
    <t>新冠肺炎疫情延燒清明連假後一周雖然國內確診案例沒有明顯激增不過中央流行疫情指揮中心指揮官陳時中仍保守表示需再觀察一周。陽明醫學博士胸腔重症醫師蘇一峰也指出連假後觀察期只過一半並指出常看到民眾戴口罩的NG行為提醒大家千萬要注意！
蘇一峰在臉書發文表示常見到有呼吸道症狀戴口罩的人一咳嗽或打噴嚏時會特地把口罩拉下來造成飛沫噴射他非常不建議這樣的NG行為並提醒疫情期間戴口罩是為了保護自己也保護別人。
此外對於國人關心清明連假後是否還會掀疫情高峰？蘇一峰說疫情觀察期只到一半目前失分少雖讓人開心但「驕兵必敗」還要繼續謹慎防守如果這次守住要感謝一直守在第一線的醫護人員與防疫人員。對於清明連假後是否守住疫情陳時中表示連假後第一階段沒有出現大量確診但以疾病潛伏期14天而言還要再觀察一周。</t>
  </si>
  <si>
    <t>疫情口罩表示蘇一峰清明連沒有ng確診陳時中觀察期行為對於提醒指出觀察是否</t>
  </si>
  <si>
    <t>打噴嚏咳嗽口罩NG動作清明連假</t>
  </si>
  <si>
    <t>口罩動作ng咳嗽清明連打噴嚏</t>
  </si>
  <si>
    <t>倉庫公所平日時段終於領取水神</t>
  </si>
  <si>
    <t>水神次氯酸抗菌液終於來了！旺旺水神公司在鹿港鎮公所後方倉庫設置水神生成機鹿港鎮長許志宏8日在臉書宣佈消息後9日上午一開放領取就大排長龍公所趕緊宣佈在平日上午、下午之外再增加傍晚第三個時段方便民</t>
  </si>
  <si>
    <t>水神上午公所宣佈增加之外下午傍晚倉庫生成設置平日鎮長鹿港許志宏趕緊大排長龍開放終於領取</t>
  </si>
  <si>
    <t>水神次氯酸抗菌液終於來了！旺旺水神公司在鹿港鎮公所後方倉庫設置水神生成機鹿港鎮長許志宏8日在臉書宣佈消息後9日上午一開放領取就大排長龍公所趕緊宣佈在平日上午、下午之外再增加傍晚第三個時段方便民眾領取。
新冠肺炎疫情延燒全民防疫成為長期大作戰勤洗手、勤擦拭傢俱進行環境消毒酒精、次氯酸水都成為熱門搶手防疫物資目前旺旺水神在彰化縣政府七個局處捐借設置水神抗菌液製造機讓民眾免費領取。
許志宏表示在縣府和公所積極爭取下旺旺水神公司同意免費再增設一台機台公所已選擇在後方9號倉庫內完成機台裝設還加裝水龍頭到戶外方便民眾自備不透光空瓶容器盛裝。
許志宏表示旺旺水神共免費提供4瓶水神專用電解液約可產生8公噸微酸性電解次氯酸水民眾領取後不需稀釋即可使用在清潔環境及擦拭傢俱是最佳抗疫清潔用品。
公所指出每日每人限領1公升上午因索取太踴躍兩小時不到250公升迅速用完。除原本週一至週五上午9時30分、下午2點30分各提供250公升另再追加傍晚5點45分、120公升領完為止。</t>
  </si>
  <si>
    <t>水神公所民眾上午領取許志宏次氯酸免費成為擦拭環境機台防疫方便設置提供倉庫宣佈表示</t>
  </si>
  <si>
    <t>返鄉防疫旅館春節供不應求</t>
  </si>
  <si>
    <t>因應農曆春節返鄉潮嘉義市防疫旅館自9日起已從50間增加到66間不過需求量相當大明年1月1日至24日已全數訂全滿25日至31日訂房率也達9成雖市府希望更多業者能加入春節防疫旅館行列因交通部國旅券補助到明年</t>
  </si>
  <si>
    <t>防疫旅館春節明年市府希望業者嘉義加入行列國旅交通部返鄉需求量</t>
  </si>
  <si>
    <t>因應農曆春節返鄉潮嘉義市防疫旅館自9日起已從50間增加到66間不過需求量相當大明年1月1日至24日已全數訂全滿25日至31日訂房率也達9成雖市府希望更多業者能加入春節防疫旅館行列因交通部國旅券補助到明年4月底加上國旅出遊商機已湧現造成排擠效應市府已向中央反映建議釋出部分集中檢疫所以因應春節短期防疫需求。
嘉義市政府觀光新聞處觀光旅遊科科長林志榮表示之前就觀察到春節防疫旅館訂房需求大增提前協調業者把房間數從既有50間增加到60間還是無法滿足返鄉國人防疫住宿需求詢問度居高不下雖曾向旅宿業者協調盼更多旅宿業加入春節防疫旅館行列但過程並不順利。
根據旅宿業者說法交通部觀光局的國旅券補助是從即日起到明年4月底同時觀光局也規定申請防疫旅館者不得申請國旅補助業者從經營角度評估當然會爭取為期較長的國旅商機而不是僅有春節1個月的防疫旅館需求加上國旅大爆發即使沒有國旅券嘉義市訂房率也已回溫。
在此衝突下觀光新聞處強調仍會努力與業者溝通衛生局也向衛生福利部醫福會反應請其釋出集中檢疫所多管齊下增加防疫量能。</t>
  </si>
  <si>
    <t>防疫業者國旅旅館春節需求嘉義增加補助明年市府釋出協調新聞觀光加上返鄉</t>
  </si>
  <si>
    <t>新冠肺炎台灣防疫旅館春節業者</t>
  </si>
  <si>
    <t>臺灣防疫肺炎旅館春節業者</t>
  </si>
  <si>
    <t>官名疫苗預言民進公佈不敢</t>
  </si>
  <si>
    <t>本土疫情持續升溫台灣面臨嚴重疫苗荒。針對衛福部的優先名單第二類「維持防疫體系運作之中央及地方政府重要官員」名單有誰引起外界質疑。中央流行疫情指揮中心副指揮官陳宗彥16日搬出《個資法》第6條規定指</t>
  </si>
  <si>
    <t>中央名單疫情陳宗彥臺灣指揮官嚴重面臨中心疫苗指揮衛福部流行優先維持質疑防疫外界體系引起運作地方官員政府</t>
  </si>
  <si>
    <t>本土疫情持續升溫台灣面臨嚴重疫苗荒。針對衛福部的優先名單第二類「維持防疫體系運作之中央及地方政府重要官員」名單有誰引起外界質疑。中央流行疫情指揮中心副指揮官陳宗彥16日搬出《個資法》第6條規定指個資無法公佈姓名迴避面對問題。港媒評論直言此事讓台灣民眾有強烈被剝奪感民進黨恐無法輕易迴避執政聲望將受到空前挑戰。
媒體人陳文茜日前質疑有些非高風險的行政機關及總統府人員混在優先名單中呼籲指揮中心公開第二類接種名單。陳宗彥16日回應稱疫苗注射屬於醫療行為必須依《個資法》規定相關醫療、身體健康資料屬特種個資因此名單不可公開。
根據香港媒體《中評社》今日（18）評論指出臺北市某診所先前爆出「偷打疫苗」事件讓綠營及親綠人士「撿到槍」群起圍剿臺北市市長柯文哲；不僅如此民進黨立委蘇治芬也指控國民黨籍雲林縣長張麗善胞兄張榮味、姪女張嘉郡插隊打疫苗亦有綠委質疑國民黨前主席連戰特權插隊打疫苗。在野黨面對攻勢踢爆行政院院長蘇貞昌愛將政院顧問丁怡銘已打疫苗藉此質疑衛福部「維持防疫體系運作之中央及地方政府重要官員」名單裡到底有誰？衛福部部長陳時中17日朝野協商面對民眾黨、國民黨立委砲轟卻強硬拒絕提供相關資訊供社會檢視。
評論分析在長者接種AZ疫苗陸續傳出猝死消息後老百姓看到高官擅用特權搶打一針難求的美國莫德納疫苗必然會產生強烈被剝奪感在野黨猛打此議題理所當然執政黨拒絕公佈相關名單只會讓外界更加質疑莫非是名單內有什麼不可告人的事生怕難以服眾故不敢公開；民進黨不可能輕易迴避此議題執政聲望也恐遭受空前挑戰與衝擊。</t>
  </si>
  <si>
    <t>疫苗名單質疑評論面對相關民進公開回避衛福部臺北市臺灣接種議題特權公佈中央國民黨拒絕優先</t>
  </si>
  <si>
    <t>疫苗打疫苗新冠肺炎台灣陳時中</t>
  </si>
  <si>
    <t>肺炎臺灣疫苗陳時中</t>
  </si>
  <si>
    <t>肺炎詐騙集團</t>
  </si>
  <si>
    <t>有竹聯幫黑道背景的朱姓男子涉嫌在疫情期間假借「新冠肺炎」話術假冒檢警向大陸民眾詐騙初估3月至今已有近百人受騙不法獲利約1000萬台幣。刑事局日前至朱嫌位於桃園的話務機房攻堅逮捕朱等6嫌依組織</t>
  </si>
  <si>
    <t>逮捕黑道攻堅背景機房朱姓男子涉嫌桃園疫情位於朱嫌期間日前假借台幣肺炎獲利受騙近百人假冒</t>
  </si>
  <si>
    <t>有竹聯幫黑道背景的朱姓男子涉嫌在疫情期間假借「新冠肺炎」話術假冒檢警向大陸民眾詐騙初估3月至今已有近百人受騙不法獲利約1000萬台幣。刑事局日前至朱嫌位於桃園的話務機房攻堅逮捕朱等6嫌依組織犯罪、詐欺等罪嫌送辦。
警方調查39歲朱嫌等人在桃園市民宅設立跨境電信話務機房向大陸民眾誆稱對方採檢「新冠肺炎」確診若對方一頭霧水就把話題帶到其個資外洩等需立即報案藉機假冒公安詐騙。
專案小組上周持搜索票至朱嫌機房攻堅現場逮捕朱嫌等人現場查獲詐欺用筆記型電腦4部、工作機20支、人頭電話卡19張、WIFI分享器2臺、平板電腦1部、監視器鏡頭3組、租賃契約2份、金融帳簿10本、AP手錶1支、新台幣216萬5000元整、白色保時捷休旅車1部、黑色賓士休旅車1部等證物。
警方估計朱嫌的AP表要價449萬加上保時捷與賓士光是名車、名表市值就超過千萬。朱嫌否認詐欺並拒絕提供被害人資料複訊後遭法官裁定羈押禁見警方將從查扣證物循線追查被害人與該集團的洗錢流向擴大偵辦。</t>
  </si>
  <si>
    <t>朱嫌詐欺警方機房被害人ap台幣詐騙假冒證物賓士民眾大陸桃園肺炎攻堅逮捕黑道背景朱姓</t>
  </si>
  <si>
    <t>新冠肺炎刑事局詐騙機房話術</t>
  </si>
  <si>
    <t>詐騙肺炎機房</t>
  </si>
  <si>
    <t>確診曾赴臺北虎林市場城隍廟</t>
  </si>
  <si>
    <t>臺北市公佈1例確診個案足跡案15874在8月6日確診初判可能感染源尚待釐清而該確診者為虎林市場的攤商8月3至5日早上6點到11點都在虎林市場擺攤個案工作場域已做清消8月7日至9日封攤3天。北市衛生局確診足跡</t>
  </si>
  <si>
    <t>確診個案市場虎林足跡感染可能擺攤工作早上北市公佈</t>
  </si>
  <si>
    <t>臺北市公佈1例確診個案足跡案15874在8月6日確診初判可能感染源尚待釐清而該確診者為虎林市場的攤商8月3至5日早上6點到11點都在虎林市場擺攤個案工作場域已做清消8月7日至9日封攤3天。
北市衛生局確診足跡公佈顯示案15874在8月4日上午11點30分至40分曾到松山區虎林街臺北府城隍廟目前也已做清消7日停止對外開放1天。</t>
  </si>
  <si>
    <t>確診虎林個案市場公佈足跡臺北目前城隍廟松山區感染可能上午</t>
  </si>
  <si>
    <t>台灣確診封攤新冠肺炎虎林街</t>
  </si>
  <si>
    <t>肺炎虎林確診臺灣</t>
  </si>
  <si>
    <t>莊人祥國內傳染變異印度</t>
  </si>
  <si>
    <t>本土疫情爆發每天動輒上百人確診根據指揮中心統計國內這波流行的主要是英國變異株然而近期在爆發的印度變異株傳染力更甚一籌媒體問到疫情指揮中心是否在國內有驗出印度變異株？中央流行疫情指揮中心發言</t>
  </si>
  <si>
    <t>疫情指揮變異中心印度流行國內爆發上百人一籌傳染媒體問到確診統計是否英國中央動輒近期本土發言</t>
  </si>
  <si>
    <t>本土疫情爆發每天動輒上百人確診根據指揮中心統計國內這波流行的主要是英國變異株然而近期在爆發的印度變異株傳染力更甚一籌媒體問到疫情指揮中心是否在國內有驗出印度變異株？中央流行疫情指揮中心發言人莊人祥表示國內除了先前有驗出3例印度變異株的境外移入個案本土目前還沒有驗出印度變異株。
莊人祥表示除了4到5月有驗出3例印度變異株的境外移入個案外本土目前還沒有出現印度變異株的傳播目前社區流行的主要還是英國變異株英國衛生部在6月11日、6月14日公佈疫苗對英國變異株和印度變異株的保護力比較AZ施打一劑或兩劑都有保護作用住院保護力方面施打AZ疫苗一劑的保護力上英國變異株為76%印度變異株為71%施打兩劑的話英國變異株的保護力則上升到86%印度變異株則為92%。
莊人祥指出英國在施打疫苗後覆蓋率已達6成曾經降到一天確診者3000到4000近期微幅上升到1天7000多例確診有學者預測若英國疫情7月還沒有控制下來就可能還會有另一波疫情爆發是否因為這樣英國規劃要縮短施打第二劑的間隔讓人民盡快施打疫苗會針對這個議題請ACIP專家討論台灣也會根據疫苗進貨量以及流行病毒株來做調整。
中央流行疫情指揮中心指揮官陳時中說英國施打第一批是希望疫苗含蓋率變高也因為英國第一劑涵蓋率已經到了一個高點希望第二劑涵蓋率也能提高相信各國都會根據疫情以及人民反映來調整整體的公共衛生政策。
至於現在很多國家因為印度變種病毒導致疫情升高國內疫苗覆蓋率又不夠的情況下是否規劃入境14天檢疫期滿且一律採檢陰性才放行？陳時中表示上述做法目前也在專家會議裡有很大的爭辯我想大家會提出相關科學證據做進一步驗證會尊重專家委員會的觀點。</t>
  </si>
  <si>
    <t>英國疫苗疫情變異印度施打流行國內目前指揮確診表示是否專家中心保護爆發沒有規劃陳時中</t>
  </si>
  <si>
    <t>印度變異株英國變異株傳染力莊人祥新冠肺炎</t>
  </si>
  <si>
    <t>傳染莊人祥變異英國肺炎印度</t>
  </si>
  <si>
    <t>《其他電子》陸復工緩慢影響營收鴻海量增價跌</t>
  </si>
  <si>
    <t>海量影響緩慢復工電子</t>
  </si>
  <si>
    <t>新冠肺炎疫情致使中國大陸復工進度緩慢鴻海精密（2317）對此坦言對全年營收確有負面影響但海外廠區營運持續滿載部分擴產計畫亦正常進行中。鴻海今（20）日開高後翻黑最低下跌155％終場下跌119％、收於82</t>
  </si>
  <si>
    <t>致使中國大陸復工進度緩慢開高營運持續滿載部分疫情海外擴產負面影響確有全年</t>
  </si>
  <si>
    <t>新冠肺炎疫情致使中國大陸復工進度緩慢鴻海精密（2317）對此坦言對全年營收確有負面影響但海外廠區營運持續滿載部分擴產計畫亦正常進行中。鴻海今（20）日開高後翻黑最低下跌155％終場下跌119％、收於828元成交量增加374％至35萬張。
鴻海約75％產能位於中國大陸雖然各主要廠區自10日起逐漸恢復生產但投顧法人認為由於零組件物流及勞動力流通受限預期最快3月初才能全面生產預期鴻海首季淡季營收恐季減約45％甚至可能跌破兆元關卡。
對此鴻海發布重訊表示公司一向不評論市場對集團營運的評估報告也未曾對外發布季度財測。不過受新冠肺炎疫情影響在保護員工安全為第一優先、復工流程合法合規原則下中國大陸主要廠區復工進度較為謹慎坦言對全年營收確有負面影響。
不過鴻海表示包括越南、印度、墨西哥等地的海外廠區營運持續滿載部分擴產計畫正常進行中整體詳細狀況將待情況明朗後再對外說明。投顧法人則認為鴻海的內部零組件製造與物流支持有助於集團在疫情趨穩時展現更好的恢復力。</t>
  </si>
  <si>
    <t>復工疫情營運中國大陸集團對外發佈生產表示物流預期元件對此法人進行認為肺炎</t>
  </si>
  <si>
    <t>鴻海股價中國新冠肺炎疫情</t>
  </si>
  <si>
    <t>中國股價肺炎疫情</t>
  </si>
  <si>
    <t>《造紙股》正隆助抗疫竹北廠免費提供消毒水</t>
  </si>
  <si>
    <t>竹北免費提供正隆造紙消毒水</t>
  </si>
  <si>
    <t>造紙大廠正隆（1904）因應新冠病毒疫情持續延燒主要生產家庭用紙的竹北廠為照顧鄰近居民需求宣佈今（24）日起免費提供附近居民次氯酸鈉水鼓勵居民做好環境消毒、維護安全空間為疫情防護貢獻心力。正隆造紙事</t>
  </si>
  <si>
    <t>居民疫情正隆造紙貢獻防護病毒空間持續安全家庭用紙做好環境生產附近提供竹北消毒維護免費照顧鄰近</t>
  </si>
  <si>
    <t>造紙大廠正隆（1904）因應新冠病毒疫情持續延燒主要生產家庭用紙的竹北廠為照顧鄰近居民需求宣佈今（24）日起免費提供附近居民次氯酸鈉水鼓勵居民做好環境消毒、維護安全空間為疫情防護貢獻心力。
正隆造紙事業部副總張清標表示防疫期間的環境清潔相當重要為鼓勵鄰近居民在經常接觸之處消毒特別動員竹北廠內化研中心同仁參照衛服部公告方式將次氯酸鈉原液稀釋100倍後調製成消毒用水（500ppm）並自24日起免費提供。
正隆表示民眾只要自備不透光容器可在每天上午9點至下午4點間在竹北廠區門口自行取用。不過正龍也指出稀釋後的消毒水在24小時後殺菌效果將降低希望民眾不要囤積並儘可能在有效期間內使用完畢。
正隆表示可使用消毒水對門把、桌面、電源開關、水龍頭、樓梯扶手等經常接觸處進行消毒並印製說明卡呼籲民眾勤洗手並提醒使用消毒水時須注意避免接觸眼睛、皮膚使用時需配戴口罩和手套並保持環境通風等。
因應國高中及國小等各級學校明（25）日開學正隆表示竹北廠將配合當地裡長持續提供免費消毒水以守護附近居民和學生學習環境與健康平安健康的度過此次新冠肺炎疫情難關。
正隆竹北廠成立於1973年主要生產家庭用紙及塗布卡紙包括春風、情人、雪柔、蒲公英品牌等衛生紙、面紙、紙巾產品。集團規畫3年內斥資15億元於該廠增設1座90噸生質能CFB熱電系統以提升替代燃料率、減少用煤量預計2021年第四季商轉。</t>
  </si>
  <si>
    <t>正隆竹北消毒水環境消毒表示居民使用民眾接觸疫情提供免費期間持續因應次氯酸鈉鄰近稀釋經常用紙鼓勵</t>
  </si>
  <si>
    <t>正隆消毒水竹北廠免費接觸</t>
  </si>
  <si>
    <t>竹北消毒水免費正隆接觸</t>
  </si>
  <si>
    <t>確診個案外縣市足跡雲林</t>
  </si>
  <si>
    <t>雲林縣17日無新增確診個案但有外縣市確診至本縣足跡案1例（案13619）為男性21歲平時於雲林縣麥寮鄉六輕工業區上班11日返回桃園住家曾與確診個案足跡重疊15日前往醫院採檢結果陽性16日確診目前由桃園</t>
  </si>
  <si>
    <t>確診林縣個案足跡桃園于雲麥寮輕工業上班結果陽性醫院日前返回重疊住家平時男性外縣市</t>
  </si>
  <si>
    <t>雲林縣17日無新增確診個案但有外縣市確診至本縣足跡案1例（案13619）為男性21歲平時於雲林縣麥寮鄉六輕工業區上班11日返回桃園住家曾與確診個案足跡重疊15日前往醫院採檢結果陽性16日確診目前由桃園市安排前往集中檢疫所隔離治療。
雲林縣政府表示案13619在本月2至4日、7至11日的活動範圍均在六輕工業區內早上到福利大樓拿早餐後前往上班地點晚上到福利大樓拿便當後回宿舍9日曾到醫務室求診均是步行移動、有戴口罩。
另外案13619在桃園的同住家人有相關症狀15日檢驗為陽性目前匡列居家隔離26人。
縣政府指出目前掌握地點皆已通知相關單位進行清消確診者的足跡是透過疫情調查詢問確診者由確診者回溯這段期間的活動地點、停留時間等可能會有回溯上的偏差會持續調查更新。</t>
  </si>
  <si>
    <t>確診地點桃園目前林縣足跡相關前往上班隔離活動輕工業陽性調查個案回溯大樓福利</t>
  </si>
  <si>
    <t>新冠肺炎台灣確診個案足跡雲林</t>
  </si>
  <si>
    <t>臺灣確診個案肺炎足跡雲林</t>
  </si>
  <si>
    <t>類人排除時中試驗解釋臨床原因高端</t>
  </si>
  <si>
    <t>衛生福利部去（2020）年公告徵求高端疫苗臨床實驗受試者時曾明確備註5類人不建議參加現有專家質疑高端開打這5類人並未被排除且說明中也沒有特別註明。中央流行疫情指揮中心指揮官陳時中回應做臨床試驗時</t>
  </si>
  <si>
    <t>高端類人徵求陳時中回應指揮官中心指揮疫情疫苗流行中央注明特別臨床實驗沒有受試者說明排除明確備註並未專家建議</t>
  </si>
  <si>
    <t>衛生福利部去（2020）年公告徵求高端疫苗臨床實驗受試者時曾明確備註5類人不建議參加現有專家質疑高端開打這5類人並未被排除且說明中也沒有特別註明。中央流行疫情指揮中心指揮官陳時中回應做臨床試驗時為將控制將風險降到最低實驗才能夠正確因此會有排除對象「不會去醫院裡找身體不好的做實驗」。
今（26）日於疫情記者會時有媒體問及有專家質疑高端當初在臨床試驗時排除5類對象包括包括病情控制不穩的慢性病患、免疫功能低下或免疫系統疾病者、一個月內曾接受重大手術、癌症正在療程中或即將接受治療者及嘗試受孕、懷孕或餵母乳的女性但現在施打後這5類人卻未被排除？
對此陳時中回應有關被排除的對象我想是不同類的專家相對是在做臨床試驗的專家都明白在做人體實驗的時候有些對像是被排除掉基本上就是疫苗本身在做臨床試驗將控制的風險降到最低實驗才能夠正確。
陳時中說所以在做臨床實驗才會有排除的對象不會去醫院裡找身體不好的這都會增加疫苗的變數這些在國際上都有規則可依循待這些比較健康的人做完一定的比例就可以開放給更多人來打持續觀察安全性及有效性。
另外有媒體問高端疫苗有5類人在試驗時就被排除之後是否有考慮在接種單上加註5對象接種時要多加諮詢？陳時中表示我們在說明上一部分的疫苗臨床試驗裡都會有一些排除的對象但跟醫師諮詢的對象可能又更廣所以大家覺得自己有些慢性病、不穩定或是有些免疫不足的情況都需要跟醫生做諮詢。
★《中時新聞網》提醒您：因應新冠肺炎疫情疾管署持續加強疫情監測與邊境管制措施 如有疑似症狀請撥打：1922專線或 0800-001922 並依指示配戴口罩儘速就醫同時主動告知醫師旅遊史及接觸史以利及時診斷及通報。</t>
  </si>
  <si>
    <t>物件排除疫苗疫情類人試驗臨床高端陳時中專家接受醫師實驗持續臨床實驗</t>
  </si>
  <si>
    <t>高端國產疫苗高端疫苗臨床試驗新冠疫苗</t>
  </si>
  <si>
    <t>臨床疫苗試驗高端</t>
  </si>
  <si>
    <t>運量新低</t>
  </si>
  <si>
    <t>新冠肺炎疫情嚴重衝擊台灣觀光產業靜宜大學觀光系教授黃正聰指出新冠肺炎規模遠大於SARS影響產值約為SARS的4倍建議政府未來除擴大國旅補助外包括產業資產利息補貼規費及遊覽車燃料稅、營所稅等減免將</t>
  </si>
  <si>
    <t>產業肺炎sars觀光規費補貼利息資產燃料包括補助建議遊覽車政府未來擴大國旅大於教授臺灣規模</t>
  </si>
  <si>
    <t>新冠肺炎疫情嚴重衝擊台灣觀光產業靜宜大學觀光系教授黃正聰指出新冠肺炎規模遠大於SARS影響產值約為SARS的4倍建議政府未來除擴大國旅補助外包括產業資產利息補貼規費及遊覽車燃料稅、營所稅等減免將危機化為轉機才能有效振興台灣觀光產業。
受到新冠肺炎疫情的影響桃園機場2月起旅運量如雪崩式下滑由平均每天約近13萬左右入出境人次（含過境轉機）掉到現今每日只剩6、7萬人次17日更已掉到只剩5萬9692人次創10年來新低；18日預估旅運量更只有5萬4000人次再創新低。
根據移民署統計今年1月至2月15日為止入出境旅客共計311萬1186人次相較去年同期719萬9864人次大幅減少56％顯現今年國內外入出境旅客人數受到新冠肺炎疫情持續升高確實受到影響。
民航局統計目前兩岸及港澳航班取消都已超過7成和去年12月平均值相比旅客量掉逾8成。
黃正聰指出去年同期每月國內旅遊高達1666萬人次疫情爆發後每月只剩833萬人次直接砍半；觀光產值從去年同期每月333億元減少到每月約167億元3個月減少約500億元旅宿業、餐飲業等全面受到衝擊。
黃正聰認為新冠肺炎目前僅大陸失控研判疫情6月結束8月各國逐漸恢復來台旅遊、陸客限縮解禁政府應先擴大國旅補助每月補助觀光產業10億元刺激消費帶動每月60億元產值持續半年需60億元配合觀光發展基金挹注等多管齊下方能重振台灣觀光產業。</t>
  </si>
  <si>
    <t>觀光疫情產業肺炎受到影響去年同期產值出境臺灣轉機目前旅遊統計指出減少持續黃正聰運量</t>
  </si>
  <si>
    <t>肺炎新低旅運量黃正聰觀光產業</t>
  </si>
  <si>
    <t>黃正聰運量新低觀光產業肺炎</t>
  </si>
  <si>
    <t>病亡患者肺炎逐漸武漢市下降</t>
  </si>
  <si>
    <t>3日湖北省人民政府副省長楊雲彥在發布會上表示目前湖北省各地市危重症床位配置已基本能滿足重症病人的救治需求武漢市通過加快建設重症救治床位由「人等床」轉變為「床等人」截至3月2日同濟光穀、協和醫院</t>
  </si>
  <si>
    <t>床位重症救治發佈會表示目前湖北省危重症病人配置同濟滿足基本截至楊雲彥需求建設加快省長轉變武漢市</t>
  </si>
  <si>
    <t>3日湖北省人民政府副省長楊雲彥在發布會上表示目前湖北省各地市危重症床位配置已基本能滿足重症病人的救治需求武漢市通過加快建設重症救治床位由「人等床」轉變為「床等人」
截至3月2日同濟光穀、協和醫院等10家危重症救治定點醫院共開放危重症床位7286張共收治危重症、重症患者3728名武漢市新冠肺炎患者病亡率正逐漸下降。</t>
  </si>
  <si>
    <t>危重症床位重症救治患者武漢市病亡發佈會表示目前湖北省同濟配置協和醫院肺炎滿足病人基本楊雲彥</t>
  </si>
  <si>
    <t>肺炎患者救治新冠武漢市</t>
  </si>
  <si>
    <t>救治患者武漢市肺炎</t>
  </si>
  <si>
    <t>肺炎員工收費高速公路在家名古屋日本隔離</t>
  </si>
  <si>
    <t>日本22日新增15例新冠肺炎確診其中名古屋公佈4人感染確診其中一名60多歲男性是高速公路收費站的職員和他密集接觸的52名收費員也被要求在家隔離名古屋高速公路更決定封閉6個入口。根據《日本媒體》報導</t>
  </si>
  <si>
    <t>高速公路名古屋確診日本封閉決定肺炎男性收費隔離職員密集接觸收費站在家要求入口公佈感染新增媒體報導</t>
  </si>
  <si>
    <t>日本22日新增15例新冠肺炎確診其中名古屋公佈4人感染確診其中一名60多歲男性是高速公路收費站的職員和他密集接觸的52名收費員也被要求在家隔離名古屋高速公路更決定封閉6個入口。
根據《日本媒體》報導日本名古屋市在22日公佈4名的新型冠狀病毒的確診病例其中一名是40多歲的婦女另外3名是60多歲的中年男女但因其中有一人是高速公路收費站的員工雖然收費站沒有直接和駕駛有直接接觸但他有可能傳染負責收費的52位同事所以這52名收費員必須在家隔離觀察。
這突如其來的狀況造成收費站人手不足名古屋高速公路因此重新調配盡可能選擇車輛較少的收費站關閉包括ETC收費車道名古屋高速公路22日已封閉5處收費車道23日再封閉東海新寶收費亭。
根據日媒報導名古屋高速公路全部共9條路線總長812公里目前已封閉六番北、六番南、木場、船見、東海新寶和鳥森這6個收費站估計平均一天約有1萬1000輛左右的車輛通過若要等到這52名收費員回來上班至少要等到3月上旬。
更多 CTWANT 報導</t>
  </si>
  <si>
    <t>收費高速公路名古屋收費站封閉報導確診車輛東海接觸隔離公佈日本車道至少上班直接回來等到觀察</t>
  </si>
  <si>
    <t>收費站名古屋高速公路收費員新冠肺炎</t>
  </si>
  <si>
    <t>高速公路收費名古屋收費站肺炎</t>
  </si>
  <si>
    <t>疫苗賴士葆購買臺灣十萬火急蔡英文入侵聽到病毒delta</t>
  </si>
  <si>
    <t>指揮中心今天表示日前屏東2名自秘魯入境的祖孫經基因定序確定為印度病毒株（Delta）。藍委賴士葆表示Delta變種病毒來勢洶洶全世界都嚴陣以待很多國家都因為這個新的病毒侵襲重啟警戒防疫措施採購疫苗、</t>
  </si>
  <si>
    <t>病毒表示delta警戒日前侵襲入境秘魯祖孫基因防疫來勢洶洶變種印度確定國家全世界措施藍委今天嚴陣以待賴士葆</t>
  </si>
  <si>
    <t>指揮中心今天表示日前屏東2名自秘魯入境的祖孫經基因定序確定為印度病毒株（Delta）。藍委賴士葆表示Delta變種病毒來勢洶洶全世界都嚴陣以待很多國家都因為這個新的病毒侵襲重啟警戒防疫措施採購疫苗、施打疫苗是所有國家目前最優先的政策蔡英文總統聽到沒？
賴士葆表示姑且不論很多先進國家採購疫苗數量都是人口的幾倍鄰近的菲律賓日前與輝瑞簽約購買4千萬劑疫苗越南自購3100萬劑疫苗7月要陸續交貨他感嘆台灣的經濟實力在世界排名15左右防疫紓困特別預算編列340多億元採購疫苗從去年迄今採購到貨的只有6億元左右採購績效讓人欲哭無淚。
賴士葆指出感謝最近美國捐贈250萬劑莫德納疫苗、日本先前捐贈的124萬劑及現在加送的100萬劑AZ疫苗對防疫絕對有很大幫助然而面對疫情指揮中心採購無能的表現駐美代表蕭美琴應該請美方協助下訂的500多萬劑莫德納疫苗能夠早點交貨完畢甚至於加購幾百萬劑疫苗；駐日代表謝長廷也應向日本政府表達我們願意購買國際認證的疫苗且能加速到貨？
賴士葆說政府各個有關單位應窮其一切力量向國外買進疫苗以及對於地方政府、企業、民間團體要捐贈疫苗的申請應該盡速幫忙開綠燈、除路障使台灣能夠增加疫苗供給量以提高整體防護能力如此才能夠對得起因新冠肺炎而死亡的600多條寶貴的生命。
「當病毒不斷地變種施打疫苗是唯一的解方」賴士葆認為疫情指揮中心將所有疫苗採購的過程都黑箱作業立法院衛環委員會成立的疫苗採購調閱小組也在執政黨的刻意杯葛下形同虛設因此人民無從知道、也無從監督難怪一年多了指揮中心交不出起碼的成績單。</t>
  </si>
  <si>
    <t>疫苗採購賴士葆病毒中心指揮防疫能夠表示國家捐贈日前政府臺灣應該代表變種購買莫德納到貨交貨疫情</t>
  </si>
  <si>
    <t>賴士葆疫苗Delta採購疫苗新冠肺炎</t>
  </si>
  <si>
    <t>疫苗採購delta肺炎賴士葆</t>
  </si>
  <si>
    <t>肺炎接種五大團體疫苗遠離炎日致死威脅世界</t>
  </si>
  <si>
    <t>今日世界肺炎日李慶雲兒童感染暨疫苗發展醫學文教基金會攜手中華民國糖尿病學會、台灣家庭醫學醫學會、財團法人中華民國心臟基金會及財團法人腎臟病防治基金會現場共同呼籲應積極採取保護措施控制自身慢性病</t>
  </si>
  <si>
    <t>基金會醫學中華民國財團法人積極李慶雲兒童呼籲感染共同現場疫苗採取發展炎日文教攜手臺灣糖尿病醫學會學會病防治保護措施腎臟心臟家庭控制世界</t>
  </si>
  <si>
    <t>肺炎感染鏈球菌疫苗患者心臟疾病接種慢性病醫師預防建議風險糖尿病腎臟提醒死亡高血壓控制</t>
  </si>
  <si>
    <t>肺炎感染疫苗患者病患</t>
  </si>
  <si>
    <t>疫苗患者感染肺炎</t>
  </si>
  <si>
    <t>出爐以上對象接種疫苗打得高端</t>
  </si>
  <si>
    <t>第六輪高端疫苗接種即將在下週一（16日）開放預約中央流行疫情指揮中心今天公佈第六輪有3類對象符合預約資格預計提供60多萬劑高端疫苗供第六輪接種。指揮官陳時中表示目前先準備60幾萬劑的高端疫苗符合預</t>
  </si>
  <si>
    <t>預約疫苗高端符合接種中心今天指揮疫情流行中央公佈輪有開放對象準備陳時中表示目前下週一指揮官資格預計提供即將</t>
  </si>
  <si>
    <t>第六輪高端疫苗接種即將在下週一（16日）開放預約中央流行疫情指揮中心今天公佈第六輪有3類對象符合預約資格預計提供60多萬劑高端疫苗供第六輪接種。
指揮官陳時中表示目前先準備60幾萬劑的高端疫苗符合預約資格的對像是65歲以上長者、64歲至20歲第九類對象以及64至36歲民眾。不過他也提到由於距離第六輪開放預約還有一點時間如果還有疫苗封緘檢驗完畢不排除增加接種的劑次。
指揮中心表示「COVID-19公費疫苗預約平臺」( https://1922govtw/ )將自8月16日上午10時至8月18日中午12時止開放預約此期可接種疫苗為高端疫苗符合預約資格對象如下：
一、65歲以上(含)[即1956年12月31日(含)以前出生]長者
二、64歲至20歲(含)[即2001年8月23日(含)以前出生]第九類對象
三、64歲至36歲(含)[即1985年12月31日(含)以前出生]民眾
上述符合預約資格者即得於開放預約期間進行預約亦將於開放預約後陸續收到提醒簡訊請記得進行預約。此期預約預定於8月23日至8月29日施打並視疫苗供應期程調整接種場次籲請民眾屆時準時前往接種。
目前高端疫苗僅35萬多劑完成食藥署封緘檢驗程式包括8月2日通過第1到4批高端疫苗共26萬5528劑以及4日再通過的第5批8萬6910劑另外尚有9批檢驗中、8批待廠商補件。</t>
  </si>
  <si>
    <t>預約疫苗接種開放高端檢驗民眾物件符合資格指揮中心表示目前進行長者以上出生尚有提醒簡訊收到陸續</t>
  </si>
  <si>
    <t>高端疫苗第六輪預約時間接種時間符合資格者</t>
  </si>
  <si>
    <t>時間接種預約符合資格高端疫苗</t>
  </si>
  <si>
    <t>男童竹市陽性家人確診</t>
  </si>
  <si>
    <t>依據中央流行疫情指揮中心公佈新竹市28日新增1名確診個案新增的案7307為1歲多男童為23日公佈的30多歲男性案4235同住家人。男童22日匡列居家隔離、23日第一次採檢陰性27日出現發燒症狀進行二次採檢28日PCR</t>
  </si>
  <si>
    <t>公佈男童指揮中心新竹新增家人疫情進行出現症狀發燒陰性隔離確診居家流行個案男性中央依據pcr</t>
  </si>
  <si>
    <t>依據中央流行疫情指揮中心公佈新竹市28日新增1名確診個案新增的案7307為1歲多男童為23日公佈的30多歲男性案4235同住家人。男童22日匡列居家隔離、23日第一次採檢陰性27日出現發燒症狀進行二次採檢28日PCR陽性確診。因案7307為案4235匡列接觸者31人之一因此無另外匡列接觸者也無新增足跡。
林智堅市長表示23日公佈的案4235曾赴萬華確診後匡列31人居家隔離後同住家人30多歲女性案5073、30多歲男性案5074以及30多歲男性案5075為25日公佈確診個案。
案7307為案5073與案5074的孩子平時由媽媽照顧23日第一次採檢結果為陰性但27日出現發燒症狀進行第二次採檢結果為PCR陽性確診。
此外市長林智堅也在直播中公佈成立全台首座專責疫苗接種站地點選在空曠通風的動物園第二停車場將可加快疫苗接種效率建構更強大防疫網並減少民眾出入醫院分攤5大醫院負擔。
林智堅指出新竹市28日獲配的2800劑疫苗將優先都給一線醫護、防疫工作相關人員施打1900劑給竹市專責醫院醫護人員其餘900劑則是基層診所醫事人員、員警及消防同仁、民政人員等等施打。</t>
  </si>
  <si>
    <t>公佈確診疫苗林智堅醫院防疫人員專責接種新竹市長施打結果匡列隔離男童居家陽性</t>
  </si>
  <si>
    <t>新冠肺炎台灣萬華確診PCR</t>
  </si>
  <si>
    <t>萬華肺炎臺灣確診pcr</t>
  </si>
  <si>
    <t>發生遲早維持感染零星社區個案</t>
  </si>
  <si>
    <t>新冠肺炎疫情延燒台灣出現首例死亡病例臺北市長柯文哲17日表示即使是社區感染也有程度的不同他提醒大家「社區感染遲早會發生」但重點是就算發生要維持在「零星個案」這是上策。台灣出現新冠肺炎死亡首例</t>
  </si>
  <si>
    <t>臺灣出現感染社區發生死亡首例肺炎提醒遲早零星表示個案柯文哲臺北市病例上策不同就算</t>
  </si>
  <si>
    <t>新冠肺炎疫情延燒台灣出現首例死亡病例臺北市長柯文哲17日表示即使是社區感染也有程度的不同他提醒大家「社區感染遲早會發生」但重點是就算發生要維持在「零星個案」這是上策。
台灣出現新冠肺炎死亡首例中央疫情指揮中心認為只是零星個案還沒到社區感染。
柯文哲今出席錦州社會住宅新建工程開工典禮時對此指出第一點這是不是社區感染還不一定因為該死亡司機載過中港澳乘客所以還要確定第二點社區感染分很多種有零星案例、還是群聚或散開來了所以即使是社區感染也有程度的不同要依照不同程度制定不同應對方案。
不過柯文哲提醒大家社區感染遲早會發生不要認為臺北市一定不會發生社區感染但重點是就算發生要維持在「零星案例」這是上策不要像是武漢那種失控局面大概政府的處理目標是這樣子。</t>
  </si>
  <si>
    <t>社區感染零星死亡柯文哲發生不要首例認為個案疫情出現臺灣案例臺北市上策一定不同提醒遲早肺炎程度政府</t>
  </si>
  <si>
    <t>新冠肺炎台灣武漢肺炎新型冠狀病毒社區感染</t>
  </si>
  <si>
    <t>肺炎武漢臺灣病毒冠狀社區感染</t>
  </si>
  <si>
    <t>症狀身邊確診接觸</t>
  </si>
  <si>
    <t>時序秋冬新冠肺炎（COVID-19）疫情持續上升多國的確診者數字再創新高南韓也不例外爆發第三波感染潮24歲男星李燦元（이찬원）不經意檢測卻中鏢嚇得網刷一片「好恐怖」！李燦元所屬的經紀公司NEW ERA PROJECT</t>
  </si>
  <si>
    <t>經紀所屬肺炎covid-燦元疫情持續上升恐怖多國確診數字再創新高公司南韓檢測不經意例外</t>
  </si>
  <si>
    <t>時序秋冬新冠肺炎（COVID-19）疫情持續上升多國的確診者數字再創新高南韓也不例外爆發第三波感染潮24歲男星李燦元（이찬원）不經意檢測卻中鏢嚇得網刷一片「好恐怖」！
李燦元所屬的經紀公司NEW ERA PROJECT發出聲明證實他3日淩晨確診新冠肺炎知道的當下馬上自主隔離靜待防疫局進一步的指示身邊的工作人員也都接受檢驗及居家檢疫未來的工作都會先全部喊卡。
根據韓媒報導李燦元完全沒有症狀也沒收到確診者動線重疊的通知身邊的親朋好友也都平安無事會突然去做篩檢的動機是看到同為歌謠界的藝人UP10TION成員BIT-TO和高潔、EVERGLOW成員怡人和施賢確診後想說以防萬一去做個檢測未料結果出爐是陽性。
李燦元沒有症狀卻感染病毒的消息傳遍韓網令許多網友震驚不已紛紛表示這種情形是最可怕的「無形中傳染變嚴重的吧」。</t>
  </si>
  <si>
    <t>確診檢測感染李燦元燦元肺炎沒有症狀身邊成員可怕情形紛紛表示tionup不已網友震驚隔離</t>
  </si>
  <si>
    <t>李燦元確診者新冠肺炎COVID-19篩檢</t>
  </si>
  <si>
    <t>肺炎covid-確診李燦元</t>
  </si>
  <si>
    <t>致歉希望蘇貞昌政府讓步空轉</t>
  </si>
  <si>
    <t>行政院長蘇貞昌修正「3＋11決策過程」專案報告從原先讚嘆台灣防疫有成軟化為向死者道歉。對此轉變蘇貞昌今赴立院報告前表示他的期望只有希望政府不要空轉人民納稅錢不要浪費。行政院長蘇貞昌上週五赴立院</t>
  </si>
  <si>
    <t>蘇貞昌報告行政院長立院政府空轉希望人民有成軟化不要納稅錢防疫臺灣期望原先讚歎死者浪費道歉專案表示對此過程</t>
  </si>
  <si>
    <t>行政院長蘇貞昌修正「3＋11決策過程」專案報告從原先讚嘆台灣防疫有成軟化為向死者道歉。對此轉變蘇貞昌今赴立院報告前表示他的期望只有希望政府不要空轉人民納稅錢不要浪費。
行政院長蘇貞昌上週五赴立院進行3＋11專案報告他在書面報告指出台灣能從每日確診6、700人降為零確診一次又一次化險為夷「守住疫情讓世界讚嘆！」面對蘇揆自我盛讚文中未對逾800名染疫死亡者有表示歉意氣得藍委直斥冷血撕毀報告灑向蘇貞昌要求退回重寫揚言不退回就會在總質詢無限期杯葛。
面對僵局蘇貞昌今再度赴立法院針對「國籍航空機組員隔離『3＋11』決策過程」進行專案報告內容已明確修改為對疫情而受苦、甚至死亡者「我都深感遺憾與抱歉」。
對此蘇貞昌進入議場前簡短表示我們對於立法院的議程安排我們都尊重「我只有期望政府不要空轉人民納稅錢不要浪費。」</t>
  </si>
  <si>
    <t>蘇貞昌報告專案疫情死亡者面對讚歎對此臺灣法院表示進行過程期望立院決策退回確診行政院長空轉政府</t>
  </si>
  <si>
    <t>蘇貞昌政府新冠肺炎專案報告台灣</t>
  </si>
  <si>
    <t>肺炎專案報告政府臺灣蘇貞昌</t>
  </si>
  <si>
    <t>隱私風暴謠言nba公佈透視名單新聞</t>
  </si>
  <si>
    <t>截至目前為止NBA共有14人確診新冠肺炎其中只有戈貝爾、米契爾、伍德、杜蘭特與斯馬特公佈確診剩下9人皆因保護隱私權而未公佈但連NBA總裁席爾佛都坦承NBA球員等同超級傳播者確診名單到底要不要公佈呢？其</t>
  </si>
  <si>
    <t>確診公佈nba傳播等同球員米契爾戈貝爾肺炎伍德杜蘭特隱私權斯馬特剩下保護名單到底共有坦承席爾佛都總裁目前為止</t>
  </si>
  <si>
    <t>截至目前為止NBA共有14人確診新冠肺炎其中只有戈貝爾、米契爾、伍德、杜蘭特與斯馬特公佈確診剩下9人皆因保護隱私權而未公佈但連NBA總裁席爾佛都坦承NBA球員等同超級傳播者確診名單到底要不要公佈呢？
其實公佈確診名單與否確實相當兩難因為美國向來重視隱私權絕對不希望確診名單外流造成民眾一定程度恐慌所以才讓《ESPN》記者沃納洛斯基、《The Athletic》記者查拉尼亞兩大「爆料天王」也都不再曝光中鏢者姓名。
如此一來反而造成謠言四起危機像是只有杜蘭特跳出來承認確診的籃網一度謠傳另3人是厄文、丁維迪與利佛特等主力讓籃網只能透過官方微博澄清湖人中鋒麥基也面臨同樣處境迫使他的妹妹也發推強調哥哥檢測陰性。
如同席爾佛所說NBA球星等同超級傳播者因為他們先前都在上萬球迷面前比賽也跟球迷面對面接觸或簽名合照只要外界不清楚到底是誰中鏢難免引起先前曾跟這些球員接觸過的球迷相當恐慌甚至開始有人亂放假消息造謠。
或許更加惡劣的是像是籃網、湖人、爵士、塞爾提克、活塞等隊都直接坦承球員確診反觀七六人與金塊卻只公佈球團人員中鏢讓當地民眾恐慌心態更加嚴重畢竟所謂球團人員範圍很廣搞不好球場收票員就是確診名單之一。
既然不管公佈與否都會製造恐慌NBA各隊為何不乾脆一點直接公佈確診名單還是反正美國的防疫觀念本來就很薄弱知不知道確診名單根本也沒差別就怕再繼續隱瞞下去美國的新冠疫情只會越來越嚴重也越來越找不到源頭！</t>
  </si>
  <si>
    <t>確診公佈名單恐慌nba美國球員球迷更加像是造成隱私權相當杜蘭特</t>
  </si>
  <si>
    <t>NBA美國球員人員名單</t>
  </si>
  <si>
    <t>名單人員球員nba美國</t>
  </si>
  <si>
    <t>確診境外輸入新增</t>
  </si>
  <si>
    <t>新增大陸病例確診境外輸入湖北死亡衛健總計國家過為位於資料甘肅顯示本土肺炎</t>
  </si>
  <si>
    <t>病例新增大陸確診累計死亡湖北境外輸入密切接觸追蹤總計過為衛健國家截至位於甘肅資料本土</t>
  </si>
  <si>
    <t>電梯交談保持少碰</t>
  </si>
  <si>
    <t>台灣一旦新冠肺炎疫情擴散下一步很可能社區傳播民眾該如何防範？醫師表示勤洗手、落實個人衛生習慣是不二法門；家族儘量減少聚餐；勿與不認識的人親密交談若無法避免交談最安全的距離是3公尺避免飛沫</t>
  </si>
  <si>
    <t>避免交談肺炎疫情擴散可能社區傳播民眾防範醫師認識表示勤洗手聚餐落實儘量減少個人家族衛生習慣不二法門距離安全</t>
  </si>
  <si>
    <t>台灣一旦新冠肺炎疫情擴散下一步很可能社區傳播民眾該如何防範？醫師表示勤洗手、落實個人衛生習慣是不二法門；家族儘量減少聚餐；勿與不認識的人親密交談若無法避免交談最安全的距離是3公尺避免飛沫傳染；且最大雷區是學校及一般住戶大樓要少碰電梯。
台灣感染症醫學會理事長黃立民說新冠肺炎若進入社區傳播由於主要經飛沫傳染民眾更要確實勤洗手雙手儘量不要觸口鼻及揉眼每一環節確實做好避開傳染風險。
中國附醫兒童感染科主任黃高彬表示由於新冠肺炎經口沫傳染家庭聚餐感染風險更大如計畫家庭聚餐應先瞭解家人健康狀況。若要避免交談時飛沫傳染最安全距離是3公尺建議勿與不認識者近距離交談。
黃高彬說面對新冠肺炎民眾最重要是養成正確衛生習慣建議家長藉機教導小孩出門在外勿到處亂摸返家後應先洗手。外出時在不影響他人自尊情況下保持2公尺以上距離。
曾有長輩擔心搭電梯接觸到病毒在line上分享以原子筆去芯後將筆蓋掀起用筆按電梯按鈕的小撇步。黃高彬表示搭電梯不需這麼麻煩防範病毒最重要原則是密閉空間戴口罩、勤洗手；若真不想親手按按鈕可持衛生紙按按鈕出電梯後丟棄即可。
疫情指揮中心則呼籲民眾應落實肥皂勤洗手、避免觸摸眼鼻口做好咳嗽禮節若有必要參加聚會活動時應做好防範措施有呼吸道症狀者應避免參加並在家休息。</t>
  </si>
  <si>
    <t>電梯避免勤洗手民眾肺炎距離聚餐做好表示交談按鈕黃高彬飛沫傳染應先病毒疫情感染</t>
  </si>
  <si>
    <t>肺炎電梯交談傳播做好</t>
  </si>
  <si>
    <t>交談傳播電梯肺炎</t>
  </si>
  <si>
    <t>全球尊崇台積企業</t>
  </si>
  <si>
    <t>未來品牌指數（FutureBrand Index）2021年全球最受尊崇企業排行榜出爐荷蘭半導體設備大廠艾司摩爾（ASML）擠下蘋果掄元台積電躍升至第六三星電子大跌十名降至第13名。新冠肺炎疫情爆發後全球企業排名大洗</t>
  </si>
  <si>
    <t>全球企業index尊崇摩爾大廠設備asml擠下排行榜蘋果掄元出爐荷蘭導體台積電升至爆發三星電子肺炎</t>
  </si>
  <si>
    <t>未來品牌指數（FutureBrand Index）2021年全球最受尊崇企業排行榜出爐荷蘭半導體設備大廠艾司摩爾（ASML）擠下蘋果掄元台積電躍升至第六三星電子大跌十名降至第13名。
新冠肺炎疫情爆發後全球企業排名大洗牌台積電等半導體業者、能源與醫療保健公司排名大躍進三星電子、耐吉與網飛的名次則大幅下滑。
最新報告顯示艾司摩爾擠下2020年的龍頭蘋果排名由2020年的第八躍升至第一蘋果本次排名降至第二南非科技投資公司Prosus名列第三美國醫療與工業儀器製造商丹納赫集團（Danaher）位居第四美國新紀元能源公司（NextEra Energy）排行第五。
值得一提的是2021年排行榜由科技企業獨大前五名有三家企業來自科技業。
未來品牌指數以資誠會計師事務所（PwC）的全球百大市值企業為基礎邀請3000位專家依據創新等多項評選標準為百大企業重新排名。
新冠肺炎疫情為全球掀起驚天巨變半導體與醫療保健業者在2021年排行榜寫下佳績。台積電的排名一口氣上升19個名次居第六名研發新冠肺炎疫苗的嬌生上升八個位置至第19名。
除了嬌生之外進入前20名的醫療保健業者包括第四名的丹納赫集團、第16名的醫療設備公司美敦力（Medtronic）以及第17名的製藥公司艾伯維（AbbVie）。
2021年排行榜出現比往常更大的變化部分全球知名企業跌出前十名例如在2020年名列前十名的耐吉與網飛2021年各下滑27與24名分別降至第33與第34名。
此外消費者品牌萊雅（L’Oreal）與星巴克2020年排在第20～30名間2021年皆跌出40名外。三星電子由2020年的第三名陡降至第13名。</t>
  </si>
  <si>
    <t>排名企業全球排行榜公司醫療保健台積電科技品牌三星電子肺炎美國設備百大名次集團下滑業者名列摩爾醫療丹納赫蘋果</t>
  </si>
  <si>
    <t>丹納十名企業網飛肺炎</t>
  </si>
  <si>
    <t>丹納肺炎企業</t>
  </si>
  <si>
    <t>確診雙增員工生產智邦通信網正常</t>
  </si>
  <si>
    <t>智邦(2345)5月營收雙增苗栗疫情嚴峻智邦目前有12位員工確診都已安排接受醫療隔離照顧其中已有1位員工出院休養智邦已備妥後續篩檢資源也會擴及提供給同仁的家人實施定期滾動式篩檢智邦目前生產出貨仍</t>
  </si>
  <si>
    <t>智邦目前員工疫情嚴峻提供同仁家人實施定期資源動式安排接受醫療都已照顧隔離確診後續</t>
  </si>
  <si>
    <t>智邦(2345)5月營收雙增苗栗疫情嚴峻智邦目前有12位員工確診都已安排接受醫療隔離照顧其中已有1位員工出院休養智邦已備妥後續篩檢資源也會擴及提供給同仁的家人實施定期滾動式篩檢智邦目前生產出貨仍維持正常運作。
智邦5月合併營收為4911億元月成長618%、年增加約3049%；累計前5月合併營收為22734億元較109年同期增加約1623%。
截止6月7日為止根據中央流行疫情指揮中心發布資料智邦有12位員工確診都已安排接受醫療隔離照顧目前狀況大致穩定其中已有1位員工出院休養。
智邦表示面對有公司員工不幸受波及確診智邦除了將全力協助後續醫療與生活相關需求讓員工能夠安心休養外也將主動擴大預防性防疫措施這其中包括將在6月初第一階段全面篩檢完成後隨即啟動定期全面篩檢計畫確保所有員工能夠在安全且安心的環境下工作。
自5月初桃園諾富特旅館相關疫情發生後智邦即全面提升公司防疫規範5月下旬智邦更提前與醫療機構簽約合作展開全面篩檢作業並已在6月4日啟動將在6月10日完成竹南廠1500人篩檢作業而今(7)日將先完成全體外籍員工篩檢同時啟動宿舍與工廠統一分流分艙作業並另行擴增外籍員工宿舍降低外籍員工宿舍共居人數。而在新竹本廠部份也已申請參與竹科園區篩檢作業智邦本廠員工將在6月9日完成篩檢另外智邦也已備妥後續篩檢資源將持續與醫療院所合作在智邦整體廠區實施定期滾動式篩檢。
智邦強調由於目前疫情仍在變化中智邦也將以保護員工健康安全為第一要務持續調整防疫應變措施而在生產出貨部份目前則仍維持正常運作。</t>
  </si>
  <si>
    <t>員工智邦目前疫情全面作業醫療防疫完成休養啟動定期月初宿舍相關公司</t>
  </si>
  <si>
    <t>智邦安心統一篩檢員工確診</t>
  </si>
  <si>
    <t>統一安心員工確診智邦</t>
  </si>
  <si>
    <t>野味全面禁食立法即日起實施福建省</t>
  </si>
  <si>
    <t>新冠肺炎疫情持續惡化坊間「全面禁食野味」的呼聲愈來愈高福建省18日通過全面禁食野味規定任何單位和個人不得生產、經營使用禁食的野生動物及其製品製作的食品。《東網》報導福建省十三屆人大常委會第十六次</t>
  </si>
  <si>
    <t>禁食福建省全面野味持續惡化東網食品製品製作疫情野生動物使用經營生產個人不得呼聲單位規定報導肺炎愈來愈人大</t>
  </si>
  <si>
    <t>新冠肺炎疫情持續惡化坊間「全面禁食野味」的呼聲愈來愈高福建省18日通過全面禁食野味規定任何單位和個人不得生產、經營使用禁食的野生動物及其製品製作的食品。
《東網》報導福建省十三屆人大常委會第十六次會議通了《關於革除濫食野生動物陋習、切實保障人民群眾生命健康安全的決定》（下稱《決定》）對禁止食用野生動物及其製品的範圍、相關違法行為、有關部門職責和法律責任作出明確規定並由即日起實施。
《決定》從四方面明確了禁止食用的野生動物及其製品的範圍包括國家重點保護的野生動物該省重點保護的野生動物國務院動保主管部門公佈的有重要生態、科學、社會價值的陸生野生動物和在野外環境中自然生長繁殖的其他陸生野生動物以及法律、法規和國家、省有關規定禁止食用的其他野生動物。
《決定》同時明確了該省依法對野生動物食用實行「名錄管理制度」由林業主管部門會同漁業、市監等主管部門制定報福建省政府批准後公佈實施。
另外《決定》強調要監管「野味產業」明確規定任何單位和個人不得生產、經營使用禁食的野生動物及其製品製作的食品不得以食用或生產、經營食品為目的獵捕、買賣、儲存、運輸禁止食用的野生動物及其製品。
報導說包括網絡平臺在內、所有交易、餐飲、運輸、倉儲、快遞等經營者不得為相關交易提供服務；餐飲業不得以禁止食用的野生動物及其製品的名稱、別稱、圖案等製作廣告、招牌、菜譜等招攬、誘導顧客。
為打擊食用野味等違法行為《決定》明確規定構成違反治安管理行為的由公安機關處罰；構成犯罪的追究刑事責任。同時違反《決定》受到行政處罰的將查處的違法訊息納入信用資訊平臺依法實施聯合懲戒。</t>
  </si>
  <si>
    <t>野生動物食用決定野味製品不得禁止實施主管部門明確規定禁食製作公佈違法行為相關運輸有關違反福建省陸生食品規定報導依法全面交易生產經營國家包括</t>
  </si>
  <si>
    <t>新冠肺炎武漢肺炎NCP新型冠狀病毒野生動物</t>
  </si>
  <si>
    <t>肺炎武漢ncp病毒冠狀野生動物</t>
  </si>
  <si>
    <t>大利黑心企業口罩台資</t>
  </si>
  <si>
    <t>新冠肺炎蔓延義大利成為重災區大陸因而捐了一批口罩給義大利但沒想到因為品質惡劣而登上國際新聞今有媒體起底做這批口罩的公司背景赫然發現竟有台資背景！讓陸網友不平表示害大陸背黑鍋！據《法廣》報導</t>
  </si>
  <si>
    <t>口罩大陸大利背景表示不平成為網友品質惡劣國際新聞想到背黑鍋媒體公司蔓延重災區台資</t>
  </si>
  <si>
    <t>新冠肺炎蔓延義大利成為重災區大陸因而捐了一批口罩給義大利但沒想到因為品質惡劣而登上國際新聞今有媒體起底做這批口罩的公司背景赫然發現竟有台資背景！讓陸網友不平表示害大陸背黑鍋！
據《法廣》報導因為品質不良問題許多國家相繼退貨來自大陸的防疫用品這讓大陸感到非常難堪。對此中國商務部13日深夜公告停止北京啟迪區塊鏈科技發展有限公司、愛寶達科技（深圳）有限公司兩家公司防疫用品出口。
不過陸媒查詢大陸國家企業信用資訊公示官網系統赫然發現其中一間愛寶達科技公司竟有台資企背景據《新浪香港》報導愛寶達科技（深圳）有限公司成立於2016年11月註冊資本為1000萬元公司執行董事、總經理為自然人黃子芸。公司人數少於50人。類型是台港澳法人獨資。
據工商基本資訊表示該公司一般經營項目是：電子產品、電器產品、音視頻電子設備、電子白板的設計、開發和批發；還有口罩、消毒水、防護衣、防護眼鏡、一次性手套、額溫槍滅火毯、警用器材、治安器材、刑事技術器材、保安器材、道路交通安全器材、消防安全器材、安全防護產品的批發與零售。</t>
  </si>
  <si>
    <t>公司大陸口罩科技器材背景表示批發報導愛寶國家大利發現有限公司防疫用品台資消防安全安全溫槍手套一次性深圳</t>
  </si>
  <si>
    <t>劣質口罩義大利台資新冠肺炎武漢肺炎</t>
  </si>
  <si>
    <t>台資大利肺炎武漢口罩</t>
  </si>
  <si>
    <t>囤積蘇貞昌政府查辦口罩買不到</t>
  </si>
  <si>
    <t>民進黨立委高嘉瑜今天在立法院總質詢呼籲政府公佈每日生產口罩的流向不然民眾只知道生產量增加但還是買不到會產生疑慮。行政院長蘇貞昌對此表示口罩產能才來到每日1200萬片市面上不可能偷賣或藏匿口罩只要</t>
  </si>
  <si>
    <t>口罩法院質詢呼籲政府公佈不可能市面上今天生產來到流向生產量增加買不到產生民眾產能知道表示疑慮蘇貞昌行政院長</t>
  </si>
  <si>
    <t>民進黨立委高嘉瑜今天在立法院總質詢呼籲政府公佈每日生產口罩的流向不然民眾只知道生產量增加但還是買不到會產生疑慮。行政院長蘇貞昌對此表示口罩產能才來到每日1200萬片市面上不可能偷賣或藏匿口罩只要有人囤積政府馬上查辦。
高嘉瑜表示現在國內口罩產能已經提升但開放民眾買的量還是不夠政府應該進一步說明每天配發給第一線醫護人員口罩的量有多少配發給民眾購買的量又有多少不然一直會有假消息出來對行政團隊也是重傷。
蘇貞昌回應指出口罩產能才來到每日1200萬片但是我們有2300萬人。口罩一開始就管制出口市面上也不可能偷賣或藏匿口罩「現在誰還囤積外界馬上知道我們也馬上查辦。」
高嘉瑜又詢問國產防護衣、隔離衣的產能？經濟部長沈榮津表示國產防護衣材料經測試後效果不輸給國外國內已經在生產100萬件隔離衣、10萬件防護衣預計3月底、4月會分兩批出貨。
民進黨立委何欣純則是質詢指出兒童口罩無法網購很多年輕父母也沒時間去藥局排隊能否開放由學校配給兒童口罩？蘇貞昌回應說全國學校大小人數不一又涉及到有些家長不想讓孩子收錢要買兒童口罩藥局都還有剩。</t>
  </si>
  <si>
    <t>口罩產能兒童政府表示防護衣蘇貞昌民眾高嘉瑜藥局質詢生產學校開放已經國內隔離指出知道馬上現在</t>
  </si>
  <si>
    <t>口罩蘇貞昌產能政府防護衣</t>
  </si>
  <si>
    <t>蘇貞昌防護衣產能口罩政府</t>
  </si>
  <si>
    <t>親自小鬼死因回應岳母</t>
  </si>
  <si>
    <t>知名作家九把刀（柯景騰）今（11日）透過臉書證實岳母接種完AZ疫苗4天後辭世坦言很難不跟疫苗聯想在一起因為岳母有運動習慣3月健康檢查僅有膽固醇及低密度脂蛋白膽固醇超標為了求真相只能忍痛解剖。有網友認</t>
  </si>
  <si>
    <t>岳母疫苗膽固醇透過忍痛只能求真證實超標接種辭世az一起聯想解剖蛋白低密度柯景騰</t>
  </si>
  <si>
    <t>知名作家九把刀（柯景騰）今（11日）透過臉書證實岳母接種完AZ疫苗4天後辭世坦言很難不跟疫苗聯想在一起因為岳母有運動習慣3月健康檢查僅有膽固醇及低密度脂蛋白膽固醇超標為了求真相只能忍痛解剖。有網友認為死因會不會是主動脈剝離造成休克對此九把刀回應了。
九把刀表示岳母擔心請假太久會丟工作只好每天往返臺北與桃園因接觸太多陌生人而不能常常見孫女因此到處打聽疫苗相關消息好不容易輪到她接種打完當下沒任何不適未料4天後岳母傳line：「好恐怖AZ發作痛到背部抽痛從背部往頸部開始劇痛陣痛一陣一陣痛吐完了休息一下又開始陣痛痛起來會要命啊劇烈疼痛起來根本無法動」過了4個多小時被丈夫發現失去呼吸送達醫院前撒手人寰享年57歲。
九把刀坦言岳母生前擅打羽毛球和桌球3月底健康報告數字一切正常只有膽固醇和低密度脂蛋白膽固醇超標「為了給媽媽也給我們自己一個清楚明白的答案儘管深受打擊我們還是忍痛將媽媽的大體送交司法解剖完畢正等待後續報告出爐。」九把刀並在岳母離世3天後依照計畫打AZ疫苗。
有網友留言詢問是否跟主動脈血管壁剝離有關九把刀親回：「是的希望解剖後得到真相」。
事實上藝人小鬼（黃鴻升）去年突逝震撼演藝圈經過解剖後經紀人證實死因是主動脈剝離造成血管阻塞。臺北立巿聯合醫院陽明院區心臟血管科主任江碩儒指出導致主動脈剝離等心血管疾病的主要危險因數是三高包括高血壓、高血糖、高血脂另外家族病史也是重要因素；近年隨著飲食西化、作息改變罹患心血管疾病的年齡層大幅下降20年前臨床判斷心血管疾病的年齡平均是50到55歲如今已降至40歲甚至30幾歲心肌梗塞也並不少見。
★《中時新聞網》提醒您：因應新冠肺炎疫情疾管署持續加強疫情監測與邊境管制措施 如有疑似症狀請撥打：1922專線或 0800-001922 並依指示配戴口罩儘速就醫同時主動告知醫師旅遊史及接觸史以利及時診斷及通報。</t>
  </si>
  <si>
    <t>岳母解剖疫苗剝離主動脈血管az心血管疾病接觸膽固醇臺北接種報告證實媽媽忍痛坦言疫情開始</t>
  </si>
  <si>
    <t>九把刀岳母主動脈剝離新冠肺炎台灣</t>
  </si>
  <si>
    <t>剝離主動脈肺炎臺灣岳母</t>
  </si>
  <si>
    <t>協力口罩解題公私app總統駭客傳真專家</t>
  </si>
  <si>
    <t>新冠肺炎帶來的口罩供需失衡在實名制限量的政策方向下藉著過往良好的健保藥局體系包括資訊體系及開放資料在公民協力運作下快速建立起物流及資訊流讓政策可具體全面執行且將訊息直接連結民眾需求。這些</t>
  </si>
  <si>
    <t>政策資訊體系訊息口罩供需執行失衡全面具體直接帶來限量方向過往良好運作協力資料</t>
  </si>
  <si>
    <t>新冠肺炎帶來的口罩供需失衡在實名制限量的政策方向下藉著過往良好的健保藥局體系包括資訊體系及開放資料在公民協力運作下快速建立起物流及資訊流讓政策可具體全面執行且將訊息直接連結民眾需求。這些其實是政策作法數位轉型的新興趨勢！
根據OECD近年的觀察源於許多新興數位工具的出現除傳統政府服務的數位化外導入新興數位工具的政策執行作法增進政府效能也成為這波政府數位轉型的新興趨勢。
應用數位工具推動政策的新興趨勢包括一般常見的利用數位工具協助強化既有政策作法效能如監測違法行為；累積資料以預測風險與防止危機；透過資料蒐集為不同族群客製化更為有效政策作法以及直接與民眾建立互動機制蒐集瞭解民眾需求讓民眾透明瞭解政策作法甚至參與議題的解決等。不過各國導入數位工具的新興推動政策作法多數仍在非常早期開始嘗試的階段。
綜合各國經驗OECD的觀察結論發現：導入數位工具確實有助提升政策執行的效能或有效性在政策作法設計、實施及落實上依然有相當多的挑戰而建立蒐集資料機制持續結合數位工具試行是現階段最重要的議題。
試想如果在20年前發生口罩供需失衡當時的健保藥局體系、數位網路基礎建設、開放資料及網路應用普及情形其實不太可能如此快速有效地因應全台的需求！而這次新冠肺炎所帶來的口罩供需失衡危機在政策方向定案後就能夠在兩天內完成佈建其實仰賴的就是過去幾年各種努力所打下的基礎特別是開放資料及民間所累積的開發應用實力公民協力共同努力的成果。
事實上近年政府除了開放資料平臺外也積極嘗試推動2030台灣普拉思、民生公共物聯網、社會創新平臺等連結民眾社群瞭解需求、應用數位工具協助解題的政策推動作法。
以社會創新平臺（sitaiwangovtw）為例其基本想法就是在台灣各地已有許多在地社群嘗試解決社經議題的努力有些已經有初步的成果有些則是正在尋求解方及資源的投入；透過社會創新平臺從總體角度盤點社會創新發展地圖呈現各縣市的社經議題特性、有初步成績的社會創新案例接著也設置「去提議」專案募集區提供正在尋求解方與資源者提案同時自主透明的揭露專案進展讓公、私（特別是CSR）能有信心及意願挹注資源。這平臺仍在起步階段需再多些平臺經營資源投入才能真正發揮媒合與介接解社會議題資源供需的理想。
總統盃駭客松更是一個從總統高度出發促進跨政府機關、跨領域及公私協力共創鼓勵公務人員、數位資訊專家、領域專家一同針對公民提昇生活品質的願望引進駭客文化共同解題的競賽。在農曆新年前已經開放「公民許願池」讓全民許願；在3月2日起將開放由各界包括中央、地方政府、企業、創業、資料科學家、領域專家組隊一同參與解題。2020總統盃駭客松最大特色在於獲勝團隊將可獲得政府資源支持落實協助公民實現願望！民間部門的參與除可展現解題的實力外更可落實企業社會責任、帶動政府服務再造。
口罩app的出現得以即時化解市場資訊落差係奠基於過往健保、開放資料及民間數位應用能量的累積顯現出資料累積、資料開放及解題等面向公私協力的長期重要性。面向未來除了類似的黑天鵝事件需要公私協力共同解決外也有許多議題可在政策規劃、執行落實上可引進數位工具進行強化更深度的解決問題。只是這需要政府進一步在「政策創新作法」上提供更大的彈性與發揮空間！</t>
  </si>
  <si>
    <t>政策數位資料政府作法工具開放平臺社會議題創新資源協力公民解題資訊應用落實供需解決口罩需求其實</t>
  </si>
  <si>
    <t>工具資源數位工具政策作法作法</t>
  </si>
  <si>
    <t>作法工具政策資源數位</t>
  </si>
  <si>
    <t>疫苗參與人體實驗夫妻透露出現不適陳建仁</t>
  </si>
  <si>
    <t>自國內爆發大型社區感染疫情以來已連續13天本土確診數破百死亡人數也快速增加已累計78人染疫身亡這波疫情也讓不少人表現出對疫苗的迫切需求。對此前副總統陳建仁坦言夫妻2人已接受國產「高端疫苗」人體</t>
  </si>
  <si>
    <t>疫情疫苗以來連續對此需求總統夫妻本土坦言迫切確診陳建仁死亡破百人數表現身亡快速增加累計感染</t>
  </si>
  <si>
    <t>自國內爆發大型社區感染疫情以來已連續13天本土確診數破百死亡人數也快速增加已累計78人染疫身亡這波疫情也讓不少人表現出對疫苗的迫切需求。對此前副總統陳建仁坦言夫妻2人已接受國產「高端疫苗」人體試驗且施打完畢後並未感受到不適相信國產疫苗在未來大量生產不是問題。
陳建仁接受《民視新聞》專訪他透露自己與太太有接受國產「高端疫苗」二期人體實驗其中有7分之1的人施打「對照組」另外7分之6的人則施打疫苗雖然不知道自己是不是施打對照組但2人施打後都沒有不適的感受。
陳建仁肯定台灣在過去這一年靠著國人配合正確的防疫措施建立良好的觀念加上第一線醫護的努力成功防堵疫情。考量目前國內對於疫苗的需求迫切陳建仁認為「人類與傳染病的戰爭是永不止息的」除了採買國外疫苗也應重視國內自製疫苗產能以對抗未來新冠肺炎「流感化」的情形。
國產疫苗預計能在7月上路陳建仁解釋疫苗是「慈悲與智慧的產物」由於蛋白質次單元疫苗和mRNA疫苗相比製程較長也是台灣晚進入臨床實驗的主因。但他強調食藥署對疫苗要求相當嚴格會確保出產疫苗的品質符合國際水準。以國內廠商的生產量能來說未來要自行生產1000萬至2000萬劑應不是問題。</t>
  </si>
  <si>
    <t>疫苗陳建仁國內疫情未來接受施打臺灣感受迫切不適需求高端生產問題對照組良好建立觀念措施加上防疫</t>
  </si>
  <si>
    <t>陳建仁疫苗人體實驗國產疫苗高端</t>
  </si>
  <si>
    <t>疫苗高端人體實驗陳建仁</t>
  </si>
  <si>
    <t>衛生部長越野車封鎖道歉</t>
  </si>
  <si>
    <t>明知故犯！紐西蘭上月底宣佈為期1個月的全境封鎖要民眾盡量待在家裡。但衛生部克拉克竟然帶頭違規無視於政府要求的即使運動也要在住家附近的規定駕車到2公里外的空曠公園騎越野車。沒想到他停在公園的廂型車</t>
  </si>
  <si>
    <t>公園宣佈為期全境空曠封鎖民眾駕車儘量規定克拉克待在家裡附近竟然帶頭想到違規無視於衛生部住家政府運動要求</t>
  </si>
  <si>
    <t>明知故犯！紐西蘭上月底宣佈為期1個月的全境封鎖要民眾盡量待在家裡。但衛生部克拉克竟然帶頭違規無視於政府要求的即使運動也要在住家附近的規定駕車到2公里外的空曠公園騎越野車。沒想到他停在公園的廂型車2日被一位路過民眾拍下並向媒體爆料灰頭土臉的克拉克當天稍後向總理阿爾登道歉。
被拍下的那輛廂型車外觀有克拉克的名字和照片想賴也賴不掉。阿爾登今天發布聲明表示克拉克坦承開車出門運動並向她道歉。
阿爾登強調她對內閣部長的期許是訂下標準並要求民眾遵守。民眾如有必要可以出門呼吸新鮮空氣開短程到附近。「但我們要求民眾必須避免高風險或可能受傷的活動即使部長也應該遵循這些準則。」
克拉克則在聲明中解釋那是自己在白天唯一的運動時間而且車道並不難騎他很清楚此時不該進行高風險運動。他不希望外界認為自己沒把規定當回事。克拉克強調此事提醒他在進行最適合的運動時要更加謹慎。
儘管克拉克的舉動引發要他辭職的聲浪但財政部長羅伯森認為道歉已足夠。</t>
  </si>
  <si>
    <t>克拉克運動民眾阿爾登要求道歉部長高風險出門規定認為強調聲明拍下進行附近公園宣佈為期全境封鎖羅伯森</t>
  </si>
  <si>
    <t>克拉克阿爾登紐西蘭新冠肺炎疫情</t>
  </si>
  <si>
    <t>紐西蘭肺炎阿爾登疫情克拉克</t>
  </si>
  <si>
    <t>準確度菲國試劑陸新冠認錯</t>
  </si>
  <si>
    <t>菲律賓衛生部日前批評大陸贈送的新冠病毒試劑準確度太低僅40%已經丟棄不用隨後遭陸駐菲使館嚴正抗議菲律賓已在昨（29）日公開道歉。菲律賓衛生部助理部長維赫利（Maria Rosario Vergeire）28日在記者會上公</t>
  </si>
  <si>
    <t>菲律賓衛生部vergeirerosario準確度試劑病毒maria已經丟棄贈送不用隨後大陸部長赫利助理使館嚴正抗議</t>
  </si>
  <si>
    <t>菲律賓衛生部日前批評大陸贈送的新冠病毒試劑準確度太低僅40%已經丟棄不用隨後遭陸駐菲使館嚴正抗議菲律賓已在昨（29）日公開道歉。
菲律賓衛生部助理部長維赫利（Maria Rosario Vergeire）28日在記者會上公開表示大陸送來的新冠病毒檢測試劑準確度太低只有40%因此菲國當局棄之不用。
此話一出立刻引來大陸官方抗議。大陸駐菲律賓大使館昨日發布聲明稿強調大陸官方贈與菲國的102萬份試劑盒品質都非常好經菲律賓熱帶醫學研究所（Research Institute for Tropical MedicineRITM）評估過「不存在任何準確度問題完全符合世界衛生組織相關國際標準」並且已經投入使用為菲律賓的防疫行動發揮作用。
聲明稿也澄清維赫利口中準確度低的試劑並非由大陸官方捐贈批評菲國當局發言不負責任。
針對大陸抗議菲律賓衛生部周日當天火速道歉。綜合菲律賓媒體《每日詢問者報》（newsinfoinquirernet）、香港《南華早報》報導衛生部助理部長維赫利昨日召開記者會承認稱大陸試劑準確度低的說法是錯誤的。
維赫利表示北京先前捐贈的102萬份病毒試劑盒包含2000份華大基因試劑盒以及10萬份聖湘核酸檢測試劑盒都有經過菲律賓熱帶醫學研究所檢驗符合WHO規範標準。
菲律賓衛生部對於先前發言造成的困擾深表歉意並且澄清先前提到品質不佳的試劑盒是一家私人基金會捐贈的另一個牌子的試劑不過菲國衛生部並未透露是哪個牌子或是哪一間基金會。
除此之外在大陸抗議之後菲律賓衛生部長杜克（Francisco Duque III）也傳訊陸駐菲大使黃溪連澄清大陸官方贈與的試劑品質非常好符合世衛標準也有通過RITM認證。
大陸一共捐贈2批病毒試劑給菲律賓第一批是由北京華大基因生產的2000份試劑於16日送達；第二份是由湖南聖湘生物科技生產的10萬份試劑於21日送達。</t>
  </si>
  <si>
    <t>菲律賓試劑大陸衛生部準確度赫利抗議菲國捐贈澄清官方先前病毒已經品質ritm昨日表示記者會標準符合</t>
  </si>
  <si>
    <t>新冠肺炎新型冠狀病毒NCP全球大陸</t>
  </si>
  <si>
    <t>冠狀病毒肺炎ncp全球大陸</t>
  </si>
  <si>
    <t>曾赴確診百貨廣場三峽新北全聯</t>
  </si>
  <si>
    <t>新北市今新增13名確診其中新莊區新增6人最多市府也公佈相關足跡三重國際通百貨廣場、三峽全聯超市7、8日分別有確診者足跡。新北市長侯友宜今表示今新增新莊6例、中和2例、板橋、三重、新店、林口、三峽各1人</t>
  </si>
  <si>
    <t>新北 市 今 新增 13 名 確診 其中 新莊 區 新增 6 人 最 多 市府 也 公佈 相關 足跡 三 重 國際 通 百貨 廣場 三峽 全聯 超市 78 日 分別 有 確診 者 足跡 新北 市長 侯友宜 今 表示 今 新增 新莊 6 例 中 和 2 例 板橋 三 重 新 店 林口 三峽 各 1 人</t>
  </si>
  <si>
    <t>足跡新增確診三峽新莊新北全聯廣場超市分別百貨相關國際市府公佈板橋表示</t>
  </si>
  <si>
    <t>新北市今新增13名確診其中新莊區新增6人最多市府也公佈相關足跡三重國際通百貨廣場、三峽全聯超市7、8日分別有確診者足跡。
新北市長侯友宜今表示今新增新莊6例、中和2例、板橋、三重、新店、林口、三峽各1人其中7人住院、6人住在集中檢疫中心這13個人都不是居隔期間確診都是新增的個案。
衛生局也公佈相關確診足跡案15304在8日下午8時至8時15分去過三重區中央北路的國際通百貨廣場以及案15305在7日下午1時45分至2時也有去三峽區光明路全聯超市。</t>
  </si>
  <si>
    <t>新北 市 今 新增 13 名 確診 其中 新莊 區 新增 6 人 最 多 市府 也 公佈 相關 足跡 三 重 國際 通 百貨 廣場 三峽 全聯 超市 78 日 分別 有 確診 者 足跡 新北 市長 侯友宜 今 表示 今 新增 新莊 6 例 中 和 2 例 板橋 三 重 新 店 林口 三峽 各 1 人 其中 7 人 住院 6 人 住 在 集中 檢疫 中心 這 13 個 人 都 不是 居隔 期間 確診 都 是 新增 的 個案 衛生局 也 公佈 相關 確診 足跡 案 15304 在 8 日 下午 8 時至 8 時 15 分去 過 三 重 區 中央 北 路 的 國際 通 百貨 廣場 以及 案 15305 在 7 日 下午 1 時 45 分至 2 時也 有 去 三峽 區光明 路 全聯 超市</t>
  </si>
  <si>
    <t>確診新增三峽足跡公佈相關下午國際百貨新莊廣場全聯新北超市檢疫</t>
  </si>
  <si>
    <t>新冠肺炎台灣百貨廣場三峽</t>
  </si>
  <si>
    <t>肺炎臺灣百貨廣場三峽</t>
  </si>
  <si>
    <t>入境即日起旅客自主要求隔離紐西蘭</t>
  </si>
  <si>
    <t>紐西蘭為防止新冠肺炎疫情擴散臺北時間14日公佈全球最嚴的邊境管制措施要求所有入境旅客包括其本國公民自周日（15日）淩晨起自我隔離14天所有郵輪6月30日前都不得停靠紐西蘭港口。目前紐西蘭已有6例新冠</t>
  </si>
  <si>
    <t>紐西蘭不得肺炎日前疫情郵輪措施要求管制入境邊境隔離擴散臺北時間淩晨旅客包括公民周日全球公佈目前</t>
  </si>
  <si>
    <t>紐西蘭為防止新冠肺炎疫情擴散臺北時間14日公佈全球最嚴的邊境管制措施要求所有入境旅客包括其本國公民自周日（15日）淩晨起自我隔離14天所有郵輪6月30日前都不得停靠紐西蘭港口。
目前紐西蘭已有6例新冠肺炎確診雖然還沒有死亡病例但總理傑辛達·阿爾登認為如果缺乏有效防疫措施確診病例數一定會提高。
路透社報導傑辛達‧阿爾登強調為防範疫情在紐西蘭擴散有必要採取極端措施：「除了以色列和少數已有效關閉邊界的太平洋島嶼此一決定代表紐西蘭將擁有比全球任何國家範圍最廣最嚴格的邊境管制……我們必須盡一切努力保護紐西蘭人的健康！」</t>
  </si>
  <si>
    <t>紐西蘭措施全球管制病例有效確診疫情擴散邊境肺炎必須郵輪隔離努力淩晨日前周日不得公民</t>
  </si>
  <si>
    <t>紐西蘭新冠新冠肺炎疫情肺炎</t>
  </si>
  <si>
    <t>疫情肺炎紐西蘭</t>
  </si>
  <si>
    <t>賭場累計家人確診按摩師</t>
  </si>
  <si>
    <t>中央流行疫情指揮中心31日公佈高雄新增1例本土確診個案該確診者案8530與鳳山賭場群聚案互有關聯她是曾到瑞竹路牌間打麻將的案5888按摩師家人目前鳳山賭場傳播鏈已有15人確診總共匡列702位接觸者由於按摩師</t>
  </si>
  <si>
    <t>確診賭場鳳山按摩師中心公佈高雄新增指揮瑞竹路牌總共關聯麻將互有傳播家人目前</t>
  </si>
  <si>
    <t>中央流行疫情指揮中心31日公佈高雄新增1例本土確診個案該確診者案8530與鳳山賭場群聚案互有關聯她是曾到瑞竹路牌間打麻將的案5888按摩師家人目前鳳山賭場傳播鏈已有15人確診總共匡列702位接觸者由於按摩師確診後案8530立即遭到隔離因此並無相關足跡公佈。
根據高市府衛生局疫調顯示案8530是60多歲女性無特殊病史為日前確診按摩師的家人由於平常與按摩師的父母親同住在按摩師及其父母相繼確診之後她24日被衛生局列為密切接觸者並開始居家隔離25日PCR採檢結果為陰性反應但30日開始出現流鼻水、咳嗽症狀經送醫採檢後確診也是該家庭第4位染疫人員因此研判是家庭群聚案件因為案8530發病前3日正在居家隔離所以無高雄公共場所的活動史。
此外高市府也公佈澎湖確診者案8433在高雄的活動足跡案8433是50多歲女性15日在澎湖馬公工作後搭乘飛機到臺北18日再搭高鐵667車次南下高雄隨後轉乘計程車返回住家20日下午再從小港機場搭機回到澎湖她在高雄有染疫風險的活動足跡不多曾在20日上午9時29分到9時46分曾到合作金庫九如分行ATM20日到小港機場國內航廈。</t>
  </si>
  <si>
    <t>確診高雄按摩師公佈隔離足跡活動開始衛生局小港家人賭場居家</t>
  </si>
  <si>
    <t>按摩師確診新冠肺炎台灣高雄</t>
  </si>
  <si>
    <t>肺炎確診臺灣高雄按摩師</t>
  </si>
  <si>
    <t>時中周開接種意願疫苗bnt蠻高</t>
  </si>
  <si>
    <t>校園接種BNT將在9月23日開打各縣市近期回收學生接種意願書臺北市教育局統計9成以上家長同意接種但台中市考量許多家長仍在猶豫決定延至16日回收意願書。中央流行疫情指揮中心指揮官陳時中表示目前收到教育</t>
  </si>
  <si>
    <t>接種意願回收家長陳時中指揮官中心指揮表示疫情流行中央考量同意各縣市猶豫以上決定近期學生統計臺北市教育局延至目前</t>
  </si>
  <si>
    <t>校園接種BNT將在9月23日開打各縣市近期回收學生接種意願書臺北市教育局統計9成以上家長同意接種但台中市考量許多家長仍在猶豫決定延至16日回收意願書。中央流行疫情指揮中心指揮官陳時中表示目前收到教育單位的回報要打的意願比例都蠻高的這兩天就會有完整的報告。
陳時中表示有人講說是不是台中市施打意願低其實這很多的因素我想不要做這樣的一個猜測結果出來就很明確那最多是兩天。
另外新北市政府宣佈校園接種疫苗後全校採線上授課2天其他縣市暫不跟進。陳時中表示這個是地方政府決定也和教育單位有關只要學習上沒有造成妨害當然他們可以做最適當的安排。
至於第八輪AZ疫苗今天開打陳時中表示由於昨（14日）未有大規模施打接種人次僅1萬3927目前全國疫苗人口涵蓋率4879％劑次人口比5332％。
截至目前為止國內累計接種1250萬4662劑其中AZ接種799萬1608劑、莫德納接種379萬3887劑高端接種71萬9167劑。</t>
  </si>
  <si>
    <t>接種意願表示疫苗陳時中目前az施打決定單位教育台中回收家長人口校園可以當然</t>
  </si>
  <si>
    <t>BNT校園接種陳時中新冠肺炎台灣</t>
  </si>
  <si>
    <t>陳時中接種肺炎校園bnt臺灣</t>
  </si>
  <si>
    <t>營業拍板就業機會萬元</t>
  </si>
  <si>
    <t>行政院今天舉行臨時院會正式通過紓特別條例修正案政院並說明整體1兆500億紓困方案。政務委員龔明鑫表示第2波方案特別針對就業將以千億穩住192萬人就業自營業者將協助100萬人每人每月1萬元可獲3個月補</t>
  </si>
  <si>
    <t>特別方案就業正式條例修正案說明紓困整體院會協助穩住政務委員龔明鑫表示舉行營業今天可獲行政院</t>
  </si>
  <si>
    <t>行政院今天舉行臨時院會正式通過紓特別條例修正案政院並說明整體1兆500億紓困方案。政務委員龔明鑫表示第2波方案特別針對就業將以千億穩住192萬人就業自營業者將協助100萬人每人每月1萬元可獲3個月補助。
蘇揆上午在臨時院會拍板通過「嚴重特殊傳染性肺炎防治及紓困振興特別條例」修正案上限調整為2100億元。政院也就整體紓困提出說明。
主計長朱澤民說特別預算原編列600億元其中舉債300億元移用前年度歲計賸餘300億追加預算1500億其中分配109年度舉債1000億元110年度500億元會完全符合公共債務法、財政紀律法規定。移緩濟急的1000億元原規劃為400億元再擴充1000億元包括公務預算及非營業基金的移緩濟急及公營事業及非營業基金增加投資及採購另外貸款協助原規劃3500億元這次加碼3500億元其中含央行的專案融資等項目總財源1兆500億元占109年度預計GDP的54％若扣掉融資7000億元所餘3500億元也占109年度名目GDP的18％。
蘇揆也說整體1兆500億方案最高奮鬥目標就是「企業不能倒、就業不能失、物流不能停、金流不能斷」。
龔明鑫表示千億挺就業部分其中經濟部服務及製造業協助66萬人經費396億交通部協助14萬人經費84億這些艱困企業將補助4成薪另外遊覽車及計程車司機將補助12萬人經費36億補助自營業者協助 100萬人經費300億希望穩住192萬人就業佔就業人數的1667％。
龔明鑫表示自營業者由於難以認定將比照計程車業者補助每人每月1萬元為期3個月。</t>
  </si>
  <si>
    <t>特別就業協助營業補助年度紓困龔明鑫表示方案整體規劃院會預算舉債蘇揆經費企業不能融資說明條例</t>
  </si>
  <si>
    <t>紓困特別條例修正案行政院蘇貞昌龔明鑫新冠肺炎</t>
  </si>
  <si>
    <t>龔明行政院蘇貞昌修正案條例特別紓困肺炎</t>
  </si>
  <si>
    <t>說法市場監測藥廠高端業務陳時中代表</t>
  </si>
  <si>
    <t>高端柯文哲說法中的陳時諷刺起來對此臺北市監測市場上市eua部長日前授權衛福陳時中緊急曾說表示回應今日人體</t>
  </si>
  <si>
    <t>柯文哲高端臨床市場臺北市監測上市說法表示陳時中諷刺試驗像是藥廠eua業務代表防疫記者會舉辦問到時中認證</t>
  </si>
  <si>
    <t>新冠肺炎台灣陳時中監測柯文哲</t>
  </si>
  <si>
    <t>肺炎陳時中臺灣監測柯文哲</t>
  </si>
  <si>
    <t>未戴長者口罩警方公園前往探索勸導永康</t>
  </si>
  <si>
    <t>台南市永康探索公園昨天傳有長者聚集且未配戴口罩為免防疫出現破口管轄的永康警分局除先行派員勸導請現場民眾確實戴好口罩外市府得知此事也相當重視責成永康警分局永康派出所員警17日配合永康區公所副區</t>
  </si>
  <si>
    <t>永康口罩分局昨天長者聚集配戴得知戴好確實市府民眾現場相當勸導防疫重視派員先行管轄出現</t>
  </si>
  <si>
    <t>台南市永康探索公園昨天傳有長者聚集且未配戴口罩為免防疫出現破口管轄的永康警分局除先行派員勸導請現場民眾確實戴好口罩外市府得知此事也相當重視責成永康警分局永康派出所員警17日配合永康區公所副區長陳必成再度前往永康探索公園加強宣導。
因應疫情升溫市府也於15日宣佈進入準三級防疫狀態永康警分局配合市府相關防疫作為已全面清查轄內公告易接觸傳染的營業公共場所是否配合停業嚴防不肖業者私下營業造成防疫破口。
至於其他未限制的場所警方表示除採取實聯制、分流控管外最重要的是民眾自身也應遵守戴口罩、量體溫及保持社交距離等規定以降低飛沫傳染與疫病傳播的機會。
警方說民眾如有發現未戴口罩違規者可撥打疫情通報專線1922或向衛生局電話06-2679751檢舉經勸導不聽者將依傳染病防治法第70條第1項第3款規定處新台幣3000元以上1萬5000元以下罰鍰。
永康警分局長呂世明表示疫情當前現在是國人齊心合作的非常時刻請大家務必戴好口罩維持社交安全距離嚴守社區防線共同守護你我健康安全。</t>
  </si>
  <si>
    <t>口罩永康防疫疫情市府配合民眾規定分局表示勸導營業警方距離社交公園探索安全社區以下</t>
  </si>
  <si>
    <t>永康公園戴口罩永康警分局新冠肺炎</t>
  </si>
  <si>
    <t>分局永康口罩肺炎公園</t>
  </si>
  <si>
    <t>喬治小比較王子妹妹吃醋</t>
  </si>
  <si>
    <t>因應新冠肺炎疫情英國已經封城一個多月這段期間學校關閉、學生在家自學。英國王室也不例外喬治王子（Prince George）與夏綠蒂公主（Princess Charlotte）在家學習媽媽凱特王妃爆料小喬治會對妹妹吃醋因</t>
  </si>
  <si>
    <t>疫情英國已經王妃封城凱特期間媽媽學校學習關閉在家學生charlotteprincess自學英國王室公主肺炎夏綠例外george喬治prince</t>
  </si>
  <si>
    <t>因應新冠肺炎疫情英國已經封城一個多月這段期間學校關閉、學生在家自學。英國王室也不例外喬治王子（Prince George）與夏綠蒂公主（Princess Charlotte）在家學習媽媽凱特王妃爆料小喬治會對妹妹吃醋因為夏綠蒂的作業比較好玩。
英國《每日郵報》（Daily Mail）報導凱特王妃7日用視訊方式接受英國獨立電視台（ITV）「今晨」（This Morning）節目專訪分享自己近期的新計劃以及防疫期間家人的近況。
她在節目中大爆料指出2個孩子在家自學期間6歲的小喬治會「嫉妒」5歲的夏綠蒂因為妹妹的回家作業比較好玩。「喬治會非常生氣因為他想要做所有夏綠蒂的作業蜘蛛三明治比讀寫功課酷多了。」
凱特也提到封城期間他們一家使用視訊的機會比以前多更多了她透露現在幾乎每天都會和家族成員視訊聊聊最新近況因此現在家人間比以前更常聯絡了。</t>
  </si>
  <si>
    <t>期間夏綠凱特喬治會節目作業英國近況封城在家現在自學王妃以前好玩比較妹妹人間thismorning今晨</t>
  </si>
  <si>
    <t>英國王室喬治王子夏綠蒂公主凱特王妃新冠肺炎</t>
  </si>
  <si>
    <t>凱特公主王妃夏綠王子喬治英國王室肺炎</t>
  </si>
  <si>
    <t>周新高漲幅恒生指數</t>
  </si>
  <si>
    <t>香港連續第三日新冠肺炎「零確診」恆生指數兩日累計上漲744點後29日上午創七周來新高。恆生指數29日高開210點報24786點重返50天線（約24600點）一度上漲279點至24855點創3月11日以來新高隨後漲幅收</t>
  </si>
  <si>
    <t>恒生指數上漲肺炎以來確診一度上午天線重返新高累計日新隨後周來新連續漲幅香港</t>
  </si>
  <si>
    <t>香港連續第三日新冠肺炎「零確診」恆生指數兩日累計上漲744點後29日上午創七周來新高。恆生指數29日高開210點報24786點重返50天線（約24600點）一度上漲279點至24855點創3月11日以來新高隨後漲幅收窄截至上午11時5分報24658點上漲034％。
截至29日上午11時5分國企指數報10043點上漲06％
香港信報報導科技股29日上午走軟個股方面騰訊跌01％報4166港元；阿裡巴巴跌1％。另一方面香港復甦概念股表現亮眼九倉置業現漲34％暫為表現最佳藍籌股；領展也漲近2％；新世界漲近1％。</t>
  </si>
  <si>
    <t>上午上漲香港表現恒生指數截至肺炎暫為確診置業復蘇概念</t>
  </si>
  <si>
    <t>恆生指數上午現漲收窄來新高</t>
  </si>
  <si>
    <t>上午恒生指數新高</t>
  </si>
  <si>
    <t>開會遵守立院相關防疫管理規範自主</t>
  </si>
  <si>
    <t>國民黨立委洪孟楷從英國返台後目前仍在7天自主健康管理期今卻到立法院參與記者會挨批防疫破口對此洪孟楷強調根據衛福部防疫指引自主管理期無症狀可正常生活皆依循防疫規定嚴格要求。洪孟楷表示經</t>
  </si>
  <si>
    <t>防疫洪孟楷自主管理英國依循生活返台記者會正常參與症狀法院目前挨批健康衛福部指引規定對此</t>
  </si>
  <si>
    <t>國民黨立委洪孟楷從英國返台後目前仍在7天自主健康管理期今卻到立法院參與記者會挨批防疫破口對此洪孟楷強調根據衛福部防疫指引自主管理期無症狀可正常生活皆依循防疫規定嚴格要求。
洪孟楷表示經過隔離期滿十四天並三次PCR皆為陰性依衛福部防疫指引後續七天自主管理如無症狀可「正常生活」唯需全程配戴醫療口罩、並保持社交距離。但禁止參與聚餐、聚會是以這七天自主管理期間也暫停出席地方活動邀約及行程。
他指出另針對公務開會需求衛福部也在提供回文需出席重要公務會議應遵守易主健康管理事項落實全程配戴醫用口罩與他人保持社交距離。今日於立法院工作場合也全程遵守辦理並且落實量體溫、自主快篩檢驗皆確認無任何異狀。以最嚴格的標準要求一切合乎相關規定。
洪孟楷強調身為區域民意代表要為民眾發聲、監督而開會更是立法委員的職責所在；然而防疫相關規範仍會確實遵守不需扭曲也無需栽贓。尤其在檢疫所十四天感受到第一線護理、公務人員的辛勞充分配合相關規定為防疫共同努力。</t>
  </si>
  <si>
    <t>防疫自主管理遵守相關全程規定開會公務參與法院衛福部強調出席洪孟楷健康落實距離指引生活</t>
  </si>
  <si>
    <t>新冠肺炎台灣洪孟楷自主管理開會</t>
  </si>
  <si>
    <t>臺灣洪孟楷自主肺炎管理開會</t>
  </si>
  <si>
    <t>確診天母足跡早餐餐廳北市</t>
  </si>
  <si>
    <t>臺北市今日公佈確診個案足跡其中案15891在8月8日確診初判可能感染源尚待釐清個案8月5日下午1點20分曾到過天母的義麵屋停留1小時8日已完成清消8／9-8／11停業；6日早上9點50分至10點30分曾到過北投區仟人活</t>
  </si>
  <si>
    <t>個案確診分至感染早上可能停業完成停留小時天母下午足跡公佈北投區</t>
  </si>
  <si>
    <t>臺北市今日公佈確診個案足跡其中案15891在8月8日確診初判可能感染源尚待釐清個案8月5日下午1點20分曾到過天母的義麵屋停留1小時8日已完成清消8／9-8／11停業；6日早上9點50分至10點30分曾到過北投區仟人活力早餐店8／9已完成清消8／9-8／11停業。
另一名個案15892在8日確診初判可能感染源尚待釐清個案曾在8月4日上午4點半到7點到過北市大安區國聯大飯店9日已完成清消。</t>
  </si>
  <si>
    <t>個案確診完成停業感染可能北投區飯店活力早餐天母停留小時分至</t>
  </si>
  <si>
    <t>新冠肺炎台灣清消天母早餐店</t>
  </si>
  <si>
    <t>臺灣天母肺炎早餐</t>
  </si>
  <si>
    <t>擠爆高雄週末魚市興達港</t>
  </si>
  <si>
    <t>高雄市茄萣興達港觀光魚市上周假日擠滿人潮兩天湧入7000名遊客網友質疑難道是已自行微解封擔心成為防疫破口。對此主管機關高市府經發局今（12）日勒令即日起休市並全面清消並進行防疫管制計畫檢討改善</t>
  </si>
  <si>
    <t>防疫觀光魚市上周假日擠滿人潮進行湧入遊客網友興達港質疑難道全面即日起勒令自行市府</t>
  </si>
  <si>
    <t>高雄市茄萣興達港觀光魚市上周假日擠滿人潮兩天湧入7000名遊客網友質疑難道是已自行微解封擔心成為防疫破口。對此主管機關高市府經發局今（12）日勒令即日起休市並全面清消並進行防疫管制計畫檢討改善完成後提報市府審核通過始得復業。
興達港魚市昨天擠爆採買人潮排隊人龍從管制入口綿延近200公尺令攤商相當意外也開心不過此現象也令不少人質疑集體群聚根本無法維持防疫社交距離。
對此經發局指出因應人潮湧現已會同興達港攤集場管委會、警方執行人流管制、落實實聯制、保持社交距離等相關防疫措施執行及宣導作業全場僅開放1個入口及3個出口以便進行場內人流控管及疏散惟湧入的消費者人潮不斷造成入場排隊人龍。
經發局強調鑑於現行管制計畫無法落實防疫因此要求興達港攤集場自即日進行休市全面清消並進行防疫管制計畫檢討改善。同時也將協同轄區湖內警分局督導管委會重新擬定防疫管制計畫包含檢討場內容留人數、改善人流動線擴大管制車流動線等。如場內已達容留人數擬進一步管控車流進入興達平面停車場避免造成遊客排隊入場人龍。
經發局長廖泰翔呼籲興達港觀光魚市是茄萣區當地最有人氣的攤集場但目前疫情尚未完全緩解籲請市民朋友減少出門群聚多利用平日分流採買並牢記「少多快」口訣一次購足一週份量共同守護咱們的家園。</t>
  </si>
  <si>
    <t>防疫管制人潮興達港場內進行計畫魚市改善排隊採買人龍市府遊客質疑執行入口人流對此湧入管委會</t>
  </si>
  <si>
    <t>興達港人潮停業群聚新冠肺炎</t>
  </si>
  <si>
    <t>停業人潮興達港肺炎</t>
  </si>
  <si>
    <t>不同病房出院確診新增</t>
  </si>
  <si>
    <t>新冠肺炎確診病例再增一例中央流行疫情指揮中心今天日公佈國內第45例確診病例為一名50多歲女性其為先前引發醫院院內感染案34確診前同病房、不同病室但已出院病人後又追回採檢呈陽性反應現住進負壓隔離病</t>
  </si>
  <si>
    <t>確診病例陽性反應回採病人出院不同病房中心流行疫情指揮中央今天</t>
  </si>
  <si>
    <t>新冠肺炎確診病例再增一例中央流行疫情指揮中心今天日公佈國內第45例確診病例為一名50多歲女性其為先前引發醫院院內感染案34確診前同病房、不同病室但已出院病人後又追回採檢呈陽性反應現住進負壓隔離病房。
疫情指揮中心指揮官陳時中表示案45近期無國內外旅遊史2月14日因其他疾病收治住院與案34同病房不同病室於2月20日出院；3月1日衛生單位進行案34相關風險對象追蹤採檢時因檢體顯示異常於3月5日再次採檢於今日確診目前收治負壓隔離病房。
指揮中心表示已針對案45相關接觸者進行調查追蹤；本起群聚截至目前已掌握接觸者共417人並採檢346人其中7人陽性(案35至38及案41、42、45)、330人陰性、其餘檢驗中。</t>
  </si>
  <si>
    <t>確診中心指揮病例收治目前追蹤疫情進行接觸相關表示出院病房隔離病房不同回採</t>
  </si>
  <si>
    <t>隔離山姆史密斯</t>
  </si>
  <si>
    <t>27歲英國創作才子山姆史密斯（Sam Smith）19日才在女神卡卡（Lady Gaga）策劃的防疫慈善演唱會上大秀歌藝不料隔天他卻自爆曾罹患新冠肺炎。山姆接受Apple Music的Zane Lowe訪問表示在上月23日英國封城的前2周</t>
  </si>
  <si>
    <t>英國samsmith上月表示zane訪問music女神loweapple接受山姆肺炎gaga不料歌藝卡卡</t>
  </si>
  <si>
    <t>27歲英國創作才子山姆史密斯（Sam Smith）19日才在女神卡卡（Lady Gaga）策劃的防疫慈善演唱會上大秀歌藝不料隔天他卻自爆曾罹患新冠肺炎。山姆接受Apple Music的Zane Lowe訪問表示在上月23日英國封城的前2周他即出現新冠肺炎病徵雖稱自己沒辦法接受篩檢但觀察自己症狀後認為自己百分之百絕對染疫。
他表示自己發病後他的姊妹也出現了相同症狀為了顧及其他家人的安全加上奶奶年事已高他們決定自我隔離3周所幸目前身體已經好轉。
讓人虛驚一場的還有《哈利波特》系列小說作者JK羅琳（JKRowling）她在本月初自揭曾出現新冠肺炎症狀卻沒檢測而是遵循醫師老公的祕方來舒緩呼吸道症狀更強調身體已經完全康復。但這種沒有醫學根據的消息曝光後在疫情敏感時期引來外界撻伐。</t>
  </si>
  <si>
    <t>症狀出現肺炎表示已經身體接受英國敏感時期疫情smithgaga策劃防疫慈善sam系列小說演唱會卡卡</t>
  </si>
  <si>
    <t>身體肺炎康復山姆史密斯羅琳</t>
  </si>
  <si>
    <t>肺炎山姆史密斯身體康復羅琳</t>
  </si>
  <si>
    <t>口罩討論唐鳳便民陳其邁</t>
  </si>
  <si>
    <t>行政院副院長陳其邁晚間在臉書分享口罩下周起單日產增將達千萬片以上。他也與政務委員唐鳳研議「口罩實名制20」政策讓民眾更方便買到口罩。陳其邁表示截至昨天口罩單日生產960萬片。3月9日新增的60台機組都</t>
  </si>
  <si>
    <t>口罩陳其邁生產分享以上買到周起方便政務委員鳳研議民眾政策昨天晚間截至表示</t>
  </si>
  <si>
    <t>行政院副院長陳其邁晚間在臉書分享口罩下周起單日產增將達千萬片以上。他也與政務委員唐鳳研議「口罩實名制20」政策讓民眾更方便買到口罩。
陳其邁表示截至昨天口罩單日生產960萬片。3月9日新增的60台機組都到位後就能單日生產達1000萬片；4月初再增加30台機組還可以再提升到每日1300萬片以上。
口罩產量持續提升所以除了今天起買實名製成人、兒童口罩都多一片外他也和唐鳳討論「口罩實名制20」政策思考口罩實名制再精進的方法讓有需要的國人取得口罩更方便。  陳其邁說面對疫情今日院會中也提出幾項政策及建議包括清明節祭祖返鄉人潮分流更需提前做好準備；校園開始上課傳染途徑除飛沫感染還有接觸感染。地方、學校要多宣導洗手重要性學童勤洗手效果會比用酒精、乾洗手更加徹底。
另外居家檢疫、隔離的國人為了防疫被限縮行動自由並非自願我們也要多給他們一些支持、鼓勵。但違反防疫規定、趴趴走的民眾除了地方政府應從重開罰外疫情指揮中心 也將訂定裁罰指引中央、地方攜手合作。  院會後他與衛福部長陳時中繼續討論強化基層診所、藥師投入防疫的能量。並再與相關單位開會督促情形持續加速快篩試劑生產。疫情漸趨嚴峻感謝每位台灣人在自己位置盡心盡力才能讓台灣展現實力成為近期國際矚目防疫範例。</t>
  </si>
  <si>
    <t>口罩防疫生產疫情地方陳其邁政策洗手國人持續討論民眾機組以上提升方便感染上課</t>
  </si>
  <si>
    <t>新冠肺炎陳其邁唐鳳口罩實名制20</t>
  </si>
  <si>
    <t>唐鳳陳其邁肺炎口罩</t>
  </si>
  <si>
    <t>侯友宜一定新北有心防疫前面雙北</t>
  </si>
  <si>
    <t>新冠肺炎疫情延燒雙北防疫工作也成注目焦點媒體詢問新北市防疫做得很好外界認為臺北市長柯文哲一直想要追上新北腳步雙北市長是否有心結？侯友宜回應別人怎麼做我都尊重新北市一定要走在最前面。侯友宜</t>
  </si>
  <si>
    <t>新北雙北防疫侯友宜一定工作臺北市柯文哲認為一直想要外界追上疫情腳步焦點注目有心市長是否</t>
  </si>
  <si>
    <t>新冠肺炎疫情延燒雙北防疫工作也成注目焦點媒體詢問新北市防疫做得很好外界認為臺北市長柯文哲一直想要追上新北腳步雙北市長是否有心結？侯友宜回應別人怎麼做我都尊重新北市一定要走在最前面。
侯友宜表示新北市第一時間阻絕於境外管控境內做好超前部署重申「防疫只有過沒有不及」不要等事後在出來的時候才說早知道我覺得多做絕對沒有錯而且更嚴格的管控能夠確保國人的健康安全。
「生命是無法取代在現階段只有防疫優先」侯友宜說嚴格管控預期能夠舒緩才是我應盡的責任別人怎麼做我都尊重最重要的是我們新北市一定要坐在最前面不然要做到最到位一步一腳印跟第一線夥伴站在一起才知道他們的落實程度不能程度底下沒有落實也是白講。</t>
  </si>
  <si>
    <t>防疫新北沒有侯友宜雙北知道能夠嚴格尊重落實前面一定出來時候不要</t>
  </si>
  <si>
    <t>防疫新北市侯友宜臺北市心結</t>
  </si>
  <si>
    <t>臺北市侯友宜新北防疫</t>
  </si>
  <si>
    <t>mrna鬆口陳時中混打可能性az</t>
  </si>
  <si>
    <t>國內新冠疫苗擴大施打中不少人關心疫苗混打可能性。疫情指揮中心指揮官陳時中表示目前還是以AZ混打mRNA的疫苗（莫德納及輝瑞/BNT）為主其他的可能性也會持續討論中但仍要看疫苗的進貨情況才能決定他也鬆口</t>
  </si>
  <si>
    <t>疫苗可能性混打擴大情況進貨關心仍要持續討論表示陳時中指揮官目前az中心mrna為主疫情bnt指揮莫德納輝瑞才能打中</t>
  </si>
  <si>
    <t>國內新冠疫苗擴大施打中不少人關心疫苗混打可能性。疫情指揮中心指揮官陳時中表示目前還是以AZ混打mRNA的疫苗（莫德納及輝瑞/BNT）為主其他的可能性也會持續討論中但仍要看疫苗的進貨情況才能決定他也鬆口「11月混打的可能性增高」。
針對近期不少專家、學者提出的混打呼籲陳時中指出相關意見都會尊重不過許多名嘴、專家引述的資料不一定有可比較性還是要請專家再研議目前國內也已開放AZ可混打mRNA的疫苗也就是可適度混打莫德納或BNT。
陳時中強調國內大規模進行疫苗混打還是要取決於疫苗進貨的情形目前專家也在討論中11月最有可能進行開放。
至於國外研究指出打完兩劑BNT過半年後保護力大幅下降陳時中則回應這些國外經驗指揮中心都會參考對於開放第三劑接種仍需要持續觀察因此目前還沒有定案不過已做好萬全準備第三劑的疫苗已經先買起來。</t>
  </si>
  <si>
    <t>疫苗混打專家目前開放bnt可能性陳時中國內指出持續進行中心指揮進貨莫德納討論mrnaaz準備</t>
  </si>
  <si>
    <t>混打AZmRNA莫德納輝瑞／BNT</t>
  </si>
  <si>
    <t>莫德納az輝瑞mrnabnt混打</t>
  </si>
  <si>
    <t>疫情肺炎降價背後原因飯店曝光</t>
  </si>
  <si>
    <t>新冠肺炎疫情全球蔓延許多人嚇得不敢出國觀光業大受影響不過有網友好奇為何疫情肆虐部分飯店仍不降價？在網路上引起熱烈討論有內行人揭露背後原因直呼「這2大關鍵反而讓飯店業者爽死」。原PO在PTT以「</t>
  </si>
  <si>
    <t>疫情飯店業反而關鍵全球蔓延原因不敢背後出國揭露觀光內行人業大降價討論熱烈飯店部分</t>
  </si>
  <si>
    <t>新冠肺炎疫情全球蔓延許多人嚇得不敢出國觀光業大受影響不過有網友好奇為何疫情肆虐部分飯店仍不降價？在網路上引起熱烈討論有內行人揭露背後原因直呼「這2大關鍵反而讓飯店業者爽死」。
原PO在PTT以「為什麼現在飯店業這麼慘房價沒便宜啊？」為題發文指出看了各家旅館價位跟疫情之前一樣貴根本沒有因為疫情變便宜詢問大家難得想要花錢在台灣玩有沒有房價一樣貴的八卦？
PO文一出馬上有內行人點出2大關鍵：「不能出國、只能玩國內」而且「政府有補助」。網友紛紛回應「不能出國都玩國內」、「外面一樣很多人」、「國內業者爽死」、「不趁現在撈怎麼說得過去」認為因為各國疫情升溫現在大家不敢出國都改玩國內國內旅遊的人反而變多；而且政府有補助部分飯店根本無需主動降價。</t>
  </si>
  <si>
    <t>疫情出國國內內行人便宜房價現在po爽死反而不敢部分網友飯店根本不能沒有飯店業補助政府降價全球</t>
  </si>
  <si>
    <t>武漢肺炎症狀南韓武漢肺炎林口長庚林口張上淳</t>
  </si>
  <si>
    <t>肺炎林口長武漢林口南韓張上淳症狀</t>
  </si>
  <si>
    <t>海峽優先論壇防疫疫情延到年底舉行</t>
  </si>
  <si>
    <t>過去海峽論壇通常都在每年6月份舉辦今年因為以新冠疫情防疫為優先考量本屆論壇推遲到12月才舉辦。持續舉辦海峽論壇不中斷主辦單位表示這充分彰顯了兩岸同胞希望兩岸關係和平發展、積極探索融合發展的主流民</t>
  </si>
  <si>
    <t>論壇舉辦海峽發展和平兩岸關係希望同胞兩岸探索充分積極表示主辦單位中斷今年考量優先防疫推遲月份疫情融合通常</t>
  </si>
  <si>
    <t>過去海峽論壇通常都在每年6月份舉辦今年因為以新冠疫情防疫為優先考量本屆論壇推遲到12月才舉辦。持續舉辦海峽論壇不中斷主辦單位表示這充分彰顯了兩岸同胞希望兩岸關係和平發展、積極探索融合發展的主流民意。
第十三屆海峽論壇的會前記者會今天（9日）下午舉行。有台媒提問：一、往屆海峽論壇通常都在6月份舉辦本屆論壇推遲到12月才舉辦主要出於什麼樣考慮？二、繼續舉辦海峽論壇能為兩岸帶來什麼訊息？
海峽論壇組委會辦公室副主任、福建省政府台港澳事務辦公室副主任鍾志剛表示在籌劃今年海峽論壇的過程中主辦單位始終把民眾的生命安全和身體健康放在首位始終把疫情防控放在優先考慮的位置。
鍾志剛表示今年以來面對複雜嚴峻的疫情防控形勢福建省認真貫徹黨中央國務院決策部署堅持依法防控、科學防控、精準防控慎終如始、毫不放鬆地做好「外防輸入、內防反彈」工作積極團結在閩臺胞台企做好防疫的各項工作堅決打好打贏抗擊疫情的福建戰役。各級台港澳辦深入各地台協會、台企、台青基地一線做好政策諮詢引導台企做好疫情防控和生產管理。
鍾志剛表示在閩的廣大臺胞台企迅速行動積極響應踴躍捐款捐物爭當志願者製作抗疫歌曲慰問一線防疫工作人員與當地民眾同舟共濟同心抗疫。截至目前福建省新冠疫情防控有序有效在閩臺胞台企未發生新冠肺炎疫情感染情況。這是主辦單位決定在12月舉辦本屆海峽論壇的主要考慮。
在這種情況下繼續舉辦海峽論壇帶來什麼樣的訊息？鍾志剛表示有一句老話「好飯不怕晚」。本屆論壇的舉辦時間雖然推遲了但這是在中共建黨百年大背景下、黨的十九屆六中全會召開後在當前疫情防控常態化形勢下舉辦的今年最大規模的兩岸民間交流活動兩岸各界對舉辦本屆海峽論壇依然充滿期待、熱情不減充分彰顯了兩岸同胞希望兩岸關係和平發展、積極探索融合發展的主流民意。
鍾志剛表示不論遇到什麼困難和幹擾海峽論壇這個兩岸民間溝通、交流的重要平臺都將繼續發揮助推兩岸交流合作、弘揚中華文化、促進兩岸同胞心靈契合等獨特作用。人生所貴在知己四海相逢骨肉親。海峽論壇的持續舉辦充分彰顯了兩岸同胞是命運與共的一家人充分彰顯了大陸願意以最大誠意、盡最大努力繼續推動兩岸關係和平發展、融合發展的信心、決心和能力。</t>
  </si>
  <si>
    <t>論壇海峽疫情防控舉辦兩岸表示志剛繼續做好防疫今年充分同胞主辦單位發展臺胞台企一線</t>
  </si>
  <si>
    <t>新冠肺炎台灣海峽論壇疫情防疫</t>
  </si>
  <si>
    <t>海峽臺灣論壇肺炎疫情防疫</t>
  </si>
  <si>
    <t>國旅危機部署轉機超前</t>
  </si>
  <si>
    <t>新冠肺炎讓觀光業奄奄一息政府給了紓困的續命丸後再撐3個月應該不難。問題在於未來這幾個月不該是啃著政府給的饅頭過日子觀光產業同樣要有「超前部署」的自覺否則過了這村未必有店。年輕人對「國旅」</t>
  </si>
  <si>
    <t>政府未必觀光業奄奄一息超前紓困同樣續命丸產業觀光應該不難過日子問題在於未來饅頭不該自覺部署</t>
  </si>
  <si>
    <t>新冠肺炎讓觀光業奄奄一息政府給了紓困的續命丸後再撐3個月應該不難。問題在於未來這幾個月不該是啃著政府給的饅頭過日子觀光產業同樣要有「超前部署」的自覺否則過了這村未必有店。
年輕人對「國旅」有種莫名的排斥原因很簡單就是性價比太低。平心而論國旅還真的不便宜交通加上住宿隨隨便便就破萬難怪有「去墾丁不如去沖繩」的說法。
這回新冠肺炎各國下達鎖國令短期內出不了國過往對國旅不屑一顧但這回想出去透透氣只剩國旅可以選卻也給了國旅能翻身的絕佳機會。
畢竟當全台飯店都「打到骨折」不是買一送一、半價優惠就是可抵餐飲這樣的價位慢慢貼近國人認為「國旅應該有的價值」國人也就願意掏錢、需求應運而生。
對業者來說要活下去終歸要靠自己。要有客人、要有營收、要有現金流短期促銷就像秋冬補助一樣補助一沒了衝著便宜來的人就少了如果外國觀光客補不上到頭來還是沒輒。
未來這3個月是危機卻也是轉機。如同抗疫一樣在面對威力強大的「經濟病毒」時不管是人才精進或是設備的汰舊換新都要超前部署才有機會重生。否則3個月過去當政府的「插管」拔了終究只能躺在加護病房內等死等於白救。</t>
  </si>
  <si>
    <t>國旅政府肺炎機會便宜應該未來超前國人部署病房觀光業奄奄一息下達簡單就是</t>
  </si>
  <si>
    <t>國旅肺炎國人便宜超前部署</t>
  </si>
  <si>
    <t>超前肺炎便宜國人部署國旅</t>
  </si>
  <si>
    <t>陸新冠肺炎死亡3042人 累計確診逾8萬例</t>
  </si>
  <si>
    <t>累計死亡確診肺炎陸新冠</t>
  </si>
  <si>
    <t>大陸國家衛生健康委員會3月6日公佈3月5日全大陸31個省和新疆生產建設兵團報告新冠肺炎新增確診病例143例新增死亡病例30例（湖北29例海南1例）新增疑似病例102例新增治癒出院病例1681例。截至3月5日全大</t>
  </si>
  <si>
    <t>病例新增大陸報告新疆生產建設兵團肺炎委員會公佈出院確診衛生健康截至治癒疑似病例國家海南湖北死亡全大</t>
  </si>
  <si>
    <t>大陸國家衛生健康委員會3月6日公佈3月5日全大陸31個省和新疆生產建設兵團報告新冠肺炎新增確診病例143例新增死亡病例30例（湖北29例海南1例）新增疑似病例102例新增治癒出院病例1681例。
截至3月5日全大陸31個省和新疆生產建設兵團累計報告新冠肺炎現有確診病例23784例（其中重症病例5737例）累計治癒出院病例53726例累計死亡病例3042例累計報告確診病例80552例現有疑似病例482例。</t>
  </si>
  <si>
    <t>病例大陸累計報告新增確診肺炎出院新疆生產建設兵團現有疑似病例截至治癒委員會死亡公佈健康衛生重症國家海南湖北</t>
  </si>
  <si>
    <t>新冠肺炎武漢肺炎確診病例大陸</t>
  </si>
  <si>
    <t>武漢肺炎確診病例大陸</t>
  </si>
  <si>
    <t>政府工作蔡英文護理防疫一起投入過去感謝疫情</t>
  </si>
  <si>
    <t>蔡英文總統今天上午以錄影方式為「110年國際護師節聯合慶祝大會」致詞感謝護理師過去一年多來全力投入防疫工作。現在疫情還沒有結束不能有任何鬆懈她拜託護理師們持續與政府一起守住疫情、守護台灣。每年5月</t>
  </si>
  <si>
    <t>護理疫情方式為國際一起聯合持續政府沒有現在結束工作不能防疫感謝投入過去鬆懈全力</t>
  </si>
  <si>
    <t>蔡英文總統今天上午以錄影方式為「110年國際護師節聯合慶祝大會」致詞感謝護理師過去一年多來全力投入防疫工作。現在疫情還沒有結束不能有任何鬆懈她拜託護理師們持續與政府一起守住疫情、守護台灣。
每年5月12日為國際護師節今年受疫情影響慶祝大會改至10月12日舉行。希望藉由大會的舉辦勉勵疫情期間不畏艱辛守護民眾健康的護理人員。
蔡英文在致詞時首先恭喜所有得獎者以及接受表揚的護理師。「謝謝大家的付出讓民眾享受高品質的健康照護」。也要藉著這個機會再次感謝護理師。
她說護理師過去一年多來全力投入防疫工作無論是戶外炎熱的篩檢站、收治病患的醫療院所還是繁忙的疫苗施打站。到處都看見護理師的專業奉獻也讓我們再次度過疫情的考驗「大家都辛苦了！」
蔡英文指出現在疫情還沒有結束不能有任何鬆懈還要拜託大家跟政府一起守住疫情、守護台灣。政府也會持續提升護理職場環境保障大家的執業安全。「再次感謝各位的貢獻和辛勞也請大家別忘了要照顧好自己還有家人」。</t>
  </si>
  <si>
    <t>護理疫情再次蔡英文感謝守護政府民眾健康致詞慶祝大會持續國際工作現在防疫</t>
  </si>
  <si>
    <t>護理師疫情台灣蔡英文新冠肺炎</t>
  </si>
  <si>
    <t>臺灣蔡英文疫情護理肺炎</t>
  </si>
  <si>
    <t>信用卡詐騙案期間疫情</t>
  </si>
  <si>
    <t>最新資料顯示在新冠肺炎疫情爆發期間詐騙份子反倒更加活躍包括釣魚攻擊等信用卡詐欺案件大增這令飽受疫情重創的消費者與銀行面臨另一個虧損風險。根據美國富達國民資訊服務（Fidelity National Information</t>
  </si>
  <si>
    <t>疫情資訊國民富達美國肺炎風險虧損爆發面臨期間服務銀行詐騙消費者反倒更加活躍份子重創包括釣魚攻擊信用卡詐欺飽受大增案件</t>
  </si>
  <si>
    <t>最新資料顯示在新冠肺炎疫情爆發期間詐騙份子反倒更加活躍包括釣魚攻擊等信用卡詐欺案件大增這令飽受疫情重創的消費者與銀行面臨另一個虧損風險。
根據美國富達國民資訊服務（Fidelity National Information ServicesFIS）資料新冠肺炎使今年稍早美國經濟幾近停擺信用卡和簽帳金融卡（Debit Card）的詐騙案件卻大幅躍升4月以美元為計的試圖詐欺交易規模比去年同期勁揚35％此趨勢顯然延續至5月。FIS協助美國約3200家銀行監視詐欺活動。
FIS指出多數詐騙交易在持卡人帳號受到影響之前就已被發覺但試圖詐欺案件激增也凸顯消費者與銀行面臨的挑戰。
過去兩個月信用卡購物縮減數百萬失業的持卡者已停止支付每月款項。此時詐騙成功案例躍升可能導致信用卡發行商損失擴大最終消費者面臨的成本也提高。
為信用卡發行商提供資安建議的Javelin Strategy &amp; Research支付部門主管泰德（Krista Tedder）表示：「這勢必對所有人造成很大的打擊。」
詐騙一直是銀行長久面臨的問題。根據Javelin調查包括信用卡和簽帳金融卡在內的詐騙案件對銀行、商家、持卡人造成的損失在2019年上看169億美元比前一年多出15％同時創2013年以來最高。
研究顧問公司Aite Group指出銀行業已調升2020年詐騙損失預估值。消息人士稱因旅遊和實體店面消費金額大幅萎縮使得詐騙行動多數轉移至網路尤其鎖定富國銀行、美銀和Synchrony Financial等大型信用卡發卡商。
FIS詐欺研究部門副總裁克勞斯表示詐騙人士會利用駭客竊取的信用卡號碼購物也會採「網路釣魚攻擊」（Phishing attack）手法透過手機、電郵或簡訊誘使客戶交出個資。</t>
  </si>
  <si>
    <t>詐騙信用卡詐欺銀行fis案件面臨損失美國消費者網路研究支付表示部門造成javelin疫情指出交易大幅攻擊釣魚發行商購物試圖</t>
  </si>
  <si>
    <t>詐騙肺炎詐欺案件詐欺疫情</t>
  </si>
  <si>
    <t>詐欺案件肺炎詐騙疫情</t>
  </si>
  <si>
    <t>印度落到疫苗藥房不夠世界被譽為窘境</t>
  </si>
  <si>
    <t>印度是全球仿製藥生產大國有「世界藥房」的美譽印度總理莫迪（Narendra Modi）去年才說印度將製造足夠的疫苗「幫助全人類」幾個月不到印度卻落得新冠疫情失控、國內疫苗不夠的窘境美媒分析印度陷入窘</t>
  </si>
  <si>
    <t>印度疫苗生產大國世界藥房美譽不夠總理莫迪窘境去年國內才說失控疫情製造不到足夠全人類幫助</t>
  </si>
  <si>
    <t>印度是全球仿製藥生產大國有「世界藥房」的美譽印度總理莫迪（Narendra Modi）去年才說印度將製造足夠的疫苗「幫助全人類」幾個月不到印度卻落得新冠疫情失控、國內疫苗不夠的窘境美媒分析印度陷入窘境的原因包括過份自信、缺乏計劃等。
美聯社分析第一個原因在於印度官員在好幾個事項方面都措手不及例如批准疫苗緊急使用授權的速度印度官方一直假定直到2021年中才有可能接種疫苗。
同一時間印度也對其他國家亮綠燈承諾盡快提供疫苗迫使印度面臨內外壓力除了滿足國內所需也要對其他國家履行承諾。
印度政府原本計畫8月前讓14億人口中的3億人接種疫苗不過印度獲得的疫苗從來就不曾接近這個數字政府只是假定能夠生產足夠的疫苗應付國內外所需。
印度第一波疫情控制得當莫迪1月在世界經濟論壇（World Economic Forum）的線上會議中向全世界宣佈印度擊敗新冠肺炎高調指出「印度的成功將能幫助全世界」那時印度才剛開始讓醫護接種疫苗莫迪說短短12天就讓超過230萬醫護施打疫苗明顯沉浸在疫苗外交的初期成功之中
不過專家指出事後看來印度政府當時做了「危險的失算」境內疫情即將爆發。
印度科學教育與研究所（Indian Institute of Science Education and Research）免疫系統專家巴爾（Vineeta Bal）指出比起慶祝擊敗病毒政府當時更應該為未來作規畫「我不知道為什麼沒有人想到沒有人計算印度到底需要多少劑疫苗？」
即便後來開始趕工製造疫苗印度又碰上生產問題。印度目前有2座主要的疫苗生產商包括印度血清研究所（Serum Institute of India）及巴拉特生物科技國際公司（Bharat Biotech）前者主要製造AZ疫苗後者生產自主研發的COVAXIN疫苗。
事實上在印度批准疫苗的緊急使用授權前這2家生產商早在去年就開始生產疫苗不過在擴大生產規模時2家公司都面臨瓶頸印度血清研究所執行長普納瓦拉（Adar Poonawalla）指出1月疫苗工廠發生大火加上美國對疫苗原物料出口實施禁運都造成供應受阻他說原物料供應中斷最長可能造成6個月供應延遲。
印度血清研究所原本計畫每個月生產1億劑疫苗不過目前頂多只能生產6000萬劑疫苗巴拉特生物科技國際公司原本稱2021年能夠生產7億劑疫苗不過目前每個月最多只能生產1000萬劑。
為了壓制疫情印度政府加速疫苗施打計畫1日開放所有成年人接種疫苗目前印度一共獲得196億劑疫苗其中1000萬劑由全球取得機制（COVAX）提供印度更進一步批准俄羅斯衛星-V疫苗（Sputnik V）的緊急使用授權20萬劑Sputnik V疫苗已在上周抵印政府預估8月至12月將會再取得20億劑疫苗包括75億劑由印度血清研究所生產的AZ疫苗、55億劑COVAXIN疫苗、以及156億劑俄羅斯疫苗。
目前印度約有4100萬人完整接種疫苗另外104億人已經接種1劑疫苗。</t>
  </si>
  <si>
    <t>疫苗印度生產指出疫情研究所接種政府莫迪印度政府目前血清製造開始包括原本當時批准專家擊敗國內假定</t>
  </si>
  <si>
    <t>#新冠肺炎#全球印度疫苗不夠世界藥房</t>
  </si>
  <si>
    <t>印度全球疫苗肺炎不夠世界藥房</t>
  </si>
  <si>
    <t>需求-ky去年導體產能</t>
  </si>
  <si>
    <t>譜瑞-KY(4966)去年受惠疫情帶動的居家辦公、遠距教學PC、NB等需求大好全年每股大賺4486元展望第一季也預計將淡季不淡董事長趙捷表示目前需求均維持在高檔但晶圓產能確實很吃緊會是譜瑞-KY的挑戰。</t>
  </si>
  <si>
    <t>需求-ky受惠疫情吃緊帶動居家確實辦公產能預計淡季展望晶圓教學高檔pc維持</t>
  </si>
  <si>
    <t>譜瑞-KY(4966)去年受惠疫情帶動的居家辦公、遠距教學PC、NB等需求大好全年每股大賺4486元展望第一季也預計將淡季不淡董事長趙捷表示目前需求均維持在高檔但晶圓產能確實很吃緊會是譜瑞-KY的挑戰。
譜瑞-KY去年第四季合併營收為美金148億元季減少124%年增加5418%單季營業毛利為美金6456萬元季減少229%年增加5276%單季稅後淨利為美金3329萬元每股稅後盈餘美金042元、折合新台幣1212元。
譜瑞-KY累計2020年合併營收為美金518億元年增加3567%營業毛利為美金228億元營業利益則為美金125億元全年稅後淨利為美金118億元每股稅後盈餘為美金152元、折合新台幣4486元。
趙捷表示因為疫情關係現在看到居家辦公、遠距教學等應用持續強勁帶動PC、NB以及平板需求維持高檔現階段市場需求維持健康。
面對目前晶圓產能吃緊趙捷表示現階段目前產能確實吃緊譜瑞-KY會和客戶一起解決問題面對產能不足、供給吃緊問題如何滿足供應商會是譜瑞-KY的挑戰。
以譜瑞-KY第一季財測來說預估單季合併營收美金139~153億元季減6%至季增34%呈現淡季不淡單季合併毛利率415%~ 445%合併營業費用為美金2800~2900萬。</t>
  </si>
  <si>
    <t>-ky單季合併產能需求表示吃緊趙捷目前全年帶動疫情維持pcnb面對辦公台幣</t>
  </si>
  <si>
    <t>譜瑞-KY美金趙捷產能居家辦公</t>
  </si>
  <si>
    <t>產能-ky趙捷居家辦公</t>
  </si>
  <si>
    <t>植逾紀錄施打上百人疫苗預約受阻北市</t>
  </si>
  <si>
    <t>臺北市一名孕婦日前因預約第2劑莫德納疫苗意外發現自己在預約平臺上遭誤植已混打高端經中央流行疫情指揮中心清查發言人莊人祥說明共有3075筆資料有誤其中實際在本期預約受影響約110人受影響的民眾可透過</t>
  </si>
  <si>
    <t>預約影響實際平臺有誤資料說明植已共有混打莊人祥高端發言人清查中央中心流行疫情指揮莫德納疫苗意外發現自己民眾日前</t>
  </si>
  <si>
    <t>臺北市一名孕婦日前因預約第2劑莫德納疫苗意外發現自己在預約平臺上遭誤植已混打高端經中央流行疫情指揮中心清查發言人莊人祥說明共有3075筆資料有誤其中實際在本期預約受影響約110人受影響的民眾可透過國泰醫院協助第2劑接種。
莊人祥表示受影響的民眾皆為今年8、9月在國泰醫院接種各疫苗廠牌皆有；該院將該清冊於10月份上傳由於經過人工刪修造成格式錯誤有3075筆資料有誤因此今天上午10點半已由疾管署刪除後續再由醫院重新上傳正確的資料。
莊人祥指出根據目前評估這3075筆資料中真正影響到這一期預約的僅110人如果有受此影響本署已責成國泰醫院或透過衛生局來協助接種。
國泰醫院回應經查後發現資料庫登錄內容皆正確但上週六上傳一批資料過程中發生部分資料誤登已與疾管署完成資料比對並完成更正將協助受影響民衆完成疫苗預約對於造成民眾不便深感抱歉。</t>
  </si>
  <si>
    <t>資料預約影響上傳民眾國泰醫院疫苗接種協助完成有誤正確管署透過流行疫情指揮中心中央</t>
  </si>
  <si>
    <t>誤植孕婦高端疫苗3千筆</t>
  </si>
  <si>
    <t>高端孕婦疫苗</t>
  </si>
  <si>
    <t>登場肺炎高峰論壇</t>
  </si>
  <si>
    <t>工商時報與南僑集團及太田水素工坊生技（股）公司暨歐立得科技有限公司和社團法人台灣醫務管理學會將於7月24日下午1：30（1：00入場）在中華經濟研究院國際廳隆重舉辦新冠肺炎（covid-19）高峰論壇邀請衛福部疾病</t>
  </si>
  <si>
    <t>covid-肺炎公司舉辦立得隆重科技國際有限公司研究院社團中華經濟法人入場臺灣下午管理學高峰論壇素工邀請</t>
  </si>
  <si>
    <t>工商時報與南僑集團及太田水素工坊生技（股）公司暨歐立得科技有限公司和社團法人台灣醫務管理學會將於7月24日下午1：30（1：00入場）在中華經濟研究院國際廳隆重舉辦新冠肺炎（covid-19）高峰論壇邀請衛福部疾病管制署長周志浩到場致詞即日起開放報名一律網路報名報名網址https://bitly/2020covid-19。
本案活動分專題報告與座談二階段實施第一階段為專題報告由亞洲川崎症專家、台灣氫分子醫療促進協會創會理事長郭和昌醫師／教授報告綜觀氫氧應用於新冠病毒防疫治療提升免疫力與抗發炎範例；歐立德科技有限公司總經理侯玉報告防治致命的空氣及改善室內與環境新鮮空氣品質－小粒徑負離子。
座談由財團法人商業發展研究院商業發展與策略研究所長黃兆仁博士主持邀請前衛生署長楊志良前國民健康署長邱淑媞國立陽明大學醫學院國際副院長黃心苑中山醫學大學附設醫院執行長李英雄歐立德科技有限公司董事長侯玉友荃科技實業（股）公司董事長林文章社團法人台灣醫務管理學會謝武吉等人擔任與談人討論主題為新冠肺炎（COVID-19）事件對全球衛生健康的未來啟示與反思分別就全球人類如何面對未來新型流行病的挑戰與預防、我國生技及醫藥產業如何發揮知識與技術能力發展出具國際競爭力與成品提供國際社會需求、產官學研如何建立新平臺跨界跨域合作機制為國內外社會健康衛生與流行病治理做出最佳貢獻及找到最適合作模式一併做出討論。
受到新冠病毒疾病疫情影響奪走最多人關注的就是氣候變化和全球變暖等環保議題。自從疫情爆發之後各國政府和非政府組織一股腦地投入了抗擊疫情的戰鬥之中相比之下沒有那麼迫切需要緊急應付的氣候變化問題自然就受到人們的忽略了。
但是很多人主張和氣候變化相比新冠病毒疫情其實更容易解決而且只是時間問題而解決氣候變化所需的努力卻是無法估計無法確定的。</t>
  </si>
  <si>
    <t>疫情氣候變化國際臺灣健康衛生covid-病毒有限公司科技全球署長發展報告座談社會流行病疾病公司受到合作邀請研究院</t>
  </si>
  <si>
    <t>專題報告座談病毒肺炎氣候變化</t>
  </si>
  <si>
    <t>肺炎氣候變化專題報告座談病毒</t>
  </si>
  <si>
    <t>陸新冠肺炎死亡2870人 累計確診79萬例</t>
  </si>
  <si>
    <t>死亡累計確診肺炎陸新冠</t>
  </si>
  <si>
    <t>大陸國家衛生健康委員會3月1日公佈2月29日全大陸31個省和新疆生產建設兵團報告新冠肺炎新增確診病例573例新增死亡病例35例（湖北34例河南1例）新增疑似病例132例新增治癒出院病例2623例。截至2月29日全</t>
  </si>
  <si>
    <t>新增病例大陸肺炎報告新疆生產建設兵團委員會公佈出院確診衛生健康治癒截至疑似病例國家河南湖北死亡</t>
  </si>
  <si>
    <t>大陸國家衛生健康委員會3月1日公佈2月29日全大陸31個省和新疆生產建設兵團報告新冠肺炎新增確診病例573例新增死亡病例35例（湖北34例河南1例）新增疑似病例132例新增治癒出院病例2623例。
截至2月29日全大陸31個省和新疆生產建設兵團累計報告新冠肺炎現有確診病例35329例（其中重症病例7365例）累計治癒出院病例41625例累計死亡病例2870例累計報告確診病例79824例現有疑似病例851例。
北京青年報3月1日報導2月29日大陸著名肺移植專家陳靜瑜團隊在無錫成功進行全球首例新冠肺炎雙肺移植手術。患者為59歲男性確診新冠肺炎後經過插管＋ECMO及藥物治療後連續核酸檢測呈陰性但雙肺功能已嚴重受損且不可逆。患者術後狀態平穩。報導援引業內專家認為此例新冠肺炎危重症病例肺移植救治手段對降低死亡率有較大意義。</t>
  </si>
  <si>
    <t>病例肺炎大陸確診專家移植患者報導累計報告新增疑似病例死亡率現有降低手段救治連續陰性功能</t>
  </si>
  <si>
    <t>新冠肺炎確診病例疑似病例新增確診</t>
  </si>
  <si>
    <t>病例肺炎確診疑似病例新增</t>
  </si>
  <si>
    <t>驚喜老公公聖誕身後耶誕節悲慘老人喪命</t>
  </si>
  <si>
    <t>今年大概是比利時一間養老院最悲慘的聖誕節月初一名感染新冠病毒卻無症狀的聖誕老人來訪後至今一共有18名長者喪命。英國《太陽報》（The Sun）報導比利時北部莫爾市（Mol）的一間養老院歷經了相當悲慘的聖誕節</t>
  </si>
  <si>
    <t>比利時養老院耶誕節悲慘至今一共來訪聖誕老人長者症狀喪命英國太陽病毒thesun感染報導月初北部mol</t>
  </si>
  <si>
    <t>今年大概是比利時一間養老院最悲慘的聖誕節月初一名感染新冠病毒卻無症狀的聖誕老人來訪後至今一共有18名長者喪命。
英國《太陽報》（The Sun）報導比利時北部莫爾市（Mol）的一間養老院歷經了相當悲慘的聖誕節12月稍早養老院邀請一名聖誕老人和他的助理來訪、歡慶佳節以提振養老院老人們的士氣不料這名聖誕老人其實是一名無症狀的新冠患者在聖誕老公公來訪後養老院內的新冠肺炎死亡人數就快速攀升至今已有18名長者喪命當中5人是在平安夜及聖誕節當天過世。
根據比利時當地法蘭德斯廣播電視台（VRT News）報導聖誕老人來訪後養老院疫情大爆發一共有121名住戶、36名員工染疫。
養老院疫情大爆炸染疫聖誕老公公被指是超級傳播者據信他來訪前沒有出現任何不適症狀他本人也不知道自己染上病毒。
莫爾市當地官員表示聖誕老人來訪時拜訪了養老院內好幾個公共空間強調他全程戴上口罩和住戶保持社交距離住戶們也都有戴上口罩。不過根據法蘭德斯廣播電視台取得的畫面養老院住戶幾乎都沒有戴口罩聖誕老公公和住戶也靠得很近。
養老院甚至指出聖誕老人和他的助理實際上是治療師因此平常也會進到住戶的房間。
莫爾市市長凱耶斯（Wim Caeyers）表示目前實驗室仍在確定養老院疫情真正的感染來源因此無法斷定聖誕老人是否就是超級傳播者不過他也坦言接下來10天將會非常艱難指出原本立意良好的活動最後走調是養老院非常黑暗的一日。
不過比利時病毒學家範朗斯特（Marc Van Ranst）懷疑聖誕老人能夠一次感染這麼多人認為養老院的空調系統才是疫情大爆發的主因「就算是超級傳播者這個一次也太多感染病例了。」但他也承認讓聖誕老人來訪確實是個很蠢的提議。</t>
  </si>
  <si>
    <t>養老院聖誕老人來訪住戶比利時聖誕感染疫情莫爾耶誕節老公公症狀老人傳播口罩非常表示指出</t>
  </si>
  <si>
    <t>養老院聖誕老人耶誕節老人新冠肺炎</t>
  </si>
  <si>
    <t>耶誕節老人聖誕老人養老院肺炎</t>
  </si>
  <si>
    <t>經書病毒確認佛堂傳播</t>
  </si>
  <si>
    <t>香港北角「福慧精舍」爆疫未停衛生防護中心驗出佛堂兩個環境樣本對病毒呈陽性包括水龍頭手柄樣本以及參拜位置樣本後者樣本源自經書及跪墊等。北角佛堂確診群組至昨天增至7人昨新增者是55歲肯德基（KFC）女</t>
  </si>
  <si>
    <t>樣本佛堂北角新增增至昨天水龍頭確診衛生防護中心病毒環境手柄源自包括陽性</t>
  </si>
  <si>
    <t>香港北角「福慧精舍」爆疫未停衛生防護中心驗出佛堂兩個環境樣本對病毒呈陽性包括水龍頭手柄樣本以及參拜位置樣本後者樣本源自經書及跪墊等。北角佛堂確診群組至昨天增至7人昨新增者是55歲肯德基（KFC）女員工她於本月初連續6日到佛堂病發後仍上班其24歲兒子無去過佛堂亦確診令佛堂「第二代」傳播增至兩人。
據港媒報導北角「福慧精舍」本月19日首現確診其後曾清潔但衛生防護中心2月23日再到場抽取33個環境樣本化驗仍驗出兩個樣本呈陽性第一個樣本取自經書面、覆蓋經書的布及跪墊另一樣本取自洗手間的水龍頭手柄。衛生防護中心傳染病處主任張竹君說兩個陽性樣本未必是一個活病毒公共衛生化驗服務處會嘗試培植看病毒基因與之前個案有無關係。
截至昨日中午該中心已收到153人報稱曾到佛堂當中22人會安排檢疫另有百多人接受醫學監測；另7人稱有病徵當中二人已確診其餘測試呈陰性。張稱暫時確診個案與佛堂有關暫未需要隔離美輪大廈住戶但會密切留意。食環署稱一名在金鐘政府合署45樓工作的員工曾在2月中到佛堂現正隔離與該員工在同一辦公室工作的其他員工則在家辦公。</t>
  </si>
  <si>
    <t>佛堂確診中心樣本員工衛生防護陽性北角個案工作隔離化驗本月水龍頭病毒手柄增至</t>
  </si>
  <si>
    <t>新冠肺炎武漢肺炎 COVID-19 台灣大陸</t>
  </si>
  <si>
    <t>確診重症新增周暴增南韓</t>
  </si>
  <si>
    <t>南韓中央防疫對策本部9月1日表示今日較昨日新增235件新冠肺炎病例累計確診人數已突破2萬。新症連續3天維持在300人以下但重症患者案例數量明顯飆升較2周前增加11倍之多。新增病例以本地感染佔絕大多數多數</t>
  </si>
  <si>
    <t>新增病例本部表示今日增加對策案例患者重症以下數量明顯昨日維持連續突破人數確診累計</t>
  </si>
  <si>
    <t>南韓中央防疫對策本部9月1日表示今日較昨日新增235件新冠肺炎病例累計確診人數已突破2萬。新症連續3天維持在300人以下但重症患者案例數量明顯飆升較2周前增加11倍之多。
新增病例以本地感染佔絕大多數多數位於首都圈包括首爾、京畿道、仁川。另外2周內有逾百名患者情況危急累計死亡病例共324人。
疾病管理本部稱過去2周內逾3成確診患者都超過60歲且感染源頭不明的個案持續攀升情況令人擔憂。</t>
  </si>
  <si>
    <t>患者病例本部感染確診累計新增周內個案持續源頭表示超過今日對策包括數量明顯昨日</t>
  </si>
  <si>
    <t>南韓確診新冠肺炎重症疫情</t>
  </si>
  <si>
    <t>肺炎重症確診南韓疫情</t>
  </si>
  <si>
    <t>公司住院證實趙寅成病因</t>
  </si>
  <si>
    <t>38歲南韓「長腿男神」趙寅成驚傳入院治療由於現在新冠肺炎疫情緊張讓大批粉絲相當擔心所屬經紀公司2日立即出面回應病因。趙寅成爆出住院後經紀公司IOKCompany就發聲表示：「趙寅成2月底完成電影《摩加迪休》</t>
  </si>
  <si>
    <t>趙寅成公司經紀月底入院現在治療肺炎表示疫情緊張粉絲發聲相當擔心所屬病因iokcompany完成回應立即</t>
  </si>
  <si>
    <t>38歲南韓「長腿男神」趙寅成驚傳入院治療由於現在新冠肺炎疫情緊張讓大批粉絲相當擔心所屬經紀公司2日立即出面回應病因。
趙寅成爆出住院後經紀公司IOKCompany就發聲表示：「趙寅成2月底完成電影《摩加迪休》（暫譯）的拍攝後突然感到膝蓋疼痛目前住院接受治療中」並透露他僅接受簡單的小手術預計近日就會出院。
另外外界猜測趙寅成是否因為拍電影才受的傷《摩加迪休》方面就回應電影已經順利拍完澄清「趙寅成膝蓋手術和電影沒任何關係」。</t>
  </si>
  <si>
    <t>趙寅成電影治療膝蓋住院回應手術經紀公司加迪休接受疫情緊張現在肺炎入院粉絲相當擔心簡單所屬</t>
  </si>
  <si>
    <t>趙寅成電影住院治療經紀公司</t>
  </si>
  <si>
    <t>治療經紀電影住院趙寅成公司</t>
  </si>
  <si>
    <t>獲利登頂去年今年智邦訂單能見度通信網</t>
  </si>
  <si>
    <t>智邦(2345)去年合併營收54463億元每股獲利907元獲利創下歷史新高董事會決議擬配發現金股利每股65元若以昨日收盤價2625元算現金殖利率25%展望今年智邦執行長馬思睿(Edgar Masri)表示儘管今年訂</t>
  </si>
  <si>
    <t>今年智邦現金獲利董事會決議edgar配發執行長利率展望創下歷史新高masri股利昨日收盤價表示合併去年</t>
  </si>
  <si>
    <t>智邦(2345)去年合併營收54463億元每股獲利907元獲利創下歷史新高董事會決議擬配發現金股利每股65元若以昨日收盤價2625元算現金殖利率25%展望今年智邦執行長馬思睿(Edgar Masri)表示儘管今年訂單能見度優於去年但零組件料況與匯率波動將是最大不確定因素智邦除提前因應準備外對於後續變化也將審慎以對。
智邦第四季合併營收15714億元年增加1198%、季增加913%；營業毛利3268億元年增加1806%、季減少383%；合併營業利益1868億元年增加2924%、季減少810%；合併稅前淨利為1675億元年增加2659%、季減少939%；合併稅後獲利為1361億元單季稅後淨利年增262%、季減少927%單季每股稅後淨利245元。
智邦全年合併營收54463億元年減少169%；全年合併營業毛利11554億元年增加505%；合併營業利益6403億元年增6%；全年合併稅前淨利6213億元年增加136%；合併稅後淨利5048億元年增加198%全年每股稅後淨利907元。
智邦執行長馬思睿(Edgar Masri)表示智邦持續擴大與全球雲端服務、電信服務、企業客戶合作其中400G交換器將於110年上半年量產而因應新型態電信網路建置需求5G 基地台回傳路由器(Cell Site Router)等電信產品也已量產出貨。除了傳統交換器智邦也已跨入人工智慧、邊緣計算、共構封裝光學元件等新興技術領域。
馬思睿進一步表示全球地緣政治情勢的改變以及後疫情時代的不確定性讓智邦更加重視提升營運效率因此智邦已全面導入生命週期管理(Lifecycle Management；LCM)以加快產品開發速度；另外智邦內部成立專責工程任務團隊並同時著手規畫供應鏈與製造基地多元化佈局降低客戶受零組件短缺影響的風險。
展望今年馬思睿則表示儘管今年訂單能見度優於去年但零組件料況與匯率波動將是最大的不確定因素智邦除了提前因應準備外對於後續變化也將審慎以對。</t>
  </si>
  <si>
    <t>智邦今年合併表示基地因應客戶元件交換器全球展望減少全年淨利現金增加</t>
  </si>
  <si>
    <t>智邦獲利交換器邊緣運算人工智慧</t>
  </si>
  <si>
    <t>交換器運算邊緣獲利人工智慧智邦</t>
  </si>
  <si>
    <t>規定中午東吳暫停感染餐廳用餐避免</t>
  </si>
  <si>
    <t>為加強防疫減少感染機會東吳大學從3月17日開始中午11點到12點半的用餐尖峰時間暫停同學在兩校區的學生餐廳內用餐現場會有工讀生高舉「防疫期間為疏散人流請儘量外帶」的立牌希望學生多在空氣流通的室</t>
  </si>
  <si>
    <t>用餐學生防疫機會儘量東吳大學外帶人流開始疏散期間中午高舉尖峰工讀生時間暫停同學現場會餐廳希望</t>
  </si>
  <si>
    <t>為加強防疫減少感染機會東吳大學從3月17日開始中午11點到12點半的用餐尖峰時間暫停同學在兩校區的學生餐廳內用餐現場會有工讀生高舉「防疫期間為疏散人流請儘量外帶」的立牌希望學生多在空氣流通的室外用餐初春天氣怡人也降低感染風險。
今年適逢東吳大學建校120年無奈新冠肺炎肆虐為了降低群聚風險學校延後系列校慶活動3月16日校慶當天則在安素堂舉辦祈禱會出席的師長依「棋盤」間格入座成為疫情下的另類風景！現場還送出「蘋安桔利祈福袋」裡面裝有蘋果和橘子等水果象徵疫情早日平息全球平安吉利。
目前東吳大學人在國外的交換生約60人在歐洲的交換學生已經全數聯繫上得知有7人打算返台學生回台後將不會直接進入校園按政府規定在家進行14天的居家檢疫除了鄰裡長關懷之外東吳大學的護理師每天也將瞭解關心同學的體溫和身體狀況教務處同仁則會協助註冊及選課工作待確認同學身體無虞之後才會同學進入校園！</t>
  </si>
  <si>
    <t>東吳大學學生同學用餐疫情降低風險感染防疫進入校園交換校慶安桔利祈福裡面送出裝有蘋果現場風景</t>
  </si>
  <si>
    <t>疫情診療門診肺炎使用下降</t>
  </si>
  <si>
    <t>因應新冠肺炎疫情需要衛福部健保署今年初開放隔離檢疫、自主健康管理者使用視訊診療5月進一步擴大開放至門診病人。近期新冠肺炎疫情趨緩視訊診療的使用人次也有所下降根據健保署統計視訊診療的使用人次已</t>
  </si>
  <si>
    <t>診療使用疫情肺炎今年初開放檢疫隔離保署自主衛福部需要健康管理者近期門診病人擴大開放下降進一步有所統計</t>
  </si>
  <si>
    <t>因應新冠肺炎疫情需要衛福部健保署今年初開放隔離檢疫、自主健康管理者使用視訊診療5月進一步擴大開放至門診病人。近期新冠肺炎疫情趨緩視訊診療的使用人次也有所下降根據健保署統計視訊診療的使用人次已從6月的高峰7萬人降至9月的1萬人。健保署已在搜集意見討論疫後如何留住視訊診療。
健保署副署長蔡淑鈴今出席「全民健保『通訊診療』 政策的經驗與展望」研討會分享視訊診療、遠距醫療的執行現況及未來方向。新冠肺炎疫情在2020年爆發帶動了0接觸醫療需求OECD國家以視訊診療取代面對面看診而基層診所便在其中扮演重要角色。
蔡淑鈴表示OECD國家推動視訊診療有許多阻礙必須克服包括文化上能不能接受、法律只不支持、保險是否支付、配備是否到位以及民眾的數位落差、城鄉差距及隱私保護。
美國一項近期出版的研究收錄了2020年初至6月期間疫情最嚴峻24周的分析發現當時總門診量大幅下降而視訊診療取代了很大部分面對面的門診但各州仍因疫情不同、保險人口、數位落差等因素而有所差距。該研究也發現民眾延緩疾病治療將導致疾病嚴重度上升尤其是慢性病而這些疾病在疫後導致疾病發生率、死亡率上升。
台灣因山地離島多人口分散而無法享有就醫平權健保署為此在2018年發布「通訊診察治療辦法」允許山地、離島、偏僻地區民眾透過遠距醫療進行偵察。今年因應新冠肺炎疫情也開放隔離檢疫、自主健康管理者使用視訊診療並在5月進一步開放至門診病人最高峰的使用量為7萬人次／月。
以北榮為例在5月疫情最嚴峻時開放視訊診療門診以通話、Line視訊2種方式允許病情穩定的慢性病患使用。北榮心臟內科主治醫師李慶威表示為避免民眾被詐騙以醫院App繳費兒女若在國外也可協助繳費。試用期間有近9成民眾準時繳費而8成以上對北榮的通話、視訊診療非常滿意。
根據健保署統計視訊診療門診的使用人次已隨疫情趨緩而下降從6月的7萬降至7月的5萬、8月的3萬以及9月的1萬。蔡淑鈴表示未來的疫情無法掌控而視訊診療仍然會保留在關鍵時刻都可拿出來用但是疫情之後要如何留住這項途徑還需要研究至於偏鄉的遠距醫療則是進行式今年的預算為1億元明年將提高。健保署也搜集各界意見包括未來視訊診療是否延續、是否可推動電子處方簽以及遠距醫療如何擴大等若有需要也會修法因應。</t>
  </si>
  <si>
    <t>診療疫情民眾醫療使用研究需要開放表示未來蔡淑鈴下降是否肺炎繳費門診疾病保險</t>
  </si>
  <si>
    <t>新冠肺炎台灣視訊診療健保署門診</t>
  </si>
  <si>
    <t>診療臺灣肺炎門診</t>
  </si>
  <si>
    <t>媒體提醒時中可以當然前提</t>
  </si>
  <si>
    <t>彰化縣衛生局篩檢居家檢疫無症狀者結果篩出一名確診由於做法不符中央規範中央流行疫情指揮中心要求政風調查引發外界爭議。對此資深媒體人陳東豪表示彰化縣當然可以反時中但要有2個前題一是國民健康</t>
  </si>
  <si>
    <t>中央時中指揮要求中心政風可以調查引發外界爭議當然對此確診媒體結果陳東症狀檢疫</t>
  </si>
  <si>
    <t>彰化縣衛生局篩檢居家檢疫無症狀者結果篩出一名確診由於做法不符中央規範中央流行疫情指揮中心要求政風調查引發外界爭議。對此資深媒體人陳東豪表示彰化縣當然可以反時中但要有2個前題一是國民健康與安全因此增加二是要保護第一線醫護人員安全。
一名自美國返台探親的少年8月5日入境及在彰化縣防疫旅館都沒有出現症狀依中央現行規定不用採檢彰化縣衛生局在少年居家檢疫第11天進行採檢並於8月16日證實為確診案例成為國內無症狀居檢被驗出陽性首例（案485）。
不過地方衛生局檢出確診個案不但沒有獲得肯定或鼓勵卻成為衛福部政風處調查的對象。期中報告將於25日公佈指揮中心大動作引起地方譁然更質疑中央刻意打壓地方衛生局影響基層防疫士氣。
但是卻有一名彰化居家檢疫者爆料他在回台隔離的三天時被衛生局採檢是自行前往醫院沒有專車許多在彰化隔離的網友也有同樣情形發生。而今天陳時中接受訪問更表示居家檢疫者不可以外出除非有就醫必要才會安排而且既然該案檢疫時無症狀又怎麼會前往就醫？且病患也曾表示兩天前就有咳嗽情形發生這句話後果非常嚴重將牽扯這是無症狀還有症狀感染。
對此陳東豪在臉書發文表示彰化縣的作法註定要吵翻天了有許多不同的層面可以探討。不要說逆時中了彰化縣可不可以反時中？當然可以但有前題：1國民健康與安全因此增加。2保護第一線醫護人員安全。
陳東豪更表示這事還沒完不要急慢慢看下去。台灣最大的好處不是大聲就會贏我們這個社會可以容忍不同意見。</t>
  </si>
  <si>
    <t>症狀表示可以衛生局檢疫中央沒有確診居家地方陳東安全不要</t>
  </si>
  <si>
    <t>彰化縣陳時中陳東豪無症狀感染衛生局</t>
  </si>
  <si>
    <t>陳東陳時中症狀感染衛生局</t>
  </si>
  <si>
    <t>自嘲郵局打到打完安慰人員</t>
  </si>
  <si>
    <t>本報本月13日、16日兩度報導中華郵政人員雖被列入第7類施打對象但隨著預約平臺出現後郵局窗口人員卻被要求自行去預約等同「被放生」。不料台鐵也發生一模一樣的情況台鐵產業工會今（23）日向本報表示第一</t>
  </si>
  <si>
    <t>人員預約台鐵產業列入不料放生施打等同物件平臺視窗自行工會要求出現郵局中華情況一模一樣發生郵政</t>
  </si>
  <si>
    <t>本報本月13日、16日兩度報導中華郵政人員雖被列入第7類施打對象但隨著預約平臺出現後郵局窗口人員卻被要求自行去預約等同「被放生」。不料台鐵也發生一模一樣的情況台鐵產業工會今（23）日向本報表示第一線工作人員若運氣好被納入第1批就打到今日為止第2批以後就沒消沒息。有郵局員工自嘲：「第7類基層可能自動被消滅吧！根本是安慰獎。」
新冠疫情以來郵局窗口人員負責三倍券、紓困金及孩童防疫補貼等繁重工作加上原本就有的郵政匯兌儲金業務與民眾高密度接觸；台鐵工作人員更不待言是南來北往交通樞紐且隨著微解封車站人潮勢必增加。兩者都急需被列入公費疫苗造冊清單。
行政院長蘇貞昌6月22日主持擴大防疫會議同日中央流行疫情指揮中心將第一線郵務處理人員、台鐵員工納入「國家關鍵基礎設施及高風險接種人員等專案對象」並由主管機管造冊新冠疫苗施打對象。
不料之後傳出郵局窗口人員等無疫苗7月中旬中華郵政一邊向媒體表示「郵局視窗人員已在造冊中」、「正在跟交通部爭取將郵局窗口排入第7類施打對象」20日卻發下一紙公文要求郵局同仁去預約平臺踴躍接種且公文並表示根據的是14日行政院秘書長會議裁示及中華郵政總公司指示辦理。
台鐵情況一模一樣第一線人員還在苦等。台鐵產業工會表示本月12日、16日兩度發函台鐵局第一盡速造冊；第二工會已接獲消息被納入第1批的人員就打到今日為止台鐵應該盡速確認還沒打疫苗同仁的施打期程。但卻都無下文。
台鐵產工理事長魏豫綾表示當初第1批有造冊包括乘務人員、車站月臺、清潔人員都有但問題是有的有列、有的沒列像售票員有的納入第1批有的納入第2批。
有郵局視窗人員怒批整個第7類並沒有全部獲得施打「根本是安慰獎！」第2類的官員倒是愈來愈多「隨著疫苗接種平臺的預約第7類可能自動被消滅吧。」
台鐵運安處回應表示台鐵局首批獲配疫苗約12萬劑已於7月22日全數施打完畢施打對象包含司機員、列車長、剪收票員、售票員、月臺嚮導、防疫天使、清潔人員及維持關鍵基礎設施維護人員等以維鐵路正常營運及旅客安全。
另依據中央流行疫情指揮中心開放18歲（含）以上民眾於「疫苗施打意願登記與預約系統」進行意願登記台鐵局亦鼓勵尚未施打同仁上網登記俾利透過多方管道加速疫苗接種。</t>
  </si>
  <si>
    <t>人員疫苗施打郵局表示台鐵視窗造冊物件郵政預約納入防疫接種同仁台鐵局中華疫情工會登記平臺民眾</t>
  </si>
  <si>
    <t>郵局台鐵安慰獎第7類造冊</t>
  </si>
  <si>
    <t>台鐵安慰造冊郵局</t>
  </si>
  <si>
    <t>長者凝血劑可以疾病心血管az疫苗</t>
  </si>
  <si>
    <t>日本贈送我國的124萬劑AZ疫苗開打長照機構住民、照顧者及75歲以上長者都在優先施打對象中。但AZ疫苗在歐洲屢傳血栓副作用讓許多有心血管疾病、服用抗凝血藥物的長者對接種AZ疫苗有疑慮。醫師表示有心血管疾病</t>
  </si>
  <si>
    <t>疫苗az長者心血管疾病機構照顧以上優先副作用歐洲施打對象血栓服用抗凝</t>
  </si>
  <si>
    <t>疫苗疾病az心血管血栓肺炎接種施打心臟建議可能藥物沒有高血壓注射歐洲發生黃瑞仁</t>
  </si>
  <si>
    <t>康健雜誌AZ心血管疾病新冠疫苗台灣</t>
  </si>
  <si>
    <t>疾病心血管az雜誌疫苗康健臺灣</t>
  </si>
  <si>
    <t>防疫封鎖印度製造業加速經濟國際衰退</t>
  </si>
  <si>
    <t>為了遏阻新冠肺炎確診數激增而重啟的封鎖措施拖累需求與產出印度製造業在7月加速衰退使經濟萎縮惡化的機率升高。亞洲第三大經濟體印度本財政年度料將創下自1979年以來最嚴重的經濟萎縮最新的產業調查進一步印</t>
  </si>
  <si>
    <t>印度萎縮經濟肺炎確診激增最新封鎖措施拖累需求嚴重產出創下以來年度財政製造業經濟體三大亞洲升高</t>
  </si>
  <si>
    <t>印度央行經濟產出創下肺炎指數進一步萎縮調查顯示週一確診連續整體預期需求企業pmi走跌過去再度以來ihs</t>
  </si>
  <si>
    <t>產出印度萎縮製造業新冠肺炎確診</t>
  </si>
  <si>
    <t>製造業萎縮印度肺炎產出確診</t>
  </si>
  <si>
    <t>業者開啟民間彈性林淑芬變更爭議土法</t>
  </si>
  <si>
    <t>民進黨立委林淑芬今日於立法院內政委員會質詢時批評政院版的國土法修正草案竟拿出2015年就已經審議過也認為不恰當的第15條中開啟讓民間業者投資可以彈性變更的巧門。另若真的要修法第45條可接受內政部改為3</t>
  </si>
  <si>
    <t>內政今日于立修法第法院委員會質詢變更彈性可以投資批評業者民間開啟土法恰當</t>
  </si>
  <si>
    <t>民進黨立委林淑芬今日於立法院內政委員會質詢時批評政院版的國土法修正草案竟拿出2015年就已經審議過也認為不恰當的第15條中開啟讓民間業者投資可以彈性變更的巧門。另若真的要修法第45條可接受內政部改為3年不接受政院政委提出的一定期限。
行政院於今年2月20日提出國土法修法草案其中第15條部分條文「全國國土每十年通盤檢討一次、直轄市、縣(市)每五年通盤檢討一次並做必要變更。但必要情事時得適時檢討變更其內容及程式予以簡化簡化辦法由中央主管機關定之。」
政院版的國土法第45條部分條文「中央主管機關於本法施行後兩年內公告施行全國計畫直轄市、縣(市)於公告後一定期限內完成擬定及審議作業。而一定期限由中央主管定之。」此兩條修正條文引發外界質疑認為將會造成空白授權的問題。
林淑芬表示2015年時就已和當時的國民黨立委邱文彥在議場三讀通過國土法讓國家空間管理有最上位的指導法律。但非常訝異在短時間內又提修法版本。
林淑芬指出內政部的國土法版本是因中央國土計畫法提出後2年內地方也要提出國土計畫而地方政府反映擔心計畫變更的期程會有所延宕來不及。因此部送到院時提出的意見是希望可以修法延長為3年結果政院的政委一看直接改為不用具體期限只要一定期限內就可以。因此引發社會反彈。
林淑芬說若要修法由內政部反映地方憂慮因此將2年改為3年的意見可以認同但絕不接受行政院的一定期限因為「一定期限就是永無期限」。無論是中央或地方需求若需要彈性現在的法律就做得到現在是為了「民間業者的彈性需求」而修法大開方便之門。
林淑芬指出如果連民間業者都可以「想變就變」那國土法等同不需存在。而當前新冠肺炎疫情嚴峻很多國家禁止糧食輸出台灣也要超前部署。我們絕不需要在農田中央放幾個工廠放出對農作物有害的水吃到我們的肚子裡面。
林淑芬表示依個人意見地方國土計畫和未來功能區的劃設可以延長但不可以永無止盡的延長必須要有具體時間的限制。</t>
  </si>
  <si>
    <t>可以中央國土地方一定土法變更內政提出期限條文意見修法民間業者彈性</t>
  </si>
  <si>
    <t>林淑芬國土計畫法民間業者新冠肺炎農田工廠</t>
  </si>
  <si>
    <t>民間業者畫法肺炎農田國土工廠林淑芬</t>
  </si>
  <si>
    <t>今年eps導體</t>
  </si>
  <si>
    <t>鈺太(6679)第三季營收寫下歷史新高今年因新冠肺炎因素看好營運將出現大幅度成長法人樂觀預估鈺太2020年目標營收將成長逾20%以上每股獲利最高有機會上看7元。鈺太第三季營收517億元季增加1653%寫下單</t>
  </si>
  <si>
    <t>成長新高今年肺炎因素看好歷史營運寫下最高獲利出現機會大幅度以上樂觀法人</t>
  </si>
  <si>
    <t>鈺太(6679)第三季營收寫下歷史新高今年因新冠肺炎因素看好營運將出現大幅度成長法人樂觀預估鈺太2020年目標營收將成長逾20%以上每股獲利最高有機會上看7元。
鈺太第三季營收517億元季增加1653%寫下單季營收新高紀錄；累計鈺太前9月營收1327億元年增3146%另外鈺太9月營收181億元月增加59%年增加4423%連續6個月寫歷史新高。
鈺太今年受惠新冠肺炎衝擊NB需求暢旺加上目前歐美疫情發燒法人樂觀預估鈺太2020年目標營收成長20%以上甚至有機會成長30%毛利率則提升2~3%每股獲利最高有機會上看7元。
鈺太今年主要營收成長仍是NB有些市佔率較高的NB供應商訂單能見度看到明年第一季其中的最大動能來自Chromebook因廣達(2382)在Chromebook有60-70%市佔率鈺太原來就是廣達供應商另外還有其他營收成長動能來自TWS、PS5、TV等至於毛利率方面鈺太提升來自於品牌客戶對供貨品質、穩定度要求高及小產品規格升級可以抵銷ASP每年小幅下滑。</t>
  </si>
  <si>
    <t>來自nb成長今年收成供應商新高提升動能毛利率肺炎廣達歷史可以法人</t>
  </si>
  <si>
    <t>鈺太廣達NB第三季營收Chromebook</t>
  </si>
  <si>
    <t>季營nb廣達chromebook</t>
  </si>
  <si>
    <t>港臺以外禁止居民澳門入境</t>
  </si>
  <si>
    <t>澳門自18日零時起將禁止除了大陸、香港和台灣及外地雇員身份認別證持有者以外的所有非本地居民進入澳門特別行政區。據《央視》報導澳門政府考慮到新冠肺炎疫情在全球各地不斷擴散為防範外來感染個案的輸入保</t>
  </si>
  <si>
    <t>澳門防範擴散不斷全球疫情禁止肺炎大陸香港臺灣外地雇員感染身份考慮政府持有以外居民進入</t>
  </si>
  <si>
    <t>澳門自18日零時起將禁止除了大陸、香港和台灣及外地雇員身份認別證持有者以外的所有非本地居民進入澳門特別行政區。
據《央視》報導澳門政府考慮到新冠肺炎疫情在全球各地不斷擴散為防範外來感染個案的輸入保障澳門居民的健康作出上述批示。
批示還規定基於公共利益除非防治疾病、緊急救援以及維持澳門正常運作或居民基本生活所需的例外情況衛生當局可豁免大陸以外的非本地居民遵守禁止入境的限制。
據瞭解15日和17日澳門接連新增兩例輸入新冠肺炎確診病例結束了之前連續40天無新增病例的良好態勢目前澳門已累計12例確診病例前10例均已康復出院。</t>
  </si>
  <si>
    <t>澳門居民病例大陸禁止輸入以外肺炎確診防治疾病緊急批示身份救援雇員外地臺灣維持衛生</t>
  </si>
  <si>
    <t>澳門居民新冠肺炎武漢肺炎新型冠狀病毒</t>
  </si>
  <si>
    <t>肺炎武漢居民冠狀澳門病毒</t>
  </si>
  <si>
    <t>包機返台台商奈及利亞救命</t>
  </si>
  <si>
    <t>又有台商國外染疫病重包機返台救命！中央流行疫情指揮中心昨天公佈國內新增3例境外移入新冠肺炎確定病例分別自奈及利亞（案824）、埃及（案825）及美國（案826）入境。其中在奈及利亞經商的本國籍70多歲男性在當</t>
  </si>
  <si>
    <t>奈及利亞疫病包機病例返台確定救命肺炎中央入境流行疫情指揮中心境外昨天國外公佈新增國內分別經商</t>
  </si>
  <si>
    <t>又有台商國外染疫病重包機返台救命！中央流行疫情指揮中心昨天公佈國內新增3例境外移入新冠肺炎確定病例分別自奈及利亞（案824）、埃及（案825）及美國（案826）入境。
其中在奈及利亞經商的本國籍70多歲男性在當地出現肺炎症狀短短3天就病況加重緊急申請醫療包機返台獲准。這也是台商自費包機返台就醫確診的第二例。
中央流行疫情指揮中心發言人莊人祥表示奈及利亞台商去年12月24日出現發燒、呼吸困難、虛弱症狀27日因病況加重至當地醫院就醫住院並診斷有肺炎情形緊急自費申請包機獲准目前狀況穩定。
而引起國際恐慌的英國變種病毒指揮中心日前針對12月13日起有英國旅遊史者回溯採檢莊人祥說目前已經全數採檢完除了4名已知的確診個案其餘212人都是陰性專案已經結束之後不會逐案說明有陽性才會公佈。
因應農曆年節將至春節返國潮預估上看五萬人但各地方防疫旅館屢屢爆發搶房潮指揮中心昨天宣佈目前全國防疫旅館共有1萬6187間房初步將先增加2千500房。
莊人祥表示1月初調查全台防疫旅宿房間數目前全國各縣市分佈以臺北市為最多共有6387房其次是高雄市3244房、桃園1691房、台中1483房其餘縣市都在1千間以下。
各縣市都仍續輔導業者當中盼最快速度增加各地防疫旅館的量能。
至於指揮中心先釋出的1500間到2000間集中檢疫所房間供國人返台後隔離檢疫用昨晚8點起開放訂房「入境檢疫系統」每人每日新台幣2000元整12歲以下幼童與父或母同住一室者不另外收費。1500房有485間被訂走等於1小時就有超過3成房間被搶走。
醫療應變組副組長王必勝表示這些房間最早可在1月12日開放入住若民眾及早入住預計1500個房間年前可以使用2輪。</t>
  </si>
  <si>
    <t>房間指揮中心防疫目前返台肺炎表示包機旅館台商奈及利亞公佈以下英國醫療</t>
  </si>
  <si>
    <t>台商房間旅館莊人祥肺炎</t>
  </si>
  <si>
    <t>肺炎房間台商旅館莊人祥</t>
  </si>
  <si>
    <t>興國反彈趨勢復蘇商品市場</t>
  </si>
  <si>
    <t>新冠肺炎病毒為2020年全球市場掀起滔天巨變全球經濟跌進衰退深淵往年成長迅速的新興市場經濟體也未能倖免。所幸新冠肺炎疫苗研發終於在2020年稍晚傳出振奮人心的消息讓經濟復甦露出曙光2021年全球經濟預估將</t>
  </si>
  <si>
    <t>經濟全球肺炎消息振奮人心成長傳出迅速稍晚往年市場經濟體跌進衰退深淵終於研發未能倖免疫苗所幸曙光露出復蘇巨變掀起病毒市場</t>
  </si>
  <si>
    <t>新冠肺炎病毒為2020年全球市場掀起滔天巨變全球經濟跌進衰退深淵往年成長迅速的新興市場經濟體也未能倖免。所幸新冠肺炎疫苗研發終於在2020年稍晚傳出振奮人心的消息讓經濟復甦露出曙光2021年全球經濟預估將回復成長新興市場尤其將會率先反彈。
疫苗問世讓2021年的經濟前景轉趨明亮。摩根士丹利與高盛預估2021年全球經濟將呈現Ｖ型復甦新興市場將率先反彈。經濟合作暨發展組織（OECD）則預期全球經濟可望在2021年底前回復到疫情前的水準。
摩根士丹利指出全球經濟同步成長、新興市場國家反彈以及通膨回溫都將支撐2021年的Ｖ型復甦。
美元走貶將刺激資本流向新興市場推升大宗商品價格和支撐新興市場貨幣。此外新興市場消費者的生活水準與購買力逐漸提升消費者支出揚升亦能帶動經濟成長。
OECD預期大陸2021年經濟加速至8％預期印度同期經濟擴張79％。摩根士丹利樂觀預期大陸2021年經濟將擴張9％估計印度2021年經濟可望強勁反彈98％。
大宗商品 價格看漲
進入2021年後全球經濟體預料逐漸邁向復甦政府可望放一步推出紓困計畫加上美元持續呈現弱勢格局皆能夠給予商品支撐預期2021年商品價格將呈現上升趨勢。
央行持續為市場注入流動性並將利率大砍至歷史低點財政刺激推升通膨預期估計將有更多資金湧進商品市場。
大宗商品市場2021年的表現將迥異於2020年全球經濟預料進入復甦模式將能帶動商品需求而且商品市場長期投資不足供給將維持吃緊進而推高價格。
金價後市 易漲難跌
進入2021年後全球央行將持續為市場注入流動性、政府加碼推出振興經濟措施加上通膨壓力上升、美元走勢看貶以及新冠肺炎疫情依舊嚴峻都將刺激金價進一步走高。
花旗集團（Citigroup）預估2021年金價可望站上每盎司2100美元英國研究機構Metals Focus對2021年的黃金展望更加樂觀預期金價後市可望升抵每盎司2300美元。
花旗表示美元貶值是推動金價上漲的原因之一。2020年美元走勢一路下滑美國進一步貨幣刺激將加重美元貶勢。由於黃金與美元呈反向關係市場預期進入2021年後美元依舊疲軟意味黃金將有進一步上漲空間。
油價需求 逐步回溫
石油輸出國家組織（OPEC）與俄羅斯等產油國（OPEC＋）持續減產新冠肺炎疫苗問世協助石油需求回升預期2021年石油庫存將逐漸下滑為國際油價帶來明亮前景。
巴克萊銀行基於OPEC＋節制產出與疫苗將刺激2021年下半年石油需求預期2021年布蘭特原油均價每桶達53美元美國西德州原油均價可望站上每桶50美元。巴克萊指出新冠肺炎疫苗問世是石油需求的轉捩點因為疫苗能讓經濟復甦力道維持更久。
荷蘭國際集團（ING）的預測較巴克萊樂觀預期2021年底布蘭特原油可望升至每桶60美元全年均價為每桶55美元而2021年西德州原油均價將達53美元。</t>
  </si>
  <si>
    <t>經濟市場預期全球可望復蘇金價商品刺激疫苗需求成長反彈肺炎持續進入價格黃金逐漸進一步呈現樂觀預估</t>
  </si>
  <si>
    <t>疫苗肺炎反彈全球經濟刺激</t>
  </si>
  <si>
    <t>全球經濟肺炎反彈刺激疫苗</t>
  </si>
  <si>
    <t>開放申請新北暫時提供不斷擴大疫情免洗餐具</t>
  </si>
  <si>
    <t>因應特殊傳染性肺炎疫情新北市轄內政府部門、學校、百貨公司業及購物中心、量販店業自即日起可向新北環保局傳真或email申請90日內暫時提供免洗餐具。環保局表示 因應近日疫情嚴峻為確保飲食安全及防止疫情擴</t>
  </si>
  <si>
    <t>疫情新北環保局因應嚴峻近日百貨公司學校表示免洗餐具轄內政府部門暫時提供自即日起可向申請email傳真飲食確保肺炎購物中心量販店日內防止安全</t>
  </si>
  <si>
    <t>因應特殊傳染性肺炎疫情新北市轄內政府部門、學校、百貨公司業及購物中心、量販店業自即日起可向新北環保局傳真或email申請90日內暫時提供免洗餐具。
環保局表示 因應近日疫情嚴峻為確保飲食安全及防止疫情擴散新北市環保局依環保署去年5月7日訂定「嚴重特殊傳染性肺炎流行疫情期間餐飲業者得暫時提供免洗餐具核定作業原則」同意本市轄內政府部門、學校、百貨公司業及購物中心、量販店業得向環保局提出申請並自申請日起90日內暫時提供免洗餐具。
環保局強調惟仍應遵守「免洗餐具限制使用對象及實施方式」公告事項規定不得提供塑膠類杯、碗、盤、碟、餐盒、餐盒內盤盛裝食物之內盤等塑膠類免洗餐具。
環保局提醒因應防疫請申請業者依申請表上傳真電話或email進行申請即可但仍請電話向承辦人員確認是否已完成申請程式以免申請表未送達而違法受罰。
另餐飲業者清洗餐具應遵守衛生福利部食品藥物管理署「餐具清洗良好作業指引」並定期進行環境清潔及消毒作業以確保飲食衛生安全也呼籲民眾自備環保餐具以共同守護環保及飲食衛生安全。</t>
  </si>
  <si>
    <t>申請免洗餐具環保局提供疫情新北作業餐具環保安全因應暫時餐飲業者清洗遵守申請表進行塑膠email確保飲食衛生肺炎轄內傳染性</t>
  </si>
  <si>
    <t>新冠肺炎台灣申請免洗餐具新北市</t>
  </si>
  <si>
    <t>申請臺灣肺炎免洗餐具新北</t>
  </si>
  <si>
    <t>德國官員反撲最慘迎接命運</t>
  </si>
  <si>
    <t>德國新冠反撲專家警告此波將迎來至今最嚴重的疫情德國衛生部長史巴恩（Jens Spahn）昨（22）日呼籲民眾趕快打疫苗指出德國人只剩下3種命運：接種疫苗、從新冠肺炎中康復、或病死。綜合英國廣播公司（BBC）、美</t>
  </si>
  <si>
    <t>德國疫苗康復肺炎綜合警告迎來專家從新spahn至今嚴重疫情巴恩jens衛生部長呼籲民眾接種趕快</t>
  </si>
  <si>
    <t>德國新冠反撲專家警告此波將迎來至今最嚴重的疫情德國衛生部長史巴恩（Jens Spahn）昨（22）日呼籲民眾趕快打疫苗指出德國人只剩下3種命運：接種疫苗、從新冠肺炎中康復、或病死。
綜合英國廣播公司（BBC）、美國有線電視新聞網（CNN）報導德國衛生部長史巴恩昨日在記者會上強調接種新冠疫苗的重要性他不加修飾地提出至今最嚴厲的警告：「在冬天結束以前所有德國人要嘛接種新冠疫苗、要嘛康復、或死亡。」
德國正面臨第4波新冠疫情過去24小時新增3萬643人確診比前一天多了7000人現階段感染率在全球名列前茅。
不只新增病例快速增加許多醫院已經人滿為患德國收緊防疫政策未接種疫苗的民眾禁止出入特定場所部份地區的耶誕市集也已取消。
德國目前的新冠感染率是疫情大流行以來最高公衛專家警告這波恐怕會是至今最慘重的疫情德媒「The Local」報導柏林夏裡特醫院（Charité）病毒研究所所長德羅斯登（Christian Drosten）11月中預告由於病毒迅速傳播德國將面臨非常艱辛的冬天伴隨新的封鎖措施他也警告若再不立即採取嚴格措施接下來將有10萬人病死而且這還只是保守估計。
不過現階段德國的疫苗完整接種率只有68%在西歐國家中排後段班史巴恩強調他反對強制打疫苗但是接種疫苗是「道德義務」因為會影響其他人「自由代表承擔責任。」
他說具有高度傳染力的Delta變異株誘發這波疫情他在記者會上大力宣傳莫德納疫苗稱它是疫苗界的勞斯萊斯（Rolls-Royce）。史巴恩會特別宣傳莫德納疫苗是因為接下來幾個月內將有1600萬劑到期。</t>
  </si>
  <si>
    <t>德國疫苗疫情接種警告巴恩至今醫院病毒報導民眾冬天新增措施面臨</t>
  </si>
  <si>
    <t>#新冠肺炎#全球德國衛生部長命運3</t>
  </si>
  <si>
    <t>全球德國肺炎衛生部長命運</t>
  </si>
  <si>
    <t>遇害病毒學者警方桃色糾紛華裔無關</t>
  </si>
  <si>
    <t>一位來自中國大陸的新冠病毒研究人員劉彬在美國遭槍殺引發一場廣受全球矚目的陰謀論。外界猜測劉彬因為研究項目涉及新冠病毒的起源可能因此引起殺身之禍不過美國警方在調查案情後回應稱劉彬的命案是因私人</t>
  </si>
  <si>
    <t>劉彬美國病毒研究回應稱案情警方調查全球矚目廣受殺身之禍陰謀論外界引發猜測槍殺引起可能起源命案專案涉及人員大陸</t>
  </si>
  <si>
    <t>一位來自中國大陸的新冠病毒研究人員劉彬在美國遭槍殺引發一場廣受全球矚目的陰謀論。外界猜測劉彬因為研究項目涉及新冠病毒的起源可能因此引起殺身之禍不過美國警方在調查案情後回應稱劉彬的命案是因私人感情糾紛而起與其研究無關。
據《環球時報》報導這位37歲來自大陸的劉彬在美國匹茨堡大學醫學院擔任助理教授正在進行新冠病毒研究日前被發現在家中遭槍殺死亡頭、頸、身軀和四肢上都有明顯槍傷。兇嫌據稱是46歲的軟體工程師顧浩（Hao Gu）警方說顧浩殺人後回到車上飲彈自盡。
案發當時警方調查人員說兇手與死者彼此認識沒有證據顯示謀殺案和劉的研究或是新冠肺炎疫情有關。不過由於美中兩國正因病毒是否人工合與病毒是否源自於武漢實驗室而爭吵不休媒體便聯想到有如《不可能的任務》電影情節以劉彬研究新冠病毒「即將在研究上取得重大進展」為標題揣測這是一件由跨國間諜進行的有關新冠病毒的謀殺案指劉彬可能因為研究成果遭到「滅口」。
不過案發地賓州羅斯鎮警局發表聲明稱這起案件是「關於一名親密伴侶的長期爭端的而產生的悲劇」與其在大學所做研究無關。警方調查指出兇手顧浩在一家電力管理公司任職首席軟體工程師他先在劉彬家裡槍殺了他然後再在自己的車裡飲彈自盡。
匹茲堡大學醫學院表示劉彬是該校的研究助理教授他在解構新冠病毒感染的細胞機制及併發症的細胞基礎研究方面即將取得重大發現。我們將努力完成他的研究以對他的傑出科學表現致敬。</t>
  </si>
  <si>
    <t>研究劉彬病毒警方槍殺美國調查顧浩謀殺案飲彈自盡大學發現人員可能無關進行取得醫學院兇手工程師</t>
  </si>
  <si>
    <t>安全影片英國整天防疫累積手套病菌</t>
  </si>
  <si>
    <t>全台三級警戒延長至6/28這波疫情嚴峻不少民眾外出除了戴口罩之外也會戴手套防疫但英國國民保健署醫生拉傑近日拍影片表示戴手套整天累積的病菌很可觀如果沒有妥善清潔恐比常洗手的人還更髒而國家衛生研</t>
  </si>
  <si>
    <t>手套疫情嚴峻洗手民眾外出清潔妥善沒有可觀病菌累積醫生拉傑防疫保健整天近日英國國民</t>
  </si>
  <si>
    <t>全台三級警戒延長至6/28這波疫情嚴峻不少民眾外出除了戴口罩之外也會戴手套防疫但英國國民保健署醫生拉傑近日拍影片表示戴手套整天累積的病菌很可觀如果沒有妥善清潔恐比常洗手的人還更髒而國家衛生研究院感疫所副研究員郭書辰也說戴手套不會比較乾淨反而產生錯誤安全感還是勤洗手為上。
英國國民保健署醫生拉傑（Karan Raj）近日拍攝抖音（TikTok）影片分享許多以為手套可以隔絕病菌但卻忘了自己戴著手套摸過很多地方如果沒有清潔就觸摸自己的口鼻甚至在脫手套的時忘記清潔手部反而會讓細菌傳染到自己身上。
拉傑表示當人們沒有戴手套的時候會擔心自己摸到細菌因此恐會提高警覺勤洗手而這樣對防疫的效果其實很好。他解釋整天下來摸到的東西很多、累積的病菌也非常可觀如果都沒有妥善清潔手部戴手套恐比常洗手的人更髒因此其實不需要多此一舉戴手套勤洗手就是防疫最好的辦法。
另根據《德國之聲》報導戴手套防疫恐讓人產生欺騙性的安全感許多人戴上手套之後常常忘記不要觸摸自己的臉因而使接觸傳染的風險增加且外出長時間戴手套手部容易出汗而溫暖潮濕的環境恰是病菌最喜歡的地方脫下手套後若忘記消毒恐成為細菌聚集的地方。
另根據TVBS報導國家衛生研究院感疫所副研究員郭書辰也說戴手套不會比較乾淨一般人沒戴手套摸到髒東西會立刻去洗手但戴手套後會產生錯誤安全感覺得手套髒了也不用管結果手套上就沾滿病菌然後又去摸鼻子、眼睛不知不覺病毒全弄到自己身上了。</t>
  </si>
  <si>
    <t>手套病菌沒有忘記地方防疫清潔勤洗手手部細菌摸到拉傑產生外出觸摸影片安全感洗手其實</t>
  </si>
  <si>
    <t>戴手套新冠肺炎病菌台灣洗手</t>
  </si>
  <si>
    <t>肺炎病菌臺灣手套洗手</t>
  </si>
  <si>
    <t>肺炎陸公病毒敦促來源川普資訊</t>
  </si>
  <si>
    <t>美國總統川普在美東時間5日敦促中國對新型冠狀病毒的源頭保持透明並稱美國將公佈一份詳細報告說明新冠肺炎病毒的來源。中美兩國近期就新冠肺炎病毒來源針鋒相對川普更以此威脅中國揚言要對其加徵新一輪關稅</t>
  </si>
  <si>
    <t>病毒中國川普美國來源肺炎揚言威脅以此時間冠狀敦促透明公佈保持源頭詳細報告針鋒相對說明近期</t>
  </si>
  <si>
    <t>美國總統川普在美東時間5日敦促中國對新型冠狀病毒的源頭保持透明並稱美國將公佈一份詳細報告說明新冠肺炎病毒的來源。
中美兩國近期就新冠肺炎病毒來源針鋒相對川普更以此威脅中國揚言要對其加徵新一輪關稅引發市場恐慌。
美國國務卿蓬佩奧（Mike Pompeo）表示有「大量證據」表明病毒來自中國的一個實驗室。不過武漢病毒研究所否認了這一指控而其他美國官員則淡化了這一說法屬實的可能性。大多數專家認為該病毒起源於武漢的一個野生動物市場從動物傳染給人類。
川普在白宮外對記者說美國將公佈一份報告詳細說明這種新型冠狀病毒的來源但沒有提供其他細節或時間表。他稱「我們將在一段時間內非常明確地報告」。</t>
  </si>
  <si>
    <t>病毒美國中國川普來源市場報告冠狀武漢肺炎公佈說明詳細pompeomike新一輪表示說法蓬佩淡化國務卿屬實</t>
  </si>
  <si>
    <t>大量川普中國公佈新冠肺炎</t>
  </si>
  <si>
    <t>公佈中國川普肺炎</t>
  </si>
  <si>
    <t>肺炎塞爾提克塔圖nba</t>
  </si>
  <si>
    <t>塞爾提克塔圖(Jayson Tatum)也中鏢了！塔圖在10日(美國時間週六上午)先被《The Athletic》記者傳出進入隔離名單幾個小時之後又被《波士頓環球報》記者爆料染上新冠肺炎。根據後者報導塔圖理所當然被隔離塞爾提</t>
  </si>
  <si>
    <t>塔圖記者隔離美國報導時間週六肺炎上午theathletic之後小時環球波士頓傳出進入</t>
  </si>
  <si>
    <t>塞爾提克塔圖(Jayson Tatum)也中鏢了！塔圖在10日(美國時間週六上午)先被《The Athletic》記者傳出進入隔離名單幾個小時之後又被《波士頓環球報》記者爆料染上新冠肺炎。根據後者報導塔圖理所當然被隔離塞爾提克為此取消當日練球並暫時關閉訓練場地。
綠衫軍先前已有羅伯特威廉斯(Robert Williams)染病他的接觸者崔斯坦湯普生(Tristan Thompson)、葛蘭特威廉斯(Grant Williams)都被要求自我隔離7日。現在又賠上塔圖他們光是因肺炎已折損4位球員。塔圖在9日對戰巫師依然生龍活虎轟下全隊最高32分率隊取得4連勝。
塔圖本季10戰場均269分、71籃板、38助攻三分球命中率高達44%是球隊得分王。現在塔圖缺陣球隊核心只能由另一位猛將傑倫布朗(Jaylen Brown)扛下他也有263分、62籃板、35助攻、42%外線命中率。
除此之外主控肯巴沃克(Kemba Walker)左膝受傷最近開始加入練球。塞爾提克開季7勝3敗戰績優異未來兩周對戰熱火、公牛、魔術、尼克、七六人會非常吃力但比起戰績他們更該注意的是球隊的防疫破洞他們的陣容恐怕承受不起更多打擊了。</t>
  </si>
  <si>
    <t>塔圖隔離球隊戰績williams記者練球塞爾提克籃板助攻肺炎現在命中率恐怕陣容承受防疫左膝</t>
  </si>
  <si>
    <t>塔圖塞爾提克武漢肺炎新冠肺炎NBA</t>
  </si>
  <si>
    <t>肺炎武漢塞爾提克塔圖nba</t>
  </si>
  <si>
    <t>音樂聲明道歉人為張上淳心痛</t>
  </si>
  <si>
    <t>中央流行疫情指揮中心專家會議召集人張上淳的2位醫師兒近日成為全台關注焦點只因一位被爆料在疫情期間出國、一位因網路言論痛罵禁醫護出國的政策引爆輿論撻伐。張上淳的2位兒子22日晚間發聲明道歉然知名音樂人</t>
  </si>
  <si>
    <t>張上淳疫情出國發聲明晚間中心兒子專家召集人會議道歉政策醫護醫師輿論網路全台引爆近日關注成為焦點期間指揮</t>
  </si>
  <si>
    <t>中央流行疫情指揮中心專家會議召集人張上淳的2位醫師兒近日成為全台關注焦點只因一位被爆料在疫情期間出國、一位因網路言論痛罵禁醫護出國的政策引爆輿論撻伐。張上淳的2位兒子22日晚間發聲明道歉然知名音樂人許常德感嘆如果這兩個兒子一開始有想到的話就不會後來要道歉止血了！
對於張上淳兩個兒子的道歉聲明許常德先於臉書發文表示「道歉止血有限有限也是活該髒了團隊努力本來就該更嚴格看待更何況自己是醫生無視醫療團隊辛苦比裡長出國事件更惡劣」。許常德更直言這樣怎麼好意思要求醫生這段時間不要出國而且張上淳的兒子還是感染科醫師！
不過許常德這篇貼文在臉書發出幾小時後便刪文又重發一篇文章表示什麼叫個人做事個人擔嗎？什麼叫大人的負責呢？就是做不到不影響別人的大話。請好好再想一遍是不是真的不會影響到他人這個自我負責真的夠負責嗎？
許常德更表示張上淳兒子若有第一時間想到這個就不會出事時跟網友對嗆就不會後來要道歉止血可見張上淳兒已深深影響到爸爸跟原先想的差很多很多。</t>
  </si>
  <si>
    <t>張上淳出國常德兒子道歉表示影響疫情負責醫生醫師止血團隊想到中心</t>
  </si>
  <si>
    <t>張上淳許常德兒子出國新冠肺炎</t>
  </si>
  <si>
    <t>出國兒子常德張上淳肺炎</t>
  </si>
  <si>
    <t>陳時中鬆口放寬關鍵餐廳解封</t>
  </si>
  <si>
    <t>疫情可以比較相對不能開放時中符合控制強調做到管制體溫表示</t>
  </si>
  <si>
    <t>解封三級警戒內用陳時中新冠肺炎</t>
  </si>
  <si>
    <t>陳時中警戒解封肺炎</t>
  </si>
  <si>
    <t>搶購潮人類自私恐慌性一面</t>
  </si>
  <si>
    <t>新冠肺炎疫情持續升溫人心惶惶的情況下讓民眾開始囤積物資掀起搶貨潮見到此狀況讓藝人吳鳳直搖頭表示當世界遇到危機人類自私一面就表露無疑甚至不解台灣疫情控制的不錯有需要這樣搶東西嗎？吳鳳表示近</t>
  </si>
  <si>
    <t>疫情表示持續升溫人心惶惶表露一面無疑自私甚至不解臺灣人類情況需要不錯危機控制遇到世界民眾搖頭開始掀起吳鳳直</t>
  </si>
  <si>
    <t>新冠肺炎疫情持續升溫人心惶惶的情況下讓民眾開始囤積物資掀起搶貨潮見到此狀況讓藝人吳鳳直搖頭表示當世界遇到危機人類自私一面就表露無疑甚至不解台灣疫情控制的不錯有需要這樣搶東西嗎？
吳鳳表示近來新冠肺炎肆虐全球世界各地也掀起一股搶購潮昨天去超市要買食物發現架上所有東西都被搶購一空這種行為也讓吳鳳怒斥自私因為大家只在乎自己過的好不好不太會顧慮到其他人狀況也藉此呼籲遇到這種危機狀況應該更需要同理心不然每個人去搶東西最後害到的還是自己跟生活在這片土地上的人。
對此網友也紛紛回應：「生在台灣福中不知福讓給需要的人台灣物資夠的」、「只買自己所需~真的不需要囤貨」、「太多人跟風向了、網路上假訊息太多了故意製造 恐慌擾亂台灣防疫」。</t>
  </si>
  <si>
    <t>需要臺灣東西狀況自私掀起表示物資疫情危機遇到肺炎製造故意訊息土地生活架上</t>
  </si>
  <si>
    <t>吳鳳搶購潮新冠肺炎武漢肺炎新型冠狀病毒</t>
  </si>
  <si>
    <t>肺炎武漢搶購潮冠狀吳鳳病毒</t>
  </si>
  <si>
    <t>洗手大方次氯酸</t>
  </si>
  <si>
    <t>新冠肺炎疫情擴大面對開學在即學校都上緊發條準備防疫用品新北市三重區先嗇宮12日上午10時慷慨捐贈2000公斤洗手乳及6000公升次氯酸水給三重、蘆洲區38所學校。新北市政府教育局督學林玉婷表示「感謝先嗇宮拋</t>
  </si>
  <si>
    <t>學校新北擴大面對開學在即疫情上緊發條準備感謝捐贈防疫洗手時慷慨上午次氯酸用品表示督學林玉婷</t>
  </si>
  <si>
    <t>新冠肺炎疫情擴大面對開學在即學校都上緊發條準備防疫用品新北市三重區先嗇宮12日上午10時慷慨捐贈2000公斤洗手乳及6000公升次氯酸水給三重、蘆洲區38所學校。新北市政府教育局督學林玉婷表示「感謝先嗇宮拋磚引玉為學校防疫盡心盡力！」。
新北市三重區先嗇宮12日上午10時舉行捐贈儀式三重區長劉來通、新北市議員王威元、三蘆地區各級校方代表等人都出席參加現場擺設數百罐洗手乳、次氯酸水會後由校方代表帶回學校場面盛大。
先嗇宮董事長李乾龍表示先嗇宮侍奉神農大帝長年協助學校對抗病毒往年洗手乳都在暑假開學時贈送今年因應疫情改在寒假開學前準備另外再贈殺菌力強、殺菌範圍廣、安全性高可作為食品消毒的次氯酸水。
「防疫物資難買現在連桶子都買不到」李乾龍補充次氯酸水不能夠在大太陽底下曝曬在隱密房間存放最好宮廟很有心買了有深色桶子分裝希望桶子可以重複利用此外也分送給學校檢驗紙做檢驗物資不夠都可以來先嗇宮無限量供應。
教育局督學林玉婷表示新北市長侯友宜非常感謝先嗇宮拋磚引玉協助提供新北市三蘆地區各級學校防疫用品教育局針對防疫疫情也不斷提供學校相關的防疫物資目前酒精真的是不容易採購感謝在短缺情況之下先嗇宮還能夠提供給各級學校。</t>
  </si>
  <si>
    <t>學校防疫新北次氯酸疫情開學物資洗手提供教育局準備表示協助可以感謝能夠校方代表</t>
  </si>
  <si>
    <t>先嗇宮學校防疫次氯酸氯酸水</t>
  </si>
  <si>
    <t>防疫學校次氯酸氯酸</t>
  </si>
  <si>
    <t>專家少去出門公共場合危險沒事</t>
  </si>
  <si>
    <t>國內今(29)日新增486例本土病例確診個案中新增21死再創單日新高。面對疫情嚴峻許多人嚇到不敢出門但不少大賣場還是出現搶買人潮各地也陸續被檢舉有室內打麻將等5人以上聚會毒理學專家招名威警告近來確</t>
  </si>
  <si>
    <t>新增專家毒理學本土聚會個案以上麻將再創檢舉陸續人潮室內出現招名威面對</t>
  </si>
  <si>
    <t>年輕人疫情確診感染開始病毒以下出現出門還有招名威不能表示麻將人潮</t>
  </si>
  <si>
    <t>新冠肺炎台灣死亡病例招名威年輕人</t>
  </si>
  <si>
    <t>臺灣死亡病例肺炎招名威年輕人</t>
  </si>
  <si>
    <t>口罩進入大腦捍衛自由示威氣量降低</t>
  </si>
  <si>
    <t>隨著美國疫情似有捲土重來之勢部分地區政府已強制執行口罩令或建議民眾在公共場所戴口罩。不過中北部的俄亥俄州不在此範圍內。在俄州首府哥倫布的州議會大廈前數百名反口罩的示威者18日發起名為「為美國挺</t>
  </si>
  <si>
    <t>口罩美國捲土重來部分示威者地區政府大廈強制執行範圍俄亥俄州中北部不在疫情發起哥倫布首府議會</t>
  </si>
  <si>
    <t>隨著美國疫情似有捲土重來之勢部分地區政府已強制執行口罩令或建議民眾在公共場所戴口罩。不過中北部的俄亥俄州不在此範圍內。在俄州首府哥倫布的州議會大廈前數百名反口罩的示威者18日發起名為「為美國挺身而出」的運動抗議州內部分地區強制命令民眾戴口罩。
除了反口罩人士這項集會也吸引了反政府控制的組織他們認為政府只是想藉著強迫他們戴口罩控制民眾的人身自由。數百人當然都沒戴口罩且還有大批武裝民兵團團保護他們。
這群示威者有的手持國旗及力挺川普的標語批評地方政府強制戴口罩命令太超過也表達對封鎖措施的不滿。
男子迪克曼高舉標語上頭寫著「戴口罩會減少進入大腦的氧氣量、會阻礙溝通、且沒證據顯示有效（防疫）」。另一群女孩的標語寫著「口罩跟我們州長一樣沒用」「恐懼才是真正的病毒」「到底是病毒還是想控制我們？」
一名女子強調他們「不需要口罩我們是自由的」「我相信自己我就是科學」。
抗議活動的插曲是支持「黑人的命也是命」運動的團體也在同地點發動反種族主義集會。為避免雙方擦槍走火警方疲於奔命還得把雙方分開。</t>
  </si>
  <si>
    <t>口罩政府控制標語民眾示威者抗議部分美國地區運動集會命令強制雙方病毒擦槍</t>
  </si>
  <si>
    <t>戴口罩標語新冠肺炎俄亥俄</t>
  </si>
  <si>
    <t>標語口罩肺炎俄亥俄</t>
  </si>
  <si>
    <t>經濟成長跌破牛津</t>
  </si>
  <si>
    <t>牛津經濟研究院3日指出新冠肺炎疫情對經濟造成的破壞比原先想像更大、更廣泛、更持久除了亞洲旅遊業受到沉重打擊大陸以外地區的擴散更加劇全球供應鏈的破壞該院再次調降大陸今年第一季GDP年增預測至23％</t>
  </si>
  <si>
    <t>大陸破壞經濟指出今年肺炎疫情造成旅遊業沉重打擊再次受到供應gdp以外全球地區擴散加劇持久想像原先亞洲</t>
  </si>
  <si>
    <t>牛津經濟研究院3日指出新冠肺炎疫情對經濟造成的破壞比原先想像更大、更廣泛、更持久除了亞洲旅遊業受到沉重打擊大陸以外地區的擴散更加劇全球供應鏈的破壞該院再次調降大陸今年第一季GDP年增預測至23％僅是2020年初假設6％的三分之一同時估測大陸全年GDP僅會成長48％成為首家預測大陸今年GDP年增連5％都不到的國際機構。
牛津經濟研究院表示新冠疫情帶來的經濟風險必須更密切追蹤研究團隊最新決定本周起每星期發布一次新冠肺炎對經濟的衝擊報告而不是先前不定時或間隔許久才發布相關報告。
牛津經濟研究院亞洲經濟研究團隊表示病毒帶來的下行風險居高不下目前不能排除會發生大流行對全球經濟造成更嚴重影響但從大陸的經驗和抗疫成效來看大陸已努力遏制疫情只是後勤方面的重重限制民眾擔心消費支出的負擔增加或仍潛在有新的病毒恐會再爆發讓經濟活動需要更長的時間才能恢復正常。
該團隊估測大陸官方努力復工下未來幾個月經濟將穩步改善並在今年剩餘時間內看到強勁的連續增長但這並不能彌補年初以來失去的經濟動能。對大陸堅持2020經濟成長年增長目標約56％「坦白說這將非常難以實現」。
渣打集團至今也已二度下調全球與大陸今年度的經濟成長預期大陸GDP成長預測由58％下修至55％。該集團經濟研究部門指出疫情對第一季的經濟受衝擊幅度恐超過預期但由於預期大陸官方在貨幣跟財政措施的多方面支持應能部份彌補疫情帶來的經濟衝擊加上消費需求仍將保持強勁扮演支撐經濟活動的力道。
瑞士寶盛亞洲區研究部主管馬修斯（Mark Matthews）3日則指出影響大陸第一季經濟表現因素在於春節假期過後企業復工進度延遲導致生產力難以發現現在官方力拚復工但平均來說復工率可能尚未到50％。</t>
  </si>
  <si>
    <t>經濟大陸疫情研究復工全球官方團隊衝擊gdp今年帶來指出強勁不能時間增長消費病毒活動預測</t>
  </si>
  <si>
    <t>大陸肺炎牛津經濟研究院經濟成長經濟</t>
  </si>
  <si>
    <t>經濟牛津研究院肺炎大陸成長</t>
  </si>
  <si>
    <t>庫藏金管會實施</t>
  </si>
  <si>
    <t>新冠肺炎疫情引發全球股市上沖下洗國內市櫃公司紛紛實施庫藏股自救。金管會證期局副局長張振山3月31日公佈上市櫃公司最新實施庫藏股情況今年以來至3月30日庫藏股已實施的達1929億元、預計實施的還有59254</t>
  </si>
  <si>
    <t>實施庫藏公司引發全球股市疫情國內局長金管會張振山紛紛最新自救公佈上市肺炎情況今年以來</t>
  </si>
  <si>
    <t>新冠肺炎疫情引發全球股市上沖下洗國內市櫃公司紛紛實施庫藏股自救。金管會證期局副局長張振山3月31日公佈上市櫃公司最新實施庫藏股情況今年以來至3月30日庫藏股已實施的達1929億元、預計實施的還有59254億元合計達61183億元。
張振山表示截至3月30日止庫藏股已實施的17件、金額為1929億元；進行中的有213件金額為59254億元。
據證期局統計實施庫藏股的上市櫃公司前三大產業為：電子零組件33件、半導體21件、其他電子類20件；至於金融業則有八件。
美股在3月12日跌停融斷後全球股災一觸即發為穩定台股金管會射出第一箭：鼓勵上市櫃公司參與業績發表會、法說會及實施庫藏股。距上一次金管會實施第一階段穩定股市措施是在2018年10月主因為中美貿易戰導致台股跌破萬點此次在新冠肺炎衝擊下上市櫃公司也相當積極響應「自家的股票自己救」實施庫藏股。
張振山3月31日也同步公佈受到新冠肺炎影響大陸多處封城也影響到上市櫃查帳。目前有七家上市櫃公司申請延長財報公告時間其中光麗KY、太設、勝悅、如興、東森、大略KY申請展延一個月已核准但LED封裝廠東貝光電因目前沒有會計師出具相關展延文件未獲核准4月1日就須暫停交易。
張振山表示光麗KY、太設、勝悅、如興、東森、大略KY等六家公司因為受大陸封城影響會計師出具文件表示無法替代查核這六家公司將採與大陸會計師事務所聯盟所的方式請大陸的會計師事務所合作幫忙查核其中太設、勝悅、如興、東森、大略KY等五家公司表示4月30日可完成去年財報而光麗KY則是4月24日就可完成。</t>
  </si>
  <si>
    <t>公司實施庫藏上市ky表示張振山會計師大陸金管會影響肺炎查核穩定申請核准展延</t>
  </si>
  <si>
    <t>大陸上市櫃肺炎會計師張振山</t>
  </si>
  <si>
    <t>上市肺炎會計師大陸張振山</t>
  </si>
  <si>
    <t>黃男董事長決戰銀行數位金融玉山</t>
  </si>
  <si>
    <t>後疫情時代來臨對金融業帶來危機也帶來轉機玉山銀行黃男州分析今年新冠肺炎疫情、中美關係、全球寬鬆貨幣政策等三件大事對金融業帶來的影響與挑戰預期疫情將催化數位經濟時代來臨玉山已做好準備期待在後</t>
  </si>
  <si>
    <t>疫情玉山帶來來臨金融業時代分析今年黃男銀行肺炎中美關係全球經濟大事催化寬鬆數位貨幣政策挑戰影響預期做好轉機</t>
  </si>
  <si>
    <t>後疫情時代來臨對金融業帶來危機也帶來轉機玉山銀行黃男州分析今年新冠肺炎疫情、中美關係、全球寬鬆貨幣政策等三件大事對金融業帶來的影響與挑戰預期疫情將催化數位經濟時代來臨玉山已做好準備期待在後疫情時代成為數位金融的領航者！
黃男州直言疫情對金融業帶來的第一波影響已經過去包括股匯市與原物料價格的波動在過去半年都已顯現；第二波影響目前正在發生就是利差縮減帶來的衝擊從央行降息1碼甚至美國降息6碼對利率敏感的國內銀行業確實備感壓力；其中業務較多元的業者衝擊相對較小而倚賴存放款較重的業者衝擊當然較大；至於第三波的影響目前也在海外市場看到了也就是信用風險。
就像針對新冠肺炎所採取的支持性療法希望患者自己產生抗體目前銀行業者也針對信用正常但貸款到期的客戶提供展延或者紓困的方案希望讓企業暫時度過難關等疫情過去後體質夠好的企業就能挺過。但是黃男州坦言國外目前受到疫情衝擊經濟的程度明顯較台灣嚴重信用風險必須更為謹慎評估。
一眼看現在一眼望向未來
新冠肺炎疫情重創全球經濟加上低利率可能成為常態金融業如何應變將牽動疫情結束後的洗牌結果。對玉山來說疫情期間對於充實戰力也毫不懈怠黃男州認為「疫情結束後可能是全新的戰局誰能跑在最前面就看這期間準備是否充裕。」
因應科技金融的潮流黃男州說「現在競爭的不只金融同業也要和台積電、聯發科等科技大廠搶人才」。為了打破產業藩籬玉山率先挖角上千名優秀的科技人才加入科技金融團隊目的就是在為未來的數位金融打好根基。
黃男州說「玉山總是一眼看現在、另一眼望向未來」所以才會在數位金融領域上不斷投注心力：2015年玉山首創業界之風在組織上成立數位金融處；2016年玉山也是最早開啟金融業向科技業搶人才之舉；2018年更領先業界設立金控科技長職位「就是因為預見了未來的樣貌才先做好準備」。黃男州預期這場疫情將催化數位經濟時代的來臨疫情放緩後金融業的新戰場可能才要開始決戰的關鍵點將會在數位金融的領域。
疫情創新局玉山準備好了
玉山要如何因應後疫情時代來臨？黃男州表示組織夠有韌性、做最壞的打算、補不足之處是玉山的三項因應之道。
組織的韌性是指多元的發展包括區域性、產品面、人才等各方面的多元才不會讓任何一隻黑天鵝來臨時就被擊垮；疫情也讓玉山瞭解預想最壞的狀況的重要性例如資訊方面一定要有備援系統、人員布建上也要有所應變。這麼做或許從經濟的角度看來不划算但從應變危機的角度來看這是銀行業在疫情下學到的寶貴經驗也是風險控管的一環。
至於補其不足之處則是指因疫情而業務窒礙難行的海外市場。雖然玉山這麼多年來積極佈局海外市場、也即將進入收成期之際碰上這場難解的疫情不免讓人氣餒但玉山絕不輕言中斷業務開展所以在人員往返、海外據點業務擴展放緩之際依然持續做強化風險控管與人員的培訓。黃男洲說放眼天下創新局玉山準備好了！</t>
  </si>
  <si>
    <t>疫情玉山黃男金融數位金融業科技衝擊業務經濟目前帶來準備銀行業影響來臨海外人員</t>
  </si>
  <si>
    <t>肺炎銀行業玉山金融業帶來準備</t>
  </si>
  <si>
    <t>銀行業玉山金融業帶來準備肺炎</t>
  </si>
  <si>
    <t>不識陳時中官子叔侄員工收到訊息錯誤觀光局</t>
  </si>
  <si>
    <t>交通部觀光局駐桃園機場旅遊服務中心基層員工、案269因接待觀光局主秘小孩（案277）不幸感染新冠肺炎。這場因上級指示的接機任務演變至今案269今首度對外發表聲明澄清絕非如外界所言主動接機也不認識主秘兒子</t>
  </si>
  <si>
    <t>旅遊服務中心基層員工機場接待聲明澄清發表絕非對外首度小孩外界主動感染不幸肺炎上級指示</t>
  </si>
  <si>
    <t>相關今天表示員工是否陳時中關係叔侄時中首度至於以為目前</t>
  </si>
  <si>
    <t>觀光局陳時中案269高官之子染疫</t>
  </si>
  <si>
    <t>高官陳時中觀光局</t>
  </si>
  <si>
    <t>論文中部肺炎醫院發表國際期刊臺灣</t>
  </si>
  <si>
    <t>新冠肺炎全球發燒已經確診60363例死亡1369例今年1月25日彰化首例的妻子感染給先生經中部某大型治療後都已經穩定到目前為止沒有發現遭這對夫婦傳染的其他病例該院也將發現、接觸感染和治療的過程發表論</t>
  </si>
  <si>
    <t>已經感染治療發現發燒首例接觸妻子夫婦全球先生沒有中部目前為止穩定確診死亡今年病例傳染</t>
  </si>
  <si>
    <t>新冠肺炎全球發燒已經確診60363例死亡1369例今年1月25日彰化首例的妻子感染給先生經中部某大型治療後都已經穩定到目前為止沒有發現遭這對夫婦傳染的其他病例該院也將發現、接觸感染和治療的過程發表論文刊登在國際頂尖期刊「新英格蘭雜誌」彰化縣衛生局長葉彥伯表示這是台灣第一篇新冠肺炎論文代表台灣對國際新冠肺炎防治的參與和共用。
彰化縣衛生局追蹤這對夫妻接觸69人都沒有感染論文也記錄這個醫療的過程院方表示「僅供醫學研究和對疫情作出貢獻防治之用」。這篇論文是由該院急診醫學部多位醫師共同發表。
論文內容1月25日一名具有第2型糖尿病病史的52歲女性在台灣中部的急診科出現發燒。懷疑與新冠肺炎有關她於1月20日乘飛機從武漢回到台灣。當天在該航班上從另一名乘客那裡採檢了咽喉拭子是台灣第一例已經感染病例。
這位女士從武漢回到台灣後的5天出現發燒和肌痛胸部X光片顯示雙側下肺瀰漫性浸潤1月27日經即時反轉錄聚合酶鏈反應（RT-PCR）分析證實是第5宗確診的境外移入在住院的第一天接受支持療法第三天加入了奧司他韋和左氧氟沙星作為經驗療法。第5天開始出現咳嗽鼻水和咽喉痛胸部X光顯示雙側肺門旁區域和下肺中更為混濁。她繼續接受奧司他韋和左氧氟沙星的支持療法但未接受氧氣療法。截至2月11日她仍然住院但生命體徵穩定沒有接受氧氣治療。
該患者的50歲丈夫主要在台灣的家裡工作與從該區域返回的其他人都沒有接觸1月21日當妻子返回台灣時在家裡共用一間臥室和共食。1月25日丈夫與妻子同時就醫。他只出現鼻水；並沒有發燒咳嗽呼吸困難胸痛或腹瀉。經全血細胞計數和胸部X線檢查未顯示任何異常於1月28日檢測新冠病毒接受了支援療法沒有任何抗病毒藥或抗生素截至2月11日他仍然住院但生命體徵穩定未接受氧氣治療。</t>
  </si>
  <si>
    <t>臺灣沒有論文接受療法感染出現發燒治療妻子已經支持肺炎胸部接觸顯示住院表示咽喉</t>
  </si>
  <si>
    <t>武漢肺炎新型冠狀病毒台灣論文醫學</t>
  </si>
  <si>
    <t>臺灣冠狀病毒論文肺炎武漢醫學</t>
  </si>
  <si>
    <t>蔓延全球疫情飛機保護</t>
  </si>
  <si>
    <t>隨著新冠病毒疫情向全球擴散世界各國都產生恐慌情緒在人多的交通工具或是與他人共處密閉空間尤其令人緊張。如果你是個必須搭飛機的人要如何解決在航班上保護自已不被傳染的問題。流行病專家指出去年超級名模</t>
  </si>
  <si>
    <t>流行病病毒問題疫情傳染全球已不擴散保護世界航班專家產生解決恐慌飛機情緒緊張交通尤其工具共處空間指出</t>
  </si>
  <si>
    <t>隨著新冠病毒疫情向全球擴散世界各國都產生恐慌情緒在人多的交通工具或是與他人共處密閉空間尤其令人緊張。如果你是個必須搭飛機的人要如何解決在航班上保護自已不被傳染的問題。流行病專家指出去年超級名模娜歐米坎貝爾 (Naomi Campbell)戴口罩和手套並清潔飛機座椅的視頻被分享在網上視頻可能有點誇張但可以做為參考。此外專家還有幾項建議。
據《紐約時報》報導達美航空和美國航空等大型航空公司表示保持飛機的清潔是重要任務他們會在航班之間對飛機進行不同程度的清潔。但有些乘客更喜歡確認他們自己也採取了措施來清潔飛機空間其中顯然也包括娜歐米坎貝爾。
約翰霍普金斯醫院的流行病學家麥爾斯通(Aaron Milstone)表示：「飛機和飛機座椅都屬於公共空間。我們知道細菌可以在表面上存活很長時間所以清潔一下也無妨。」
至於如何清潔專家們有幾個建議：
一、保持雙手清潔不要用手觸摸臉部
醫學微生物學與免疫學助理教授梅勒(Andrew Mehle)說：「只要清理飛機物品表面讓你感到不太安全那做這件事情也無傷大雅。」他強調在飛機上清理你周圍空間的過程中要配合勤洗手和其他一些好習慣。病毒可能會在小桌板、觸控式螢幕、門把手和水龍頭等表面持續存在噴塗消毒劑或用肥皂洗手都能殺死或去除病毒。不過多數人摸自己臉的次數都比他們自己知道的更多。在接觸到別人打噴嚏或咳嗽的飛沫後再摸自己的臉就會導致病毒傳播。
二、當務之急：洗手
梅勒博士說用肥皂和水洗手20秒或者在洗手的時候唱兩遍「生日快樂」歌來計時。如果來不及就多用些洗手液洗手。
三、選擇靠窗的座位
埃默里大學(Emory University)的研究發現在流感季節飛機上最安全的地方是靠窗座位因為臨窗座位乘客與他人接觸較少。此外飛行途中儘量不要走動保持體內水分充足不要摸臉對你的手部衛生保持警覺。
四、對硬物表面消毒
可以使用消毒濕巾清潔你座位區域的硬物表面比如頭枕、扶手、安全帶卡扣、遙控器、顯示幕、座椅靠背口袋和小桌板。如果座位本身是硬質、無孔、皮質或仿皮你可以同時也擦拭座位。如果是裝軟墊的座位使用濕巾會讓座位變得潮濕反而會更易傳播病毒。
消毒濕巾的包裝上通常會寫明表面需要擦拭多久才有效可能從30秒到幾分鐘不等為了讓消毒濕巾產生效用你需要遵循時間上的要求。如果有觸控螢幕你觸摸時應該用紙巾。
西奈山醫療系統(Mount Sinai Health System)的傳染預防醫學主任伯納德·卡明斯(Bernard Camins)說洗手間門把和水龍頭要使用消毒濕巾或厚紙巾開關離開洗手間時把濕巾和厚紙巾扔進垃圾桶。</t>
  </si>
  <si>
    <t>飛機清潔座位表面病毒空間可以洗手保持消毒專家可能座椅紙巾醫學流行病傳染</t>
  </si>
  <si>
    <t>症狀感染者社區原因武漢</t>
  </si>
  <si>
    <t>雖然武漢明天4月8日將解除封城但據湖北省新冠肺炎疫情防控指揮部通報武漢市「無疫小區」累計達6988個佔比984％。較3天前的上一次認定「無疫小區」數量減少45個佔比下降06％。70個小區因無症狀感染者等原</t>
  </si>
  <si>
    <t>社區占比解除封城湖北省肺炎疫情防控指揮部通報武漢市數量認定累計下降減少明天武漢症狀</t>
  </si>
  <si>
    <t>社區社區認定規定症狀感染者購物暫停取消所在通報武漢市街道指揮部占比肺炎防控疫情命名解除遵守封城</t>
  </si>
  <si>
    <t>農委會月中新低淘汰母豬因應</t>
  </si>
  <si>
    <t>受到新型冠狀病毒肺炎疫情及國內消費力疲軟等影響國內毛豬價格在過年後創下10多年來新低今天的交易價格每公斤再度跌破60元關卡對此農委會啟動母豬淘汰作業因應總目標3萬頭首階段將在3月中旬淘汰2萬3千頭母</t>
  </si>
  <si>
    <t>國內淘汰疫情目標毛豬因應價格作業過年母豬創下啟動新低農委會肺炎今天關卡交易價格對此跌破每公斤再度消費疲軟階段影響</t>
  </si>
  <si>
    <t>受到新型冠狀病毒肺炎疫情及國內消費力疲軟等影響國內毛豬價格在過年後創下10多年來新低今天的交易價格每公斤再度跌破60元關卡對此農委會啟動母豬淘汰作業因應總目標3萬頭首階段將在3月中旬淘汰2萬3千頭母豬。
農委會畜牧處副處長王忠恕表示對於國內豬價的因應策略短期目標是先淘汰種母豬中長期目標為減產今年也將總生產量從805萬下修為785萬頭預計減產3％另外肉羊預計減產5％、土雞減產10％、鴨減產8％、鴨蛋減產6％。
王忠恕分析由於新冠肺炎影響造成市場上需求量降低一時間讓豬變多價格當然就往下走若第一波淘汰3萬頭種母豬的政策效果不明顯第二波將啟動淘汰離乳小豬的機制。
他表示目前尚不清楚疫情會延燒到何時因此產業界對於此波的政策也大多能理解短期內先淘汰種母豬中長期部分也會減量供應肉源至市場。至於進口部分一月份的量已明顯減少台灣在WTO的框架下也必須開放市場難以限制冷凍商與其他業者也會依市場需求自行調節並無太大問題。</t>
  </si>
  <si>
    <t>淘汰母豬減產國內疫情市場價格肺炎影響部分目標明顯對於忠恕表示啟動因應農委會政策中長期</t>
  </si>
  <si>
    <t>農委會新冠肺炎武漢肺炎豬價台灣</t>
  </si>
  <si>
    <t>武漢肺炎臺灣農委會</t>
  </si>
  <si>
    <t>作業模式奧運機師指揮中心稽核機場防疫歐美</t>
  </si>
  <si>
    <t>長榮航空3名機師完整接種新冠肺炎疫苗後仍確診Delta病毒桃園市機師職業工會認為3人均屬於飛航執勤期間停留、往返國外機場外站而遭傳染的職災案例目前許多歐美機場作業人員已不戴口罩機師除要爭取隔離14天不</t>
  </si>
  <si>
    <t>機師機場完整接種口罩肺炎疫苗確診delta病毒已不桃園於飛職業工會認為執勤作業人員期間</t>
  </si>
  <si>
    <t>長榮航空3名機師完整接種新冠肺炎疫苗後仍確診Delta病毒桃園市機師職業工會認為3人均屬於飛航執勤期間停留、往返國外機場外站而遭傳染的職災案例目前許多歐美機場作業人員已不戴口罩機師除要爭取隔離14天不派飛、打第3劑疫苗也希望中央流行疫情指揮中心參考奧運模式派出防疫官員全程監視並稽核外站防疫流程提出積極、科學且有效降低機組員感染的辦法。
機師工會指出美歐各國機場在內的外站因進入解封狀態防疫層級大幅降低包括卸貨、清潔甚至海關人員早已出現高比例未配戴口罩等情況。
工會上周聯繫仍停留於外站的組員拍攝各地機場外站解封的狀態已蒐集包括美國芝加哥、安哥拉治、荷蘭阿姆斯特丹等地從旅客、機場裝卸貨人員、機艙內清潔人員、接駁車駕駛、旅館櫃檯等都未配戴口罩。
機師工會表示國外機場外站如此不設防而施打2劑疫苗又無法保護免於Delta病毒感染的雙重威脅下所有職災染疫的風險只能由頻繁執勤的機師單獨承擔。如此情況不改善不但執勤機師在外站處於隨時可能遭Delta病毒突破性感染的職災威脅在目前指揮中心仍允許航空公司得以在長程航班機師檢疫期間配合公司需求隨時提前中斷檢疫再度派飛執勤情況下等於放任Delta病毒在機組員內傳播與擴散。
機師工會提出3點訴求參考奧運模式派出防疫官員稽核外站防疫流程、返國檢疫期間不派飛若未能落實上述2項政策則應讓長程航班機組員返台檢疫隔離天數比照一般旅客14天規定。</t>
  </si>
  <si>
    <t>機師機場執勤delta檢疫工會疫苗防疫機組員期間口罩病毒情況人員包括隔離降低卸貨提出隨時感染清潔</t>
  </si>
  <si>
    <t>外站機場機師Delta新冠肺炎</t>
  </si>
  <si>
    <t>機師delta機場肺炎</t>
  </si>
  <si>
    <t>北市匡列確診機師陰性結果</t>
  </si>
  <si>
    <t>長榮已有3名機師、1名機師兒確診其中有1名機師還是感染印度變異株Delta臺北市匡列了26名接觸者並安排採檢；臺北市衛生局5日表示截至上午一共24人採檢陰性剩餘2人採檢結果仍在追蹤中。臺北市衛生局4日於</t>
  </si>
  <si>
    <t>機師臺北市衛生局感染印度變異delta臺北市匡列接觸安排結果一共上午截至表示追蹤確診陰性</t>
  </si>
  <si>
    <t>長榮已有3名機師、1名機師兒確診其中有1名機師還是感染印度變異株Delta臺北市匡列了26名接觸者並安排採檢；臺北市衛生局5日表示截至上午一共24人採檢陰性剩餘2人採檢結果仍在追蹤中。
臺北市衛生局4日於防疫記者會中指出居住臺北市第1層的接觸者有10位、第2層接觸者16位共有26人被匡列並被安排採檢。
北市衛生局5日受訪時表示匡列的26名接觸者截至5日上午共有24人採檢結果為陰性尚餘2位追蹤採檢結果中。</t>
  </si>
  <si>
    <t>接觸匡列臺北市機師臺北市衛生局表示安排共有截至追蹤結果上午感染印度陰性變異delta居住指出受訪衛生</t>
  </si>
  <si>
    <t>接觸者匡列採檢結果新冠肺炎台灣</t>
  </si>
  <si>
    <t>結果匡列肺炎接觸臺灣</t>
  </si>
  <si>
    <t>不止疫情本土輪普南京</t>
  </si>
  <si>
    <t>大陸南京新冠疫情上升23日新增確診本土病例12例、4例無症狀感染者；並外溢至四川、遼寧、安徽、廣東等4省分已出現報告感染者。南京政府24日除新增3個中風險地區、此前調升疑似染疫破口的祿口機場區域為高風險區</t>
  </si>
  <si>
    <t>新增感染者祿口疫情上升調升機場此前地區風險安徽四川廣東個中遼寧省分出現南京政府報告</t>
  </si>
  <si>
    <t>大陸南京新冠疫情上升23日新增確診本土病例12例、4例無症狀感染者；並外溢至四川、遼寧、安徽、廣東等4省分已出現報告感染者。南京政府24日除新增3個中風險地區、此前調升疑似染疫破口的祿口機場區域為高風險區域外將適時展開全市第二輪核酸全市普篩。同時福建廈門新增境外移入確診4例 有3例來自台灣。
南京市24日疫情防控通報指出23日0到24時南京新冠肺炎確診病例新增12例均為機場工作人員與密切接觸者。累計此輪疫情共有本土確診病例35例、本土無症狀感染者18例。
南京疫情防控分析之前累計至22日24時的37名本土確診或無症狀感染者的職業主要以機場工作人員為主其中機場清潔人員29例地勤人員3例裝卸人員2例其餘3例為他們的密切接觸者。
另外南京疫情已外溢4省分繼遼寧瀋陽、安徽和縣、廣東中山發現有南京旅居史的本土新冠感染者後四川綿陽市23日也發現1例往返南京祿口機場的確診病例。該病例26歲楊姓女子係某公司財務人員住公司宿舍7月17日從祿口國際機場乘飛機返回綿陽公司宿舍。23日核酸檢測陽性。
南京市委常委會暨應對疫情工作領導小組前晚會議稱截至23日晚已對南京21個中高風險地區實施重點管控全市第一輪全員核酸採樣基本完成。要在此基礎上啟動重點地區、重點人員第二輪核酸檢測優化組織、適時展開第二輪南京市全員核酸檢測。
另外廈門市衛健委24日通報23日0至24時廈門市報告新增境外移入確診4病例泰國1例、台灣3例都是入境後集中隔離期間驗出。分別是在16、19、21日入境同時在22日陽性反應。截至23日24時廈門境外移入確診314病例中台灣占66例逾五分之一。</t>
  </si>
  <si>
    <t>南京疫情確診核酸感染者新增機場病例人員地區祿口檢測本土臺灣全市重點全員南京市高風險公司廣東宿舍</t>
  </si>
  <si>
    <t>核酸人員感染疫情本土</t>
  </si>
  <si>
    <t>人員感染核酸本土疫情</t>
  </si>
  <si>
    <t>隔離冷氣慘遭大生確診隱匿自私</t>
  </si>
  <si>
    <t>台灣本土疫情爆發不僅外出要戴口罩也要落實個人衛生。近日一名女大生表示家中是開電器行爸爸到客人家中幫忙裝冷氣才知道對方家中有人確診只好進行自主健康管理14天令她氣得痛罵「為了吹冷氣隱匿消</t>
  </si>
  <si>
    <t>家中外出管理健康自主進行落實只好個人確診方家中痛駡衛生知道爆發近日大生表示冷氣幫忙客人</t>
  </si>
  <si>
    <t>台灣本土疫情爆發不僅外出要戴口罩也要落實個人衛生。近日一名女大生表示家中是開電器行爸爸到客人家中幫忙裝冷氣才知道對方家中有人確診只好進行自主健康管理14天令她氣得痛罵「為了吹冷氣隱匿消息不把他人的健康當一回事」對此大批網友也表示「真的太自私應向對方提告、求償」。
該名女大生昨（18）日於論壇《Dcard》發文指出家裡是開電器行夏天是最忙的時候爸爸近日到一個客人家裡修冷氣一上樓就看到一位阿公神情緊張的看著他此時爸爸聽到對方的家人正打電給親朋好友「家裡阿公確診了不要回來」。
爸爸上樓時因口罩濕了所以全程沒佩帶口罩在對方家裡修冷氣雖然沒有跟確診的阿公有任何接觸為求謹慎他們打給1922正在進行自主健康管理14天。原PO痛批「為了吹冷氣隱匿實情不把他人的健康當一回事真的很自私」。現在面臨隔離店裡生意也不能做了本來接到的案子都只能往後順延。
貼文曝光後引發大批網友怒火「這人也太自私了真的是自己死不要拖著其他人一起死啊」、「這種家庭真的是有夠沒品」、「希望你健康」、「這種人要檢舉啊」、「可以提告了」、「要不要舉報他們啊太自私了應該要接受制裁」。
★《中時新聞網》提醒您：因應新冠肺炎疫情疾管署持續加強疫情監測與邊境管制措施 如有疑似症狀請撥打：1922專線或 0800-001922 並依指示配戴口罩儘速就醫同時主動告知醫師旅遊史及接觸史以利及時診斷及通報。</t>
  </si>
  <si>
    <t>健康口罩家裡自私爸爸真的疫情確診冷氣接觸大生阿公表示不要近日網友家中進行自主</t>
  </si>
  <si>
    <t>新冠肺炎台灣確診者隱匿</t>
  </si>
  <si>
    <t>確診肺炎臺灣隱匿</t>
  </si>
  <si>
    <t>超夯歷史博物館人潮臺灣</t>
  </si>
  <si>
    <t>國立台灣歷史博物館歷經館體翻修封館1年多今年1月8日重啟開館又遇上新冠肺炎疫情發酵上半年看展人數慘跌適逢10周年館慶暨升級政府3級機關台史博在館內外同步舉辦活動首度將時間延伸到晚上兩天來吸引逾</t>
  </si>
  <si>
    <t>延伸時間首度舉辦活動同步館內開館晚上台史博遇上新機關肺炎政府疫情發酵升級上半年適逢</t>
  </si>
  <si>
    <t>國立台灣歷史博物館歷經館體翻修封館1年多今年1月8日重啟開館又遇上新冠肺炎疫情發酵上半年看展人數慘跌適逢10周年館慶暨升級政府3級機關台史博在館內外同步舉辦活動首度將時間延伸到晚上兩天來吸引逾5萬人次湧入是開館以來空前人潮。
台史博10月剛升級為政府3級機關組織編制擴大利用10周年館慶大動作舉辦活動不僅館內有台南人劇團演出館外草地上邀請有「最美市集」稱號的島嶼餐桌物語市集近百攤快閃兩天30日、31日包括42攤全台各地美食與異國料理53攤手作攤位有包括臺北、台中、高雄的著名食品與伴手禮。
館方表示除了市集攤位水準高展示教育大樓外更架起舞臺舉辦樂團表演邀請包括APPLE、南西肯恩、麋先生、PETER相繼熱力開唱另外有馬戲團演出。
有吃有玩還有娛樂表演、知性展覽可看加上氣候涼爽入夜之後燈光襯托氣氛台史博30日一口氣湧入2萬3000多人民眾在草地上鋪毯野餐觀看表演周邊道路排隊等候進場的車子圍繞場館一周館方人員驚呼感受疫後報復性出遊是開館以來的空前人潮。
台史博31日持續第2天活動下午2時30分開放進場前就已出現排隊人潮館方估計第2天有3萬多人次兩天逾5萬人是過去每場活動的數倍一口氣補足上半年因疫情減少的看展人潮。</t>
  </si>
  <si>
    <t>包括人潮市集開館表演進場排隊邀請攤位湧入台史博活動舉辦活動一口氣館內演出機關升級政府上半年</t>
  </si>
  <si>
    <t>台灣館慶新冠肺炎台史博市集</t>
  </si>
  <si>
    <t>肺炎台史博市集臺灣</t>
  </si>
  <si>
    <t>感染確診不明市場延至成功複市基隆</t>
  </si>
  <si>
    <t>基隆市成功市場又有1攤商（案5208）確診市府成立專案調查迄今已有8人淪陷其中3人為攤商市長林右昌表示有2攤商是隔壁攤販但與率先中標的攤商（案2564）是否有關聯仍待釐清此外市場也自主停業至6月3日</t>
  </si>
  <si>
    <t>市場專案關聯成立市府中標是否確診調查迄今已有淪陷市長率先隔壁自主成功攤販表示林右昌</t>
  </si>
  <si>
    <t>基隆市成功市場又有1攤商（案5208）確診市府成立專案調查迄今已有8人淪陷其中3人為攤商市長林右昌表示有2攤商是隔壁攤販但與率先中標的攤商（案2564）是否有關聯仍待釐清此外市場也自主停業至6月3日。
成功市場確診案感染源不明基隆市政府成立專案持續疫調中起初是案2564於5月19日確診為一名年約60多歲男子曾到西門町紅寶石歌廳消費期間身體不適仍前往市場擺攤採檢後確診他的兒子（案3085）、女兒（案3087）、女婿（案3086）也陸續中標。
5月21日有另名攤商（案3519）採檢後也呈陽性但與案2564是否有關連衛生局仍調查中其曾孫（案4369）、兒子（案5202）也陸續確診。
林右昌表示昨天中央流行疫情指揮中心公佈確診數時其中有1案是成功市場攤商（案5208）也是市場第3名攤商確診衛生局疫調發現他與案3519為隔壁攤販是密切接觸者名單之一市府也匡列他周圍12人目前正等待檢驗結果；因應疫情嚴峻成功市場自主延長停業時間至6月3日晚上12點。
此外林右昌說果菜市場夫妻確診專案（案3289、案3290）目前初步匡列登記的攤商81攤扣除空攤10攤、追蹤71攤總計38位負責人將盡速安排快篩並擴大追蹤。
林右昌進一步說明目前這2案相關人員仍有不配合疫調情況提醒確診者依傳染病防治法規定必須說出實情其中有公共衛生安全問題也能有效加快斷絕病毒傳播鍊呼籲民眾務必要配合衛生單位。</t>
  </si>
  <si>
    <t>確診市場林右昌目前成功專案疫情追蹤配合衛生市府成立調查衛生局匡列表示</t>
  </si>
  <si>
    <t>攤商確診成功市場6月3日新冠肺炎</t>
  </si>
  <si>
    <t>市場成功確診肺炎</t>
  </si>
  <si>
    <t>加劇病毒供應變種短缺omicronoecd</t>
  </si>
  <si>
    <t>根據外媒報導經濟合作與發展組織（OECD）今（12／1）天公佈其最新預測稱Omicron變種病毒有可能加劇全球經濟增長放緩和通貨膨脹的不平衡並推遲全球經濟恢復正常的時間。該報告預測2022年全球經濟將繼續呈復甦</t>
  </si>
  <si>
    <t>經濟全球預測oecd公佈最新經濟合作與發展組織omicron變種推遲病毒平衡放緩可能增長加劇報導通貨膨脹繼續報告時間復蘇</t>
  </si>
  <si>
    <t>根據外媒報導經濟合作與發展組織（OECD）今（12／1）天公佈其最新預測稱Omicron變種病毒有可能加劇全球經濟增長放緩和通貨膨脹的不平衡並推遲全球經濟恢復正常的時間。
該報告預測2022年全球經濟將繼續呈復甦態勢在2021年全球經濟反彈56％之後預計2022年全球經濟將增長45％而2023年將放緩至32％。
經合組織警告稱鑒於Omicron變種病毒出現貨幣政策制定者應謹慎行事最緊迫的需求是加快部署新冠疫苗。</t>
  </si>
  <si>
    <t>全球經濟預測變種omicron病毒放緩增長加快需求緊迫oecd行事部署謹慎公佈制定者經濟合作與發展組織最新貨幣政策出現推遲</t>
  </si>
  <si>
    <t>Omicron變種病毒全球經濟OECD加劇</t>
  </si>
  <si>
    <t>經濟全球病毒變種oecd加劇omicron</t>
  </si>
  <si>
    <t>預定習近平菅義偉</t>
  </si>
  <si>
    <t>日本內閣官方長官菅義偉18日上午在記者會上再度強調大陸國家主席習近平4月上旬以國賓身分訪問日本一事仍將依預定進行。日媒報導大陸因應新型冠狀病毒疫情延後原定3月5日在北京舉行的全國人民代表大會和政協兩</t>
  </si>
  <si>
    <t>大陸日本原定延後菅義偉上午疫情冠狀身分訪問國賓病毒習近平記者會主席強調上旬國家預定因應再度報導進行</t>
  </si>
  <si>
    <t>日本內閣官方長官菅義偉18日上午在記者會上再度強調大陸國家主席習近平4月上旬以國賓身分訪問日本一事仍將依預定進行。
日媒報導大陸因應新型冠狀病毒疫情延後原定3月5日在北京舉行的全國人民代表大會和政協兩會會議似已成定局。此決定可能使習近平訪日之行取消。
菅義偉18日表示「會持續關注全人代的動向目前習近平訪日將依預定舉行目前正在準備中。」</t>
  </si>
  <si>
    <t>習近平大陸舉行菅義偉目前預定日本兩會會議已成定局政協全國人民代表大會上午北京決定冠狀原定延後疫情國賓身分強調病毒主席再度</t>
  </si>
  <si>
    <t>習近平菅義偉預定訪日新冠肺炎</t>
  </si>
  <si>
    <t>預定菅義偉習近平肺炎</t>
  </si>
  <si>
    <t>大使巴西危機四伏晚宴川普</t>
  </si>
  <si>
    <t>新冠病毒全球蔓延世界各國政要傳出確診消息層出不窮自巴西總統發言人中鏢、巴西總統波索納洛傳確診但自發聲明檢測陰性外界仍關注川普健康狀況而現又傳出上周在海湖山莊與川普晚宴的巴西駐美國大使福斯特（Ne</t>
  </si>
  <si>
    <t>巴西傳出川普確診總統蔓延世界政要晚宴消息層出不窮波索納洛聲明自發檢測全球外界湖山莊關注陰性上周健康狀況美國病毒</t>
  </si>
  <si>
    <t>新冠病毒全球蔓延世界各國政要傳出確診消息層出不窮自巴西總統發言人中鏢、巴西總統波索納洛傳確診但自發聲明檢測陰性外界仍關注川普健康狀況而現又傳出上周在海湖山莊與川普晚宴的巴西駐美國大使福斯特（Nestor Forster）也與另外兩名巴西參訪團成員一同確診也讓先前一再表示不需接受檢測的川普終於脫口說出「很可能」接受檢測。
據《華盛頓郵報》與路透社報導川普7日在海湖山莊（Mar-A-Lago）與巴西訪團共進晚宴但自巴西總統波索納洛（Jair Bolsonaro）的新聞秘書沃恩加藤（Fabio Wajngarten）確診後波索納洛也傳出確診新聞但隨後由本人否認；而與福斯特同為代表團成員的巴西總統律師庫法（Karina Kufa）、巴西參議員德拉德（Nelsinho Trad）也被檢測確診。
不過白宮醫師康利（Sean P Conley）表示川普因與巴西訪問團接觸很有限只有照相與握手如此確診的風險很低不需要居家隔離。
即使疫情逐漸在美擴散川普除了大型選舉造勢行程取消之外並未減少對外行程但近期他曾參加的多個公開場合都有傳出確診病例如先前在美國保守派大會中傳出2名參與人士確診當場川普與副總統彭斯皆在場但在得知此事後川普仍表示不需要檢測。
至於在全球政要確診新冠病毒方面除了伊朗兩名副總統與多名高層、英衛生部長以及澳內政部長之外目前加拿大杜魯道的妻子也確診身體健康的杜魯道本人也正自主隔離；而波索納洛公開否認自己確診新聞但若確診數實則成為全球首位國家領導人確診。</t>
  </si>
  <si>
    <t>確診川普巴西總統傳出檢測波索納洛新聞全球之外隔離美國晚宴接受行程表示需要先前成員福斯特湖山莊政要否認</t>
  </si>
  <si>
    <t>新冠肺炎武漢肺炎NCP新型冠狀病毒COVlD-19</t>
  </si>
  <si>
    <t>肺炎武漢ncp病毒冠狀covld-</t>
  </si>
  <si>
    <t>法國上週末新增4萬5422例 單日確診數飆新高</t>
  </si>
  <si>
    <t>確診新增數飆上週末法國新高</t>
  </si>
  <si>
    <t>法國上週五新冠肺炎新增確診逾42萬人讓累計確診數突破100萬人大關後上週末新增4萬5422例創單日新高累計確診數達108萬6497人死亡138人而讓累計死亡數增加至3萬4645人。整體檢測驗出確診比率上升至16％創</t>
  </si>
  <si>
    <t>確診新增累計肺炎檢測整體上週末大關新高比率死亡數增加突破上升死亡上週五法國</t>
  </si>
  <si>
    <t>法國上週五新冠肺炎新增確診逾42萬人讓累計確診數突破100萬人大關後上週末新增4萬5422例創單日新高累計確診數達108萬6497人死亡138人而讓累計死亡數增加至3萬4645人。整體檢測驗出確診比率上升至16％創新高。</t>
  </si>
  <si>
    <t>確診新增累計比率肺炎檢測整體上升上週末新高大關增加死亡數突破死亡創新上週五</t>
  </si>
  <si>
    <t>法國確診數上週末新增單日確診</t>
  </si>
  <si>
    <t>新增確診法國上週末</t>
  </si>
  <si>
    <t>肺炎設備再度防疫大利開啟世紀</t>
  </si>
  <si>
    <t>因應新冠肺炎疫情義大利佛羅倫斯的商家們為了與顧客保持適當的社交距離重啟了17世紀為了對抗黑死病的「酒窗」透過酒窗將販售的商品給客戶成為一種疫情下的創新營業方式。根據義大利媒體《The Local》報導</t>
  </si>
  <si>
    <t>疫情大利對抗世紀距離社交適當方式保持商品客戶顧客成為營業佛羅倫斯商家創新媒體肺炎</t>
  </si>
  <si>
    <t>因應新冠肺炎疫情義大利佛羅倫斯的商家們為了與顧客保持適當的社交距離重啟了17世紀為了對抗黑死病的「酒窗」透過酒窗將販售的商品給客戶成為一種疫情下的創新營業方式。
根據義大利媒體《The Local》報導指出酒窗的歷史最早可追溯到13世紀的文藝復興時期。當時的葡萄園園主會在自家酒窖鑿出一個面向街道的小窗讓往來的客人可以透過小窗往內遞入酒瓶裡面的工人接過酒瓶後就會用葡萄酒把酒瓶裝滿這就是最早酒窗的由來。
在17世紀時歐洲爆發大規模的黑死病疫情義大利的商家為了營業也在自己的商鋪外牆建造了酒窗供顧客買酒使用。但隨著時間的流逝與黑死病疫情的消散這些在牆壁上的酒窗就成為特殊的文化造景。
而在現今新冠肺炎疫情全球肆虐的狀況下義大利佛羅倫斯的商家們紛紛打開自家的「酒窗」透過酒窗與往來的客人做生意。不同於以往的是現在除了販售葡萄酒外也有販售一些霜淇淋、咖啡等生活用品。
根據世界衛生組織統計新冠肺炎在義大利共有253萬確診病例204萬人經過治療後康復但其中35萬人不幸因病過世
更多 CTWANT 報導</t>
  </si>
  <si>
    <t>大利世紀疫情商家肺炎透過成為顧客酒瓶小窗病疫情營業客人</t>
  </si>
  <si>
    <t>義大利酒窗17世紀透過販售</t>
  </si>
  <si>
    <t>世紀透過大利</t>
  </si>
  <si>
    <t>美中交鋒疫病</t>
  </si>
  <si>
    <t>在大陸於今年年初爆發新冠肺炎之時美國總統川普曾讚揚習近平防疫能力。但就在新冠肺炎席捲亞歐大陸以及美國本土也相繼傳出新冠肺炎的病例與死亡個案後美國開始提高自身的防疫作為與能力並批評大陸隱瞞疫情與防</t>
  </si>
  <si>
    <t>美國肺炎能力防疫大陸批評作為提高開始習近平讚揚個案川普本土死亡總統病例席捲傳出亞歐大陸相繼爆發隱瞞年初</t>
  </si>
  <si>
    <t>在大陸於今年年初爆發新冠肺炎之時美國總統川普曾讚揚習近平防疫能力。但就在新冠肺炎席捲亞歐大陸以及美國本土也相繼傳出新冠肺炎的病例與死亡個案後美國開始提高自身的防疫作為與能力並批評大陸隱瞞疫情與防疫作為。
美國轉移國內壓力
川普一開始即輕忽新冠病毒的嚴重性認為病毒可能會突然消失並且新冠肺炎較流感更好處理。等到疫情擴大並影響美國經濟乃至於美國民眾的日常生活時才開始實施應變措施。
川普一方面宣佈國家進入緊急狀態為各州及市政府提供更多援助並將加速病毒檢測和提供資金研發疫苗。另一方面在1月31日對大陸實施旅行限制後3月13日美國宣佈對歐洲（除英國外）實施旅遊禁令美國國務院也提高美國人赴全球旅行警示。與此同時川普強調「疫情來自於中國」國務卿蓬佩奧與眾議院少數黨領袖麥卡錫等仍稱「武漢病毒肺炎」而非「新冠病毒肺炎」批評大陸隱匿疫情；福斯新聞網也使用「中國冠狀病毒」播報新聞。中國外交部發言人耿爽不滿「武漢病毒」的說法並反駁川普的講法。
但是川普乃至於蓬佩奧的「言說」乃是利用政治掩蓋和分散注意力而非基於事實的公共衛生的危機處理。這也顯示川普乃至於美國內部的保守派向來善於利用二元對立挑動美國內部情感掩蓋自身所面臨的總統選情危機與國內的股市震盪風暴。
此種「仇恨」所引發的「恐懼」語言基本上有兩種意涵。一種為用於國內消費並進行宣傳用於包裝美國與中國的對立事件延續從前年開始的美中貿易戰。
另外一種則是在媒體置入挑釁性的報導從而塑造「仇中」與「恐中」的選舉語言激起怨恨和敵對情緒轉移內部壓力複製2016年時川普將移民與有色人種當作激化選情的工具。
於是除中國外交部的回應外北京方面指責川普的種族主義與仇外心態使美國自身成為受害者。並認為蓬佩奧等人正利用這場疫病危機推動美國對大陸鷹派的政治路線。
全球勢力重新洗牌
其實從冷戰時期雷根的「邪惡帝國」到小布希的「邪惡軸心」與「流氓國家」再到美國前國務卿萊斯的「暴政前哨」以及川普的「全球四大惡人」均可看到這類仇恨政治的言說。邪惡的標籤可以喚起特定的意象、感覺和思想簡化歷史與安全問題並改變民眾的主觀意識。如果存在威脅已被視為威脅的問題那麼對存在威脅的主張便更有說服力。例如如果民眾有著過往流行性疫病的記憶對新型流感病毒的恐懼便可能更為有效轉為威脅。這類仇恨言說的背後需要警惕的則是是否恐懼更為激烈且朝向好戰的可能性。
政治語言學告訴我們語言可以改變我們的社會地位或我們與他人的互動方式並影響思考與行為。原本國際政治在美國與中國簽署第一階段的貿易協定後各方多以為美中的許多問題將暫時休兵然而一場新冠肺炎又啟動兩國的交鋒一場以病毒為基礎的疫病戰正在美中間蠢蠢欲動。
美國在這場「戰疫」也有不能輸的壓力究竟「華盛頓防疫模式」或「北京防疫模式」何者較能防堵新冠肺炎在各自國內的擴散乃至解決新冠肺炎也將成為年底美國民眾評價川普的政績以及全球勢力的重新洗牌。（作者為實踐大學高雄校區博雅學部副教授）</t>
  </si>
  <si>
    <t>美國川普肺炎病毒中國政治大陸開始民眾國內疫情全球防疫語言仇恨恐懼問題危機言說實施疫病壓力內部</t>
  </si>
  <si>
    <t>美中政治中國川普美國</t>
  </si>
  <si>
    <t>美中美國中國川普政治</t>
  </si>
  <si>
    <t>擴大時中外國人需要自費</t>
  </si>
  <si>
    <t>澳洲音樂家日前來台演出於境外確診新冠肺炎。中央流行疫情指揮中心指揮官陳時中表示未來希望加強自主健康管理強度量體溫確實通報有症狀就要回報目前正建立系統提供自主健康管理者回報出境時還需要再報</t>
  </si>
  <si>
    <t>回報健康自主演出境外確診肺炎中央流行疫情指揮出境中心指揮官陳時中表示管理者未來確實希望通報症狀體溫就要加強</t>
  </si>
  <si>
    <t>澳洲音樂家日前來台演出於境外確診新冠肺炎。中央流行疫情指揮中心指揮官陳時中表示未來希望加強自主健康管理強度量體溫確實通報有症狀就要回報目前正建立系統提供自主健康管理者回報出境時還需要再報一次中間任何一端違反規定就會予以重罰。若有需要將啟動擴大採檢外國人入境台灣的採檢將採自費方式。
陳時中表示沒症狀採檢會有病毒量太低會被忽略掉的疑慮要審慎考慮。</t>
  </si>
  <si>
    <t>表示需要回報健康自主症狀演出境外確診肺炎中央流行忽略疫情指揮中心指揮官陳時中未來</t>
  </si>
  <si>
    <t>採檢擴大外國人自費自主健康管理</t>
  </si>
  <si>
    <t>自費外國人擴大自主健康管理</t>
  </si>
  <si>
    <t>趙立堅陸為韓疫情送暖</t>
  </si>
  <si>
    <t>中國大陸外交部發言人趙立堅今日在例行記者會上從前幾日的對美「戰狼」變身對韓日「暖男」他就中國大陸提供日韓兩國抗疫物資一事表示中方對韓日兩國政府與人民為中國抗擊疫情提供支援和幫助深表感謝在韓國、</t>
  </si>
  <si>
    <t>中國韓日大陸提供支援疫情抗擊人民今日例行兩國政府幫助趙立堅記者會表示從前中方物資國抗提供</t>
  </si>
  <si>
    <t>中國大陸外交部發言人趙立堅今日在例行記者會上從前幾日的對美「戰狼」變身對韓日「暖男」他就中國大陸提供日韓兩國抗疫物資一事表示中方對韓日兩國政府與人民為中國抗擊疫情提供支援和幫助深表感謝在韓國、日本抗擊疫情的努力中中國不會缺席。
趙立堅表示中方一直密切關注韓國、日本國內新冠肺炎疫情發展對兩國目前面臨的疫情形勢感同身受。當前形勢下我們願同韓國、日本完善並強化衛生防疫溝通協調應急機制加強互通疫情資訊交流防控經驗和技術並開展診療方案、藥品和疫苗研發等領域合作。此外中方願與兩國開展聯防聯控共同強化口岸防控措施加強檢驗檢疫減少非必要的跨境旅行。
趙立堅指出中國疫情防控正處於最吃勁的關鍵時期但我們願盡己所能向韓國、日本提供力所能及的幫助。「豈曰無衣與子同裳」是中、日、韓守望相助、共克時艱的真實寫照。
在大陸將提供防疫物資的問題上趙立堅答稱新冠肺炎疫情發生後日本政府和人民對中方抗擊疫情給予了大力支持幫助我們對此銘記在心。面對疫情新的發展中方願在努力抗擊本國疫情的同時同日方分享資訊和經驗向日方提供力所能及的支援和幫助。這是中日作為近鄰同舟共濟、守望相助的應有之義。
他說此前中方已向日方交付了一批檢測試劑盒。經雙方溝通我們正在準備向日方提供一些其他醫療物資首批將於今天運抵日本。如果日方有進一步需求我們將積極考慮。
針對韓國疫情進行防控措施趙立堅解釋道疫情是沒有國界的我們不會忘記文在寅總統強調「中國的困難就是韓國的困難」韓國政府和社會各界對中方抗擊疫情給予寶貴幫助和支持。近來韓國疫情加劇我們感同身受同樣認為韓國的困難就是中國的困難。據我瞭解中國一些地方和企業已經或正在準備向韓方特別是大邱市、廣尚北道等疫情嚴重地區提供援助目前正在緊急籌備近日將分批空運到韓國。</t>
  </si>
  <si>
    <t>疫情韓國中方中國趙立堅提供日方日本抗擊幫助物資防控大陸加強支持困難開展強化溝通準備措施</t>
  </si>
  <si>
    <t>柯文哲科學警戒標準決定解除</t>
  </si>
  <si>
    <t>台灣連續兩天本土都降到2百名確診以下中央流行疫情指揮中心今(14)日公佈國內新增185例COVID-19確定病例均為本土個案；另確診個案中新增15例死亡；其中臺北市新增42例新確診副市長黃珊珊在今早又與指揮官陳時中</t>
  </si>
  <si>
    <t>確診新增本土個案降到黃珊珊中央以下流行指揮市長中心疫情公佈covid-國內確定病例死亡臺北市指揮官</t>
  </si>
  <si>
    <t>柯文哲臺北市疫苗指出系統確診開始預約黃珊珊現在比較陳時中表示電話進行病例疫情長者減少</t>
  </si>
  <si>
    <t>陳時中柯文哲新冠肺炎台灣</t>
  </si>
  <si>
    <t>肺炎柯文哲陳時中臺灣</t>
  </si>
  <si>
    <t>承諾日方東奧戰鬥追加敵人費用看不見</t>
  </si>
  <si>
    <t>2020東京奧運因為新冠肺炎疫情延後一年日本東京奧運組織委員會會長森喜朗今天表示如果明年疫情仍未獲得控制東奧不會再度延期而是完全取消日本首相安倍晉三也針對東奧衍生的費用作出回應表示日本政府沒有承</t>
  </si>
  <si>
    <t>東奧表示疫情奧運東京回應作出費用衍生安倍晉三日本首相完全取消延期延後再度不會日本組織委員會會長控制明年今天獲得森喜朗仍未肺炎日本政府</t>
  </si>
  <si>
    <t>2020東京奧運因為新冠肺炎疫情延後一年日本東京奧運組織委員會會長森喜朗今天表示如果明年疫情仍未獲得控制東奧不會再度延期而是完全取消日本首相安倍晉三也針對東奧衍生的費用作出回應表示日本政府沒有承諾會支付這些費用。
森喜朗接受《日刊體育》訪問時表示過去奧運曾因戰爭停辦但「這次是和看不見的敵人戰鬥」如果明年疫情未趨緩那麼東京奧運不會再延後到2022年而是要取消但森喜朗也表示會盡力讓奧運能在明年夏天順利舉行「這是全人類的賭注假如戰勝病毒東京奧運順利進行就會是比過去更有價值的奧運。」
而東京奧運延期衍生出30億美元(約908億台幣)追加費用先前國際奧會（IOC）透過官網表示日本首相安倍晉三同意由日本政府負擔這筆費用但安倍晉三首度公開回應沒有這麼承諾日本內閣官房長官菅義偉昨天也在記者會否認表示「沒有任何由日本政府獨自支付追加費用的共識而是應該由國際奧會和東奧組委會合作處理關於追加費用的問題。」</t>
  </si>
  <si>
    <t>奧運表示費用東京東奧明年森喜朗疫情追加日本政府沒有日本日本首相過去延期取消安倍晉三衍生承諾支付回應國際人類舉行病毒</t>
  </si>
  <si>
    <t>費用東京奧運延期承諾東奧</t>
  </si>
  <si>
    <t>奧運延期承諾東京費用東奧</t>
  </si>
  <si>
    <t>擠爆台人醫護劣根性擋不住大街</t>
  </si>
  <si>
    <t>指揮中心近日才宣佈社交距離的規範但清明連假期間不少悶壞的民眾仍出遊PTT網友分享疫情檔不住台人連假出遊墾丁大街被擠爆讓醫護怒罵講都講不停台人劣根性。有位醫護人員在PTT上發文指出228連假希</t>
  </si>
  <si>
    <t>ptt出遊宣佈社交距離規範清明連假期位醫護人員不停都講怒駡劣根性醫護台人民眾擠爆大街</t>
  </si>
  <si>
    <t>指揮中心近日才宣佈社交距離的規範但清明連假期間不少悶壞的民眾仍出遊PTT網友分享疫情檔不住台人連假出遊墾丁大街被擠爆讓醫護怒罵講都講不停台人劣根性。
有位醫護人員在PTT上發文指出228連假希望大家別出國結果台灣人劣根性擋不住照樣出國玩一波結果台灣14天後疫情也高潮一波。而這次清明連假墾丁塞爆反觀醫院、負壓隔離被前一波228加海龜塞爆真是不勝唏噓。
原PO怒喊每個同事穿套隔離裝備汗都濕到內褲怎麼就還是有人講不停、講不聽14天後大家等著看這群在墾丁逛的人到底在想什麼？
貼文曝光後引發網友熱議「已經說了少出門 不要去人多地方 可惜還是一堆不懂」、「原po辛苦了 我只能自律放假四天我非必要都沒出門算是對醫護人員的一點敬意」、「知道美國怎麼輸給疫情的嗎？因為自私的智障很多」。</t>
  </si>
  <si>
    <t>疫情清明連po出門隔離醫護人員網友ptt劣根性出遊不停結果出國宣佈社交距離規範輸給假期</t>
  </si>
  <si>
    <t>墾丁大街擠爆醫護台人劣根性清明連假</t>
  </si>
  <si>
    <t>醫護擠爆台人大街劣根性清明連</t>
  </si>
  <si>
    <t>喊話賴清德攀升全力保護積極確診照顧疫情</t>
  </si>
  <si>
    <t>新冠疫情今天再升高副總統賴清德今喊出「全力保護積極照顧」；他表示面對疫情恐慌、害怕是人之常情除了儘快取得疫苗進行施打疫情指揮中心陳時中指揮官偕同許多專家正密切監控每天的狀況也強化防疫作為</t>
  </si>
  <si>
    <t>疫情狀況監控密切專家偕同升高賴清德指揮官總統陳時中全力中心保護指揮積極照顧施打儘快表示進行面對疫苗恐慌</t>
  </si>
  <si>
    <t>新冠疫情今天再升高副總統賴清德今喊出「全力保護積極照顧」；他表示面對疫情恐慌、害怕是人之常情除了儘快取得疫苗進行施打疫情指揮中心陳時中指揮官偕同許多專家正密切監控每天的狀況也強化防疫作為從預防及治療方面著手希望能達到盡速降低確診致死率。
他強調地方緊急醫療網必須注意民眾從篩檢到分級收治的每個環節避免遺憾再度發生。
賴清德今在臉書指出這波本土疫情發生以來發生很多不幸以及生命的逝去都讓人非常非常難過失去摯愛的親人、家屬更是令人痛心、不捨。
他也提出四點呼籲一、 儘早診斷、儘早治療；他說為了加速找出潛在感染者阻絕病毒在社區擴散指揮中心補助、鼓勵各地方政府廣設置社區篩檢站針對具有確診個案相關接觸史、活動史的無症狀民眾作為主要篩檢對象將這些可能存在的風險患者趕快找出來阻斷傳播也及早治療。
他說二、 加強版集中檢疫所及防疫旅館健康監控措施；他指出目前採分類、分級、分流收治確診患者加強版集中檢疫所及防疫旅館多收治輕症為了避免輕症轉重症檢疫所內24小時由護理人員進駐透過電話與視訊評估病患讓進駐的確診患者有妥適的健康監控。同時醫師公會全聯會亦號召醫師投入社區醫療並可協助集中檢疫所及防疫旅館的醫療照顧防止輕症患者有病情急遽變壞的狀況發生。
他說三、 單株抗體及瑞德西韋等藥物加強治療；他指出為了要降低輕症變重症的情況發生指揮中心將購買對抗病毒的單株抗體藥物提供給符合條件的的輕症患者使用；同時把瑞德西韋藥物直接給收治中重症病人的醫療院所有效治療病人。
他說四、 老人安養機構啟動預防措施；他指出這波死亡個案多為有慢性病的長者去年已針對長照機構做防疫演練最近指揮中心也請機構遵照防疫指引嚴格執行並減少機構探望降低院內及院外的接觸將機構長者感染風險降至最低也已列為疫苗優先施打對象。
他表示提醒家中如果有高風險的慢性病患、免疫疾病的長者要特別留意加強他們的居家健康監測及自我防護機制避免與確診者接觸或前往感染熱區才能降低感染風險。一旦有疑慮可以盡快前往鄰近的篩檢站登記篩檢及早發現和治療治癒機會相對高。</t>
  </si>
  <si>
    <t>治療確診防疫發生機構疫情降低指出指揮患者中心收治社區健康長者監控重症檢疫所風險接觸醫療避免</t>
  </si>
  <si>
    <t>新冠肺炎台灣治療賴清德收治</t>
  </si>
  <si>
    <t>治療肺炎臺灣賴清德收治</t>
  </si>
  <si>
    <t>水神蕭敬騰全球公益</t>
  </si>
  <si>
    <t>「保護別人就是保護自己」近月以來因新冠肺炎肆虐造成全球疫情大爆發旺旺集團董事長蔡衍明及知名藝人蕭敬騰本著「共同防疫一起加油」的互助精神在嚴峻艱難之時貢獻己力將旗下防疫產品「水神」捐贈</t>
  </si>
  <si>
    <t>防疫肺炎肆虐造成全球將旗知名以來藝人蕭敬騰艱難貢獻嚴峻共同精神互助一起加油疫情爆發集團董事長蔡衍明</t>
  </si>
  <si>
    <t>「保護別人就是保護自己」近月以來因新冠肺炎肆虐造成全球疫情大爆發旺旺集團董事長蔡衍明及知名藝人蕭敬騰本著「共同防疫一起加油」的互助精神在嚴峻艱難之時貢獻己力將旗下防疫產品「水神」捐贈給全球各地期望社會各界攜手同心守護生命健康。
「雙手是防疫的最後一道防線」雨神x水神防疫廣告 全球首播
長期熱心公益、關懷弱勢族群的知名藝人蕭敬騰原來就是水神的長期愛用者早在十年前就開始使用這次也擔任公益大使攜手旺旺集團共同捐助防疫物資出錢、出力回饋社會為水神拍攝防疫公益廣告病毒無所不在提醒民眾當心病毒從口入在做任何動作之前隨時隨地噴水神因為「雙手就是防疫的最後一道防線」。
此次記者會主持人黃子佼四月初出席公益活動親自探訪及贈送防疫物資箱給獨居的弱勢長者讓他們能有充足物資度過疫期而防疫物資箱中也特別放入水神抗菌液維護長者健康不遺餘力。
公益捐助超前部署 水神搭起防疫網守護全球
農層年前疫情初爆發第一時間蔡衍明董事長即宣佈把水神生成製造機全數以捐助提供給第一線的防疫人員。一月中旬春節返台人潮湧入機場全面警戒水神接獲需求並免費提供設備協助海關防疫守護家門。
年後爆發口罩荒酒精更是一瓶難求水神隨即於二月四日開放全台90家站讓民眾免費領取抗菌液。一個善念拋磚引玉帶動政府單位、民間企業醫療機關、學校、村裡長共同投入防疫一下子全台超過350個水神補給據點讓台灣不至於因物資缺乏而產生防疫漏洞。
自疫情爆發至今水神已送出超過1萬5千頓的抗菌液相當於5000萬瓶300ml的酒精協助防疫秉持「保護別人就是保護自己」的初衷公益之路繼續向前行旺旺集團董事長蔡衍明攜手蕭敬騰預計共同捐贈200萬瓶600ml瓶裝水神(市值1億台幣)給中低收入戶和弱勢團體大陸捐贈也同步進行因為「健康不是有錢人的專利」讓他們不會因為防疫物資不足或不好取得而缺少保護水神會盡力協助供應他們對抗疫情。
感謝這次受贈單位包含各縣市政府代表及慈善公益團體親臨現場一起共襄盛舉。國際疫情仍然嚴峻水神也將持續送達美國、日本、新加玻、越南、印尼讓防疫物資更充足便利、更好取得期望在這艱難的時刻一起為世界盡心力。
水神小百科:水神就是「微酸性電解次氯酸水」2007年由日本引進技術製程以食品級盈酸經電解槽電解產生pH值50-65最近人體PH與病毒細菌作用後就會還原成水日本北裡大學生命科學研究所與環境科學研究所實驗證明其完全不含鈉且溫和無刺激、無殘留所以非常環保對人體和環境沒有任何危害。</t>
  </si>
  <si>
    <t>防疫水神物資公益疫情全球爆發共同日本就是一起健康捐贈病毒協助守護捐助保護人體</t>
  </si>
  <si>
    <t>旺旺集團水神蔡衍明新冠肺炎</t>
  </si>
  <si>
    <t>水神蔡衍明集團肺炎</t>
  </si>
  <si>
    <t>住戶裝修工人大樓確診板橋</t>
  </si>
  <si>
    <t>新北市幼兒園群聚持續延燒新北市長侯友宜今天表示截至目前共採檢785人除了先前的陽性個案今日上午又驗出一名非住戶裝修工人PCR陽性也是在B棟不同樓層感染源跟本案有無關係仍在追查中是今日早上驗出</t>
  </si>
  <si>
    <t>陽性今日新北市長侯友宜今天表示截至目前持續有無關係先前感染樓層追查不同</t>
  </si>
  <si>
    <t>新北市幼兒園群聚持續延燒新北市長侯友宜今天表示截至目前共採檢785人除了先前的陽性個案今日上午又驗出一名非住戶裝修工人PCR陽性也是在B棟不同樓層感染源跟本案有無關係仍在追查中是今日早上驗出的結果其它檢驗都是陰性。另外還有2名家屬居隔期間陰轉陽屬境外移入個案。
侯友宜指出為了阻斷傳播鏈整個社區大樓連夜清空做好篩檢現有住戶已篩785人全數陰性至於裝修工人的感染源持續調查中。
侯友宜說幼兒園全案另有951人居家隔離中「我們都會不斷做PCR5天以後會再做一次採檢」目前採取擴大匡列、採檢同時也把住戶、工作人員及大樓職場有關係的採檢確保沒有疏漏。
★《中時新聞網》提醒您：因應新冠肺炎疫情疾管署持續加強疫情監測與邊境管制措施 如有疑似症狀請撥打：1922專線或 0800-001922 並依指示配戴口罩儘速就醫同時主動告知醫師旅遊史及接觸史以利及時診斷及通報。</t>
  </si>
  <si>
    <t>侯友宜持續住戶個案陰性大樓關係陽性pcr幼稚園感染疫情工人裝修今日目前接觸</t>
  </si>
  <si>
    <t>幼兒園裝修工人確診板橋新冠肺炎</t>
  </si>
  <si>
    <t>板橋確診工人裝修幼稚園肺炎</t>
  </si>
  <si>
    <t>陳時中感染院內</t>
  </si>
  <si>
    <t>國內一名北部50多歲婦女確診新冠肺炎後3名護理師、1名清潔人員也接續確診。中央流行疫情指揮中心指揮官陳時中表示目前仍在釐清誰傳誰因清潔工19日就出現症狀可能為院外染疫上班時傳染予護理人員及婦女也</t>
  </si>
  <si>
    <t>確診婦女上班院外可能症狀出現清潔工傳染清誰目前表示陳時中指揮官中心護理指揮肺炎疫情</t>
  </si>
  <si>
    <t>國內一名北部50多歲婦女確診新冠肺炎後3名護理師、1名清潔人員也接續確診。中央流行疫情指揮中心指揮官陳時中表示目前仍在釐清誰傳誰因清潔工19日就出現症狀可能為院外染疫上班時傳染予護理人員及婦女也不排除是倒過來的情況目前仍在釐清中。
案34北部婦女2月14日因低血糖、全身倦怠就醫並收治住院當時無呼吸道症狀。婦女21日出現咳嗽、喉嚨痛及發燒26日診斷有肺炎情形。平時待在家中未外出無國外旅遊史。
因清潔工19日就出現症狀比案34的21日更早陳時中表示可能是清潔工院外染疫上班時傳染予護理人員及婦女但也不排除是倒過來的情況目前仍在釐清中。</t>
  </si>
  <si>
    <t>婦女清潔工肺炎出現症狀確診目前陳時中表示可能北部院外上班平時人員接續護理</t>
  </si>
  <si>
    <t>新冠肺炎武漢肺炎新型冠狀病毒台灣婦女</t>
  </si>
  <si>
    <t>肺炎武漢冠狀病毒臺灣婦女</t>
  </si>
  <si>
    <t>突破性感染返台bnt接種確診</t>
  </si>
  <si>
    <t>中央流行疫情指揮中心今公佈新增2例境外移入個案其中案16458為美國入境的20多歲女性曾接種3劑BNT疫苗仍確診屬於突破性感染Ct值36。疫情指揮中心發言人莊人祥表示此美國境外移入個案已於9月10日完成第3劑BN</t>
  </si>
  <si>
    <t>中心指揮境外美國個案疫情疫苗確診bnt屬於突破性接種感染女性ct入境公佈新增發言人莊人祥表示已於</t>
  </si>
  <si>
    <t>中央流行疫情指揮中心今公佈新增2例境外移入個案其中案16458為美國入境的20多歲女性曾接種3劑BNT疫苗仍確診屬於突破性感染Ct值36。
疫情指揮中心發言人莊人祥表示此美國境外移入個案已於9月10日完成第3劑BNT接種；第1劑和第2劑相隔約21天但第2劑和第3劑僅相隔1個月。
指揮中心說明案16458為本國籍20多歲女性10月6日持搭機前3日內檢驗陰性報告自美國返臺於機場採檢陰性後至防疫旅館居家檢疫10月17日自覺房間空調較冷有出現咳嗽症狀10月19日進行檢疫期滿前採檢於今日確診；衛生單位共匡列接觸者1人列自我健康監測。
過去國內也曾出現接種3劑疫苗的境外移入個案（案16113）混打1劑AZ加2劑BNT仍染疫但由於第3劑接種後未滿14天屬於接種2劑疫苗的突破性感染。
指揮中心醫療應變組副組長羅一鈞補充先前也曾有3例境外移入個案皆已施打3劑BNT仍染疫。</t>
  </si>
  <si>
    <t>中心接種指揮bnt美國境外個案疫苗出現確診檢疫陰性女性感染突破性疫情屬於</t>
  </si>
  <si>
    <t>輝瑞／BNT突破性感染境外移入個案新冠肺炎新冠疫苗</t>
  </si>
  <si>
    <t>境外感染個案突破性肺炎bnt輝瑞疫苗</t>
  </si>
  <si>
    <t>躍進觀光</t>
  </si>
  <si>
    <t>連鎖餐飲集團雅茗-KY（2726）隨著中國大陸4月逐步解封2020年第二季營運穀底回升、已接近損平目標每股虧損013元。隨著6月營運已顯著轉盈配合下半年旺季商業活動復甦、展店佈局效益顯現公司看好第三季營運可</t>
  </si>
  <si>
    <t>營運-ky佈局展店復蘇商業活動效益公司旺季下半年顯現配合中國大陸顯著解封逐步穀底接近回升</t>
  </si>
  <si>
    <t>連鎖餐飲集團雅茗-KY（2726）隨著中國大陸4月逐步解封2020年第二季營運穀底回升、已接近損平目標每股虧損013元。隨著6月營運已顯著轉盈配合下半年旺季商業活動復甦、展店佈局效益顯現公司看好第三季營運可望轉盈、力拚獲利大躍進。
雅茗2020年第二季合併營收344億元季增2448％、年減3785％自首季穀底回升。毛利率升至516％、創近1年高點營益率負0005％、已顯著回升至接近損平目標。歸屬母公司稅後虧損451萬元、每股虧損013元虧損幅度較首季減少9155％。
不過累計雅茗上半年合併營收621億元、年減4371％仍創同期新低。毛利率4851％、營益率負898％分創同期次低及新低本業首見同期虧損。歸屬母公司稅後虧損5792萬元、每股虧損162元亦創同期新低、為同期首見虧損。
雅茗表示上半年受新冠肺炎疫情幹擾營運於首季落底4月起已見逐步復甦並於6月恢復轉虧為盈、單月獲利逾1200萬元使第二季營運達成接近損平目標。隨著影響逐步淡化、營收表現持續回升公司對下半年營運及全年獲利表現仍有相當信心。
雅茗今年營運訂定擴大展店、國際合盟、投資併購3箭發展策略其中展店聚焦中國大陸、北美與亞太市場。目前在中國大陸已有超過1千店由於市場發展潛力仍大公司持續加速展店計畫以「擴大一二線城市、進攻三四線城市」策略佈局目標每年展出500家店。
雅茗指出3月起已有超過250家加盟商繳交意向金、加盟金展店步伐不受疫情影響。上半年除了外送業績持續成長也透過與網紅合作打造新營銷模式、進行線上線下整合聚焦90後、00後消費族群盼讓「快樂檸檬」品牌成為年輕人消費首選。
北美市場方面雅茗表示「快樂檸檬」維持品牌優勢及競爭力除在蘋果總部、亞馬遜西雅圖總部設點外上半年已陸續在西雅圖、舊金山、聖地牙哥、波特蘭、丹佛等城市開出新店並新簽德州休士頓、達拉斯和芝加哥區域開發商預計下半年展店速度將加快。
至於亞太市場佈局雅茗則鎖定重點國家挑選優質區域代理商進行合資合盟以將加盟創業平臺效益發揮到極致。今年已在日本、馬來西亞、印尼3國有合資合盟成果明年規畫朝菲律賓、澳洲進軍希望在建立合資合盟關係後3年內在各市場可開出100家店。
投資併購方面雅茗5月投資台灣知名茶飲品牌「可不可熟成紅茶」由於營運未受疫情影響上半年繳出亮眼成績開始貢獻集團獲利。「可不可」今年店數預計可超過200家對第三季獲利貢獻將更明顯下半年待疫情減緩後亦將準備透過雅茗平臺佈局海外市場。
投顧法人指出雅茗去年啟動品牌調整營運聚焦「快樂檸檬」發展連鎖平臺。受疫情影響今年大幅縮編餐食品牌與日本京王集團合資的「遊香食樂」門市已全數歇業、獲上海米其林餐盤推薦的西班牙餐酒館「alma」上海2店亦關閉僅保留去年底開業的臺北店。
為分散營運集中風險雅茗目標明年將非中國大陸市場營收貢獻提升至3成中國大陸展店步伐亦持續。由於疫情致使業務自4月起才開始推動新展店效益直至6月才逐漸顯現預期第三季營運恢復動能可望顯著轉強策略調整效應可望帶動明年營運顯著躍進。</t>
  </si>
  <si>
    <t>營運市場疫情展店上半年獲利今年持續合資下半年大陸中國目標佈局影響虧損</t>
  </si>
  <si>
    <t>雅茗雅茗-KY營收毛利率營益率</t>
  </si>
  <si>
    <t>陽臺報警口罩蕭郎</t>
  </si>
  <si>
    <t>各式各樣的檢舉魔人、正義魔人相當多但有時行為實在矯枉過正。一名網友分享老婆抱小孩站在自家陽台看風景因認為是在自家所以沒戴口罩豈料竟有一名站在路邊、同樣沒戴口罩的陌生女子吼叫「還不抱進去嗎？</t>
  </si>
  <si>
    <t>口罩有時行為實在矯枉過正網友女子分享陌生相當老婆小孩陽臺正義風景吼叫認為同樣豈料路邊</t>
  </si>
  <si>
    <t>各式各樣的檢舉魔人、正義魔人相當多但有時行為實在矯枉過正。一名網友分享老婆抱小孩站在自家陽台看風景因認為是在自家所以沒戴口罩豈料竟有一名站在路邊、同樣沒戴口罩的陌生女子吼叫「還不抱進去嗎？我要報警了」讓網友與妻子相當傻眼。
「想請問各位⋯在自家陽台需要戴口罩嗎？」一名網友在臉書社團《爆料公社公開版》發文表示因為疫情關係所以都沒帶小孩外出下午老婆抱小孩在陽台看風景老婆沒戴口罩。誰知一名也沒戴口罩的女子帥氣的站在對面大喊；「你還不抱進去嗎？我要報警了」。
原PO表示老婆一聽整個傻眼快速抱小孩進屋但原PO無奈表示：「小姐你沒戴口罩啊我老婆腳踩我家你腳踩外面路上」。
對此眾多網友回應：「我會直接回他哩洗咧靠北膩」、「那女的是防疫破格陽台屬於家中的私人土地又不是公共場所真的是歹年當搞蕭郎自己在外沒戴口罩還敢講別人」、「腦子有洞的人真的不少那女的才是真正的腦子破洞的防疫破口」、「現在真的一堆正義魔人前幾天我在修剪我家的樹結果某位大姐也是隔著圍牆叫我要戴口罩……傻眼我在我家院子剪我家的樹有犯了那條」。</t>
  </si>
  <si>
    <t>口罩網友老婆陽臺我家傻眼表示小孩防疫相當po正義腦子女子抱進去</t>
  </si>
  <si>
    <t>新冠肺炎台灣沒戴口罩陽台報警</t>
  </si>
  <si>
    <t>臺灣肺炎口罩陽臺報警</t>
  </si>
  <si>
    <t>媒體診所莫德納漏洞兜售牟利</t>
  </si>
  <si>
    <t>不少民眾仍在苦等第二劑莫德納疫苗今傳出網路上有民眾以一劑6000元的價格兜售莫德納施打地點在臺北萬華區某診所。對此北市衛生局表示正在進行調查預計下午說明調查結果。有民眾發現網友在社群平臺發文</t>
  </si>
  <si>
    <t>民眾莫德納發現表示衛生局正在進行調查北市對此調查結果診所預計說明華區下午臺北地點疫苗施打傳出兜售網路上價格網友平臺</t>
  </si>
  <si>
    <t>不少民眾仍在苦等第二劑莫德納疫苗今傳出網路上有民眾以一劑6000元的價格兜售莫德納施打地點在臺北萬華區某診所。對此北市衛生局表示正在進行調查預計下午說明調查結果。
有民眾發現網友在社群平臺發文聲稱可以提供莫德納疫苗無論是第一劑或是打滿10周要接種第二劑的人都可以向他聯繫還傳出對方有說出是萬華區的某家診所。
對此北市衛生局疾管科科長張惠美表示已處理調查釐清目前有些片段資料但要依照事實判定瞭解為診所或是該名網友違反規定再進行裁罰預計下午說明調查結果。
媒體人黃揚明於臉書表示他9月10日就曾在政論節目上預警過臺北市有不肖診所出價兜售莫德納疫苗前幾天還為此被臺北市衛生局發函約談到案約談時提及《傳染病防治法》、《嚴重特殊傳染性肺炎防治及紓困振興特別條例》散佈假消息的相關規定認為他散佈假消息要移送偵辦。
他指出過去近2個月莫德納疫苗奇貨可居診所若被分配疫苗時自然可用「殘劑」做人情甚至牟暴利；他的一位師長稱去打疫苗時「針劑是事先抽好從大冰櫃中拿出來的並非當場從小瓶抽出施打的。」是否可能有診所在早期配獲疫苗時預先每瓶先抽出一劑冷藏保存當「殘劑」運用？
黃揚明認為殺頭生意有人做如果賺錢是人性而診所負責人就可以擁有誰可以登記殘劑的權力時自然就會發生此類惡質牟利事件。
黃揚明表示今天又有百萬莫德納到貨近日就要分配我建議登記量大、到貨量不足的熱門疫苗莫德納指揮中心應自即日起改變配發策略只送大醫院和集中接種站不該讓診所利用制度漏洞繼續牟利。</t>
  </si>
  <si>
    <t>診所疫苗莫德納表示可以民眾接種黃揚明網友傳出調查抽出認為施打到貨自然兜售進行散佈</t>
  </si>
  <si>
    <t>新冠肺炎台灣診所莫德納黃揚明</t>
  </si>
  <si>
    <t>肺炎診所臺灣莫德納黃揚明</t>
  </si>
  <si>
    <t>支付電子出門防疫激增</t>
  </si>
  <si>
    <t>新冠肺炎防疫期間民眾減少出門改在線上採購民生用品、處方藥、有聲書或電影消費者對數位付款服務需求激增。產業分析師指出許多電子付款業者啟動因應季節性線上購物需求揚升的應變計畫例如黑色星期五或是透</t>
  </si>
  <si>
    <t>需求付款期間民眾減少應變計出門揚升改在防疫購物採購方藥例如民生用品有聲書電影消費者數位指出電子服務激增分析產業</t>
  </si>
  <si>
    <t>付款處理交易需求全球宣佈公司銀行服務突然購物研究防疫paypal電子指出業者激增肺炎避免國家畫質串流</t>
  </si>
  <si>
    <t>肺炎電子付款PayPal激增交易</t>
  </si>
  <si>
    <t>付款電子激增paypal交易肺炎</t>
  </si>
  <si>
    <t>達到日本衛生署長月底曙光病例看見位數疫情</t>
  </si>
  <si>
    <t>新冠肺炎疫情升溫、全台至5月28日前皆為第三級警戒是否能在28日解除第三級警戒引發各界關注對此曾任衛生署長的前嘉義市長塗醒哲認為從每日發病日統計的疫情流行圖來看他可以很有信心的說這波疫情已得</t>
  </si>
  <si>
    <t>疫情警戒升溫信心全台日前可以來看衛生署長對此嘉義曾任流行引發關注市長塗醒哲統計認為發病是否</t>
  </si>
  <si>
    <t>發病疫情已經塗醒哲警戒流行可以明顯效果病例認為防疫以下減少分析潛伏期看到未來資料</t>
  </si>
  <si>
    <t>發病日疫情塗醒哲台灣新冠肺炎</t>
  </si>
  <si>
    <t>塗醒哲臺灣疫情發病肺炎</t>
  </si>
  <si>
    <t>銀彈超越亟需防疫蕭條新高歐盟取消失業率預算赤字上限</t>
  </si>
  <si>
    <t>新冠肺炎疫情蔓延全球各國經濟活動大規模停擺國際貨幣基金組織（IMF）昨警告說今年全球經濟將陷入負成長衰退程度甚至超過2008年金融海嘯時期。經濟學家認為疫情對全球經濟衝擊堪比1930年代的大蕭條。面對</t>
  </si>
  <si>
    <t>經濟全球疫情衝擊蔓延甚至超過金融程度衰退海嘯成長時期imf認為經濟學家國際貨幣基金組織陷入活動今年警告年代</t>
  </si>
  <si>
    <t>新冠肺炎疫情蔓延全球各國經濟活動大規模停擺國際貨幣基金組織（IMF）昨警告說今年全球經濟將陷入負成長衰退程度甚至超過2008年金融海嘯時期。
經濟學家認為疫情對全球經濟衝擊堪比1930年代的大蕭條。面對境內慘重疫情歐盟已取消預算赤字不得逾GDP3％規定要讓成員國可盡情砸錢防疫。
遏制病毒 愈快愈有助經濟復甦
全球主要金融機構組成的「國際金融協會」（IIF）昨發布預測稱今年全球實質經濟成長率為負15％將是金融海嘯後隔11年出現負成長。
美、歐、日將同時陷負成長分別跌至負28％、負47％（歐元區）及負26％；中、印也將大幅減速至28％和29％。
IMF總裁格奧爾基耶娃昨表示今年全球經濟衰退程度至少與2008金融海嘯時期相當甚至更嚴重。預料2021年全球經濟有望復甦她說各國應優先實施防控並強化衛生系統病毒遏制越快經濟復甦才會越快越強。
隨著美國愈來愈多州份實施強制居家令經濟學家估計今年美國將流失逾500萬職缺經濟產出蒸發15兆美元。競逐連任的川普總統對經濟停頓的憂慮似更甚於疫情本身稱「經濟與生命同樣脆弱」持續停頓或許還比疫情更致命。
白宮研議 放寬社交距離救失業
川普已在想盡快恢復經濟活動以免衍生成長期問題。據美媒報導白宮正討論最快下周放寬社交距離指導方針以提振受全國性失業加劇困擾的經濟。根據預測美國失業率可能在第二季飆升至30％超越1930年代大蕭條時期的歷史高位（249％）
另歐盟27國財長昨舉行視訊會議會上通過歐盟執委會建議停止執行《穩定與成長協定》此為協定1998年生效以來頭一遭意味歐盟成員國不再受預算赤字不得超過GDP3％規定限制有更大空間推出財政措施對抗疫情影響。</t>
  </si>
  <si>
    <t>經濟全球疫情歐盟成長今年美國時期復蘇金融海嘯白宮實施成員國失業預測川普停頓活動經濟學家</t>
  </si>
  <si>
    <t>負成長美國大蕭條預算赤字全球經濟</t>
  </si>
  <si>
    <t>蕭條美國預算赤字全球成長經濟</t>
  </si>
  <si>
    <t>發病回台確診境外新增</t>
  </si>
  <si>
    <t>中央流行疫情指揮中心發言人莊人祥表示今天新增一例境外移入病例為法國返臺本國籍20多歲女性今(2020)年9月6日獨自返國。指揮中心表示個案於8月30日出現頭痛、肌肉痠痛等症狀曾於法國當地就醫並診斷為流感</t>
  </si>
  <si>
    <t>法國表示中心指揮曾于症狀酸痛發言人肌肉莊人祥病例頭痛新增今天境外臺本出現國籍女性個案獨自返國當地就醫</t>
  </si>
  <si>
    <t>中央流行疫情指揮中心發言人莊人祥表示今天新增一例境外移入病例為法國返臺本國籍20多歲女性今(2020)年9月6日獨自返國。
指揮中心表示個案於8月30日出現頭痛、肌肉痠痛等症狀曾於法國當地就醫並診斷為流感經服藥後症狀改善。個案9月6日返國入境時因流鼻水症狀主動向機場檢疫人員通報經安排採檢後前往集中檢疫所於今日確診目前住院隔離治療中。
指揮中心指出個案於搭機期間及入境後均有佩戴口罩衛生單位已掌握個案同班機接觸者共32人其中前後二排座位旅客21人列為居家隔離對象機組員11人因全程有適當防護列為自主健康管理對象。
指揮中心統計國內截至目前累計88748例新型冠狀病毒肺炎相關通報(含87674例排除)其中495例確診分別為403例境外移入病例55例本土病例36例敦睦艦隊及1例不明。確診個案中7人死亡、475人解除隔離、13人住院隔離中。</t>
  </si>
  <si>
    <t>個案中心指揮症狀確診隔離列為法國目前通報入境表示返國病例境外住院掌握病毒人員安排</t>
  </si>
  <si>
    <t>論壇反思健康肺炎未來</t>
  </si>
  <si>
    <t>工商時報與南僑集團及太田水素工坊生技（股）公司暨歐立得科技有限公司和社團法人台灣醫務管理學會將於7月24日下午1：30（1：00入場）在中華經濟研究院國際廳隆重舉辦新冠肺炎（COVID-19）高峰論壇邀請科技部長到</t>
  </si>
  <si>
    <t>臺灣國際防疫大學使用反思醫療衛生健康covid-監控有限公司醫學院科技發展肺炎報告座談邀請社會教授病毒傳播手機流行病</t>
  </si>
  <si>
    <t>座談反思肺炎台灣報告</t>
  </si>
  <si>
    <t>肺炎報告反思座談臺灣</t>
  </si>
  <si>
    <t>北美體育寸草不生</t>
  </si>
  <si>
    <t>隨著美國疾管中心(CDC)增大防備新冠疫情的力道北美體育聯盟幾乎躺平原打算咬牙死撐的終極格鬥聯盟UFC也棄守了！上週末他們在巴西打閉門比賽遭網友批評愚蠢總裁懷特(Dana White)本周改口「無限期停賽」。職業</t>
  </si>
  <si>
    <t>聯盟white中心danacdc懷特增大總裁防備愚蠢批評網友改口比賽閉門疫情巴西力道北美上週末體育棄守</t>
  </si>
  <si>
    <t>隨著美國疾管中心(CDC)增大防備新冠疫情的力道北美體育聯盟幾乎躺平原打算咬牙死撐的終極格鬥聯盟UFC也棄守了！上週末他們在巴西打閉門比賽遭網友批評愚蠢總裁懷特(Dana White)本周改口「無限期停賽」。
職業摔角WWE則是不到最後一刻絕不屈服他們4月6日的第36屆摔角狂熱大賽(WrestleMania 36)預定如期舉行。摔角狂熱的群聚是很可怕的去年82萬人買票進場賽事長達75小時。今年觀眾數歸零移師訓練中心閉門舉行。
摔角狂熱大賽自1985年至今都沒有中斷每年在舉辦城市帶來消費人潮。WWE締造過多項紀錄1987年創下北美室內最多觀眾(93萬人 後來被NBA明星賽打破)他們的旗艦秀RAW是美國史上最長命的每週電視直播秀(始於1993年1月 累積1399集)。</t>
  </si>
  <si>
    <t>狂熱聯盟中心閉門北美wwe觀眾美國大賽總裁愚蠢懷特danawhite批評網友增大比賽終極格鬥</t>
  </si>
  <si>
    <t>UFC格鬥MMA綜合格鬥摔角狂熱</t>
  </si>
  <si>
    <t>格鬥綜合mma狂熱ufc</t>
  </si>
  <si>
    <t>出現確診首例明州肺炎攻陷</t>
  </si>
  <si>
    <t>美國有線電視新聞網（CNN）報導當地時間11日美國懷俄明州衛生部發佈消息該州出現新冠肺炎確診首例。包括懷俄明州在內美國目前已有44州出現疫情。此外美國首都華盛頓哥倫比亞特區也已出現新冠肺炎感染病例</t>
  </si>
  <si>
    <t>美國出現明州肺炎時間當地疫情首都包括首例哥倫比亞特區確診目前消息衛生部報導華盛頓cnn感染</t>
  </si>
  <si>
    <t>美國有線電視新聞網（CNN）報導當地時間11日美國懷俄明州衛生部發佈消息該州出現新冠肺炎確診首例。包括懷俄明州在內美國目前已有44州出現疫情。
此外美國首都華盛頓哥倫比亞特區也已出現新冠肺炎感染病例。據美國約翰霍普金斯大學發佈的統計資料截至目前美國累計確診已超過1300例。</t>
  </si>
  <si>
    <t>美國出現確診目前明州肺炎時間當地累計疫情首都約翰霍普金斯大學哥倫比亞特區病例包括首例感染衛生部消息報導統計資料</t>
  </si>
  <si>
    <t>美國新冠肺炎新冠肺炎懷俄明州</t>
  </si>
  <si>
    <t>肺炎明州美國</t>
  </si>
  <si>
    <t>樂觀下半年展望超眾</t>
  </si>
  <si>
    <t>超眾（6230）今年開春業績雖受新冠肺炎打壓致1、2月營收落在低檔不過邁入第二季之後因居家上班帶動NB換機潮挹注推升第二季營收順利創下歷史新高。展望下半年第三、四季目前看法仍很正向「趨勢還是呈成長</t>
  </si>
  <si>
    <t>趨勢正向看法目前四季下半年肺炎展望帶動nb上班居家之後</t>
  </si>
  <si>
    <t>超眾（6230）今年開春業績雖受新冠肺炎打壓致1、2月營收落在低檔不過邁入第二季之後因居家上班帶動NB換機潮挹注推升第二季營收順利創下歷史新高。展望下半年第三、四季目前看法仍很正向「趨勢還是呈成長軸線」。
看好未來營運成長超眾擴產動能全開除既有的昆山、重慶廠產能提升已陸續到位新投資的越南廠建廠作業仍在持續進行中廠房預定今年底完成明年上半年應有營收挹注超眾副總經理林志仁表示新投入的產能將可以提供公司未來3至10年持續成長的動力就資本支出言之今年上半年已達39億元已逼近去年全年的4億多元不光今年投資額會增加在可預見的未來也會持續增加。
其中昆山廠擴產以手機VC為主主攻的是第二代手機用熱板重慶廠則以NB散熱模組、熱板及熱管為主要擴產項目；越南新廠則會先由較易入手的模組組裝切入至於熱管或熱板則由公司其他廠區供應。
也因為看好超眾未來成長的潛力母公司日電產持續增加超眾的持股截至今年8月17日止持股比例已達到6271％林志仁強調未來日電產仍會持續增持不過「增持沒有一定的目標和節奏」。
受到新冠肺炎啟動的居家辦公潮帶動超眾第二季來自NB的營收佔比明顯激增來到49％明顯高於首季的37％雖然上半年期較較高但受惠於下半年為筆電傳統旺季再加上返校商機以及暑假需求都還不錯第三季NB佔比雖不致超出第二季但仍將維持在高檔手機至少會回到和去年相當的水準表現應會比今年第二季好網通部分因超眾在基地台的佈局還沒有明顯的進度制裁華為對超眾幾乎零影響此部分預估下半年仍會成長伺服器部分目前接單仍是以品牌客戶為主現客戶端看起來也很正向另桌上型電腦部分表現也有機會比第二季好在NB以外的各產品線業績溫和往上的狀況下預期第三季各產品的佔比應該會更均勻。
林志仁指出超眾比較希望可以做到「至少有三支腳」不要像第二季一樣光筆電的營收佔比就佔掉了近五成「這樣才會更健康、更穩定」。</t>
  </si>
  <si>
    <t>超眾今年成長持續nb部分上半年占比未來擴產下半年明顯熱板手機</t>
  </si>
  <si>
    <t>成長超眾肺炎林志仁熱板</t>
  </si>
  <si>
    <t>成長超眾肺炎熱板林志仁</t>
  </si>
  <si>
    <t>逆風獲利導體續揚</t>
  </si>
  <si>
    <t>同欣電（6271）2020年首季營收表現符合預期公司原對第二季樂觀看待但因疫情造成菲律賓廠短暫關廠影響短期營收動能投顧法人預期第二季營收恐較首季衰退但看好產品組合轉佳可望帶動毛利率提升抵銷營收下滑</t>
  </si>
  <si>
    <t>預期首季提升毛利率可望帶動產品組合看好疫情造成看待菲律賓樂觀衰退原對短暫關廠影響公司表現季營動能</t>
  </si>
  <si>
    <t>同欣電（6271）2020年首季營收表現符合預期公司原對第二季樂觀看待但因疫情造成菲律賓廠短暫關廠影響短期營收動能投顧法人預期第二季營收恐較首季衰退但看好產品組合轉佳可望帶動毛利率提升抵銷營收下滑負面影響獲利仍有望達成市場預期。
同欣電近期股價走勢轉弱今（22）日開低走跌一度下跌419％至103元盤中維持近25％跌幅在封測族群中表現偏弱。三大法人近期賣超力道擴大上周合計賣超2782張本周迄今賣超亦達2617張。
同欣電2020年3月自結合併營收68億元月增622％、年增達2422％。累計首季合併營收1953億元雖季減637％、仍年增達2092％改寫同期新高表現符合公司預期。展望後市公司3月23日線上法說時表示對第二季營運展望樂觀看待。
不過由於菲律賓政府因應新冠肺炎疫情實施封城與檢疫隔離政策同欣電菲律賓廠被迫於3月26日到4月12日關廠。該廠主要生產陶瓷基板及混合積體電路模組的微機電（MEMS）壓力感測器對公司營收貢獻達約25％。
投顧法人指出同欣電菲律賓廠已在13日復工但目前返工率僅達30～35％預估將影響4月營收達約20％。展望第二季雖然影像產品訂單持續強勁但陶瓷基板需求不明朗加上疫情幹擾供需預期同欣電第二季營收將較首季衰退低於市場預期。
不過雖然第二季營收有下滑風險但投顧法人認為隨著影像產品貢獻增加、MEMS壓力感測器貢獻下降產品組合轉佳有助於毛利率提升足以抵銷營收下滑對毛利率的負面影響預期第二季獲利表現仍可望達成市場預期。</t>
  </si>
  <si>
    <t>預期表現法人疫情公司展望首季菲律賓貢獻下滑季營市場近期</t>
  </si>
  <si>
    <t>同欣電營運展望股價菲律賓</t>
  </si>
  <si>
    <t>股價營運展望菲律賓</t>
  </si>
  <si>
    <t>朱立倫心頭優先政府紓困農會漁民</t>
  </si>
  <si>
    <t>行政院推動紓困方案基層農漁會卻指未被紓困轟政府軟土深掘；前國民黨主席朱立倫指出農漁民的工作型態就是自主營運卻被政府排除在「自營作業者或無一定雇主」範圍外無法領取3萬元現金補助加上漁工薪資、</t>
  </si>
  <si>
    <t>政府紓困補助現金領取無法範圍加上雇主一定基層作業者自營主席朱立倫指出國民黨排除漁民工作型態</t>
  </si>
  <si>
    <t>行政院推動紓困方案基層農漁會卻指未被紓困轟政府軟土深掘；前國民黨主席朱立倫指出農漁民的工作型態就是自主營運卻被政府排除在「自營作業者或無一定雇主」範圍外無法領取3萬元現金補助加上漁工薪資、家庭負擔即將面臨斷炊呼籲政府將其列入優先紓困。
朱立倫今在臉書發文「台灣早安」經濟專題PO出他與立委洪孟楷走訪新北市石門區富基漁港農漁會及魚市場攤商都反映疫情衝擊太大。
他說農漁產品出口今年3月份比去年同期衰退兩成；其中水產品出口金額衰退達262％海鮮餐廳、魚市場業績下降九成整個海鮮市場影響很重；休閒農場、漁場業績直接降到一成。
朱立倫針對四個項目提建議盼減低衝擊包括因應農漁會營業收入減少補助農業推廣費用；農漁民難以證明自主營運收入無法申請紓困政府應盡快訂定方法協助；休閒觀光農、漁業沒有明確補助辦法；因預期心理造成搶購肥料、農藥以致短缺要事先協調、配給以免恐慌。
目前紓困民眾僅90萬人佔全台灣民眾不到4％總金額只佔紓困總金額不到一成。朱立倫說目前紓困方案政府預計給300萬人但實情是全台灣包括中小企業、出口外銷、勞工、農漁民將近8成民眾受到輕重不一的影響政府至少應拿整體紓困規模的兩成（2100億）照顧受到衝擊民眾尤其「農漁民是台灣最草根的力量」無論如何都要全力相挺應列為優先紓困對象。
石門農會總幹事李昌烈表示照顧基層不能翻臉不認人過去開口說「我們是心頭最軟的一塊肉」現在是軟土深掘；他希望降低營業稅、中央存保農會信用部稅率也應該一併調整。金山漁會常務監事簡銀柱也說「政府不要把農漁民當作憨人！」、「這樣（不補助）對農漁民能交代嗎？」
金山漁會總幹事朱麗鑾說政府3萬元紓困排除漁會會員只限定職業工會但漁民也是「自營作業者或無一定雇主」一定要被公平對待。</t>
  </si>
  <si>
    <t>紓困政府漁民漁會補助朱立倫臺灣民眾衝擊出口市場休閒農會石門基層無法照顧影響包括</t>
  </si>
  <si>
    <t>紓困農漁民朱立倫洪孟楷富基漁港</t>
  </si>
  <si>
    <t>朱立倫洪孟楷漁民紓困漁港</t>
  </si>
  <si>
    <t>關係美德元首冷淡</t>
  </si>
  <si>
    <t>美國總統川普欲藉由在華盛頓舉行七大工業國（G7）峰會向外界宣示生活已經回歸正軌但德國總理梅克爾婉拒出席川普對此大為光火凸顯雙方關係不睦。■Angela Merkel&amp;apos;s refusal to accept Donald Trump&amp;apos;s invitati</t>
  </si>
  <si>
    <t>川普refusalmerkel&amp;aposangela華盛頓七大舉行工業國關係雙方峰會外界宣示凸顯生活已經光火回歸正軌大為對此德國總理梅克爾出席婉拒</t>
  </si>
  <si>
    <t>美國總統川普欲藉由在華盛頓舉行七大工業國（G7）峰會向外界宣示生活已經回歸正軌但德國總理梅克爾婉拒出席川普對此大為光火凸顯雙方關係不睦。
■Angela Merkel&amp;apos;s refusal to accept Donald Trump&amp;apos;s invitation is the latest in a long line of examples of the difficult relationship between the two leaders
德國總理梅克爾以新冠肺炎疫情仍在蔓延為由婉拒出席6月底在華盛頓舉行的七大工業國（G7）峰會梅克爾回絕美國總統川普的邀請迫使川普將峰會延後到9月以後是兩國領袖關係冷淡的最新案例。
德國政府發言人賽伯特（Steffen Seibert）表示「梅克爾總理感謝川普總統的邀請然而考量整體疫情狀況總理無法贊同到華盛頓參加G7峰會。此外梅克爾總理將持續監控疫情。」
川普屢屢批評德國
2020年的G7輪值主席川普亟欲希望讓G7峰會在華盛頓召開藉此象徵生活已經從新冠肺炎危機回歸正常同時為年底的總統大選做宣傳。無奈梅克爾婉拒出席擾亂川普的計畫。
梅克爾謝絕川普的邀請再次凸顯兩國領袖關係冷淡雙方歧見日深。川普屢屢批評德國甚至是梅克爾從德國的貿易盈餘再到國防預算和對北約（NATO）的承諾。川普甚至揚言要對德國汽車加徵關稅並指控德國操縱貨幣。
在此同時梅克爾在諸多議題也與川普意見相左像是氣候變化以及伊朗核協議等。
據匿名的美國資深官員透露川普與梅克爾在5月底通話兩人在多項議題看法分歧包括北約連接俄羅斯與德國的北溪天然氣2號管線（Nord Stream 2）以及與中國的關係等。
基於新冠肺炎疫情考量川普在3月取消G7峰會當時表示將改用視訊會議取代。不過川普5月底透露他可能在9月或之後重新舉行峰會並擴大邀請俄羅斯、韓國、澳洲和印度參加。但英國與加拿大均已表達反對俄羅斯加入峰會。
川普希望G7峰會成為揮別封城和旅遊禁令的指標性時刻藉此宣告生活回歸「正常化」。梅克爾無意赴華盛頓與會擾亂川普的如意算盤川普對此大為光火。消息人士表示川普與法國總統馬克宏通話時還帶著怒氣。
梅克爾打亂川普算盤
科學家出身的梅克爾認為新冠肺炎病毒還在擴散6月舉行大型集會依然太早而且專家也建議即便經濟開始解封但仍需要保持警戒和社交距離。
熟知內情人士表示梅克爾除了婉謝G7峰會也反對歐盟領袖6月19日親赴布魯塞爾召開峰會她認為7月之前都不宜舉行實體會議。
歐盟官員表示梅克爾無意赴華盛頓主要因疫情考量但歐洲的G7領袖也擔心川普可能只是想在大選年創造與G7領袖拍照的機會並向外界宣示生活已重返正軌而這一切全都是他的功勞。
歐洲領袖擔心出席可能變成為川普抬轎不是沒有原因的隨著峰會召開在即卻不見以往的會前準備工作包括詳細的議程討論和協商正式結論等。鑑於川普在諸多議題與世界領袖分歧特別是是貿易和氣候變遷達成結論勢必難上加難。
梅克爾表示在其他國家和地區享有高速經濟成長和影響力增加的同時美國逐漸對歐洲失去興趣歐洲需要負起更多責任解決歐美關係緊繃的問題。</t>
  </si>
  <si>
    <t>川普梅克爾峰會表示領袖關係德國舉行華盛頓疫情邀請生活出席美國肺炎歐洲the俄羅斯召開回歸議題總統月底總理</t>
  </si>
  <si>
    <t>峰會華盛頓川普肺炎疫情</t>
  </si>
  <si>
    <t>疫情肺炎華盛頓川普峰會</t>
  </si>
  <si>
    <t>胡錫進總編說話忽視確診夫婦疫情付出代價川普</t>
  </si>
  <si>
    <t>美國總統川普剛結束首場總統大選辯論後接連搭機趕場造勢行程不過他的親近幕僚希克斯（Hope Hicks）辯論後與川普搭上同班機經檢測已確診新冠肺炎；目前仍在等待檢測結果的川普也宣佈已開始進行隔離程式。隨後川普在推特上表示他與第一夫人皆已確診。《環球時報》總編輯胡錫進表示這不僅反映了美國疫情的嚴重程度川普一家更為自己長期忽視疫情、防護不足付出了代價。
胡錫進在《新浪微博》發文寫道：「特朗普剛剛發推特說他和夫人梅拉尼婭新冠測試結果為陽性他們將立即隔離並一起渡過難關。這個消息令人遺憾它反映了美國新冠疫情的嚴重程度。」
胡錫進指出：「特朗普總統一直試圖淡化疫情對美國的衝擊和影響讓選民們忽視疫情的危害他自己也長期拒絕戴口罩防護不足。政治家這樣做在美國的體制下或許有某種無奈但它帶給美國社會的負面影響是顯而易見的。現在特朗普總統本人和第一家庭也付出了代價這肯定不能夠理解為總統與國民『同甘共苦』的表現。美國應該找到讓大家都更加安全的辦法。」
此外胡錫進也強調：「美國總統大選已經進入衝刺階段這件事對特朗普總統的選情應該是一個負面因素。無論如何希望特朗普總統和他的夫人能夠平安渡過這個難關也祝願全球所有感染了新冠肺炎的人平安。」</t>
  </si>
  <si>
    <t>美國總統川普特朗普胡錫進疫情夫人辯論總統大選隔離應該結果不足能夠代價付出表示防護忽視確診反映</t>
  </si>
  <si>
    <t>特朗普川普新冠肺炎胡錫進拜登</t>
  </si>
  <si>
    <t>肺炎胡錫進川普特朗普拜登</t>
  </si>
  <si>
    <t>無奈喜歡沉不住氣從沒全盤皆輸</t>
  </si>
  <si>
    <t>新冠肺炎疫情延燒之際日前的清明連假卻出現大批出遊潮這讓不少醫師感到擔憂指揮中心今日也稱這周日將會是關鍵。家醫科醫師吳承羲則透露「其實從進醫院開始我就沒喜歡過連假」因為伴隨而來的是塞爆急診與</t>
  </si>
  <si>
    <t>醫師之際日前伴隨清明連疫情喜歡醫院出現開始今日出遊其實周日透露指揮中心擔憂</t>
  </si>
  <si>
    <t>新冠肺炎疫情延燒之際日前的清明連假卻出現大批出遊潮這讓不少醫師感到擔憂指揮中心今日也稱這周日將會是關鍵。家醫科醫師吳承羲則透露「其實從進醫院開始我就沒喜歡過連假」因為伴隨而來的是塞爆急診與吃緊的人力。
吳承羲在臉書《東村誠醫師的診療室-Dr吳承羲》上發文指出他從進醫院開始就沒喜歡過連假一方面因為輪班的關係很多時候看的到休不到另一方面是連假伴隨而來的會是塞爆的急診、吃緊的人力。
由於這次清明連假適逢新冠肺炎疫情各大景點出現大批人潮使得指揮中心不得不發布簡訊警示民眾、加以管制吳承羲也認為不加以管制就很有可能成為破口雖然來得晚但還是有其必要。
吳承羲表示接下來要做的是亡羊補牢預防下一次連假的到來「五一因為剛好卡到星期五要取消是不太可能」不過可以建議公司用排休輪休方式提前或延後放端午節的話視情況取消彈性放假也可以。
另外吳承羲也提出一些可行的補助措施他說明例如國營、人潮眾多的景點例假日可實施總量管制、預先實名制登記制該措施也於武陵農場的櫻花季使用過一方面可控制人潮二來也可追朔旅遊史當然若是疫情嚴重就要考慮直接關閉。
最後吳承羲坦言這場戰役可能很長可能短時間內看不到終點。「但是現在放棄、沈不住氣的話就是全盤皆輸了」。</t>
  </si>
  <si>
    <t>吳承羲醫師人潮管制疫情可能出現取消措施承羲中心指揮景點清明連可以加以醫院</t>
  </si>
  <si>
    <t>民進透明隨時不能資訊打劫疫苗搶走</t>
  </si>
  <si>
    <t>民進黨團立法院黨團今召開記者會表示目前國際上疫苗短缺競爭激烈；台灣不能很清楚、透明地公開說什麼時間點疫苗進來及接種理由很簡單大家都在搶任何時候都可能被攔腰、攔路、打劫、搶走。民進黨團書記</t>
  </si>
  <si>
    <t>疫苗民進黨團攔路攔腰召開記者會表示目前國際打劫短缺理由接種競爭不能時間進來清楚激烈黨團臺灣公開透明可能時候</t>
  </si>
  <si>
    <t>民進黨團立法院黨團今召開記者會表示目前國際上疫苗短缺競爭激烈；台灣不能很清楚、透明地公開說什麼時間點疫苗進來及接種理由很簡單大家都在搶任何時候都可能被攔腰、攔路、打劫、搶走。
民進黨團書記長羅致政強調所以台灣在這方面非常的辛苦這也是為什麼在很多情況下必須等到疫苗上飛機離開地面後才敢對外公佈。
他說歐盟最近要提告AZ公司因他們訂3億劑疫苗只拿到3000萬劑據當時合約歐盟希望第一季能提供9000萬劑疫苗但AZ僅提供3000萬劑凸顯國際疫苗在生產速度以及供應延宕台灣就是在這種嚴重情況下爭取更多疫苗進口。
他說歐盟對AZ提告及指控理由之一就是歐盟訂那麼多貨AZ卻把疫苗先提供給訂量少、疫情相對沒那麼嚴重的國家。
他說歐盟這些國家在當地生產都拿不到台灣可以捷足先登拿到一些進來事實上就是跟國際競爭有市場因素也有政治因素。
他強調因為政治因素很多事只能做不能事先公開說。例如義大利真相報今天報導中國施壓德國禁止BNT來台中國打壓台灣本來就不是秘密在這次疫情中也很看清楚中國打壓無所不在。</t>
  </si>
  <si>
    <t>疫苗臺灣歐盟az中國國際提供疫情進來理由不能清楚強調民進黨團生產嚴重公開</t>
  </si>
  <si>
    <t>台灣歐盟AZ疫苗民進黨</t>
  </si>
  <si>
    <t>az歐盟民進疫苗臺灣</t>
  </si>
  <si>
    <t>不明感染首日店員結果嘉義出爐</t>
  </si>
  <si>
    <t>嘉義縣東石鄉42歲超商女店員確診個案因案13302感染源不明嘉義縣政府昨16日下午啟動社區篩檢PCR篩檢88人至衛生福利部樸子醫院首篩191人繼昨快篩結果全陰性後今PCR結果出爐88人全為陰性。嘉義縣因應6月1</t>
  </si>
  <si>
    <t>嘉義陰性pcr結果店員商女確診個案感染不明縣政府下午出爐啟動樸子醫院衛生社區</t>
  </si>
  <si>
    <t>嘉義縣東石鄉42歲超商女店員確診個案因案13302感染源不明嘉義縣政府昨16日下午啟動社區篩檢PCR篩檢88人至衛生福利部樸子醫院首篩191人繼昨快篩結果全陰性後今PCR結果出爐88人全為陰性。
嘉義縣因應6月15日東石鄉確診個案於昨日下午2點啟動社區篩檢針對住家及工作地點疑似曾暴露民眾、超商掃QR code或紙本實聯制者發出簡訊留家用電話者以電話聯繫倘有疑似症狀者進行篩檢檢測。
嘉義縣長翁章梁表示昨擴大篩檢總計279位民眾接受快篩或PCR篩檢皆為陰性今下午2點持續在樸子醫院接受民眾前往免費快篩東石鄉衛生所則進行PCR篩檢目前經衛生所評估需PCR篩檢者有84人已通知前往東石衛生所社區篩檢站進行檢測鼻咽PCR檢驗。
衛生局也再次呼籲有相關或可能暴露民眾如疑似有發燒、咳嗽、腹瀉等症狀可於今天17日和明天18日下午2點至4點憑簡訊至部立樸子醫院快篩。</t>
  </si>
  <si>
    <t>pcr民眾下午嘉義醫院陰性衛生所進行社區確診個案暴露前往症狀簡訊東石鄉樸子檢測</t>
  </si>
  <si>
    <t>超商小七東石鄉篩檢PCR</t>
  </si>
  <si>
    <t>東石鄉小七pcr</t>
  </si>
  <si>
    <t>全聯莫德納元禮車站臺北</t>
  </si>
  <si>
    <t>國內莫德納疫苗打氣低迷為衝刺國內疫苗涵蓋率中央流行疫情指揮中心今天表示今起至周日(9日)下午1點至晚上8點於臺北車站西側迴廊設置疫苗接種站凡接種民眾都能獲得全聯禮券一百元對象包含所有尚未完整</t>
  </si>
  <si>
    <t>疫苗接種全聯禮獲得都能國內涵蓋對象中央疫情設置指揮流行中心今天表示回廊起至周日臺北晚上下午西側車站民眾衝刺</t>
  </si>
  <si>
    <t>國內莫德納疫苗打氣低迷為衝刺國內疫苗涵蓋率中央流行疫情指揮中心今天表示今起至周日(9日)下午1點至晚上8點於臺北車站西側迴廊設置疫苗接種站凡接種民眾都能獲得全聯禮券一百元對象包含所有尚未完整接種疫苗的在台人士。
指揮中心發言人莊人祥表示為刺激疫苗打氣今起下午1點開始所有在台灣的人士不限國籍都可至北車接種站施打莫德納疫苗只要年滿18歲從未打第1劑、接種莫德納第1劑滿4周以及AZ第一劑接種後滿8周的民眾都能接種期間內接種者可獲全連禮券100元。
此接種站由中央流行疫情指揮中心設立三軍總醫院松山分院負責執行莊人祥指出截至目前最新的接種數字我國第1劑疫苗涵蓋率達7815％第2劑為6033％第3劑追加劑則已有1706人接種。</t>
  </si>
  <si>
    <t>接種疫苗中心指揮莊人祥人士莫德納下午都能涵蓋表示民眾打氣疫情中央流行執行負責分院臺北晚上指出</t>
  </si>
  <si>
    <t>莫德納接種全聯禮券臺北車站新冠肺炎</t>
  </si>
  <si>
    <t>臺北車站全聯禮接種莫德納肺炎</t>
  </si>
  <si>
    <t>感染判定政府陳時中感到不解</t>
  </si>
  <si>
    <t>海軍敦睦艦隊傳出3人確診新冠肺炎驚動全台。中央疫情指揮官陳時中在說明會上判斷為境外移入個案懷疑帛琉為感染源對此長期提供帛琉醫療協助的新光醫院副院長洪子仁受訪時指出帛琉政府對此「感到不解」。由於</t>
  </si>
  <si>
    <t>對此確診肺炎驚動全台中央疫情傳出指揮官陳時中說明會上判斷境外個案院長懷疑醫院洪子仁指出感染提供</t>
  </si>
  <si>
    <t>海軍敦睦艦隊傳出3人確診新冠肺炎驚動全台。中央疫情指揮官陳時中在說明會上判斷為境外移入個案懷疑帛琉為感染源對此長期提供帛琉醫療協助的新光醫院副院長洪子仁受訪時指出帛琉政府對此「感到不解」。
由於敦睦艦隊曾於上月12至15日停靠帛琉3天陳時中表示帛琉檢驗能力有限先前更有一名美籍醫師出現症狀還是由台灣遠端示範後檢體送回台灣確認陰性高度懷疑當地有潛藏病例存在。
根據《ETtoday》報導洪子仁表示聯繫過後帛琉政府對此回應「感到不解」除了日前檢驗全陰性外敦睦艦隊更是早在3月15就離開照理說應該月底就會發病卻到4月初後才出現症狀至今才確診應該等待更多訊息再下判斷。帛琉政府也表示已經展開調查針對軍艦官兵曾到訪的地方以及可能接觸者進行採檢。</t>
  </si>
  <si>
    <t>艦隊敦睦表示政府確診陰性懷疑判斷應該臺灣洪子仁陳時中出現症狀不解對此感到可能接觸地方到訪</t>
  </si>
  <si>
    <t>帛琉陳時中敦睦艦隊感染源海軍</t>
  </si>
  <si>
    <t>艦隊敦睦感染陳時中海軍</t>
  </si>
  <si>
    <t>衛星新大陸二氧化碳nasa對比效應意外清澈疫情</t>
  </si>
  <si>
    <t>新冠肺炎起源於中國因症狀似一般感冒起初未受到大眾關注不料卻造成流行中國境內省分全部淪陷周遭鄰近亞洲國家也紛紛爆發疫情中國政府陸續封城、停工最終仍無法阻止疫情蔓延。在全中國幾乎停擺的2個月</t>
  </si>
  <si>
    <t>中國疫情症狀一般起初感冒蔓延受到大眾關注不料造成流行鄰近亞洲境內省分淪陷無法阻止國家紛紛</t>
  </si>
  <si>
    <t>新冠肺炎起源於中國因症狀似一般感冒起初未受到大眾關注不料卻造成流行中國境內省分全部淪陷周遭鄰近亞洲國家也紛紛爆發疫情中國政府陸續封城、停工最終仍無法阻止疫情蔓延。
在全中國幾乎停擺的2個月裡NASA近日釋出最新的衛星拍攝照對比1月1日到1月20日與2月10日到25日的中國上空的空氣汙染情況二氧化碳的濃度變淡趨勢令人非常驚訝。
若按照往年2月的狀況過完年後各公司企業、工廠陸續開工返回工作崗位的人潮出現中國境內的二氧化碳濃度應該高得驚人然而今年因為新冠肺炎疫情多數人被迫只能待在家中隔離、上班讓中國的空汙狀況意外緩和下來。
網友看到對比圖不禁感嘆「可見平時的空汙情況有多嚴重只有停工3個月就能大幅改善」、「現在這才是健康的空氣好嗎？」、「中國人確實需要一些不同生活環境了」、「等到回復工作之後恐怕又會變回原本的樣子」。
更多 CTWANT 報導</t>
  </si>
  <si>
    <t>中國疫情陸續停工狀況情況境內對比濃度二氧化碳肺炎變回恐怕之後工作回復等到環境樣子生活需要確實</t>
  </si>
  <si>
    <t>中國新冠肺炎武漢肺炎 COVID-19停工</t>
  </si>
  <si>
    <t>肺炎武漢covid-中國停工</t>
  </si>
  <si>
    <t>社區臺灣傳播</t>
  </si>
  <si>
    <t>美國CDC昨天在記者會中再度指台灣武漢肺炎疫情有社區傳播現象。對此外交部表示已向美方充分說明台灣疫情發展未達社區傳播美方表達瞭解我方顧慮也希望能取得更多資料台美雙方持續溝通協調中。根據《中央社</t>
  </si>
  <si>
    <t>美方臺灣傳播社區疫情溝通持續雙方台美資料再度取得希望協調顧慮記者會武漢表達肺炎已向表示現象對此</t>
  </si>
  <si>
    <t>美國CDC昨天在記者會中再度指台灣武漢肺炎疫情有社區傳播現象。對此外交部表示已向美方充分說明台灣疫情發展未達社區傳播美方表達瞭解我方顧慮也希望能取得更多資料台美雙方持續溝通協調中。
根據《中央社》報導美國國務院領務局首席副助卿布朗裡（Ian Brownlee）21日與美國疾病管制暨預防中心（CDC）共同召開電話記者會。布朗裡會中表示國務院呼籲美國民眾重新考慮並評估搭乘郵輪前往亞洲或在亞洲搭乘郵輪的風險。
CDC國家疫苗暨呼吸道部門主任梅森尼爾（Nancy Messonnier）則首度公開指出亞洲已出現社區傳播情況包括新加坡、南韓、台灣、泰國、越南、香港與日本。
美國CDC之前於20日在官網發佈台灣、日本、新加坡、南韓、泰國與越南有社區傳播現象。台灣方面外交部當天即表示已提供科學證據據以向美方要求改正相關資訊。
外交部發言人歐江安今（22）日指出已向美方充分說明台灣疫情發展未達社區傳播美方表示理解我方顧慮也希望我方提供更多資料以協助評估。外交部已陸續將衛福部疾病管制署的最新相關資訊提供美方。歐江安說台灣方面希望美方改正目前台美雙方仍協調處理中。若有具體結果會適時向外界說明。
網友則反應「又是一個被中共滲透的組織！」「CDC裡不知道臺灣在哪的可多著！比世衛裡的白癡好不了多少！」「沒想到連美國爸爸這個吹哨人也敢罵！」</t>
  </si>
  <si>
    <t>臺灣cdc美國美方表示社區外交部傳播提供希望布朗裡評估指出管制疾病亞洲改正台美協調方面資料疫情</t>
  </si>
  <si>
    <t>指揮中心菲國個案暴露感染臺灣菲律賓</t>
  </si>
  <si>
    <t>菲律賓昨晚宣佈新增4例新冠肺炎確診病例其中1人是台灣籍病患且這名病患曾與回台後確診的台灣籍男子接觸讓菲律賓跟台灣之間到底是誰傳給誰遲遲無法定論。中央流行疫情指揮中心執行官周志浩表示兩人在菲律賓</t>
  </si>
  <si>
    <t>菲律賓確診臺灣籍指揮疫情中心流行中央執行官定論無法遲遲傳給肺炎到底之間臺灣病例男子接觸新增</t>
  </si>
  <si>
    <t>菲律賓昨晚宣佈新增4例新冠肺炎確診病例其中1人是台灣籍病患且這名病患曾與回台後確診的台灣籍男子接觸讓菲律賓跟台灣之間到底是誰傳給誰遲遲無法定論。中央流行疫情指揮中心執行官周志浩表示兩人在菲律賓才第一次見面且台籍確診者在台灣的室友都沒有生病因此研判兩人都是在菲律賓暴露同一個感染源。
指揮中心表示國內確診第44例30多歲男性是於2月28日至3月3日前往菲律賓旅遊3月2日在菲律賓期間發病3月5日確診；而其在菲律賓的台籍友人是在3月3日發病3月6日就醫採檢3月8日在當地確診第44例雖是所謂的「指標病例」。
周志浩表示在國內第四十四案例是在3月2日開始不舒服接下來就醫馬上被指揮中心掌握後來調查他在菲律賓有跟一個朋友相處這名台籍友人是在3月3日發病兩個發病時間幾乎是一樣因此推測兩人可能是在差不多時間感染且是透過共同朋友認識第一次見面是在菲律賓因此研判是在菲律賓。
至於為何是在菲律賓感染？周志浩表示因為44案例的室友台灣個案的其他室友應該最容易受到感染但是都沒有症狀也沒有感染因此排除是在台灣感染而是覺得在菲律賓暴露共同的感染源。</t>
  </si>
  <si>
    <t>菲律賓確診感染臺灣表示指揮中心周志浩室友發病沒有病例就醫臺灣籍國內朋友案例台籍時間共同暴露友人無法</t>
  </si>
  <si>
    <t>新冠肺炎武漢肺炎新型冠狀病毒台灣菲律賓</t>
  </si>
  <si>
    <t>肺炎武漢冠狀病毒臺灣菲律賓</t>
  </si>
  <si>
    <t>推行宣佈集體防疫議員南市</t>
  </si>
  <si>
    <t>新冠肺炎疫情延燒中央防疫指揮中心建議各級民代不要跑攤獲台南市議會集體回應議長郭信良3日率不分黨代議員宣佈即日起將配合「民代不跑攤」、「拱手不握手」、「勤洗手」等中央防疫作為請市民朋友們體諒民</t>
  </si>
  <si>
    <t>中央防疫郭信良議長不分回應黨代集體市民議員作為議會宣佈指揮即日起台南疫情勤洗手</t>
  </si>
  <si>
    <t>新冠肺炎疫情延燒中央防疫指揮中心建議各級民代不要跑攤獲台南市議會集體回應議長郭信良3日率不分黨代議員宣佈即日起將配合「民代不跑攤」、「拱手不握手」、「勤洗手」等中央防疫作為請市民朋友們體諒民代不是不認真而是基於防疫考慮。
郭信良今天率王家貞、黃麗招、穎艾達利、吳禹寰、洪玉鳳、蔡秋蘭、穀暮哈就、李鎮國、盧崑福、蔡旺銓、李中岑等國民黨、無黨籍及民進黨籍市議員舉行「回應中央疫情防疫政策─建議民代不要跑攤沒跑攤不算失禮」記者會公開宣佈將配合推行中央防疫政策。
推行不跑攤的民代們表示中央防疫情中心認為民代是疫情傳染的高危險族群建議不跑攤、不握手、勤洗手他們除正面回應防疫總指揮陳時中的呼籲外也希望這段時間前來陳情的市民朋友們配合議會要求戴口罩等相關防疫措施大家共體時艱一起為防疫而努力。
郭信良指出台南市議會從自身做起員工們每日早上上班時都會先測量額溫自主做好健康管理；另外議長盃各項比賽活動在3月暫停接受申請全力配合中央防疫。至於議會推行拱手不握手大家勤洗手的觀念希望不僅是議會員工社會大眾也都能習慣以拱手代替握手平時勤洗手健康地度過這段防疫期。
郭信良還說民眾習慣以握手表示熱情但現今疫情尚未穩定為了減少傳染的可能性議會推行拱手不握手的新觀念希望拱手致意成為常態大家相互體諒不握手不代表失禮拱手更為有禮。
郭信良還強調依據衛福部所發布的新聞稿對抗疫病首要就是「勤洗手」而且要落實肥皂勤洗手正確5步驟（濕、搓、沖、捧、擦）及7字訣（內、外、夾、弓、大、立、腕）並減少用手觸碰眼口鼻才能遠離疫病。
市議會也同時邀請市府民政局說明各區裡鄰長文康及訓練活動的舉辦情形。民政局主任秘書陳仲傑說明目前除了永康區及安南區已舉辦2梯的文康訓練活動其餘梯次及各區尚未舉辦的部分都已暫緩舉辦；此外已有350家宮廟同意將原有的遶境計畫延期辦理。
洪玉鳳更建議議長郭信良與市長黃偉哲合拍「拱手不握手」宣導短片提醒市民朋友共同落實此一防疫作為。</t>
  </si>
  <si>
    <t>防疫議會郭信良拱手勤洗手中央握手舉辦疫情配合活動議長希望建議回應市民推行朋友</t>
  </si>
  <si>
    <t>新冠肺炎武漢肺炎防疫不跑攤郭信良</t>
  </si>
  <si>
    <t>肺炎防疫武漢郭信良</t>
  </si>
  <si>
    <t>新北境外全在本土死亡新增</t>
  </si>
  <si>
    <t>中央流行疫情指揮中心今(30)日公佈國內新增8例COVID-19確定病例分別為3例本土及5例境外移入；另確診個案中無新增死亡。指揮中心表示今日新增之3例本土病例(均非居家隔離期間陽性者)為2例男性、1例女性年齡介</t>
  </si>
  <si>
    <t>中心指揮新增本土病例隔離個案確診居家男性死亡國內公佈表示今日陽性者期間境外covid-</t>
  </si>
  <si>
    <t>中央流行疫情指揮中心今(30)日公佈國內新增8例COVID-19確定病例分別為3例本土及5例境外移入；另確診個案中無新增死亡。
指揮中心表示今日新增之3例本土病例(均非居家隔離期間陽性者)為2例男性、1例女性年齡介於10多歲至70多歲1例為今(2021)年8月29日發病餘2例為無症狀感染個案分佈均在新北市；其中1例為已知感染源、2例關聯不明將持續進行疫情調查以釐清感染源。
指揮中心指出近期確診個案解隔離情形5月11日至8月28日累計公佈14761位確診個案中已有13673人解除隔離解隔離人數達確診人數926%。
指揮中心表示今日新增5例境外移入個案均為男性年齡介於未滿10歲至60多歲分別自印尼(案16096、案16101)、泰國(案16097)、荷蘭(案16098)、菲律賓(案16099)入境入境日介於8月27日至8月29日；詳如新聞稿附件。
指揮中心統計截至目前國內累計2651089例新型冠狀病毒肺炎相關通報(含2633030例排除)其中15991例確診分別為1413例境外移入14525例本土病例36例敦睦艦隊、2例航空器感染、1例不明及14例調查中；另累計110例移除為空號。2020年起累計834例COVID-19死亡病例其中825例本土個案居住縣市分佈為新北市410例、臺北市315例、基隆市28例、桃園市26例、彰化縣15例、新竹縣13例、臺中市5例、苗栗縣3例、宜蘭縣及花蓮縣各2例臺東縣、雲林縣、臺南市、南投縣、高雄市及屏東縣各1例；另9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指揮中心感染個案確診累計措施隔離本土病例介於分別新增疫情調查東縣死亡境外</t>
  </si>
  <si>
    <t>國產高端高端疫苗高端打高端不良反應</t>
  </si>
  <si>
    <t>高端不良反應疫苗</t>
  </si>
  <si>
    <t>大陸世界陳明璋進入演變成肺炎年代</t>
  </si>
  <si>
    <t>新冠肺炎從武漢蔓延到歐洲、美洲臺北經營管理研究院院長陳明璋今於「疫情隊經濟和健康的影響與對策論壇」中指出陸美貿易戰已讓大陸經濟增速放緩當「灰犀牛」經濟遇上疫情「黑天鵝」將導致企業倒閉潮、債務違</t>
  </si>
  <si>
    <t>經濟疫情蔓延到歐洲導致美洲臺北經營天鵝管理武漢研究院院長遇上企業倒閉陳明璋大陸陸美指出貿易戰論壇對策健康</t>
  </si>
  <si>
    <t>新冠肺炎從武漢蔓延到歐洲、美洲臺北經營管理研究院院長陳明璋今於「疫情隊經濟和健康的影響與對策論壇」中指出陸美貿易戰已讓大陸經濟增速放緩當「灰犀牛」經濟遇上疫情「黑天鵝」將導致企業倒閉潮、債務違約潮系統性金融風險陡升陳明璋預估短期大陸首季經濟增長跌破3％中長期角度來看未來10年「大陸經濟將進入保四爭五的年代」。
大陸經濟下滑陳明璋表示對韓國受創最深大陸GDP每下降1個百分點對韓國GDP衝擊將有035個百分點其次是香港、泰國、日本等而台灣外銷大陸占比逾40％陳明璋強調台灣也難置身事外；陳明璋形容大陸遇上新冠肺炎疫情如同「蝴蝶效益」現在產業因疫情停工、經濟停頓連遠在南大平洋的紐西蘭撈捕的龍蝦價格連下跌都滯銷因為大陸消費市場突然按了「暫停鍵」。
陳明璋警示新冠肺炎的疫情讓兩岸關係「冰起來」疫情會過去卻擔心兩岸關係「回不去」目前疫情延燒、大陸復工比例偏低兩岸供應生產斷鏈未來可能進而導致兩岸貿易的衰退。
陳明璋表示目前台灣對大陸的順差高達900億美元若拿掉對大陸的順差將轉為逆差他擔心這場瘟疫可能導致成為政治的瘟疫台灣領導人物考慮政治固然重要但也不能因為政治犧牲經濟面政黨輪替演變成「政冰對抗」現象未來雙方握手言和不易。
面對疫情陳明璋觀察台商幾乎成立緊急應變小組進入備戰狀態現在最重要的是想辦法存活下來；陳明璋表示企業接下來要將危機化為轉機疫局可能是良局企業除了搶人才外甚至可以利用資金低利率環境、便宜的市場特性勇於併購替自己創在未來10年的成長引擎。
台灣藥品行銷暨管理協會理事長朱茂男表示疫情已對台灣製藥產業、醫療器材造成衝擊比較棘手的是原料藥過度仰賴大陸單一進口來源將面臨斷藥危機而其他疫區國家的藥廠也因為封廠停工進口藥品也將有短缺壓力抗生素及慢性病患用藥首當其衝；朱茂男指出雖然藥品可以找替代性但疫情再延燒下去問題在今年暑假後將逐一顯現。
前衛生署長葉金川今參加論壇現場主持的朱茂男「好奇」問怎麼會叫前總統馬英九「閉嘴」？葉金川解釋其實是擔心多達台商子女回台風險太高小朋友萬一染病其實死亡率不高但最怕回國傳染給家中70、80歲的阿公阿媽老人家染病死亡風險太高；葉金川提及現在義大利、日本都停課了台商子女少上幾天學沒這麼嚴重小孩又不像大人有自我管理的能力回來隔離仍要有大人照顧建議等疫情鋒頭過了再回國強調是站在防疫角度才有這樣的建議。</t>
  </si>
  <si>
    <t>大陸疫情陳明璋經濟臺灣未來表示朱茂男台商藥品現在擔心金川可能導致肺炎可以指出回國論壇</t>
  </si>
  <si>
    <t>大陸疫情陳明璋經濟台灣</t>
  </si>
  <si>
    <t>臺灣大陸疫情陳明璋經濟</t>
  </si>
  <si>
    <t>明年補血蘋果今年通信網</t>
  </si>
  <si>
    <t>神腦(2450)今年前三季受到疫情影響累計營收年減一成左右第四季預估在新蘋果iPhone帶度下營收將出現明顯回溫全年獲利也會比去年好展望2021年神腦總裁林保雍表示看好明年在5G帶動下營運可望較今年好。</t>
  </si>
  <si>
    <t>營運帶動明年表示林保雍看好全年受到獲利總裁展望去年疫情回溫影響明顯累計預估出現</t>
  </si>
  <si>
    <t>神腦(2450)今年前三季受到疫情影響累計營收年減一成左右第四季預估在新蘋果iPhone帶度下營收將出現明顯回溫全年獲利也會比去年好展望2021年神腦總裁林保雍表示看好明年在5G帶動下營運可望較今年好。
神腦今年前三季受到疫情的關係除市場買氣受到影響外加上供應鏈急凍累計前三季營收年減一成但預計第四季在疫情減緩加上新iPhone 12系列帶動下第四季營收可望季增、年增預估全年獲利也會比去年高神腦去年每股賺159元。
神腦今年前三季營收19411億元較去年同期減少一成但在產品結構改變下前三季毛利率成長到116%而業外轉投資利益減少2000萬元稅後盈餘284億元年減68%每股盈餘11元。 林保雍表示神腦持續將聚焦通訊、家電、及保建結合新神腦生活智慧館及全通路與無本創業線上創業平臺的商業模式看好明年在5G帶動下營運可望較今年好。
神腦數位創新事業部總經理陳世祥也說到神腦將在未來三年啟動「三個策略轉型計畫」也就是所謂的「三加三」策略首先是新的商業模式神腦購就是協助想創業的一般消費者及店主跨越採購門檻免貨的無本創業平臺2021年將投入更大資源加速發展神腦購-無本創業線上創業平臺；再者是因應5G的商轉神腦加速發展除了手機以外的智慧家庭及IoT(物連網)不只是賣產品更重要的是服務；最後則是延伸在通訊產業的能量及經驗打造家電及保健創造神腦營收增長的第二支腳及第三支腳；整體來說在三加三策略下神腦2021年希望非通訊業務希望從目前的25%拉高到35~40%電商佔比超過10%。另外除目前245家二代數位電話2021年也會推出全新智慧家庭及IoT的全面展示體驗店首家門市可望在臺北市開出。
在徵才方面神腦無本創業平臺明年將進行重要業務拓展計畫明年將全台召開24場說明會以招募1000位店家為目標。
另外神腦上週末舉辦「2020 原鄉踏查紀錄片競賽頒獎典禮暨特映會」此為全國唯一橫跨兒少、青年、社會不同年齡層的紀錄片競賽本屆來到第12屆以「日常即景」為競賽主軸鼓勵民眾採集家鄉或日常生活中最獨特的光影景象用自我獨特的觀點以影像訴說採取實際行動實踐原鄉踏查精神。</t>
  </si>
  <si>
    <t>創業可望智慧明年通訊競賽平臺策略疫情紀錄片數位原鄉減少</t>
  </si>
  <si>
    <t>神腦IoT物聯網林保雍智慧家庭</t>
  </si>
  <si>
    <t>聯網林保雍iot智慧家庭</t>
  </si>
  <si>
    <t>回升金額衰退金融</t>
  </si>
  <si>
    <t>金管會公佈2020年5月信用卡業務概況受惠母親節檔期消費轉熱、牌照稅入帳挹注當月簽帳金額回升至2147億元月增409％、但仍年減1986％衰退幅度創同期新高。累前5月簽帳金額114兆元年減1002％仍為近11年</t>
  </si>
  <si>
    <t>金額概況受惠母親節消費業務牌照稅挹注當月同期幅度回升信用卡衰退公佈金管會</t>
  </si>
  <si>
    <t>金管會公佈2020年5月信用卡業務概況受惠母親節檔期消費轉熱、牌照稅入帳挹注當月簽帳金額回升至2147億元月增409％、但仍年減1986％衰退幅度創同期新高。累前5月簽帳金額114兆元年減1002％仍為近11年來首見衰退衰退幅度為同期次高。
金管會統計5月33家信用卡發卡機構總流通卡數約4868萬張月增037％、年增772％總有效卡數約3218萬張月增016％、年增603％。循環信用餘額約1060億元月減203％、年減355％簽帳金額約2147億元月增412％、年減達1986％。
受新冠肺炎疫情衝擊信用卡單月簽帳金額今年前5月已有4月較去年同期衰退。5月金額較4月回溫銀行局副局長黃光熙分析主要由於量販、超市、影音娛樂消費增加應是母親節檔期消費增加帶動而牌照稅在5月底前入帳亦挹注簽帳金額增加。
據金管會統計由於金融海嘯衝擊經濟2009年1～5月信用卡簽帳金額均較2008年同期衰退累計前5月年減1169％。而2010～2019年間信用卡簽帳金額均逐年成長年增率介於622～1921％。</t>
  </si>
  <si>
    <t>金額信用卡衰退增加同期消費金管會統計牌照稅母親節挹注衝擊幅度分析光熙局長</t>
  </si>
  <si>
    <t>金管會信用卡刷卡簽帳金額衰退</t>
  </si>
  <si>
    <t>信用卡金額金管會衰退</t>
  </si>
  <si>
    <t>併發症低下免疫一定鮑爾</t>
  </si>
  <si>
    <t>美國前國務卿鮑爾病逝死因為新冠肺炎併發症。根據外電報導鮑爾雖已完整接種兩劑疫苗但他患有罕見血癌、帕金森氏症免疫功能不全。醫師薑冠宇認為針對本身就有多重慢性病的人來說罹患COVID-19容易加重這些</t>
  </si>
  <si>
    <t>鮑爾病逝死因肺炎併發症外電報導慢性病完整認為薑冠宇功能醫師接種免疫兩劑疫苗帕金森氏症血癌罕見國務卿</t>
  </si>
  <si>
    <t>美國前國務卿鮑爾病逝死因為新冠肺炎併發症。根據外電報導鮑爾雖已完整接種兩劑疫苗但他患有罕見血癌、帕金森氏症免疫功能不全。醫師薑冠宇認為針對本身就有多重慢性病的人來說罹患COVID-19容易加重這些併發症他呼籲若欲降低死亡數應盡快做準備幫免疫低下者追加第3劑。
綜合國外媒體報導薑冠宇分析鮑爾的免疫系統本來就差而體弱的人在確診後很多症狀會持續「確診的衰弱老人即便二採陰病程也未必結束出院後萬一支持不夠還是有死亡風險」。
薑冠宇強調要減少ongoing covid的死亡免疫低下者應追加打第3劑新冠疫苗。他建議中央、地方政府優先統計這些有潛在需要的人口（免疫低下者與高齡長者）其他人等待次世代疫苗即可。</t>
  </si>
  <si>
    <t>免疫姜冠宇鮑爾疫苗低下併發症死亡確診追加老人衰弱病程未必病逝結束出院死因長者</t>
  </si>
  <si>
    <t>新冠肺炎鮑爾併發症第3劑免疫低下</t>
  </si>
  <si>
    <t>肺炎併發症鮑爾免疫低下</t>
  </si>
  <si>
    <t>疫情危機神童危險印度</t>
  </si>
  <si>
    <t>「印度神童」阿南德近日又有新預言他表示新冠疫情恐在12月再爆發更大範圍的傳染尤其是疫苗高接種的國家疫情可能會捲土重來；另外今年冬天到2022年的5月可能會碰到大寒及大雨並會在亞洲、歐洲等地區造成</t>
  </si>
  <si>
    <t>疫情可能近日國家爆發範圍傳染尤其亞洲接種疫苗大雨大寒碰到預言表示阿南德歐洲</t>
  </si>
  <si>
    <t>「印度神童」阿南德近日又有新預言他表示新冠疫情恐在12月再爆發更大範圍的傳染尤其是疫苗高接種的國家疫情可能會捲土重來；另外今年冬天到2022年的5月可能會碰到大寒及大雨並會在亞洲、歐洲等地區造成影響要等到2022年下半年就能迎接好日子。
阿南德（Abhigya Anand）近日於個人YouTube頻道《Conscience》發布影片表示受到木星逆行的關係12月第二周開始可能會看到更大的新冠疫情危機病毒傳染範圍恐再擴大其中以疫苗覆蓋率高的國家要小心可能面臨高感染率他點名英國、美國、新加坡及以色列等4國家提醒防疫千萬不能鬆懈否則疫情將捲土重來。
阿南德以新加坡為例子說明新加坡過去曾因高接種率成為全球新冠疫苗「完整接種」最高的國家即便如此新加坡的每日確診人數卻居高不下單日新增近4千人染疫、18人死亡確診數字不斷創新高新加坡政府只好宣佈現有防疫措施再延長至11月21日。
除此之外阿南德說除了新冠肺炎外氣候變遷的危機仍舊存在極端氣候將影響今年的冬天甚至直到2022年5月都會面臨大寒及大雨且在整個亞洲和歐洲等多個地區造成影響。但阿南德也建議大家要保持樂觀的心情凡事往好的地方想好事自然就會來且2022年的下半年開始日子就會愈過愈好。
★《中時新聞網》提醒您：民俗傳說僅供參考請勿過度迷信。</t>
  </si>
  <si>
    <t>阿南德疫情國家新加坡可能影響接種確診疫苗防疫表示近日面臨危機傳染開始下半年</t>
  </si>
  <si>
    <t>阿南德印度神童疫情新冠肺炎極端氣候</t>
  </si>
  <si>
    <t>疫情神童肺炎印度極端阿南德氣候</t>
  </si>
  <si>
    <t>測試肺炎血漿製藥武田療法</t>
  </si>
  <si>
    <t>美國衛生研究院（NIH）轄下國家過敏和傳染病研究所（NIAID）表示包含日本武田製藥等多家藥商已開始對住院的新冠肺炎病患測試一套臨床實驗性的血漿療法即從康復者身上抽取癒後血漿利用血中抗體製成治療藥物。NI</t>
  </si>
  <si>
    <t>血漿轄下國家抗體過敏傳染病研究所niaid表示包含日本武田nih製藥開始住院抽取肺炎製成</t>
  </si>
  <si>
    <t>血漿抗體武田製藥藥商血漿療法</t>
  </si>
  <si>
    <t>製藥血漿武田抗體療法</t>
  </si>
  <si>
    <t>防疫市府新北靈鷲愛心同心</t>
  </si>
  <si>
    <t>新冠肺炎疫情升溫全台三級警戒靈鷲山慈善基金會愛心在新北、桃園陸續捐口罩、額溫槍、酒精、洗手乳、安心禦守等防疫物資給第一線防疫人員今（20日）下午捐贈1000份愛心防疫包到新北市政府。靈鷲山慈善基金會</t>
  </si>
  <si>
    <t>防疫愛心新北靈鷲升溫慈善基金會全台警戒洗手安心酒精溫槍疫情口罩捐贈陸續桃園市政府物資</t>
  </si>
  <si>
    <t>新冠肺炎疫情升溫全台三級警戒靈鷲山慈善基金會愛心在新北、桃園陸續捐口罩、額溫槍、酒精、洗手乳、安心禦守等防疫物資給第一線防疫人員今（20日）下午捐贈1000份愛心防疫包到新北市政府。
靈鷲山慈善基金會推動海外醫療義診服務多年也相當重視台灣偏鄉及山區有醫療需求的民眾。日前拜會新北市政府社會局社會救助科獲悉近來本土疫情加劇憂心街友恐成社區抗疫破口配合社會局需求捐助內含酒精、乾洗手液、口罩、心靈防疫小卡的愛心防疫包。
靈鷲山開山住持心道法師說在這場疫情的震撼教育中真實感受到「地球上的萬物眾生是一個生命共同體」期許人們回到本初不要再違反地球靈性生態倫理唯有找回靈性尊重、包容、博愛彼此分享才能互濟共生讓地球永續。
靈鷲山配合政府規定遵守社區防疫及保護大眾健康即日起靈鷲山總本山及所屬各講堂、中心暫停對外開放。在此非常時刻希望人人小心防疫遵守戴口罩、勤洗手、避開群聚規定保護自己、慈悲他人並號召持誦〈大悲咒〉、〈楞嚴咒心〉匯聚善念祈願人民遠離恐懼台灣疫情早日消弭。</t>
  </si>
  <si>
    <t>防疫疫情靈鷲地球口罩新北愛心臺灣醫療需求社會局社區保護配合規定遵守市政府洗手酒精靈性基金會慈善期許共同體人們生命回到</t>
  </si>
  <si>
    <t>靈鷲山愛心防疫包防疫新北</t>
  </si>
  <si>
    <t>愛心防疫靈鷲新北</t>
  </si>
  <si>
    <t>聯手分局金融機構期間警戒疫情</t>
  </si>
  <si>
    <t>新冠肺炎警戒期間民眾宅在家防疫也成了詐騙集團囊中物高市新興分局在6、7月共攔阻16件詐騙案擋下民眾受騙452萬元其中金融機構警覺提高火速通報警方到場成了反詐關鍵；分局長戴台捷28日特地到郵局、行庫</t>
  </si>
  <si>
    <t>民眾戴台捷分局長期間關鍵在家到場警方防疫通報警覺分局金融機構詐騙受騙擋下詐騙案攔阻集團提高囊中物高市警戒</t>
  </si>
  <si>
    <t>新冠肺炎警戒期間民眾宅在家防疫也成了詐騙集團囊中物高市新興分局在6、7月共攔阻16件詐騙案擋下民眾受騙452萬元其中金融機構警覺提高火速通報警方到場成了反詐關鍵；分局長戴台捷28日特地到郵局、行庫向佛心的行員表達感謝並致贈禮券和感謝狀。
新興分局6月期間曾在1天就接獲轄內兩間金融機構通報疑似詐騙前金區一銀行通報48歲唐姓婦人遇假投資真詐騙前往臨櫃欲提領現金40萬元另一名63歲餘婦人遇到假包裹詐騙前往新興區另一行庫匯款500元美金所幸都被警方及時攔阻。
新興分局分析近來詐騙集團的手法老梗新唱包括「假交友（投資詐財）」、「投資網路虛擬貨幣」、「網路認識異性友人稱協助敘利亞軍官資助運費」以及「退休老師在家遭假冒學生經濟陷入困境借款紓困」等詐術居多。
警方指出詐騙集團為詐取民眾各種話術可說無所不用但高市警局與轄區金融機構行員機警以及聯繫管道順暢都在員警到場協助後成功攔阻詐騙；警方向民眾勸說其中有異之處也協助查詢所提供的訊息果然都是詐騙帳戶。
分局長戴台捷提醒民眾家中如有年長者要提醒接聽電話應提防各種詐騙手法並強調所有的公務機關絕對不會監管任何的金融帳戶更不會要求派員收取存簿或勘驗現金；防止詐騙三步驟「一聽、二掛、三查」對於任何網路上的訊息都需要詳細查證勿輕易匯款。</t>
  </si>
  <si>
    <t>詐騙民眾警方協助金融機構分局集團通報攔阻行員期間現金投資訊息到場高市戴台捷婦人分局長前往匯款</t>
  </si>
  <si>
    <t>詐騙新興分局金融機構民眾期間</t>
  </si>
  <si>
    <t>金融機構期間民眾詐騙分局</t>
  </si>
  <si>
    <t>試劑檢測居家鼻孔藥師準確</t>
  </si>
  <si>
    <t>為防堵疫情持續擴散食藥署緊急核可4款進口和1款國產居家快篩試劑並於今（22）日在全台藥局陸續販售明（23）日下午台灣四大超商也將開賣引發不少民眾搶先預購有藥師因此出面示範居家快篩使用方法並向政</t>
  </si>
  <si>
    <t>居家擴散緊急持續引發民眾搶先預購示範四大下午臺灣藥師藥局</t>
  </si>
  <si>
    <t>為防堵疫情持續擴散食藥署緊急核可4款進口和1款國產居家快篩試劑並於今（22）日在全台藥局陸續販售明（23）日下午台灣四大超商也將開賣引發不少民眾搶先預購有藥師因此出面示範居家快篩使用方法並向政府喊話建議效仿國外設立雲端平臺讓民眾將篩檢結果隨時上傳查詢更方便。
日前食藥署緊急核可5款居家快篩試劑避免新冠病毒黑數日益增加盤點各款快篩試劑價格屬於抗原檢測的3款分別為一劑360元的「羅氏」；300到350元的「福爾」還有價格未定的「英斯特」。至於另一種核酸檢測的則有「盧西拉」和「萊析樂」2款其準確度較高但價格也相對較貴前者1800元後者3000元。
為了讓居家快篩的效果發揮到最大根據《三立新聞網》報導藥師沈采穎特別出面呼籲政府「如果說我們能盡快成立一雲個平臺的話其實對於未來在家做自我檢測可以上傳的話是有助於疫情的控制。」
不僅如此她還親自示範居家快篩使用方法首先檢測前必須先清空鼻腔確保準確性接著將棉棒插入鼻部約2-25公分深左右鼻孔各繞5圈分別15秒最後再把棉棒放入試管混合試劑攪拌10次並滴4滴到試紙上待15分鐘後篩檢結果便會出爐2條線代表陽性須立即通報衛生局或致電19221條線則是陰性。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檢測試劑居家價格使用通報平臺上傳分別政府新聞網務必疫情</t>
  </si>
  <si>
    <t>居家快篩棉棒藥師1922核可</t>
  </si>
  <si>
    <t>藥師居家</t>
  </si>
  <si>
    <t>實質要求經濟彈性bvi</t>
  </si>
  <si>
    <t>資誠（PwC）6日指出因應新冠肺炎疫情蔓延英屬維京群島（BVI）暫時修改非控股公司經濟實質要求像是董事會議可改為線上會議不用在BVI當地開會。而BVI經濟實質法規的董事會議出席人數因應疫情關係也改為法</t>
  </si>
  <si>
    <t>會議bvi因應疫情董事實質經濟指出肺炎蔓延人數英屬維爾京群島暫時出席修改公司控股像是關係要求法規pwc</t>
  </si>
  <si>
    <t>資誠（PwC）6日指出因應新冠肺炎疫情蔓延英屬維京群島（BVI）暫時修改非控股公司經濟實質要求像是董事會議可改為線上會議不用在BVI當地開會。
而BVI經濟實質法規的董事會議出席人數因應疫情關係也改為法定人數即可不用全員到齊資誠表示台商在當地公司法遵成本短期內可降低。
根據經濟實質法規自2019年6月30日起台企、台商在BVI群島的紙上公司必須符合經濟實質規定像是銀行業務、經銷與服務業務、融資與租賃業務、基金管理業務、營運總部、保險業務、智慧財產權業務、航運業務以及控股公司等九大類型。
採取歷年制的BVI公司必須要在2020年12月29日前進行年度申報。在BVI若第一次違反經濟實質法規罰鍰從5千美元起跳最高可達2萬美元情況嚴重者將可能被停業或撤銷營業登記。
資誠全球稅務服務會計師曾博昇指出如果台商在BVI公司為純控股活動可適用較低限度的實質營運要求例如不需要於當地開立董事會且可以外包當地專業機構提供員工及辦公室的要求。
台商在BVI公司若被認定為其他八大類活動例如進行貿易轉單業務、擔任集團資金中心貸與關係企業資金收取利息或是為其他關係企業提供管理服務收取服務費等依照經濟實質法規必須雇用一定的當地員工、在當地有營運處所與營運費用並且要有一定數量的董事出席。曾博昇認為台商面對疫情造成的旅遊限制可準備證明檔並考量適用BVI新冠肺炎彈性措施。
另外如今新冠肺炎疫情蔓延曾博昇指出不少國家的政府機構的行政效能變得相當緩慢如果台商因應經濟實質法規或其他反避稅因素採取架構調整例如申請成為他國稅務居民、調整交易模式或法律控股架構等時程上都可能有延後情況。</t>
  </si>
  <si>
    <t>bvi實質台商經濟公司當地業務法規控股疫情例如營運服務因應指出要求曾博關係董事可能架構會議進行機構</t>
  </si>
  <si>
    <t>台商經濟實質BVI肺炎資誠</t>
  </si>
  <si>
    <t>bvi實質肺炎經濟台商</t>
  </si>
  <si>
    <t>華人陳時中疫情違憲瀆職</t>
  </si>
  <si>
    <t>中央流行疫情指揮中心將華航機組檢疫措施鬆綁為「3＋11（居家檢疫3天採檢陰性及自主健康管理11天）」被外界認為是防疫破口指揮中心更針對「萬華高風險族群」註記健保卡遭質疑是恐怖國家機器。臺北市議員鍾小平</t>
  </si>
  <si>
    <t>中心指揮檢疫臺北市國家機器恐怖質疑保卡華航陰性機組自主健康族群議員管理外界高風險認為防疫</t>
  </si>
  <si>
    <t>中央流行疫情指揮中心將華航機組檢疫措施鬆綁為「3＋11（居家檢疫3天採檢陰性及自主健康管理11天）」被外界認為是防疫破口指揮中心更針對「萬華高風險族群」註記健保卡遭質疑是恐怖國家機器。臺北市議員鍾小平不滿指揮中心不認錯又歧視萬華人28日上午赴臺北地檢署控告指揮官陳時中廢弛職務釀成災害罪。
鍾小平表示中華民國人民不分男女、宗教、種族、階級、黨派一律平等指揮中心註記健保卡的做法明顯違反憲法平等權憑什麼歧視萬華？萬華不會自己生出病毒病毒是來自英國變種、諾富特邊境管理沒做好指揮中心在華航機師部分放水縮短隔離期間造成。
鍾小平強調病毒來源是國門指揮中心管理不善、放水讓諾富特機組人員、包商、員工到萬華阿公店消費才把病毒帶到萬華萬華再傳染給全台灣所以要告陳時中。
鍾小平說指揮中心解釋註記是幫助醫療院所及醫師做診療判斷這都是狡辯之詞註記幾百人就算了卻總共註記15萬這比例太大了而且現在疫情蔓延到全台灣憑甚麼只註記萬華？明顯的歧視跟霸淩完全戕害人權陳時中和副指揮官陳宗彥迄今仍不認錯。
鍾小平控告陳時中的罪名是《刑法》貪瀆罪章第130條「公務員廢弛職務釀成災害者處3年以上10年以下有期刑。」</t>
  </si>
  <si>
    <t>中心指揮病毒陳時中歧視管理全台控告富特指揮官放水華?疫情華航災害明顯保卡</t>
  </si>
  <si>
    <t>新冠肺炎台灣 註記鍾小平指揮中心</t>
  </si>
  <si>
    <t>臺灣肺炎指揮中心</t>
  </si>
  <si>
    <t>不以人廢言經驗防疫價值連城</t>
  </si>
  <si>
    <t>大陸經歷近兩個月的新冠肺炎疫情嚴酷考驗無論中央或地方都在經驗中累積不少教訓但也得到比2003年SARS期間更多寶貴防疫資產。任何防疫經驗都值得參考不該以人廢言值得學習就學習至少像大陸的封城經驗已經驗</t>
  </si>
  <si>
    <t>經驗大陸值得學習防疫肺炎疫情嚴酷考驗期間得到sars中央地方教訓累積至少不該寶貴參考資產</t>
  </si>
  <si>
    <t>大陸經歷近兩個月的新冠肺炎疫情嚴酷考驗無論中央或地方都在經驗中累積不少教訓但也得到比2003年SARS期間更多寶貴防疫資產。任何防疫經驗都值得參考不該以人廢言值得學習就學習至少像大陸的封城經驗已經驗證是有效的許多疫情初發的國家都已在學習。
中國疾病預防控制中心副主任馮子健說回顧應對疫情的過程中國有教訓也積累許多經驗特別是對疾病特點、控制措施有效性等方面形成一些認識把這些經驗即時分享給目前確診病例增長的國家是中國應做的事。國際社會也將由此形成合力共同應對這一全球公共衛生危機。
的確如此任何兇猛的傳染病疫情都會對人類帶來極大危害這波新冠肺炎疫情已經造成全世界經濟的嚴重傷害。而在疫情防控及病毒、疫苗等研發方面各國不必再走冤枉路各自發展而是互相攜手共同對抗相同的敵人病毒。
大陸在世界上或許不是非常受歡迎的國家但在這波面對新冠肺炎所展現的防控手段果決且嚴實尤其是付出絕對慘重代價的封城措施將疫情封鎖在大陸境內尤其是湖北一省的確不容易。果非如此相信目前全世界的疫情早已失控該給的肯定還是不必吝惜。</t>
  </si>
  <si>
    <t>疫情經驗大陸國家肺炎學習共同目前應對方面病毒形成防控中國封城尤其已經不必教訓值得防疫早已互相</t>
  </si>
  <si>
    <t>大陸中國形成肺炎人廢言</t>
  </si>
  <si>
    <t>形成肺炎中國大陸</t>
  </si>
  <si>
    <t>股利今年獲利大增</t>
  </si>
  <si>
    <t>宅配通（2642）28日股東會通過今年配發股利12元。該公司受惠宅經濟今年首季獲利5454萬元年增4455％EPS057元 優於市場預期第二季獲利估會更好還有第四季全年最大旺季全年獲利估會有大幅增長。宅配</t>
  </si>
  <si>
    <t>宅 配 通 2642 28 日 股東會 通過 今年 配發 股利 12 元 該 公司 受惠 宅 經濟 今年 首季 獲利 5454萬 元 年 增 4455 eps 057 元 優於 市場 預期 第二 季 獲利 估 會 更 好 還有 第 四季 全年 最 大 旺季 全年 獲利 估 會 有 大幅 增長 宅 配</t>
  </si>
  <si>
    <t>獲利今年全年配發股東會股利eps經濟四季首季市場還有預期公司受惠優於大幅</t>
  </si>
  <si>
    <t>宅配通（2642）28日股東會通過今年配發股利12元。該公司受惠宅經濟今年首季獲利5454萬元年增4455％EPS057元 優於市場預期第二季獲利估會更好還有第四季全年最大旺季全年獲利估會有大幅增長。
宅配通去年營收3713億元獲利162億元EPS169元今年因為新冠肺炎讓電商業務成長加速公司承接的電商平臺貨物約占營收三成但實際與電商有關的貨載多很多現在小農也透過網路銷售產品另外透過超商代收代送的貨物很多都是網購商品由於第二季是傳統旺季有端午節大檔期夏季高價冷藏貨也開始增多估業績表現會更好。
新冠肺炎改變民眾消費習慣電商業務激增讓宅配市場淡旺季越來越不明顯第四季有雙十一與雙十二估計是業績表現最好第一季。
宅配通今日董事會將除息交易日訂在6月15日最後過戶日為6月16日股票於6月17日~6月21日停止過戶除息基準日為6月21日現金股利發放日訂在7月1日。</t>
  </si>
  <si>
    <t>獲利今年貨物四季市場除息eps業績表現公司股利旺季肺炎業務</t>
  </si>
  <si>
    <t>宅配通EPS會更好新冠肺炎電商業務</t>
  </si>
  <si>
    <t>eps肺炎業務</t>
  </si>
  <si>
    <t>損失汽車產業防疫關廠</t>
  </si>
  <si>
    <t>汽車產業關閉歐洲和北美廠房協助防止新冠肺炎疫情擴散。專家指出若歐美關廠延續至4月底汽車產業恐流失逾1000億美元營收。研究機構AutoAnalysis創辦人亨利（Ian Henry）預測如果汽車產業的歐洲與北美廠房停</t>
  </si>
  <si>
    <t>汽車產業廠房北美協助防止肺炎疫情擴散專家指出創辦autoanalysis機構研究ian歐美關henry亨利預測延續流失月底</t>
  </si>
  <si>
    <t>汽車廠房英國可能銷售汽車產業肺炎關閉亨利汽車業月底疫情公佈歐洲面臨日產汽車廠運作表示預期專家市場流失</t>
  </si>
  <si>
    <t>廠房汽車產業新冠肺炎英國歐美</t>
  </si>
  <si>
    <t>肺炎英國汽車產業歐美廠房</t>
  </si>
  <si>
    <t>中心葉元之指揮有空蘇貞昌</t>
  </si>
  <si>
    <t>新冠肺炎疫情升溫行政院長蘇貞昌昨晚夜訪中央疫情指揮中心為辛苦的防疫指揮官陳時中和防疫人員加油打氣對此國民黨新北市議員葉元之批評防疫已經很辛苦蘇大院長還有空去作秀結果只是逼指揮中心的工作人</t>
  </si>
  <si>
    <t>防疫指揮辛苦疫情中心升溫行政院長夜訪中央結果有空新北加油打氣對此院長國民黨議員葉元之蘇大批評已經</t>
  </si>
  <si>
    <t>新冠肺炎疫情升溫行政院長蘇貞昌昨晚夜訪中央疫情指揮中心為辛苦的防疫指揮官陳時中和防疫人員加油打氣對此國民黨新北市議員葉元之批評防疫已經很辛苦蘇大院長還有空去作秀結果只是逼指揮中心的工作人員不能休息還要花精力應付蘇真是有政府會作秀。
蘇貞昌昨（13日）在臉書說他開完國安會議、台電應變會議後晚上來到指揮中心為辛苦的防疫團隊打氣也要告訴國人同胞有一群堅守崗位的防疫人員每天這樣全力以赴只要大家做好個人防疫遵照指揮中心的指引一定可以一起度過這波疫情。
對於蘇貞昌的參訪葉元之昨在臉書發文批評全台大停電、疫情大爆發、疫苗打不到、各地缺水、台鐵改革遲緩釀重大意外蘇大院長還有空去作秀逼得指揮中心辛苦的工作人員不能休息必須去應付蘇；葉元之在文末譏諷「有政府會作秀」、「台鐵事故的責任請先說清楚」。
許多網友也在其po文底下留言表示「沒事兒用愛發電 用肺發電燒乾淨的煤！還會怪百姓開太多冷氣造成發電廠過載！給您按個讚喔」、「戴著口罩喝下午茶？這秀做的精彩」、「辛不辛苦天知道！一顆老鼠屎壞一鍋粥！人民也知道！唱高調搞文宣加謊言獨裁抹黑顛倒黑白天和人民都知道！」、「討人厭的人去那邊作秀基層還要伺候他」。</t>
  </si>
  <si>
    <t>辛苦防疫指揮疫情中心葉元之蘇貞昌人民批評知道人員應付還要蘇大政府工作人員不能</t>
  </si>
  <si>
    <t>作秀指揮中心葉元之新冠肺炎蘇貞昌</t>
  </si>
  <si>
    <t>葉元之中心指揮肺炎蘇貞昌</t>
  </si>
  <si>
    <t>《業績-半導體》順德去年每股稅前盈餘382元首季營收逐月增</t>
  </si>
  <si>
    <t>首季去年順德半導體逐月業績</t>
  </si>
  <si>
    <t>導線架廠—順德(2351)公佈2019年獲利自結數每股稅前盈餘為382元受到農曆年長假影響順德1月合併營收為647億元月減1597%儘管大陸新冠肺炎疫情蔓延順德預估第1季營收有機會逐月成長單季營收將較去年</t>
  </si>
  <si>
    <t>順德獲利單季受到成長農曆年收有長假逐月季營預估機會蔓延疫情肺炎影響大陸合併公佈</t>
  </si>
  <si>
    <t>導線架廠—順德(2351)公佈2019年獲利自結數每股稅前盈餘為382元受到農曆年長假影響順德1月合併營收為647億元月減1597%儘管大陸新冠肺炎疫情蔓延順德預估第1季營收有機會逐月成長單季營收將較去年第4季小幅衰退到持平。
由於去年第4季智慧型手機客戶需求增溫順德去年第4季合併營收為2153億元季增113%稅前盈餘為9288萬元季減4736%單季每股稅前盈餘051元；累計2019年合併營收為8839億元年減1514%營業淨利為745億元稅前盈餘為695億元每股稅前盈餘為382元。
受農曆年長假、工作天數減少影響順德1月合併營收647億元月減1597%年減2446%。
順德大陸蘇州廠區已於2月10日順利復工不過受到大陸嚴格管控疫情影響目前復工率低於往年不過順德主要廠區在台灣重要客戶訂單可由台灣廠區支應出貨可望降低大陸新冠肺炎疫情對生產及出貨的影響。
順德表示今年第1季營收有機會逐月成長單季合併營收將較去年第4季小幅衰退到持平。</t>
  </si>
  <si>
    <t>順德影響大陸合併去年疫情復工受到單季客戶肺炎農曆年長假季營機會</t>
  </si>
  <si>
    <t>順德2019年獲利1月合併營收復工新冠肺炎</t>
  </si>
  <si>
    <t>復工合併獲利肺炎順德</t>
  </si>
  <si>
    <t>臺灣攻擊譚德不滿歧視</t>
  </si>
  <si>
    <t>新冠肺炎疫情肆虐全球不過WHO 秘書長譚德塞卻將矛頭指向台灣痛批遭台灣人身攻擊和種族歧視此發言引爆台灣網友不滿對此網紅丹妮婊姐則在臉書砲轟：「對啊我們就是歧視你」立刻引發網友議論。WHO 秘書長譚</t>
  </si>
  <si>
    <t>網友臺灣who秘書長肆虐全球矛頭德塞炮轟妮婊歧視不滿對此立刻引發疫情</t>
  </si>
  <si>
    <t>新冠肺炎疫情肆虐全球不過WHO 秘書長譚德塞卻將矛頭指向台灣痛批遭台灣人身攻擊和種族歧視此發言引爆台灣網友不滿對此網紅丹妮婊姐則在臉書砲轟：「對啊我們就是歧視你」立刻引發網友議論。
WHO 秘書長譚德塞痛指控過去3個月遭台灣發起的種族歧視攻擊此舉讓網紅丹妮婊姐也在臉書發文回擊表示就是歧視譚德塞只不過不是歧視膚色黑而是「看起來有頭蝨還要教我們衛生」她舉例威爾史密斯來台宣傳時多少台灣粉絲到機場接機Kobe死掉時更是全台直男崩潰由此證明台灣人從來沒歧視過黑人此外更強調三個月前全台灣都忙著關心總統大選當時根本沒有人知道譚德塞是誰？接著狂酸：「少把自己講得很像國際巨星一樣」。
對於譚德塞控訴遭台灣霸淩丹妮婊姐更不諱言全是他罔顧台灣2300萬人衛生安全導致更怒嗆：「2300萬人的人命你don’t give a fuck這才叫霸淩」讓網友們紛紛大讚說得太好了。</t>
  </si>
  <si>
    <t>臺灣德塞歧視網友衛生妮婊who秘書長種族歧視肆虐全球</t>
  </si>
  <si>
    <t>譚德塞丹妮婊姐世界衛生組織WHO譚德塞</t>
  </si>
  <si>
    <t>世界衛生組織妮婊德塞who</t>
  </si>
  <si>
    <t>口號檢測部署超前星韓防疫對比</t>
  </si>
  <si>
    <t>新冠肺炎疫情持續升溫包括無症狀感染者、找不到感染源的患者以及院內群聚事件都陸續發生但中央流行疫情指揮中心近期才宣佈要在各地方社區成立篩檢站擴大檢疫量能遭醫界專家質疑超前部署政策淪為口號防疫動</t>
  </si>
  <si>
    <t>疫情政策部署超前質疑持續專家升溫包括症狀淪為檢疫感染者擴大感染成立患者</t>
  </si>
  <si>
    <t>新冠肺炎疫情持續升溫包括無症狀感染者、找不到感染源的患者以及院內群聚事件都陸續發生但中央流行疫情指揮中心近期才宣佈要在各地方社區成立篩檢站擴大檢疫量能遭醫界專家質疑超前部署政策淪為口號防疫動作根本是慢半拍恐有防疫黑數。
曾在SARS期間擔任防疫要職的不具名官員指出指揮中心雖強調目前國內單日的檢驗量能達2450件但事實上有很多個案都要等待48小時才拿到報告在等待結果期間民眾若不知已感染又趴趴走就會形成巨大防疫破口；目前僅42例確診個案不是國人特別幸運就是背後藏有巨大黑數。
該官員指出新加坡之所以能快速將疫情壓下就是擴大檢驗量能的超前部署策略成功。早在疫情剛發生時新加坡就已完成公共衛生場所作為篩檢站的指定安排且地毯式的追溯所有肺炎案例確診個案才會如雨後春筍般出現韓國目前快篩作法也是類似模式；但指揮中心還在討論如何設置社區篩檢站也難怪遭質疑是檢疫容量不足。
據瞭解春節期間各家醫院與多個地方政府早就研擬出一套超前部署的措施包含醫院內病患動線分流安排、特別門診設置甚至是隔離場所等分艙分流規畫對比中央近日才提出相關政策也被業界指為慢半拍。
前衛生署長葉金川也贊成擴大民間檢疫量能他指出國內應有能進行新冠病毒檢驗的民間機構若政府的量能有限不妨給予民間檢驗機構認證並訂出收費標準讓有疑慮的民眾或有需求的企業自行安排篩檢不僅能紓解中央的壓力也能達到擴大篩檢的目的。</t>
  </si>
  <si>
    <t>疫情防疫檢驗目前個案中央期間部署超前指揮中心擴大指出檢疫民間分流醫院民眾</t>
  </si>
  <si>
    <t>安排慢半拍篩檢量能檢驗</t>
  </si>
  <si>
    <t>安排檢驗</t>
  </si>
  <si>
    <t>az副作用太苦女神本土渙散</t>
  </si>
  <si>
    <t>17歲就參加甄選被發掘簽下的女星蘇晏霈擁有甜美陽光外型在本土劇圈耕耘多年深獲觀眾喜愛近來更接拍《我的婆婆怎麼那麼可愛》擔任第二女主角拓展演藝事業版圖人氣直線上升中而她經常透過社群跟粉絲分</t>
  </si>
  <si>
    <t>簽下女星上升蘇晏霈直線擁有人氣甜美版圖演藝事業陽光外拓展主角本土擔任耕耘可愛深獲婆婆接拍觀眾發掘經常喜愛近來甄選</t>
  </si>
  <si>
    <t>17歲就參加甄選被發掘簽下的女星蘇晏霈擁有甜美陽光外型在本土劇圈耕耘多年深獲觀眾喜愛近來更接拍《我的婆婆怎麼那麼可愛》擔任第二女主角拓展演藝事業版圖人氣直線上升中而她經常透過社群跟粉絲分享生活最近蘇晏霈po文透露去接種AZ疫苗曝光施打後自身的狀況坦言辛苦整整倒在床上兩天。
台灣經歷三級警戒如今雖然本土疫情已經趨緩但變種病毒來勢洶洶一個不慎很可能又要面臨困境不可不防而除了全民繼續堅持防疫守則外積極拉高全台疫苗施打率也是當務之急「本土劇女神」蘇晏霈基於保護自己也保護他人的心態昨(9/6)在臉書po文透露自己已經接種疫苗打的是AZ。
蘇晏霈在po文中表示接種AZ疫苗已經有3天了同時公開了打針當天以及現在的照片表示她打了AZ之後副作用頗強烈「躺在床上蓋著厚棉被發冷又發燙了兩天」直到第三天較為清醒才終於給自己拍了張照。
照片中已打完針3天的蘇晏霈還沒離開床舖躲在厚棉被裡自拍眼神明顯迷濛躺床自拍照相當唯美但這幾天卻是過得很苦她表示一直到現在身體狀況才恢復一些「只有躺到渙散、頭髮出油邋遢了一點點謝謝粉絲們、朋友滿滿的關心」文章一po出就有許多星友前來留言關心包括Gigi(林如琦)、白家綺、許富凱都要她不要逞強再多休息一下叮嚀她要好好補充維他命而看她施打AZ後副作用如此劇烈吳東諺則笑虧：「年輕人認證標章」此事引發了網友議論。</t>
  </si>
  <si>
    <t>蘇晏霈azpo本土疫苗已經施打表示關心粉絲床上棉被副作用現在</t>
  </si>
  <si>
    <t>蘇晏霈本土劇女神新冠肺炎疫苗AZ</t>
  </si>
  <si>
    <t>女神肺炎疫苗本土az蘇晏霈</t>
  </si>
  <si>
    <t>預算條例紓困簽署蔡英文</t>
  </si>
  <si>
    <t>因應新冠肺炎疫情立法院今天三讀通過紓困條例蔡英文總統下午隨即簽署後發布蔡英文感謝行政院和朝野政黨的立法效率強調接下來還有600億特別預算會送到立法院審議希望朝野能夠再度攜手盡速審議預算提供</t>
  </si>
  <si>
    <t>朝野法院蔡英文預算審議疫情下午總統今天條例發佈三讀通過感謝接下來立法還有紓困效率行政院特別政黨攜手強調能夠送到希望</t>
  </si>
  <si>
    <t>因應新冠肺炎疫情立法院今天三讀通過紓困條例蔡英文總統下午隨即簽署後發布蔡英文感謝行政院和朝野政黨的立法效率強調接下來還有600億特別預算會送到立法院審議希望朝野能夠再度攜手盡速審議預算提供防疫最有力的後盾。
根據立法院三讀通過的「嚴重特殊傳染性肺炎防治及紓困振興特別條例」規定經費上限為新台幣600億元經衛生機關認定須隔離或檢疫者等得申請「防疫補償」。
蔡英文總統今天下午召開簽署條例記者會表示謝謝朝野政黨合作在最短時間內通過「嚴重特殊傳染性肺炎防治及紓困振興特別條例」在面對疫情威脅時朝野展現出來台灣民主的效率。
她說稍早法案完成三讀後我們立即完成簽署讓防疫和紓困工作可以在更周全的法律基礎上更紮實的進行。
這幾天疫情在歐洲亞洲好幾個國家快速蔓延蔡英文表示在這個關鍵時刻謝謝蘇貞昌院長領導的行政院迅速檢討法規和預算編列針對防疫上有必要性的地方提出特別條例草案。
她也謝謝遊錫堃院長這是他就任立法院長後 通過的第一個草案在他折衝協調下朝野政黨攜手努力最後終於通過這部特別條例他要謝謝兩位院長和朝野黨團並表達最大謝意。
她說根據特別條例未來無論是防疫物資還是生產設備的徵用調用或針對物資囤積、哄抬或違反防疫措施散播不實訊息都有清楚的規定和處罰關於隔離檢疫措施的進行居家隔離的民眾和照顧隔離者的家屬如果收入有受到影響都可以申請防疫補助。
此外也會採取租稅鼓勵方式獎勵雇主給予薪資給在職隔離員工受疫情衝擊產業政府也會訂定紓困振興措施對員工需求提供必要的協助她相信通過特別條例的立法從行政院到立法院從執政黨到在野黨我們都有共同的目標就是盡力防堵疫情超前部署務必要確保國人健康安全和確保產業經濟的穩健。
她強調接下來還有600億特別預算會送到立法院審議希望朝野能夠再度攜手盡速審議預算提供防疫最有力的後盾「雖然挑戰一波接一波只要大家團結在一起只要政府民間共同努力我們一定可以通過考驗我們繼續加油」。</t>
  </si>
  <si>
    <t>防疫條例特別朝野疫情紓困立法隔離蔡英文可以院長措施預算政黨行政院謝謝簽署政府產業振興進行效率員工規定肺炎</t>
  </si>
  <si>
    <t>試驗疫苗很怕確診直擊</t>
  </si>
  <si>
    <t>新冠疫情看不到盡頭台灣採購的疫苗何時到貨沒人知道。國內3家生技業者中後來居上的高端疫苗已獲准進入第二期人體臨床試驗。《中時新聞網》記者去年底被抽中成為受測者今前往臺北榮總抽血現場參與測試的</t>
  </si>
  <si>
    <t>疫苗榮總臺北前往盡頭臺灣受測者成為採購抽中抽血去年底到貨記者沒人新聞網知道看不到試驗國內臨床獲准業者人體後來居上</t>
  </si>
  <si>
    <t>新冠疫情看不到盡頭台灣採購的疫苗何時到貨沒人知道。國內3家生技業者中後來居上的高端疫苗已獲准進入第二期人體臨床試驗。《中時新聞網》記者去年底被抽中成為受測者今前往臺北榮總抽血現場參與測試的人不多一名女性表示她真的很擔心被感染有施打疫苗的機會說什麼都要來試一下。
「我今天到醫院一路上都沒有標示照簡訊通知前往第三門診。」記者坦言能成為全台2萬名獲邀受測的對象之一心情相當興奮。到了現場先由胸腔科主治醫師問診聽呼吸、心跳後轉往第二門診由護理師進行說明後再抽血「抽的量很多我記得被抽了6管。」
記者表示護理人員表明今天的抽血將作為能否進入下一階段的參考若身體素質沒問題預計小年夜前一天、2月9日正式施打實驗疫苗。護理師也分享了已參與第一期人體臨床試驗的狀況「接種部位有點紅腫後遺症會疲倦、嚴重一點的會頭痛不過絕大部分人都OK。」
一名受測的女性表示她朋友已打過高端一期完全沒有不良反應所以她很放心「說真的我很怕感染新冠肺炎有機會提早打疫苗當然要來試。」
高端疫苗的第二期人體臨床試驗有一個機制叫做「雙盲機制」分成2組第1組接種真正的疫苗約86%的人；剩下14%的人使用安慰劑（外型相同、不含有效成分的針劑是05cc的生理食鹽水）。
接受測試者和研究人員在過程中都不知道使用哪一種針劑全憑機率決定。疫苗若研發成功廠商會提供接種「安慰劑」的受測者施打真正的新冠疫苗。</t>
  </si>
  <si>
    <t>疫苗記者抽血接種表示高端試驗臨床針劑人體現場前往安慰知道沒有進入受測者成為參與施打</t>
  </si>
  <si>
    <t>新冠疫苗高端測試榮總</t>
  </si>
  <si>
    <t>疫苗高端測試榮總</t>
  </si>
  <si>
    <t>疫苗肺炎強烈研發免疫反應牛津大學</t>
  </si>
  <si>
    <t>英國在台辦事處轉引牛津大學詹納研究所 (Jenner Institute) 成果指出「牛津冠狀病毒疫苗」產生強烈免疫反應沒有早期安全隱憂相關成果已經發表在科學雜誌「柳葉刀The Lancet」牛津大學發表的第一期/第二期（Pha</t>
  </si>
  <si>
    <t>成果牛津大學發表詹納研究所jenner科學雜誌institute已經指出疫苗產生強烈反應免疫沒有牛津冠相關隱憂病毒安全早期the柳葉刀轉引lancet辦事處英國pha</t>
  </si>
  <si>
    <t>英國在台辦事處轉引牛津大學詹納研究所 (Jenner Institute) 成果指出「牛津冠狀病毒疫苗」產生強烈免疫反應沒有早期安全隱憂相關成果已經發表在科學雜誌「柳葉刀The Lancet」
牛津大學發表的第一期/第二期（Phase I / II）實驗結果顯示沒有早期的安全隱憂並且在免疫系統的兩個部分均誘發了顯著的免疫反應。
牛津大學指出在接種兩劑疫苗的10名參與者中看到了最強的免疫反應這表明這可能是接種疫苗的良好策略。
英國I / II期試驗於今年4月開始測試牛津冠狀病毒疫苗ChAdOx1 nCoV-19。該團隊於2020年1月開始致力於開發針對冠狀病毒這一全球性威脅的疫苗並且在與冠狀病毒的競爭中以前所未有的緊迫性開展所有工作。
在I / II期試驗期間隨機對照試驗已對1000多名年齡在18至55歲之間的健康成人志願者進行了試驗評估。這些志願者的一部分（10人）接種了兩劑疫苗。在2020年4月23日至2020年5月21日之間有1077名志願者接種了ChAdOx1 nCoV-19疫苗或安慰劑MenACWY疫苗。目前試驗結果顯示沒有與ChAdOx1 nCoV-19相關的嚴重不良健康事件。
牛津大學正在與總部位於英國的全球生物製藥公司阿斯特捷利康（AstraZeneca）進一步合作在全球範圍內進行牛津疫苗臨床開發和生產的計劃以大規模生產疫苗並進而分發Covid-19疫苗。英國政府已挹注8400萬英鎊的資金推動此計畫以幫助加速疫苗的研發。</t>
  </si>
  <si>
    <t>疫苗牛津大學試驗接種病毒免疫反應chadox英國iincov-沒有全球成果進行健康開發志願者相關指出開始結果顯示之間發表隱憂安全兩劑牛津冠</t>
  </si>
  <si>
    <t>全球牛津大學疫苗免疫反應冠狀病毒</t>
  </si>
  <si>
    <t>反應疫苗免疫冠狀牛津大學病毒全球</t>
  </si>
  <si>
    <t>支持者原因口罩川普智商瞬間疫情</t>
  </si>
  <si>
    <t>新冠肺炎疫情持續肆虐全球其中以美國最為嚴重確診人數已經突破240萬人然而依舊不少民眾反對強制戴口罩其中佛羅裡達一場要不要強制戴口罩的聽證會中一名紅衣女子高分貝拒絕戴口罩更痛批這是「惡魔謀害人</t>
  </si>
  <si>
    <t>口罩強制持續肆虐全球美國最為嚴重確診疫情人數已經突破反對拒絕民眾聽證會肺炎女子紅衣惡魔佛羅里達</t>
  </si>
  <si>
    <t>新冠肺炎疫情持續肆虐全球其中以美國最為嚴重確診人數已經突破240萬人然而依舊不少民眾反對強制戴口罩其中佛羅裡達一場要不要強制戴口罩的聽證會中一名紅衣女子高分貝拒絕戴口罩更痛批這是「惡魔謀害人類的工具」影片上傳到推特後引起熱議「宅神」朱學恒也看傻直說智商瞬間降低100。
朱學恒分享影片表示「不知道上帝創造這些說口罩會殺人或者老娘不戴口罩因為這裡不是古巴的人目的是不是為了毀滅他們？我光看完這幾分鐘就覺得智商降低了一百多」。這名紅衣女子在聽證會上語無倫次宣稱口罩是惡魔用來殺害人類的工具要求民眾戴口罩的醫生們犯下了反人類罪「上帝不會放過這些人的」。
該女子甚至套用川普的陰謀論繼續指控微軟創辦人比爾蓋茲與前國務親希拉蕊都是戀童癖還是「秘密掌控美國的影子政府」成員要求警方逮捕他們更稱若5G出來後以後每個人都要被量體溫、被掃描。還有白衣女子激動大喊表示就如同自己不穿內衣一樣她拒絕戴口罩否則無法呼吸。
不少美國網友紛紛嘲諷：「看來川普找到最棒的祕書了」、「她們可以去當川普發言人」、「達爾文快點來把她們收走吧」、「川普跟他的信徒真是讓人大開眼界」。
朱學恒分享後台灣網友也留言：「所以老天開始過濾這些人了」、「快要可以跟上帝喝咖啡了」、「號稱世界強國的美國其國民還是很多民智未開…」、「進了棺材就可以去找上帝了不急」、「還好病毒專找不戴口罩的人我想這就是物競天擇吧」、「上帝覺得無辜」。</t>
  </si>
  <si>
    <t>口罩美國上帝川普女子可以朱學人類要求網友影片表示降低民眾拒絕</t>
  </si>
  <si>
    <t>口罩川普上帝朱學恒美國</t>
  </si>
  <si>
    <t>朱學上帝川普口罩美國</t>
  </si>
  <si>
    <t>感染北部確診友人聚會高雄驚</t>
  </si>
  <si>
    <t>高雄28日驚傳1例本土確診個案案15725出現相關症狀後在27日自行前往醫院被採檢確診疑似是被同住者傳染市府接獲通報後緊急匡列31位相關接觸者該名同住者也被採檢確診其餘30人快篩均呈陰性PCR還在等待</t>
  </si>
  <si>
    <t>確診相關同住者陰性本土個案通報傳染市府出現緊急症狀匡列似是</t>
  </si>
  <si>
    <t>高雄28日驚傳1例本土確診個案案15725出現相關症狀後在27日自行前往醫院被採檢確診疑似是被同住者傳染市府接獲通報後緊急匡列31位相關接觸者該名同住者也被採檢確診其餘30人快篩均呈陰性PCR還在等待結果當中目前尚未找到感染源。
根據市府衛生局疫調顯示案15725的同住者曾於7月13到16日及25、26日與友人聚會同住者於7月21日出現疑似確診的症狀案15725則在26日出現發燒、畏寒、疲倦等症狀隔日便自行騎機車到院採檢PCR檢驗結果陽性確診CT值僅129目前收住醫院負壓隔離病房。
高市府衛生局表示案15725的同住者被匡列後經過檢驗後也被判定確診CT值228相關人員疫調後發現該名同住者曾與北部友人多次聚會疑似被友人傳染後再傳染給案15725針對該名同住者與其他友人是否違反群聚規定尚在調查當中。
★《中時新聞網》提醒您：因應新冠肺炎疫情疾管署持續加強疫情監測與邊境管制措施 如有疑似症狀請撥打：1922專線或0800-001922並依指示配戴口罩儘速就醫同時主動告知醫師旅遊史及接觸史以利及時診斷及通報。</t>
  </si>
  <si>
    <t>確診同住者症狀市府相關友人當中接觸出現目前醫院pcr疫情結果傳染衛生局ct檢驗通報</t>
  </si>
  <si>
    <t>同住者高雄確診友人新冠肺炎</t>
  </si>
  <si>
    <t>確診友人高雄同住者肺炎</t>
  </si>
  <si>
    <t>做好員工確診衛生局北市複業適當桂林措施家樂福可以萬華</t>
  </si>
  <si>
    <t>位於臺北市萬華區的家樂福桂林店由於身處高風險熱區日前傳出2名員工確診因此在5月28日宣佈關店1周後又有5人PCR陽性共計7名員工染疫但家樂福桂林店以其餘員工健康無虞為由已在北市衛生局確認下準備明</t>
  </si>
  <si>
    <t>員工桂林家樂福衛生局北市為由確認健康周後關店宣佈pcr身處確診陽性傳出共計日前熱區</t>
  </si>
  <si>
    <t>位於臺北市萬華區的家樂福桂林店由於身處高風險熱區日前傳出2名員工確診因此在5月28日宣佈關店1周後又有5人PCR陽性共計7名員工染疫但家樂福桂林店以其餘員工健康無虞為由已在北市衛生局確認下準備明日上午恢復營業引發內部質疑是否不安全。
衛生局專委歐佳齡指出她雖不清楚個案細節但一般大賣場出現確診案例都會要求停業1、2天進行全面消毒相關接觸者也須接受採檢倘若採檢狀況無虞即可復業上班至於快篩陽性者則會進行隔離基本上營業場所若有做好適當措施衛生局不會禁止它復業。
家樂福桂林店日前於粉專透露將暫停營業等待政府單位批准才能復業據悉是因店內出現2名確診個案皆為雜貨員工正在隔離中其餘190名員工也隨即前往快篩雖然有7位為快篩陽性但最後只有5位PCR陽性隨即送往隔離場所目前桂林店共計有7人確診。
不過有內部員工擔心有員工的核酸檢測還沒出爐但明天卻要即刻恢復營業多少會有點怕怕的但家樂福仍說店內已全面消毒並經衛生局確認完畢目前情況沒問題因此才會恢復營業強調身體有狀況的員工都都不會上班。</t>
  </si>
  <si>
    <t>員工衛生局確診營業桂林家樂福複業恢復隔離個案進行出現目前全面陽性確認消毒日前隨即場所狀況</t>
  </si>
  <si>
    <t>新冠肺炎台灣家樂福桂林店萬華衛生局</t>
  </si>
  <si>
    <t>家樂福臺灣桂林肺炎萬華衛生局</t>
  </si>
  <si>
    <t>今天明天宣佈陳時中混打</t>
  </si>
  <si>
    <t>高端疫苗混打接種民眾施打日前出國指揮中心衛福部表示部長需求資料可以沒有科學公佈陳時中宣佈方案緊急</t>
  </si>
  <si>
    <t>疫苗高端混打施打接種委員會出國公佈陳時中民眾資料日前科學沒有指揮中心要求查驗提供證明檔入境有加</t>
  </si>
  <si>
    <t>疫苗臺灣混打肺炎科學資料</t>
  </si>
  <si>
    <t>台商抗體救人張上淳浙江答案</t>
  </si>
  <si>
    <t>大陸最近在試驗性的使用血漿療法許多人好奇是否能用浙江台商的血液來做血漿療法台大副校長、抗SARS專家張上淳表示目前暫不考慮因其體內的抗體不足若要用也是用已出院者的。血漿療法是把康復者的血液注射到</t>
  </si>
  <si>
    <t>血漿療法血液使用暫不考慮目前表示體內抗體不足張上淳專家sars浙江好奇校長能用台大台商是否康復者出院者</t>
  </si>
  <si>
    <t>大陸最近在試驗性的使用血漿療法許多人好奇是否能用浙江台商的血液來做血漿療法台大副校長、抗SARS專家張上淳表示目前暫不考慮因其體內的抗體不足若要用也是用已出院者的。
血漿療法是把康復者的血液注射到病患的體內但時間與劑量都需拿捏得當因此操作不易。近日大陸武漢市的醫院已開始在病患身上實施血漿療法臨床報告的結果也振奮人心但許多專家認為該療法仍需更多的實驗與研究來支持。
對此張上淳今下午在記者會上表示目前暫不考慮用浙江台商的抗體做血漿療法因為其中的抗體量不足若真的要嘗試這個試驗性療法會考慮使用「已經出院復原」的患者但整體的狀況仍在討論中。</t>
  </si>
  <si>
    <t>療法血漿考慮張上淳專家體內抗體使用不足血液浙江大陸表示目前台商試驗暫不整體患者復原</t>
  </si>
  <si>
    <t>養生健康血漿療法抗體浙江台商</t>
  </si>
  <si>
    <t>血漿抗體療法健康浙江養生台商</t>
  </si>
  <si>
    <t>不要侯友宜中央哽咽刁難接續民間確診慢性病疫苗</t>
  </si>
  <si>
    <t>雙北疫情延燒新北市長侯友宜30日疫情記者會表示越來越多長者因為有慢性病原本輕症瞬間轉重症送去ICU一下就走了他哽咽說現在是跟時間賽跑「他們都是我的新北市民、都是我的親人」新北除了不斷開病房</t>
  </si>
  <si>
    <t>新北疫情侯友宜現在哽咽記者會表示icu越來越重症長者慢性病瞬間原本親人賽跑市長</t>
  </si>
  <si>
    <t>雙北疫情延燒新北市長侯友宜30日疫情記者會表示越來越多長者因為有慢性病原本輕症瞬間轉重症送去ICU一下就走了他哽咽說現在是跟時間賽跑「他們都是我的新北市民、都是我的親人」新北除了不斷開病房出來也呼籲中央疫苗才是重點有很多民間企業、宗教團體要買疫苗盼中央不要再刁難希望可以「快一點」。
侯友宜在記者會一開始用台語向鄉親喊話今天開的集中檢疫中心馬上就滿新北市病床開到1330床還是不夠他認為疫苗才是最重要的紓解方式。
侯友宜說他跟中央拜託民間團體有這個心要協助買疫苗不要再刁難要「快一點」再慢進來不知道要走多少人這樣醫療量才能撐住。</t>
  </si>
  <si>
    <t>新北疫苗侯友宜中央記者會刁難不要疫情瞬間今天重症集中檢疫喊話</t>
  </si>
  <si>
    <t>新冠肺炎台灣  疫苗侯友宜刁難</t>
  </si>
  <si>
    <t>疫苗肺炎臺灣侯友宜刁難</t>
  </si>
  <si>
    <t>出爐黑暗代表看見年度希望臺灣</t>
  </si>
  <si>
    <t>台灣2020年度代表字今天出爐！結果襲捲全球的「疫」字獲得壓倒性勝利從66個字中脫穎而出拿下總票數82631票中的28441票票數幾乎是第2名「蓄」字的2倍。此外值得注意的是今年入選前10名的候選字中有5個是正</t>
  </si>
  <si>
    <t>今天出爐全球結果襲卷獲得脫穎而出勝利幾乎壓倒值得注意入選今年代表中的拿下票數年度臺灣</t>
  </si>
  <si>
    <t>台灣2020年度代表字今天出爐！結果襲捲全球的「疫」字獲得壓倒性勝利從66個字中脫穎而出拿下總票數82631票中的28441票票數幾乎是第2名「蓄」字的2倍。此外值得注意的是今年入選前10名的候選字中有5個是正向的是近5年來最多代表人們從黑暗中看見希望。
台灣2020年度代表字大選今（8）日公佈票選結果今年的年度代表字第1名至10名分別為「疫、蓄、悶、安、韌、惜、勇、偽、茫、封」回顧過去12年台灣年度代表字從2008年的「亂」、2009年的「盼」、2010年的「淡」、2011年的「讚」、2012年的「憂」、2013年的「假」、2014年的「黑」、2015年的「換」、2016年的「苦」、2017年的「茫」、2018年的「翻」到2019年的「亂」。
今年新冠肺炎疫情席捲全球幾乎改變了大眾的生活方式不過今年前10名的候選字中仍出現5個「正向」字也是近5年來最多正向字入選前10名的一年代表人們從黑暗中依舊能看見希望。
2020代表字「疫」也是獲得最多名人推薦的字前副總統陳建仁認為今年籠罩在百年大疫COVID-19的陰影下死亡超過百萬經濟嚴重衰退瘟疫、防疫、疫苗儼然成為整年的恐慌、試煉與盼望。疾管署長周志浩表示今年全世界生活都圍繞在「疫」這個字面對疫情你我皆「疫」無反顧、「疫」不容辭。</t>
  </si>
  <si>
    <t>今年代表年度全球疫情表字臺灣生活幾乎獲得結果正向入選希望人們疫苗防疫</t>
  </si>
  <si>
    <t>2020年度代表字台灣疫疫情新冠肺炎</t>
  </si>
  <si>
    <t>疫情臺灣表字年度肺炎</t>
  </si>
  <si>
    <t>證實未來返台動向房間展示歐陽娜</t>
  </si>
  <si>
    <t>歐陽龍與傅娟所生的三千金都往演藝圈發展其中二女兒歐陽娜娜於人氣及知名度上算是三姊妹中最高的曾被選為「95後新四小花旦」而有別於大姊妮妮娜娜近年將演藝重心放在大陸甚至公開高喊「我是中國人」</t>
  </si>
  <si>
    <t>甚至演藝圈發展大陸二女兒放在重心歐陽娜演藝人氣知名度近年娜娜算是妮妮姊妹公開有別於最高四小花旦被選為</t>
  </si>
  <si>
    <t>歐陽龍與傅娟所生的三千金都往演藝圈發展其中二女兒歐陽娜娜於人氣及知名度上算是三姊妹中最高的曾被選為「95後新四小花旦」而有別於大姊妮妮娜娜近年將演藝重心放在大陸甚至公開高喊「我是中國人」而今疫情高漲歐陽娜娜曝光了最新Vlog證實人返台住臺北但卻稱只是暫時。
目前因念大學及工作而在美國、中國大陸兩邊跑的歐陽娜娜近日在個人YouTube頻道分享最新Vlog主題是Room Tour根據內容描述她疑似因疫情而回到臺北同屋的還有姊姊歐陽妮妮而娜娜表示她在美國時一直有網友敲碗她拍Room Tour但她始終沒答應因為覺得房間是私密的個人空間也比較雜亂所以不方便分享然這次卻大方分享了台灣的房間她直言是因為：「這間房間我只是暫時回來住嘛我之後還是可能會回北京或者是去別的地方」多次強調僅暫住「等於說我走了之後這個房間還是會歸回原樣」。
歐陽娜娜在敏感時期返台加上「暫住說」因此被台灣網友認為就是「回台灣避難」等疫情過去就會離開因此酸言「祖國有難怎麼跑回來台灣你家鄉又不在這？」、「中國不是0確診嘛？幹嘛不回去自己的國家？」而陸網友大多表示看見她平安就放心了。</t>
  </si>
  <si>
    <t>歐陽娜臺灣疫情網友房間表示分享大陸美國中國返台tour臺北room暫住最新vlog回來妮妮娜娜</t>
  </si>
  <si>
    <t>歐陽娜娜歐陽妮妮歐陽龍傅娟新冠肺炎</t>
  </si>
  <si>
    <t>歐陽妮妮傅娟肺炎歐陽娜</t>
  </si>
  <si>
    <t>臺灣建議郵輪亞洲列為社區管局傳播地區</t>
  </si>
  <si>
    <t>美國疾管中心(CDC)呼吸道部門主任梅森尼爾(Nancy Messonnier)本週五以電話記者會的形式向美國民眾說明美國新冠肺炎的最新情況。梅森尼爾公開表示亞洲國家如新加坡、南韓、台灣、泰國、越南、香港與日本都</t>
  </si>
  <si>
    <t>梅森尼爾美國泰國臺灣南韓新加坡國家呼吸道亞洲越南cdc表示部門公開主任記者會情況nancymessonnier肺炎電話最新週五中心香港說明民眾形式</t>
  </si>
  <si>
    <t>美國疾管中心(CDC)呼吸道部門主任梅森尼爾(Nancy Messonnier)本週五以電話記者會的形式向美國民眾說明美國新冠肺炎的最新情況。梅森尼爾公開表示亞洲國家如新加坡、南韓、台灣、泰國、越南、香港與日本都已經出現社區傳播的情況。美國疾管中心建議國人避免搭乘郵輪前往亞洲地區旅行並已經對香港與日本發出第一級旅遊警示。
美國國務院先前已將大陸列為第四級旅遊警示地區代表「請勿前往」。若14天內有前往湖北地區的美國民眾返國之後必須隔離兩周。自大陸其他省份返國的民眾則需要接受健康檢查與自主檢疫隔離。而非美國公民只要14天內有大陸旅遊史一律禁止入境美國。
目前全美確診新冠肺炎的病例數達到34例其中18名病患是從「鑽石公主號」搭乘包機返美的美國乘客。
梅森尼爾表示美國尚未有社區傳播的情況發生但不排除未來發生的可能性甚至「非常有可能」發生。一旦出現社區傳播疾管中心會下令關閉學校及辦公場所避免造成大規模傳染疾管中心正在盡全力監控每個病例並跟各級醫院、藥局、醫療器材供應商密切合作防堵疫情在美國擴散。如果疫情繼續蔓延疾管中心也「準備好如何面對了」。</t>
  </si>
  <si>
    <t>美國中心梅森尼爾民眾情況旅遊病例前往搭乘社區隔離傳播避免香港肺炎大陸日本表示已經地區返國出現發生警示天內</t>
  </si>
  <si>
    <t>家教確診萬華疑為感染台中</t>
  </si>
  <si>
    <t>台中市府疫情指揮中心13日公佈擔任家教的30歲男性確診者（案15386）由於曾到台中參加豪宅派對疫調足跡到過臺北萬華、中正區以及信義區等多處地點目前相關接觸者已有4人確診 不排除家教男為感染源憂心足跡擴</t>
  </si>
  <si>
    <t>家教確診足跡台中中心感染公佈排除擔任地點目前相關信義接觸中正區萬華臺北男性</t>
  </si>
  <si>
    <t>台中市府疫情指揮中心13日公佈擔任家教的30歲男性確診者（案15386）由於曾到台中參加豪宅派對疫調足跡到過臺北萬華、中正區以及信義區等多處地點目前相關接觸者已有4人確診 不排除家教男為感染源憂心足跡擴大到臺北、台中與彰化等3縣市台中市府疫情指揮中心表示下午3時將在防疫記者會說明。
這名確診的男性家教目前住院隔離治療中衛生局持續進行疫調匡列的接觸者也居家隔離。
衛生局長曾梓展指出這名家教男6月25日之後即停止上課搬到台中市北區與友人同住無新冠肺炎相關症狀但7月5日曾與彰化個案15341接觸過11日經彰化衛生局通知為接觸者並安排採檢12日報告確診目前住院隔離治療中。
這起年輕人跨縣市的社交傳播鏈累計有4人染疫包括家教男及協助家教男搬家的男姓友人還有一名1歲創投男性業者確診另一名為銷售海產的業者。
這起年輕人跨縣市的社交傳播鏈累計有4人染疫引發台中、彰化縣市衛生局全面警戒懷疑感染源頭可能是這名家教男針對疫調足跡下午3時記者會進一步說明。</t>
  </si>
  <si>
    <t>家教確診台中接觸男性衛生局隔離足跡目前友人相關感染下午臺北記者會中心治療</t>
  </si>
  <si>
    <t>家教台中疫調新冠肺炎台灣</t>
  </si>
  <si>
    <t>台中肺炎家教臺灣</t>
  </si>
  <si>
    <t>雙和醫院繼續故意護理揮刀辱駡</t>
  </si>
  <si>
    <t>新北市洪姓確診男子上月31日情緒失控在雙和醫院持刀砍傷3名護理師其中一名護理師手部4韌帶2神經全斷復健期至少半年。雙和醫院秉持專業繼續醫治洪男竟還故意對醫護人員吐痰並用言語羞辱醫護人員在醫護人</t>
  </si>
  <si>
    <t>雙和醫院醫護人員男子上月故意情緒洪男失控羞辱言語神經醫治護理確診全斷複健繼續並用專業至少韌帶</t>
  </si>
  <si>
    <t>新北市洪姓確診男子上月31日情緒失控在雙和醫院持刀砍傷3名護理師其中一名護理師手部4韌帶2神經全斷復健期至少半年。雙和醫院秉持專業繼續醫治洪男竟還故意對醫護人員吐痰並用言語羞辱醫護人員在醫護人員協助其更換尿布時還用不雅言語辱罵使醫護人員相當氣憤。洪男今（10日）被依殺人未遂、重傷害等罪嫌起訴將送至台中看守所防疫中心羈押。
62歲洪男5月28日被衛生局通知確診新冠肺炎入住雙和醫院。31日上午7時許突然情緒失控怒喊：「不願意被隔離！」接著拿出入住時即攜帶的水果刀揮舞並砍傷3名護理師。
其中一名才20多歲的護理師傷勢嚴重右手4條韌帶2條神經被砍斷不但一段時間無法工作之後復健期恐長達半年過程將會相當辛苦。
洪男犯案後在警方戒護下由雙和醫院繼續醫治但洪男竟然惡性不改不顧感染風險故意對醫護人員吐痰並用言語羞辱醫護人員在醫護人員協助其更換尿布時還用不雅言語辱罵使醫護人員相當憤恨。
雙和醫院考量院內同仁承受心理壓力經和衛福部協調獲得同意已於3日將洪男轉送新竹空軍醫院。
新北地檢署今（10日）表示洪男不顧護理師呼救持刀捅刺被害人腹部多下已有殺人犯意向法院聲押獲准將送至台中看守所防疫中心羈押依殺人未遂、重傷害、傷害、強暴方法妨害醫事人員執行業務等罪嫌起訴。
檢方表示洪男轉院至新竹空軍醫院治療後經篩檢呈陰性無傳染疑慮但仍須自主健康管理由於看守所收容人數眾多為避免形成防疫破口洪男將移往台中看守所防疫中心羈押。</t>
  </si>
  <si>
    <t>洪男醫院雙和醫護人員相當護理看守所入住複健防疫失控神經罪嫌起訴不顧言語確診情緒醫治韌帶表示</t>
  </si>
  <si>
    <t>新冠肺炎台灣確診醫護護理師</t>
  </si>
  <si>
    <t>臺灣確診肺炎醫護護理</t>
  </si>
  <si>
    <t>新北影響肺炎扶僅</t>
  </si>
  <si>
    <t>教育部統一將學校開學延至25日新北市家扶中心8日於遠東百貨板橋中山店舉行「用愛補位」鼠來寶新春義賣為弱勢孩童籌募助學金受新冠肺炎影響減緩民眾外出意願攤位前門可羅雀今年義賣收入僅7000多元讓社</t>
  </si>
  <si>
    <t>義賣開學延至今年於遠東門可羅雀百貨板橋意願中山學校外出攤位民眾舉行減緩影響肺炎助學金籌募</t>
  </si>
  <si>
    <t>教育部統一將學校開學延至25日新北市家扶中心8日於遠東百貨板橋中山店舉行「用愛補位」鼠來寶新春義賣為弱勢孩童籌募助學金受新冠肺炎影響減緩民眾外出意願攤位前門可羅雀今年義賣收入僅7000多元讓社工同仁感到無比憂心。
家扶基金會為協助弱勢孩子籌募助學金從2月3日至9日止全台家扶中心舉辦共63場「用愛補位」鼠來寶新春義賣。
新北市家扶中心主任林夢萍表示今年義賣活動雖受到疫情的影響收入大幅減少但弱勢孩童在就學上的需求卻未因此而減少呼籲社會大眾在關注防疫的同時也能關懷弱勢家扶兒成長的需求民眾可利用線上捐款的方式幫助兒少安心上學。
林夢萍提到目前扶助家庭約2100戶、4000名弱勢兒童弱勢家庭期待子女能透過學習增加知識、儲備能力、翻轉貧窮。然孩童求學的過程中因經濟困境帶來不少貧頸與考驗為幫助弱勢孩子補足學習資源中心發起「安心上學計畫」盼社會大眾成為弱勢孩童求學路上的點燈人。
新北市家扶中心表示就讀大二的小宇就是家扶扶助的對象小宇因父母親離異自小便由父親獨自扶養長大但高二那年因父期突如其來的中風失去生活自主能力使得小宇必須一夜長大獨自扛起自身的生活及學習所需的開銷利用課餘時間外出打工賺取生活費。</t>
  </si>
  <si>
    <t>弱勢中心孩童義賣學習小宇外出新北生活利用能力民眾幫助長大影響獨自收入扶助求學上學安心今年需求社會大眾</t>
  </si>
  <si>
    <t>送別家屬機場返台帶病毒擁抱祖孫健康狀況秘魯曝光</t>
  </si>
  <si>
    <t>Delta印度變異株進入屏東社區自祕魯返台的祖孫遭質疑將變種病毒帶回台不過家屬卻表示當初持有3天前陰性PCR證明且在秘魯機場也有和家人擁抱送機至今未傳出身體不適抵達台後便回到屏東居家檢疫期間足不</t>
  </si>
  <si>
    <t>秘魯居家屏東社區回到台後抵達返台不適身體祖孫檢疫傳出至今變種質疑病毒送機帶回家屬擁抱表示當初持有</t>
  </si>
  <si>
    <t>Delta印度變異株進入屏東社區自祕魯返台的祖孫遭質疑將變種病毒帶回台不過家屬卻表示當初持有3天前陰性PCR證明且在秘魯機場也有和家人擁抱送機至今未傳出身體不適抵達台後便回到屏東居家檢疫期間足不出戶令人不免擔憂感染源究竟在哪。
據瞭解這對祖孫6月6日自秘魯返台途中至台南關廟休息站短暫休息後就一路南向至屏東枋山居家檢疫外傳期間曾為倒垃圾與鄰居打招呼導致鄰居也染上Delta病毒對此屏東縣長潘孟安則表示祕魯嬤並非走出來倒垃圾而是將垃圾放置門口鄰居曾好意詢問是否需要協助祕魯嬤則以「有專人會處理」回應期間足不出戶也未與鄰居有寒暄。
直到6月14日縣府人員透過居家關懷系統慰問祕魯嬤透露自己有症狀才通報救護車協助送醫第一時間未得知是確診上救護車前曾與鄰居短暫交談是否因此造成傳播仍有待釐清。
據《三立新聞》報導祕魯嬤兒子表示每年母親都會帶著他的孩子返回台灣住一段時間此次返回台灣是由哥哥親自開車載他們到秘魯機場也依照規定持著3天前陰性PCR證明上機前雙方互相擁抱才離開他們從祕魯飛至土耳其轉機再返台。
祕魯嬤兒子說若在祕魯已感染送母親去機場並擁抱道別的哥哥也會有症狀但至今身體健康都正常。對此屏東縣政府則回應於機場擁抱的家人可能都還在潛伏期詳細還是要諮詢指揮中心或專業醫師目前縣府仍以防堵病毒為首要工作。
★《中時新聞網》提醒您：因應新冠肺炎疫情疾管署持續加強疫情監測與邊境管制措施 如有疑似症狀請撥打：1922專線或 0800-001922 並依指示配戴口罩儘速就醫同時主動告知醫師旅遊史及接觸史以利及時診斷及通報。</t>
  </si>
  <si>
    <t>秘魯鄰居擁抱病毒機場症狀返台表示居家醫師期間縣府感染疫情短暫救護車協助哥哥</t>
  </si>
  <si>
    <t>新冠肺炎印度變異株Delta祕魯嬤確診</t>
  </si>
  <si>
    <t>變異印度delta肺炎秘魯確診</t>
  </si>
  <si>
    <t>大街人潮稀落重災區疫情丁成叫苦</t>
  </si>
  <si>
    <t>上周清明連假屏東墾丁大街湧現人潮中央也緊急發出國家級警報本週末縣府加強大街防疫週五、六晚上實施人車分離、管制人流、戴口罩、量體溫等措施。不過受到國家警報影響墾丁週末住房率不到2成大街十分空盪</t>
  </si>
  <si>
    <t>大街週末警報管制人流分離口罩實施體溫晚上措施週五受到防疫住房國家湧現加強影響</t>
  </si>
  <si>
    <t>上周清明連假屏東墾丁大街湧現人潮中央也緊急發出國家級警報本週末縣府加強大街防疫週五、六晚上實施人車分離、管制人流、戴口罩、量體溫等措施。不過受到國家警報影響墾丁週末住房率不到2成大街十分空盪冷清攤商們有苦難言。
墾丁大街自從上周發出國家級警報後遊客都被嚇跑了本周大街幾無人潮。週末縣府加強防疫實施人車分流大街徒步區、口罩臨檢、量體溫等措施縣府人員及員警在路口宣導口罩勿亂丟、保持社交安全距離、戴口罩、勤洗手、勿邊走邊吃並準備1000個口罩備用。
10日晚上逛街人潮不多大街冷冷清清有遊客笑說「宣導人員和員警比遊客還多」、「這麼空曠要保持多大社交距離都沒問題。」不過攤商們全笑不出來不少人乾脆不擺攤了整條大街從原本最多時約400攤只剩下約40、50攤。
王姓攤商表示墾丁現在已變成「疫情重災區」遊客來過後返家還要自主健康管理誰敢來？清明連假後他的收入只剩2成。飯店業者表示三月週六的住房率還有7成現在只剩2成國家防疫一定配合但墾丁已變成全國矚目指標業者要顧飯碗又不敢高調促銷真是啞吧吃黃蓮。
此外縣府也於用餐時間到各餐廳宣導用餐採梅花座並加強環境清潔維護飯店及民宿也要落實及追溯旅宿實名制登記。縣府強調後續的五一勞動節、端午節等假期只要疫情未趨緩墾丁大街都會繼續施行相關防疫措施。待疫情趨緩後希望讓國人重拾消費信心多到恆春半島旅遊。</t>
  </si>
  <si>
    <t>大街縣府口罩遊客防疫疫情人潮加強措施警報週末人員晚上宣導表示變成</t>
  </si>
  <si>
    <t>大街墾丁口罩新冠肺炎武漢肺炎</t>
  </si>
  <si>
    <t>口罩肺炎武漢大街</t>
  </si>
  <si>
    <t>向陽明湖影響住宿城市減半疫情</t>
  </si>
  <si>
    <t>新冠肺炎疫情延燒民眾不只紛紛配戴口罩政府也呼籲要保持室外1公尺、室內15公尺的社交距離甚至連遠在高山上的「嘉明湖山屋」及「向陽山屋」避難山屋住宿人數降半同時在登山口測量體溫發燒山友禁止入山。林</t>
  </si>
  <si>
    <t>民眾測量體溫紛紛登山人數配戴口罩政府呼籲山上遠在保持疫情室外甚至室內社交距離發燒住宿明湖</t>
  </si>
  <si>
    <t>新冠肺炎疫情延燒民眾不只紛紛配戴口罩政府也呼籲要保持室外1公尺、室內15公尺的社交距離甚至連遠在高山上的「嘉明湖山屋」及「向陽山屋」避難山屋住宿人數降半同時在登山口測量體溫發燒山友禁止入山。
林務局台東林區管理處因應疫情最新公告自即日起調降住宿人數並配合相關防疫管理作業額溫高於375℃或耳溫高於38℃者禁止入山以減少發生群聚感染事件。
台東林管處表示為了配合中央流行疫情指揮中心4月1日發布的「社交距離注意事項」自4月7日起「嘉明湖山屋」及「向陽山屋」原每日可住宿人數為70人將各調降住宿人數為35人4月7但已申請核准者不受影響如主動提出退費可退還其住宿費用。
另外台東林管處表示在嘉明湖國家步道登山服務站入口處 (向陽遊樂區大門)對住宿山屋人員實施體溫量測額溫高於375℃或耳溫高於38℃者禁止登山活動及並要求下山無法下山者將強制要求配戴口罩並請與其他山友保持社交距離避免群聚感染。</t>
  </si>
  <si>
    <t>住宿疫情登山社交人數距離明湖配戴配合口罩管處表示保持禁止入高於向陽要求感染</t>
  </si>
  <si>
    <t>新冠肺炎嘉明湖向陽住宿體溫</t>
  </si>
  <si>
    <t>明湖肺炎向陽住宿體溫</t>
  </si>
  <si>
    <t>上市負責不良反應引發柯文哲政府eua賠償疫苗</t>
  </si>
  <si>
    <t>全國接種疫苗後嚴重不良反應人數持續增加雖然不一定皆有因果關係但外界也響起放寬救濟給付審議標準的呼聲。臺北市長柯文哲8日指出既然台灣有藥害救濟基金制度有做完整臨床三期的藥物賠給民眾的錢就從該基</t>
  </si>
  <si>
    <t>救濟嚴重不良反應藥物人數臨床持續完整增加一定因果臺北市關係呼聲柯文哲標準審議臺灣響起給付放寬指出</t>
  </si>
  <si>
    <t>全國接種疫苗後嚴重不良反應人數持續增加雖然不一定皆有因果關係但外界也響起放寬救濟給付審議標準的呼聲。臺北市長柯文哲8日指出既然台灣有藥害救濟基金制度有做完整臨床三期的藥物賠給民眾的錢就從該基金去支出若沒有就由政府出錢賠償但兩者審查標準要一樣。
北市府下午舉行防疫記者會柯文哲指出藥物進行完整臨床三級試驗、取得藥證、拿到市面兜售時要提供一定比例的錢給藥害救濟基金將來用藥出現問題時只要醫生有判定這是因藥物引起的不良反應即可使用該基金來補償病人他過去曾擔任藥害救濟基金的委員因此很清楚程式。
柯文哲解釋EUA（緊急使用授權）是疫苗沒有完整做完的臨床三級試驗國家基於緊急需要特許該疫苗在沒做完整試驗的情況下上市倘若出現因藥物引起的副作用特別是嚴重不良反應到底是誰要賠這筆錢答案是政府賠。
柯文哲認為既然台灣有藥害救濟基金制度有做完整臨床三期的藥物賠給民眾的錢就從該基金去支出若藥物沒有做完臨床三期而是用EUA去授權使用如果出現副作用就直接由政府來付錢但兩者審查標準可以一樣意即出錢單位不同但使用相同的審查標準、制度。</t>
  </si>
  <si>
    <t>基金藥物柯文哲救濟使用標準完整出現臨床不良反應藥害試驗疫苗審查政府一定沒有嚴重指出出錢緊急</t>
  </si>
  <si>
    <t>新冠肺炎台灣EUA臨床疫苗</t>
  </si>
  <si>
    <t>肺炎臺灣eua臨床疫苗</t>
  </si>
  <si>
    <t>復工要件疫情蓋茲缺一不可</t>
  </si>
  <si>
    <t>億萬富翁慈善家比爾·蓋茨（Bill Gates）在週四的部落客文章中概述了世界需要採取哪些行動來制止新冠肺炎流行並重新開放經濟。蓋茨說世界必須改善其治療方法疫苗測試和接觸者追蹤。他說大陸還需要研究其開</t>
  </si>
  <si>
    <t>世界需要gates週四部落文章大陸bill概述追蹤肺炎制止流行接觸疫苗採取行動測試重新方法開放治療經濟</t>
  </si>
  <si>
    <t>蓋茨測試需要人們方法疫苗世界國家治療開放表示流行認為進行可能使用戰爭應該追蹤接觸創新感到</t>
  </si>
  <si>
    <t>世界新冠肺炎蓋茨疫苗測試</t>
  </si>
  <si>
    <t>蓋茨肺炎疫苗世界測試</t>
  </si>
  <si>
    <t>資訊上身民眾接受焦慮</t>
  </si>
  <si>
    <t>新冠肺炎引發人心惶惶高雄凱旋醫院發現2月中旬過後有部分原有焦慮症狀的民眾回診比例增高大多接收太多新聞資訊引發過度恐慌影響心情及睡眠品質。醫師呼籲盡量轉移注意力鼓勵多到戶外走一走調適身心</t>
  </si>
  <si>
    <t>引發戶外鼓勵注意力人心惶惶轉移儘量高雄呼籲凱旋醫師發現品質醫院月中睡眠過後部分原有心情焦慮症狀影響民眾回診恐慌比例</t>
  </si>
  <si>
    <t>新冠肺炎引發人心惶惶高雄凱旋醫院發現2月中旬過後有部分原有焦慮症狀的民眾回診比例增高大多接收太多新聞資訊引發過度恐慌影響心情及睡眠品質。醫師呼籲盡量轉移注意力鼓勵多到戶外走一走調適身心。
凱旋醫院成癮防治科主治醫師高維聰表示原本有一些焦慮個案受到疫情資訊影響使得原本穩定的病況又開始出現症狀因此頻頻回診大部分主訴看太多新聞報導而忍不住去想。
高維聰提到過去台灣民眾因為擔心被SARS感染恐慌持續好一陣子這次新型冠狀肺炎全台瘋搶口罩現象被媒體反覆與大量播送後對閱聽民眾影響自然有不斷放大效果。
他認為現階段除極少數感染或疑似感染而遭受隔離者外絕大多數民眾是安全的如何避免過度暴露在大量災難資訊的衝擊情境中保有正常作息與穩定心情是自我保護的重要原則。
他指出現代社會人際關係原已疏離、冷漠受到疫情影響人們更避免親密人際關係接觸使脆弱的人際互動更加惡化恐懼、壓力是焦慮症的禍首疫情肆虐下恐使憂鬱症及焦慮症這兩大心理疾病更為嚴重。面對新冠肺炎他籲不可掉以輕心無論生理或心理尋求專業人員的協助與建議極有必要。</t>
  </si>
  <si>
    <t>民眾影響焦慮肺炎疫情感染人際關係心情恐慌穩定凱旋醫院原本過度避免資訊回診症狀引發受到鼓勵</t>
  </si>
  <si>
    <t>肺炎大量焦慮感染民眾</t>
  </si>
  <si>
    <t>焦慮感染民眾肺炎</t>
  </si>
  <si>
    <t>目前侯友宜須先專心研討會防疫黨中央工作出席</t>
  </si>
  <si>
    <t>新北市長侯友宜22日被媒體問到是否會出席黨中央舉辦的研討會侯友宜表示現在都一心一意對抗疫情對其他事情沒想太多把市長的工作做好這才是最重要的。侯友宜強調新北市有許多歸國學子他必須要先將這些人</t>
  </si>
  <si>
    <t>侯友宜市長新北必須學子歸國強調對抗事情疫情沒想一心一意重要工作現在表示研討會舉辦是否黨中央出席才是問到做好</t>
  </si>
  <si>
    <t>新北市長侯友宜22日被媒體問到是否會出席黨中央舉辦的研討會侯友宜表示現在都一心一意對抗疫情對其他事情沒想太多把市長的工作做好這才是最重要的。
侯友宜強調新北市有許多歸國學子他必須要先將這些人照顧好；媒體再追問會派人代表參加嗎侯僅簡短回應「我現在以防疫為最重要」。</t>
  </si>
  <si>
    <t>侯友宜現在媒體市長重要新北必須代表學子歸國照顧追問會派侯僅參加對抗事情沒想簡短回應疫情</t>
  </si>
  <si>
    <t>侯友宜工作市長國民黨研討會</t>
  </si>
  <si>
    <t>國民黨研討會市長工作侯友宜</t>
  </si>
  <si>
    <t>登場影展敬驊奇幻開幕金馬</t>
  </si>
  <si>
    <t>「2020金馬奇幻影展」不受新冠肺炎疫情影響4月如期於臺北、台中登場26日公佈開幕片為青春愛情片《刻在你心底的名字》電影找來《返校》暴紅的「國民學弟」曾敬驊和《紅色氣球》陳昊森主演在片中展開動人的同</t>
  </si>
  <si>
    <t>陳昊肺炎氣球疫情紅色影響敬驊如期臺北學弟國民台中登場公佈返校主演不受開幕找來青春電影愛情名字</t>
  </si>
  <si>
    <t>「2020金馬奇幻影展」不受新冠肺炎疫情影響4月如期於臺北、台中登場26日公佈開幕片為青春愛情片《刻在你心底的名字》電影找來《返校》暴紅的「國民學弟」曾敬驊和《紅色氣球》陳昊森主演在片中展開動人的同志純愛顏值和演技破表。曾敬驊得知該片獲選開幕片時相當開心而陳昊森則在擔心自己是否要準備搶票興奮地說：「知道入選金馬奇幻影展開幕片這也太棒了啦！」
《刻在你心底的名字》由柳廣輝執導故事聚焦在80年代剛解嚴的台灣曾敬驊與陳昊森在片中碰觸禁忌、火花四濺。以《我可能不會愛你》、《花甲男孩轉大人》多次囊括金鐘獎的瞿友寧這回監製、編劇《刻在你心底的名字》他在臉書寫道：「每一部電影都是心頭肉這部尤是。」他也期盼「世界快快健康起來」希望疫情有所控制。
影展加強防疫
影展也搶先曝光3部新片包括香港導演袁劍偉與金馬影后老婆林嘉欣2度合作的《死因無可疑》該片原定去年12月在港上映不過至今延檔台灣觀眾有機會先在影展一睹大銀幕風采。林嘉欣日前受訪表示夫妻檔合作《暗色天堂》她緊張很多事這次老公已有經驗她則專心做演員工作就好。
此外賴雅妍、禾浩辰大戰活屍立委的黑色喜劇《逃出立法院》、 Netflix華語原創影集《誰是被害者》都將在影展首映。2020金馬奇幻影展臺北4月10至19日台中4月17至26日舉行因應新冠肺炎防疫需求影展期間會加強防疫措施。</t>
  </si>
  <si>
    <t>影展開幕陳昊心底名字合作林嘉欣臺灣曾敬驊疫情奇幻電影防疫金馬片中肺炎臺北台中</t>
  </si>
  <si>
    <t>大戰肺炎名字林嘉欣陳昊森</t>
  </si>
  <si>
    <t>名字肺炎陳昊林嘉欣大戰</t>
  </si>
  <si>
    <t>病毒突破日本冠狀研究病例皮膚存活全球小時</t>
  </si>
  <si>
    <t>疫情似乎世界分裂國際表示減緩跡象guterresantonioworldometers即時特瑞資料全球秘書長確診聯合國病例累計人數突破死亡</t>
  </si>
  <si>
    <t>研究疫情病毒皮膚風險洗手小時死亡相較人類經常降低sars-cov-發現造成接觸傳染增加冠狀報導肺炎感冒全球</t>
  </si>
  <si>
    <t>新冠新冠病毒9小時人類風險</t>
  </si>
  <si>
    <t>小時病毒人類風險</t>
  </si>
  <si>
    <t>輝瑞疫苗以色列失敗被迫銷毀協商</t>
  </si>
  <si>
    <t>英國《衛報》（The Guardian）2日報導在「技術問題」下以色列原本即將與英國達成的輝瑞（Pfizer）／BNT新冠肺炎（COVID-19）疫苗交換協議已宣告失敗這批數量超過百萬劑的疫苗恐在7月底過期後被迫銷毀。根據</t>
  </si>
  <si>
    <t>疫苗英國月底報導技術超過問題數量以色列失敗原本協定交換達成輝瑞pfizercovid-bnt肺炎過期guardian宣告</t>
  </si>
  <si>
    <t>英國《衛報》（The Guardian）2日報導在「技術問題」下以色列原本即將與英國達成的輝瑞（Pfizer）／BNT新冠肺炎（COVID-19）疫苗交換協議已宣告失敗這批數量超過百萬劑的疫苗恐在7月底過期後被迫銷毀。
根據報導以色列原本提出將這批即將過期的輝瑞／BNT疫苗交給英國並換取後者預定9月到貨的同款疫苗。由於英國政府有意於19日解除所有強制性的口罩和社交距離規定故希望在此之前盡可能增加疫苗施打數量雙方談判一度有所進展。
不過一名以色列外交官2日表示儘管雙方都有意願進行交換但最後由於「技術原因」導致計畫並未成功。且輝瑞公司也已拒絕以色列延長疫苗有效期限的要求稱無法保證這批疫苗在過期後的安全性。
6月時以色列也有意與巴勒斯坦自治政府交換約100萬劑疫苗不過後者稍後拒絕稱「不願意接收即將過期的疫苗」。《以色列時報》（The Times of Israel）1日指出這批將在7月底過期的疫苗共有約140萬劑以色列政府可能將其中60萬劑用於為30萬名12至15歲的青少年接種剩下的則賣給他國或與他國交換並稱已和3個國家接觸但並未透露進一步資訊。
不過由於對延長疫苗有效期限的研究已在進行中世界衛生組織（WHO）呼籲各國暫緩銷毀過期疫苗避免浪費。英國疫苗接種和免疫聯合委員會（Joint Committee On Vaccination And Immunisation JCVI）教授芬恩（Adam Finn）表示希望能盡快找到解決方法因為在全球明顯處於疫苗短缺之下「我們不能就這樣把它們扔掉」。</t>
  </si>
  <si>
    <t>疫苗以色列過期交換英國希望表示雙方有意進行技術接種並未數量拒絕銷毀報導bnt有效期限月底原本延長輝瑞the</t>
  </si>
  <si>
    <t>新冠肺炎全球疫苗過期以色列</t>
  </si>
  <si>
    <t>肺炎疫苗全球過期以色列</t>
  </si>
  <si>
    <t>瑞德西韋臨床試驗喊停疫情</t>
  </si>
  <si>
    <t>美國吉利德公司研發的抗病毒藥物瑞德西韋（remdesivir）已經停止了在大陸的2項臨床試驗：成人重症試驗和成人輕症和中度症狀組的臨床試驗原因是疫情已受控已無符合條件患者加入。澎湃新聞報導臨床實驗網站Cli</t>
  </si>
  <si>
    <t>臨床試驗澎湃研發加入患者符合條件病毒藥物瑞德西韋remdesivir新聞報導已經公司成人原因停止大陸疫情臨床實驗症狀</t>
  </si>
  <si>
    <t>美國吉利德公司研發的抗病毒藥物瑞德西韋（remdesivir）已經停止了在大陸的2項臨床試驗：成人重症試驗和成人輕症和中度症狀組的臨床試驗原因是疫情已受控已無符合條件患者加入。
澎湃新聞報導臨床實驗網站ClinicalTrialsgov顯示根據4月15日的最新更新瑞德西韋在大陸的新冠肺炎成人重症試驗狀態為「終止」原因顯示為：「中國的新冠肺炎疫情已經得到良好控制當前沒有符合條件的患者入組。」
與此同時瑞德西韋在大陸的新冠肺炎成人輕症和中度症狀組的臨床試驗狀態也已更新為「暫停」原因顯示為：「當前新冠肺炎疫情已得到良好控制沒有符合條件的患者入組。」
對此製藥商吉利德公司表示：「我們被告知由於入組人數低由中國研究機構牽頭的瑞德西韋針對新型冠狀病毒肺炎重症患者和輕中症患者的兩項臨床研究已提前終止。我們期待著這些資料的發表和對結果的深入評審。」
吉利德公司表示找到新型冠狀病毒肺炎的治療方法對於患者、醫護人員和社區抗擊這種病毒非常重要。瑞德西韋是一種在研藥物尚沒有得到任何監管機構的批准。我們正在通過多項正在進行的研究快速而審慎地確定瑞德西韋的安全性和有效性「我們預計在未來幾周內獲得由吉利德發起的三期臨床試驗的資料。」
「我們的目標是迅速增加關於瑞德西韋的應用資料並在適當的情況下努力使這種在研藥物在最需要的患者中得到更廣泛的應用。」吉利德公司表示這些資料可能有助於我們理解瑞德西韋作為新型冠狀病毒肺炎治療藥物的潛力。”
據外媒4月15日報導Evercore ISI分析師Umer Raffat在4月15日的一份報告中表示為新冠肺炎尋找治療方法而在中國大陸發起的一系列試驗中尋找足夠的參與者變得困難。同時他也指出「我們不能忽略這樣一個事實即如果瑞德西韋有顯著的療效那麼試驗是有可能繼續進行的。」
4月11日吉利德在頂級期刊《新英格蘭醫學雜誌》（NEJM）上發佈了瑞德西韋（Remdesivir）治療新冠肺炎（COVID-19）的首個臨床研究結果。
結果顯示在53名來自美國、歐洲、加拿大及日本的嚴重和危重新冠肺炎患者中瑞德西韋給68％（36人）的患者帶來臨床改善。其中57％（30／53）接受機械通氣的患者中有17例已拔管。共有47％（25／53）的患者出院13％（7／53）患者死亡；在接受有創通氣的患者中死亡率為18％（6／34）而未接受有創通氣的患者為5％（1／19）。上述患者都是在同情用藥情況下接受瑞德西韋治療的。
在安全性方面總計32名患者（60％）出現副作用最常見的是肝臟酶指標升高、腹瀉、皮疹、腎功能障礙和高血壓。總計12名（23％）患者出現嚴重副作用其中包括多器官功能障礙綜合征、敗血性休克、急性腎臟損傷和高血壓。
另外接受治療的53名患者中有7名在完成瑞德西韋治療後死亡其中包括6名接受有創通氣的患者和1名接受無創氧氣支持的患者。
瑞德西韋目前尚未在全球任何國家獲得批准對於治療新型冠狀病毒肺炎的安全性或有效性尚不明確。</t>
  </si>
  <si>
    <t>瑞德西韋患者肺炎治療臨床試驗病毒接受吉利藥物研究資料表示得到公司冠狀中國大陸安全性顯示</t>
  </si>
  <si>
    <t>新冠肺炎疫情瑞德西韋臨床試驗暫停</t>
  </si>
  <si>
    <t>瑞德西韋疫情肺炎臨床試驗暫停</t>
  </si>
  <si>
    <t>關?張上淳鮭魚機會疫情</t>
  </si>
  <si>
    <t>北京新冠肺炎疫情再起外傳感染源可能來自國外進口的生鮭魚對此中央流行疫情指揮中心專家小組召集人張上淳表示魚本身不太會感染新冠病毒但確實有可能在輸出過程中表面和包裝被汙染不過要藉由這樣傳染給</t>
  </si>
  <si>
    <t>可能疫情感染包裝表面過程輸出污染召集人指揮中心流行中央專家對此小組鮭魚進口張上淳確實表示國外來自病毒</t>
  </si>
  <si>
    <t>北京新冠肺炎疫情再起外傳感染源可能來自國外進口的生鮭魚對此中央流行疫情指揮中心專家小組召集人張上淳表示魚本身不太會感染新冠病毒但確實有可能在輸出過程中表面和包裝被汙染不過要藉由這樣傳染給人總體的機會是小的。
針對北京近日爆發第二波新冠肺炎張上淳表示目前所獲的資訊不多除疾管署接獲的資訊之外大多是由媒體才知相關消息目前已知當地有針對新發地市場進行環境採檢發現除了接觸魚的相關物品外環境中還有許多地方也發現新冠病毒。
張上淳表示鮭魚砧板上驗出新冠病毒有兩個可能性一是那個環境下已經有很多人帶病毒才可能散播到砧板上；另一可能就是魚本身就帶病毒。
張上淳說基本上魚不太會感染新冠病毒因為魚沒有像人這樣的肺部組織因此不太可能是魚本身所造成的但至於魚的表面是否在輸出過程中被汙染或是魚的包裝有汙染這確實有可能。
張上淳指出冷凍確實是能讓病毒存活時間更長但某些魚因為汙染而被帶進輸入國汙染到相關器皿和食品本身通常要有相當程度的汙染才會造成人體受到感染整體來說機會比較小但仍不排除這個可能性目前仍需更多科學證據佐證。
張上淳說至於病毒株的種類人來人往每個國家多少都有帶到其他國病毒株因此無法靠這樣來說是經由哪個途徑帶入病毒的。</t>
  </si>
  <si>
    <t>病毒張上淳污染可能感染相關目前環境表示疫情鮭魚確實發現機會至於造成可能性</t>
  </si>
  <si>
    <t>張上淳汙染機會新冠病毒第二波</t>
  </si>
  <si>
    <t>機會病毒污染張上淳</t>
  </si>
  <si>
    <t>境外基金規模新低</t>
  </si>
  <si>
    <t>新冠疫情影響到各行各業的生計境外基金也出現「大失血」除了淨值重摔外因投資人在3月瘋狂大贖回讓境外基金規模降到3兆元以下是近六年來的新低。據投信投顧公會最新資料顯示境外基金規模3月底降至2823兆</t>
  </si>
  <si>
    <t>境外基金規模各行各業生計最新顯示淨值以下資料投資人失血瘋狂降到出現影響贖回新低公會重摔</t>
  </si>
  <si>
    <t>新冠疫情影響到各行各業的生計境外基金也出現「大失血」除了淨值重摔外因投資人在3月瘋狂大贖回讓境外基金規模降到3兆元以下是近六年來的新低。
據投信投顧公會最新資料顯示境外基金規模3月底降至2823兆元來到2014年1月底的新低。2月底時境外基金的規模還有3495兆元短短一個月縮水了6720億元尤其海外債券基金更是重災區。
基優網執行長白富美表示2019年台灣人每月都淨申購債券基金2月依舊都有兩、三百億元淨申購規模惟3月全球市場因為新冠肺炎疫情大流行重挫美國全球金融市場重摔台灣投資人3月淨贖回境外債券基金高達1189億元導致第一季境外基金資金由淨流入轉為淨流出。相較去年台灣人淨申購境外債券基金高達新台幣3675億元第一季淨贖回金額即佔有去年淨申購規模的三分之一。
根據境外基金觀測站、Fundlover的資料顯示最近一季流出最多的前十檔境外基金以風險性債券基金為主。不過這十檔基金淨值在4月份都明顯彈升至4月29日止有五檔近月彈升了5％以上分別是安聯收益成長（822％）、鋒裕匯理新興市場債基金（583％）、摩根中國美元（1014％）、富達新興市場基金（774％）以及施羅德環球高收益債美元（527％）。3月份贖回這些基金的投資人恐會相當扼腕。
第一季也有數十檔境外基金逆勢吸金前五名分別是摩根環球債收益基金、NN（L）新興市場債基金、PIMCO多元收益債基金、貝萊德世界能源基金及聯博全球多元收益基金其中前二名的基金第一季淨流入更逾百億元可說是疫情下的境外基金最大受惠者。</t>
  </si>
  <si>
    <t>基金境外規模債券收益贖回市場全球疫情申購重摔投資人月份分別流出顯示新低臺灣人資料去年</t>
  </si>
  <si>
    <t>投資人境外基金基金新低贖回</t>
  </si>
  <si>
    <t>基金境外新低投資人贖回</t>
  </si>
  <si>
    <t>肺炎果然確診十月夫婦川普驚奇</t>
  </si>
  <si>
    <t>美國總統川普和第一夫人梅蘭妮亞確診得到新冠肺炎。網友對此大驚這真的是God bless America了！還有網友大驚果然是十月驚奇！據《每日郵報》指出根據一名川普政府匿名官員表示剛一同與川普參加9月29日辯論的</t>
  </si>
  <si>
    <t>川普網友一同梅蘭妮亞匿名確診政府得到指出郵報驚奇肺炎十月夫人表示對此果然官員真的還有godblessamerica參加</t>
  </si>
  <si>
    <t>美國總統川普和第一夫人梅蘭妮亞確診得到新冠肺炎。網友對此大驚這真的是God bless America了！還有網友大驚果然是十月驚奇！
據《每日郵報》指出根據一名川普政府匿名官員表示剛一同與川普參加9月29日辯論的希克斯隔日仍與川普同搭機赴造勢大會但她已於1日確診為川普身旁傳出確診的所有人士中最接近他的一位。隨後川普在推特上表示他與第一夫人皆已確診。
對此宅神朱學恒也在臉書發文大驚表示「川普大帝跟他老婆確診大家可以回家啦」！底下網友也不敢置信直言「這是假新聞」、「喝消毒水？！還是要使詐延後選舉」、「難怪辯論一直插嘴噴拜登口水原來是黑暗兵法要死一起死」、「原本還期待吃爆米花看第二場辯論來笑一笑的這下好怕看不到了」、「果然是十月驚奇」、「恭喜美國人準備換一個比較正常的總統了」、「所以拜登跟主持人…」！
網友所謂十月驚奇是指隨著11月大選逼近川普民調持續落後民主黨對手拜登不斷有消息指出川普可能使出殺手鐧製造10月驚奇轉移焦點翻轉選情。</t>
  </si>
  <si>
    <t>川普確診網友驚奇辯論拜登表示十月對此指出夫人總統果然美國原本製造爆米花期待一起要死</t>
  </si>
  <si>
    <t>川普十月驚奇美國拜登總統大選</t>
  </si>
  <si>
    <t>十月驚奇拜登美國川普總統大選</t>
  </si>
  <si>
    <t>陳時中明天時間莫德納</t>
  </si>
  <si>
    <t>中央流行疫情指揮中心表示民間機構共同捐贈的第六批BNT已於今上午順利抵台共8892萬劑完成通關程式後直接運送至指定冷儲物流中心進行後續檢驗封緘作業。指揮官陳時中說莫德納預計明天會來最快預計可在10</t>
  </si>
  <si>
    <t>中心預計明天莫德納表示陳時中民間指揮官機構作業捐贈bnt共同已於上午順利檢驗完成後續通關程式進行直接物流</t>
  </si>
  <si>
    <t>疫苗莫德納中心接種指揮陳時中到貨bnt數量民間我國進行民眾開放檢驗目前</t>
  </si>
  <si>
    <t>莫德納BNT疫苗台灣新冠肺炎</t>
  </si>
  <si>
    <t>疫苗臺灣bnt莫德納肺炎</t>
  </si>
  <si>
    <t>改寫日經指數新高</t>
  </si>
  <si>
    <t>一款價格較低的新冠肺炎疫苖亦宣佈高達9成防護力的好消息令投資人更加看好經濟將迅速復甦的前景此外美國川普政府同意正式啟動拜登上任前的交接工作亦為市場帶來提振週二日經指數刷新逾29年來新高。週二日</t>
  </si>
  <si>
    <t>週二肺炎刷新日經指數迅速復蘇前景經濟美國看好更加川普政府投資人同意消息正式啟動拜登宣佈高達</t>
  </si>
  <si>
    <t>一款價格較低的新冠肺炎疫苖亦宣佈高達9成防護力的好消息令投資人更加看好經濟將迅速復甦的前景此外美國川普政府同意正式啟動拜登上任前的交接工作亦為市場帶來提振週二日經指數刷新逾29年來新高。
週二日經225指數大漲25%為2616559點終止連續3天的跌勢並創下1991年5月來新高。
東證一部指數大漲223%為176591點創下逾兩年新高。
疫苖試驗結果接連告捷對經濟情勢敏感的能源股、地產股與金融股漲幅領先。
繼美國藥廠輝瑞與莫德納之後英國藥廠阿斯利康週一宣佈與牛津大學共同研發的新冠候選疫苗其後期臨床試驗結果顯示平均防護率為70%而最高有效保護率可達到90%且此款疫苖的製造成本較低廉、且較容易配送激勵全球股市大漲。
美國總統當選人拜登收到通知可正式展開入主白宮的交接工作以及拜登將指派聯準會前主席葉倫擔任財政部長的消息都令市場信心大振。
東證核心30指數中以全球最大晶圓製造公司信越化學漲498%表現最強勁其次為光學儀器製造商Hoya漲454%。KDDI Corp跌125%日本電信電話跌120%表現最疲弱。</t>
  </si>
  <si>
    <t>美國拜登經濟消息宣佈試驗市場正式指數製造工作交接藥廠週二表現</t>
  </si>
  <si>
    <t>拜登來新高日經指數指數大漲疫苖</t>
  </si>
  <si>
    <t>指數日經指數新高拜登</t>
  </si>
  <si>
    <t>麻痹日本宣言街頭事態人潮洶湧緊急</t>
  </si>
  <si>
    <t>日本新冠疫情進入第五波大流行首都圈與沖繩縣和大阪府2日起展開新一輪緊急事態宣言針對全國知事會議建議政府執行嚴格限制外出的封城措施官房長官加藤表示現行制度下在日本不可行。日本政府上周追加埼玉、千</t>
  </si>
  <si>
    <t>日本不可進入現行制度表示加藤官房長官措施封城外出展開限制新一輪嚴格緊急執行事態政府宣言建議全國會議</t>
  </si>
  <si>
    <t>日本新冠疫情進入第五波大流行首都圈與沖繩縣和大阪府2日起展開新一輪緊急事態宣言針對全國知事會議建議政府執行嚴格限制外出的封城措施官房長官加藤表示現行制度下在日本不可行。
日本政府上周追加埼玉、千葉、神奈川等首都圈3縣以及大阪府為緊急事態宣言對象並對東京都和沖繩縣延長宣言期限到31日；北海道、京都府、福岡縣等5地則頒布次一級的防止蔓延等重點措施限期亦到31日。
全國知事會1日召開新冠對策總部視訊會議與會44位知事呼籲在高傳染性的Delta變種病毒株蔓延下為防止人員流動增加染疫風險民眾在暑假期間和盂蘭盆節盡量取消或延後跨行政區旅行和返鄉；北海道知事鈴木警告如果民眾不配合恐將演變為史上最大危機。
但緊急事態宣言擴大後的第一個工作日各地仍見人潮共同社報導也許是防疫疲勞加上奧運導致民眾鬆懈。一位搭電車的通勤族表示「也許很多人覺得正在辦奧運所以自己可以外出。」在神奈川縣府大樓附近的JR關內站一名白領坦言車廂和疫情前一樣擠滿人對宣言效果質疑。大阪府車站同樣出現繁忙人流居民說已習慣緊急事態沒啥危機感況且正在辦奧運舉國進入祭典般輕鬆氣氛他對控制疫情沒信心。
面對第五波疫情來勢洶洶官房長官加藤2日在記者會中針對全國知事會在緊急建議中呼籲政府實施嚴格限制外出的封城措施表達謹慎態度解釋現行制度下「在日本不可行將嚴重限制私權」。</t>
  </si>
  <si>
    <t>知事緊急宣言民眾疫情事態奧運措施外出日本也許限制北海道表示進入全國防止呼籲蔓延奈川</t>
  </si>
  <si>
    <t>緊急事態宣言知事大阪府全國民眾</t>
  </si>
  <si>
    <t>知事宣言全國事態民眾緊急</t>
  </si>
  <si>
    <t>骨頭下海防疫徐國勇</t>
  </si>
  <si>
    <t>內政部長徐國勇近期行事低調但碰上新冠肺炎防疫提升還是卯足全力親上火線拍攝防疫動茲動跟內政部替代役男合拍影片宣教完全沒有違和感。徐國勇上任以來凡事全力以赴為了達成使命遇事幾乎第一時間都能見</t>
  </si>
  <si>
    <t>防疫徐國勇遇事使命達成全力以赴凡事低調以來上任合拍影片碰上宣教違和完全幾乎沒有肺炎全力卯足提升行事役男內政</t>
  </si>
  <si>
    <t>內政部長徐國勇近期行事低調但碰上新冠肺炎防疫提升還是卯足全力親上火線拍攝防疫動茲動跟內政部替代役男合拍影片宣教完全沒有違和感。
徐國勇上任以來凡事全力以赴為了達成使命遇事幾乎第一時間都能見著他的身影機場防疫現場有他、南方澳斷橋現場有他、表揚員警破案有他、爭取員警電擊槍有他、爭取廠商捐贈防疫物資也有他。
在清明連假前夕徐國勇也撩落去跟替代役男合拍宣導影片呼籲民眾連假在即防疫無假期！大家出門在外透透氣之餘也要時時提醒自己不忘防疫！
徐國勇說打噴嚏、咳嗽時要用手肘衣袖遮住口鼻擋住飛沫衛生又有禮貌；用餐前、出外回家後都要記得肥皂洗手保護自己及他人；出門在外盡量保持社交距離室外至少1公尺、室內至少15公尺；若不能維持請記得戴上口罩！怕光說不夠徐國勇還演給你看看過影片就知道如何保護自己。</t>
  </si>
  <si>
    <t>防疫徐國勇影片記得出門在外合拍保護役男現場替代爭取至少擋住衛生遮住有禮貌衣袖低調用餐</t>
  </si>
  <si>
    <t>防疫徐國勇替代役男違和感新冠肺炎</t>
  </si>
  <si>
    <t>違和役男替代徐國勇肺炎防疫</t>
  </si>
  <si>
    <t>專家不切實際概念共存流感夾擊病毒</t>
  </si>
  <si>
    <t>新冠疫情持續香港依然謹守「清零」策略解除社交距離措施及通關的日子仍未到來。港府專家顧問、香港中文大學呼吸系統科講座教授許樹昌今（24日）表示香港接種率不足而隨著冬季來臨香港有可能受冬季流感與新</t>
  </si>
  <si>
    <t>香港冬季依然措施通關日子仍未策略到來距離社交解除專家顧問香港中文大學呼吸系統來臨講座教授樹昌今接種</t>
  </si>
  <si>
    <t>接種香港病毒冬季疫情策略出現認為選擇相當水準共存表示來臨疫苗流感呼吸系統專家</t>
  </si>
  <si>
    <t>香港許樹昌新冠肺炎流感與病毒共存</t>
  </si>
  <si>
    <t>肺炎流感許樹昌病毒共存香港</t>
  </si>
  <si>
    <t>傾巢而出假人天內安心知道真的</t>
  </si>
  <si>
    <t>中秋節連假迎來尾聲不少民眾趁著4天假日到外地出遊前臺大感染科醫師林氏璧坦言被這波傾巢而出的人潮給嚇到直呼「大家好像是不是都忘記還在二級？」目前Delta群聚看似匡住但仍沒有完全收尾難保社區沒有任何</t>
  </si>
  <si>
    <t>沒有民眾假日匡住看似外地delta出遊目前前臺忘記感染尾聲完全醫師林氏好像坦言</t>
  </si>
  <si>
    <t>中秋節連假迎來尾聲不少民眾趁著4天假日到外地出遊前臺大感染科醫師林氏璧坦言被這波傾巢而出的人潮給嚇到直呼「大家好像是不是都忘記還在二級？」目前Delta群聚看似匡住但仍沒有完全收尾難保社區沒有任何隱藏傳染鏈存在。林氏璧提醒大家出遊回來後要做好自主健康管理社區是否安全？答案將在連假後14天內揭曉。
林氏璧在《林氏璧孔醫師的新冠病毒討論會》表示中秋節連假大家紛紛出遊自己也帶著家人到陽明山古道踏青但卻也被山上的人潮嚇到車子停滿、古道上都是人林氏璧坦言「好久沒看到這麼多人有點頭皮發麻」。不只陽明山合歡山、高美濕地、日月潭、墾丁等景點也在連假期間出現報復性出遊人潮再度引起民眾擔心假期後疫情爆發的可能性。
「國內是什麼狀況？大家好像是不是都忘記了我們終究還在第二級不是嗎？」林氏璧提醒上週、上上週本土還有出現好幾例 Delta儘管看似都有被匡住但並沒有完全收尾。「你很確定社會上沒有Delta？你很確定Alpha都不見？」他坦言其實自己都不能夠確定但認為社區肯定還有隱形傳播鏈存在。
「真的那麼安心病毒沒有進到社區？」針對今年中秋節連假出遊人潮林氏璧認為不用過度擔心其實去年清明連假、端午連假的管制並沒有現在來得多何況國內現在還處於二級警戒。不過他也指出就是因為去年連假經過三波前浮其後都「嘉玲」讓大家產生「之後好像都沒有事」的想法認為國內乾淨到不行最後又導致社區疫情爆發。
林氏璧說最好的情況是連假14天後沒有發生大爆炸就算有疫情也屬於零星、可控制的階段「那台灣比想像中乾淨很多」。儘管目前本土疫情還屬於可控制但面對Delta還是小心為上林氏璧建議大家連假後做好防疫措施、做好自主健康管理去擔心也沒有用14天內應該就可以揭曉。</t>
  </si>
  <si>
    <t>沒有社區林氏出遊人潮疫情delta擔心認為國內坦言好像確定中秋節假期病毒古道乾淨</t>
  </si>
  <si>
    <t>中秋連假林氏璧出遊14天Delta</t>
  </si>
  <si>
    <t>林氏出遊delta中秋</t>
  </si>
  <si>
    <t>疫情時中本土獎勵無關</t>
  </si>
  <si>
    <t>個案獎勵疫情本土今天陳時中發現上周措施爆發確診只能算是榮譽獎醫師新增指揮中心臺灣認為</t>
  </si>
  <si>
    <t>新冠肺炎蓋牌陳時中本土疫情</t>
  </si>
  <si>
    <t>肺炎陳時中本土疫情</t>
  </si>
  <si>
    <t>棺材網瘋自組官方證實ikea</t>
  </si>
  <si>
    <t>來自瑞典全球知名的居家用品IKEA販售各種風格的家用品以價格實惠、自己動手組裝聞名最近IKEA推出自己組合的棺材一放上宣傳廣告就讓許多忠實消費者驚訝紛紛猜測是否因為新冠肺炎(COVID-19)疫情嚴重放置</t>
  </si>
  <si>
    <t>ikea肺炎居家是否猜測用品紛紛驚訝消費者忠實covid-就讓廣告風格價格實惠家用品放上棺材動手組合組裝推出聞名</t>
  </si>
  <si>
    <t>來自瑞典全球知名的居家用品IKEA販售各種風格的家用品以價格實惠、自己動手組裝聞名最近IKEA推出自己組合的棺材一放上宣傳廣告就讓許多忠實消費者驚訝紛紛猜測是否因為新冠肺炎(COVID-19)疫情嚴重放置遺體棺木不足有關。
IKEA推出的這款DIY自組棺材售價200英鎊折合台幣大約7400元棺材30公斤左右可以用郵寄方式寄送自行組裝完成後可以放入約110公斤的遺體IKEA表示這款棺材因為面積較小運送時所佔的空間比一般棺材少80%相當節省空間。
根據外媒報導該款棺材已經在英國熱銷IKEA總經理拉爾斯博克(Lars Bork)表示「在這樣的困難時期歐洲每5秒鐘就有人死亡時機再好不過了任何人都可以在2週內購買、和組裝棺材這對於維護人類尊嚴至關重要」每副棺材均附有120頁的組裝說明書並提供終身、或10年保固來自倫敦的消費者馬克凱利(Mark Kelly)分享使用心得「說明指示很糟糕當我們走下樓梯時我的叔叔跌倒了不過我不會發牢騷因為只要4999英鎊」。
外媒《NewsBiscuit》報導的恰有其事但台灣IKEA出面澄清其實這則消息是惡搞新聞無論是國外、台灣IKEA皆沒有販售自組棺材《NewsBiscuit》是英國知名諷刺媒體時常刊出惡搞時事的文章。</t>
  </si>
  <si>
    <t>棺材ikea組裝可以消費者表示遺體newsbiscuit知名臺灣自組英國推出報導空間來自糟糕指示走下說明樓梯</t>
  </si>
  <si>
    <t>IKEA棺材組裝自組瑞典</t>
  </si>
  <si>
    <t>自組棺材組裝ikea瑞典</t>
  </si>
  <si>
    <t>專區縣長上架商品直播客串金正好叫賣金門</t>
  </si>
  <si>
    <t>新冠肺炎疫情衝擊金門特產業縣府建設處、縣工策會與國內蝦皮購物電商平臺合作成立「金正好購」商品專區期待趕上宅經濟潮流打開另一道迎來好業績的通路。縣長楊鎮浯今（1）日下午客串直播主在〈躍動金門〉專</t>
  </si>
  <si>
    <t>金門衝擊直播特產客串下午縣府建設處楊鎮工策縣長通路國內業績蝦皮購物迎來一道打開平臺潮流</t>
  </si>
  <si>
    <t>新冠肺炎疫情衝擊金門特產業縣府建設處、縣工策會與國內蝦皮購物電商平臺合作成立「金正好購」商品專區期待趕上宅經濟潮流打開另一道迎來好業績的通路。縣長楊鎮浯今（1）日下午客串直播主在〈躍動金門〉專屬臉書粉專化身「叫賣哥」強力推銷97項特色產品。
楊鎮浯在開網路直播前還特地化妝去除油光一路開講展現對地方特產的嫻熟度從民俗風情、歷史源由娓娓道來口若懸河毫不冷場首次粉墨登場的表現不輸給搭配直播的網紅「金門小可愛」兩人合力詮釋讓產品多了故事性和人情趣味也讓直播現場洋溢歡樂氣氛。
走出縣長室與消費大眾博感情的楊鎮浯以輕鬆、活潑語氣和肢體語言推銷曾是皇家貢品的貢糖和近年廣受歡迎的一條根、牛肉乾與各項文創商品偶爾還落2句最道地的金門話告訴網路消費者只要來到「金正好購」商品專區就擁有讓你買得開心、吃（用）得放心十分實在的金門。
縣工策會說明今天正式開賣的「金正好購」蝦皮金門商品專區已協助金門在地商家上架近百項商品預估年底前有超過200項商品透過電商銷售未來將每個月舉辦直播及行銷活動不但要在電子商務讓消費者只要手機滑一下即可完成購物的主流消費平臺下協助本地業者走出疫情難關也期待拉出長紅銷售業績。
楊鎮浯強調縣府目前積極推動「金門跨境電商產業」、「兩岸電商物流中心」希望金門跨境電商產業連接廈門、泉州等大海西經濟區創造金門在地產業的最大可能和未來遠景。</t>
  </si>
  <si>
    <t>金門直播商品金正好推銷專區特產消費縣長產品購物疫情期待楊鎮網路銷售業績蝦皮</t>
  </si>
  <si>
    <t>新冠肺炎疫情金門特產業金正好購</t>
  </si>
  <si>
    <t>金門特產疫情肺炎金正好</t>
  </si>
  <si>
    <t>成因確診家庭案例累計花蓮今</t>
  </si>
  <si>
    <t>嘉玲今天再度造訪花蓮全縣迄今已累計68例確診案例衛生局分析累計案例中近7成為家戶染疫2成5為外地返鄉且染疫者年齡多為40至64歲間屬家庭經濟重要支柱因此仍呼籲外地遊子返鄉時先到市衛生所前快篩</t>
  </si>
  <si>
    <t>返鄉外地累計案例花蓮全縣迄今已造訪衛生所遊子成為經濟呼籲支柱家庭家戶重要年齡</t>
  </si>
  <si>
    <t>嘉玲今天再度造訪花蓮全縣迄今已累計68例確診案例衛生局分析累計案例中近7成為家戶染疫2成5為外地返鄉且染疫者年齡多為40至64歲間屬家庭經濟重要支柱因此仍呼籲外地遊子返鄉時先到市衛生所前快篩在家做好自主健康管理與家人分開用餐避免間接接觸口沫同時也要定期清消家中環境。
6月10日以來桃園觀音工班染疫返鄉群聚案及崇德家族群聚案確診人數不斷增加衛生局人員繃緊神經趕緊在新城鄉、秀林鄉開設快篩站替有疑慮的居民篩檢同時也趕緊依個案疫調足跡匡列多名接觸者連續2天的零確診讓花蓮人鬆了一口氣。
衛生局分析68例男女比例各佔一半最小為3月半的男嬰、 最大為81歲長者47位為家戶染疫17位為外地返鄉主要染疫者年齡座落在40~64歲間累計案例中Ct值低於25佔32位17位Ct值則是在26至30之間。局長朱家祥說由於確診個案中較多正值中年是家庭最主要的支柱多因在外工作染疫後返鄉。
目前花蓮尚有137人居家隔離32位住院個案其中20位輕症、4位中症及3位重症由於住院個案與居家隔離者期間可能因疫情關係產生不安讓心情受影響衛生局也提供「轉心安」服務當情緒受到困擾時可撥打1925尋求相關協助。
花蓮明天將開放第二梯次長者接種疫苗包括83歲以上非原民長者、78歲以上原民長者及洗腎患者並提供疫情熱區崇德村65歲以上原民長者及75歲以上非原民長者接種。縣長徐榛蔚今到各鄉鎮市接種站視察她相信這次的接種站會比上次更舒適。同時她也再度喊出「一聽、二陪、三送」呼籲長者施打前可先與家庭醫生討論請子女陪同到場施打後多留意自身狀況若有不適盡速送醫。
另外朱家祥補充花蓮目前分到25000劑AZ疫苗若不含住宿型機構的住民已施打逾18000劑接種率達7成許由於住宿型機構的住民近5千人普遍施打率高若將其納入施打率則高達8成8。</t>
  </si>
  <si>
    <t>長者接種確診返鄉衛生局個案花蓮施打累計接觸提供呼籲趕緊疫情疫苗朱家祥</t>
  </si>
  <si>
    <t>新冠肺炎台灣 花蓮染疫返鄉</t>
  </si>
  <si>
    <t>臺灣花蓮肺炎返鄉</t>
  </si>
  <si>
    <t>基金利率募集錢多</t>
  </si>
  <si>
    <t>今年國內投信業者新基金募集多元不但檔數增加成效也佳重現2016年國內高收益債基金募集熱潮導致多檔基金公告額滿暫停申購的情況。不只年初再現柏瑞ESG量化基金公告暫停申購日前募集只有五天即宣告額滿的中信</t>
  </si>
  <si>
    <t>基金募集國內申購暫停公告重現增加成效收益年初情況esg柏瑞再現量化日前信業宣告</t>
  </si>
  <si>
    <t>今年國內投信業者新基金募集多元不但檔數增加成效也佳重現2016年國內高收益債基金募集熱潮導致多檔基金公告額滿暫停申購的情況。不只年初再現柏瑞ESG量化基金公告暫停申購日前募集只有五天即宣告額滿的中信越南機會基金更是2015年陸股投資熱潮後首見的單一國家股票型基金募集額滿。
據統計從2007年至今新基金募集陸續出現過綠能基金、中國基金因過熱出現額度控管或暫停申購的公告隨後一波的高峰期則集中在2016年聯博、柏瑞等投信的高收益債基金熱賣頻有額度控管消息隨後國內新基金募集主要集中在ETF。
值得注意的是年初起又見柏瑞ESG量化債券基金公告暫停申購投信業者陸續推出各類主題式基金近期中信投信募集越南基金更出現募集五天即公告額滿暫停申購是2015年群益中國新機會基金之後首見股票基金募集額滿之作。
投信業者表示由於銀行利率過低加上市場遊資多且市場對於新冠肺炎未來疫苗的研發普遍認為會朝好的方向走各類股票型基金開始吸引投資人的目光不論募集中國5G、台灣高股息或全球ESG永續高收益債、美國短年期高收債等基金都有不錯成效造就今年投信新基金募集難得的榮景。
據統計本季陸續還有六檔股債新基金將展開募集。3月底在市場吸金近500億元的元大投信龍頭高股息基金之後第二季已募集成立的基金中包括安聯特別收益多重資產基金、大華銀新加坡房地產收益基金、合庫美國短年期高收益債券基金與凱基全球ESG永續高收益債券基金都募集超過45億元。
業者分析整體國內投信新基金募集走向多元主題在市場遊資充斥下只要能夠引起投資人共鳴就可獲得不錯的募集成效加上投信業者紛透過網路結合社群媒體行銷策略基金平臺投資便利的投資管道可望推升國內投信整體基金的規模持續成長。</t>
  </si>
  <si>
    <t>基金募集收益國內申購暫停市場信業公告中國esg股票成效陸續柏瑞債券出現投資人投資型基金</t>
  </si>
  <si>
    <t>額滿公告首見基金投信</t>
  </si>
  <si>
    <t>基金公告</t>
  </si>
  <si>
    <t>大利疫情逐步經濟解封國際</t>
  </si>
  <si>
    <t>義大利總理孔蒂（Giuseppe Conte）週二表示義大利將在本周結束前公佈逐步解除封鎖措施的計畫並於5月4日起開始實施。孔蒂在臉書上發文表示我希望我能宣佈「讓我們立刻重啟所有活動明天早上就開始！」但這樣的</t>
  </si>
  <si>
    <t>表示孔蒂開始大利活動立刻宣佈封鎖解除逐步措施公佈計畫希望結束實施發文書上週二</t>
  </si>
  <si>
    <t>義大利總理孔蒂（Giuseppe Conte）週二表示義大利將在本周結束前公佈逐步解除封鎖措施的計畫並於5月4日起開始實施。
孔蒂在臉書上發文表示我希望我能宣佈「讓我們立刻重啟所有活動明天早上就開始！」但這樣的決定是不負責的感染曲線將因此失控攀升使我們迄今所做一切努力功虧一簣。
義大利為了防止新冠肺炎擴散而實施的封鎖措施發揮成效截至20日為止該國新冠肺炎死亡人數增加454人雖略高於前一日的新增死亡人數但新增確診病例下滑至2256人創下一個多月來新低。此外消息人士透露義大利財政部預估今年義國經濟將萎縮約8%凸顯出封鎖措施造成的衝擊。</t>
  </si>
  <si>
    <t>大利封鎖措施開始表示實施孔蒂肺炎人數死亡立刻活動明天早上宣佈決定新增</t>
  </si>
  <si>
    <t>義大利孔蒂實施新冠肺炎封鎖</t>
  </si>
  <si>
    <t>實施孔蒂大利肺炎封鎖</t>
  </si>
  <si>
    <t>臺灣清楚藍委狀況代工疫苗陳時中</t>
  </si>
  <si>
    <t>國衛院6月28日宣佈政府有意透過國衛院向莫德納尋求疫苗代工機會對此藍委李貴敏表示她在5月時就曾在立院質詢衛福部長陳時中關於mRNA疫苗代工問題？當時陳回應台灣的技術還不成熟沒到代工的程度但台灣</t>
  </si>
  <si>
    <t>疫苗臺灣國衛院透過莫德納尋求曾在表示立院質詢技術衛福機會對此藍委李部長回應陳時中有意mrna當時問題</t>
  </si>
  <si>
    <t>國衛院6月28日宣佈政府有意透過國衛院向莫德納尋求疫苗代工機會對此藍委李貴敏表示她在5月時就曾在立院質詢衛福部長陳時中關於mRNA疫苗代工問題？當時陳回應台灣的技術還不成熟沒到代工的程度但台灣早在2018年就有mRNA技術顯然陳時中沒搞清楚狀況。
對於台灣規劃爭取代工莫德納疫苗問題李貴敏昨（1日）在臉書發文表示其實早在5月28號她就曾藉著在立法院質詢陳時中機會質疑為什麼目前台美關係空前良好情況下沒有跟美方要求讓台灣也能加入mRNA疫苗代工？當時陳時中說先前台灣的技術還不成熟沒到代工的程度但她事後發現這個說法未必正確事實上2018年時中研院就曾向美國申請臨時性專利顯然台灣早有技術反倒是陳時中沒搞清楚狀況以致在疫苗佈局上又慢半拍。
李貴敏稱其實從送口罩、鼓勵台積電投資凡是美方的要求台灣都配合辦理所以陳時中說沒有技術很不可思議。尤其未來新冠肺炎可能演化成一種流行性傳染的新常態加上莫德納全球產能不足的情況下若台灣能取得代工資格也能擁有話語權這對於莫德納、台灣生技產業以及未來爭取疫苗上都是多贏。
針對國家發展疫苗國家隊李貴敏直言自己是支持的也希望中研院將技術下放這都是政府該做的事且中研院將技術授權給民間使用並繼續開發可以有權利金的費用民間也能透過這項技術量產帶動相關產業鏈並能說服美方讓台灣也有機會參與疫苗代工。畢竟在代工疫苗上台灣已經落後南韓亡羊補牢希望民進黨執政團隊能以人民安危及台灣未來為重就算起步落後更不應放棄也才能藉此加速台灣生技與相關產業鏈發展。
李貴敏直言唯有積極參與國際疫苗代工才能在未來國際間疫苗發展中佔有一席之地也能讓台灣日後在國際疫苗採購上有些發言權並多點保障才有助疫苗採購及缺口的緩解。</t>
  </si>
  <si>
    <t>臺灣疫苗技術陳時中莫德納未來機會發展中研院美方國際其實mrna落後希望透過沒有表示</t>
  </si>
  <si>
    <t>疫苗代工台灣陳時中技術新冠肺炎</t>
  </si>
  <si>
    <t>技術陳時中臺灣疫苗肺炎</t>
  </si>
  <si>
    <t>單曲珍妮佛羅封面全裸驚人自信</t>
  </si>
  <si>
    <t>動感天后「翹臀珍」珍妮佛羅培茲(Jennifer Lopez)近年比起音樂事業更多是在電影圈打天下剩下的時間則多用來陪伴家人算一算已經6年沒推出唱片新作品而今年又遇上新冠肺炎全球擴散粉絲多覺得天后出輯無望</t>
  </si>
  <si>
    <t>粉絲擴散珍妮佛羅全球肺炎唱片jennifer遇上新作品今年lopez時間剩下近年比起打天下音樂電影事業覺得</t>
  </si>
  <si>
    <t>動感天后「翹臀珍」珍妮佛羅培茲(Jennifer Lopez)近年比起音樂事業更多是在電影圈打天下剩下的時間則多用來陪伴家人算一算已經6年沒推出唱片新作品而今年又遇上新冠肺炎全球擴散粉絲多覺得天后出輯無望沒想到翹臀珍在IG宣佈將推出新單曲連封面都拍好了當然是超級香豔火辣。
女明星大多會擔心變老變醜但珍妮佛羅培茲倒是始終逆齡每次現身都讓人想去查一下維基百科看看她今年幾歲能夠大量露出肌膚與曲線的服裝可以說是她出席各種場合穿搭上的最大重點而這樣的她在新單曲封面部分也「不藏私」大秀特秀一波。
Jennifer Lopez（@jlo）分享的貼文
翹臀珍繼昨天在IG曬出幾張為單曲拍攝的寫真照今天乾脆讓粉絲直接看個過癮公開單曲〈In The Morning〉正式封面照只見51歲的她頂著一頭棕金色性感濕髮側身入鏡撫唇迷濛看著鏡頭而最好的穿搭就是身上不要穿任何東西翹臀珍竟大膽選擇全裸入鏡。
照片走黑金色調搭配呼應珍妮佛羅培茲自豪的拉丁裔焦糖色細緻肌膚而她長期堅持健身果真全身上下的線條都很完美招牌電臀同樣挺翹甚至還練出腹肌除了S曲線外也展現多數女性身上少見的力量線條實在很難相信她不但是兩個孩子的媽而且已經是年過半百的女人了。</t>
  </si>
  <si>
    <t>珍妮佛羅肌膚今年曲線單曲粉絲線條身上lopez已經jennifer推出</t>
  </si>
  <si>
    <t>珍妮佛羅培茲翹臀珍新單曲封面全裸</t>
  </si>
  <si>
    <t>封面全裸珍妮佛羅</t>
  </si>
  <si>
    <t>貼心衛生紙小報空白急用</t>
  </si>
  <si>
    <t>新冠肺炎擴散全球在一般民眾一窩蜂心態之下多國連帶出現搶購物資潮其中台灣、香港、日本皆出現「衛生紙之亂」連澳洲也不例外。對此澳洲一家小報5日特別增印8頁空白版面供讀者「應急」似乎暗諷民眾盲目</t>
  </si>
  <si>
    <t>出現民眾澳洲全球一般似乎讀者應急一窩蜂版面空白心態特別一家小報之下多國連帶擴散搶購物資衛生紙日本香港</t>
  </si>
  <si>
    <t>新冠肺炎擴散全球在一般民眾一窩蜂心態之下多國連帶出現搶購物資潮其中台灣、香港、日本皆出現「衛生紙之亂」連澳洲也不例外。對此澳洲一家小報5日特別增印8頁空白版面供讀者「應急」似乎暗諷民眾盲目搶購現象。
澳洲北領地達爾文的《北領地新聞》（NT News）在頭版標題旁寫著：「衛生紙用光了嗎？《北領地新聞》關心您特印製8頁留白內頁附上便利的切割線供您急用。翻至21頁取得限量版單層廁所用報紙頁」。
YES WE ACTUALLY DID PRINT IT #toiletpapercrisis pictwittercom/jusP50ojYu
《北領地新聞報》編輯威廉斯（Matt Williams）向《衛報》澳洲版表示特別版銷情很好並強調該報以瞭解讀者需要而聞名於世北領地人目前對廁紙有極大需求所以我們要供應他們所需。
英國廣播公司（BBC）引述消費者心理專家表示搶購衛生紙「顯然不合理」但社交媒體和新聞報道助長民眾盲目效仿的心理例如近期在推特上有關衛生紙的主題標籤不斷冒出好比#衛生紙緊急事件（#ToiletPaperEmergency）和#衛生紙之亂（#ToiletPaperApocalypse）讓社交媒體變相推動民眾的搶購心理。</t>
  </si>
  <si>
    <t>衛生紙領地搶購民眾澳洲新聞讀者出現表示盲目特別媒體社交心理全球一般actuallydidweprintityes#toiletpapercrisis</t>
  </si>
  <si>
    <t>台積遊戲機備戰</t>
  </si>
  <si>
    <t>新冠肺炎疫情加速宅經濟發展包括索尼及微軟兩大遊戲機廠近期宣佈將在年底推出新一代遊戲機大搶宅經濟龐大商機。索尼新款PlayStation 5及微軟新款XBOX Series X等核心處理器都採用由超微（AMD）量身打造的全新</t>
  </si>
  <si>
    <t>微軟遊戲機經濟索尼採用處理器amd核心seriesxbox加速playstation年底推出宣佈近期一代發展龐大商</t>
  </si>
  <si>
    <t>新冠肺炎疫情加速宅經濟發展包括索尼及微軟兩大遊戲機廠近期宣佈將在年底推出新一代遊戲機大搶宅經濟龐大商機。索尼新款PlayStation 5及微軟新款XBOX Series X等核心處理器都採用由超微（AMD）量身打造的全新架構半客製化晶片並交由台積電（2330）在下半年以7奈米製程量產法人預期對台積電維持下半年7奈米產能利用率有很大助益。
全球主要國家近期都因新冠肺炎疫情延燒而宣佈封城及要求人民不要外出不僅在家遠距工作成為新趨勢宅經濟也成為市場矚目焦點已推出新款遊戲機的任天堂Switch系統因宅經濟發燒而大賣也讓索尼及微軟加快新款遊戲機研發預期今年底正式上市銷售。
微軟將在今年底推出新一代XBOX Series X遊戲機採用超微打造的半客製化CPU及GPU其中包括採用超微Zen 2架構的半客製化8核心CPU核心運算時脈可達38GHz同時也採用超微RDNA 2架構的半客製化GPU內含52個運算單位及運算時脈達1825GHz運算效能達12 TFLOPs（每秒兆次浮點運算）及支援先進的光線追蹤（Ray Tracing）技術。
索尼亦公佈了PlayStation 5遊戲機硬體規格其中CPU核心採用超微Zen 2架構半客製化CPU搭載8核心及運算時脈達35GHzGPU則採用超微RDNA 2架構搭載36個運算單位及運算時脈達223GHz運算效能達1028 TFLOPs同樣支援光線追蹤技術。
微軟XBOX Series X及索尼PlayStation 5等新款遊戲機內建的超微Zen 2架構CPU及RDNA 2架構GPU均採用台積電7奈米製程生產。但據供應鏈業者透露微軟新遊戲機主機板上應是將CPU及GPU分開但索尼是將CPU、GPU、I/O晶片組等利用封裝技術整合為單顆半客製化系統晶片。
法人認為台積電下半年接單可能因新冠肺炎疫情仍無法有效控制而出現較大的下修壓力但索尼及微軟新遊戲機CPU及GPU的7奈米晶圓代工訂單正好會在下半年開始放量可望有效抵消疫情引發的產能利用率下修風險有助於台積電達成今年成長目標。</t>
  </si>
  <si>
    <t>遊戲機微軟cpu索尼gpu採用下半年疫情經濟核心台積電技術運算推出架構肺炎宣佈</t>
  </si>
  <si>
    <t>超微半客製化架構微軟運算</t>
  </si>
  <si>
    <t>架構微軟運算</t>
  </si>
  <si>
    <t>高風險肺炎病友風濕</t>
  </si>
  <si>
    <t>蛤免疫風濕病友會是新冠肺炎高風險群？台中榮總過敏免疫風濕科主任黃文男指出風濕病友致病機轉主要是自體免疫系統混亂所致有些病友誤為使用類固醇、免疫抑製劑等藥物會增加感染風險詢問能不能自行停藥這做法</t>
  </si>
  <si>
    <t>免疫風濕病詢問風險感染增加不能藥物免疫抑制類固醇病友使用混亂免疫系統自體過敏台中肺炎風濕科高風險</t>
  </si>
  <si>
    <t>蛤免疫風濕病友會是新冠肺炎高風險群？台中榮總過敏免疫風濕科主任黃文男指出風濕病友致病機轉主要是自體免疫系統混亂所致有些病友誤為使用類固醇、免疫抑製劑等藥物會增加感染風險詢問能不能自行停藥這做法絕對不可取因為最好的方法還是把疾病控制好才是減少感染最好的方法。
新冠肺炎疫情不斷升溫從目前可知的訊息都發現長期有慢性病患者是高危險群其中免疫風濕病友因其使用的藥物都與調節過度活躍的免疫系統有關不少病患誤以為用藥會讓免疫力下降增加感染新冠肺炎風險企圖要減藥或暫時停藥尤其這段時間媒體也不斷呼籲民眾若無必要不要進出醫療院所。
黃文男勸病患在此時刻千萬不要自行停孳藥他說驟然停藥會造成疾病復發反而會造成感染的風險因為風濕科病患致病機轉多為免疫系統混亂除攻擊自己正常細胞以外也會造成器官的損傷一來一往的結果就會造成抵抗力降低控制病情才是維持免疫系統功能最好的方式也是減少感染的方法。
他強調如果病患規則服務仍出現倦怠、疲乏、肌肉痠痛症狀明顯加重即使休息都無法緩解還是要考慮疾病活動的可能性千萬不要因害怕感染而不敢就醫。
黃文男建議過敏免疫風濕科病患面對2019新型冠狀病毒的三步驟為：提高預防莫驚慌、正確就醫勿慌張、持續用藥保安康。</t>
  </si>
  <si>
    <t>感染免疫系統不要停藥造成免疫疾病黃文男風險最好肺炎方法風濕科就醫風濕病不斷自行用藥使用</t>
  </si>
  <si>
    <t>免疫感染病患肺炎風濕科</t>
  </si>
  <si>
    <t>肺炎感染風濕科免疫</t>
  </si>
  <si>
    <t>勞動部不得任意外出京元電</t>
  </si>
  <si>
    <t>針對苗栗縣內京元電子股份有限公司爆發移工群聚感染指揮中心今日上午召開本起事件之疫情因應措施包含協助苗栗縣衛生局疫調通譯及協助疫調表翻譯移工母語；勞動部立即督管京元電子及其仲介管制宿舍移工不得任意外出</t>
  </si>
  <si>
    <t>電子苗栗縣協助事件召開上午疫情今日因應措施包含中心指揮感染宿舍爆發股份有限公司管京元管制母語翻譯</t>
  </si>
  <si>
    <t>針對苗栗縣內京元電子股份有限公司爆發移工群聚感染指揮中心今日上午召開本起事件之疫情因應措施包含協助苗栗縣衛生局疫調通譯及協助疫調表翻譯移工母語；勞動部立即督管京元電子及其仲介管制宿舍移工不得任意外出、暫停休假外出及分流移工宿舍人數等措施全力防堵本次疫情擴散。
依中央流行疫情指揮中心召開苗栗縣疫情及因應作為討論會議會議決議勞動部應處包括「協助苗栗縣政府衛生局疫調通譯並協助疫調表翻譯移工母語」、「督管雇主京元及仲介盛華自即日起暫時管制宿舍移工不得任意外出並管制暫停休假移工生活需求協調雇主及仲介處理」
勞動部也會「配合指揮中心積極協助雇主及仲介疏導同一宿舍分流1／2到1／3移工人數減少群聚效應」、「清查近期京元電子轉出移工到其他雇主清冊並加強後續追蹤篩檢」、「配合指揮中心派員立即前往苗栗縣京元電子協調移工宿舍減量及禁管措施」。
勞動部配合今日指揮中心因應措施決議全力處理已先行配合指揮中心派員併赴苗栗縣協調移工宿舍減量及禁管措施；勞動部也已動員現有1955專線、移工機場接機關懷及直聘中心人員全力協助疫調通譯；勞動部將於今日完成翻譯疫調表提供衛生單位使用並完成清查雇主近期轉換移工情形以利後續追蹤。</t>
  </si>
  <si>
    <t>中心勞動部雇主指揮協助措施宿舍苗栗縣京元配合疫情全力電子因應今日管制決議協調完成清查近期仲介處理</t>
  </si>
  <si>
    <t>移工勞動部京元電子指揮中心新冠肺炎</t>
  </si>
  <si>
    <t>電子指揮中心京元勞動部肺炎</t>
  </si>
  <si>
    <t>失業率新高</t>
  </si>
  <si>
    <t>新冠肺炎疫情蔓延全球香港經濟重挫。財政司司長陳茂波22日表示現在情況正處於「水深火熱」比2003年SARS風波還嚴峻許多中小企業正在承受生意斷崖式下跌、面臨資金鏈斷裂的危機員工亦連接受打擊。他表示經</t>
  </si>
  <si>
    <t>表示蔓延全球香港經濟員工危機財政司鏈斷裂疫情資金司長面臨下跌陳茂波生意現在承受中小企業情況嚴峻水深火熱</t>
  </si>
  <si>
    <t>新冠肺炎疫情蔓延全球香港經濟重挫。財政司司長陳茂波22日表示現在情況正處於「水深火熱」比2003年SARS風波還嚴峻許多中小企業正在承受生意斷崖式下跌、面臨資金鏈斷裂的危機員工亦連接受打擊。他表示經濟疲弱情況暫時難扭轉失業率在短期內仍然會繼續上升。
值得注意的是截至昨日為止中午香港新增44例確診個案累積確診個案增至318例突破300例大關。
陳茂波昨日以「力保經濟元氣」為題發表網誌。他表示不少國際組織和經濟學家都對前景感到悲觀警告今年全球經濟可能陷入衰退。為穩住巿場信心全球多國先後宣佈減息並為市場提供流動性多國政府更同時推出大規模財政措施應對疫情帶來的經濟下行壓力。
陳茂波表示香港零售銷售已連續12個月呈現下跌最新數字將於本月底公佈相信經濟疲弱情況暫難扭轉。失業率方面已惡化至37％逾9年新高失業人數逾13萬按月增加約12萬人相信失業率在短期內仍會繼續上升。
陳茂波強調港府已於《財政預算案》中提出由政府擔保向中小企提供特惠低息貸款計畫目前已獲立法會財委會通過正督促業界準備預計下個月內開始接受企業申請。
另外美國傳統基金會近日發布2020年《經濟自由度指數》香港25年來首次失卻全球首位。
陳茂波指出在12項評估經濟自由度的因素中香港有7取得90分或以上的佳績惟去年下半年的社會動盪引發治安問題令「投資自由」的評分大幅下跌以致總分下降。</t>
  </si>
  <si>
    <t>經濟香港表示全球茂波下跌情況失業率相信提供財政昨日疫情市場政府多國自由度上升疲弱在短期內扭轉繼續</t>
  </si>
  <si>
    <t>香港新高失業率難扭轉經濟疲弱</t>
  </si>
  <si>
    <t>扭轉失業率新高經濟香港疲弱</t>
  </si>
  <si>
    <t>外國押金肺炎徵收柬國付費使用者</t>
  </si>
  <si>
    <t>受到新冠肺炎影響各國政府紛紛採取鎖國政策關閉邊境連帶使旅遊業受到衝擊。近期疫情雖少有緩解仍不能掉以輕心。為此柬埔寨要求所有外國遊客入境時必須繳納3000美元（約新台幣9萬元）的「新冠肺炎押金」用</t>
  </si>
  <si>
    <t>受到肺炎必須入境外國遊客要求柬埔寨為此掉以輕心不能緩解紛紛採取政府鎖國政策關閉少有影響疫情近期邊境連帶衝擊旅遊業</t>
  </si>
  <si>
    <t>受到新冠肺炎影響各國政府紛紛採取鎖國政策關閉邊境連帶使旅遊業受到衝擊。近期疫情雖少有緩解仍不能掉以輕心。為此柬埔寨要求所有外國遊客入境時必須繳納3000美元（約新台幣9萬元）的「新冠肺炎押金」用以支付所有檢疫相關費用。
根據《曼谷郵報》報導柬埔寨政府要求遊客在抵達機場時需要以現金或信用卡支付3000美元的押金以支付「新冠肺炎服務費」並且需投保5萬美元（約台幣149萬元）的旅行保險。目前柬埔寨相關單位已將核准過詳細收費清單張貼在官方的推特帳戶上。
由清單列表中可看到押金涵蓋項目包含：旅客自機場前往檢測中心需花費5美元（約台幣150元）新冠病毒檢測費100美元（約台幣3000元）在規定的入住酒店或者集中檢疫所過夜費用為每晚30美元（約台幣900元）和每日30美元的餐費；其他洗衣服務每天15美元（約台幣450元）檢疫所醫務人員服務費每天5美元（約台幣150元）保全每天3美元（約台幣90元）。
若同機旅客檢疫結果皆為陰性則押金扣減金額便到此為止。然而旅客仍需在所下榻的旅館進行14天的自我隔離並在第13天進行第二次檢測而自柬埔寨離境後的健康證明則需另收費30美元。
另外如果遊客不幸染疫這筆押金便將作為住院費及治療費使用粗估每日約需180美元（約台幣5400元）；若遊客不幸病逝柬埔寨官方將用押金支付葬禮成本約1500美元（約台幣4萬5000元）而以上這些費用都將自押金中扣除。柬埔寨當局並表示上述規定除了入境的觀光客之外也適用於所有因外交以及政府公務往來的人員。
更多 CTWANT 報導</t>
  </si>
  <si>
    <t>押金台幣柬埔寨旅客費用遊客支付政府規定收費機場相關肺炎入境檢疫要求檢測官方清單受到</t>
  </si>
  <si>
    <t>約台幣押金新冠肺炎美元柬埔寨</t>
  </si>
  <si>
    <t>押金台幣肺炎柬埔寨</t>
  </si>
  <si>
    <t>北市delta個案本土最速處理黃珊珊</t>
  </si>
  <si>
    <t>【愛傳媒黃珊珊專欄】桃園9月15日新增一位本土個案經過快速基因定序確認為Delta病毒株經過通報後我們立即啟動疫調作業將個案在北市的足跡、第一圈接觸者以及第二層接觸者都進行匡列和居隔並協助安排精準採</t>
  </si>
  <si>
    <t>個案桃園接觸協助新增本土北市快速匡列基因作業確認啟動delta立即病毒通報專欄安排足跡</t>
  </si>
  <si>
    <t>【愛傳媒黃珊珊專欄】桃園9月15日新增一位本土個案經過快速基因定序確認為Delta病毒株經過通報後我們立即啟動疫調作業將個案在北市的足跡、第一圈接觸者以及第二層接觸者都進行匡列和居隔並協助安排精準採檢。
確診足跡處理
經調閱實聯制後確認個案在發病日前3天曾到新光三越A11地下室一蘭拉麵用餐目前已經停業消毒並且依規定閉店三天另外從9月18日到9月29日必須停止內用只提供外帶。
信義區健康服務中心也會協助業者安排當日出勤員工17人接受精準採檢；至於個案用餐前後30分鐘經過實聯制的調閱共有50位顧客北市已經發送細胞簡訊通知也協助有意願的顧客安排採檢。
匡列密切接觸者
個案曾在發病前一天有北市的密切接觸者臺北市也用最快的速度匡列接觸者安排採檢後入住防疫旅館14天另外第二層接觸者也都安排採檢並進行5天預防性的居家隔離。
此案為桃園機場的機艙清潔人員CT值只有14這也是我們最擔心的部分且感染源不明我還是要提醒大家飛機和機場還是相對高風險的場域特別是在候機時、機艙內都必須特別注意出入國境時還是要小心。
目前臺北市的衛生單位已經採最高規格處理Delta個案的接觸者希望能透過嚴密的第一層、第二層匡列迅速圍堵病毒不要再造成更多破口。
作者為臺北市副市長
照片來源：作者臉書截圖。
●更多文章見作者臉書經授權刊載。
●專欄文章不代表i-Media 愛傳媒立場。</t>
  </si>
  <si>
    <t>個案安排接觸匡列臺北市已經北市協助作者機場桃園專欄機艙病毒文章用餐目前</t>
  </si>
  <si>
    <t>新冠肺炎台灣個案採檢北市</t>
  </si>
  <si>
    <t>臺灣個案肺炎北市</t>
  </si>
  <si>
    <t>確診媽媽高中生員工基隆</t>
  </si>
  <si>
    <t>基隆市昨有一名男高中生（案1554）確診中央匡列66人居家隔離今採檢結果出爐其母親（案1826）為陽性市政府進一步公佈男高中生媽媽足跡她是美香齋餅店員工店家位在仁五路51號5月1日至5月9日、5月13日、5</t>
  </si>
  <si>
    <t>高中生店員足跡媽媽確診居家隔離中央公佈進一步匡列結果出爐母親市政府陽性店家</t>
  </si>
  <si>
    <t>基隆市昨有一名男高中生（案1554）確診中央匡列66人居家隔離今採檢結果出爐其母親（案1826）為陽性市政府進一步公佈男高中生媽媽足跡她是美香齋餅店員工店家位在仁五路51號5月1日至5月9日、5月13日、5月14日皆有上班呼籲民眾這段時間有前往需注意自身健康狀況。
市長林右昌表示男高中生的家屬採檢出爐其父親、姊姊為陰性媽媽則是呈現陽性經衛生局疫調媽媽是美香齋餅店員工5月1日至5月9日早上8點到下午8點上班5月13日、14日早上8點到下午6點上班。
林右昌進一步公佈男高中生足跡他說個案在5月2日下午4點到6點到過孝二路63號3樓貓腳印卡牌店與同學玩桌遊當日晚上6點到7點半在基隆皇冠大樓6樓兩餐餐廳用餐；5月8號下午3點到5點與同學在愛四路45號福勝亭用餐用完餐再前往愛三路87號1樓初沐飲料店買飲料。
另外5月10日早上11點半到下午1點男高中生與家人位於中山二路65巷105號虎仔山休閒咖啡館用餐當天下午4點到6點與9名家人包括父母、姊姊以及外公、外婆等人前往孝四路7號三姊妹熱炒店用餐。
5月13日下午4點半到晚上8點在仁二路191號4樓明日卡牌與同學玩桌；5月14日早上11點50分到下午2點在愛三路116號麥當勞用餐當天下午4點15分到6點15分在貓腳印卡牌店玩桌遊。</t>
  </si>
  <si>
    <t>下午高中生用餐前往媽媽同學早上陽性林右昌晚上出爐當天分到上班家人</t>
  </si>
  <si>
    <t>基隆男高中生新冠肺炎美香齋媽媽</t>
  </si>
  <si>
    <t>肺炎高中生媽媽基隆</t>
  </si>
  <si>
    <t>複產妨礙復工取消不合理規定李克強</t>
  </si>
  <si>
    <t>受到新冠肺炎疫情影響大陸國務院總理李克強17日表示「要根據疫情持續向好態勢在保持必要疫情防控措施的同時取消妨礙復工、復產的不合理規定」並強調要讓更多務工人員盡快返回工作崗位且「有活幹、有錢賺</t>
  </si>
  <si>
    <t>疫情工作崗位返回儘快務工人員影響大陸國務院強調復工規定不合理必要防控措施複產妨礙取消李克強總理持續表示肺炎</t>
  </si>
  <si>
    <t>受到新冠肺炎疫情影響大陸國務院總理李克強17日表示「要根據疫情持續向好態勢在保持必要疫情防控措施的同時取消妨礙復工、復產的不合理規定」並強調要讓更多務工人員盡快返回工作崗位且「有活幹、有錢賺」。
李克強在大陸國務院常務會議中指出統籌推進疫情防控和經濟社會發展做好「六穩」工作必須把穩就業放在首位而穩就業的重要支撐在於穩住中小微企業。各部門要通力合作幫助中小微企業渡過眼下難關支持他們恢復經營增加就業崗位創造更多社會財富。
針對相關部門匯報目前大陸復工、復產遇到許多限制審批層層加碼辦理環節多員工返崗限制多。對此李克強表示現在來看大企業復工率相對高一點而中小微企業復工率則相對較低兩者不相匹配進而導致企業復工不能復產更不能達產。
李克強指出「從一些地區的實踐經驗來看即使在疫情防控的關鍵時期只要科學防控到位就能有效遏制病毒傳播」。為應對疫情帶來的衝擊一些方面推出不少臨時性應急措施隨著疫情形勢變化要清理取消不合時宜的臨時管制措施。
李克強表示現在一些地方出現限制企業註冊登記以及復工、復產的不合理證明還有一些地方滋生出一些不合理的收費規定等這些一定要抓緊清理取消」。李克強強調「這些年『放管服』改革一步一步取得的成績來之不易決不能再走『回頭路』」。</t>
  </si>
  <si>
    <t>疫情李克強復工企業複產防控大陸措施限制取消表示就業不合理強調部門指出來看地方國務院清理規定現在相對來之不易成績取得</t>
  </si>
  <si>
    <t>非常要來證實高官疫苗時間承諾送出</t>
  </si>
  <si>
    <t>美國國務院一名高官今天表示美方正在跟台灣監管單位合作預期會「在非常短的時間內」送出2019冠狀病毒疾病（COVID-19 ）疫苗給台灣。華府之前已承諾會捐贈台灣75萬劑COVID-19疫苗。路透社報導美國國務院東亞暨</t>
  </si>
  <si>
    <t>臺灣疫苗covid-美國國務院美方監管送出單位非常時間合作預期病毒疾病捐贈華府之前表示路透社承諾今天報導高官</t>
  </si>
  <si>
    <t>美國國務院一名高官今天表示美方正在跟台灣監管單位合作預期會「在非常短的時間內」送出2019冠狀病毒疾病（COVID-19 ）疫苗給台灣。
華府之前已承諾會捐贈台灣75萬劑COVID-19疫苗。
路透社報導美國國務院東亞暨太平洋事務局副助理國務卿費德瑋（Jonathan Fritz）在聯邦參議院聽證會上表示：「我們確實預期在非常短的時間內就會送出那些疫苗給台灣希望在那之後不久人民就能施打。」
被問及疫苗是否將在幾週內交付費德瑋回答他希望時程「可能會比那更快」但他無法提供確切日期。1100618</t>
  </si>
  <si>
    <t>疫苗臺灣表示費德希望covid-送出預期美國國務院非常時間可能無法太平洋國務卿助理事務jonathanfritz美方參議院</t>
  </si>
  <si>
    <t>新冠肺炎台灣疫苗台灣國務院</t>
  </si>
  <si>
    <t>疫苗肺炎臺灣國務院</t>
  </si>
  <si>
    <t>同鄉鳳還巢總會齊聚埔裡鄉情歡唱</t>
  </si>
  <si>
    <t>台灣區南投縣同鄉會聯合總會6日在埔裡鎮帝一村餐廳熱鬧舉行一年一度的鳳還巢返鄉活動及全國鄉親歌唱總決賽由總會長陳文質主持來自全台逾1200位旅外南投同鄉熱烈到場參與縣長林明溱特別到場致意歡迎鄉親回南</t>
  </si>
  <si>
    <t>鄉親同鄉到場餐廳熱鬧舉行一年一度埔裡鳳還巢返鄉總會活動致意全國歌唱決賽聯合會長主持陳文來自全台</t>
  </si>
  <si>
    <t>台灣區南投縣同鄉會聯合總會6日在埔裡鎮帝一村餐廳熱鬧舉行一年一度的鳳還巢返鄉活動及全國鄉親歌唱總決賽由總會長陳文質主持來自全台逾1200位旅外南投同鄉熱烈到場參與縣長林明溱特別到場致意歡迎鄉親回南投南投溫泉季也正式展開邀請旅外鄉親呼朋引伴回來泡溫泉用五倍振興券消費南投優質農產和美食滿200元發票還能登錄參加抽獎有機會贏得高額獎金。
林明溱說南投同鄉會聯合總會多年來不論是公益活動還是投資建廠甚至是支援南投縣優質農產都積極參與以實際行動支持故鄉南投不僅對縣政和經濟貢獻良多這份愛鄉情懷更令人感佩。
新冠肺炎疫情發生後各項活動都停擺旅外鄉親思鄉甚切近期疫情趨緩疫情警戒逐漸解封1200名旅外鄉親返鄉共襄盛舉並辦理全國鄉親歌唱總決賽。
林明溱指出南投縣觀光產業雖受疫情衝擊遊客銳減幸疫情控制得宜加上中央五倍券上路縣府為促進觀光振興地方經濟特別規畫「南投玩很大·千千萬萬獎不完」發票登錄抽獎活動自10月1日起至明年4月30日止只要持南投縣消費200元發票就可上網登錄參加抽獎周周抽10萬現金。
陳文質表示感謝縣府每年大力支持鳳還巢返鄉活動讓南投旅外鄉親備感溫馨今年參加鳳還巢活動鄉親相當踴躍在愛妮雅集團總裁陳威中支持下特別結合該會舉辦的全國鄉親歌唱總決賽邀請知名演藝人員上官明莉、艾成等擔任評審全場活動熱鬧精彩。</t>
  </si>
  <si>
    <t>鄉親活動旅外疫情支持特別發票抽獎參加林明溱鳳還巢登錄返鄉決賽歌唱同鄉縣府觀光振興全國邀請經濟陳文</t>
  </si>
  <si>
    <t>南投縣同鄉總會振興五倍券振興券五倍券相關新聞</t>
  </si>
  <si>
    <t>振興總會同鄉新聞相關</t>
  </si>
  <si>
    <t>口罩取締隔離</t>
  </si>
  <si>
    <t>台南今天新增2確診分別是案4018為50多歲男性、案4221為60多歲男性皆為昨天確診的案3615接觸者案4018為案3615同事3人平日群聚學甲區仁聖大帝廟壇感染源是北部友人目前已住院中但還在等篩檢結果廟壇另</t>
  </si>
  <si>
    <t>確診院中目前友人仁聖北部大帝感染分別同事平日昨天新增接觸男性</t>
  </si>
  <si>
    <t>台南今天新增2確診分別是案4018為50多歲男性、案4221為60多歲男性皆為昨天確診的案3615接觸者案4018為案3615同事3人平日群聚學甲區仁聖大帝廟壇感染源是北部友人目前已住院中但還在等篩檢結果廟壇另名同事住嘉義也確診眾人平常都不戴口罩泡茶聊天而染疫其中案4018曾在16日中午12點到下午2點去台南北區大潤發。另有名員警18日曾到廟壇取締未戴口罩也已匡列。
台南市政府今天下午公佈確診2案例相關足跡衛生局長許以霖表示上述3案共同接觸者是北部住萬華區友人但北部人士目前住院中篩檢報告還沒出來。
他說未來公佈足跡與否為避免造成不必要恐慌將依「有無防治必要」才會公佈足跡。今天新增2案足跡單純都已通知可能接觸者目前沒有可疑或可能風險因此不再詳細說明足跡場所避免引發民眾恐慌。他強調大潤發也已經完成清消。
台南市政府今天僅公佈5月13日到18日學甲仁聖大帝廟壇以及5月16日中午至下午2時大潤發台南店若曾進出但未接到通知者可向衛生局聯繫。
案4018於5月22日確診接觸者匡列居家隔離19人經採檢有2位陽性（分別為4221和嘉義確診友人）而案4221為案4018朋友21日因咳嗽至醫院採檢確診接觸者匡列居家隔離9人皆已採檢檢驗報告未出。</t>
  </si>
  <si>
    <t>確診足跡公佈接觸目前今天匡列恐慌口罩友人避免通知</t>
  </si>
  <si>
    <t>群聚廟壇不戴口罩染疫員警</t>
  </si>
  <si>
    <t>口罩員警</t>
  </si>
  <si>
    <t>追加日本經濟</t>
  </si>
  <si>
    <t>根據媒體取得的日本預算草案顯示安倍政府將編列新的11兆美元（117兆日圓）振興方案當中涵蓋可觀的直接支出以遏止新冠肺炎危機將該全球第三大經濟體推向更深的衰退深淵。這是日本繼上月推出117兆日圓振興方案</t>
  </si>
  <si>
    <t>日本日圓振興方案草案顯示安倍衰退深淵推向政府經濟體三大全球上月危機肺炎遏止支出直接涵蓋可觀</t>
  </si>
  <si>
    <t>根據媒體取得的日本預算草案顯示安倍政府將編列新的11兆美元（117兆日圓）振興方案當中涵蓋可觀的直接支出以遏止新冠肺炎危機將該全球第三大經濟體推向更深的衰退深淵。
這是日本繼上月推出117兆日圓振興方案後新一輪的刺激方案其部分經費將由第二追加預算提供。
然而這項新的方案也讓日本為了因應這次疫情對經濟造成傷害導致其支出總額累計達到218兆美元（234兆日圓）約等於日本國內生產毛額的40％並逼近美國的23兆美元經濟援助方案規模。
草案內容指出在日本編列第二輪的11兆美元新振興方案當中將涵蓋33兆日圓的直接支出。為對該方案提供經費日本政府將根據今年度第二追加預算額外發行319兆日圓的政府公債。這也將推升日本今年度新債發行額將締造90兆日圓新高紀錄。
日本首相安倍晉三在週三（27日）一場與執政黨議員的會議上強調：「面對未來的艱難路途我們必須竭盡全力來保護商業與就業。我們也需要採取所有必要措施來為另一波疫情做好準備。」基於疫情對日本經濟衝擊不斷擴大安倍先前就已經指示內閣官員擬定新一輪的振興方案。
政府官員透露第二輪振興方案的重點將包括增加醫療支出、援助無法支付租金的公司、對失去兼職工作的學生提供支援以及對銷售額銳減的企業給予更多補助等。
安倍政府還將提撥10兆日圓準備金額以作為緊急支出使用。
至於日本在上月編列的第一輪117兆日圓振興方案當時焦點放在發放現金給民眾以及因應疫情造成的立即傷害。
日本經濟在上季陷入4年半來首次衰退凸顯新冠肺炎危機已對日本企業與消費者造成重擊並讓日本邁向戰後最嚴峻的衰退困境。</t>
  </si>
  <si>
    <t>日本日圓方案支出振興政府衰退安倍提供疫情經濟造成企業草案追加預算因應危機肺炎上月經費</t>
  </si>
  <si>
    <t>衰退方案肺炎日本經濟支出</t>
  </si>
  <si>
    <t>日本方案肺炎經濟支出衰退</t>
  </si>
  <si>
    <t>bnt疫苗時中台積電最新進度</t>
  </si>
  <si>
    <t>新冠疫情嚴峻國內不少民間團體、企業紛紛表示願意協助政府購買疫苗今日中央流行疫情指揮中心記者會中有媒體問及「目前鴻海與台積電自購疫苗的進度如何？」中央流行疫情指揮中心指揮官陳時中表示慈濟基金會</t>
  </si>
  <si>
    <t>疫情疫苗中心指揮流行中央國內指揮官民間團體紛紛表示企業願意協助問及目前媒體政府購買記者會台積電今日進度陳時中嚴峻表示</t>
  </si>
  <si>
    <t>新冠疫情嚴峻國內不少民間團體、企業紛紛表示願意協助政府購買疫苗今日中央流行疫情指揮中心記者會中有媒體問及「目前鴻海與台積電自購疫苗的進度如何？」中央流行疫情指揮中心指揮官陳時中表示慈濟基金會早上的確有來送件目前在就相關法律檔修改雙方都給同樣檔也有一起開會討論。
另外也有媒體詢問「慈濟購買疫苗是否會比照台積電、鴻海獲得總統府授權代表政府採購？」陳時中說針對慈濟的部分會正式回文但要看看到底是經過什麼管道到底沒有現貨等都需要再檢視和討論但我們會正式回應。</t>
  </si>
  <si>
    <t>疫苗疫情慈濟購買目前媒體正式檔指揮中心到底中央流行國內民間團體企業現貨紛紛表示需要願意回文</t>
  </si>
  <si>
    <t>鴻海台積電陳時中輝瑞／BNT疫苗</t>
  </si>
  <si>
    <t>陳時中台積電輝瑞bnt疫苗</t>
  </si>
  <si>
    <t>確保吃緊穩定供電全台</t>
  </si>
  <si>
    <t>全台持續飆高溫居家辦公人數增加使用電拉警報外界憂心快篩站一旦停電快篩恐停擺為確保快篩站正常運作北市產發局協調台電把快篩站排出在分區停電組別外另遇到其他緊急用電需求萬華區公所也會提供協助</t>
  </si>
  <si>
    <t>停電居家區公所辦公萬華人數需求增加用電使用緊急高溫遇到組別警報外界憂心分區北市</t>
  </si>
  <si>
    <t>全台持續飆高溫居家辦公人數增加使用電拉警報外界憂心快篩站一旦停電快篩恐停擺為確保快篩站正常運作北市產發局協調台電把快篩站排出在分區停電組別外另遇到其他緊急用電需求萬華區公所也會提供協助確保快篩站供電穩定正常。
近日全台供電不穩定依據台電公司目前最新停電分組下一組停電規畫為E、F組經查北市萬華區西園醫院就被列為下一波停電的E組。
產發局公用事業科長何明育指出配合防疫需求已與台電公司臺北市區營業處協調如啟動分區輪流停電時將原屬於E組的西園醫院排除以利快篩站作業能持續此外其他包括北市聯合醫院和平院區、中興院區及剝皮寮、和平青草園等其他4處快篩站都已排除在停電分區外。
他表示另與萬華區公所保持聯繫如快篩站有緊急用電需求除可商請消防局調派消防車前往協助外產業局也會協調台電協助。此外產業局19日己以電話或電子郵件通知北市800kW以上工商業者加強節電措施。</t>
  </si>
  <si>
    <t>停電北市需求分區協調協助台電公司西園醫院和平穩定持續正常萬華區公所排除用電緊急</t>
  </si>
  <si>
    <t>新冠肺炎台灣快篩站停電北市</t>
  </si>
  <si>
    <t>臺灣肺炎停電北市</t>
  </si>
  <si>
    <t>民進下滑支持元老年輕關鍵因素蔡英文</t>
  </si>
  <si>
    <t>台灣民意基金會昨天公佈最新民調基金會董事長游盈隆指出去年5月總統蔡英文第二任剛就職時20到24歲以下首投族有9成3力挺如今民調支持度腰斬只剩4成7力挺。對此民進黨創黨元老、台中市議員謝明源認為蔡</t>
  </si>
  <si>
    <t>力挺基金會議員謝明董事長去年總統游盈隆蔡英文任剛指出就職台中以下元老公佈昨天如今</t>
  </si>
  <si>
    <t>台灣民意基金會昨天公佈最新民調基金會董事長游盈隆指出去年5月總統蔡英文第二任剛就職時20到24歲以下首投族有9成3力挺如今民調支持度腰斬只剩4成7力挺。對此民進黨創黨元老、台中市議員謝明源認為蔡英文年輕人民調下跌有2個原因一是青年族群無疫苗可打引發民怨；二是疫情衝擊就業環境間接影響年輕人觀感。
據港媒《中評網》今（26日）報導謝明源接受採訪時表示蔡英文民調之所以下滑他認為主要原因有2個其一是新冠本土疫情爆發期間台灣在疫苗取得方面受到國際大環境影響導致許多年輕族群至今仍無法接種疫苗年輕人無疫苗可打自然引發民怨。
其次謝明源指出疫情衝擊就業環境加上政府紓困措施不夠直接主力就業人口不滿這也是導致年輕人認同感下滑的另一個原因。且近來國民黨在舉辦黨主席選舉對民進黨的攻擊也影響了年輕族群對蔡政府施政看法這也反映到民調指標上。
謝明源直言如果疫苗能在8月和9月陸續到貨他相信那時年輕人不滿的情緒應會降低蔡的年輕族群認同感就有可能再提升。</t>
  </si>
  <si>
    <t>疫苗謝明年輕人年輕族群影響蔡英文原因疫情指出政府認同感導致力挺不滿民進下滑認為臺灣</t>
  </si>
  <si>
    <t>新冠肺炎謝明源台灣年輕族群蔡英文</t>
  </si>
  <si>
    <t>臺灣謝明肺炎年輕族群蔡英文</t>
  </si>
  <si>
    <t>催生肺炎防疫蔡裕明共同體</t>
  </si>
  <si>
    <t>持續延燒的新冠肺炎疫情對兩岸關係形成新一波的對抗影響所及就是兩岸關係中產生新的論述比較明顯的是從「安全化」概念所建立新的安全觀對未來兩岸關係影響深遠。安全化的主要論點是認為安全是一種「言外</t>
  </si>
  <si>
    <t>兩岸關係安全影響形成明顯比較是從產生論述概念深遠建立未來安全觀肺炎疫情對抗認為論點持續</t>
  </si>
  <si>
    <t>持續延燒的新冠肺炎疫情對兩岸關係形成新一波的對抗影響所及就是兩岸關係中產生新的論述比較明顯的是從「安全化」概念所建立新的安全觀對未來兩岸關係影響深遠。
安全化的主要論點是認為安全是一種「言外之言」的語言行為藉由將某項事務標示為「安全問題」即可成為一項問題。也就是安全化的行為者會透過語言表述特定主體受到威脅時要求採取特定的措施以確保行為主體的生存與存續。
這項安全問題從正常的政治領域轉移到緊急政治領域可以繞過多重決策領域迅速解決問題。所以為了安全起見這意味著安全不再是任何過去既定的意涵可以是行為主體所說的各項內容使得安全成為社會與互為主體的建構。
為了讓威脅成為安全問題成功的「安全化」包括3項步驟：確定存在的威脅、緊急行動、打破規則對於內部單位的掣肘。新冠肺炎疫情的發展正符合這3項安全化的論述。其中包括：
一、人員的流動會造成病毒擴散；二、在高流行地區對於地方政府與國家的穩定受到威脅；三、除人員死亡外新冠肺炎可能進一步造成社會衝突。於是安全化的論述關鍵在於不同的場域中強調這些場域的脆弱性與威脅進而影響與改變組織與生存策略。最重要的是支持安全化的決策者試圖透過如何看待這種過程以確定越來越多的安全化對象與政策。
在武漢疫情已經擴散之後大陸國家主席習近平在1月20日提及疫情已處於「加快蔓延的嚴重形勢」要求黨政各級領導幹部需要深入防疫第一線。從此大陸正式把新冠肺炎視為安全威脅。
在這之後大陸各個省市紛紛祭出防範疫情擴散的措施諸如封城、封省、停工與停課、關閉機場與交通樞紐、啟動社區封閉式管理、嚴格管控防疫物資、國家衛生健康委員會每日公佈最新疫情、湖北開始變更病患的收治策略等。
官方此時已更重視由疫情所延伸的安全問題政府也開始嚴格管理從中央到地方的各項所能使用的防疫工作習近平後來更說到「確保打贏疫情防控的人民戰爭、總體戰、阻擊戰」。
而台灣在防疫方面嚴格管控國境安全與管控口罩等防疫物資也強調讓台灣加入世界衛生組織為醫療人權的重要性。在「國內防疫為優先」的前提下政府率先禁止防疫物資出口行政院長蘇貞昌並表示「自救才能救人」。
事實上通過言語行為所提出的安全性主張不僅是描述性質也會因為改變問題的解決方式來改變現實狀況原本《想像共同體》的作者安德森認為台灣做為移民社會因抗拒來自母國的壓迫才會出現台灣的民族主義。然而一場新冠肺炎反而讓台灣建構出「防疫共同體」的總體意識這種兼具民族主義性質的防疫意識反而變成對大陸新的對抗意識。
與安全化概念相反的則是「去安全化」過程就是將問題從緊急事件模式轉變到一般性商談的過程。為了避免對抗意識持續下去當疫情過去之後兩岸如何在「後武漢肺炎」時代建立新的互動模式將考驗兩岸政府的智慧。
（作者為實踐大學高雄校區博雅學部副教授）</t>
  </si>
  <si>
    <t>安全疫情防疫威脅問題臺灣肺炎政府大陸國家擴散社會物資意識行為之後過程影響改變論述嚴格</t>
  </si>
  <si>
    <t>比賽取消確診王柏融吳念庭火腿中職危險</t>
  </si>
  <si>
    <t>火腿隊剛結束與西武隊之戰吳念庭與王柏融同場較勁不過火腿隊在賽後突然宣佈多7人確診新冠肺炎加上原本的3人球隊目前共有10人確診有群聚感染風險因此明日與西武之戰確定取消王柏融與吳念庭的近況也讓球</t>
  </si>
  <si>
    <t>確診吳念庭西武王柏融火腿原本取消加上確定明日風險較勁宣佈感染賽後突然近況球隊肺炎目前共有同場</t>
  </si>
  <si>
    <t>火腿隊剛結束與西武隊之戰吳念庭與王柏融同場較勁不過火腿隊在賽後突然宣佈多7人確診新冠肺炎加上原本的3人球隊目前共有10人確診有群聚感染風險因此明日與西武之戰確定取消王柏融與吳念庭的近況也讓球迷擔心。
火腿隊昨日有內野手中島卓也、外野手西川遙輝、捕手清水優心3人在新冠肺炎篩檢中呈現陽性都已經隔離並先下二軍今日火腿隊在傷兵滿營狀況下以5比4逆轉勝不過賽後傳出壞消息多了4名選手、1名教練、2名球團工作人員確診單日多7人呈現陽性反應。
4名選手分別為洋砲R羅德里奎茲（Ronny Rodriguez）、內野手高濱祐仁、外野手今川優馬、捕手郡拓也以及內野守備教練飯山裕志。日本火腿球團社長川村浩二出面致歉「對於球隊一軍成員大量感染新冠肺炎造成的巨大關注和不便我們深感歉意因此決定先取消比賽來確保其他選手的安全希望大家理解這艱難的決定。」川村浩二同時也向西武獅致歉。
火腿共有10人確診爆發群聚感染接下來會與日職負責防疫健康的單位進行合作未來會更徹底做好防疫措施來預防傳染也積極幫助所有球員恢復。
根據日媒報導確診者都沒有發燒或其他身體不適的症狀已經接受主管機關的隔離而台將王柏融、吳念庭今日都有出賽尤其確診者是王柏融的隊友接下來在日職安排下兩隊球員都會再接受PCR檢測密切關注球員的身體狀況。</t>
  </si>
  <si>
    <t>確診火腿王柏融選手吳念庭感染球員西武肺炎內野手決定防疫接受取消呈現賽後外野手致歉</t>
  </si>
  <si>
    <t>王柏融吳念庭火腿隊西武獅新冠肺炎</t>
  </si>
  <si>
    <t>西武火腿吳念庭肺炎王柏融</t>
  </si>
  <si>
    <t>日清吃法</t>
  </si>
  <si>
    <t>新冠疫情肆虐全球泡麵也成為熱門商品還一度掀起搶購潮。日本日清泡麵近日分享新吃法杯麵吃完後總會剩下麵渣與湯丟掉又有些浪費提到其實只需要一顆蛋就能讓吃泡麵的飽足感再升級又不會浪費剩餘的湯底</t>
  </si>
  <si>
    <t>浪費全球一度成為熱門升級商品掀起需要提到其實搶購潮丟掉日本日清總會</t>
  </si>
  <si>
    <t>新冠疫情肆虐全球泡麵也成為熱門商品還一度掀起搶購潮。日本日清泡麵近日分享新吃法杯麵吃完後總會剩下麵渣與湯丟掉又有些浪費提到其實只需要一顆蛋就能讓吃泡麵的飽足感再升級又不會浪費剩餘的湯底而新食譜曝光後不少網友也趕緊實測直呼「好吃到欲罷不能」。
カレーヌードルで試してみました♪co-opさんのカレーヌードルですが、日清食品さんと共同開発品です。見た目は茶碗蒸しと比べるとイマイチでしたが? 美味しかったです?  pictwittercom/yWBgUNvnDr
日清泡麵在推特表示「任何人都能製作杯子蒸蛋只要將雞蛋打進有湯的杯麵中攪拌後再拿去蒸就能吃到鬆軟的茶碗蒸很多人都不知道這種做法」而他們也在官網曝光詳細作法首先將雞蛋打進吃剩餘的湯底等5分鐘後均勻攪拌再將湯與蛋液倒入碗中並放入微波爐加熱約3分鐘杯子蒸蛋就完成了。
不少網友回應「看到後馬上試做！之前常因為沒喝完湯感到遺憾現在終於能吃乾淨了」、「以前就做過了海鮮和咖哩口味都很好吃」、「味道很不錯但吃起來有點鹹」、「我很早就這樣吃了有時還會加點飯或年糕超好吃」、「將米飯和起司放進剩餘的湯中再拿去微波義大利焗飯就出爐囉！推薦海鮮口味最好吃」。</t>
  </si>
  <si>
    <t>好吃日清茶碗網友曝光浪費</t>
  </si>
  <si>
    <t>日清泡麵杯麵美食生活巧思銷魂吃法</t>
  </si>
  <si>
    <t>生活美食銷魂日清吃法</t>
  </si>
  <si>
    <t>發光進步病毒</t>
  </si>
  <si>
    <t>新冠肺炎疫情最棘手的問題在於它的初期感染並不明顯而且潛伏期很長然而現行的篩檢又無法即時得知結果還有偽陰性、偽陽性等問題。現在科學家發明瞭新的篩檢劑透過生物基改的螢光染色技術檢體在可以在幾分</t>
  </si>
  <si>
    <t>問題染色螢光棘手在於得知初期感染生物即時無法明顯透過潛伏期現在發明科學家技術疫情</t>
  </si>
  <si>
    <t>新冠肺炎疫情最棘手的問題在於它的初期感染並不明顯而且潛伏期很長然而現行的篩檢又無法即時得知結果還有偽陰性、偽陽性等問題。現在科學家發明瞭新的篩檢劑透過生物基改的螢光染色技術檢體在可以在幾分鐘內就有反應要是出現感染可能樣本會自行發光增加辨認效率。
每日科學(Scitech Daily)報導現在檢測冠狀病毒感染大多數的醫學中心都依賴一種稱為RT-PCR(反轉錄聚合酶連鎖反應)的技術該技術可放大病毒的遺傳物質特徵。然而此技術需要專門的人員和設備而且花費多、檢測時間長因此許多政府不願全面普篩有很大原因在於所費不貸資源消耗多全球的檢測劑都很不足。
現在華盛頓大學醫學院-蛋白質設計研究所(UW Medicine Institute for Protein Design)所長大衛‧貝克（David Baker）所組成的​研團隊發明一種新的生物試劑這種試劑是使用電腦來計算與設計的主要是發明一種特殊蛋白質它可以和病毒表面上的特定分子結合然後蛋白質會因生化反應而發光。
同樣參與這項研究的威斯康辛大學成員還用類似的技術創造了能夠與新冠病毒抗體結合而發光的生物試劑也就是新冠肺炎的康復者會有另一種反應。
團隊解釋之所以開發2種試劑是要排除偽陽性反應。
貝克說：「我們已經在實驗室中證明這些新型試劑可以很容易地檢測到模擬鼻液、血清中的病毒蛋白或抗體。不過目前主要是在實驗室裡因此我們的下一個目標是確保可以在實際的診斷環境中使用。」
研究小組表示類似的技術可以應用到其他醫學相關的人類蛋白如Her2（某些形式的乳腺癌的生物標誌物和治療靶標）和Bcl- 2（在淋巴瘤和其他一些癌症中具有臨床意義）以及細菌毒素和靶向B肝病毒（HBV）的抗體。</t>
  </si>
  <si>
    <t>技術可以生物病毒試劑現在發光蛋白質檢測發明反應抗體貝克蛋白醫學研究</t>
  </si>
  <si>
    <t>新冠病毒篩檢生物試劑發光</t>
  </si>
  <si>
    <t>生物病毒試劑發光</t>
  </si>
  <si>
    <t>練肖話須一川普巴西</t>
  </si>
  <si>
    <t>拉美地區新冠肺炎疫情日益嚴峻截至29日累計確診病例超過14萬例其中以巴西逾4000例最多。然而有「熱帶版川普」之稱的巴西總統波索納洛卻無視衛生當局呼籲要保持社交距離無防護現身在首都巴西利亞多區的</t>
  </si>
  <si>
    <t>巴西防護疫情日益距離嚴峻社交截至保持累計呼籲當局確診現身肺炎衛生病例無視波索納洛總統川普熱帶</t>
  </si>
  <si>
    <t>拉美地區新冠肺炎疫情日益嚴峻截至29日累計確診病例超過14萬例其中以巴西逾4000例最多。然而有「熱帶版川普」之稱的巴西總統波索納洛卻無視衛生當局呼籲要保持社交距離無防護現身在首都巴西利亞多區的街頭四處趴趴走他還稱「人終須一死」「要像個男人般」去面對新冠病毒。
波索納洛29日在總統官邸外會見支持群眾並向在場記者表示雖然新冠病毒存在但「我們必須要面對它。要像個男人一樣去面對而不是像個小男童般！」他又指「總有一天我們都會死」。據報導波索納洛還曾告訴巴西衛生部長曼代塔若繼續呼籲人們留在室內就要公開譴責他甚至要撤換他。
自疫情爆發以來波索納洛一直淡化病毒的風險曾形容新冠肺炎僅是「小流感」。他曾呼籲長者及高風險患者留在家中但其他人必須讓經濟繼續運作不應全面停止商業活動及全民居家隔離。 波索納洛反對封城或避免外出等限制措施並與自行實施隔離措施的聖保羅州及裡約熱內盧州州長發生衝突。波索納洛指如果隔離措施持續加上失業率一直增加巴西會出現非常嚴重的經濟問題。他強調巴西不能停頓下來否則會變成委內瑞拉。
巴西衛生部29日宣佈新增新冠肺炎確診病例352例累計達4256例新增死亡22例累計死亡136例。</t>
  </si>
  <si>
    <t>波索納洛巴西呼籲隔離措施肺炎病毒經濟繼續疫情一直留在總統必須確診面對累計</t>
  </si>
  <si>
    <t>病毒肺炎一死死亡累計</t>
  </si>
  <si>
    <t>肺炎死亡累計病毒</t>
  </si>
  <si>
    <t>唐甯街強生重返icu最新病況夏天曝光</t>
  </si>
  <si>
    <t>英國首相強生（Boris Johnson）6日因新冠肺炎病情惡化住進加護病房不過目前已知強生高燒已退已度過最危險時期讓英國內閣重燃希望。不過專家警告即便強生完全康復最慢恐怕也要等到夏天才能重返工作崗位</t>
  </si>
  <si>
    <t>強生等到恐怕肺炎病情惡化夏天目前康復病房內閣完全專家危險英國希望</t>
  </si>
  <si>
    <t>英國首相強生（Boris Johnson）6日因新冠肺炎病情惡化住進加護病房不過目前已知強生高燒已退已度過最危險時期讓英國內閣重燃希望。不過專家警告即便強生完全康復最慢恐怕也要等到夏天才能重返工作崗位元因為病毒會讓患者元氣大傷長期臥病在床也會讓患者肌肉量大幅度下降。
綜合路透社、英國《太陽報》（The Sun）、《每日郵報》（Daily Mail）報導英國首相強生住進加護病房第二晚病況愈來愈穩定醫師在第一時間為他輸氧已有效阻止強生病情惡化醫生判斷沒有必要為他戴上氧氣機或讓他服用鎮靜劑同時強生也沒有肺炎現象精神狀況良好不過醫生仍安排他繼續住在加護病房以利密切觀察。英國《泰晤士報》（The Times）7日晚間更報導強生高燒已退顯示他已經度過最危險時期有機會打敗病魔。
由於醫生沒收他的2支手機強生住進加護病房後就與外界隔絕聯繫唐寧街官員否認強生有其他健康問題的傳言暫代首相職務的英國外相拉布（Dominic Raab）週二稱強生是「戰士」相信強生短時間內就會康復回來帶領內閣。
不過數名資深保守黨員對此持保留態度當中一人表示「現階段情況感覺仍很危險一直到他離開加護病房、病況明顯好轉之前我想我們之中沒有人能真正放鬆。」
專家對此也不樂觀部分專家認為強生即便康復仍要休息數周才能完全恢復體力最慢恐怕要到夏天才能重返工作崗位。
英國東安格利亞大學傳染病專家韓特教授（Paul Hunter）表示「如果你因為病情嚴重住進加護病房、並且存活很明顯你需要一些時間康復而且通常只有一半的病人能夠活下來。」「我預期多數病況那麼嚴重的病人至少需要1個月、或可能2個月時間才能康復、恢復工作。」若從現在起算意味強生有可能要到夏天才能重返唐寧街。
英國重症醫學專家葛克特教授（Mike Grocott）表示通常一個在加護病房接受輸氧治療一段時間、無法下床行動的病人身體機能會下降一段時間甚至有可能延續數周。他補充「一段時間沒有活動會對身體機能造成影響最典型的是導致肌肉量、力量下滑程度取決於臥病在床的時間以及病情的嚴重程度另外也要視患者的復原品質以及對復健投入的時間。」
不只專家剛擊敗新冠病毒的重症患者Matt Dockray也描述病毒如何榨乾他、讓他元氣大傷他說出加護病房以及真正出院後距離完全康復還有「很長一段路」要走這段時間需要6至8周過程中有可能失去希望「但你只能要求自己不斷戰鬥。」</t>
  </si>
  <si>
    <t>強生英國時間病房專家康復沒有才能可能患者醫生病人表示病況危險一段時間需要</t>
  </si>
  <si>
    <t>部署以上超前改為防疫醫大授課</t>
  </si>
  <si>
    <t>台灣近日新冠肺炎案例暴增北部更傳出校內感染高雄醫學大學為防止多人群聚感染擬將百人以上課程改為線上授課但因為先前並無同步線上授課經驗高醫大在實行前特意安排教師系統測試24日正式啟用獲得師生一</t>
  </si>
  <si>
    <t>感染授課肺炎案例測試系統教師安排北部特意傳出校內行前正式醫大擬將經驗改為以上課程</t>
  </si>
  <si>
    <t>台灣近日新冠肺炎案例暴增北部更傳出校內感染高雄醫學大學為防止多人群聚感染擬將百人以上課程改為線上授課但因為先前並無同步線上授課經驗高醫大在實行前特意安排教師系統測試24日正式啟用獲得師生一致好評。
高醫大醫學系系主任徐仲豪表示過往的線上授課皆以教師預錄影片給學生隨時登入觀看但這次為了達到學習的最高效率採用全面性的直播同步教學學生若有問題可以隨時利用app「i高醫」提問教師也可做簡單的評量讓學生在家宛如在校上課一樣但測驗成績並不會當成主要評分考量目前還是以期末考成績為主線上互動可當平時成績或加分。
高醫大線上授課採教師在校直播並與資訊處密切合作沒有網路上得使用困難學校為保障所有學生的上課權利若學生有電腦或網路上問題每堂課皆開放30位學生至學校採同樣模式上課徐仲豪表示此直播授課模式自24日啟用除了從原先面對學生改為鏡頭有些許不適應目前沒有師生反應使用上的問題大家皆對此種防疫措施相當滿意。
自此學期開始高醫大盡可能將感染機率降到最低為確保在校所有師生的健康安全除了謹慎調查旅遊史外更強制規定所有師生必須持相關證件才可進入校園此外由於高醫大情況特殊一旁附屬醫院部分醫生會將汽車停進校園停車場高醫大特意將路線錯開避免交互感染給予學生最安全的就學環境。
另外配合防疫高醫大美食街學生餐廳也將座位區調整拉大用餐間距也鼓勵教職員生盡量以外帶方式消費以避免群聚效應維護個人安全。</t>
  </si>
  <si>
    <t>學生醫大師生感染教師授課安全直播上課問題避免目前成績改為隨時防疫網路上</t>
  </si>
  <si>
    <t>新冠肺炎高醫大防疫同步線上授課</t>
  </si>
  <si>
    <t>醫大防疫同步肺炎授課</t>
  </si>
  <si>
    <t>摸黑掉落搶救婦人順利脫困金門</t>
  </si>
  <si>
    <t>金門徐姓婦人昨（8）日晚餐後偕老公出門散步因天色昏暗不慎掉落水深及膝的大排水溝縣消防局據報火速派員趕到現場將全身癱軟無力的她送醫急診完成一樁緊急救援任務。昨晚19時25分許51歲徐姓婦人和老公走在</t>
  </si>
  <si>
    <t>老公徐姓婦人趕到現場派員全身癱軟無力排水溝送醫急診完成緊急水深掉落救援不慎任務晚餐</t>
  </si>
  <si>
    <t>金門徐姓婦人昨（8）日晚餐後偕老公出門散步因天色昏暗不慎掉落水深及膝的大排水溝縣消防局據報火速派員趕到現場將全身癱軟無力的她送醫急診完成一樁緊急救援任務。
昨晚19時25分許51歲徐姓婦人和老公走在金沙鎮何浦國小前方產業道路因天色昏暗照明不佳不慎掉落大排水溝。縣消防局據報出動金沙、金湖2分隊幹員趕抵現場。
由於大排水溝水深及膝情況頗為危急在小隊長李正義現場指揮下包括隊員周君全、吳國輝及林練富、役男王羿凱等人通力合作運用雙節梯下水確認再吊掛雙腳癱軟、腰部疼痛的徐婦脫離水面。
因徐婦在3月18日剛從大陸老家返金救難人員還特地讓她戴上口罩切實做好相關防疫作業後再送往金門醫院急救。
縣消防局指出大排水溝現場雜草叢生又布滿青苔增加救援的困難度還好消防人員平日常有摸擬演練救難過程中展現精實專業技能獲得家屬和當地民眾肯定和好評。</t>
  </si>
  <si>
    <t>現場排水溝救難救援癱軟老公天色昏暗婦人水深不慎徐姓掉落金門家屬徐婦獲得專業技能展現當地</t>
  </si>
  <si>
    <t>水溝排水溝大排水溝現場消防局</t>
  </si>
  <si>
    <t>現場排水溝水溝</t>
  </si>
  <si>
    <t>小攤紓困首日核准台企金融</t>
  </si>
  <si>
    <t>政府針對受新冠肺炎疫情衝擊的小型攤商及商家等「小規模營業人」提供最高申貸50萬元的紓困貸款專案。臺企銀（2834）昨（20）日開辦受理上路首日便火速核准37件、金額達1210萬元解決小型攤商的燃眉之急。臺企銀</t>
  </si>
  <si>
    <t>台企肺炎疫情衝擊商家提供最高首日上路小規模受理核准營業紓困金額開辦貸款專案解決</t>
  </si>
  <si>
    <t>政府針對受新冠肺炎疫情衝擊的小型攤商及商家等「小規模營業人」提供最高申貸50萬元的紓困貸款專案。臺企銀（2834）昨（20）日開辦受理上路首日便火速核准37件、金額達1210萬元解決小型攤商的燃眉之急。
臺企銀指出小規模營業人只要具稅籍登記且每月銷售額未達開立統一發票標準只要簡易評分達標並送信保基金保證後提供最高申貸50萬元的紓困貸款專案年利率最高不超過1％、貸款期限最長1年力拚3個工作日內提供客戶周轉資金。
臺企銀表示首日核准申請人的產業遍佈早餐店、手搖杯飲料店、小吃店、服飾店及園藝店等該行行員主動關心詢問客戶並積極協助申請人準備簡易資料專案開辦一早便確認申請人符合申貸標準並迅速予以核准協助受疫情影響的商家獲得及時雨。
臺企銀指出紓困貸款專案強調從寬、從速、從簡原則為加速申辦流程民眾可透過該行125家分行最新成立的「紓困振興專區服務窗口」詢問臺企銀絕對全力響應紓困貸款政策傾全力協助小規模商家度過難關。</t>
  </si>
  <si>
    <t>紓困貸款專案申請人核准協助提供小規模商家詢問簡易標準客戶最高首日台企開辦疫情指出營業</t>
  </si>
  <si>
    <t>台企銀臺企銀攤商小規模營業人</t>
  </si>
  <si>
    <t>小規模營業台企</t>
  </si>
  <si>
    <t>陽明遊玩律師最重辦公居家</t>
  </si>
  <si>
    <t>全國疫情進入三級警戒一再宣導民眾減少外出但上週末陽明山國家公園的停車場仍車潮不斷氣得臺北市長柯文哲說重話讓公務員居家辦公「不是讓你全家開車上山」。曾任檢察官的律師翁偉倫指出上班時間公務員</t>
  </si>
  <si>
    <t>公務員一再宣導民眾減少外出上週末律師陽明檢察官國家公園曾任停車場警戒上山開車車潮全家不斷臺北市重話柯文哲偉倫</t>
  </si>
  <si>
    <t>全國疫情進入三級警戒一再宣導民眾減少外出但上週末陽明山國家公園的停車場仍車潮不斷氣得臺北市長柯文哲說重話讓公務員居家辦公「不是讓你全家開車上山」。曾任檢察官的律師翁偉倫指出上班時間公務員若人在外面卻填寫在家裡恐涉「公務員登載不實罪」最重7年刑；私人企業員工則可能觸犯「業務登載不實」最重3年刑。
上週末是全國進入三級警戒的第一個週末然而根據陽明山國家公園即時影像發現二子坪、擎天崗、小油坑等處停車場不但有許多車輛進出甚至一度出現排隊的狀況可見遊客眾多。
這樣的狀況氣得臺北市長柯文哲在週日的防疫記者會上說重話表示「給同學停課不是叫你去開party給公務員居家辦公也不是叫你全家開車到陽明山！」。就連新聞台主播房業涵在播報陽明山遊客新聞時也不禁脫口而出：「真的不知道在想什麼？」。
曾任檢察官的律師翁偉倫接受自由時報採訪他表示登載員工出勤紀錄除了有行政責任還涉及刑責也就是說除了機關、公司的記過、懲戒等處分員工還可能吃上官司。
翁偉倫解釋線上簽到時若公務員人在外面卻填寫在家可能觸犯刑法第213條「公務員登載不實罪」可處1-7年刑；如果是私人企業的員工則可能觸犯同法第215條的「業務登載不實罪」最重3年刑。
不過另有法官指出居家辦公者若「先在家簽到之後才跑出去」等同「蹺班」應該就不涉刑責但無法避免行政懲處。</t>
  </si>
  <si>
    <t>公務員員工陽明山登載可能偉倫居家刑責不實辦公國家公園停車場遊客上週末在家表示指出</t>
  </si>
  <si>
    <t>新冠肺炎台灣居家辦公公務員律師</t>
  </si>
  <si>
    <t>居家臺灣辦公肺炎公務員律師</t>
  </si>
  <si>
    <t>傳訊會長當兵獅子確診</t>
  </si>
  <si>
    <t>國內新冠疫情擴大中央流行疫情指揮中心12日指出台灣暴增16例本土個案創下疫情以來單日本土案例最多紀錄其中五股獅子會前會長1傳10現任會長日日向確診者傳訊息問好12日時現任會長曾向成員表示「要去當</t>
  </si>
  <si>
    <t>疫情會長本土曾向問好指揮中心案例紀錄指出臺灣擴大成員中央流行訊息會前以來獅子創下個案表示</t>
  </si>
  <si>
    <t>國內新冠疫情擴大中央流行疫情指揮中心12日指出台灣暴增16例本土個案創下疫情以來單日本土案例最多紀錄其中五股獅子會前會長1傳10現任會長日日向確診者傳訊息問好12日時現任會長曾向成員表示「要去當兵了」引發議論與猜測；記者實際致電給現任會長他輕咳兩聲透露「我只能說我現在狀態很無聊訊息等2點公佈再說吧！」。
案1203的新北五股獅子會前會長傳染人數眾多而前會長足跡遍佈蘆洲的餐廳、按摩店12日中央疫情中心指出前會長身邊已有10人染疫現任會長在群組內向成員致歉沒做好防疫。
據瞭解現任五股獅子會長從疫情爆發以來日日向確診者問候盼能夠鼓勵確診者和獅子會會員然而昨12日時有位確診的成員接到現任會長的訊息「要去當兵了」大家紛紛揣測現任會長恐怕也已確診。
記者致電現任五股獅子會現任會長他表示他確實每天都會發訊息向確診者、會員給予鼓勵記者提問因為爆出前獅子會會長蘆洲與萬華的案例也找到「人與人」連結的關聯性會不會覺得尷尬？他說這是個人行為可能引發家庭問題但他不予評論。
是否已確診？現任會長咳嗽兩聲後說「等兩點吧！兩點會公佈我只能透露我現在狀態很無聊」。</t>
  </si>
  <si>
    <t>會長獅子確診疫情訊息記者成員引發案例中央透露以來表示蘆洲致電指出會員會前鼓勵本土</t>
  </si>
  <si>
    <t>新冠肺炎獅子會五股會長</t>
  </si>
  <si>
    <t>肺炎獅子會長</t>
  </si>
  <si>
    <t>親密醜聞主持人接觸對象全收通知</t>
  </si>
  <si>
    <t>美國知名節目《艾倫秀》主持人艾倫狄珍妮(Ellen DeGeneres)近期負面新聞不斷。一向給人親民形象的他遭工作人員指控是雙面人之外更被爆料艾倫的工作團隊有惡劣的職場文化內部高層涉及種族歧視、性騷擾下屬…</t>
  </si>
  <si>
    <t>艾倫高層內部文化主持人惡劣狄珍妮ellen團隊涉及工作degeneres近期負面新聞一向形象工作人員指控之外</t>
  </si>
  <si>
    <t>美國知名節目《艾倫秀》主持人艾倫狄珍妮(Ellen DeGeneres)近期負面新聞不斷。一向給人親民形象的他遭工作人員指控是雙面人之外更被爆料艾倫的工作團隊有惡劣的職場文化內部高層涉及種族歧視、性騷擾下屬…這些狀況艾倫皆不聞不問這也對他的形象造成相當大的傷害。
醜聞風波持續延燒數日之後艾倫終於做出懲處；開除涉嫌性騷擾及霸淩的員工。但艾倫又在疫情期間未經工作人員同意竟將工作團隊薪資減少60%引發同仁們的不滿事後艾倫甚至有想放棄主持17年的節目企圖平息風波。
艾倫的挑戰可說一波未平一波又起。今(11日)他在自己的社群平臺上主動公佈自己確認感染上新冠肺炎並坦承曾和自己觸過的人都收到通知艾倫在貼文中說道：「嗨！大家好我想讓各位知道我的新冠肺炎（COVID-19）檢測結果為陽性。所幸現在我感覺已經好多了。我會遵守防疫規定假期後見。」
因各種醜聞纏身以致《艾倫秀》收視率下滑；她在最新一季節目開播時還在節目上反諷說「一直很想當面與各位說一些話但在過去半年裡『當面』這件事是不合法的。」雖然小心防疫但最後仍不幸確診。
Ellen DeGeneres（@theellenshow）分享的貼文</t>
  </si>
  <si>
    <t>艾倫節目性騷擾防疫醜聞形象風波工作人員艾倫秀團隊ellendegeneres工作肺炎當面現在所幸感覺已經</t>
  </si>
  <si>
    <t>艾倫秀性騷擾艾倫新冠肺炎</t>
  </si>
  <si>
    <t>性騷擾艾倫艾倫秀肺炎</t>
  </si>
  <si>
    <t>政府呼籲歸零從優收入從速從寬停課紓困</t>
  </si>
  <si>
    <t>全台大停課包括補習班、課後才藝、安親班等補教業收入歸零除了要支付房租、薪資還要退費給學生勉強撐過5月6月已危在旦夕！補教業者表示與其讓安親才藝倒光光政府再去養失業老師不如從寬讓補習班專案貸</t>
  </si>
  <si>
    <t>才藝補習班從寬不如課後薪資還要老師失業房租退費支付學生勉強政府安親班歸零撐過收入危在旦夕</t>
  </si>
  <si>
    <t>全台大停課包括補習班、課後才藝、安親班等補教業收入歸零除了要支付房租、薪資還要退費給學生勉強撐過5月6月已危在旦夕！補教業者表示與其讓安親才藝倒光光政府再去養失業老師不如從寬讓補習班專案貸款活下去呼籲政府要從優、從速、從寬紓困。
立委邱臣遠、北市議員陳建銘1日召開「全台停課拉警報補教業者要紓困」遠端視訊會議及線上記者會邱臣遠表示昨（31）日立法院通過追加紓困40本周研擬細節今召開記者會反映補教業者心聲是很好時機。
士林在地大聯盟補習班吳主任說就算疫情舒緩最怕家長也不想讓學生回來上課了因為老師不在打疫苗的前面順位。補習班成本最大就是房租接下來是人事未來3個月影響跑不掉；他希望補貼能夠更即時建議一段時間內按照補習班營業面積定額補貼並盡快訂出員工薪資補貼細則。
中華民國補教協會理事長謝智芳表示從業36年第一次碰到政府因傳染病要求補習班停業。目前台灣約18萬家立案補習班推估15萬從業人口一年產值約1800億至2000億龐大規模卻欠缺政府重視。他呼籲教育部正視補教業者並將跑課老師、國小課後照顧班外聘老師一併納入補助否則其中許多沒有勞健保一但停課就斷了生計。
謝智芳說這次聯合18個補教團體提出6點主張：薪資補貼從寬認定；房租補助、房貸補助、貸款利息展延；勞保、健保、勞退展延；從寬認定個人補習班申請貸款資格；讓教育從業人員優先打疫苗；發放補習券。
中華民國補教協會理事何松山近日發起「2021紓困振興方案-教育產業不能再被忽視」公共政策平臺連署提案3天就達6000人附議門檻。他強調本次疫情衝擊最慘重是安親以及才藝班難以線上授課收入歸零若只有4成薪資補貼究竟拿什麼養員工？與其讓安親才藝倒光光、失業老師政府養不如讓補習班辦理專案貸款至少比照經濟部紓困方案讓政府、勞方、資方三贏。
中華民國課後教育協會理事長陳伯宇表示鄰國日韓政府相當重視補教業者但在台灣補教業多是微型企業常常被忽略。補教業者紓困一定要成立單一視窗從優、從速、從寬認定。
「補教業6月起毫無收入政府莫放著補教業者自生自滅！」北市短期補習班履保協會理事長林欽雄表示補教屬於教育業的一環若家長疲於奔命照顧小孩整體社會難以發揮最大生產力。希望行政院更具體紓困方案例如課後照顧中心都有立案資料盼比照勞工局呈報金額全額補貼員工薪資；另外盼勞健保暫停收費、稅金減免、提供銀行無息貸款、房租依照地段坪數補助。</t>
  </si>
  <si>
    <t>補習班紓困政府補貼業者薪資從寬表示老師房租課後貸款才藝教育照顧方案補助認定停課員工收入中華民國</t>
  </si>
  <si>
    <t>新冠肺炎台灣補習班補教業者補教業</t>
  </si>
  <si>
    <t>臺灣補習班肺炎業者</t>
  </si>
  <si>
    <t>疫情樂天公佈市場商店趨勢都開</t>
  </si>
  <si>
    <t>近一年來受到新冠肺炎(COVID-19)疫情影響民眾的生活及消費習慣都受到一定程度的影響例如減少外出增加網路購物的頻率或是改以外送服務為主。同時今年台灣疫情再次爆發更促使許多企業加快數位轉型的腳步。樂</t>
  </si>
  <si>
    <t>疫情影響受到加快企業促使爆發再次數位臺灣今年以外為主頻率服務購物肺炎網路增加外出covid-減少例如程度民眾一定</t>
  </si>
  <si>
    <t>臺灣疫情市場樂天數位消費者轉型影響健康受到店家增加投入麵包品嘗養生農友經營一家創新口味</t>
  </si>
  <si>
    <t>樂天市場數位轉型線上開店統計網購</t>
  </si>
  <si>
    <t>轉型數位統計市場樂天</t>
  </si>
  <si>
    <t>議員展開即將建議診所納入接種</t>
  </si>
  <si>
    <t>台灣已實施並延長疫情第三級警戒至少到六月底美國援台250萬劑莫德納疫苗也抵台；市議員陳淑華今天建議預期大規模疫苗接種將會展需要更完整的施打疫苗網除現有大型醫院、衛生所、施打站外應盡快把符合資格</t>
  </si>
  <si>
    <t>疫苗施打疫情警戒至少六月衛生所延長美國莫德納完整會展接種議員陳淑華今天預期建議醫院</t>
  </si>
  <si>
    <t>台灣已實施並延長疫情第三級警戒至少到六月底美國援台250萬劑莫德納疫苗也抵台；市議員陳淑華今天建議預期大規模疫苗接種將會展需要更完整的施打疫苗網除現有大型醫院、衛生所、施打站外應盡快把符合資格的基層醫療診所納入疫苗施打網以求在取得疫苗後能最快的速度為民眾進行大規模施打疫苗。
陳淑華指出台灣的民眾長期有前往診所接種疫苗的醫療習慣如果能將符合資格的診所規劃盡快納入COVID-19疫苗接種可讓民眾有更多的選擇有助疫苗的快速普及。且民眾若選擇認識的醫生可以為民眾身體狀況適不適合接種疫苗做最適當的診斷。
坊間診所醫師說很多診所願意投入疫苗施打但市府遲遲未規劃。台中市基層醫療普及應更積極規劃各地區符合的診所做為疫苗施打站許多診所有能力及經驗可以勝任。這波疫苗施打臺北市也有診所加入施打新冠疫苗的行列；台中市遲遲沒有明確政策診所何時能提供民眾開打疫苗？
陳淑華表示依目前狀況雖不知何時下放讓診所加入施打行列但以接種速度除了現在的大醫院、施打站以外還可以更快以應付未來台灣進行全民大量施打疫苗的量能更快速的提高疫苗接種率。況且戶外疫苗保存較不容易及部分民眾接種可以有更方便的選擇交通也更便利更具親近性。
陳淑華認為台灣各診所長期有注射流感疫苗及各類疫苗的醫療經驗目前台中市尚未將診所納入做為COVID-19疫苗注射站如果能將符合資格的診所納入施打疫苗部署應可有效在疫苗大規模注射提供助益。</t>
  </si>
  <si>
    <t>疫苗診所施打接種民眾可以臺灣醫療納入規劃注射符合台中目前選擇普及行列經驗基層</t>
  </si>
  <si>
    <t>新冠肺炎台灣診所民眾納入</t>
  </si>
  <si>
    <t>臺灣診所肺炎民眾納入</t>
  </si>
  <si>
    <t>免疫疫苗專家沒用群體接種</t>
  </si>
  <si>
    <t>儘管美國新冠肺炎單日確診數頻創新高但仍有許多美國人說他們不會接種疫苗。美國首席防疫專家佛奇（Anthony Fauci）說就算新冠肺炎疫苗的效力只有70% －75%他也會「接受」。然而據CNN新聞網29日報導佛奇</t>
  </si>
  <si>
    <t>美國疫苗肺炎接受cnn新聞網anthony專家防疫效力fauci首席新高確診接種就算</t>
  </si>
  <si>
    <t>儘管美國新冠肺炎單日確診數頻創新高但仍有許多美國人說他們不會接種疫苗。美國首席防疫專家佛奇（Anthony Fauci）說就算新冠肺炎疫苗的效力只有70% －75%他也會「接受」。
然而據CNN新聞網29日報導佛奇認為有鑑於疫苗保護力並不完整再加上許多美國人不肯接種因此他們不太可能獲得足夠的群體免疫（herd immunity）力以平息爆發的疫情。
在美國政府支持下未來3個月可望有3種新冠肺炎疫苗進行大規模臨床試驗。佛奇指出至今最有效的就是痲疹疫苗效力達97％－98％。身為美國國家過敏與傳染病研究所（NIAID）主任佛奇說要是新冠肺炎疫苗的效力能達到那種程度就太棒了但他認為目前還做不到。他表示藥效只要能達70－75%他就能接受了。
CNN新聞網5月所做的民調顯示1/3美國人說就算新冠肺炎疫苗普及價格又低廉他們還是不會想要接種。當佛奇被問及要是只有2/3美國人接種效力達70%－75%的疫苗美國能不能獲得群體免疫力時他回答「不能──不太可能」。
而群體免疫需要有足夠比例的人口經由染病或是接種疫苗對傳染病產生免疫力使人與人之間不會造成傳染。佛奇指出接種新冠肺炎疫苗的教育「不容易」。他說美國普遍瀰漫著反科學、反權威還有反疫苗的氛圍──相對而言這佔了驚人多的比例。</t>
  </si>
  <si>
    <t>疫苗美國接種肺炎效力群體認為傳染病獲得免疫免疫力不太可能指出新聞網足夠</t>
  </si>
  <si>
    <t>新冠肺炎武漢肺炎美國疫苗佛奇</t>
  </si>
  <si>
    <t>肺炎武漢美國疫苗</t>
  </si>
  <si>
    <t>杜特蒂解禁有望旅行禁令</t>
  </si>
  <si>
    <t>因為新冠肺炎疫情全球升溫菲律賓日前拒絕大陸旅客入境其中也包含台灣引發我國抗議菲國當局昨（12）日表示菲律賓總統杜特蒂將親自審查對台旅遊禁令。綜合菲律賓媒體《每日詢問者報》（newsinfoinquirerne</t>
  </si>
  <si>
    <t>菲律賓全球詢問者升溫媒體日前綜合拒絕入境禁令大陸包含臺灣引發旅客我國抗議旅遊菲國審查親自當局杜特蒂表示總統疫情</t>
  </si>
  <si>
    <t>因為新冠肺炎疫情全球升溫菲律賓日前拒絕大陸旅客入境其中也包含台灣引發我國抗議菲國當局昨（12）日表示菲律賓總統杜特蒂將親自審查對台旅遊禁令。
綜合菲律賓媒體《每日詢問者報》（newsinfoinquirernet）、《馬尼拉公報》（Manila Bulletin）、新聞網站Rappler等報導菲律賓總統府發言人帕內洛（Salvador Panelo）昨日表示針對我國抗議將台灣人民列入禁止入境名單他說已收到來自台灣方面的關注並且承諾會將這些「要求」轉達給菲國總統杜特蒂（Rodrigo Duterte）。
「我們會將特定群體的要求轉達給總統以重新考慮對台旅行禁令」他說「我們是基於保護國民不受感染才實施旅行禁令如果那裡（指台灣）沒有感染我們會交由總統（檢視）。」
不過帕內洛也強調菲律賓將台灣列入旅遊禁令名單是根據世界衛生組織（WHO）的建議。WHO將香港、澳門、台灣列入大陸特別行政區。
菲律賓總統府先前堅持除非WHO將台灣從大陸行政區中拿掉他們才會考慮對台解禁。
新冠肺炎疫情全球延燒各國相繼對大陸公民、曾赴大陸旅行的外國公民祭出旅行禁令杜特蒂2日也發布指示禁止過去14天內曾赴大陸及其特別行政區的外國人士入境菲律賓。菲國衛生部10日突然宣佈台灣也涵蓋在此項禁令之下隨後菲國移民局、民航委員會也相繼宣佈對我國民實施禁令引發我國抗議政府已表示不排除對菲律賓祭出反制措施。</t>
  </si>
  <si>
    <t>菲律賓臺灣禁令大陸菲國總統旅行入境杜特蒂表示我國抗議列入禁止總統府相繼who感染祭出名單實施</t>
  </si>
  <si>
    <t>境外突破性感染死亡本土</t>
  </si>
  <si>
    <t>新冠肺炎疫情趨緩國內昨新增7例確定病例分別為3例本土及4例境外移入本土個案均來自雙北而確診個案則新增2例死亡。近來國際間突破性感染頻傳根據統計7月初以來全台累計的145名境外移入個案中有40人接種</t>
  </si>
  <si>
    <t>個案新增本土境外國內疫情感染統計突破性月初以來國際全台近來累計死亡肺炎確定來自</t>
  </si>
  <si>
    <t>新冠肺炎疫情趨緩國內昨新增7例確定病例分別為3例本土及4例境外移入本土個案均來自雙北而確診個案則新增2例死亡。近來國際間突破性感染頻傳根據統計7月初以來全台累計的145名境外移入個案中有40人接種過疫苗其中突破性感染有12人經定序發現有3人感染的是印度變異株（Delta）。
昨日新增的3例本土病例為新北市2例、臺北市1例其中1例感染源不明。境外移入個案則新增4例分別自菲律賓、俄羅斯、印尼、越南入境。昨也新增2例死亡為有慢性病的50多歲男子及90多歲女性。截至目前國內共累計1萬5843例確診其中821人死亡。
國際間突破性感染頻傳指揮中心昨也公佈最新統計。醫療應變組副組長羅一鈞說全台7月2日開始推動入境3採當時至今累計145例境外移入個案其中40人打過疫苗佔約28％。
而40人當中有14人接種1劑疫苗26人接種2劑疫苗但完整接種滿14天者有14人扣除2名接種第2劑前曾在國外確診者則有12例境外移入個案完整接種滿14天仍染疫佔不到10％。羅一鈞表示這些個案的Ct值平均27其中3人經定序發現感染的是Delta。
羅一鈞進一步指出突破性感染12人中有5人接種BNT疫苗3人接種嬌生、3人接種莫德納、1人接種AZ。至於40例曾接種過疫苗者有19人接種BNT、7人接種AZ、6人接種莫德納、4人接種嬌生、4人接種科興各種廠牌都看得到。</t>
  </si>
  <si>
    <t>接種感染新增個案疫苗境外累計確診突破性羅一鈞死亡入境全台統計國內本土delta</t>
  </si>
  <si>
    <t>境外移入個案疫苗累計國際間例境外移入</t>
  </si>
  <si>
    <t>疫苗累計國際境外個案</t>
  </si>
  <si>
    <t>打完累積護理確診az醫院</t>
  </si>
  <si>
    <t>國軍桃園總醫院（前身為陸軍804總醫院）再添3人確診分別是9病房的女病患、看護和護理師都是二採後確診累積18人染疫其中女護理師已施打完2劑疫苗雖確診無明顯症狀。市長鄭文燦直指9病房是熱區已釀病患、</t>
  </si>
  <si>
    <t>確診病房護理醫院陸軍明顯鄭文燦症狀市長分別直指疫苗熱區累積打完前身都是二</t>
  </si>
  <si>
    <t>國軍桃園總醫院（前身為陸軍804總醫院）再添3人確診分別是9病房的女病患、看護和護理師都是二採後確診累積18人染疫其中女護理師已施打完2劑疫苗雖確診無明顯症狀。市長鄭文燦直指9病房是熱區已釀病患、看護、家屬確診除了醫院病人醫護要定期採檢、也要進行病人回溯和環境採檢雖然目前疫情仍侷限在加護病房和第9病房但一定要築起防火牆細緻完成醫院清零計畫。
衛生局長王文彥指出桃園23日新增7起本土確診案例年齡介於30多歲至70多歲之間其中3例是國軍桃園總醫院相關都是昨日175人中二次採檢中確診該傳播鍊累積5病人、7看護、3護理師和3確診者家屬共18人確診。
王文彥說案14349是9病房的60歲女病患已臥床插鼻管因同病室有4人確診而染疫目前隔離治療中。案14350是同為9病房但不同病室的醫院看護。
至於案14351是804醫院負責出院準備服務的護理師因曾接近日前確診的案14010而染疫王文彥說該護理師比較特殊的地方在於她已打了2劑AZ疫苗第二劑是在5月27日應該具有保護力她目前無症狀、CT值35、病毒量低並非疫苗無效而是症狀輕微且病毒量低。
王文彥說今確診的另外3名已疫調出爐的確診者分別被兒子、弟弟和照顧的病患傳染他強調5月12日雙北疫情爆發來桃園有598人確診其中369人是第二或第三波傳染占62％呼籲要留意家庭或職場接觸。
鄭文燦說醫院感控策略要落實分艙分流醫院的醫護、行政和外包人員都要健康管理桃園經歷過部桃事件採取擴大採檢隔離達成醫院清零計畫雙北陸續都有醫院發生群聚感染事件桃園5、6月僅有804醫院群聚感染目前已完成首輪全院採檢但一定要進行二、三、四採。
鄭文燦進一步解釋過去部桃事件有不少染疫者是二、三採才確診甚至有病人是在第四採才驗出來「病毒無形也有很多變化！」因此要建立醫院防護網多次採檢是必要的目前804醫院採取病人3天採檢一次、醫護定期採檢。
鄭文燦也提到病人追溯計畫也很重要一旦有群聚感染事件熱區病人一定要回溯陪病家人親友也要回溯避免潛在感染者。環境部分則依據風險高低分成紅區、黃區、綠區直言環境有汙染情況下確診個案就會多因此環境汙染因素也必須納入也要進行環境採檢。
鄭文燦強調目前國軍804醫院採檢狀況確診都集中在加護病房和第9病房特別是第9病房包括看護、病人和陪病家人都有人確診可見得是熱區要以更高標準追溯他直言要達到醫院清零還有好幾項工作往後有可能會產生新的個案要匡列範圍、築起防火牆讓醫院清零計畫更細緻「要做很多次才能夠達成清零！」
鄭文燦說很多人質疑醫院有分艙分流、有入院篩檢但為何還是會有感染事件？他認為是因病毒無形一旦有院內群聚感染就是要細緻地完成每一項細節除了要全力協助國軍桃園總醫院能夠一步一步地達成醫院清零每個確診個案也要調查足跡跟隔離避免形成社區或家庭的感染。</t>
  </si>
  <si>
    <t>醫院確診桃園鄭文燦病人目前病房環境清零護理感染事件病毒王文彥看護</t>
  </si>
  <si>
    <t>新冠肺炎台灣護理師AZ804醫院</t>
  </si>
  <si>
    <t>護理臺灣肺炎az醫院</t>
  </si>
  <si>
    <t>台商插管醫療確診專機迦納返台</t>
  </si>
  <si>
    <t>中央流行疫情指揮中心今(23)日公佈國內新增1例境外移入COVID-19(新冠肺炎)確定病例為本國籍50多歲男性(案619)自迦納返國。指揮中心表示案619今(2020)年2月至迦納經商10月下旬曾接觸確診個案因有返臺探親需</t>
  </si>
  <si>
    <t>迦納中心指揮個案確診接觸下旬經商covid-境外肺炎新增確定國內公佈病例國籍男性返台返國</t>
  </si>
  <si>
    <t>中央流行疫情指揮中心今(23)日公佈國內新增1例境外移入COVID-19(新冠肺炎)確定病例為本國籍50多歲男性(案619)自迦納返國。
指揮中心表示案619今(2020)年2月至迦納經商10月下旬曾接觸確診個案因有返臺探親需求11月4日於當地進行採檢11月5日檢出陽性確診。個案原於自宅隔離但後續出現呼吸短促、胸悶、發燒等情形11月11日送至當地醫院治療因病情加重期間完成國際緊急醫療專機轉送國人返國就醫申請作業。11月20日個案搭乘國際緊急醫療專機抵臺入境後即後送就醫經採檢通報於今日確診；目前住院隔離治療中。由於個案搭機至返國後送就醫期間之接觸對象均為醫護人員且均有適當防護裝備因此無須匡列為接觸者。
莊人祥表示特別准許這一例回來是因為該個案病況嚴重呼吸道插管當地醫療上面比較不佳才會申請回國。另外專機費用是自費費用不清楚回國以後的治療費用則依傳染病法用公費支出。
據瞭解海外搭醫療專機返國所費不貲由於需要自費至少上百萬元起跳。莊人祥表示不知這位台商會是自費還是當初保險時有加保醫療專機就可以由保險公司負擔所有費用。
莊人祥表示該專機都有專業醫療人員也都有完備防護由於都是外籍人員到台灣之後均採過境不入境的方式。
指揮中心統計截至目前國內累計107538例新型冠狀病毒肺炎相關通報(含106076例排除)其中618例確診分別為526例境外移入55例本土病例36例敦睦艦隊及1例不明；另1例(案530)移除為空號。確診個案中7人死亡、549人解除隔離、62人住院隔離中。</t>
  </si>
  <si>
    <t>個案醫療專機確診表示返國治療當地接觸費用自費指揮就醫中心隔離人員肺炎目前防護期間申請通報</t>
  </si>
  <si>
    <t>指揮中心新冠肺炎境外移入疫情</t>
  </si>
  <si>
    <t>肺炎境外中心疫情指揮</t>
  </si>
  <si>
    <t>張上淳死亡夫妻關鍵</t>
  </si>
  <si>
    <t>國內新冠肺炎又增一死！這名40多歲男性與年齡相仿的妻子一同去美國探親返台隔天同時發病妻子4月11日出院但先生卻在一個月後死亡夫妻天人永隔。中央流行疫情指揮中心表示這名死亡個案三月下旬出現症狀後很</t>
  </si>
  <si>
    <t>死亡妻子男性年齡肺炎相仿下旬個案一同三月表示中心美國返台流行指揮中央發病疫情先生天人</t>
  </si>
  <si>
    <t>國內新冠肺炎又增一死！這名40多歲男性與年齡相仿的妻子一同去美國探親返台隔天同時發病妻子4月11日出院但先生卻在一個月後死亡夫妻天人永隔。中央流行疫情指揮中心表示這名死亡個案三月下旬出現症狀後很快就確診沒過幾天就出現呼吸衰竭因此送進加護病房使用葉克膜治療使用時間長達一個月最後因敗血性休克死亡。
專家諮詢小組召集人張上淳表示這名死亡個案並非老年人也沒有慢性病但病況轉差的速度很快基本上是因新冠肺炎的疾病特性包括細胞激素風暴使他就算用呼吸器都效果不彰所以才採用葉克膜最好的狀況是希望能夠透過良好的醫療照顧來恢復但因為這個案很不幸有產生其他併發症。
他接著說國內共有兩例個案使用葉克膜治療但另一例順利脫離葉克膜但這例個案在使用葉克膜時就有長時間的併發症即便急救過程危險團隊也很用心也很辛苦都是在穿很多層的防護衣狀況下去執行照護。</t>
  </si>
  <si>
    <t>個案死亡葉克妻子使用狀況很快併發症時間表示出現肺炎國內治療激素一同</t>
  </si>
  <si>
    <t>新增1死40歲男葉克膜死亡病例武漢肺炎</t>
  </si>
  <si>
    <t>死亡葉克病例武漢肺炎新增</t>
  </si>
  <si>
    <t>走路小時不能發病恐怖症狀</t>
  </si>
  <si>
    <t>新冠肺炎〈NCP〉的疫情持續延燒傳染力和發病速度都十分驚人讓全球民眾人心惶惶。一名大陸的女醫師抽空檢測意外發現自己染病在短短幾個小時之內就從無症狀到無法走路在鬼門關前走一遭的她日前順利康復出院</t>
  </si>
  <si>
    <t>疫情走一遭持續鬼門關走路無法傳染發病症狀速度十分之內ncp日前小時驚人染病發現自己全球民眾意外</t>
  </si>
  <si>
    <t>新冠肺炎〈NCP〉的疫情持續延燒傳染力和發病速度都十分驚人讓全球民眾人心惶惶。一名大陸的女醫師抽空檢測意外發現自己染病在短短幾個小時之內就從無症狀到無法走路在鬼門關前走一遭的她日前順利康復出院也現身說法透露保命關鍵。
根據陸媒報導武漢第8醫院的女醫師漂漂灑灑（化名）上月23日在醫院檢查發現疑似染病但因為沒有發燒她認為屬於早期吃藥隔離應該就好了因此拿了藥收拾東西準備回家這時量體溫發現已經發燒至387度。回家後她本想洗澡好好睡一覺沒想到踏入浴室前卻感到頭痛、嘔吐全身也沒有力氣讓她驚覺「病情發展這麼快我始料未及我必須馬上去醫院。」
到醫院後幾天一直反覆發高燒全身也沒有任何力氣本來到第8天一度好轉的病情卻突然急轉直下出現「呼吸困難、劇烈咳嗽好像剛跑完1萬公尺長跑心臓隨時都會蹦出來心率很慢還有一種說不出滋味的胸痛席捲全身稍微一動就痛不欲生」等症狀她根據自己的症狀判斷出現了心包內膜炎伴隨心包膜積液也在昏昏沉沉中隱約聽到護士說「情況不太好人快不行了」因此用僅剩的力氣打電話給老公交代後事。所幸最後經過治療漂漂灑灑的病情漸漸好轉針對自己這20天的瀕死經歷她充滿感慨的表示：「只有經歷過生死才知道活著真的很幸福」。</t>
  </si>
  <si>
    <t>醫院病情全身力氣沒有染病發燒出現醫師症狀好轉發現回家經歷灑灑疫情持續</t>
  </si>
  <si>
    <t>市政質詢肺炎專案報告新北延期</t>
  </si>
  <si>
    <t>新北市議會今（27日）下午召開第3屆第5次定期會針對市政總質詢及新冠肺炎專案報告議程藍綠雙方各有不同意見經過兩次朝野協商明日起原訂為「新冠肺炎紓困專案報告」改回市政總質詢專案報告則採臨時會方式擇</t>
  </si>
  <si>
    <t>報告專案市政質詢肺炎下午召開定期朝野意見協商各有不同明日雙方藍綠訂為議程紓困議會</t>
  </si>
  <si>
    <t>新北市議會今（27日）下午召開第3屆第5次定期會針對市政總質詢及新冠肺炎專案報告議程藍綠雙方各有不同意見經過兩次朝野協商明日起原訂為「新冠肺炎紓困專案報告」改回市政總質詢專案報告則採臨時會方式擇期舉行。
議會本規畫明（28日）起連續3天為新冠肺炎紓困專案報告但民進黨市議員鄭宇恩也提出程式問題建議明天開始的3天議程除了紓困專案報告也應該納入議員的法定職權進行市政總質
民進黨市議員何博文認為取消市政總質詢不能成為慣例也不能因疫情而不讓議員行使相關權利市政總質詢還是要編列議程讓議員依法行使職權其他縣市都有為何新北沒有？
國民黨市議員蔡明堂則不滿說目前規劃的議程是各黨團協商出來的結果如今卻在大會中推翻那各黨團協商有用嗎？國民黨市議員陳儀君也說尊重黨團協商出來的結果但是如今因其他議員有意見又要再度協商倘若如此每個議員都可以提出意見。
經過2次朝野協商議長蔣根煌宣佈明日起原訂為「新冠肺炎紓困專案報告」改回市政總質詢至於民眾關心的「新冠肺炎紓困專案報告」將採臨時會方式擇期舉行。</t>
  </si>
  <si>
    <t>議員市政協商質詢議程報告專案意見紓困黨團肺炎朝野提出議會國民黨民進如今</t>
  </si>
  <si>
    <t>專案報告市政總質詢新冠肺炎紓困議員</t>
  </si>
  <si>
    <t>質詢市政肺炎報告紓困專案議員</t>
  </si>
  <si>
    <t>時中疫苗准入啟動緊急接種</t>
  </si>
  <si>
    <t>美國政府日前宣佈入境新規11月8日起必須要有完整的疫苗接種才准入境國民黨立委蔣萬安今天質詢時要求衛福部應盡速研擬緊急第二劑疫苗的補救方案讓有迫切赴美需求的國人能夠接種對此衛福部長陳時中當面允諾</t>
  </si>
  <si>
    <t>接種疫苗入境衛福對此能夠宣佈必須質詢今天萬安要求衛福部國人應盡需求國民黨迫切</t>
  </si>
  <si>
    <t>美國政府日前宣佈入境新規11月8日起必須要有完整的疫苗接種才准入境國民黨立委蔣萬安今天質詢時要求衛福部應盡速研擬緊急第二劑疫苗的補救方案讓有迫切赴美需求的國人能夠接種對此衛福部長陳時中當面允諾表示可望於12月啟動相關措施。
美國政府表示11月8日起凡外籍成年旅客在搭乘赴美航班前都必須出示完整的疫苗接種紀錄蔣萬安今在衛環委員會質詢時指出國內目前第二劑疫苗涵蓋率僅2成出頭衛福部應檢討提供緊急補救措施因應美國新政。
陳時中表示由於11、12月的疫苗到貨量會比較充足屆時可望提供有緊急需求的民眾接種第二劑或起動鼓勵大家打第二劑的計畫這部份沒有問題。
蔣萬安也提到目前國內接種疫苗後死亡的個案累計912人若用預防接種受害救濟的最低賠償標準50萬並將申請人數減半計算仍然須編列超過2億元的經費但衛福部今年卻只編列1億元的預算來進行賠償恐讓民眾擔心政府對賠償疫苗接種受害的決心。
陳時中強調目前預防接種受害救濟基金共有2億多元這些全部都拿來用是沒問題衛福部的預算也不會只有1億若有不足也可先用其他項目支應允諾增加救濟經費。</t>
  </si>
  <si>
    <t>疫苗接種衛福部緊急表示目前萬安受害救濟赴美可望允諾預算提供問題民眾預防接種必須需求</t>
  </si>
  <si>
    <t>第2劑美國疫苗接種新冠肺炎台灣</t>
  </si>
  <si>
    <t>接種疫苗肺炎臺灣美國</t>
  </si>
  <si>
    <t>榜眼新秀懷斯曼得格林宣佈勇士nba肺炎</t>
  </si>
  <si>
    <t>勇士先前宣佈球隊有兩個球員的新冠病毒檢測結果呈陽性球隊集訓被迫推遲。球隊今日進行新賽季第一次合練卓雷蒙格林和新秀榜眼懷斯曼都缺席總教練科爾在接受訪問時證實感染新冠的兩個球員就是格林和懷斯曼。科</t>
  </si>
  <si>
    <t>球隊球員缺席懷斯曼都教練榜眼科爾新秀接受雷蒙格林訪問合練感染今日陽性進行證實賽季病毒檢測結果就是被迫集訓推遲</t>
  </si>
  <si>
    <t>勇士先前宣佈球隊有兩個球員的新冠病毒檢測結果呈陽性球隊集訓被迫推遲。球隊今日進行新賽季第一次合練卓雷蒙格林和新秀榜眼懷斯曼都缺席總教練科爾在接受訪問時證實感染新冠的兩個球員就是格林和懷斯曼。
科爾說「你們都應該猜到了就是卓雷蒙格林與懷斯曼感染了新冠肺炎。」對於如何評價懷斯曼懷斯曼科爾說「這很不幸的實情但事情就是如此我們教練團近日一直在給他看以往比賽影面而他也正在努力學習可惜碰到這種狀況顯然2020年對於任何人來說都不是理想的。」至於卓雷蒙格林科爾表示當他準備好上場的時候他就會出席。
根據NBA聯盟健康和安全協議確診新冠的球員將接受10-12天隔離。至於追夢格林和懷斯曼何時歸隊目前還是個未知數。即使解除隔離他們也需要幾天的時間才能恢復訓練。
科爾無奈說「我知道由於病毒的特性他們還需要做一些心電圖檢測和心臟檢測測試何時能歸隊都是未定數。」</t>
  </si>
  <si>
    <t>科爾雷蒙格林球員懷斯曼球隊需要對於隔離接受至於歸隊格林感染就是檢測比賽以往正在努力學習一直</t>
  </si>
  <si>
    <t>懷斯曼科爾勇士卓雷蒙格林新冠肺炎</t>
  </si>
  <si>
    <t>雷蒙格林勇士科爾懷斯曼肺炎</t>
  </si>
  <si>
    <t>網友返台公司敏淳開戰女王回應尊重李翊君發言</t>
  </si>
  <si>
    <t>檢場、李翊君愛女王敏淳（香奈兒）簽入嚴爵成立的「鮪魚度影音」推出首支單曲〈和你一起〉闖蕩歌壇目前她正就讀美國柏克利音樂學院因受新冠肺炎疫情影響導致學校停課她今天上午於IG報平安表示已安全返台</t>
  </si>
  <si>
    <t>報平安敏淳香奈兒ig今天上午停課學校嚴爵導致成立影響疫情影音肺炎推出女王表示一起學院闖蕩音樂歌壇</t>
  </si>
  <si>
    <t>檢場、李翊君愛女王敏淳（香奈兒）簽入嚴爵成立的「鮪魚度影音」推出首支單曲〈和你一起〉闖蕩歌壇目前她正就讀美國柏克利音樂學院因受新冠肺炎疫情影響導致學校停課她今天上午於IG報平安表示已安全返台接下來將進行14天居家防疫卻遭酸民留言攻擊。
她寫道：「終於平安回家開始我的14天的居家防疫雖然不太方便 但相信都是值得的！希望大家都能夠平安疫情趕快遠離。」有粉絲歡迎她回來希望她健康平安多多在網路分享音樂創作不過也有酸民攻擊：「就是有這種人在防疫期間硬要回台嫌台灣防疫破洞太小嗎？」不少粉絲看了忍不住幫忙叫屈「你管人家有做好居家隔離才是最重要她又不是出國玩」、「回台灣有錯嗎難道她錯了嗎？！台灣國民本來就有回台的權利。」掀起一波網路論戰。
王敏淳經紀公司表示美國各地學校開課、放假時間不一樣有的比較早、有的晚香奈兒就讀的美國柏克利音樂學院12日才宣佈這學期全面停課並要求留學生準備返家但這段期間機票不好買加上整個學期取消上課等於要搬回家5個月時間短短幾天內要將所有行李整理好「真的很倉促所有事情都得同步處理」而她17日晚間離開波士頓轉機到洛杉磯、再搭機回台灣到今天順利返台面對網友各種發言公司也表示「尊重網友發言」。
經紀公司指出這次疫情關係香奈兒回美前家人就已備妥口罩、乾洗手等消毒用品在美1個月時間很少出門大多在家自行烹煮避免和人群接觸但因疫情越來越嚴峻學校宣佈停課後依舊得持續課程因此全改成線上授課香奈兒因課程安排有不少是下午的課程對照台灣和美國時差返台後仍得半夜3點起床上課十分具有挑戰性。</t>
  </si>
  <si>
    <t>臺灣疫情美國防疫香奈兒時間返台學校平安居家表示課程公司上課學期停課宣佈期間粉絲</t>
  </si>
  <si>
    <t>王敏淳檢場李翊君破洞台灣</t>
  </si>
  <si>
    <t>檢場李翊君臺灣王敏淳</t>
  </si>
  <si>
    <t>bnt中生右腿失去知覺急診住院</t>
  </si>
  <si>
    <t>新冠第四波疫情在全球陸續發威有歐洲專家開始提倡覆蓋率要達九成五才能遏止疫情。中央流行疫情指揮中心今天表示台灣疫苗覆蓋率要達九成五幾乎不可能因此將來不一定會追求疫苗覆蓋率逼近九成五可透過強化的非</t>
  </si>
  <si>
    <t>覆蓋率疫情疫苗成五全球陸續逼近歐洲專家中心追求開始今天一定將來提倡表示才能臺灣不可能幾乎</t>
  </si>
  <si>
    <t>新冠第四波疫情在全球陸續發威有歐洲專家開始提倡覆蓋率要達九成五才能遏止疫情。中央流行疫情指揮中心今天表示台灣疫苗覆蓋率要達九成五幾乎不可能因此將來不一定會追求疫苗覆蓋率逼近九成五可透過強化的非藥物介入措施如口罩、社交距離來降低感染風險。另外彰化一名國中生打BNT出現右腿麻無知覺疫情指揮中心發言人莊人祥說該生因症狀未改善到醫院急診住院。
彰化一名國中生打完BNT出現右腿發麻無知覺副作用莊人祥說該名學生是在10月1日打BNT當天就出現頭痛、左下肢虛弱麻木5天後至診所就醫症狀未改善後又到醫院急診住院10月13日已通報不良事件目前衛生局有連繫家長將協助進行VICP申請。
莊人祥今天表示國內十二歲以下人口約佔一成因此疫苗覆蓋率達九成五這個目標現階段確實難以達成將來可透過NPI措施如戴口罩、勤洗手、社交距離、人流管制等控制疫情。
莊人祥說指揮中心將會持續關注Delta病毒在國際間的流行情形評估是否有必要達到九成五的疫苗覆蓋率若國外疫情有變化將來也可能影響各國的開放措施。
有關臺北市政府昨天傳出打錯疫苗事件莊人祥也說明目前北市府已暫停該診所的接種業務直到該診所完成改善為止目前也已派員關心這23名遭誤接種的民眾進行持續性追蹤。</t>
  </si>
  <si>
    <t>疫情疫苗覆蓋率將來措施莊人祥目前中心改善診所指揮出現bnt接種流行進行透過事件距離</t>
  </si>
  <si>
    <t>輝瑞／BNT副作用新冠疫苗國中生新冠肺炎</t>
  </si>
  <si>
    <t>副作用疫苗bnt中生輝瑞肺炎</t>
  </si>
  <si>
    <t>簽約莊人祥未來口服藥在家隔離吃藥默克</t>
  </si>
  <si>
    <t>針對美國默克廠旗下COVID-19抗病毒藥物「molnupiravir」取得良好療效中央流行疫情指揮中心發言人莊人祥說目前還正在與廠商簽約中尚未完全確定未來希望主要給輕症病患吃且在家隔離時就可以直接服用。莊人祥</t>
  </si>
  <si>
    <t>莊人祥covid-病毒藥物molnupiravir取得隔離良好在家療效中央流行希望疫情未來確定指揮完全尚未中心</t>
  </si>
  <si>
    <t>針對美國默克廠旗下COVID-19抗病毒藥物「molnupiravir」取得良好療效中央流行疫情指揮中心發言人莊人祥說目前還正在與廠商簽約中尚未完全確定未來希望主要給輕症病患吃且在家隔離時就可以直接服用。
莊人祥表示口服藥不像其他單株抗體需要在醫院或集中檢疫所施打未來若能採購默克藥物會給哪些患者吃？主要給輕症患者吃不像其他單株抗體要在醫院或是集中檢疫所施打所以口服的好處是輕症病人就可以服用甚至未來輕症病人是否直接在家隔離直接服用藥物都是後續有藥物進來後再評估。
至於輝瑞口服藥物臨床上進度？莊人祥說輝瑞現在剛要進入第三期會再請他們來報告第二期結果與第三期研究進展現在還沒到可以採購的階段。</t>
  </si>
  <si>
    <t>藥物未來可以服用現在莊人祥直接輝瑞默克採購施打隔離在家病人檢疫所單株集中抗體</t>
  </si>
  <si>
    <t>默克莊人祥輕症隔離新冠肺炎</t>
  </si>
  <si>
    <t>隔離莊人祥肺炎默克</t>
  </si>
  <si>
    <t>外銷影響新加坡計畫恐肺炎</t>
  </si>
  <si>
    <t>受到新型冠狀病毒肺炎疫情及消費力疲軟等影響國內毛豬價格在過年後創下10多年來新低今天的交易價格每公斤再度跌破60元關卡對此農委會已啟動母豬淘汰作業因應盼能在短期內將豬價拉抬但這波疫情不僅讓豬價重</t>
  </si>
  <si>
    <t>疫情消費疲軟國內影響毛豬價格過年創下新低今天交易價格每公斤再度跌破關卡對此農委會啟動母豬淘汰因應</t>
  </si>
  <si>
    <t>受到新型冠狀病毒肺炎疫情及消費力疲軟等影響國內毛豬價格在過年後創下10多年來新低今天的交易價格每公斤再度跌破60元關卡對此農委會已啟動母豬淘汰作業因應盼能在短期內將豬價拉抬但這波疫情不僅讓豬價重挫就連預定於5月份外銷新加坡的計畫恐怕也將因此延宕。
農委會畜牧處官員指出受到新冠肺炎疫情影響原本已洽談好新加坡官員定於3月份來台進行查場但現在確定延後恐怕將會影響到我國豬肉的外銷時程。
據瞭解農委會為拚在5月份世界動物衛生組織（OIE）將我國從口蹄疫疫區拔針後第一時間於新加坡上市豬肉因此在農曆年前就積極向新加坡交涉盼能提前相關作業因此才會訂於3月份派員來台查場但現在因星加坡疫情嚴峻加上我國昨對新加坡提升旅遊警示目前雙方作業都暫時延宕。
官員透露豬肉外銷新加坡分為熟食及生鮮2部分由於星國並無豬肉生產所需皆仰賴進口因此在檢疫作業上也與其他國家有所不同日前評估若能在3月份完成查場作業外銷進度將會超前不少但現在因疫情關係相關作業也受到影響。
農委會表示現階段就是盡力守好非洲豬瘟的關卡並持續提升國內的養豬環境靜待5月份能從口蹄疫疫區中拔針才能啟動後續與日本、美國的進出口檢疫談判為台灣豬肉打通活路。</t>
  </si>
  <si>
    <t>作業新加坡月份豬肉疫情農委會影響外銷我國官員現在受到檢疫關卡國內啟動提升延宕相關恐怕</t>
  </si>
  <si>
    <t>新加坡新冠肺炎疫情武漢肺炎豬肉</t>
  </si>
  <si>
    <t>疫情肺炎武漢新加坡豬肉</t>
  </si>
  <si>
    <t>未公開檔月中政府揭露肺炎病例</t>
  </si>
  <si>
    <t>新冠肺炎疫情持續延燒世界各國都相當緊張一般認為該病是在去年12月於武漢爆發不過有香港媒體指出從中國大陸政府的未公開檔中可以發現最一開始的源頭是名55歲湖北男子時間點則是去年11月17日。根據香港</t>
  </si>
  <si>
    <t>去年持續世界相當疫情緊張一般源頭開始可以檔未公開認為大陸政府中國指出發現香港媒體武漢爆發時間湖北</t>
  </si>
  <si>
    <t>新冠肺炎疫情持續延燒世界各國都相當緊張一般認為該病是在去年12月於武漢爆發不過有香港媒體指出從中國大陸政府的未公開檔中可以發現最一開始的源頭是名55歲湖北男子時間點則是去年11月17日。
根據香港媒體《南華早報》報導該報記者獨家取得中國大陸政府非公開檔上面表示有名湖北省55歲男子可能就是第一名感染新冠肺炎的病患此外檔的日期遠比大家所認知的12月還早是在11月17日時就有紀錄。
而且當時一天大約會新增1-5名的新冠肺炎病患而在12月20日時確診病例就已經來到60例不過一名具有醫學界背景的爆料者表示在12月時許多醫生都只知道是在治療一種新的疾病並不知道這些人罹患的是新冠肺炎。
現在專家極力想要找到第0號病人藉此找到新冠病毒的來源而這些未公開檔提供了該病毒最早的傳染方式希望能藉此找到源頭目前主要認為是由野生動物傳染給人類不過還需要經過更準確分析、判斷才能夠確定該新冠病毒的起源。
更多 CTWANT 報導</t>
  </si>
  <si>
    <t>檔肺炎病毒表示認為源頭找到香港媒體男子大陸政府中國去年未公開報導醫學界背景</t>
  </si>
  <si>
    <t>新冠肺炎12月未公開11月文件</t>
  </si>
  <si>
    <t>文件未公開肺炎</t>
  </si>
  <si>
    <t>院區陽明工作人員pcr陽性北市</t>
  </si>
  <si>
    <t>北市聯醫陽明院區爆出醫護人員確診中央流行疫情指揮中心今公佈該院急診室有8人群聚為插管過程中被病患嘔吐物噴濺感染。目前該院已經暫停急診服務一周僅對採檢、確診者進行緊急處理。中央流行疫情指揮中心醫療</t>
  </si>
  <si>
    <t>確診流行中央疫情指揮中心院區爆出嘔吐噴濺感染醫護人員目前過程已經插管暫停急診人群服務急診室公佈</t>
  </si>
  <si>
    <t>北市聯醫陽明院區爆出醫護人員確診中央流行疫情指揮中心今公佈該院急診室有8人群聚為插管過程中被病患嘔吐物噴濺感染。目前該院已經暫停急診服務一周僅對採檢、確診者進行緊急處理。
中央流行疫情指揮中心醫療應變組副組長羅一鈞表示針對媒體報導指出北市聯醫陽明院區有醫護人員確診確實2日的時候急診有收治確診個案插管過程中被嘔吐物噴濺8日檢驗發現8名醫護工作人員PCR陽性。
羅一鈞表示這是一起急診群聚事件目前已經匡列接觸者並對環境座清消暫停急診服務一週僅對採檢、確診者進行緊急處理。另外沒有要求陽明院區的醫師發燒還要上班依照目前的規定沒有發燒或意思症狀應該可以請假休息。</t>
  </si>
  <si>
    <t>確診急診目前表示院區沒有陽明發燒噴濺已經插管過程中心指揮疫情暫停流行嘔吐醫護人員處理中央緊急症狀服務</t>
  </si>
  <si>
    <t>陽明院區群聚感染急診北市聯醫新冠肺炎</t>
  </si>
  <si>
    <t>急診北市感染院區陽明肺炎</t>
  </si>
  <si>
    <t>販賣系統自動北市口罩試辦</t>
  </si>
  <si>
    <t>為因應新冠肺炎疫情臺北市政府與衛生福利部及中央健保署合作由健保署開發應用程式介接口罩實名制資料庫透過臺北智慧城市專案辦公室媒合新創業者業安科技共同推動「實名制口罩自動販賣系統」試辦計畫今日舉</t>
  </si>
  <si>
    <t>口罩試辦疫情系統衛生臺北市政府中央福利販賣自動開發辦公室專案城市創業者應用程式智慧安科臺北</t>
  </si>
  <si>
    <t>為因應新冠肺炎疫情臺北市政府與衛生福利部及中央健保署合作由健保署開發應用程式介接口罩實名制資料庫透過臺北智慧城市專案辦公室媒合新創業者業安科技共同推動「實名制口罩自動販賣系統」試辦計畫今日舉行記者會並開放試買。</t>
  </si>
  <si>
    <t>口罩舉行今日疫情衛生臺北市政府中央試辦福利記者會系統開發販賣辦公室專案創業者城市自動應用程式</t>
  </si>
  <si>
    <t>上門辯稱關起門親友聚會居酒</t>
  </si>
  <si>
    <t>隨著國內疫情嚴峻台中市早在15日宣佈酒店、舞廳等11大行業暫停營業台中市北屯區一家居酒屋卻無視規定25日淩晨關起門來K歌帆布掩蓋的門面卻傳出陣陣歡唱聲警方獲報上門訝然發現裏頭9名男女聚在一起飲酒</t>
  </si>
  <si>
    <t>台中裡頭發現上門嚴峻男女警方歡唱傳出門面酒店掩蓋行業暫停營業宣佈帆布市北舞廳關起門來居酒</t>
  </si>
  <si>
    <t>隨著國內疫情嚴峻台中市早在15日宣佈酒店、舞廳等11大行業暫停營業台中市北屯區一家居酒屋卻無視規定25日淩晨關起門來K歌帆布掩蓋的門面卻傳出陣陣歡唱聲警方獲報上門訝然發現裏頭9名男女聚在一起飲酒K歌還有多人沒戴口罩當場開立紀錄表並移請相關單位依法裁罰遏止疫情破口產生。
台中市第五警分局四平所員警25日4時獲報環中路某居酒屋有違反防疫禁令情形警方抵達現場後見居酒屋以帆布掩蓋店面但屋內卻仍傳出陣陣歡唱聲室內霓虹燈閃爍隨即入門查緝。
看到警方上門34歲居酒屋林姓店東還辯稱沒有在營業大家都是親友啦！但現場含負責人共有9人已超過中央防疫三級警戒規範全面禁止室內5人以上、室外10人以上聚會尤其9名男女還有多人未戴口罩。
現場桌上擺放小吃、酒類以及麥克風皆來不及收拾顯然有繼續營業及違法群聚情事警方現場立即開立紀錄表將依違反防疫規定配戴口罩、禁止室內5人以上群聚、禁止現場飲食、店內未落實實聯制等四項規定移請市政府相關目的事業主管機關裁處。
分局長林沐弘表示疫情警戒第三級期間餐飲業禁止提供現場飲食依「傳染病防治法」可處3000元至1萬5000元罰鍰；另違規群聚也將依法開罰6萬至30萬元籲業者勿心存僥倖以身試法。
★中時新聞網關心您：喝酒過量有礙健康！
★中時新聞網提醒您：酒後不開車安全有保障</t>
  </si>
  <si>
    <t>現場警方居酒台中疫情規定防疫口罩室內禁止營業警戒新聞網依法上門男女</t>
  </si>
  <si>
    <t>新冠肺炎台灣台中居酒屋群聚</t>
  </si>
  <si>
    <t>台中臺灣肺炎居酒</t>
  </si>
  <si>
    <t>一中變空商家曾去打算官兵向軍方求償</t>
  </si>
  <si>
    <t>海軍敦睦艦隊為我國最大宗群聚感染目前已有28人確診染疫足跡遍佈全台10縣市讓指揮中心及國人都相當憂心。軍方除了選擇台中一中為集合地點外還有2名官兵曾到過一中商圈這讓民眾怕到不敢前往該處當地店家</t>
  </si>
  <si>
    <t>一中感染目前確診我國足跡全台集合地點相當台中指揮中心選擇國人軍方憂心</t>
  </si>
  <si>
    <t>海軍敦睦艦隊為我國最大宗群聚感染目前已有28人確診染疫足跡遍佈全台10縣市讓指揮中心及國人都相當憂心。軍方除了選擇台中一中為集合地點外還有2名官兵曾到過一中商圈這讓民眾怕到不敢前往該處當地店家生意慘跌至1成商家不排除向軍方提出求償。
先前就因疫情影響讓一中商圈生意直落3成現在爆出磐石艦染疫官兵足跡後根本沒有人潮有當地商家表示疫情期間即使是白天的午餐時段店內也至少會坐滿一半但現在街道上空空蕩蕩幾乎空無一人只剩零星的台中一中學生會來消費這讓業者搖頭嘆氣生意變得更難做了
雖然台中市政府在第一時間已經緊急封閉了確診官兵曾到過的商場及超商並派人進行全面消毒但消息曝光後民眾根本不敢前往一中商圈不少商家的生意受到嚴重衝擊甚至打算提早打烊或乾脆未來幾天也暫停營業一中商圈主委陳信志表示目前當地商家討論集體向軍方求償。</t>
  </si>
  <si>
    <t>一中商家生意當地官兵現在目前台中確診疫情根本表示足跡不敢前往民眾求償向軍方</t>
  </si>
  <si>
    <t>官兵敦睦艦隊一中商圈軍方商家</t>
  </si>
  <si>
    <t>艦隊一中敦睦軍方商家官兵</t>
  </si>
  <si>
    <t>病毒懷特生新藥肺炎研發計畫對抗啟動</t>
  </si>
  <si>
    <t>研發疫情電腦持續資料庫資料借重治療合作教授預防covid-藥物黃奇英大學陽明迫在眉睫懷特生計畫懷特精製</t>
  </si>
  <si>
    <t>纖維病毒研發肺炎研究發生懷特生作用分析反應分子免疫核酸疫情文獻懷特中心計畫</t>
  </si>
  <si>
    <t>懷特黃耆多醣生技新冠肺炎</t>
  </si>
  <si>
    <t>懷特肺炎</t>
  </si>
  <si>
    <t>北市室內外明起室外運動拍板拍照柯文哲中央跟進口罩</t>
  </si>
  <si>
    <t>跟進中央政策臺北市長柯文哲18日在北市防疫記者會上宣佈北市口罩政策鬆綁19日起室外運動、室內外拍照若維持一定社交距離也不是跟不特定人一起那可免戴口罩。</t>
  </si>
  <si>
    <t>政策口罩北市特定人距離社交一定柯文哲維持拍照室內外室外運動鬆綁一起臺北市防疫記者會宣佈可免中央跟進</t>
  </si>
  <si>
    <t>新冠肺炎台灣北市運動室內外</t>
  </si>
  <si>
    <t>北市肺炎臺灣運動室內外</t>
  </si>
  <si>
    <t>汙名名稱病毒論壇推出專家世衛疫苗</t>
  </si>
  <si>
    <t>世界衛生組織(WHO)2月11到12日邀請全球大約400名防疫專家舉行新冠肺炎全球研究及創新閉門論壇。總幹事譚德塞(Tedros Adhanom Ghebreyesus)週二早上在開幕典禮上致詞:「疫情對全球各地都造成了非常嚴重的威脅各國</t>
  </si>
  <si>
    <t>全球邀請大約疫情防疫致詞專家早上週二開幕典禮ghebreyesusadhanomtedros德塞幹事肺炎論壇研究閉門創新造成舉行非常</t>
  </si>
  <si>
    <t>世界衛生組織(WHO)2月11到12日邀請全球大約400名防疫專家舉行新冠肺炎全球研究及創新閉門論壇。總幹事譚德塞(Tedros Adhanom Ghebreyesus)週二早上在開幕典禮上致詞:「疫情對全球各地都造成了非常嚴重的威脅各國應踴躍分享病毒樣本才能加速研發藥物與疫苗。」
譚德塞當天下午即召開記者會發表研討會的成果。新冠肺炎的英文名稱終於正式敲定叫做「COVID-19」他解釋CO代表冠狀(Corona)VI代表病毒(virus)D代表疾病(disease)而19則是在2019年發現的。新冠肺炎是去年12月31日在大陸武漢首度獲得確認的新型冠狀病毒中文俗稱武漢肺炎而北京也已正名為「新冠肺炎」。
根據世界動物衛生組織和聯合國糧農組織的命名準則疾病的名稱不能包含地理位置、動物物種、特定族群或個人避免汙名化但又需與疾病特性有關方便識別。而新的名稱符合這些要素。
譚德塞呼籲正名的同時更希望全球各國將新冠肺炎視為頭號公敵團結並且採取一切的行動。除了使用地理圍堵的方式阻擋疫情的擴散世衛也正在積極研發疫苗預計第一批疫苗可望在18個月內備妥。「這是一場長期抗戰我們需要更多武器。」</t>
  </si>
  <si>
    <t>肺炎全球疾病病毒德塞疫情疫苗地理動物名稱武漢代表研發冠狀邀請威脅嚴重踴躍避免汙名</t>
  </si>
  <si>
    <t>嚇人患者後果肺炎精神疾病</t>
  </si>
  <si>
    <t>新冠肺炎是一種引起呼吸系統疾病的傳染性疾病但它的傷害遠不止於此。一項大型研究發現患者痊癒之後有高達1/5的人有很高的風險罹患失智症、憂鬰症和躁鬰症這意謂著新冠病毒對人體的傷害不止在呼吸道和肺部</t>
  </si>
  <si>
    <t>傷害疾病人體病毒風險之後痊癒研究發現患者引起呼吸系統傳染性遠不止不止憂鬱</t>
  </si>
  <si>
    <t>新冠肺炎是一種引起呼吸系統疾病的傳染性疾病但它的傷害遠不止於此。一項大型研究發現患者痊癒之後有高達1/5的人有很高的風險罹患失智症、憂鬰症和躁鬰症這意謂著新冠病毒對人體的傷害不止在呼吸道和肺部腦部可能也會受損。
權威醫學期刊《刺胳針》11月9日刊登英國牛津大學的一項大型研究研究人員分析了美國6900萬人的電子健康記錄其中包括62000多名新冠肺炎的患者結果發現在90天內被冠狀病毒感染的人中有20％被診斷出患有精神疾病這是同一時段內其他疾病患者的2倍。
醫學界一直在擔心COVID-19的倖存者會因病毒傷害腦部而面臨更大的精神健康問題風險「我們的發現表明這種可能性很大」參與研究的牛津大學精神病學教授哈里森（Paul Harrison）在接受《路透社》訪問時表示。
精神科醫生塞德（Margaret Seide）醫師指出新冠病毒對精神健康和身體健康都有影響目前尚不清楚為什麼新冠病毒會增加精神疾病的風險可能的原因有很多種。
「眾所周知在創傷事件倖存之後失眠焦慮和抑鬱之類的狀況可能會增加」塞德表示這有可能是因為媒體報導強調新冠肺炎的死亡率患者時刻意識到自己死亡的可能性非常大「面對死亡的可能性令人恐懼。」
但對身體健康的壓力和擔憂損害心理健康似乎還不足以解釋高達1/5的患者出現精神疾病。另一個可能的原因是：炎症。
科學家們仍在試圖理解COVID-19據目前觀察到的情形「新冠肺炎的患者在患病期間體內廣泛發炎包括大腦內部」塞德指出「良好的記憶力穩定的情緒和睡眠之類的東西是健康大腦的產物新冠肺炎患者的這些能力可能因為腦部發炎而受到影響。」
牛津大學的研究還發現患有精神疾病的人被診斷出COVID-19的可能性比沒有精神疾病的人高出65％。拉古伊博士指出「我懷疑這可能是因為患有精神疾病的人更有可能表現出危險的行為讓他們被感染的風險升高比方他們比正常人更無法接受被隔離因為這會使他們的精神疾病惡化；此外患有精神疾病的人也比較難有效控制糖尿病等慢性病這會增加他們感染COVID-19的風險。</t>
  </si>
  <si>
    <t>可能患者精神疾病研究風險發現肺炎健康covid-病毒可能性指出精神患有塞德傷害增加接受之後</t>
  </si>
  <si>
    <t>康健雜誌新冠肺炎失智症憂鬱症躁鬱症</t>
  </si>
  <si>
    <t>肺炎憂鬱雜誌康健</t>
  </si>
  <si>
    <t>想起莫德納高嘉瑜特權好笑林秉樞</t>
  </si>
  <si>
    <t>涉嫌施暴綠委高嘉瑜的男子林秉樞今遭爆料在今年7月用特權接種莫德納疫苗北市府證實此爆料為真。對此有網友表示一直覺得高嘉瑜當時回應禾馨事件很詭異回想高當時曾說過男人都不能相信就感到很好笑。粉</t>
  </si>
  <si>
    <t>高嘉瑜當時相信男子不能男人曾說林秉樞回想詭異事件禾馨回應覺得一直表示網友疫苗莫德納今年對此</t>
  </si>
  <si>
    <t>涉嫌施暴綠委高嘉瑜的男子林秉樞今遭爆料在今年7月用特權接種莫德納疫苗北市府證實此爆料為真。對此有網友表示一直覺得高嘉瑜當時回應禾馨事件很詭異回想高當時曾說過男人都不能相信就感到很好笑。
粉專「不演了新聞台」今（13日）在臉書爆料43歲的林秉樞要在哪個「一般平臺」預約才能在7月15日接種到莫德納疫苗？林秉樞當時除了跟高嘉瑜交往還有一位在禾馨工作的護理師女友因此林秉樞一邊請立委女友喬疫苗一邊不斷地塞人到禾馨打疫苗。
大批網友在其po文底下留言表示「這女立委也許可憐但不值得民眾去同情！她是遇人不淑、自作自受」、「所以當初林沒有曝光也就代表事件沒曝光所以某人就有很大的聲量來抨擊某市長！那時候臺北市大概是過街老鼠等級的被揍啊」、「背景真的很強！7月中就打到莫德納不可思議」、「難怪當時一直罵柯P就是不敢公佈名單」。另有網友回想起禾馨診所今年6月爆發違規施打疫苗高嘉瑜當時在政論節目上透露臺北市長柯文哲原先答應她不說她名字結果馬上供出傻眼直呼男人都不能相信實在是很好笑。
針對林秉樞在遭爆禾馨施打莫德納疫苗禾馨營運長林思宏昨回應關於議員提到的部分不太清楚不確定林秉樞是否在禾馨施打目前也無法查證；高嘉瑜今則表示如有不法就請法院去調查林秉樞。不過北市府發言人陳智菡今證實與中央詢問後確定林秉樞施打的時間地點確實是在7月15日在小禾馨民權小兒專科診所接種。</t>
  </si>
  <si>
    <t>林秉樞禾馨疫苗當時高嘉瑜莫德納施打表示網友臺北市接種回應一直回想證實</t>
  </si>
  <si>
    <t>林秉樞莫德納徐巧芯陳時中禾馨</t>
  </si>
  <si>
    <t>禾馨徐巧芯莫德納陳時中林秉樞</t>
  </si>
  <si>
    <t>遇襲樣本駕駛官員who重傷</t>
  </si>
  <si>
    <t>一輛載運新冠肺炎檢測樣本的世界衛生組織（WHO）車輛週一在緬甸遇襲導致駕駛死亡以及1名政府官員重傷。據CNN與BBC新聞網21日報導WHO證實駕駛索恩（Pyae Sone Win Maung）在緬甸西北部的若開邦（Rakhine）遇</t>
  </si>
  <si>
    <t>緬甸who駕駛檢測西北部樣本世界衛生組織maungwin車輛sone週一肺炎cnn索恩pyaebbc新聞網官員導致重傷政府死亡證實遇襲報導</t>
  </si>
  <si>
    <t>一輛載運新冠肺炎檢測樣本的世界衛生組織（WHO）車輛週一在緬甸遇襲導致駕駛死亡以及1名政府官員重傷。
據CNN與BBC新聞網21日報導WHO證實駕駛索恩（Pyae Sone Win Maung）在緬甸西北部的若開邦（Rakhine）遇襲受傷後不治。
WHO週二在聲明中說世衛對旗下人員在緬甸若開邦的安全事件中喪生深感悲痛。世衛東南亞區域主任辛赫（Poonam Khetrapal Singh）則明言譴責任何對衛生人員施加的肢體言語或心理暴力。而聯合國秘書長古特瑞斯（António Guterres）也發佈聲明強烈譴責這起發生在4月20日的攻擊事件。
索恩是在收集新冠肺炎採樣途經緬甸衝突斷的若開邦時遇害。他當時開著標誌醒目的WHO專車但仍遭彈火波及。聯合國說最近幾周來緬甸軍方和武裝反叛組織若開軍（Arakan Army）衝突加劇已有許多平民喪生。
由於WHO駕駛遇害雙方互相指責都說對方該負責並否認和事件有關。包括英美在內都力促雙方在新冠肺炎疫情大流行之際停止戰鬥。而近兩年來加強自治活動的佛教若開軍雖然宣佈為期1個月的停火但緬甸政府已斷然拒絕。</t>
  </si>
  <si>
    <t>who緬甸駕駛肺炎聯合國譴責事件聲明人員雙方索恩喪生世衛衝突遇害遇襲特瑞秘書長poonam近兩年來</t>
  </si>
  <si>
    <t>WHO武漢肺炎新冠肺炎全球遇襲</t>
  </si>
  <si>
    <t>肺炎武漢遇襲who全球</t>
  </si>
  <si>
    <t>治療神效瓊期瑞德西韋消息</t>
  </si>
  <si>
    <t>由於吉利德科學公司（Gilead Sciences）研發的藥物能在治療新冠肺炎展現成效加上美國總統發布重啟部分經濟的方針使得市場信心為之一振激勵美股期指16日（週四）晚間大漲。道瓊工業指數期貨暴升903點或39％</t>
  </si>
  <si>
    <t>指數gilead工業sciences研發藥物治療晚間週四肺炎期指展現期貨公司成效激勵為之一振加上信心美國市場總統</t>
  </si>
  <si>
    <t>由於吉利德科學公司（Gilead Sciences）研發的藥物能在治療新冠肺炎展現成效加上美國總統發布重啟部分經濟的方針使得市場信心為之一振激勵美股期指16日（週四）晚間大漲。
道瓊工業指數期貨暴升903點或39％標普500指數期貨躍升34％那斯達克100指數期貨勁揚26％。。
吉利德科學股價在週四盤後飆漲14％因有媒體報導芝加哥一家醫院利用該公司瑞德西韋（Remdesivir）藥物治療新冠肺炎病患病患使用後即迅速恢復。
川普也發布最新恢復部分經濟的指導方針強調專家表示疫情曲線日益平緩高峰期已過。</t>
  </si>
  <si>
    <t>週四經濟部分指數期貨公司發佈恢復治療藥物科學肺炎曲線疫情表示吉利專家日益強調指導方針為之一振信心市場使得</t>
  </si>
  <si>
    <t>瑞德西韋吉利德道瓊期新冠肺炎美期指</t>
  </si>
  <si>
    <t>肺炎吉利瑞德西韋期指</t>
  </si>
  <si>
    <t>解封提供餐廳外帶歌劇院國家台中</t>
  </si>
  <si>
    <t>台中國家歌劇院微解封雖不開放觀眾進場但駐店餐廳維持營運提供限時外帶、外送服務並結合線上餐點訂購平臺擴大服務效益。台中國家歌劇院表示目前嚴格控管歌劇院各空間容留人數出入口管制、工作人員動線</t>
  </si>
  <si>
    <t>歌劇院服務國家台中人數出入口容留空間餐廳維持營運進場提供觀眾開放外帶解封結合訂購平臺擴大效益</t>
  </si>
  <si>
    <t>台中國家歌劇院微解封雖不開放觀眾進場但駐店餐廳維持營運提供限時外帶、外送服務並結合線上餐點訂購平臺擴大服務效益。
台中國家歌劇院表示目前嚴格控管歌劇院各空間容留人數出入口管制、工作人員動線分流等措施確保15公尺之安全距離並於每次使用完畢後落實各空間全面性消毒。
關於表演團體入館排練歌劇院表示會依照文化部防疫指引辦理完成動線規劃並於工作區域指派主管人員擔任防疫負責人執行防疫措施及風險管理。
此外場館擴增「無接觸」防疫措施在閉館期間針對公共區域人員頻繁接觸範圍擴增無接觸設備除無接觸式電梯面板外新增自動感應手部消毒機、熱顯像儀、臉部偵測體溫測量機並研擬無接觸驗票服務已進入最後測試階段。</t>
  </si>
  <si>
    <t>服務歌劇院防疫接觸措施消毒空間區域表示國家台中餐廳維持進場營運提供臉部觀眾</t>
  </si>
  <si>
    <t>無接觸台中國家歌劇院微解封餐廳限時</t>
  </si>
  <si>
    <t>歌劇院國家解封台中餐廳接觸</t>
  </si>
  <si>
    <t>林右昌生活破裂首都要求重視基隆人民</t>
  </si>
  <si>
    <t>中央流行疫情指揮中心今發送剩下26萬劑疫苗除雙北外其他縣市僅發配第一類醫事人員的劑數而基隆僅獲1700劑對此市長林右昌表示北北基桃是首都生活圈目前基隆的疫苗量明顯不足呼籲應比照雙北。中央流行</t>
  </si>
  <si>
    <t>基隆疫苗流行中央中心發送剩下對此生活北外呼籲發配首都目前明顯不足指揮表示比照林右昌</t>
  </si>
  <si>
    <t>中央流行疫情指揮中心今發送剩下26萬劑疫苗除雙北外其他縣市僅發配第一類醫事人員的劑數而基隆僅獲1700劑對此市長林右昌表示北北基桃是首都生活圈目前基隆的疫苗量明顯不足呼籲應比照雙北。
中央流行疫情指揮中心今公佈各縣市配發的劑數根據第一類到第三類的人員比例進行計算主要雙北獲多數疫苗林右昌指出雙北發配第一至三類人員都可以施打而其他縣市包括基隆僅能施打到第一類。
林右昌進一步說明全市一類醫事人員總計約6800人目前還有1700人尚未接種也是指揮中心發配的劑量1700劑但對基隆來說根本不足夠他認為北北基桃是首都生活圈基隆很多確診者是在雙北移動染疫應該以區域聯防的概念看待不能被排除在外。
林右昌強調劑量應該比照雙北針對第一類醫療人員、第二類地方政府防疫人員、第三類維持社會運作之必要人員要全數施打疫苗並向中央喊話未來在進行疫苗、資源分配或是相關防疫措施時應該把北北基桃視為一個首都圈進行規畫。</t>
  </si>
  <si>
    <t>人員疫苗基隆林右昌應該發配進行雙北中心指揮防疫劑量目前中央比照施打首都生活</t>
  </si>
  <si>
    <t>新冠肺炎台灣基隆北北基桃林右昌</t>
  </si>
  <si>
    <t>基隆臺灣肺炎林右昌</t>
  </si>
  <si>
    <t>肺炎患者危重症痊癒出院</t>
  </si>
  <si>
    <t>新冠肺炎漫延之際漸有正面消息傳出一名98歲的新冠肺炎危重症患者1日從武漢雷神山醫院康復出院這是目前已知的大陸最高齡危重症康復患者。據《新華社》報導98歲的胡婆婆家住武漢市江岸區2月初出現高燒55歲</t>
  </si>
  <si>
    <t>康復患者危重症肺炎武漢市婆婆家江岸區報導新華社目前出院醫院大陸消息之際高齡雷神傳出</t>
  </si>
  <si>
    <t>新冠肺炎漫延之際漸有正面消息傳出一名98歲的新冠肺炎危重症患者1日從武漢雷神山醫院康復出院這是目前已知的大陸最高齡危重症康復患者。
據《新華社》報導98歲的胡婆婆家住武漢市江岸區2月初出現高燒55歲的女兒丁女士陪她到醫院檢查雙雙確診為新冠肺炎。2月13日晚母女二人被救護車同時轉送到武漢雷神山醫院。
醫護人員指出胡婆婆入院當天高燒達40攝氏度經監護照料3天後體溫恢復正常。胡婆婆還出現心肺功能障礙被確診為危重型新冠肺炎。醫護人員給予抗感染、抗病毒等藥物治療還採取補液等營養支持。經多日治療胡婆婆病情逐漸好轉增加營養品供應恢復身體抵抗力。
3月1日上午11點胡婆婆和女兒雙雙康復出院獲頒發出院證明並贈送鮮花。截至3月1日雷神山醫院累計出院患者近200人目前雷神山醫院住院患者千餘人。</t>
  </si>
  <si>
    <t>胡婆婆醫院肺炎患者康復出院雷神治療出現高燒女兒醫護人員危重症確診目前武漢採取營養品支持經多日病情</t>
  </si>
  <si>
    <t>雷神山醫院婆婆新冠肺炎武漢肺炎 COVID-19</t>
  </si>
  <si>
    <t>婆婆肺炎醫院武漢雷神covid-</t>
  </si>
  <si>
    <t>陳其邁設普重申關鍵何不</t>
  </si>
  <si>
    <t>高雄市政府防疫會議會後記者會媒體再度問及高市不廣設普篩的原因市長陳其邁再度重申2條件一個是社區流行盛行率高時其次是要針對特定的群聚感染快篩在盛行率過低時篩出的偽陽性偏高會增加後端醫療不必</t>
  </si>
  <si>
    <t>再度盛行會後記者會陽性媒體增加問及會議高市廣設普原因市長重申陳其邁條件社區高時感染</t>
  </si>
  <si>
    <t>高雄市政府防疫會議會後記者會媒體再度問及高市不廣設普篩的原因市長陳其邁再度重申2條件一個是社區流行盛行率高時其次是要針對特定的群聚感染快篩在盛行率過低時篩出的偽陽性偏高會增加後端醫療不必要負擔。
陳其邁說現在高雄幾個醫學中心對入住院病人有做PCR的檢測或是其他自費採檢等篩檢出來的個案數來看高雄存在的社區感染其實是非常的低。第二個從現在高雄個案來看幾乎感染源幾乎可溯源是從北部地區來十例有九例以上以高雄社區PCR盛行率的一個調查現有的整合這些過去調查採檢PCR資料來講高雄相對來講是安全根本與雙北情況不同因此還不必普設社區篩檢站。
陳其邁指出高市已設立6處快篩站但高雄現在沒有社區傳播的感染因此只針對串門子群聚事件的匡列者進行快篩加PCR採檢；高雄的篩檢站、醫師人力、專責病房都已準備好也備妥10萬劑快篩試劑待用請市民放心。</t>
  </si>
  <si>
    <t>高雄社區感染pcr陳其邁現在盛行再度高市個案來看幾乎調查試劑增加是從</t>
  </si>
  <si>
    <t>新冠肺炎台灣 高雄PCR高市</t>
  </si>
  <si>
    <t>臺灣高雄肺炎pcr高市</t>
  </si>
  <si>
    <t>幫助歐美口罩答案電鍋一面倒</t>
  </si>
  <si>
    <t>新冠肺炎疫情嚴峻我國口罩日產量不斷提升台灣政府目前已放寬到每14天成人可買9片口罩、兒童可買10片。不過中央流行疫情指揮中心指揮官陳時中5日召開記者會時親自示範以電鍋乾蒸口罩說這是能殺菌又保有過濾</t>
  </si>
  <si>
    <t>口罩疫情嚴峻我國親自電鍋記者會召開示範陳時中指揮官不斷中心目前日產量提升殺菌指揮臺灣政府流行</t>
  </si>
  <si>
    <t>新冠肺炎疫情嚴峻我國口罩日產量不斷提升台灣政府目前已放寬到每14天成人可買9片口罩、兒童可買10片。不過中央流行疫情指揮中心指揮官陳時中5日召開記者會時親自示範以電鍋乾蒸口罩說這是能殺菌又保有過濾效能的延長口罩使用壽命的法寶。有網友看了發文問「電鍋蒸口罩也可以幫助歐美？為什麼不教外國人蒸口罩呢？」問題一出來後立刻掀起熱議許多人的回答甚至一面倒的相似。
政府官員包括政務委員唐鳳、和疫情指揮官陳時中接連大動作宣導電鍋乾蒸口罩消毒的妙招仍無法降低民眾焦慮「是不是口罩不夠用了？」對此陳時中澄清先前是因為食藥署認為沒有實證但之後經過驗證且確定用電鍋蒸有效之後才進行宣導。再來還有另一主因為近期大量獲報路上隨處可見被棄置的口罩許多口罩看起來都未出現破損陳時中說「很多口罩沒有盡到利用價值就被換了一片新的相當可惜」。
政府宣導電鍋乾蒸口罩消毒的妙招有網友看了在批踢踢發文表示看法他舉出食藥署說口罩乾蒸最多能用5次因此他認為若是這樣的方法教給外國人「例如假設讓三億的美國人都戴口罩同樣五天用這招可以省下12億個口罩」、「電鍋蒸口罩也可以幫助歐美？」
原PO說如果教給外國人電鍋蒸口罩的方法他認為如此一來「比捐1000萬片還多」授人以魚不如授人以漁因此吐槽虧說「不要暗藏這種好招好嗎」他並且好奇詢問廣大網友「為什麼不教外國人蒸口罩呢？」
PO文一出後立刻掀起網友熱議許多人認為「國外那種疫情蒸口罩應該沒用吧」、「人家是建議低風險才蒸歐美疫情這樣怎麼蒸啦」、「蒸口罩是用在低污染的口罩」、「老外有電鍋嗎？捐口罩才是最佳解」、「大同電鍋起飛」、「我們該開始研究烤箱消毒的效果如何了」。
不過也有人表示「台灣已經很幸福乖乖清蒸口罩吧」、「有啊唐鳳有拍」、「唐鳳有做成英文字幕、日文版給外國人看喔」、「早就在預告要搞外交」。</t>
  </si>
  <si>
    <t>口罩電鍋疫情陳時中外國人網友認為消毒政府表示沒有指揮官可以歐美教給po</t>
  </si>
  <si>
    <t>電鍋蒸口罩外國人陳時中幫助歐美蒸口罩</t>
  </si>
  <si>
    <t>陳時中外國人口罩幫助歐美電鍋</t>
  </si>
  <si>
    <t>林佳龍預算交通安全承諾質疑葉毓蘭增加</t>
  </si>
  <si>
    <t>年假期間車禍頻傳上個月21日西濱甚至有21輛車連環撞國民黨立委葉毓蘭指出國內平均每天交通事故死亡人數甚至直逼一年下來新冠肺炎死亡人數 但交通部用於交通安全預算卻僅占交通部全年預算04％明顯偏少</t>
  </si>
  <si>
    <t>甚至人數死亡交通部預算上個月日西全年連環撞國民黨葉毓蘭指出交通安全國內用於平均交通事故肺炎</t>
  </si>
  <si>
    <t>年假期間車禍頻傳上個月21日西濱甚至有21輛車連環撞國民黨立委葉毓蘭指出國內平均每天交通事故死亡人數甚至直逼一年下來新冠肺炎死亡人數 但交通部用於交通安全預算卻僅占交通部全年預算04％明顯偏少對此交通部長林佳龍坦言已發現交通部道路交通安全督導委員會(道安會)預算偏少問題將予以倍增。
葉毓蘭今天在立法院質詢時指出我國一整年下來因為新冠肺炎而死亡人數共9人但全年共有3000人因為交通事故死亡平均每天有8人且對照日本日本總人口是我國的5倍但他們一年因為交通事故死亡人數總計2839人反而比我國還少。
葉毓蘭說但其實有很多方法可以減少交通事故臺北市2020年因交通事故死亡106人高雄市卻有348人臺北可以改善的原因包括在巷弄設有有行人專用道乃至改善路口交通工程等。
但葉毓蘭質疑今年交通部所屬機關預算共711億用在投資道路交通安全經費卻只有3億僅占04％明顯偏批。對此內政部長徐國勇辯稱這是因為葉毓蘭看得比較狹義內政部也有編預算改善道路品質所以廣義解釋比率沒有那麼低。
不過林佳龍則坦言他有發現道安會預算減少從十幾年前的7億多減到如今只有3億因此他會請交通部倍增道安會預算。
此外葉毓蘭也談到國內交通事受傷人數87％是機車族但政府的標線抗滑係數、人孔蓋等道路工程設計乃至於燈號設置等卻很少從機車安全角度考量而且很多路面車道禁行機車結果機車道塞滿機車旁邊的汽車道卻空蕩蕩車流量效率不彰尤其機車族當中有許多是外送員當中更以年輕人居多請政府好好注重機車族的安全與權益。
葉毓蘭還提醒上個月23日台東海端車站3名道班工被撞死近年也有多起類似案例先前台鐵普悠瑪事件檢討報告就指出司機尤振仲過勞產生交通問題台鐵如不重視員工健康旅客保障在哪？台鐵花大錢行銷美化粉專與車站幫局長出書有用嗎？預算要花在刀口上應該要有一定比例預算用在勞工職安、交通安全管理上。</t>
  </si>
  <si>
    <t>預算葉毓蘭交通機車交通部安全人數死亡指出改善我國事故車站上個月道路問題甚至</t>
  </si>
  <si>
    <t>預算葉毓蘭交通部交通事故死亡人數新冠肺炎</t>
  </si>
  <si>
    <t>事故死亡交通人數交通部葉毓蘭預算肺炎</t>
  </si>
  <si>
    <t>停課家長雇主以下請假最高高中宣佈雙北</t>
  </si>
  <si>
    <t>國內疫情嚴重惡化雙北升為第三級警戒臺北市長柯文哲坦言「今天確診比昨天多」宣佈高中以下停課為避免12歲以下學童無人照顧家長可請家庭照顧假若雇主不給假最高可罰30萬。柯文哲表示北市府一早先宣佈</t>
  </si>
  <si>
    <t>柯文哲宣佈照顧以下雙北升為警戒臺北市表示惡化坦言今天確診昨天市府停課避免高中學童嚴重家長家庭雇主</t>
  </si>
  <si>
    <t>國內疫情嚴重惡化雙北升為第三級警戒臺北市長柯文哲坦言「今天確診比昨天多」宣佈高中以下停課為避免12歲以下學童無人照顧家長可請家庭照顧假若雇主不給假最高可罰30萬。
柯文哲表示北市府一早先宣佈高中以下停課目的就是希望給時間讓大家準備。他坦言高中生可能還好但托嬰、托幼、小學確實有點問題這部分家長就是要請「家庭照顧假」。
教育局長曾燦金表示受到影響的中小學有285所、幼兒園691間、補習班2593間、安親班109間影響學生高達33萬4千多人。社會局表示保母總計6168位影響0至6歲幼童超過12萬人。
勞動局表示家中若有12歲以下的孩子或身心障礙的孩子家長可以請家庭照顧假若雇主沒有給假的話可罰2萬至30萬元而近期因應疫情市府將從嚴考量是否提高裁罰額度。
勞動局呼籲除了家庭照顧假還有防疫照顧假雇主皆需依規定要給假而以上這兩個假皆不給薪也不計入考績。</t>
  </si>
  <si>
    <t>照顧表示以下影響家庭坦言家長柯文哲就是勞動局市府雇主疫情宣佈停課高中雙北孩子升為</t>
  </si>
  <si>
    <t>家長雇主可罰給假新冠肺炎</t>
  </si>
  <si>
    <t>雇主肺炎家長</t>
  </si>
  <si>
    <t>防疫守則高文特殊醫師髮型胸腔示範權威</t>
  </si>
  <si>
    <t>新冠肺炎疫情拉警報高文音主持的年代新聞《聚焦20》22日將播出「防疫專題」請來胸腔內科名醫周百謙分享防疫知識現場示範飛沫傳染的範圍引發尖叫連連高文音更脫口：「我的媽啊。」周百謙表示空氣中懸浮粒</t>
  </si>
  <si>
    <t>高文防疫警報脫口表示主持連連年代尖叫範圍新聞名醫胸腔專題請來引發周百謙分享飛沫傳染示範現場知識</t>
  </si>
  <si>
    <t>新冠肺炎疫情拉警報高文音主持的年代新聞《聚焦20》22日將播出「防疫專題」請來胸腔內科名醫周百謙分享防疫知識現場示範飛沫傳染的範圍引發尖叫連連高文音更脫口：「我的媽啊。」
周百謙表示空氣中懸浮粒子及路人飛沫都可能含有病毒衣服及頭髮都是容易被附著的物體建議民眾不要常撥頭髮並天天洗頭、外出衣服也要馬上清洗更透露穿「風衣」較不會被病毒附著並誇讚高文音錄影當天梳的「大腸防疫頭」非常正確能有效減少觸碰及被病毒附著的機率。而「大腸防疫頭」的秘訣便是盡量把頭髮全部集中梳起來綁成馬尾後將馬尾用繩子再纏住頭髮較長的人也可以綁丸子頭主要用意是避免抓髮。資深媒體人王瑞玲也秀出不出門的「防疫餐」並分享家庭防疫死角提供清潔攻略有效加強家庭環境的防疫指數。
周百謙醫師說在家中同時使用清淨機及除濕機把室內溼度控制在60到70度的確可以有效減少病毒的活耀度並建議近期少去日本及新加玻正巧主持人高文音1月底剛從新加坡回國但有進行自主管理且出國全程都是依照防疫步驟旅行更透露都有綁「防疫大腸頭」觀念相當正確。周百謙醫師也指出新型病毒層出不窮如何想出有效對策才是長久之計例如隱形口罩以及防疫髮噴霧現在也都在研發中。</t>
  </si>
  <si>
    <t>防疫病毒高文有效頭髮大腸建議醫師周百謙可以分享減少透露衣服</t>
  </si>
  <si>
    <t>高文音周百謙新冠肺炎武漢肺炎新冠狀病毒</t>
  </si>
  <si>
    <t>肺炎周百謙武漢高文病毒</t>
  </si>
  <si>
    <t>複賽nba陰影約基奇</t>
  </si>
  <si>
    <t>NBA復賽日期逐漸逼近昨日卻驚傳金塊隊當家球星約基奇無症狀確診新冠肺炎緊接著太陽隊也有2名球員染疫加上西區某支戰績前8的球隊也有4位球員相繼確診短短1天就傳出7名球員染上新冠肺炎也讓復賽蒙上一層陰影</t>
  </si>
  <si>
    <t>球員確診肺炎複賽逼近昨日當家球星逐漸約基奇症狀球隊戰績加上西區緊接著</t>
  </si>
  <si>
    <t>NBA復賽日期逐漸逼近昨日卻驚傳金塊隊當家球星約基奇無症狀確診新冠肺炎緊接著太陽隊也有2名球員染疫加上西區某支戰績前8的球隊也有4位球員相繼確診短短1天就傳出7名球員染上新冠肺炎也讓復賽蒙上一層陰影。
《ESPN》知名記者沃納洛斯基（沃神）曾提出警告NBA復賽前將引爆大量確診病例沒想到預言成真尤其是金塊巨星約基奇感染的影響更大。畢竟金塊在停賽前戰績43勝22敗西區排名第三約基奇場均202分、102籃板、69助攻是金塊想要在季後賽走得更長遠的指標性人物。
約基奇本月11日在貝爾格萊德參加恩師退休告別秀當時約基奇在球場上與一位球員聊天彼此有說有笑；4天後那支球隊宣佈中鋒尼克拉染病而約基奇當時就站在尼克拉旁邊。同時職業網球世界球王喬柯維奇也出席了這個活動他不但與約基奇交談兩人在場邊還坐在一起也沒有戴口罩。
約基奇在個人IG放了與喬柯維奇的合照直呼這是一張珍貴照片網友在底下留言「兩位塞爾維亞傳奇」沒想到兩人如今都染上新冠肺炎病毒可說是難兄難弟。
其實約基奇早在上周就被檢驗出陽性反應但始終沒有出現症狀現在消息傳出後返美的時程也將受到影響不過約基奇仍有機會在一周內獲准回到丹佛與球隊會合。
《亞利桑納共和報》指出太陽隊有兩位球員也染病但沒有公佈名字球團隨即關閉了訓練場館。
此外西區某支球隊在過去幾周內傳出4名球員確診新冠肺炎只是先前沒有對外宣佈西區似乎已成了疫情重災區。
聯盟昨日針對22支參加復賽的球隊進行新冠肺炎篩檢如果再有多位球員確診恐怕會引發球員退賽風潮。</t>
  </si>
  <si>
    <t>約基奇球員球隊沒有確診西區肺炎複賽傳出參加維奇喬柯昨日宣佈症狀染病當時</t>
  </si>
  <si>
    <t>名球員肺炎球員位球員球隊</t>
  </si>
  <si>
    <t>肺炎球員球隊</t>
  </si>
  <si>
    <t>確診天啟家庭醫院埔裡專案</t>
  </si>
  <si>
    <t>南投縣埔裡今天爆出景觀造景業者等4人確診南投縣府衛生局協調埔裡基督教醫院、台中榮總埔裡分院啟動「埔裡鎮新冠肺炎快篩專案」公佈確診者足跡。呼籲民眾如與確診者足跡有重疊者或出現發燒、上呼吸道症狀、腸胃</t>
  </si>
  <si>
    <t>埔裡確診足跡出現公佈發燒肺炎專案協調景觀爆出衛生局今天縣府業者重疊分院台中啟動</t>
  </si>
  <si>
    <t>南投縣埔裡今天爆出景觀造景業者等4人確診南投縣府衛生局協調埔裡基督教醫院、台中榮總埔裡分院啟動「埔裡鎮新冠肺炎快篩專案」公佈確診者足跡。
呼籲民眾如與確診者足跡有重疊者或出現發燒、上呼吸道症狀、腸胃道症狀等新冠肺炎（COVID-19）臨床症狀者自今天30日至6月1日攜帶健保卡全程戴醫用口罩勿搭乘大眾運輸工具在快篩時間期間到院接受篩檢。</t>
  </si>
  <si>
    <t>埔裡確診今天肺炎症狀足跡時間全程口罩運輸工具大眾搭乘協調出現衛生局景觀縣府爆出</t>
  </si>
  <si>
    <t>新冠肺炎台灣  南投縣埔裡啟動快篩</t>
  </si>
  <si>
    <t>埔裡臺灣肺炎啟動</t>
  </si>
  <si>
    <t>龍頭開跑購物百貨部署</t>
  </si>
  <si>
    <t>新冠肺炎疫情愈趨緊張中央流行疫情指揮中心3月31日公佈群聚活動社交距離規範要求室內相距15公尺或全程戴口罩；全台百貨龍頭新光三越台中店購物節活動4月1日登場業者在嚴峻疫情中拼經濟也透過同步線上GO、精</t>
  </si>
  <si>
    <t>疫情活動同步透過經濟指揮口罩全台百貨全程龍頭相距新光室內三越嚴峻中心要求規範台中距離業者愈趨</t>
  </si>
  <si>
    <t>新冠肺炎疫情愈趨緊張中央流行疫情指揮中心3月31日公佈群聚活動社交距離規範要求室內相距15公尺或全程戴口罩；全台百貨龍頭新光三越台中店購物節活動4月1日登場業者在嚴峻疫情中拼經濟也透過同步線上GO、精品到府行動刷卡等將顧客分流連店內排隊商品都貼好間距15公尺地貼業者更希望消費者依循中央規範戴口罩來血拼。
各界都憂心清明連假造成防疫破口中台灣各百貨業者也在此時展開母親節檔前哨戰「百貨購物節」往昔人潮即錢潮的概念也因為新冠疫情被迫改寫各家業者在做好員工自主健康管理、加強環境消毒以及對入店消費者量體溫等防疫工作外今年各家都線上線下結合並在館外設得來速取貨點新光三越台中店更猛APP升級線上購物、宅配到府還配給精品業者行動刷卡機由櫃姐主動送貨到府。
在中央疫情指揮中心公告室內室外社交距離指引後該店也在贈品處、排隊商品處貼好間距15公尺的地貼讓消費者排隊時有所依據也透過各櫃動員通知主顧客配合戴口罩入館。
堪稱全台百貨買氣指標的「新光三越初夏購物節」4月1日登場今年促銷內容包括：化妝品天天滿3000送300、全館滿5000送500、名品／大家電區／法雅客＋[i]Store單筆滿萬送500更首度大規模串連線上線下同步展開購物回饋還增加線上搶購宅配到府服務；更號召17大化妝品、5大運動潮流和2大流行服飾共25大品牌加入超級品牌日活動天天1至2場線上直播加碼送活動。另全館精品品牌也提供到府鑑賞、移動式刷卡結帳。</t>
  </si>
  <si>
    <t>購物疫情業者百貨消費者活動口罩中央精品排隊防疫新光三越顧客</t>
  </si>
  <si>
    <t>疫情百貨購物節到府業者</t>
  </si>
  <si>
    <t>購物百貨疫情業者</t>
  </si>
  <si>
    <t>印尼封關外國人入境轉機</t>
  </si>
  <si>
    <t>印尼外交部今（31）日宣佈為防止新冠肺炎疫情擴散雅加達當局已經決定禁止外國人入境、轉機。綜合路透社、新加坡《海峽時報》（The Straits Times）報導印尼外交部長勒特諾（Retno Marsudi）今日表示印尼總統</t>
  </si>
  <si>
    <t>印尼防止肺炎勒特諾疫情外交部長擴散雅加達報導當局times已經決定straits禁止宣佈the時報外國人海峽入境新加坡轉機綜合路透社marsudi今日retno</t>
  </si>
  <si>
    <t>印尼外交部今（31）日宣佈為防止新冠肺炎疫情擴散雅加達當局已經決定禁止外國人入境、轉機。
綜合路透社、新加坡《海峽時報》（The Straits Times）報導印尼外交部長勒特諾（Retno Marsudi）今日表示印尼總統佐科威認為現在印尼的新冠肺炎防疫措施應該升級因此決定暫時禁止所有外國人入境及轉機。
他說預計今日就會宣佈相關限制入境措施細節持有工作許可及部分外交人員將不受新規定限制。
此外雅加達當局也會對返抵國門的印尼人加強檢查。
印尼自2日新冠肺炎零確診神話破功後疫情持續升溫直至今日已經有1414例確診病例當中首都雅加達疫情最為嚴重感染人數占了將近一半。
印尼至今也有122人不幸喪命死亡人數居東南亞各國之首。
印尼昨日傳出為圍堵新冠病毒可能封鎖包括雅加達及周邊地區在內的「大雅加達」地區限制約3000萬居民行動。不過佐科威認為印尼疫情威脅不只來自國內更包含海外尤其全球疫情中心已轉向美國及歐洲。</t>
  </si>
  <si>
    <t>印尼疫情雅加達今日限制入境肺炎措施確診已經人數宣佈當局轉機決定科威認為外國人禁止中心全球尤其海外</t>
  </si>
  <si>
    <t>發酵六月經濟佳音</t>
  </si>
  <si>
    <t>PCB廠友銓電子（5321）2018年宣佈多角化經營從印刷電路板產業跳脫轉向電子商務領域期望改善營運虧損的困境。近日公司營運傳出佳音受惠於新冠肺炎疫情持續升溫宅經濟商機發酵帶動友銓近期營收不淡自2019年9</t>
  </si>
  <si>
    <t>電子營運近期友銓帶動發酵商機經濟宣佈升溫多角化持續疫情肺炎經營傳出電路板佳音於新冠受惠印刷產業改善期望轉向領域</t>
  </si>
  <si>
    <t>PCB廠友銓電子（5321）2018年宣佈多角化經營從印刷電路板產業跳脫轉向電子商務領域期望改善營運虧損的困境。近日公司營運傳出佳音受惠於新冠肺炎疫情持續升溫宅經濟商機發酵帶動友銓近期營收不淡自2019年9月起已連續六個月創下同期新高表現即使農曆年剛過、電商產業進入淡季仍繳出單月營收破億的表現法人預期3月在宅經濟持續帶動下該公司仍會有不錯成績。
友銓原為印刷電路板製造商2018年引進新團隊朝電子商務發展過去一年多陸續投資、收購時尚女裝品牌公司今年再與擁有Pazzo、MEIERQ、Genquo等品牌的美而快實業股份有限公司進行股份交換已取得美而快公司超過五成股權。友銓表示由於美而快為國內前三大電商女裝品牌預期疫情帶動宅經濟下會是今年不小的成長動能。
據瞭解目前友銓業務有超過六成營收來自電商PCB業務則會持續縮減在電商事業快速成長下帶動該公司營收表現逐漸改善不僅已連續七個月合併營收破億元2019年前三季稅後淨利058億元每股稅後盈餘148元明顯優於2018年同期去年第四季合併營收更創歷年單季新高。
公司表示今年前二月營收已接近去年第一季表現看好新冠肺炎疫情帶動的宅經濟第一季可望保持年成長表現雖近期國內電商服飾業者陸續出現因疫情引發中國供應鍛鏈導致無商品可賣風險但友銓相較國內同業在台灣採購與生產數量較高並與國內上游業者保持良好關係預期受影響程度有限。
另外友銓指出今年將會持續進行購併同樣會鎖定電商女裝品牌公司現在已經是國內女裝服飾品牌龍頭也已經在宜蘭設立旗下所有品牌共同的倉儲、物流與研發中心目標要再拉開與對手的距離持續展開多角化經營。</t>
  </si>
  <si>
    <t>公司友銓國內持續表現疫情品牌電子帶動今年成長預期經濟陸續同期產業</t>
  </si>
  <si>
    <t>女裝品牌肺炎有限表現宅經濟</t>
  </si>
  <si>
    <t>有限肺炎表現女裝品牌經濟</t>
  </si>
  <si>
    <t>疫情言語中的惡毒</t>
  </si>
  <si>
    <t>「修昔底德陷阱」一詞讓《博羅奔尼撒戰爭史》更受到重視。在這本史書中記錄了古希臘時期雅典與斯巴達之間20多年的戰爭。在這期間其中一個重要的轉捩點就是雅典城內突然爆發嚴重瘟疫造成死傷慘重影響當時</t>
  </si>
  <si>
    <t>雅典陷阱造成瘟疫博羅嚴重爆發戰爭史突然受到城內重視史書死傷記錄希臘轉捩點時期期間</t>
  </si>
  <si>
    <t>「修昔底德陷阱」一詞讓《博羅奔尼撒戰爭史》更受到重視。在這本史書中記錄了古希臘時期雅典與斯巴達之間20多年的戰爭。在這期間其中一個重要的轉捩點就是雅典城內突然爆發嚴重瘟疫造成死傷慘重影響當時兩強對峙的實力消長。
史家修昔底德仔細地描述人們患病的情況。除了身體病徵外他也記錄到人們在疫情中行為、性格的變化。在疾病的死亡威脅下人性貪生怕死的那一面更被突顯出來。好人在現世中沒有好報反而更容易因為憐憫心接觸病人而導致死亡。而當時從事醫療工作的人員也沒有因為專業而更能逃過一劫反而最常成為傳染者或罹患者。
著名作家馬克吐溫曾說過「歷史不會重複只是會押韻」。也正如修昔底德自己也屢屢提到只要人性不變相類似的情境總是會一再出現。許多價值偏差、政治權力腐敗都是透過公眾語言／修辭展現出來。人心中的邪惡、無形權力的濫用往往都是透過語言亦即特定詞彙呈現在公眾面前。我們想要抑制邪惡、濫權就應該審慎關注人們所使用的語言特別是具有公眾影響力的政治人物與名嘴。
此次肺炎疫情最早發生在中國大陸的武漢地區因此輿論常以「武漢肺炎」稱之。不過隨著醫療專業對於病毒的理解世界衛生組織正式將此次疫情稱為COVID-19中文稱為「新冠狀病毒」或「新冠肺炎」。該組織特別強調確定命名的用意是「避免外界使用其他可能表述不準確或者帶有汙名化的名字」。
「武漢肺炎」或「中國病夫」這類的詞彙在不幸疫情上增添對於特定地區、人民的仇恨。有的詞彙起初方便使用也就罷了。但是已經提醒可能的傷害時還是有許多官方文件、公共宣傳、政治人物、名嘴掛在口邊甚至就是故意使用。
又譬如有名嘴在當前人們對於疫情的恐懼下指稱支援「韓粉」者是罹患「H病毒」並且表示期待「H病毒應該跟當年的SARS一樣總有完全銷聲匿跡的一天吧」。明顯的不同的政治支持者會有不同的意識型態支持不同的政策。但是在一個自由民主的國家中只要不是透過暴力、非法手段都應該尊重彼此的存在。
或許有人會說只不過是個詞彙而已有這麼嚴重嗎？事實上我們對於許多事物的認知都是透過使用的「語言」來理解然後彼此交流就成為影響人們生活的真實力量。舉例來說「聖誕老公公」、「年獸」這類故事的流傳固然可能根本不存在但卻可以透過語言的傳遞真實地深刻影響人們的生活。
在疫情恐慌的氛圍中別讓惡言惡語腐化了人心我們還是要試圖堅持一些能夠彰顯正面價值的人性光輝這也才是人之為人的差異這才是台灣價值的真正意義。（作者為世新大學口語傳播學系副教授兼系主任）</t>
  </si>
  <si>
    <t>疫情人們肺炎透過詞彙對於使用語言政治價值病毒人性應該可能公眾當時雅典記錄</t>
  </si>
  <si>
    <t>修昔底德語言詞彙病毒肺炎</t>
  </si>
  <si>
    <t>詞彙語言病毒修昔底肺炎</t>
  </si>
  <si>
    <t>殺機多空解析盤中激戰</t>
  </si>
  <si>
    <t>美國第二季疫情持續加劇部份州不排除二度封鎖美股四大指數漲跌互見日韓股市同步走跌台股今日在台積電(2330)股價續創新高激勵下開漲5775點只是股王大立光(3008)法說不給力釋出保守訊息恐旺季不旺牽</t>
  </si>
  <si>
    <t>加劇排除釋出封鎖給力指數漲跌互見四大股市同步走跌今日台積電股價創新激勵</t>
  </si>
  <si>
    <t>美國第二季疫情持續加劇部份州不排除二度封鎖美股四大指數漲跌互見日韓股市同步走跌台股今日在台積電(2330)股價續創新高激勵下開漲5775點只是股王大立光(3008)法說不給力釋出保守訊息恐旺季不旺牽動手機供應鏈指數隨即翻黑在大立光引爆殺機下大盤一度失守12100、重挫逾160點最低觸120302點調節賣壓湧現全日成交量不排除上看3000億元。
台股今日權值股由台積電一枝獨秀股價續創新高激勵台股指數成功開高盤中也維持逾1%的漲幅表現台積電今市值首度逾9兆元達915兆元同步創新高。
股王大立光昨日法說會執行長林恩平可說是給原本第三季期待市場回溫的投資者大潑冷水林恩平表示目前客戶需求還是弱6月、7月、8月需求動能都差不多客戶普遍保守大部分都有下修訂單大立光今天開盤跳空重挫盤中下殺逾400元一度逼近跌停板股價最低為4005元力守4000元大關。
除台積電、大立光的兩樣情外其餘權值股鴻海(2317)小跌震盪聯發科(2454)延續上個交易日的修正行情盤中下跌約3%面板雙虎群創(3481)、友達(2409)也壓低修正跌幅分別逾15%、25%。
連日來強勢的IC設計族群中瑞昱(2379)今開高後翻黑壓低震盪惟盤中跌幅收斂聯詠(3034)則是盤中逆勢走揚漲幅逾1%。八大類股幾乎全盤皆墨生醫股呈現零星點火主要除受惠於疫情外生技新藥產業發展條例規劃再延長10年至2031年東洋(4105)鎖定疫苗、外銷衝刺營運一度觸及1年高點盤中上漲約25%合富-KY(4745)6月營收創新高開盤跳空鎖漲停改寫半年高價。
分析師表示雖然歐美疫情反覆確診人數增加但主因是大量普篩篩檢範圍擴大所致整體醫療體系嚴陣以待、死亡率大幅下滑疫情對市場衝擊已明顯鈍化就台股來說外資對台股連兩天轉為賣超投信表現亦轉保守要留意拉回可能6月營收數字與緊接而來的第二季財報為市場關注的焦點投資人在挑選投資標的時應留意。</t>
  </si>
  <si>
    <t>盤中疫情市場台積電保守指數一度表示林恩平表現震盪創新年高股價修正排除最低</t>
  </si>
  <si>
    <t>美股智慧型手機台積電新冠肺炎鴻海</t>
  </si>
  <si>
    <t>台積電手機肺炎智慧</t>
  </si>
  <si>
    <t>完成鄭文燦疫苗非常佩服郭台銘</t>
  </si>
  <si>
    <t>鴻海集團與永齡基金會創辦人郭台銘出手購買500萬劑BNT疫苗1日向衛福部遞件完成桃園市長鄭文燦不諱言各國都把疫苗當作非常重要的戰略物資疫苗大廠又非常有限讚郭：「我非常的佩服！」相信中央會仔細看檔</t>
  </si>
  <si>
    <t>疫苗非常相信佩服郭台銘出手購買bnt創辦衛福部中央會桃園市長完成諱言鄭文燦有限大廠重要當作基金會仔細</t>
  </si>
  <si>
    <t>鴻海集團與永齡基金會創辦人郭台銘出手購買500萬劑BNT疫苗1日向衛福部遞件完成桃園市長鄭文燦不諱言各國都把疫苗當作非常重要的戰略物資疫苗大廠又非常有限讚郭：「我非常的佩服！」相信中央會仔細看檔是否備齊也希望中央購買疫苗計畫不要那麼吃緊。
鄭文燦不諱言疫苗跟一般想像的貿易採購不一樣疫苗並非一般藥廠既有的藥品目前供應非常吃緊因為原物料也缺貨各個國家都把疫苗當成是非常重要的戰略物資疫苗大廠又非常有限對於郭台銘的努力「我非常的佩服！」
鄭文燦說郭台銘已經送件相信中央的疫情指揮中心以及衛生福利部會仔細看檔是否齊備、採購的管道是否能確定有足夠疫苗供應期許可以透過中央民間一起努力來完成中央應該會瞭解整個疫苗採購的情況積極地來協助。
鄭文燦提到目前的疫苗都是緊急使用國際上的疫苗大廠大部分都是在大國手上政府在疫苗採購部署上是採取多元方式來爭取足夠的合格疫苗強調疫苗安全性、有效性一定要得到驗證才會採購。
鄭文燦說民間能夠幫忙爭取疫苗是出自於想要協助防疫的善意但仍然需要很努力直言有些國家在疫苗政策上只跟政府交易、或只跟政府協商有些國家也許有不同的疫苗策略行政院和中央流行疫情指揮中心都已經說明政府願意站在協助的立場積極地協助民間管道爭取疫苗這也能保障台灣疫苗供應量的增加。
鄭文燦說政府的購買計畫目前正在提早交貨希望疫苗供應6月、7月不要那麼吃緊、能夠數量多一點、進來速度快一點相信是大家共同的期盼政府好好努力民間願意幫忙的更要協助爭取到更好、更多的疫苗。</t>
  </si>
  <si>
    <t>疫苗鄭文燦政府採購中央非常努力協助民間相信購買爭取目前郭台銘國家供應吃緊完成是否大廠</t>
  </si>
  <si>
    <t>疫苗郭台銘鄭文燦新冠肺炎台灣</t>
  </si>
  <si>
    <t>鄭文燦肺炎郭台銘臺灣疫苗</t>
  </si>
  <si>
    <t>陳時中新北高雄竟解釋分配數字疫苗</t>
  </si>
  <si>
    <t>指揮中心今撥出十五萬劑的AZ疫苗但高雄市沒有疫情卻分配到兩萬一千劑比疫情重災區新北市還要多對此衛福部長陳時中表示這與高雄市之前的施打率有關同時在分配上也會根據這幾類符合施打的人員數以及以往施</t>
  </si>
  <si>
    <t>高雄市分配疫情符合az疫苗沒有有關對此重災區還要施打新北衛福表示部長陳時中之前打的</t>
  </si>
  <si>
    <t>高雄市表示疫苗分配新北人員施打重災區還要估算雙北中心指揮疫情才會打的以往就是符合進行</t>
  </si>
  <si>
    <t>分配高雄市接種新北市疫苗</t>
  </si>
  <si>
    <t>高雄市接種新北分配疫苗</t>
  </si>
  <si>
    <t>保證出去新北銷售價格疫情農友</t>
  </si>
  <si>
    <t>新冠肺炎疫情導致延後開學造成學校契作農友蔬菜無處去新北市府啟動「雙菜雙保」政策協助契作農友販售產銷履歷蔬菜及有機蔬菜不僅「保證銷售」更「保障價格」新北市長侯友宜12日前往板橋慈惠宮推廣民眾團購</t>
  </si>
  <si>
    <t>新北蔬菜農友板橋導致前往延後侯友宜開學市長慈惠宮價格造成疫情保障學校啟動市府政策協助無處推廣肺炎</t>
  </si>
  <si>
    <t>新冠肺炎疫情導致延後開學造成學校契作農友蔬菜無處去新北市府啟動「雙菜雙保」政策協助契作農友販售產銷履歷蔬菜及有機蔬菜不僅「保證銷售」更「保障價格」新北市長侯友宜12日前往板橋慈惠宮推廣民眾團購時表示新北是人口眾多的直轄市願意協助宜蘭縣等各縣市消費相關農產大家齊心協力一起度過這次新冠肺炎難關。
新北市農業局指出新北市政府「4＋1安心蔬菜計畫」供應本市中小學每週4天產銷履歷蔬菜及1天有機蔬菜不過這次因為疫情延後開學農友已種下去的菜不得不採收讓農友相當頭大。
新北市農業局與新北果菜公司啟動「雙菜雙保」機制透過優先拍賣保證銷售及保障價格產銷履歷蔬菜每公斤25元、有機每公斤35元蔬菜價格高歸農友不足則由市府補貼。
中間管銷成本由新北果菜公司負擔且每3天滾動檢討作業機制必要時提高價格或延長收購並透過預約交易尋找新買加通路預計2週協助調配180噸蔬菜。
侯友宜今下午到板橋慈惠宮協助推廣邀民眾一起來團購他表示新冠肺炎期間大家要共體時艱、互相包容大家一起來照顧中、南部農友感謝慈惠宮訂了200箱也謝謝前議員歐金獅訂了200箱當地裡長也買了20箱新北市跟所有農友一定站在一起共同面對艱困時刻照顧農友也照顧外縣市。
被問到宜蘭協調新北協助拍賣縣內過剩有機蔬菜侯友宜表示新北市是個人口眾多的直轄市願意跟宜蘭縣一起並肩作戰照顧宜蘭縣的農民協助拍賣宜蘭有機蔬菜。
新北市農業局指出因應民眾防疫期間減少外食增加在家開夥新北小農也透過新北市農業局輔導的超市通路增加供應量確保民眾可以吃的到新鮮蔬菜。欲團購有機小松菜及有機黑葉白菜即日起至19日可洽新北果菜運銷公司8965-1000轉176黃小姐或FB搜尋「新北果菜」。</t>
  </si>
  <si>
    <t>新北蔬菜農友協助一起民眾市農業局價格果菜透過照顧團購慈惠宮侯友宜公司拍賣表示肺炎宜蘭增加期間市府機制通路</t>
  </si>
  <si>
    <t>蔬菜新北農友有機新北市</t>
  </si>
  <si>
    <t>農友新北蔬菜</t>
  </si>
  <si>
    <t>川普保證疫苗肺炎年內</t>
  </si>
  <si>
    <t>美國總統川普3日說他有信心年底前就能研製出新冠肺炎疫苗。然而據CNBC新聞網與《國會山莊報》（The Hill）3日報導這時間表比政府公共衛生顧問的樂觀預測還快。「我們很有信心年底前會有疫苗」川普說「</t>
  </si>
  <si>
    <t>疫苗信心年底川普顧問時間表報導政府hill樂觀the衛生國會山新聞網cnbc預測肺炎研製</t>
  </si>
  <si>
    <t>美國總統川普3日說他有信心年底前就能研製出新冠肺炎疫苗。
然而據CNBC新聞網與《國會山莊報》（The Hill）3日報導這時間表比政府公共衛生顧問的樂觀預測還快。「我們很有信心年底前會有疫苗」川普說「我們認為我們今年底前會有疫苗我們正拚命快馬加鞭。」
川普是在華府林肯紀念堂（Lincoln Memorial）福斯新聞（Fox News）線上市政廳會議（town hall）直播節目中說的。然而公共衛生官員已經說過疫苗通常要花許多年研製並分配而新冠肺炎疫苗或許要花12－18個月研發。
川普說他們正在催促供應鏈雖然還沒有最終版的疫苗不過他認為許多公司應該快研製出來了他特別點名了嬌生（Johnson &amp; Johnson）。而嬌生已和衛生及公共服務部（Department of Health and Human Services）聯手研製疫苗並說希望2021年初能獲得批准。
川普政府正在推行「神速行動」（Operation Warp Speed）計畫要加速研製疫苗把時間表提前好幾個月並打算在明年1月前準備好3億劑疫苗。
另一方面牛津大學（Oxford University）疫苗研究人員說要是證明有效他們的疫苗可以在9月前推廣。而世界衛生組織（WHO）則說目前有數十種新冠肺炎疫苗正在研發。</t>
  </si>
  <si>
    <t>疫苗研製川普衛生政府時間表肺炎正在認為信心研發年底newsfox</t>
  </si>
  <si>
    <t>新冠肺炎武漢肺炎川普疫苗美國</t>
  </si>
  <si>
    <t>武漢肺炎川普美國疫苗</t>
  </si>
  <si>
    <t>同期毅嘉新高淨利電子零件拼回業績</t>
  </si>
  <si>
    <t>毅嘉(2402)公佈首季財測受到新冠肺炎疫情影響單季營收年減少20%惟產品組合優化有成單季稅前淨利仍創近6年同期新高展望第二季毅嘉預估隨著接單回穩營收、獲利將可望增溫。毅嘉第一季受到新冠肺炎疫情影</t>
  </si>
  <si>
    <t>毅嘉單季受到肺炎疫情淨利有成優化同期新高展望產品組合預估單回穩減少獲利</t>
  </si>
  <si>
    <t>毅嘉(2402)公佈首季財測受到新冠肺炎疫情影響單季營收年減少20%惟產品組合優化有成單季稅前淨利仍創近6年同期新高展望第二季毅嘉預估隨著接單回穩營收、獲利將可望增溫。
毅嘉第一季受到新冠肺炎疫情影響單季自結合併營收金額約1128億元較去年同期減少20%合併毛利率10%則較去年同期增加2%合併營業利益約673萬元合併稅前淨利約1422萬元。
毅嘉表示第一季合併營收雖然收到新冠肺炎疫情衝擊而年減20%但在產品組合優化及管理效能持續提升之情況下單季稅前淨利仍逆勢達1422萬元創近六年同期新高。
毅嘉表示展望第二季度在客戶回補庫存需求之帶動下將持續彌補第一季遞延之營收第二季營運可望較首季回升而目前整體接單與生產已趨於穩定未來集團之合併營收及獲利仍可望維持逐季增溫之趨勢惟對於新冠肺炎疫情對全球景氣發展及對終端消費的影響仍需持續關注未來毅嘉仍將持續深耕及拓展利基型產品市場包括車用、穿戴裝置、光通訊及高附加價值之消費型電子產品預期整體毛利率將可望持續穩健的提升並進而帶動全年度集團之營收及獲利穩定的成長。</t>
  </si>
  <si>
    <t>毅嘉持續合併可望單季肺炎疫情整體影響獲利展望淨利帶動提升</t>
  </si>
  <si>
    <t>毅嘉新冠肺炎消費應電子光通訊穿戴裝置</t>
  </si>
  <si>
    <t>消費肺炎電子光通訊穿戴裝置毅嘉</t>
  </si>
  <si>
    <t>特斯拉利多基本耶誕技術行情創新響叮噹</t>
  </si>
  <si>
    <t>市場擔心新冠肺炎疫情加劇與2021年初喬治亞州參議員選舉不確定性恐讓年底的耶誕行情落空不過分析師看好特斯拉（Tesla）在內的三檔個股預料仍有強勁漲勢。即便2020年美股沒有出現耶誕行情仍有三檔個股不受</t>
  </si>
  <si>
    <t>行情耶誕個股肺炎疫情加劇年初喬治亞州參議員選舉確定性年底落空特斯拉分析看好tesla預料強勁漲勢出現沒有</t>
  </si>
  <si>
    <t>行情耶誕持續市場疫情特斯拉迄今參議員喬治亞州公司股價股票預料帶來亮麗分別前景最後指數</t>
  </si>
  <si>
    <t>喬治亞州肺炎美股輝達亮麗</t>
  </si>
  <si>
    <t>肺炎亮麗喬治亞州</t>
  </si>
  <si>
    <t>確診奇怪公佈個案pcr陰後醫院北市</t>
  </si>
  <si>
    <t>臺北市長柯文哲今在防疫記者會上宣佈7家醫院PCR篩檢站昨共篩檢1091人發現陽性4例還是有不少另外柯文哲公佈一例比較奇怪案例他說個案的媽媽在6月3日確診父親6／11確診、個案妻子和妹妹則在6／13確</t>
  </si>
  <si>
    <t>個案柯文哲確診防疫案例記者會奇怪比較宣佈pcr醫院發現陽性媽媽妻子妹妹公佈父親</t>
  </si>
  <si>
    <t>臺北市長柯文哲今在防疫記者會上宣佈7家醫院PCR篩檢站昨共篩檢1091人發現陽性4例還是有不少另外柯文哲公佈一例比較奇怪案例他說個案的媽媽在6月3日確診父親6／11確診、個案妻子和妹妹則在6／13確診、兒子在6／15確診一家五口陸續確診但個案很奇怪一直都沒有被感染。
柯文哲說由於個案全家都確診必須隔離但採檢PCR都是陰性直到6／30超過17天解除隔離甚至是7／6檢查都是陰性因此7／12至14日曾去上班結果7／14為了照顧父親去醫院篩檢才發現是陽性不過CT值為36表示病毒量很低。
柯文哲表示這案例拿出來講是第一次沒有感染另一個可能是後來解隔離後又被感染也可能柯說此案主為公車司機在7／12-14上班期間一天兩班路線接觸者是同住接觸者5人這些人以前就感染過會先觀察其他5人則是密切接觸者為午餐共餐。
柯文哲說所以跟大家說吃飯還是不要圍著吃同事現在都要居家隔離還有擴大採檢80幾人第一次沒有感染也許是病毒量太低或是沒有感染解隔後在社區中感染從醫學角度上很難判斷在疫情還不明狀態下會匡列範圍居家隔離目前感染CASE不多10幾例最主要是家戶感染一起吃飯最危險。</t>
  </si>
  <si>
    <t>感染柯文哲隔離沒有個案確診上班居家案例pcr醫院可能父親奇怪陽性</t>
  </si>
  <si>
    <t>新冠肺炎台灣北市柯文哲個案</t>
  </si>
  <si>
    <t>北市肺炎臺灣柯文哲個案</t>
  </si>
  <si>
    <t>旅遊振興觀光局後來超前產業部署</t>
  </si>
  <si>
    <t>交通部觀光局14日舉行「2020全球推廣行銷線上會議」由局長張錫聰親自主持全球駐外辦事處不分時區同時上線會議聚焦討論疫後市場振興策略、及開放邊境後即應啟動各項振興作為以儘速恢復來台市場規模。台灣觀光</t>
  </si>
  <si>
    <t>會議全球市場振興推廣恢復行銷作為局長張錫聰駐外啟動親自主持辦事處邊境不分上線時區聚焦討論</t>
  </si>
  <si>
    <t>交通部觀光局14日舉行「2020全球推廣行銷線上會議」由局長張錫聰親自主持全球駐外辦事處不分時區同時上線會議聚焦討論疫後市場振興策略、及開放邊境後即應啟動各項振興作為以儘速恢復來台市場規模。
台灣觀光已連5年挑戰千萬人次2019年來台人次再創新高紀錄使台灣觀光邁向新的里程碑。今年面對新冠肺炎疫情衝擊尤以觀光產業影響最钜。不過在考量疫情因素下認為各市場仍應維持台灣觀光的聲量討論熱度與達標。
對此觀光局一年一度的「駐外辦事處行銷推廣研討會議」已由國際組在疫情期間分2階段辦理視訊會議要求各駐外辦事處應以新思維提出疫後各項計畫的必要性、預算需求、預定達成效益且必須逐案或逐年進行滾動檢討以汰蕪存菁。
因此各駐外辦事處於疫情期間仍持續運用各種線上活動辦理台灣通檢定或與網紅、旅遊平臺合作宣傳同時舉辦業者線上交流會及教育訓練運用不同露出通路宣傳台灣安心安全旅遊環境盼能讓台灣成為國際旅客疫後出境旅遊的首選目的地之一。
因應各國疫後爭取國際旅客的競爭態勢觀光局6月聽取各市場入境遊旅行業者建議並密集與各駐外辦事處研商掌握駐地觀察第一手市場發展及趨勢共同擬定疫後有助快速拓源的行銷策略以能於邊境開放後加速恢復來台旅客人次水準擴大觀光產業復甦力道。
對此各駐外辦事處針對疫後市場振興均提出不同對策觀光局要求務必配合疫情影響民眾出國旅遊需求加強數位行銷、辦理虛擬推廣活動、推出自由行（FIT）或適合團體旅客的高CP值個人化旅遊產品因應。
張錫聰表示全球觀光市場受新冠肺炎疫情衝擊更勝於2003年的SARS來台旅客恢復去年水準將需要一段復原期。疫情趨緩後各國雖以國內旅遊優先但一旦邊境開放後觀光局將面臨各國爭取國際旅客的激烈競爭。
張錫聰指出交通部長林佳龍亦關心觀光局的海外行銷策略與作為請各駐外辦事處在駐地務必就各目標市場變化及早部署同時應擬具疫後有助快速拓源的短、中、長程行銷策略以因應多變的市場需求。</t>
  </si>
  <si>
    <t>市場疫情駐外辦事處旅遊臺灣觀光行銷旅客觀光局全球策略辦理推廣會議因應恢復邊境振興需求開放國際不同</t>
  </si>
  <si>
    <t>觀光局張錫聰駐外辦事處全球海外</t>
  </si>
  <si>
    <t>全球張錫聰辦事處駐外觀光局海外</t>
  </si>
  <si>
    <t>疫情影響iphone延後預警美國銀行發表</t>
  </si>
  <si>
    <t>備受期待的 5G iPhone 還得等更久？在競爭對手都紛紛推出 5G 手機搶市的環境下由於技術尚未成熟、市場也尚未準備好蘋果(Apple Inc)在 2019 年秋季並未推出支援 5G 的手機。而一般預料5G iPhone 將會在 2020</t>
  </si>
  <si>
    <t>推出手機iphone尚未準備蘋果技術incapple秋季競爭對手支援並未環境紛紛搶市預料市場成熟一般期待</t>
  </si>
  <si>
    <t>備受期待的 5G iPhone 還得等更久？在競爭對手都紛紛推出 5G 手機搶市的環境下由於技術尚未成熟、市場也尚未準備好蘋果(Apple Inc)在 2019 年秋季並未推出支援 5G 的手機。而一般預料5G iPhone 將會在 2020 年秋季登場但一波自 2019 年底起爆發的新冠肺炎疫情卻打亂蘋果的如意算盤。美國銀行(BofA或稱BOA)預警受到新冠肺炎(COVID-19)疫情影響預計在今年上下半年發表的新 iPhone 都將受到影響延後亮相。
知名財經外媒報導引述了美國銀行分析師 Wamsi Mohan 的報告指出由於供應鏈的問題以及疫情導致的市場需求疲軟iPhone SE 2(或稱 iPhone 9)的發表將會延遲幾個月。而具體發表的時間點則要視 4 月及 5 月間產量回升的情況來決定。
不僅如此美國銀行方面更引用了蘋果供應鏈專家 Elliot Lan 的看法後者認為預計秋季發表的 5G iPhone受疫情影響也將延後一個月發表。先前由於疫情影響中國大陸供應鏈的復工進度再加上因為防疫而導致的旅遊禁令已有市場消息指出蘋果暫停旗下工程師前往中國大陸出差影響到了 2020 年秋季新 iPhone 的研發進度。美國銀行以及供應鏈專家的說法一出則是再度證實了先前的市場傳聞。
蘋果自 2011 年 CEO Tim Cook 接任 Steve Jobs 上任後首度接棒發表的 iPhone 4s 之後每一年都是選在秋季(9月份)揭曉年度新 iPhone慣例已延續 9 年未變。若今年新 iPhone 將延後發表不僅對於蘋果而言將造成衝擊對於相關產業而言恐怕也免不了受到更大的波及。
台灣地區第一階段 5G 頻譜競標在 2 月 21 日落幕後5G 開台的準備進度開始加速電信三雄近日也因為三星 Galaxy S20 系列(5G版)上市而提前推出 5G 早鳥方案宣告 5G 資費戰提早開打。按照先前電信商公佈的計畫5G 開台電信三雄皆以今年第三季為目標這當中的原因除了基地台佈建等因素外iPhone 都選在秋季發表更是其中一大要素。若 5G iPhone 果真延後發表會不會也連帶影響到台灣 5G 開台的時間點令人不由得憂心。
今年 2 月中旬蘋果罕見的提前預警今年 2020 財年 Q3 財報(反映 2020 年 Q2 業績)很可能無法達成預期並點出其中原因包含受到復工速度緩慢的影響全球 iPhone 供應將出現短缺；以及中國市場消費需求下滑等因素。而從稍早前美國銀行的說法來看這一波疫情的衝擊對於蘋果的影響將不僅限於 Q2且還會持續擴大影響範圍超乎預期。</t>
  </si>
  <si>
    <t>iphone蘋果影響發表美國銀行秋季今年疫情供應市場受到先前進度推出延後中國電信原因時間</t>
  </si>
  <si>
    <t>5GiPhone2020iPhone蘋果美國銀行預測</t>
  </si>
  <si>
    <t>蘋果giphone預測iphone美國銀行</t>
  </si>
  <si>
    <t>溫?臺灣網友原來如此大陸</t>
  </si>
  <si>
    <t>中國大陸面對新冠肺炎疫情進出公共場所偶有見到測量手腕溫度對台灣讀者來說「腕溫」比較不常見大陸網友解釋為何測量腕溫而不是額溫。根據中央社日前報導面對新型冠狀病毒肺炎疫情北京公共汽車、地鐵與跨</t>
  </si>
  <si>
    <t>測量疫情肺炎大陸面對病毒冠狀進出公共場所報導日前見到中央手腕北京溫度溫而臺灣解釋比較讀者網友</t>
  </si>
  <si>
    <t>中國大陸面對新冠肺炎疫情進出公共場所偶有見到測量手腕溫度對台灣讀者來說「腕溫」比較不常見大陸網友解釋為何測量腕溫而不是額溫。
根據中央社日前報導面對新型冠狀病毒肺炎疫情北京公共汽車、地鐵與跨國速食店照常營運只是乘客與店內用餐顧客很少就連摩拜等共用單車也像閱兵般陳列街頭、無人問津。上千萬人的大城市進入一片寧靜祥和的「外弛」狀態。
報導指出北京公寓電梯每日清晨必定傳來一股消毒水味道各商場與地鐵車廂也強調每日消毒街上行人幾乎全戴口罩、那怕進超市亦然。
報導稱量體溫、測發燒是防疫的第一關。搭地鐵過安檢時要先量額溫進天安門廣場前先量「手腕溫」甚至到百貨商場也有保安人員量額溫各大車站旅客進出則是交給紅外線感測儀。
對於台灣讀者來說測量「手腕溫」比較新鮮。
有大陸網友指出當地進超市要量腕溫而不是額溫因為如果遇到下雪因為額頭暴露在外常常比真正體溫低而手腕大多縮在衣袖裡面所以測量手腕溫度比測量額溫準確。
台灣網友也回應當在Youtube頭一次看到大陸進超市是量手腕的溫度時覺得很奇怪為何不是量額溫量手腕的溫度會準嗎？因為在台灣從沒看過量腕溫的。不過後來陸續看到不同省份的網友也有拍到進超市量腕溫的畫面就不再覺得那麼奇怪了可能只是兩岸測量體溫的方法不同。
另根據台灣衛福部國建署宣導「用額溫槍或紅外線測量皮膚表面常有嚴重低估真正體溫的現象所以不建議常規使用。」也是認為用額溫槍常有嚴重低估真正體溫的現象只是台灣還沒見到測量手腕溫度。</t>
  </si>
  <si>
    <t>手腕臺灣測量地鐵報導體溫網友超市大陸溫度真正北京指出紅外線不同疫情肺炎溫槍</t>
  </si>
  <si>
    <t>陳時中班?不停停課延長警戒考量</t>
  </si>
  <si>
    <t>指揮中心昨(25)日宣佈全國3級警戒、全國停課皆延長至6月14日台大公衛學院教授陳秀熙表示目前國內非藥物公衛措施NPI的落實程度只有75％若多數公司停班降低平均病例有效再生數（Rt值）的效果可達27％。外界好</t>
  </si>
  <si>
    <t>全國延長效果大公rt衛學院教授再生陳秀熙有效表示目前病例國內平均藥物降低措施npi宣佈公司</t>
  </si>
  <si>
    <t>疫情npi措施停課有效防疫效果全國聚會目前衛學院大公不停公司班?</t>
  </si>
  <si>
    <t>新冠肺炎台灣陳時中陳秀熙停班</t>
  </si>
  <si>
    <t>陳時中臺灣陳秀熙肺炎</t>
  </si>
  <si>
    <t>通行證健康北市疫苗一起吃飯</t>
  </si>
  <si>
    <t>臺北市長柯文哲16日宣佈臺北通已和健保資料庫連結打過2劑的市民就會顯示「綠色」、1劑顯示「黃色」未施打過疫苗則是「紅色」讓餐廳內用、區民活動可以執行只要中央同意就可以上路。北市疫苗涵蓋率第1劑56</t>
  </si>
  <si>
    <t>打過疫苗可以宣佈臺北上路資料庫連結活動區民市民餐廳顯示紅色北市柯文哲同意中央執行</t>
  </si>
  <si>
    <t>臺北市長柯文哲16日宣佈臺北通已和健保資料庫連結打過2劑的市民就會顯示「綠色」、1劑顯示「黃色」未施打過疫苗則是「紅色」讓餐廳內用、區民活動可以執行只要中央同意就可以上路。
北市疫苗涵蓋率第1劑564％、第2劑1306％是六都第一柯文哲今赴議會施政報告指出臺北通已和健保資料庫連結以後打過2劑民眾的臺北通會顯示「綠」、打過1劑「黃色」都沒打是「紅色」建立健康通行證可加速老人共餐有打2劑就可回來吃飯要不然如果沒有這個設計整個臺北市餐廳內用、區民活動都沒辦法執行已經做得差不多了等中央同意就可以上路。
柯文哲還說為管制人流昨天同意用快1000萬二備金讓北市公有場所可以讀記名悠遊卡、身分證條碼使人流管制更有效率。</t>
  </si>
  <si>
    <t>可以打過柯文哲臺北同意人流北市管制疫苗紅色顯示餐廳執行區民臺北市上路黃色活動連結</t>
  </si>
  <si>
    <t>疫苗健康通行證柯文哲共餐新冠肺炎</t>
  </si>
  <si>
    <t>柯文哲通行證健康疫苗肺炎</t>
  </si>
  <si>
    <t>員工電抗在家上班台積</t>
  </si>
  <si>
    <t>新冠肺炎疫情日益加劇台灣確診病例數攀升且24日已突破200例大關。晶圓代工龍頭台積電總裁魏哲家近日向員工發出通告即日起到4月12前實施第一階段限制限定員工不能出國同時鼓勵非生產線的員工在分組辦公營運模</t>
  </si>
  <si>
    <t>員工日益加劇臺灣確診病例攀升突破疫情大關晶圓限定限制龍頭階段實施總裁魏哲家即日起近日通告發出分組</t>
  </si>
  <si>
    <t>新冠肺炎疫情日益加劇台灣確診病例數攀升且24日已突破200例大關。晶圓代工龍頭台積電總裁魏哲家近日向員工發出通告即日起到4月12前實施第一階段限制限定員工不能出國同時鼓勵非生產線的員工在分組辦公營運模式下亦可以選擇在家上班。
估計台積電非生產線直接員工約3萬人。台積電強調目前生產線運作維持正常營運不受影響。
台積電指出因有一名非生產線員工確診新冠肺炎所以內部決議啟動分組辦公而居家辦公是分組辦公的選項之一。這是台積電成立33年以來首度讓員工可選擇在家上班。
新冠肺炎去年底在中國大陸爆發疫情後台積電就已擬定對應計畫。而台積電先前因一名員工確診新冠肺炎所以立即啟動分組辦公。台積電先前指出以防疫安全及保護員工健康為首要考量在現有防疫相關規定外決議將啟動分組辦公營運模式。台灣地區員工於參加會議、訓練、或身處公共區域期間一律全程配戴口罩。
台積電今年以來也已經管制員工出差限制供應商與客戶進出廠區。由於新冠肺炎疫情在世界各地擴散台積電除了進一步要求員工避免非必要公務出差也請員工這段時間內暫停所有出國計畫。另外居家辦公適用於非生產線員工所以台積電生產線會維持正常運作營運不受影響。
台積電在公告中指出因將防疫為首要考量有鑑於確診個案數持續上升在未來幾周的防疫關鍵期除了20日開始啟動人員分組辦公的營運模式外依總裁指示非生產直接相關人員即日起至4月12日止盡量採取居家辦公居家辦公的人員由廠長、處長以上的主管決定。再者請同仁暫停所有出國計畫特殊情況需經單位最高功能組織主管核准以降低同仁感染新冠肺炎風險。最後防疫期間請同仁確實遵守政府及公司相關規定措施。
台積電上周實施分組辦公後由於組織架構複雜且員工眾多有的組別被分配到同大樓不同樓層上班也有分配到別的廠區上班不少組別員工是全面或輪流改成在家上班。</t>
  </si>
  <si>
    <t>員工台積電辦公防疫分組肺炎上班確診營運生產線相關同仁計畫出國人員啟動疫情指出居家在家期間</t>
  </si>
  <si>
    <t>員工營運肺炎上班台積電</t>
  </si>
  <si>
    <t>員工上班營運台積電肺炎</t>
  </si>
  <si>
    <t>管理自主市府居家局長都發</t>
  </si>
  <si>
    <t>台中市都發局長黃文彬的兒子18日自美國返回台灣傳出身體不適情況醫院以其有出國旅遊史提高警覺要求直接收容觀察3天並進行檢驗黃文彬表示兒子沒有發燒自己也未與兒子有任何接觸。新聞局長黃國瑋說黃</t>
  </si>
  <si>
    <t>兒子黃文彬局長新聞接觸警覺要求直接收容傳出觀察提高旅遊出國表示醫院情況不適檢驗身體臺灣進行美國返回黃國</t>
  </si>
  <si>
    <t>台中市都發局長黃文彬的兒子18日自美國返回台灣傳出身體不適情況醫院以其有出國旅遊史提高警覺要求直接收容觀察3天並進行檢驗黃文彬表示兒子沒有發燒自己也未與兒子有任何接觸。新聞局長黃國瑋說黃文彬防疫意識相當高成為六都首個「居家自主健康管理」的局長請外界無須過度揣測。
黃文彬兒子在美國求學因疫情因素學校關閉並告知學生返家後透過線上課程學習即可所以黃文彬兒子自17日早晨從美國返台全程都戴口罩返回家中休息直至當日晚間10點以後父子倆才見到面。
黃文彬表示兩人均佩戴口罩且保持1公尺以上間隔距離兒子防疫概念很好回到家中後幾乎待在房間沒有外出也想保護家人後來因時差問題早早就入眠。
今天早上黃文彬兒子自覺喉嚨有痰為慎重起見趕緊到醫院檢查醫院確認體溫365度並未發燒醫院詢問其出國史後立即提高警覺直接收容觀察並檢驗。
黃國瑋說黃文彬今天得知兒子在醫院收容治療後立即請假補休返家自主健康管理且公務全程皆有佩戴口罩回到家中還運用遠端視訊來處理線上課程、業務、公文等工作開始14天的「居家辦公」防疫確認健康無虞才會返回市府上班。</t>
  </si>
  <si>
    <t>兒子黃文彬醫院防疫返回局長家中健康口罩美國收容居家返家表示佩戴全程課程確認沒有今天自主發燒管理</t>
  </si>
  <si>
    <t>台中黃文彬黃國瑋都發局長新冠肺炎</t>
  </si>
  <si>
    <t>都發局長黃國黃文彬肺炎台中</t>
  </si>
  <si>
    <t>竟是症狀感染者嫌犯押解隔離陸警</t>
  </si>
  <si>
    <t>四川警方日前從吉林省延邊州延吉市押解一名犯罪嫌疑人回四川瀘州古藺縣只不過沒想到該嫌犯竟是1名無症狀感染者。此次路途3000多公里還途經長春、北京等地超過逾93名密切接觸者居家隔離中。《新京報》指出</t>
  </si>
  <si>
    <t>四川隔離居家密切接觸超過延邊州延吉市北京押解長春途經犯罪嫌疑人路途感染者症狀竟是瀘州嫌犯想到古藺縣只不過吉林省</t>
  </si>
  <si>
    <t>四川警方日前從吉林省延邊州延吉市押解一名犯罪嫌疑人回四川瀘州古藺縣只不過沒想到該嫌犯竟是1名無症狀感染者。此次路途3000多公里還途經長春、北京等地超過逾93名密切接觸者居家隔離中。
《新京報》指出按照通報30歲的男子明某是吉林省舒蘭市人也是犯罪嫌疑人。4月29日23時左右他被古藺縣公安局從吉林省延邊市押解到古藺縣公安局辦案區。次日下午明某在接受例行檢查時發現新冠病毒核酸檢測結果為陽性但無任何發熱、咳嗽等新冠肺炎症狀綜合流行病學史、影像學檢查、實驗室檢測等診斷為新型冠狀病毒肺炎無症狀感染者隨即被古藺縣定點醫院收治隔離。
報導稱林省延吉市新冠肺炎疫情防控領導小組辦公室昨就此事通報稱明某現居住延吉市2月25日從舒蘭自駕車輛返延後曾居家單獨隔離14天無異常後返回工作單位。
4月28日13時左右明某在延吉市某汽修廠被四川警方抓捕當天下午乘火車經長春、北京4月29日深夜抵達四川省瀘州市古藺縣同其他9名嫌疑人被共同拘押於一派出所。
4月30日經當地疾控中心核酸檢測結果為陽性明某被四川方面診斷為無症狀感染者。5月1日四川方面對明某進行血清抗體檢測IgM和IgG結果均為陰性表明明某為新近感染。
報導說延吉市新冠肺炎疫情防控領導小組辦公室介紹接到四川警方的推送資訊後州、市兩級新冠肺炎疫情防控指揮部高度重視快速反應調度州、市兩級防控力量第一時間開展流行病學調查、追蹤管控及核酸檢測等疫情防控工作。
截至5月1日24時已追蹤到與明某有接觸的人員共93人其中密切接觸者28人均已進行集中隔離；次密接者39人和一般接觸者26人其中33人已進行集中隔離其他32人實行嚴格的單獨居家隔離。</t>
  </si>
  <si>
    <t>明某古藺縣四川隔離檢測延吉市防控肺炎症狀吉林省疫情核酸居家感染者結果警方下午北京長春進行</t>
  </si>
  <si>
    <t>隔離四川肺炎延吉市檢測</t>
  </si>
  <si>
    <t>肺炎隔離檢測四川延吉市</t>
  </si>
  <si>
    <t>業者縣長縣府下令嚴峻疫情</t>
  </si>
  <si>
    <t>新冠肺炎疫情嚴峻許多縣市政府已發文要求長照及安養機構暫停探訪不過屏東縣目前仍未禁止而是交由業者決定。因無強制力業者只能「柔性勸導」衍生問題因此希望縣府能明文禁止。縣府表示會依據中央疫情指揮</t>
  </si>
  <si>
    <t>疫情業者縣府嚴峻縣市政府發文要求安養機構暫停探訪東縣柔性勸導交由禁止仍未目前依據表示明文禁止希望問題</t>
  </si>
  <si>
    <t>家屬縣府業者禁止探視疫情探訪明文禁止開放表示中央東縣決定建議目前機構拒絕</t>
  </si>
  <si>
    <t>新冠肺炎屏東 長照安養 屏東醫院屏東基督教醫院</t>
  </si>
  <si>
    <t>肺炎醫院安養基督教</t>
  </si>
  <si>
    <t>上樓接到警方通知被告</t>
  </si>
  <si>
    <t>外送商機崛起後發生不少外送員與顧客、店家之間故事一名男外送員在臉書吐苦水表示某次外送時因為新冠肺炎疫情關係社區大樓的管理員表示不能送上樓外送員也遵守規定想不到事後竟收到員警通知被當時的</t>
  </si>
  <si>
    <t>表示事後想不到規定遵守收到員在疫情社區關係管理員肺炎大樓發生員也員警顧客故事上樓吐苦水不能店家</t>
  </si>
  <si>
    <t>外送商機崛起後發生不少外送員與顧客、店家之間故事一名男外送員在臉書吐苦水表示某次外送時因為新冠肺炎疫情關係社區大樓的管理員表示不能送上樓外送員也遵守規定想不到事後竟收到員警通知被當時的顧客提告妨害自由。
這名邱姓外送員在臉書社團發文抱怨透露過年前送餐到桃園市中壢區某處社區大樓的8樓住戶由於疫情關係管理員說餐點不能送上樓外送員便將餐點放在一樓並透過外送平臺通知顧客未料對方回覆「別的外送員可以上來你為什麼不能」？
事後邱姓外送員收到當時顧客提告說他妨害自由頓時讓他滿頭霧水對此當事大樓管理員則回應「一般如果住戶沒特別要求都會自己下來拿」；這起糾紛掀起網友熱議一面倒支持外送員「沒送上樓怎麼妨害自由」、「這一定告不成一定要反告對方誣告」。
針對此案律師陳亮佑受訪時表示既然社區要求外送員不能進入當然不能強行進入否則該名外送員可能會涉及另一罪名。許多外送員則建議工作時永遠不知道會遇到什麼狀況一定要在身上加裝密錄器才能自保。</t>
  </si>
  <si>
    <t>顧客大樓社區不能妨害自由表示管理員一定住戶通知事後收到關係員在當時疫情上樓</t>
  </si>
  <si>
    <t>外送員新冠肺炎疫情送上樓妨害自由</t>
  </si>
  <si>
    <t>肺炎疫情上樓妨害自由</t>
  </si>
  <si>
    <t>病例世衛認證周降</t>
  </si>
  <si>
    <t>前往湖北武漢市視察後世界衛生組織（WHO）專家團隊24日指出中國所採取的策略改變新增確診病例快速攀升的曲線。兩周前團隊剛抵達大陸時每天新報告的確診病例逾2000例；當聯合考察團結束任務23日報告的確診病</t>
  </si>
  <si>
    <t>團隊病例確診報告世界衛生組織who專家視察結束任務指出考察團中國採取改變策略抵達新增周前聯合大陸曲線攀升快速</t>
  </si>
  <si>
    <t>大陸病例確診病毒口罩考察肺炎透過湖北新增試劑組長國家生產下降特徵報告指出</t>
  </si>
  <si>
    <t>口罩診病肺炎病毒考察組</t>
  </si>
  <si>
    <t>考察肺炎診病口罩病毒</t>
  </si>
  <si>
    <t>顯示文獻病毒官邸</t>
  </si>
  <si>
    <t>總統官邸協助照顧退役工作犬的志工確診由於國外也有動物染疫前例總統官邸所養的犬貓是否會安排篩檢？對此總統府今天表示府方已跟農委會防檢局做過相關確認目前沒有任何文獻顯示新冠肺炎病毒會由貓犬傳染</t>
  </si>
  <si>
    <t>官邸總統確診工作犬國外退役動物目前沒有文獻顯示確認病毒相關前例</t>
  </si>
  <si>
    <t>總統官邸協助照顧退役工作犬的志工確診由於國外也有動物染疫前例總統官邸所養的犬貓是否會安排篩檢？對此總統府今天表示府方已跟農委會防檢局做過相關確認目前沒有任何文獻顯示新冠肺炎病毒會由貓犬傳染給人。
官邸內的4隻退役犬此次都有被染疫的志工照顧到外界也關注蔡英文總統養的貓犬健康和傳染問題總統府發言人張惇涵表示府方有跟農委會防檢局確認也跟醫療團隊做過完整的確認。
他說府方從三個科學層面來看待這個問題：一、目前台灣並沒有對動物進行篩檢。二、目前這4隻退役的工作犬都有定期在洗澡在昨天也有在進行洗澡跟消毒犬舍的部分也進行全面消毒所以研判安全無虞。三、昨天篩檢的人員都呈陰性所以也沒有安全的疑慮。
張惇涵表示官邸內4隻退休工作犬目前是讓他們住在原本的犬舍當中暫時不會進入總統起居的寓所也暫停志工支援服務「所以這個部分我想大家可以一定程度的來放心」。
張惇涵強調總統醫療團隊非常專業而且科學昨天第一時間獲知訊息後醫療團隊馬上啟動緊急應變機制過程也都按sop來進行最重要的目標並不是萬一總統確診而是一定要保護總統健康無虞。
外界關注此次事件後蔡總統近日是否暫停活動？他說總統跟確診志工並沒有接觸官邸範圍之內也沒有被指揮中心有任何人被列為匡列對象府方是為了確認國家元首的健康安全以最嚴謹的方式啟動應變機制進行相關人員的篩檢。
他也再一次強調無論是總統還是官邸相關人員所有的篩檢都是陰性請大家放心。至於總統是否會停止對外活動當全國提升為三級警戒的時候總統希望也呼籲全體國人非必要不要外出總統也是會減少非必要的接見跟公開行程相關的規畫原則不會改變。
至於蔡英文520第二任就職周年的心情？張惇涵表示總統的心情是這樣自從這一波的疫情升溫以來每一天都是全民團結抗疫的重要時刻即便今天是大家所關心的520也不例外。
他說我們還是要再次強調蔡總統從上任的第一任到現在開始啟動多項改革工作從加薪減稅、長照幼托、年金改革、國防改革能源轉型都在持續推進當中。
張惇涵表示在這一波國內外疫情都非常嚴峻的時刻總統還是只有希望全體國民團結一致中央地方團結一心、全國一致、標準一致就像過去一年一樣即便這一次的挑戰非常嚴峻我們一定能夠戰勝疫情也克服這項難關。</t>
  </si>
  <si>
    <t>總統沒有張惇涵官邸表示進行相關目前一定確認啟動安全非常健康改革</t>
  </si>
  <si>
    <t>新冠肺炎台灣蔡英文志工篩檢</t>
  </si>
  <si>
    <t>蔡英文臺灣肺炎</t>
  </si>
  <si>
    <t>演說維持兩岸小英箴言</t>
  </si>
  <si>
    <t>距離520只剩下10天總統府今將召開記者會說明總統就職典禮活動內容蔡英文總統預計當天在府內宣誓就職後上午10點移師至臺北賓館發表就職演說對外界關注的兩岸論述將維持年初勝選演說拋出的「和平、對等、民</t>
  </si>
  <si>
    <t>演說總統召開記者會說明預計當天宣誓就職上午年初移師臺北賓館維持發表就職論述兩岸外界關注總統府</t>
  </si>
  <si>
    <t>距離520只剩下10天總統府今將召開記者會說明總統就職典禮活動內容蔡英文總統預計當天在府內宣誓就職後上午10點移師至臺北賓館發表就職演說對外界關注的兩岸論述將維持年初勝選演說拋出的「和平、對等、民主、對話」8字箴言以及「不挑釁、不冒進」的基調。
由於此次正副總統就職典禮正逢新冠肺炎疫情期間儘管國內已連續28天未出現本土確診病例但為防堵疫情仍然將遵照中央疫情指揮中心要求保持社交距離的原則不會舉辦大型群眾活動。
台海穩定 兩岸有責任
根據府方規畫520當天蔡英文和準副總統賴清德預計上午9點將在總統府大禮堂宣誓就職之後移師臺北賓館接見來台致賀的外賓上午10點正式發表就職演說。
總統府發言人丁允恭表示就職演說文稿仍在討論撰寫中尚未定稿但因新冠肺炎疫情波及全球一定會提及台灣防疫情況進而開展出總統未來4年的施政願景。
據瞭解蔡在就職演說中除了感謝站在第一線對抗疫情的醫護人員以及協助防疫的口罩、防護衣等國家隊成員外也將對疫情趨緩後如何帶領台灣經濟走向下一個振興階段擘畫出未來方向。
北京涉台人士批沒誠意
對外界關注的兩岸論述方面丁允恭表示總統的兩岸政策都是穩健一致的。今年仍會以「穩健、溫和、堅定」為基調呼籲兩岸對話。據瞭解在兩岸政策議題上蔡英文將持續維持她上任以來「不挑釁、不冒進、不輕易退讓」的主張以及致力確保台海和平穩定現狀兩岸雙方都有責任的立場。
北京涉台人士指出民進黨當局的作法看不出要緩和兩岸的誠意在疫情期間尤其讓人心寒最近又讓蘇貞昌續任行政院長這都無法讓大陸感覺蔡有要緩和兩岸的意思。
北京聯合大學台研院副院長李振廣說蔡英文在執政期間一直想要破壞兩岸關係此次能連任也是因為打著「反中」旗號但台海關係的主導權依然是在大陸手中。</t>
  </si>
  <si>
    <t>兩岸疫情總統演說蔡英文期間就職上午總統府台海臺灣防疫和平活動穩定對話未來基調</t>
  </si>
  <si>
    <t>大陸冒進宣誓就職疫情肺炎</t>
  </si>
  <si>
    <t>冒進大陸疫情肺炎宣誓就職</t>
  </si>
  <si>
    <t>輕鬆賴清德生活解封參與戶外活動防疫</t>
  </si>
  <si>
    <t>新冠肺炎疫情緩和各項防疫措施今天解封副總統賴清德今天在臉書貼出他打球的英姿表示他的解封防疫新生活從球場開始呼籲落實防疫也要輕鬆生活大家可以安心參與戶外活動。6月7日是解封防疫新生活起點賴清德</t>
  </si>
  <si>
    <t>防疫解封生活今天賴清德緩和貼出可以措施安心輕鬆落實參與呼籲英姿戶外活動表示疫情總統開始球場</t>
  </si>
  <si>
    <t>新冠肺炎疫情緩和各項防疫措施今天解封副總統賴清德今天在臉書貼出他打球的英姿表示他的解封防疫新生活從球場開始呼籲落實防疫也要輕鬆生活大家可以安心參與戶外活動。
6月7日是解封防疫新生活起點賴清德表示他的解封防疫新生活從台南忠孝永康球場開始並詢問大家「今天你們都出門運動踏青走走了嗎？」
他下場小試身手的混齡表演賽表示小時候打過少棒手感還在。也深刻體悟到棒球選手平日訓練的辛苦。「謝謝臺南市社區學齡棒球協會丶臺南市永康社區少棒聯盟讓棒球紮根不停歇！」
他說6月7日是台灣防疫解封的新里程碑落實防疫也要輕鬆生活呼籲大家可以安心參與戶外活動室內若無法保持社交距離請繼續口罩不離身。並強調「正向防疫」「持續落實勤洗手」「保持良好衛生習慣」。</t>
  </si>
  <si>
    <t>防疫棒球台南生活解封今天表示落實少棒開始球場戶外活動呼籲賴清德參與安心可以繼續口罩距離持續社交不離</t>
  </si>
  <si>
    <t>新冠肺炎疫情防疫解封副總統</t>
  </si>
  <si>
    <t>防疫疫情肺炎解封總統</t>
  </si>
  <si>
    <t>暫停美國被迫紐約現況好聽何?</t>
  </si>
  <si>
    <t>疫情重創紐約確診及死亡人數高居全美它是「美國的武漢」？除了衝擊股市、經濟崩潰更影響數百萬計紐約人的食衣住行日常生活。暫時停擺、冬眠的紐約何時能迎來人們夢境中的春天？說到紐約想到的不外乎是車水</t>
  </si>
  <si>
    <t>紐約死亡人數全美高居美國武漢衝擊經濟股市春天崩潰影響中的夢境食衣住行人們日常生活冬眠迎來確診</t>
  </si>
  <si>
    <t>疫情重創紐約確診及死亡人數高居全美它是「美國的武漢」？除了衝擊股市、經濟崩潰更影響數百萬計紐約人的食衣住行日常生活。暫時停擺、冬眠的紐約何時能迎來人們夢境中的春天？
說到紐約想到的不外乎是車水馬龍的時代廣場或是熙熙攘攘的華爾街用「不眠之城」來形容紐約再適合不過；然而2020年的紐約不再人聲鼎沸人們臉上看不到微笑取而代之的是被口罩壓迫的恐懼眼神。
華爾街的金牛雖屹立不搖新冠病毒卻逼得營業員回家線上交易；開往自由女神的郵輪不再鳴笛；布魯克林大橋的觀光客早已人去樓空；唐人街更是彷彿一片死城；面對如此嚴峻的考驗紐約被迫暫停緩解疫情延燒。確診和死亡人數急遽升高的紐約何時能夠重新啟動回復以往的「大蘋果」之都?
作者：黃兆平/前中央社駐紐約主任特派員、前海基會綜合處處長及發言人、明鏡電視主持人。現居紐約！</t>
  </si>
  <si>
    <t>紐約華爾街不再人們人數確診死亡疫情明鏡回家營業員逼得電視人去樓空早已發言人唐人街病毒更是交易自由女神觀光客處長</t>
  </si>
  <si>
    <t>新冠肺炎新冠疫情美國紐約確診人數</t>
  </si>
  <si>
    <t>疫情美國紐約確診人數肺炎</t>
  </si>
  <si>
    <t>直接成人界恐慌緊急狀態東京</t>
  </si>
  <si>
    <t>日本新冠疫情嚴重東京又進入緊急狀態也連帶影響到國內發達的AV產業許多人都十分好奇成人界現況對此AV達人一劍浣春秋也親自解答業內線在一片混亂甚至還有AV女優因為沒工作被迫轉行「讓我們少了一些新</t>
  </si>
  <si>
    <t>av嚴重被迫東京工作進入緊急狀態連帶還有甚至混亂業內影響解答親自發達疫情產業十分好奇國內</t>
  </si>
  <si>
    <t>日本新冠疫情嚴重東京又進入緊急狀態也連帶影響到國內發達的AV產業許多人都十分好奇成人界現況對此AV達人一劍浣春秋也親自解答業內線在一片混亂甚至還有AV女優因為沒工作被迫轉行「讓我們少了一些新鮮的肉體可看也讓一些本來還猶豫要不要撐下去的資深女優直接不玩⋯」。
一劍浣春秋直言上次東京進入緊急狀態整個AV界停工了一個月不但片商發片大亂活動也全面停擺更有不少AV女優因為急需用錢只好轉換跑道而這次再次進入緊急狀態大家已經沒有那麼恐慌有了上次的經驗就知道絕對不能停工什麼都不做。
目前業內還是片子照拍就暫時不用擔心之後會出現發片大亂的情況而活動方面大型活動一率取消但女優見面會仍然在計畫中經過幾個月的折騰大家開始有防疫觀念就能讓女優保持安全距離和粉絲互動整體來說和疫情爆發前差異不大。
一劍浣春秋表示上次的停工經驗讓大家知道這個方法不可行因此這次在防疫之餘大家都還是盡量維持原本的工作模式甚至有許多事務所積極為女優爭取活動機會最後他也感嘆可以的話還是希望各地的疫情都能夠趕快平息。</t>
  </si>
  <si>
    <t>av疫情停工活動進入緊急狀態上次春秋工作防疫業內甚至東京大亂發片經驗知道嚴重互動</t>
  </si>
  <si>
    <t>AV女優東京AV達人一劍浣春秋緊急狀態</t>
  </si>
  <si>
    <t>達人av東京春秋緊急狀態</t>
  </si>
  <si>
    <t>柯文哲北市消滅確診肺炎症狀何新冠</t>
  </si>
  <si>
    <t>臺北市自5月2日以來有4753例感染新冠肺炎確診個案市長柯文哲26日表示環南市場大規模PCR篩檢時發現有將近一半的確診者沒有症狀進一步分析全市本土確診個案有447％確診者從頭到尾沒症狀所以即使北市府</t>
  </si>
  <si>
    <t>確診個案症狀從頭到尾南市pcr表示感染肺炎柯文哲發現市長將近分析沒有本土全市進一步</t>
  </si>
  <si>
    <t>臺北市自5月2日以來有4753例感染新冠肺炎確診個案市長柯文哲26日表示環南市場大規模PCR篩檢時發現有將近一半的確診者沒有症狀進一步分析全市本土確診個案有447％確診者從頭到尾沒症狀所以即使北市府花很大力氣仍很難消滅掉。
中央今公佈北市新增4例本土確診個案柯文哲指出其中3例是廣義的家戶感染朋友間感染還有1例是感染給父親現在用Google map的方式看確診案例每個行政區分佈狀況若用居住地看除非是家人互相傳染有意義以外事實上更大的傳染是在工作地只看行政區分佈就會判讀失真。
柯文哲表示疫情到現在在雙北地區算是一個程度控制下來所以慢慢要解封解封前對整個自5月到現在為止過去將近3個月的案例分析、研究可讓我們將來面對未來疫情變化有更多資訊可思考、規畫。
他說北市案例有447％確診者從頭到尾沒有症狀這就是為什麼北市花很大力氣很難消滅掉很多人是PCR撈出來確診者匡列做PCR發現感染但都無症狀占447％。
柯文哲強調一般來講沒症狀就不會去醫院但會傳染人當年SARS感染會發燒很容易撈出來這個現象在環南市場大規模篩檢時發現有將近一半沒有症狀也因此知道這個病很難對付確診者有發燒情況是466％、咳嗽399％、喉嚨痛184％比較像感冒症狀。
令柯文哲感到意外的是有447％確診者沒有症狀在社區躲來躲去他說最簡單方法是全部打疫苗從美國每天感染人數約1、2萬人多的時到3、4萬來看但死亡人數沒什麼變化也就是打了疫苗就不容易死亡呼籲有疫苗可以打不要挑三揀四有什麼打什麼北市已打到38％覆蓋率。</t>
  </si>
  <si>
    <t>確診症狀感染柯文哲現在案例北市沒有pcr傳染將近個案疫苗疫情變化</t>
  </si>
  <si>
    <t>確診者柯文哲無症狀新冠肺炎台灣</t>
  </si>
  <si>
    <t>症狀柯文哲肺炎臺灣確診</t>
  </si>
  <si>
    <t>出版預防手冊知性</t>
  </si>
  <si>
    <t>近日由湖北科技出版社緊急編撰的《新型冠狀病毒肺炎預防手冊》網路試讀版在網路上廣泛流傳大陸各地出版社緊隨其後紛紛組織經驗豐富的傳染病防治專家、病原生物與免疫專業研究學者撰稿緊急出版其中不少圖</t>
  </si>
  <si>
    <t>出版社緊急學者研究免疫專業生物編撰病原專家冠狀防治傳染病肺炎預防手冊病毒網路經驗豐富組織紛紛網路上緊隨其後廣泛流傳大陸撰稿</t>
  </si>
  <si>
    <t>近日由湖北科技出版社緊急編撰的《新型冠狀病毒肺炎預防手冊》網路試讀版在網路上廣泛流傳大陸各地出版社緊隨其後紛紛組織經驗豐富的傳染病防治專家、病原生物與免疫專業研究學者撰稿緊急出版其中不少圖書在網路供民眾免費閱讀對病毒的傳播、症狀、預防及診療等進行權威、通俗的解讀。
1月本應是出版界的寒假和春節銷售高峰但根據北京《2020年初「新冠」疫情下圖書零售專題分析》報告指出實體書店2020年春節後第一周銷售不足2019年的10%出版業界人士曾鋒調查的350多份有效調查問卷顯示因為新冠肺炎86%的書店曾停業、7394%的書店認為即使恢復營業收入也會至少減半眾多實體書店積極自救透過網店、社群、直播等多種形式展開線上閱讀服務。
網路點擊量逾千萬
1月23日由廣東科技出版社出版大陸第一本抗疫的書《新型冠狀病毒感染防護》詳細介紹該病可能的發病原因、臨床表現、自我保護辦法、公共場所注意事項及防治誤區等內容對科學防控疫情、普及新冠肺炎相關知識有非常重要的作用及時出版春節前後加印50萬冊。
大陸各地出版社紛紛組織經驗豐富的傳染病防治專家、病原生物與免疫專業研究學者撰稿緊急出版新冠肺炎相關刊物陝西人民教育出版社的《新型冠狀病毒肺炎防護知識讀本》、中國協和醫科大學出版社的《協和新型冠狀病毒肺炎防護手冊》、上海科學技術出版社的《張文宏教授支招防控新型冠狀病毒》等對病毒的傳播、症狀、預防及診療等進行解讀截至1月29日點擊閱讀量已逾千萬。
健康心態應對疫情
此外為了緩解群眾的恐慌和心理壓力四川科學技術出版社推出《新型冠狀病毒大眾心理防護手冊》、陝西師範大學出版總社出版《新型冠狀病毒感染的肺炎疫情下心理健康指導手冊》積極指導民眾以理性態度和健康心態抗擊疫情。</t>
  </si>
  <si>
    <t>冠狀出版社肺炎出版疫情病毒書店防護手冊春節網路閱讀大陸防治緊急預防實體銷售積極心理圖書防控民眾解讀知識病毒感染</t>
  </si>
  <si>
    <t>手冊出版肺炎病毒新型冠狀病毒</t>
  </si>
  <si>
    <t>出版肺炎冠狀手冊病毒</t>
  </si>
  <si>
    <t>蔓延delta升級抵擋病毒變種抗體</t>
  </si>
  <si>
    <t>印度驚現Delta變種病毒的變異株「Delta+」目前境內已經發現40病例「Delta+」具有傳播性更強、和肺部細胞受體結合能力更強、可能降低抗體反應能力等3大特色印度指「Delta+」最初是在歐洲偵測到目前這隻病毒株</t>
  </si>
  <si>
    <t>delta能力目前印度病毒歐洲偵病例最初肺部具有反應傳播抗體特色變種變異測到境內已經發現結合細胞可能降低</t>
  </si>
  <si>
    <t>印度驚現Delta變種病毒的變異株「Delta+」目前境內已經發現40病例「Delta+」具有傳播性更強、和肺部細胞受體結合能力更強、可能降低抗體反應能力等3大特色印度指「Delta+」最初是在歐洲偵測到目前這隻病毒株已經蔓延至英國、美國等10國。
綜合《印度斯坦時報》（Hindustan Times）、新德里電視台（NDTV）報導印度政府昨（22）日宣佈境內出現22例「Delta+」（Delta Plus）變種病毒確診案例分別分散在西部的馬哈拉什特拉省（Maharashtra）、北部馬德雅省（Madhya Pradesh）及南部克勒拉省（Kerala）。
不過消息人士今（23）日透露「Delta+」病例不只出現在這3個省目前印度已經發現超過40起相關病例。
印度衛生部指出從Delta進一步突變而來的「Delta+」變異株又被稱為「B161721」或「AY1」具有傳播性更強、和肺部細胞受體結合能力更強、可能降低單株抗體反應能力等3大特性。
印度衛生部已經建議發現病例的省份即刻升級防疫措施包括禁止民眾群聚、進行大規模篩檢、疫調與追蹤病毒蹤跡、以及讓優先族群接種疫苗。
不只印度印度政府證實包括美國、英國、葡萄牙、瑞士、日本、波蘭、尼泊爾、中國、俄羅斯等9國都已經偵測到「Delta+」病毒。
《印度時報》（Times of India）先前報導印度科學及工業研究委員會（Council of Scientific and Industrial ResearchCSIR）基因與綜合生物研究所（Institute of Genomics and Integrative BiologyIGIB）科學家史嘉力亞（Vinod Scaria）指出「Delta+」變異株是在Delta病毒的棘狀蛋白上有K417N位點突變這個位點突變讓科學家擔心「Delta+」可能具備抵抗結合單株抗體casirivimab和imdevimab雞尾酒式抗體療法的能力。
另外印度官方智庫NITI Aayog成員保羅（VK Paul）表示「Delta+」變異株最初是在3月於歐洲偵測到。史嘉力亞指出目前歐洲、亞洲、美國已經發現了127個基因序列。</t>
  </si>
  <si>
    <t>delta印度病毒已經變異病例能力of目前美國發現抗體指出包括科學綜合and印度政府測到突變英國報導時報結合</t>
  </si>
  <si>
    <t>#新冠肺炎#全球印度DeltaDelta+進化</t>
  </si>
  <si>
    <t>全球印度肺炎delta進化</t>
  </si>
  <si>
    <t>出爐大型活動規範指定區外延長警戒飲食</t>
  </si>
  <si>
    <t>國內疫情趨緩且穩定控制中央流行疫情指揮中心經與相關單位溝通討論及評估後於今(29)日宣佈自今(2021)年11月30日至12月13日維持疫情警戒標準為第二級並維持相關措施及規定如下：一、維持現行戴口罩規定外出</t>
  </si>
  <si>
    <t>疫情相關維持規定中央流行評估溝通指揮討論中心單位穩定措施控制於今標準如下宣佈警戒口罩外出國內</t>
  </si>
  <si>
    <t>國內疫情趨緩且穩定控制中央流行疫情指揮中心經與相關單位溝通討論及評估後於今(29)日宣佈自今(2021)年11月30日至12月13日維持疫情警戒標準為第二級並維持相關措施及規定如下：
一、維持現行戴口罩規定外出時應全程佩戴口罩但符合以下情形得免戴口罩(本次未調整)：
(一)下列場合得免戴口罩但應隨身攜帶口罩且如本身有相關症狀或與不特定對象無法保持社交距離時仍應戴口罩：
1於室內外從事運動、唱歌時。
2於室內外拍攝個人/團體照時。
3單人或多人進行直播、錄影、主持、報導、致詞、演講、講課等談話性質工作或活動之正式拍攝或進行時。
4農林漁牧工作者於空曠處(如：田間、魚塭、山林)工作。
5於山林(含森林遊樂區)、海濱活動。
6於溫/冷泉、烤箱、水療設施、三溫暖、蒸氣室、水域活動等易使口罩潮濕之場合。
(二)外出時有飲食需求得免戴口罩。
(三)於指揮中心或主管機關指定之場所或活動如符合相關防疫措施得暫時脫下口罩。
二、營業場所及公共場域維持應遵守實聯制、量體溫、加強環境清消、員工健康管理、確診事件即時應變。
指揮中心指出因應國際間新變異株Omicron威脅相關大型活動具有人潮擁擠、長時間且近距離接觸不特定人士的特性仍應維持嚴格防疫管理並加嚴裁處請主辦單位及民眾務必遵守下列防疫準備注意事項：
一、主辦單位應遵守指揮中心二級警戒公告措施、地方政府大型活動相關防疫規定：
(一)主辦單位應於活動場域提供足量手部清消用品、提高公共廁所之消毒頻率並設有醫療應變措施。
(二)除指定販賣區外場內不得販售飲食。
(三)室內活動不得販售無座位票須落實實聯制規劃固定入口且於入口處進行體溫量測及手部消毒。
二、活動期間應全程佩戴口罩除補充水分外禁止飲食。
(一)除主持、表演及致詞人員得於正式拍攝或進行時免戴口罩其餘人員及參加活動者不適用飲食(補充水分除外)、拍照等得免戴口罩之例外情形。
(二)主辦單位經地方政府同意得設置專屬飲食區域供民眾脫口罩飲食該區域須落實實聯制、入口體溫量測及手部消毒並不得邊走邊吃亦不開放試吃。
(三)違反以上規定、經工作人員勸導不聽者由地方政府依傳染病防治法裁罰。
三、居家檢疫、居家隔離、(加強)自主健康管理者及有發燒、呼吸道症狀、腹瀉、嗅味覺異常等疑似症狀之民眾(包括表演者及活動工作人員)不得參加相關活動。違反者將從重處罰。
指揮中心將視國內外疫情及實際執行狀況適時機動調整防疫措施強化邊境監測及防疫作為。籲請民眾應落實個人防護措施主動積極配合各項防疫措施以兼顧防疫與生活品質。</t>
  </si>
  <si>
    <t>口罩活動相關措施防疫飲食指揮中心民眾主辦單位維持疫情規定症狀政府地方拍攝手部落實消毒遵守健康不得距離</t>
  </si>
  <si>
    <t>新冠肺炎二級警戒跨年指引台灣</t>
  </si>
  <si>
    <t>肺炎警戒指引臺灣</t>
  </si>
  <si>
    <t>員工確診累計聲明中信肺炎</t>
  </si>
  <si>
    <t>中國信託金融控股公司今（30）日表示接獲通知旗下孫公司中國信託資融公司（簡稱「中信資融」）1名內勤同仁確診新型冠狀病毒（COVID-19）。截至今日為止中國信託商業銀行有3名同仁、台灣人壽保險公司有3名同仁</t>
  </si>
  <si>
    <t>公司同仁國信表示通知內勤冠狀銀行病毒確診covid-商業截至今日控股金融臺灣中信</t>
  </si>
  <si>
    <t>中國信託金融控股公司今（30）日表示接獲通知旗下孫公司中國信託資融公司（簡稱「中信資融」）1名內勤同仁確診新型冠狀病毒（COVID-19）。截至今日為止中國信託商業銀行有3名同仁、台灣人壽保險公司有3名同仁、中國信託資融有1名同仁合計7名同仁確診。
金融同業持續傳出員工確診案例元大銀、上海商銀29 日均接獲通知分別有1名內勤員工確診。上海商銀表示該內勤員工未與客戶接觸上班均依規定全程佩戴口罩。目前該名員工正依照衛生主管機關指示進行相關治療該行亦持續追蹤與關懷該名員工的情況並提供必要的協助。
元大金亦表示被通知確診的員工工作性質單純無跨樓層區域業務往來對營運業務沒有影響兩家銀行都已完成環境消毒。
中信金控表示為保護同仁安全及避免感染風險中信資融已針對確診同仁工作的辦公環境完成全面清潔消毒作業同一辦公樓層的所有同仁亦全數實施居家辦公及自主健康管理。
中國信託金控呼籲員工及客戶多注意自身與家人健康身體若有不適請儘速就醫避開所有接觸感染風險的機會保護自己、家人、同仁與客戶的健康。
上海商銀表示審慎因應嚴峻的疫情已強化防疫管理實施異地備援辦公及分流上班採取視訊會議建立分行備援機制與客戶分流以及暫停業務人員實地拜訪客戶與外部人員來行訪問等措施營業櫃檯並加裝透明隔板配發櫃員護目鏡同時強環境消毒作業已持續關注疫情變化滾動式精進各項防疫措施以守護環境安全保護員工及客戶的健康。</t>
  </si>
  <si>
    <t>員工同仁客戶表示確診環境持續健康辦公國信公司通知消毒措施內勤中信上班商銀保護分流接觸防疫銀行備援上海</t>
  </si>
  <si>
    <t>中信金上海商銀元大金確診新冠肺炎</t>
  </si>
  <si>
    <t>大金確診商銀上海中信肺炎</t>
  </si>
  <si>
    <t>《國際金融》美出現首例感染源不明確診病例美股期貨走跌</t>
  </si>
  <si>
    <t>確診感染不明病例首例出現期貨走跌國際金融</t>
  </si>
  <si>
    <t>即使美國總統川普試圖緩解新型冠狀病毒相關消息引起的恐慌但《華盛頓郵報》報導美國出現首例新冠病毒感染源不明的確診病例加劇投資人對疫情傳播的擔憂週三夜盤美股指數期貨走跌。目前道瓊指數期貨跌100點</t>
  </si>
  <si>
    <t>美國指數期貨夜盤週三擔憂冠狀緩解傳播病毒疫情投資人相關加劇消息病例確診引起恐慌華盛頓郵報病毒感染報導出現首例</t>
  </si>
  <si>
    <t>即使美國總統川普試圖緩解新型冠狀病毒相關消息引起的恐慌但《華盛頓郵報》報導美國出現首例新冠病毒感染源不明的確診病例加劇投資人對疫情傳播的擔憂週三夜盤美股指數期貨走跌。
目前道瓊指數期貨跌100點意味著週四開盤將跌近200點。標普500期貨跌038%標普500 E-MINI期貨跌042%那斯達克100期貨跌032%。
川普在記者會上表示對美國人而言冠狀病毒的風險仍然「非常低」。他並指派副總統彭斯負責應對美國的冠狀病毒疫情。川普表示美國股市應該要擺脫近來的低迷。不過《華盛頓郵報》的報導加劇新冠病毒將快速擴散的擔憂期貨市場首當其衝。</t>
  </si>
  <si>
    <t>病毒美國期貨冠狀川普疫情擔憂加劇華盛頓郵報報導表示指數總統夜盤快速週三傳播投資人病例確診</t>
  </si>
  <si>
    <t>美國美股期貨川普新型冠狀病毒</t>
  </si>
  <si>
    <t>期貨川普冠狀病毒美國</t>
  </si>
  <si>
    <t>預約臺北北裡施打疫苗公告全台</t>
  </si>
  <si>
    <t>日本贈與台灣的124萬劑AZ疫苗其中50多萬劑已配發至各縣市新北市、桃園市、台南市、高雄市12日下午率先開打；臺北市和其他縣市都照原計畫15日起陸續接種。臺北市今天上午8點開放85歲以上長者預約新北市則透過裡</t>
  </si>
  <si>
    <t>臺北市新北疫苗配發az預約長者開放今天上午以上接種率先陸續下午各縣市臺灣桃園南市高雄市</t>
  </si>
  <si>
    <t>日本贈與台灣的124萬劑AZ疫苗其中50多萬劑已配發至各縣市新北市、桃園市、台南市、高雄市12日下午率先開打；臺北市和其他縣市都照原計畫15日起陸續接種。臺北市今天上午8點開放85歲以上長者預約新北市則透過裡長通知依時段分流施打。
臺北市：施打對象包括第1至3類未接種第1劑人員、長照機構、洗腎患者、85歲以上長者及65歲以上原住民。施打地點為28家醫院、135家診所、12家聯醫門診部今早8點開放預約。
新北市：首波對象為85歲以上長者約53萬人、長照機構住民及工作人員約24萬人、洗腎患者約13萬人、一至三類防疫人員及高風險者約5000人；85歲以上長者分區分裡分時段輪流接種。
基隆市：分兩部分施打第一種是第一、二、三、五、七類人員盡速安排施打；第二種是85歲以上長者（原住民75歲以上）約7200人優先接種。
桃園市：第一波以81歲以上長者、75歲以上原住民優先約52萬人除復興區採專案辦理其他將在各區共25所學校設接種站民眾須在預定接種時間前半小時報到。
新竹縣：縣內87歲以上長者均可在第一梯次接種由衛生局開立通知單、村裡長協助發放請家人接送前往接種站；若行動不便、無交通工具者由村裡長協助叫車交通費用縣府負擔。
新竹市：14日起優先為80歲以上長者施打且免預約透過鄰、裡長家戶投遞「疫苗接種通知書」。戶籍不在竹市但有居住事實的長輩也能聯繫鄰裡長由公所協助造冊。
苗栗縣：因獲配疫苗數量不足縣府決定採高齡者優先施打施打日為6月15日透過村裡長造冊、通知時間及地點。
台中市：規劃比照投票方式由裡長造冊發放接種通知書長者們可知道什麼時候到哪裡打疫苗只要帶健保卡、雙證件到全市64處快打站或醫療院所即可。
彰化縣：15日起同步「萬人開打」第一至六類對象由縣府通知施打時間75歲以上長者採電話預約。疫苗配送27處衛生所、25家醫院、58家診所。
南投縣：15日起各接種服務機構開放預約16日起提供疫苗接種服務。
雲林縣：前5類人員由醫療院所施打考量第6類人員行動不便規畫在各鄉鎮設置施打站兩者皆於15日統一施打。
嘉義縣：1至5類對象約6700劑剩餘將禮讓85歲以上高齡者優先接種再分批向下開放。除4大醫院、43家合約診所及18處衛生所縣府擬在特定學校開設社區擴大接種站。
嘉義市：優先開放85歲以上長輩接種即日起將透過鄰裡系統逐一通知符合資格的長者將花3天時間接種完畢。
台南市：即起至14日依疫苗接種順序施打第一類到第五類對象；85歲以上長輩15日起施打市府將主動通知。
高雄市：首波施打對象為87歲以上長者於6月15日至17日接種疫苗；次波80歲至86歲長者暫定6月18日至22日；第三波則是75歲至79歲預計6月23日起施打。
屏東縣：預計15日起開打48處中大型接種站同步啟動前5類人員由衛生單位主動聯絡。長者部分年滿85歲者優先一律由鄉鎮市公所村裡幹事、村裡長依居住地通知施打時間及地點。
宜蘭縣：一至三類尚未接種人員、以及88歲以上長者優先。尚未接種人員安排在15日及18日分別在溪北及溪南接種中心。
花蓮縣：15日開始施打開放衛生所電話及網路預約。
台東縣：開放第一類醫事人員、養護機構工作人員、洗腎患者及75歲以上設籍台東者共4類對象13日上午8點起開放預約。
澎湖縣：衛生局表示設籍澎湖75歲以上長者7781人若設籍澎湖但住在台灣符合資格的鄉親可持健保卡、身分證就近至居住地合約醫療院所、注射站登記施打不必特地返回澎湖。已針對75歲以上長者造冊長者可持健保卡至社區接種站施打也可向衛生所、部立澎湖醫院電話預約。
金門縣：15日開始接種作業9家合約院所提供接種服務各合約院所皆採「預約制」利用電話掛號部立金門醫院也可使用網路預約。
連江縣：包括75歲以上長者各類人員於15日起辦理施打。</t>
  </si>
  <si>
    <t>日本 贈與 臺灣 的 124萬 劑 az 疫苗 其中 50 多 萬 劑 已 配發 至 各縣市 新北 市 桃園 市 台 南市 高雄市 12 日 下午 率先 開 打 臺北市 和 其他 縣 市 都 照 原 計 畫 15 日 起 陸續 接種 臺北市 今天上午 8 點 開放 85 歲 以上 長者 預約 新北 市 則 透過 裡長 通知 依 時段 分流 施打 臺北市 施打 對象 包括 第 1 至 3 類 未 接種 第 1 劑 人員 長 照 機構 洗 腎 患者 85 歲 以上 長者 及 65 歲 以上 原 住 民 施打 地點 為 28 家 醫院 135 家 診所 12 家 聯 醫 門診部 今 早 8 點 開放 預約 新北 市 首 波 對象 為 85 歲 以上 長者 約 53萬 人 長 照 機構 住 民 及 工作人員 約 24萬 人 洗 腎 患者 約 13萬 人 一 至 三類 防疫 人員 及 高風險 者 約 5000 人 85 歲 以上 長者 分 區分 裡 分 時段 輪流 接種 基隆 市 分 兩 部分 施打 第一 種 是 第一 二三五七 類人 員 盡 速 安排 施打 第二 種 是 85 歲 以上 長者 原住民 75 歲 以上 約 7200 人 優先 接種 桃園 市 第一 波 以 81 歲 以上 長者 75 歲 以上 原 住 民 優先 約 52萬 人 除 復興區 采 專案 辦理 其他 將 在 各區 共 25 所 學校 設 接種 站 民眾 須在 預定 接種 時間 前 半 小時 報 到 新竹 縣 縣 內 87 歲 以上 長者 均 可 在 第一 梯次 接種 由 衛生局 開立 通知單 村裡 長 協助 發放 請 家人 接送 前往 接種 站 若 行動不便 無 交通 工具 者 由 村裡 長 協助 叫 車 交通費 用 縣府 負擔 新竹 市 14 日 起 優先 為 80 歲 以上 長者 施打 且 免 預約 透過 鄰 裡長 家戶 投遞 疫苗 接種 通知書 戶籍 不在 竹市 但有 居住 事實 的 長輩 也 能 聯繫 鄰里 長 由 公所 協助 造冊 苗栗縣 因 獲 配 疫苗 數量 不足 縣府 決定 采 高齡者 優先 施打 施打日 為 6 月 15 日 透過 村裡 長 造冊 通知 時間 及 地點 台中 市 規劃 比照 投票 方式 由 裡長 造冊 發放 接種 通知書 長者 們 可 知道 什麼 時候 到 哪裡 打 疫苗 只要 帶 健 保 卡 雙 證件 到 全市 64 處 快 打 站 或 醫療 院所 即可 彰 化 縣 15 日 起 同步 萬 人 開 打 第一 至 六 類 對象 由 縣府 通知 施打 時間 75 歲 以上 長者 采 電話 預約 疫苗 配送 27 處 衛生所 25 家 醫院 58 家 診所 南 投 縣 15 日 起 各 接種 服務 機構 開放 預約 16 日 起 提供 疫苗 接種 服務 雲 林縣 前 5 類 人員 由 醫療 院所 施打 考量 第 6 類 人員 行動不便 規 畫 在 各鄉鎮 設置 施打 站 兩者 皆 於 15 日 統一 施打 嘉 義縣 1 至 5 類 對象 約 6700 劑 剩 餘 將 禮讓 85 歲 以上 高齡者 優先 接種 再 分批 向 下 開放 除 4 大 醫院 43 家 合約 診所 及 18 處 衛生所 縣府 擬 在 特定 學校 開設 社區 擴大 接種 站 嘉義 市 優先 開放 85 歲 以上 長輩 接種 即日起 將 透過 鄰里 系統 逐一 通知 符合 資格 的 長者 將 花 3 天 時間 接種 完畢 台 南市 即 起至 14 日 依 疫苗 接種 順序 施打 第一 類 到 第 五 類 對象 85 歲 以上 長輩 15 日 起 施 打 市府 將 主動 通知 高雄 市 首 波 施打 對象 為 87 歲 以上 長者 于 6 月 15 日 至 17 日 接種 疫苗 次 波 80 歲 至 86 歲 長者 暫定 6 月 18 日 至 22 日 第 三 波 則 是 75 歲 至 79 歲 預計 6 月 23 日 起 施 打 屏 東縣 預計 15 日 起開 打 48 處 中大型 接種 站 同步 啟動 前 5 類 人員 由 衛生 單位 主動 聯絡 長者 部分 年滿 85 歲 者 優先 一律 由 鄉鎮 市公所 村裡 幹事 村裡 長 依 居住地 通知 施打 時間 及 地點 宜 蘭縣 一 至 三類 尚未 接種 人員 以及 88 歲 以上 長者 優先 尚未 接種 人員 安排 在 15 日 及 18 日 分別 在 溪北 及 溪 南 接種 中心 花 蓮 縣 15 日 開始 施打 開放 衛生所 電話 及 網路 預約 台 東縣 開放 第一 類 醫 事 人員 養護 機構 工作人員 洗 腎 患者 及 75 歲 以上 設 籍台東 者 共 4 類 對象 13 日上午 8 點 起 開放 預約 澎湖縣 衛生局 表示 設 籍 澎 湖 75 歲 以上 長者 7781 人 若 設 籍 澎 湖 但 住 在 臺灣 符合 資格 的 鄉親 可 持 健 保 卡 身分 證 就近 至 居住地 合約 醫療 院所 注射 站 登記 施打 不必 特地 返回 澎 湖 已 針對 75 歲 以上 長者 造冊 長者 可 持 健 保 卡 至 社區 接種 站 施打 也 可向 衛生所 部 立 澎 湖 醫院 電話 預約 金門縣 15 日 開始 接種 作業 9 家 合約 院所 提供 接種 服務 各 合約 院所 皆 采 預約 制 利 用 電話 掛號 部 立 金門 醫院 也 可 使用 網路 預約 連江縣 包括 75 歲 以上 長者 各類 人員 于 15 日 起 辦理 施打</t>
  </si>
  <si>
    <t>接種施打長者以上疫苗預約人員開放優先對象時間醫院縣府通知造冊村裡院所</t>
  </si>
  <si>
    <t>新冠肺炎台灣AZ疫苗接種85歲</t>
  </si>
  <si>
    <t>肺炎az臺灣疫苗接種</t>
  </si>
  <si>
    <t>竟是管署流感疫苗資料查詢</t>
  </si>
  <si>
    <t>今年公費流感疫苗10月5日就要開打由衛福部疾管署開發的「疾管家」對其輸入「流感疫苗」詢問相關問題竟然還跳出2019年11月的訊息民眾質疑難道領防疫獎就不用顧流感了嗎？疾管署螺絲簡直掉滿地。疾管署原強</t>
  </si>
  <si>
    <t>管署流感疫苗就要質疑民眾難道訊息跳出防疫流感竟然相關問題不用詢問輸入螺絲衛福部開發管家滿地</t>
  </si>
  <si>
    <t>今年公費流感疫苗10月5日就要開打由衛福部疾管署開發的「疾管家」對其輸入「流感疫苗」詢問相關問題竟然還跳出2019年11月的訊息民眾質疑難道領防疫獎就不用顧流感了嗎？疾管署螺絲簡直掉滿地。疾管署原強調表訂就是今天才會更新上傳資料不過昨天傍晚已緊急更新部分訊息。
疾管署是本次新冠肺炎防疫最大主力與功臣防疫成功事蹟還被拍成紀錄片讓國際看見台灣成績團隊成員「防疫五月天」台大副校長張上淳日前更從總統蔡英文手中接下防疫獎章上下洋溢慶功氛圍。
疾管署自2017年開始與DeepQ團隊展開為期3年的公益性質合作建置[email protected]疾管家民眾可以透過LINE搜尋官方帳號「疾管家」或「＠taiwancdc」便可加入疫情爆發至今訂閱人數已從10萬人急增至118萬人；除了新冠肺炎相關資訊外疾管家也提供公費流感疫苗接種等相關資訊。
流感季即將來臨眼前公費流感疫苗的接種一向都是重中之重但記者實測在疾管家輸入「流感疫苗」竟然跑出2019年的資訊也就是去年首度全面開打四價疫苗且分為2種Ａ型2種B型的訊息不少人臉上三個問號：「疾管署是只顧著領獎嗎？」、「看來流感一點都不具威脅啊？」
疾管署副署長莊人祥急回覆表示今天早上就會更新對於10月5日施打9月30日才更新資料是否動作太慢不利宣導？他說：「也還好吧資料本就是陸續更新中最後一次更新就是今天。」不過昨天傍晚六時許疾管署瘋狂加班緊急在4小時內部分更新流感疫苗最新資料。</t>
  </si>
  <si>
    <t>管署防疫流感疫苗管家更新資料流感訊息相關資訊今天團隊公費民眾竟然傍晚肺炎</t>
  </si>
  <si>
    <t>公費流感疫苗更新疾管署資訊資料</t>
  </si>
  <si>
    <t>管署更新流感疫苗資訊公費資料</t>
  </si>
  <si>
    <t>重症delta真相輸給人類何都說謊全球</t>
  </si>
  <si>
    <t>疫苗覆蓋率delta國家目前資料提升至少領導人黃軒重症對此表示醫師胸腔病毒面對沒有相加達成全球</t>
  </si>
  <si>
    <t>黃軒疫苗delta病毒國家接種覆蓋率防疫全球疫情表示以上沒有達到活動有效alpha</t>
  </si>
  <si>
    <t>Delta說謊疫苗覆蓋率台灣新冠肺炎</t>
  </si>
  <si>
    <t>覆蓋率臺灣疫苗說謊delta肺炎</t>
  </si>
  <si>
    <t>妻子研究病毒藥物夫妻嚴重湯姆漢克副作用</t>
  </si>
  <si>
    <t>63歲奧斯卡影帝湯姆漢克（Tom Hanks）與妻子麗塔威爾遜（Rita Wilson）上月12日在澳洲感染新冠肺炎是好萊塢首例確診的名人。他們經治療後評估已痊癒上月底飛回加州洛杉磯居家隔離。麗塔14日接受電視節目《今日晨</t>
  </si>
  <si>
    <t>hanks妻子麗塔威爾遜rita麗塔wilson隔離上月居家加州洛杉磯澳洲tom月底感染痊癒評估肺炎治療確診好萊塢</t>
  </si>
  <si>
    <t>63歲奧斯卡影帝湯姆漢克（Tom Hanks）與妻子麗塔威爾遜（Rita Wilson）上月12日在澳洲感染新冠肺炎是好萊塢首例確診的名人。他們經治療後評估已痊癒上月底飛回加州洛杉磯居家隔離。麗塔14日接受電視節目《今日晨間》視訊訪問透露夫妻倆至今仍不清楚感染源頭但被告知2人應是同時被某人傳染。
麗塔先是和觀眾報平安表示她與湯姆漢克目前身體狀況正常並憶述當時疾病發作的經過「當時感覺非常疲倦之餘身體也極度疼痛不適與不想被觸碰」症狀持續到第9天時她曾高燒至388度並失去味覺與嗅覺；反觀湯姆漢克卻沒有發燒也沒有失去味覺及嗅覺。
她也分享當時使用抗瘧疾的氯奎寧（chloroquine）治療自爆服藥後出現嚴重副作用感到作嘔、暈眩和肌肉無力也提醒大眾一定要小心用藥因為不知道是否安全無虞。麗達更透露與湯姆漢克已捐血給醫院研究看看是否能將血液中的抗體協助製成疫苗希望藉此能幫助其他病患。</t>
  </si>
  <si>
    <t>湯姆漢克當時是否麗塔感染透露治療味覺失去嗅覺希望疫苗協助製成抗體hanks中的妻子血液rita作嘔</t>
  </si>
  <si>
    <t>湯姆漢克奧斯卡影帝麗塔威爾遜澳洲</t>
  </si>
  <si>
    <t>影帝湯姆漢克麗塔威爾遜奧斯卡澳洲</t>
  </si>
  <si>
    <t>官員口罩現代攔截海盜</t>
  </si>
  <si>
    <t>新冠疫情急升美國四處搜括醫療物資。德國柏林警方傳訂購20萬個大陸製3M口罩但運至泰國曼谷時竟轉運往美國。德官員批美方的舉動儼如現代海盜批評華府不應如此對待盟友。據《東網》報導柏林州內政部長蓋澤爾（</t>
  </si>
  <si>
    <t>美國柏林報導東網四處盟友不應對待華府搜括批評海盜現代醫療儼如德國物資舉動警方口罩訂購運至泰國大陸美方官員</t>
  </si>
  <si>
    <t>新冠疫情急升美國四處搜括醫療物資。德國柏林警方傳訂購20萬個大陸製3M口罩但運至泰國曼谷時竟轉運往美國。德官員批美方的舉動儼如現代海盜批評華府不應如此對待盟友。
據《東網》報導柏林州內政部長蓋澤爾（Andreas Geisel）表示即使在全球危機中也不能採用「西部狂野」方式攔截醫療物資呼籲美方遵循國際貿易準則。柏林市長米勒則指美國總統川普不團結行為不負責任。不過3M否認德國的說法指沒有收到過柏林警方訂購中國製口罩的訂單亦無證據顯示有口罩被沒收。白宮暫未回應事件。
此前法國官員曾宣稱一批即將由中國付運給法方的口罩被美國買家當場試圖以高3至4倍的價錢買走。但華府官員否認指控強調沒有購入「中途截劫」物資。</t>
  </si>
  <si>
    <t>美國柏林口罩官員物資華府美方德國醫療沒有否認中國警方訂購危機全球表示不能geisel採用andreas西部蓋澤爾內政部長</t>
  </si>
  <si>
    <t>官員口罩攔截3M口罩新冠肺炎</t>
  </si>
  <si>
    <t>口罩攔截肺炎官員</t>
  </si>
  <si>
    <t>疫情門運動作為關鍵降溫絕對朋友</t>
  </si>
  <si>
    <t>台灣新冠肺炎疫情嚴峻全台三級警戒持續並希望民眾減少不必要的外出且端午連假將至指揮中心跟各地政府都繃緊神經全力呼籲眾人不要返鄉以免因移動而讓疫情擴散藝人Junior(韓宜邦)今淩晨po文表示有些話</t>
  </si>
  <si>
    <t>疫情淩晨韓宜邦junior嚴峻藝人全台擴散警戒希望持續民眾減少po不必要移動外出端午返鄉眾人指揮中心呼籲政府全力</t>
  </si>
  <si>
    <t>台灣新冠肺炎疫情嚴峻全台三級警戒持續並希望民眾減少不必要的外出且端午連假將至指揮中心跟各地政府都繃緊神經全力呼籲眾人不要返鄉以免因移動而讓疫情擴散藝人Junior(韓宜邦)今淩晨po文表示有些話考慮了很久決定還是要說出來透露身邊仍有不少朋友會外出運動雖然他能理解這個想法但其實很憂心也揭開一項關鍵作為表示如果能做到：「疫情降溫的速度絕對會快很多的」。
Junior在臉書透露自疫情爆發以來他還是有不少愛運動的朋友會戴著口罩去人少、相對安全的地方跑步他覺得能理解但還是很不安「仔細想想為什麼希望我們沒事別出門？其實是種自我隔離」覺得應該思考的方向不是不出門、不接觸人就不會被感染而是「把自己當個染疫者」。
他認為自我隔離是為了保護他人把身上可能的病毒守在家裡「你也許會說我都趁沒人的時候或找沒人的地方去跑步啊～換個方向思考如果一個染疫的人這樣跟你說你接受嗎？」Junior自認是高風險群之一所以疫情一爆發就通知經紀人非必要不用來帶他去通告他涉足的危險是無可避免的但至少希望能保護家人、朋友直言想著1、2個人不算群聚的當下「你應該思考的是如果自己是染疫者你著實的害了你的朋友」。
Junior表示自己不是要譴責那些愛運動的朋友「我瞭解不能做自己喜歡的事情的痛苦」也表示口罩戴好當然還是能做那些想做的事情但他想說的是「不要把自己當作未染疫者反過來把自己當成染疫者吧疫情降溫的速度絕對會快很多的」。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情表示朋友junior口罩希望運動務必外出不要思考保護防疫肺炎其實</t>
  </si>
  <si>
    <t>Junior韓宜邦新冠肺炎台灣運動</t>
  </si>
  <si>
    <t>肺炎臺灣韓宜邦junior運動</t>
  </si>
  <si>
    <t>高端超過核准管署不收</t>
  </si>
  <si>
    <t>食藥署今完成4批高端疫苗的檢驗封緘其中有一批代號SP2101的疫苗共5175劑效期僅到9月11日遭疾管署剔除驗收清單。疾管署副署長莊人祥解釋由於SP2101疫苗為高端送檢的確效品因此並不會驗收納入公費疫苗接種平</t>
  </si>
  <si>
    <t>疫苗高端sp驗收管署完成納入檢驗的確效期莊人祥署長解釋公費代號</t>
  </si>
  <si>
    <t>食藥署今完成4批高端疫苗的檢驗封緘其中有一批代號SP2101的疫苗共5175劑效期僅到9月11日遭疾管署剔除驗收清單。疾管署副署長莊人祥解釋由於SP2101疫苗為高端送檢的確效品因此並不會驗收納入公費疫苗接種平臺一般民眾打不到。
食藥署表示高端日前送檢的4批疫苗批號分別為SP2118、SP2119、SP2120、SP2101其中SP2118產量8萬6161劑效期至明年1月5日；SP2119產量8萬5813劑效期至明年1月8月SP2120則有8萬6437劑效期至明年1月12日。
不過批號SP2101的產能僅5175劑且效期只到今年9月11日止食藥署受訪時表示並不清楚疾管署是否會驗收這批疫苗莊人祥則進一步指出疾管署並不會驗收這批疫苗因為這5175劑高端是廠商送交的確效品僅供食藥署做內部測試。
截至目前高端共送交22批疫苗目前食藥署已核准13批87萬7790劑目前仍有8批疫苗補件中、1批待檢驗。
此外上週一通過食藥署檢驗封緘的SP2103共計5151劑、效期到今年9月23日為止的高端疫苗疾管署也未驗收因此目前疾管署實際驗收的高端疫苗僅有11批共86萬7464劑。</t>
  </si>
  <si>
    <t>疫苗高端sp驗收管署目前效期檢驗莊人祥表示的確今年批號接種</t>
  </si>
  <si>
    <t>高端疫苗確效品食藥署疾管署效期</t>
  </si>
  <si>
    <t>管署疫苗高端效期</t>
  </si>
  <si>
    <t>倍增市長確診宣佈紐約緊急狀態</t>
  </si>
  <si>
    <t>新冠肺炎疫情在美惡化截至12日已有1215確診病例、36死其中紐約市白思豪表示現今該市確診人數為95人但估計下周恐破千因此宣佈紐約市進入緊急狀態並稱這場疫情「恐長達六個月」。據美媒《CNBC》報導紐約</t>
  </si>
  <si>
    <t>紐約市疫情確診長達惡化截至緊急狀態人數病例宣佈表示現今估計進入白思豪cnbc肺炎報導</t>
  </si>
  <si>
    <t>新冠肺炎疫情在美惡化截至12日已有1215確診病例、36死其中紐約市白思豪表示現今該市確診人數為95人但估計下周恐破千因此宣佈紐約市進入緊急狀態並稱這場疫情「恐長達六個月」。
據美媒《CNBC》報導紐約市確診病例原本95人但24小時之內突增42起確診。對此市長白思豪（Bill de Blasio）在記者會上表示目前該市有1780人正在自主隔離、29人須強制隔離並預計下周確診人數恐上升至千人因此宣佈紐約市進入緊急狀態。
白思豪表示為了防止疫情擴大大型的聚會所如布魯克林籃網隊主場館巴克萊中心（Barclays Center）、麥迪遜廣場花園（Madison Square Garden）可能關閉數月。他表示宣佈緊急狀態賦予市長新權力範圍廣泛包括實施宵禁、關閉大眾交通系統、關閉公共場合、糧食配給、商品價格限制以及停止酒類品銷售。
白思豪坦言過去一天的發展「令人震驚」疫情「很可能演變成6個月的危機」宣佈緊急狀態並非輕率決定情勢已達不得已的地步。他也表示想大多數的人都沒有經歷過像現在如此的公共生活並向紐約市民透露「每日將會有重大改變」措施。
不過提到是否會此取類似大陸武漢市的「全市隔離」白思豪表示這只會讓人生活品質降級且不切實際。白思豪也強調雖然許多公共場所將關閉但他會竭盡全力確保學校正常上課「孩子們需要食物家長們也需要讓他們有地方去」。
此外就在白思豪宣佈緊急狀態前紐約州州長古莫（Andrew Cuomo）也宣佈紐約州即日起禁止500人以上的大型集會包括百老匯劇院；學校、醫院、公共運輸則排除在外。</t>
  </si>
  <si>
    <t>白思豪表示宣佈確診疫情緊急狀態關閉紐約市學校隔離包括可能病例紐約州需要人數進入</t>
  </si>
  <si>
    <t>武漢肺炎新型冠狀病毒新冠肺炎全球COVID-19</t>
  </si>
  <si>
    <t>肺炎病毒全球冠狀武漢covid-</t>
  </si>
  <si>
    <t>川普病毒外泄承擔實驗室武漢後果</t>
  </si>
  <si>
    <t>美國總統川普昨（18）日暗示新冠肺炎疫情大爆發可能是大陸蓄意而為他說美國政府尚在調查疫情失控是大陸的「疏失」或是「故意為之」如果北京「負有知情責任」那麼大陸得「面臨後果」。綜合路透社、《華盛頓時報</t>
  </si>
  <si>
    <t>大陸疫情後果暗示面臨責任肺炎知情故意綜合疏失爆發可能蓄意失控調查美國政府川普負有北京路透社總統</t>
  </si>
  <si>
    <t>美國總統川普昨（18）日暗示新冠肺炎疫情大爆發可能是大陸蓄意而為他說美國政府尚在調查疫情失控是大陸的「疏失」或是「故意為之」如果北京「負有知情責任」那麼大陸得「面臨後果」。
綜合路透社、《華盛頓時報》（Washington Times）報導美國總統川普18日在白宮記者會上提出新冠病毒是由大陸實驗室外洩的可能性他說「如果疫情失控是過失那就是過失但是如果他們負有知情責任那麼肯定會面臨後果。」
川普在記者會上提及福斯新聞（Fox News）上周有關武漢病毒實驗室的一則報導該則報導指出實驗室很可能製造了病毒以證明大陸有能力辨識、對抗病毒。川普說美國政府正在調查新冠病毒是否就是源自於大陸的實驗室。
他說現在的癥結點在於新冠病毒失控是「疏失」「還是蓄意為之？」「這兩者差異很大。」川普還認為大陸對疫情感到很丟臉「我認為他們知道情況很糟我認為他們感到丟臉。」
川普批評「在疫情開始前大陸本應該可以阻止卻沒有阻止導致全世界都在受苦。」
他坦言和北京的關係已成過去式指出美陸過去保持良好關係「一直到他們做了這件事（指新冠肺炎疫情爆發）」「突然間你聽到了這件事。」
不過川普並未提到如果病毒確實是大陸蓄意為之北京將面臨何種後果他也沒有說明美國將採取哪些行動只說不排除任何行動一切將以調查事實為基礎。
川普在記者會上再度質疑大陸的死亡人數根據約翰霍普金斯大學（Johns Hopkins University）的全球疫情統計美國至今仍是全球疫情最嚴重地區確診人數超過72萬人逾37萬人喪命不過川普強調美國不是死亡人數第一高的國家大陸才是而且遙遙領先和美國有很大的差距。</t>
  </si>
  <si>
    <t>大陸川普疫情美國病毒人數北京實驗室後果調查記者會面臨蓄意失控報導關係沒有死亡可能全球指出</t>
  </si>
  <si>
    <t>dram合約</t>
  </si>
  <si>
    <t>新冠肺炎疫情引爆家遠距工作及遠距教學強勁需求進一步帶動伺服器、筆電及平板、WiFi網通設備等銷售大幅增加也推升4月DRAM合約價出現續漲行情其中標準型DRAM合約價大漲逾10％伺服器DRAM合約價大漲15～20％</t>
  </si>
  <si>
    <t>dram伺服器合約引爆需求進一步帶動工作平板wifi設備銷售網通大幅增加教學疫情肺炎強勁標準型出現</t>
  </si>
  <si>
    <t>新冠肺炎疫情引爆家遠距工作及遠距教學強勁需求進一步帶動伺服器、筆電及平板、WiFi網通設備等銷售大幅增加也推升4月DRAM合約價出現續漲行情其中標準型DRAM合約價大漲逾10％伺服器DRAM合約價大漲15～20％利基型DRAM合約價也出現3～5％漲幅。法人看好南亞科、威剛、十銓等概念股4月營收及獲利表現。
新冠肺炎疫情不僅沒有對DRAM市場造成影響在家遠距工作或遠距教學推升伺服器、筆電及平板、WiFi設備等產品銷售而且每單一系統的DRAM搭載容量明顯增加例如筆電平均搭載容量由8GB提升至16GB每台伺服器平均搭載容量提升至128GB起跳反而帶動DRAM市場需求提升且供不應求帶動4月合約價出現明顯漲幅。
根據集邦科技統計標準型8GB DDR4模組的4月合約均價大漲11％達283美元換算每顆8Gb DDR4顆粒平均價格達329美元為去年7月以來的十個月新高。
利基型DRAM的4月合約價平均漲幅達3～5％其中8Gb DDR4 x16顆粒均價達380美元亦創十個月來新高。至於伺服器DRAM的第二季合約價大漲三大廠的64GB DDR4 RDIMM模組合約價已站上320美元漲幅高達15～20％。
模組業者表示標準型DRAM第一季合約價漲幅約達4～5％但4月合約價漲幅已明顯大於第一季整季漲幅。對DRAM廠及模組廠而言雖然新冠肺炎疫情尚未獲得明顯控制但4月合約價格上漲仍有助於營收及獲利回溫第二季營運表現不看淡。
模組業者指出新冠肺炎疫情帶動遠端服務需求應可延續到第二季底5月之後的伺服器及筆電的銷售動能續強但上游DRAM廠第二季沒有新增產能開出反而因為製程向1y/1z奈米微縮導致實際月產能出現自然縮減。
現階段預期DRAM市場仍供給吃緊5月標準型、伺服器、利基型DRAM合約價仍有續漲空間行動式DRAM則因智慧型手機銷售減弱而出現易跌難漲局面。
南亞科總經理李培瑛日前於法說會中表示歐美新冠肺疫情嚴峻未來恐影響全球經濟將持續密切觀察全球疫情後續發展並採取必要措施以確保整體營運穩定。對於第二季智慧型手機DRAM需求減少但伺服器、筆電及平板等DRAM需求增加整體來看疫情仍導致許多不確定性南亞科位元出貨與上季持平但價格可望好轉且漲勢可望延續到第三季。</t>
  </si>
  <si>
    <t>dram疫情伺服器合約出現gb漲幅帶動明顯銷售需求南亞標準型ddr肺炎</t>
  </si>
  <si>
    <t>伺服器標準型肺炎DRAM模組</t>
  </si>
  <si>
    <t>伺服器肺炎dram標準型</t>
  </si>
  <si>
    <t>肺炎確診全球社會病故國際</t>
  </si>
  <si>
    <t>超過確診病例肺炎約翰·霍普金斯大學統計全球迅速之後蔓延全世界爆發武漢資料中國指出去年底歐洲美國感染university病故方面法國</t>
  </si>
  <si>
    <t>新冠肺炎全球確診死亡病例</t>
  </si>
  <si>
    <t>全球肺炎確診死亡病例</t>
  </si>
  <si>
    <t>驚見街頭防疫封城西班牙裝狗驚呆</t>
  </si>
  <si>
    <t>新冠肺炎肆虐歐洲各國紛紛祭出封城令、居家令除非必要民眾不得外出。不過禁閉關久了悶壞的人們想盡各種方法出門。就有網友貼出照片西班牙街頭驚見「人裝狗」一名男子全身穿著毛茸茸的衣服裝成一隻狗</t>
  </si>
  <si>
    <t>歐洲各國紛紛身穿男子裝狗不得肆虐外出驚見禁閉街頭西班牙照片貼出衣服網友人們想盡方法出門</t>
  </si>
  <si>
    <t>新冠肺炎肆虐歐洲各國紛紛祭出封城令、居家令除非必要民眾不得外出。不過禁閉關久了悶壞的人們想盡各種方法出門。就有網友貼出照片西班牙街頭驚見「人裝狗」一名男子全身穿著毛茸茸的衣服裝成一隻狗4肢著地「溜自己」。
為防控新冠肺炎疫情西班牙首相佩德羅桑切斯3月13日宣佈西班牙進入國家緊急狀態15天。26日西班牙國會投票通過將全國緊急狀態再延長15天直到下月12日。進入國家緊急狀態意味著西班牙政府有權採取更多措施如臨時徵用公共和私人資源、對不服從相關規定的行為進行處罰等。
所有西班牙人必須待在家中除非是購買食物或藥品、前往醫院或工作或者是處理緊急事務此外可以外出遛狗、遛寵物。沒想到民眾抓住這點各種遛狗奇招都出籠。
推特就瘋傳一張照片一名男子穿著毛茸茸的衣物4肢著地裝成一隻狗逛大街。照片拍攝地點據悉在西班牙中部的托雷多（Toledo）。除了「人裝狗」甚至還有人拍到一隻霸王龍逛大街。</t>
  </si>
  <si>
    <t>西班牙照片緊急狀態外出民眾男子裝狗肺炎進入國家大街裝成私人資源徵用</t>
  </si>
  <si>
    <t>詢問防疫保單隔離最高人數確診</t>
  </si>
  <si>
    <t>本土疫情嚴峻連續兩日確診人數都達3位數防疫保單的詢問熱度大增目前銷售中的保單隔離最高理賠5萬元確診最高理賠6萬元住院理賠最高為每日5000元為減少實體接觸保險公司呼籲想投保的民眾可透過官網或專</t>
  </si>
  <si>
    <t>保單確診最高民眾理賠投保呼籲公司保險實體接觸人數都達位數防疫詢問熱度銷售中的連續減少透過目前大增隔離嚴峻官網</t>
  </si>
  <si>
    <t>本土疫情嚴峻連續兩日確診人數都達3位數防疫保單的詢問熱度大增目前銷售中的保單隔離最高理賠5萬元確診最高理賠6萬元住院理賠最高為每日5000元為減少實體接觸保險公司呼籲想投保的民眾可透過官網或專線查詢。
根據金管會統計截至5月12日為止產險防疫保單熱銷前3名為台灣產險、富邦產險與國泰產險不過台產保單已暫停銷售富邦產險保單年保費為1509元以及2515元隔離以及確診補償保險金都是3萬元及5萬元萬一確診住院每天可賠3000元及5000元最高可領45天。
國泰產險的保費則從888元至2100元隔離的理賠金額為1-2萬元確診理賠金額為3-6萬元萬一確診住負壓隔離病房每日給付為1200-1500元。
旺旺友聯的防疫險保費相對親民為841元及1167元隔離保險給付最高2萬元確診補償保險金最高為6萬元兆豐產險的隔離、確診補償保險金最高則分別為2萬元、5萬元。
除了產險公司的保單外壽險公司也有防疫保單主要保障在住院每日給付部分國泰人壽的住院日額保險金為1000元起南山人壽為1倍日額想投保的民眾可查詢瞭解相關投保條件選擇適合自己的保單。
另外疫苗保單的詢問度也很高目前有安達產險與富邦產險兩家業者推出保費均不到400元萬一接種疫苗後身體不適住院每日有3000元至5000元的保障。</t>
  </si>
  <si>
    <t>保單產險確診防疫保費最高住院隔離保險金投保公司疫苗給付保險查詢理賠目前銷售民眾補償詢問</t>
  </si>
  <si>
    <t>新冠肺炎旺旺友聯隔離疫苗防疫保單</t>
  </si>
  <si>
    <t>友聯隔離肺炎防疫疫苗保單</t>
  </si>
  <si>
    <t>新北社區簡訊細胞湧入發出中央</t>
  </si>
  <si>
    <t>中央4日發出110萬封細胞簡訊造成社區篩檢站擠爆人潮新北昨天篩檢量翻倍新北共篩檢了2430人其中1262人是收到簡訊約莫50％今到中午共有2552位民眾前來篩檢其中1098位收到簡訊約占43％新北市副市長劉和</t>
  </si>
  <si>
    <t>簡訊新北收到造成社區昨天中午約莫共有民眾前來細胞擠爆發出翻倍人潮</t>
  </si>
  <si>
    <t>中央4日發出110萬封細胞簡訊造成社區篩檢站擠爆人潮新北昨天篩檢量翻倍新北共篩檢了2430人其中1262人是收到簡訊約莫50％今到中午共有2552位民眾前來篩檢其中1098位收到簡訊約占43％新北市副市長劉和然今主持疫情說明會表示新北社區目前有32處篩檢站呼籲民眾有徵狀隨時可到篩檢站採檢找出隱性傳播鏈。
劉說社區篩檢站費用由公費來出至於經費如何分配會再跟中央討論相信中央經過這次發送細胞簡訊後之後模式會有所調整。
★《中時新聞網》提醒您：因應新冠肺炎疫情疾管署持續加強疫情監測與邊境管制措施 如有疑似症狀請撥打：1922專線或 0800-001922 並依指示配戴口罩儘速就醫同時主動告知醫師旅遊史及接觸史以利及時診斷及通報。</t>
  </si>
  <si>
    <t>簡訊疫情新北細胞民眾中央社區收到接觸史及旅遊醫師告知主動就醫以利口罩配戴指示</t>
  </si>
  <si>
    <t>細胞簡訊新北110萬篩檢擠爆人潮</t>
  </si>
  <si>
    <t>新北擠爆簡訊人潮細胞</t>
  </si>
  <si>
    <t>確診民宅落網看護外籍新北檢疫所</t>
  </si>
  <si>
    <t>新北市政府衛生局日前通報刑事員警大隊協尋1名逃逸外籍移工為失聯確診對象刑事員警隊立即組成專案小組積極追查行蹤所幸不到二天即循線至桃園市龜山區1處社區掌握藏匿住所經協請桃園市政府衛生局、龜山分局等單</t>
  </si>
  <si>
    <t>刑事員警桃園衛生局市政府通報外籍積極追查行蹤所幸逃逸大隊專案小組組成確診立即物件社區循線</t>
  </si>
  <si>
    <t>新北市政府衛生局日前通報刑事員警大隊協尋1名逃逸外籍移工為失聯確診對象刑事員警隊立即組成專案小組積極追查行蹤所幸不到二天即循線至桃園市龜山區1處社區掌握藏匿住所經協請桃園市政府衛生局、龜山分局等單位支援協助順利尋獲失聯確診逃逸外籍移工並隨即由桃園市衛生局人員派遣專車載送檢疫所隔離治療。
警方調查印尼籍瑪00（女性40歲）去年來台擔任看護工作今年1月下旬突然離去不見蹤影大約三天前依約前往新北市某醫院準備從事臨時看護工作途經醫院體溫檢測站發現體溫異常醫護人員立即做快篩顯示陽性反應而遭禁止入院二天後確診即失聯。刑事員警大隊展開全力追查案經調閱沿途監錄系統並運用科技追查於昨(6)日晚間順利循線在桃園將她尋獲到案後續交由桃園市政府衛生局安排隔離事宜。
新北警局統計自5月中旬疫情升溫以來截至昨日新北共有756名確診者因第一時間無法聯繫而被列為失聯對象經本局刑事員警大隊動員外勤警力投入協尋工作以偵辦刑案手法分析個案人際關係多方查訪確認行蹤這756名失聯個案均已全數尋獲。警方也呼籲民眾在篩檢時務必提供正確聯絡方式以利衛生局後續能在最快時間給予協助。</t>
  </si>
  <si>
    <t>衛生局桃園新北確診工作追查刑事員警大隊市政府警方隔離立即行蹤看護後續個案循線順利醫院</t>
  </si>
  <si>
    <t>新冠肺炎台灣失聯員警大隊逃逸</t>
  </si>
  <si>
    <t>臺灣肺炎員警大隊逃逸</t>
  </si>
  <si>
    <t>想法兩極解禁論戰口罩</t>
  </si>
  <si>
    <t>疫情趨緩台灣本土確診出現多日＋0似乎看見回到原本生活的一線曙光然而 Delta 變種病毒的威脅依然存在。政府遂宣佈延長二級警戒至10月18日不過在遵守防疫規範的情況下可以適度在特定場域「口罩微解封」。</t>
  </si>
  <si>
    <t>適度可以本土確診情況出現規範防疫似乎遵守看見生活回到一線警戒曙光delta變種原本病毒威脅依然政府存在延長宣佈</t>
  </si>
  <si>
    <t>疫情趨緩台灣本土確診出現多日＋0似乎看見回到原本生活的一線曙光然而 Delta 變種病毒的威脅依然存在。政府遂宣佈延長二級警戒至10月18日不過在遵守防疫規範的情況下可以適度在特定場域「口罩微解封」。
《Social Lab社群實驗室》透過《OpView社群口碑資料庫》追蹤全台網友對「口罩規定鬆綁」相關話題近1個月的網路聲量帶您瞭解網友們對此議題的看法。
●10月5日口罩規定鬆綁 臺北市長柯文哲提前引爆網友討論
從9月初便開始陸續有針對「口罩規定鬆綁可能性」的零星討論而聲量的最高點出現在規定宣佈的前1天的10月2日臺北市長柯文哲對於本次調整表示「民眾知道原則就好」網友也因此紛紛討論到：「通勤族的疫苗覆蓋率要高才有辦法真正的摘下口罩」或是「我還在排隊等疫苗等打完第2劑才會去想要不要脫口罩」大多認為「疫苗」才是口罩能解禁到什麼程度的關鍵。
而到了隔（3）日指揮中心宣佈將於兩天後開始口罩禁令適度鬆綁開放山林或海濱活動可以視情況脫下口罩。不少網友表示「疫情雖然趨於穩定但現在還不是拿下口罩的時候風險還是存在在外面隨時帶著還是比較安心」一些民眾則持相反意見認為這次的放寬還是有些保守應該可以再多開放一些場域像是有運動習慣的網友們說「在河濱公園跑步能脫口罩會比較方便一點尤其晚上的時候人也不多能保持好距離的話我覺得不一定要一直戴著口罩」。
●口罩解禁太著急？網友對於規定放寬想法兩極
雖然日常生活、通勤和大部分的休閒活動依然還是規定口罩「戴好戴滿」但在山林 （含森林遊樂區）、海濱這些「上山下海」的活動只要可以確實保持社交距離目前已經允許將口罩適時拿下來大口呼吸芬多精或是海風！
不過在病毒還沒有遠離之際就開始鬆綁口罩這個「病毒守門員」的相關規定是不是有一點太過著急？網友們對此留下不同的想法：支持口罩規定鬆綁的網友們普遍也認同口罩的重要性但認為並非長期硬性限制而是要隨著疫情趨緩而逐步放寬網友提到：「打完兩劑疫苗還是需要戴著口罩比較保險但偶爾可以拿下來喘口氣不想被放大檢視」、「戶外空曠處、空氣流通且人少的地方強制戴口罩其實不太合理」認為打完兩劑疫苗已經有一定的保護力加上連續數天沒有本土案例增加應該還給民眾戴口罩「選擇的權利」。
而不支持口罩令鬆綁的網友們則是認為現階段疫苗覆蓋率尚未達標許多人都還在排隊等疫苗況且疫苗阻絕病毒的效力並非百分之百在這樣的情況下鬆綁口罩禁令紛紛擔心表示：「國外至少完整兩劑覆蓋率6成以上才開放不用戴口罩。現在疫苗覆蓋率沒達標就鬆綁有點太過躁進」；另一方面秋冬將至根據過往的經驗擔心病毒更加活躍在這個時候卸下防護的話有點小看病毒的威力致使疫情捲土重來有網友因此建議「流感季節來了接下來3個月還是把口罩戴好防新冠順便防流感、感冒讓我們繼續把化妝品的錢省下來！」。
隨著疫情逐漸趨緩大家的生活逐漸步回原來的軌道鬆綁與限制之間該如何調解讓人能在口罩外大口呼吸自由空氣之時也不會讓病毒有可趁之機？越接近抗疫成功的終點越是不能輕忽。期盼疫情前的日子真的離大家不遠了！</t>
  </si>
  <si>
    <t>口罩網友鬆綁病毒規定疫苗疫情可以認為覆蓋率民眾下來宣佈</t>
  </si>
  <si>
    <t>NOW健康口罩鬆綁新冠肺炎流感</t>
  </si>
  <si>
    <t>鬆綁口罩健康肺炎now流感</t>
  </si>
  <si>
    <t>肺炎疫情田徑賽封閉式舉行</t>
  </si>
  <si>
    <t>2020年港都盃全國田徑錦標賽今日上午在高雄國家體育場點燃戰火此次共吸引超過4000名國內好手參賽一同在國際級的指標場館「高雄國家體育場」角逐桂冠而國內近日因新冠肺炎疫情尚未取得穩定控制主辦單位為確</t>
  </si>
  <si>
    <t>國內高雄國家體育場取得尚未疫情錦標賽肺炎今日穩定上午近日田徑桂冠參賽好手超過一同角逐點燃吸引指標國際場館戰火控制</t>
  </si>
  <si>
    <t>2020年港都盃全國田徑錦標賽今日上午在高雄國家體育場點燃戰火此次共吸引超過4000名國內好手參賽一同在國際級的指標場館「高雄國家體育場」角逐桂冠而國內近日因新冠肺炎疫情尚未取得穩定控制主辦單位為確保參賽選手健康無虞積極規劃健全的防疫措施採訪封閉式比賽。高雄市政府運動發展局長許文宗表示：「全力讓每位選手在『健康』的狀態下能締造佳績、滿載而歸！」
港都盃全國田徑錦標賽至今邁入第47年過去往往被譽為全國中等學校運動會及全國大專院校運動會前夕最重要的「前哨戰」而今年適逢2020東京奧運的舉辦年賽事更被許多國內頂尖好手視為「兵家必爭之地」期望能在此站奪得叩關奧運的門票例如「台灣最速男」楊俊瀚、「奧運級『欄』神」陳傑等好手都將披掛上陣因而讓本屆賽事張力再升級！
近年來港都盃全國田徑錦標賽已朝向國際化發展中、日、韓、澳門、英國等國家均有選手參賽儼然成為聞名國際的田徑賽事；而今年考量新冠肺炎疫情尚未全然平息主辦單位為做全面性防疫控管除了婉拒國外選手參賽更積極規劃具體防疫措施例如：一、賽事場館出入口將安排工作人員測量入場人員體溫設置酒精以供消毒如檢測出發燒者將謝絕進場。二、選手檢錄區亦將設置體溫檢測站如有發燒者將安排強制送醫。三、相關裁判人員及工作人員皆配戴口罩。四、現場設有醫護人員及相關通報機制如有身體不適者隨即協助送醫。五、競賽場內廁所每日將定時安排人員消毒與清潔。六、積極宣導選手與教練作好自主性健康管理如有身體不適者均建議退賽返家或協助就醫。
許文宗指出港都盃全國田徑錦標賽是許多選手升學、遴選國手、重大賽事參賽依據等重要指標故此次與高雄市體育會攜手合作設置全面性的防疫機制讓每一位選手都能安心、專心及全心的投入賽事。
高雄市體育會田徑委員會沈煥瑤總幹事表示：「非常感謝高雄市政府提供的行政協助讓每位選手都能無後顧之憂地專心出賽也謝謝高雄市政府長期的支持讓高雄市田徑運動的發展能扶搖直上未來將與市府持續研擬培訓及推廣策略讓高雄市田徑人才源源不絕！」</t>
  </si>
  <si>
    <t>選手賽事高雄田徑全國參賽防疫發展協助國內健康設置奧運高雄市好手人員國家市政府安排錦標賽積極重要而今相關</t>
  </si>
  <si>
    <t>港都盃田徑賽新冠肺炎</t>
  </si>
  <si>
    <t>田徑賽肺炎</t>
  </si>
  <si>
    <t>剪刀鍵盤promacbook概念族群熱門</t>
  </si>
  <si>
    <t>蘋果昨晚間發布新款13吋MacBook Pro筆記型電腦以剪刀腳鍵盤(Magic Keyboard) 取代蝶式鍵盤以改善鍵盤損耗問題並將儲存容量擴大一倍。今年Apple在新冠肺炎爆發後加速新款MacBook機型開發鍵盤供應商精元(2387)</t>
  </si>
  <si>
    <t>鍵盤macbookpro機型筆記型電腦剪刀容量擴大儲存今年apple加速爆發肺炎發佈開發keyboardmagic改善損耗問題蝶式取代昨晚</t>
  </si>
  <si>
    <t>蘋果昨晚間發布新款13吋MacBook Pro筆記型電腦以剪刀腳鍵盤(Magic Keyboard) 取代蝶式鍵盤以改善鍵盤損耗問題並將儲存容量擴大一倍。今年Apple在新冠肺炎爆發後加速新款MacBook機型開發鍵盤供應商精元(2387)、導光板模組供應商茂林-KY(4935)、鍵盤薄膜觸控開關（MTS）供應商科嘉-KY(5215)營收可望吃補。
iPad Pro推出全新巧控鍵盤同樣採用剪刀腳設計讓相關供應鏈吃下大補丸。巧控鍵盤採用懸臂設計以磁力吸附iPad Pro能順暢調整至最適合觀看的視角還有專為iPad OS中的多點觸控手勢及遊標的設計。
巧控鍵盤供應鏈自3月開始量產出貨鍵盤供應商精元、鍵盤薄膜觸控開關（MTS）供應商科嘉-KY、以及導光板模組供應商茂林-KY都是獨家供應商。
新款MacBook Pro一改舊有蝶式鍵盤設計採用與去年改版的16吋MacBook Pro和新款MacBook Air相同的剪刀式鍵盤較蝶式鍵盤多增加05公釐鍵程且鍵帽厚度約02公釐能為使用者提供更加舒適的按壓手感按鍵回彈力也更加靈敏。
精元3月受惠於美系客戶新機種出貨且中國廠房全面復工3月營收達1431億元年增3722％為2015年11月以來單月新高累計第一季合併營收達2728億元相比去年同期成長1217％。</t>
  </si>
  <si>
    <t>鍵盤promacbook供應商ipad設計剪刀蝶式採用-ky更加供應茂林擴大今年容量</t>
  </si>
  <si>
    <t>茂林-KY科嘉-KY全新精元鍵盤</t>
  </si>
  <si>
    <t>-ky鍵盤茂林</t>
  </si>
  <si>
    <t>成功培養用於香港生產變異omicron疫苗</t>
  </si>
  <si>
    <t>澎湃新聞報導香港大學微生物學於11月30日宣佈成功從臨床標本中分離出新冠變異病毒Omicron毒株。這是亞洲首個研究團隊成功分離和培養Omicron毒株分離出來的毒株將可用於開發和生產滅活（不活化）全病毒疫苗。據瞭</t>
  </si>
  <si>
    <t>成功分離病毒omicron活化宣佈生產開發用於臨床標本微生物學出新變異團隊研究亞洲香港大學分離出來</t>
  </si>
  <si>
    <t>澎湃新聞報導香港大學微生物學於11月30日宣佈成功從臨床標本中分離出新冠變異病毒Omicron毒株。這是亞洲首個研究團隊成功分離和培養Omicron毒株分離出來的毒株將可用於開發和生產滅活（不活化）全病毒疫苗。
據瞭解該毒株的分離和培養都是在香港大學生物安全三級實驗室嚴格按照操作規範下進行研究團隊正在對該病毒株進行進一步的分離與培養以得到更大量的毒株用於後續實驗。培養出來的病毒將用於動物模型以評估其傳播性、免疫逃逸性和致病性。團隊也在積極探討合作開發和生產滅活（不活化）全病毒疫苗的各種可能。
這項研究的負責人香港大學醫學院微生物系講座教授袁國勇說「我們立刻認識到Omicron變異株有很強的潛在威脅性分離該毒株是展開緊急研究的第一步。」</t>
  </si>
  <si>
    <t>分離病毒香港大學研究團隊omicron用於培養變異成功生產進行疫苗教授袁國勇活化講座宣佈立刻</t>
  </si>
  <si>
    <t>分離變異毒株Omicron新冠肺炎香港</t>
  </si>
  <si>
    <t>omicron變異肺炎分離香港</t>
  </si>
  <si>
    <t>態度病毒柯文哲外泄湮滅證據實驗室</t>
  </si>
  <si>
    <t>中研院女研究人員感染新冠肺炎臺北市長柯文哲認為不太可能從動物傳到人身上外界認為做實驗發生病毒外洩要有人負責。柯文哲10日表示出問題擺出究責態度大家就忙著湮滅證據不必忙著究責應先補破洞。柯文哲今</t>
  </si>
  <si>
    <t>柯文哲認為肺炎臺北市感染應先態度不太可能身上外界實驗動物發生外泄負責</t>
  </si>
  <si>
    <t>中研院女研究人員感染新冠肺炎臺北市長柯文哲認為不太可能從動物傳到人身上外界認為做實驗發生病毒外洩要有人負責。柯文哲10日表示出問題擺出究責態度大家就忙著湮滅證據不必忙著究責應先補破洞。
柯文哲今早主持防疫記者會指出當然這是個破口但有問題時不必忙著究責先補破洞重來一遍P3實驗室處理新冠肺炎病毒的工作人員有症狀怎麼會讓她趴趴走11月26日第一時間就應該攔下來現在不用煩惱過去14天足跡造成多少炸彈。
柯文哲表示這就是人員訓練、管理但他的經驗出問題擺出究責態度大家就忙著湮滅證據還要去瞭解破口有多大環境要採檢人員進出管制還是要查進入一個較文明國家不究責是一種文化錯了就錯了快把問題補掉就好。</t>
  </si>
  <si>
    <t>柯文哲問題人員病毒認為肺炎表示湮滅證據不必身上外界不用煩惱</t>
  </si>
  <si>
    <t>新冠肺炎台灣究責柯文哲擺出</t>
  </si>
  <si>
    <t>臺灣肺炎柯文哲</t>
  </si>
  <si>
    <t>家長上班族確診答案高中生呼之欲出北部</t>
  </si>
  <si>
    <t>日前北部一名高中生出遊希臘返台後出現身體不適症狀已於3月15日確診感染新冠肺炎。當大家議論紛紛探詢到底是哪一所學校記者隨機採訪住在雙北兩市近10名的民眾大家竟都知學校的名稱且答案都相同也都祝福這名</t>
  </si>
  <si>
    <t>學校希臘返台出現身體不適症狀已於出遊確診感染民眾雙北肺炎採訪議論紛紛探詢隨機到底記者</t>
  </si>
  <si>
    <t>日前北部一名高中生出遊希臘返台後出現身體不適症狀已於3月15日確診感染新冠肺炎。當大家議論紛紛探詢到底是哪一所學校記者隨機採訪住在雙北兩市近10名的民眾大家竟都知學校的名稱且答案都相同也都祝福這名學生早日康復痊癒出院。
一名家中有孩子就讀公立高中的家長說她是從孩子端知道是XX高中的孩子可能是因為都是同年齡層的孩子大家口耳相傳聽到說「那一所學校有一個班級停課」的消息。另外一名家長則是說是聽公司科長家的高中生說的可能是因為有地緣相近關係輾轉從認識的同學中聽到消息的。
還有一名是剛當上新手爸爸的上班族跟記者說他是上網看資訊在論壇聽網友討論時提到這一所學校的名字與某個很知名的食物類似然後進一步上網查再對照學校的名稱竟發現有相同之處才想說應該就是這一所學校吧。
而住在該所學校附近的住戶說目前是並未被當地裡長告知但有鄰居看到附近的捷運站做消毒不知道是否有關連性但已經拜託家中有慢性疾病的父母這段期間儘量勿靠近學校及步行路線可以改往他路避開學校四周學生可能行走的路線與搭乘的捷運站。
而這些居民都說希望包括這名高中生等的確診患者可以在優秀醫護人員的照料下挺過這次疫情的侵襲早日康復出院和家人團聚。大家也說因為政府說不能亂傳消息大家也不敢隨意公開說學校的名稱況且也不知道是不是正確消息只能互相打氣彼此要好好照顧自己身體健康共同挺過新冠肺炎疫情的煎熬。</t>
  </si>
  <si>
    <t>學校消息高中生知道可能名稱確診孩子上網路線可以學生家中記者附近聽到</t>
  </si>
  <si>
    <t>新冠肺炎學校確診家長北部</t>
  </si>
  <si>
    <t>肺炎確診學校家長北部</t>
  </si>
  <si>
    <t>法會宮廟祈福齊心南宮參拜</t>
  </si>
  <si>
    <t>新冠肺炎疫情升溫造成人心惶惶由指南宮為禳除疫情主辦3天的祈福大法會持誦經懺《呂祖無極寶懺》、《孚佑帝君醒心真經》、《孚佑帝君大洞真經》等祈福消災撫慰人心並期盼大眾同步同時虔敬祈福。22日上午9點</t>
  </si>
  <si>
    <t>祈福疫情真經帝君升溫造成同步南宮為大眾期盼人心主辦撫慰誦經大法人心惶惶虔敬呂祖</t>
  </si>
  <si>
    <t>新冠肺炎疫情升溫造成人心惶惶由指南宮為禳除疫情主辦3天的祈福大法會持誦經懺《呂祖無極寶懺》、《孚佑帝君醒心真經》、《孚佑帝君大洞真經》等祈福消災撫慰人心並期盼大眾同步同時虔敬祈福。22日上午9點在指南宮淩霄寶殿祝天祈福下午3點則在純陽寶殿甘露施食。
高雄鳥松林內大安宮21日上午特別來祈福由劉副主任委員率同委員等人到指南宮虔誠向孚佑帝君呂仙祖參拜祈福期盼「疫情」能逐漸趨緩民眾都能平安健康。中華道教純陽祖師協會理事長蔡秋棠、指南宮主任委員高超文陪同彼此交換經驗而大安宮與指南宮有60年的道誼。
指南宮表示21日早上誦《孚佑帝君醒心真經》其中所記述的多是人在一般生活中的倫理道德規範因為自己的私慾而不能遵守必將招致禍害。《醒心經》告訴我們這其中的道理滌慮並洗心使內心清楚明白教導改過遷善自然能消除一切災難。
指南宮說《呂祖無極寶懺》為道藏裡面重要經典而《孚佑帝君大洞真經》中記述：「佑帝。辟邪除瘟。神欽鬼服。吉星臨門。妖魔鬼怪。滅沒無存」便有辟邪除瘟之意能祈福消災撫慰人心。
指南宮強調「孚佑帝君呂仙祖」是三教的梯航除瘟消災的仙聖分別在各宮觀安排誦經達到整體與個別的除瘟祈福效果。部分宮觀表示對於這次新冠肺炎疫情十分關懷基於協會共識團結共同力量在這3天中將延續辦理「為新冠疫情禳瘟祈福大法會」請示呂祖祈福消災撫慰人心。</t>
  </si>
  <si>
    <t>祈福南宮疫情帝君協會主任委員呂祖宮觀誦經辟邪除表示真經</t>
  </si>
  <si>
    <t>指南宮呂仙肺炎祈福消災真經</t>
  </si>
  <si>
    <t>肺炎祈福呂仙真經指南</t>
  </si>
  <si>
    <t>國銀振興紓困貸款金融</t>
  </si>
  <si>
    <t>金管會18日舉辦「獎勵本國銀行加速辦理紓困振興貸款方案」第二期評比優等銀行表揚典禮主委黃天牧指出全體銀行共較上期增加178兆元的紓困貸款且自辦部分超越公辦部分顯示各銀行有很好的風險控管能力亦充分</t>
  </si>
  <si>
    <t>銀行貸款紓困部分風險控管加速辦理典禮指出全體表揚評比方案增加獎勵顯示能力公辦主委黃天牧超越自辦振興舉辦</t>
  </si>
  <si>
    <t>金管會18日舉辦「獎勵本國銀行加速辦理紓困振興貸款方案」第二期評比優等銀行表揚典禮主委黃天牧指出全體銀行共較上期增加178兆元的紓困貸款且自辦部分超越公辦部分顯示各銀行有很好的風險控管能力亦充分體認疫情下共同協助客戶的重要性。
應邀出席的行政院長蘇貞昌表示台灣不只防疫做到世界第一執行紓困措施的效率及經濟振興成績也不遑多讓感謝各銀行協助辦理紓困不僅讓12萬家廠商免於倒閉更讓112萬名從業人員免於失業。後續針對三倍券兌領事宜仍請各銀行協助及努力。
新冠肺炎疫情去年蔓延全球、嚴重衝擊全球各國經濟。為因應疫情對台灣經濟發展及民眾生計影響行政院公佈新冠肺炎防治及紓困振興特別條例、並編列預算協助辦理紓困紓困規模達105兆元各部會亦訂定相關紓困振興貸款辦法以協助企業及民眾。
為鼓勵國銀積極辦理各部會及自辦紓困振興貸款金管會去年4月9日訂定「獎勵本國銀行加速辦理紓困振興貸款方案」分別就金額、件數、效率3面向共17個項目分組進行評比另對協助振興三倍券發放等配合政府紓困後振興經濟作為亦列入評比加分項目。
金管會根據各國銀截至去年6月底辦理紓困振興貸款成效於7月29日首期評比優等銀行表揚典禮共有14家銀行獲表揚。考量國外疫情持續為審慎因應對國內經濟金融情勢影響金管會於9月底修正為對13個項目評比並將第二期實施期間延長至去年底。
據金管會統計截至去年底國銀配合各部會紓困及自辦、企業及個人的受理件數共達143萬4034件申請額度計3兆1574億元已核准127萬3079件、核准額度計3兆567億元核准比例分別達89％、97％成效顯著。
根據截至去年底各銀行辦理紓困振興貸款成效共有合庫銀、輸銀、華銀、台銀、北富銀、臺企銀、中信銀、一銀、國泰世華銀、土銀等10家銀行在第二期評比中獲得前三名佳績。其中以合庫銀奪得7項冠軍最強華銀及北富銀各拿下2項冠軍居次。
若以在13項評比項目中獲得前三名的總計數觀察亦以合庫銀共拿下9項稱霸其次依序為臺企銀8項、華銀6項、一銀5項、台銀3項中信銀及北富銀各2項輸銀、國泰世華銀及土銀各1項。
金管會表示與上一期相較全體銀行共增加1兆7843億元的紓困貸款尤其自辦超逾公辦顯示各銀行充分體認在疫情下共同協助客戶的重要性。盼透過相關政府機關、銀行公會及銀行業者共同努力推動及辦理紓困振興貸款措施協助國人及本土產業度過疫情衝擊。</t>
  </si>
  <si>
    <t>銀行紓困振興協助評比貸款疫情辦理金管會經濟專案華銀自辦去年表示去年底截至臺灣表揚民眾效率</t>
  </si>
  <si>
    <t>金管會國銀新冠肺炎紓困振興績優</t>
  </si>
  <si>
    <t>肺炎紓困國銀振興金管會</t>
  </si>
  <si>
    <t>員工不能飯店休息電話連結小姐</t>
  </si>
  <si>
    <t>八大行業全歇業但敵不過生理需求和經濟需求各式各樣的「人與人連結」依舊持續發生。一名飯店員工上網爆料表示天天都接到小姐打電話來詢問「可不可以休息」氣得他忍不住怒轟：一天不打炮會死是不是？這名網友</t>
  </si>
  <si>
    <t>敵不過生理需求打炮忍不住歇業飯店員工休息上網可不可以詢問表示打電話小姐接到經濟需求各式各樣連結持續</t>
  </si>
  <si>
    <t>八大行業全歇業但敵不過生理需求和經濟需求各式各樣的「人與人連結」依舊持續發生。一名飯店員工上網爆料表示天天都接到小姐打電話來詢問「可不可以休息」氣得他忍不住怒轟：一天不打炮會死是不是？
這名網友在臉書社團《爆怨2公社》發文表示自己是飯店業員工每天都想著如何保護自己、保護朋友、保護同事、保護客人⋯。還是每天會接到很多小姐打來問「可不可以休息」原PO無奈拜託在疫情嚴峻的現在少一點人跟人之間的連結可以嗎？最後仍忍不住飆罵：一天不打炮會死是不是……。
其他網友則紛紛回應：「不打炮=沒工作=無收入=會餓死=妳會失業=沒工作結論不只她會死。」、「不是一天不打砲會不會死的問題是她有砲打才有收入她也是在討生活」、「一天不打炮不會死!!問題已經十四天了」、「板主阿!!一天不打砲其實還行!!但是你看看&amp;gt;&amp;gt;都一個月了!!下個月&amp;gt;&amp;gt;還要在繼續呢!!!」。
還有網友中肯表示：「如果妳開始放無確定期限的無薪假妳也會常常打電話問公司能不能上班～」、「飯店不就是給人連結嗎？沒人入住休息。飯店倒你也沒頭路呀！但要保護好自己倒是真的啦！」。</t>
  </si>
  <si>
    <t>打炮休息表示飯店網友連結保護打電話收入接到員工可不可以忍不住小姐問題敵不過工作生理需求&amp;gt</t>
  </si>
  <si>
    <t>新冠肺炎台灣飯店小姐會死</t>
  </si>
  <si>
    <t>飯店臺灣肺炎小姐</t>
  </si>
  <si>
    <t>保鮮panasonic三大冰箱科技</t>
  </si>
  <si>
    <t>新冠肺炎疫情嚴峻許多人開始在家自己煮但想吃得健康關鍵在於食材是否新鮮！Panasonic電冰箱的三大保鮮科技全面讓你的食材即使在炎熱夏天也能保住一整周的新鮮美味！Panasonic電冰箱的三大保鮮科技第一是「新</t>
  </si>
  <si>
    <t>新鮮三大保鮮電冰箱panasonic科技嚴峻開始健康關鍵在於疫情保住一整夏天炎熱美味是否全面肺炎</t>
  </si>
  <si>
    <t>新冠肺炎疫情嚴峻許多人開始在家自己煮但想吃得健康關鍵在於食材是否新鮮！Panasonic電冰箱的三大保鮮科技全面讓你的食材即使在炎熱夏天也能保住一整周的新鮮美味！
Panasonic電冰箱的三大保鮮科技第一是「新鮮急凍結」能配合平時保鮮及烹煮需求切換「急凍」、「急冷」與「冷卻」模式能快速鎖鮮料理省時又方便。再者「-3℃微凍結室」在食材表面形成冰膜維持鮮度與營養就算放七天也一樣新鮮不用等解凍就能直接料理。
此外蔬果就放「智慧保濕蔬果室」搭載自動控濕濾網能自動調節濕度維持蔬果最佳保鮮狀態。
另外再搭配全新nanoeX健康科技全室循環強效抑菌、除臭！還有大容量設計及100％全開即使防疫期間減少出門買菜一次採買整周的量也放得下！有了這台電冰箱食材輕鬆保鮮吃得更健康！</t>
  </si>
  <si>
    <t>保鮮新鮮科技健康蔬果電冰箱維持凍結料理自動嚴峻panasonic三大開始防疫期間</t>
  </si>
  <si>
    <t>料理電冰箱食材三大保鮮科技</t>
  </si>
  <si>
    <t>三大保鮮電冰箱料理科技</t>
  </si>
  <si>
    <t>bnt混打高端關成功首位打到全台</t>
  </si>
  <si>
    <t>國內持續擴大新冠疫苗覆蓋率。不過近日有一名男子表示自己是高端的受試者前兩劑分別是國產高端第三劑則為輝瑞／BNT並將其PO上網分享他開心地說「我可能是全台灣甚至是全世界第一個」大批網友看到這段</t>
  </si>
  <si>
    <t>高端疫苗覆蓋率近日男子表示開心上網分享po輝瑞bnt甚至全台可能受試者分別擴大兩劑持續網友全世界</t>
  </si>
  <si>
    <t>國內持續擴大新冠疫苗覆蓋率。不過近日有一名男子表示自己是高端的受試者前兩劑分別是國產高端第三劑則為輝瑞／BNT並將其PO上網分享他開心地說「我可能是全台灣甚至是全世界第一個」大批網友看到這段經歷後卻忍不住開酸。
原PO昨（13）日於PTT八卦板爆卦指出自己打到第三劑疫苗前兩劑皆是國產高端第三劑則是BNT他掩不住興奮地說「我可能是全台灣甚至是全世界第一個打完2劑高端再打BNT的人」。
原PO曬出兩張疫苗黃卡只見他今年2月23日及3月23日於林口長庚各施打一劑高端疫苗另一張黃卡則是昨日施打的BNT。
原PO說當初因為支持台灣生技及醫療研發產業因此參加高端臨床試驗當國產受試者沒想到臨床試驗才走到第二期高端就直接上線開打認為自己像一隻白老鼠「總之體制下我可打到第三劑甚至是第四劑我沒有違法跟大家分享我的喜悅」。
貼文曝光後引發大票鄉民熱烈回應「這麼高調你會被查出來的GG了」、「怎麼不低調一點刷什麼存在感」、「世界第一恭喜台灣之光」、「打了高端幹嘛還搶疫苗」、「這樣算混打嗎？」、「打那麼多劑是要幹嘛」、「高端那兩劑沒紀錄所以官方認可是第一劑」、「賺爛了賺爛了」、「要怎知道兩張疫苗卡都是你的」。</t>
  </si>
  <si>
    <t>高端疫苗pobnt臺灣兩劑打到甚至分享黃卡受試者臨床全世界試驗查出來你會gg高調</t>
  </si>
  <si>
    <t>輝瑞／BNT高端國產疫苗新冠疫苗新冠肺炎</t>
  </si>
  <si>
    <t>疫苗高端bnt輝瑞肺炎</t>
  </si>
  <si>
    <t>隔離出爐成員結果檢測正常twice活動</t>
  </si>
  <si>
    <t>南韓人氣女歌手請夏7日確診新冠肺炎TWICE成員Sana因為近日與她有近距離接觸過與TWICE其他成員都接受了檢測稍早檢查結果岀爐全員都顯示為陰性讓粉絲們鬆了一口氣。TWICE所屬公司JYP娛樂稍早發聲明表示「</t>
  </si>
  <si>
    <t>twice成員確診肺炎娛樂jypsana一口氣近日所屬陰性顯示公司粉絲全員距離接觸結果</t>
  </si>
  <si>
    <t>南韓人氣女歌手請夏7日確診新冠肺炎TWICE成員Sana因為近日與她有近距離接觸過與TWICE其他成員都接受了檢測稍早檢查結果岀爐全員都顯示為陰性讓粉絲們鬆了一口氣。
TWICE所屬公司JYP娛樂稍早發聲明表示「包含Sana在內的所有TWICE成員以及經紀人檢測結果全員顯示都是陰性。」並表示Sana將遵守衛生當局的防疫方針在12月18日之前施行居家隔離其他成員將依照計劃完成原訂行程。
另外請夏7日得知確診消息後即在Fan Cafe發文想著Byulharang（粉絲名）若沒看到她的消息一定會擔心便發聲告知大家表示自己非常非常抱歉「明明很小心了是我做得還不夠吧」承諾會再以健康的樣子和大家見面喊話粉絲們也要小心再小心「別太擔心我們很快就再見面再一次對不起。」
而除了TWICE之外請夏確診前還參加了gugudan成員康美娜的生日派對一起聚會的還有宇宙少女成員延靜、DIA成員鄭彩娟動線重疊者都已進行檢查並自行隔離。</t>
  </si>
  <si>
    <t>成員twice粉絲表示sana確診小心擔心消息檢查隔離陰性顯示全員結果檢測</t>
  </si>
  <si>
    <t>TWICE請夏Sana新冠肺炎</t>
  </si>
  <si>
    <t>sana肺炎twice</t>
  </si>
  <si>
    <t>活動製造業日本經濟最慘國際</t>
  </si>
  <si>
    <t>新冠肺炎全球大流行導致日本國內外需求急凍日本3月製造業活動創下2009年來最嚴竣的萎縮再度印證企業與經濟因這場公衛危機受到的衝擊並突顯出日本政府面臨的挑戰。au Jibun Bank日本3月製造業採購經理人指數（P</t>
  </si>
  <si>
    <t>日本製造業流行導致採購bank危機受到公衛經濟衝擊企業印證突顯出面臨日本政府再度萎縮嚴竣jibun活動挑戰創下全球au經理國內外</t>
  </si>
  <si>
    <t>製造業日本新低創下指數衝擊經濟公司生產全球未來訂單降低造成突顯出受到危機日本政府公衛面臨企業印證初值</t>
  </si>
  <si>
    <t>日本製造業PMI指數新低</t>
  </si>
  <si>
    <t>指數製造業日本pmi新低</t>
  </si>
  <si>
    <t>不准疫情下令澳政府東奧</t>
  </si>
  <si>
    <t>澳洲奧委會(AOC)雖未採取加拿大奧會的強硬態度但他們也支持把東京奧運延後1年。AOC在23日發布聲明：「澳洲運動員應該把東奧時程預設為2021年北半球的夏季。」換言之AOC認為東京奧運在今年辦不成了。總理莫里森(S</t>
  </si>
  <si>
    <t>aoc奧運東京澳洲今年加拿大採取認為東奧強硬態度時程應該運動員設為支持北半球聲明發佈夏季辦不成總理莫里森</t>
  </si>
  <si>
    <t>澳洲奧委會(AOC)雖未採取加拿大奧會的強硬態度但他們也支持把東京奧運延後1年。AOC在23日發布聲明：「澳洲運動員應該把東奧時程預設為2021年北半球的夏季。」換言之AOC認為東京奧運在今年辦不成了。
總理莫里森(Scott Morrison)已經講明瞭他近期頒布的出國禁令同樣適用於運動員如果新冠肺炎疫情持續下去就算東奧7月開幕澳洲國家隊也根本出不去。莫里森說：「澳洲人民的健康勝於一切。」包括奧運亦被當成是「非必要」的出境。
澳洲自1896年雅典奧運(亦稱為首屆奧運)就沒有缺席過這次奧會與政府一條心AOC上周聲明：「人民正飽受疾病、失業之苦我們必須傾全力保護運動員的健康。」若國際奧會最終不肯延期澳洲國家隊已有缺席奧運的心理準備。</t>
  </si>
  <si>
    <t>澳洲奧運aoc運動員莫里森人民健康東奧聲明東京缺席頒佈近期明瞭出國禁令同樣已經適用於morrisonscott肺炎持續</t>
  </si>
  <si>
    <t>IOCScott Morrison澳洲AOC東京奧運</t>
  </si>
  <si>
    <t>aocmorrison澳洲scott東京ioc奧運</t>
  </si>
  <si>
    <t>空姐密切接觸機師簡訊</t>
  </si>
  <si>
    <t>長榮航空3名機師確診風暴延燒由於確診足跡遍佈雙北、桃園、新竹、苗栗、台中和高雄7縣市指揮中心昨天(4日)發出110萬則細胞告警簡訊長榮則針對近1500名機師全面普篩抓出染疫黑數且染疫危機還燒到後艙的空服</t>
  </si>
  <si>
    <t>機師確診台中高雄苗栗新竹指揮桃園遍佈足跡中心昨天發出全面細胞</t>
  </si>
  <si>
    <t>長榮航空3名機師確診風暴延燒由於確診足跡遍佈雙北、桃園、新竹、苗栗、台中和高雄7縣市指揮中心昨天(4日)發出110萬則細胞告警簡訊長榮則針對近1500名機師全面普篩抓出染疫黑數且染疫危機還燒到後艙的空服員疫調發現台中2名空服員與染疫機師密切接觸導致空服員及其同住家人遭到隔離範圍之廣可能成為下波疫情關鍵。
長榮目前已有3名機師1名機師兒確診足跡擴散至雙北、桃園、新竹、苗栗、台中和高雄7縣市加上擔心是傳染力極高的Delta變異株指揮中心昨緊急發布110萬則細胞告警簡訊提醒8月13日至9月2日期間曾經與確診者足跡重疊的人若出現症狀趕快就醫。其中案16120機師於8月26日飛芝加哥28日發病返台加強自主管理期間回苗栗探親、違規與友人聚餐8月30日飛澳洲布里斯本時還在健康聲明書上隱匿症狀31日入境後私下到診所就醫不通報衛生單位直到9月3日才確診已遭到長榮開除。
不只如此現在疫調發現台中一名29歲空服員與案16120是密切接觸者30日一同飛布里斯本當時案16120已經有傳染力導致空服員及他的同住家人都遭到隔離。
而案16119機師則是足跡廣到過桃園、新竹、高雄21日出現症狀前曾經和妻子去高雄推拿館按摩28日還去過內灣老街、家樂福中原店、29日去2021桃園蓮花季等。8月30日飛布里斯本31日入境當天就去湖口車站和新豐鄉某汽車旅館下午轉戰藏壽司青埔店吃飯9月2日採檢、3日確診雖然短班僅需自我健康監測但確診機師的自由隨興卻讓全台百萬人陷在感染風險中。
同時昨天(4日)也傳出臺中另一名空服員是案16119密切接觸者於8月23日飛馬尼拉時接觸同住7名家人也一起遭到隔離。
至於案16119和案16120兩名機師是是何時遭到感染？指揮中心醫療應變組副組長羅一鈞昨指出案16119和案16120於9月2日採檢Ct值分別為30、28隔天再採Ct值下降為18及28病毒量增加顯示是近期的感染社區風險也增加。</t>
  </si>
  <si>
    <t>機師確診遭到空服足跡台中症狀高雄中心指揮桃園感染布里斯本健康</t>
  </si>
  <si>
    <t>空服員機師確診長榮台中</t>
  </si>
  <si>
    <t>確診機師空服台中</t>
  </si>
  <si>
    <t>專機球隊麻州深圳奇缺口罩</t>
  </si>
  <si>
    <t>美國各州面臨醫療物資緊缺聯邦政府不只幫不上忙還加入搶物資的混戰當中。美麻塞諸塞州乾脆自求多福主動對外採購同時為解決緊迫的運輸問題州長還情商該州代表性的美式橄欖球「新英格愛國者」(New England Pat</t>
  </si>
  <si>
    <t>物資英格緊缺橄欖球聯邦政府代表性加入問題運輸還情緊迫愛國者解決採購州長對外主動混戰自求多福當中乾脆諸塞州麻塞</t>
  </si>
  <si>
    <t>美國各州面臨醫療物資緊缺聯邦政府不只幫不上忙還加入搶物資的混戰當中。美麻塞諸塞州乾脆自求多福主動對外採購同時為解決緊迫的運輸問題州長還情商該州代表性的美式橄欖球「新英格愛國者」(New England Patriots)派出私人專機在中國大陸官方協助下專程前往深圳載回120萬片N95口罩。
據《觀察者網》報導美國聯邦政府處理醫療物資短缺問題飽受各州政府的批評甚至還要與聯邦官員攀關係才買得到手。有些州自行對外尋求協助進行採購麻塞諸塞州在決定在大陸採購170萬張N95口罩後經過多方聯絡與協調在大陸駐美使領館協助與陸企配合下該州通過職業橄欖球隊「新英格蘭愛國者」的私人飛機從深圳運回了首批120萬張口罩。
報導指出這架漆有「Patriot」字樣的私人波音767噴射客機於週三清晨抵達深圳寶安機場穿著防護服的工作人員將一箱箱物資運進艙內3個小時後飛機再度起飛離境於美東時間週四抵達麻州波士頓市的洛根國際機場。
這架私人飛機所有者是喬納森·克拉夫特（Jonathan Kraft）他是美國麻州職業橄欖球隊「新英格蘭愛國者」主席這架飛機平時用於運送球隊隊員機身漆有「6XChampion」字樣意指球隊曾6次獲美國超級盃大賽冠軍。
據美媒《華爾街日報》報導兩周前麻州州長貝克(Charlie Baker)擔憂醫療物資緊缺計畫從大陸採購170萬張口罩。雖然訂購了口罩但在當前的情況下如何確保從大陸及時運回物資成為難題。加上大陸已於上月底限制各國航班每週每地每家公司只開放一班州長只好找上「新英格蘭愛國者」隊老闆幫忙專程為麻州運回大批醫用口罩。
報導說麻州訂購了170萬隻N95口罩加上後勤運輸與飛機的各種費用共約400萬美元「新英格蘭愛國者」球隊老闆克拉夫特家族支付了其中200萬美元。麻州州長還表示由於對約州疫情嚴重州長科莫應對疫情的表現讓他很感動經雙方溝通後飛機上的30萬張口罩將贈給紐約州。</t>
  </si>
  <si>
    <t>麻州物資口罩大陸州長飛機球隊愛國者私人報導採購深圳新英格蘭協助美國醫療字樣抵達問題聯邦加上</t>
  </si>
  <si>
    <t>新冠肺炎武漢肺炎新型冠狀病毒COVID-19深圳</t>
  </si>
  <si>
    <t>肺炎武漢冠狀病毒covid-深圳</t>
  </si>
  <si>
    <t>回去市場帶好武漢工作員警</t>
  </si>
  <si>
    <t>新冠肺炎造成全球疫情險峻竟然還有人散佈假訊息製造恐慌散佈者還是名員警！桃園市一名員警今天1月在臉書上打卡地點在大陸武漢地區的「華南水果批發市場」甚至在文章提到「來這邊帶點好料的回去和大家分享」</t>
  </si>
  <si>
    <t>全球疫情險峻提到文章竟然甚至批發市場散佈水果訊息華南製造武漢地區恐慌大陸造成地點散佈者員警桃園書上</t>
  </si>
  <si>
    <t>新冠肺炎造成全球疫情險峻竟然還有人散佈假訊息製造恐慌散佈者還是名員警！桃園市一名員警今天1月在臉書上打卡地點在大陸武漢地區的「華南水果批發市場」甚至在文章提到「來這邊帶點好料的回去和大家分享」桃園地院事後依違反「傳染病防治法」判罰20萬檢方不服上訴高等法院日前駁回確定。
該員警今年1月在臉書上打卡在武漢地區之「華南水果批發市場」並將隱私設定為公開在發文內容中提到「來這邊帶點好料的回去和大家分享」等文字並附上他在網路上下載的華南市場招牌及不詳人士身穿防護衣的照片共2張貼文下方也有網友留言「你真的飛過去喔！出差嗎?」他還開玩笑回覆「回去一一拜訪」、「我們有門路自由進出」。
該員警事後辯稱「只是想開個玩笑」許多同事也說知道他在開玩笑但該貼文遭網友截圖後仍在網路上引發喧然大波檢方獲知後依「傳染病防治法」散播有關傳染病流行疫情之不實訊息起訴該員警一審判該員警20萬元罰金檢方檢方不服上訴。
高等法院考量事發後該員警即關閉臉書帳號並申請退休決定維持一審判決且不給緩刑全案確定。</t>
  </si>
  <si>
    <t>該員華南回去疫情訊息開玩笑傳染病事後網友批發市場水果書上防治法上訴確定不服提到分享法院</t>
  </si>
  <si>
    <t>新冠肺炎員警打卡臉書傳染病防治法</t>
  </si>
  <si>
    <t>員警肺炎傳染病防治法</t>
  </si>
  <si>
    <t>鬆懈陳時中防疫年輕人</t>
  </si>
  <si>
    <t>中央流行疫情指揮中心指揮官陳時中昨在記者會上提到年輕人染疫比例增加顯示年輕人防疫鬆懈提醒年輕人要降低群聚。一名女網友發文痛批執政黨想甩鍋一名就讀台大的女網友則爆氣留言因為年輕人沒車、沒房只</t>
  </si>
  <si>
    <t>年輕人女網友中心指揮官陳時中記者會提到指揮顯示台大降低就讀發文執政黨留言比例</t>
  </si>
  <si>
    <t>年輕人疫情可以提醒女網友上班網友留言陳時中引起發文現在顯示善意</t>
  </si>
  <si>
    <t>年輕人染疫防疫鬆懈台大妹新冠肺炎</t>
  </si>
  <si>
    <t>鬆懈防疫年輕人肺炎</t>
  </si>
  <si>
    <t>防疫上海旅館開門達成心願劉樂妍</t>
  </si>
  <si>
    <t>劉樂妍3月時回台治療腸沾黏又因涉賄選案出庭沒想到因新冠肺炎疫情讓她一度被卡在台灣令愛狗的她淚喊：「想回家了」。昨(1日)她終於搭到回上海的飛機將接受隔離兩周她分享當地防疫旅館的「開箱照」一晚要</t>
  </si>
  <si>
    <t>旅館防疫當地分享賄選案隔離接受出庭想到飛機上海開箱治療肺炎疫情終於</t>
  </si>
  <si>
    <t>劉樂妍3月時回台治療腸沾黏又因涉賄選案出庭沒想到因新冠肺炎疫情讓她一度被卡在台灣令愛狗的她淚喊：「想回家了」。昨(1日)她終於搭到回上海的飛機將接受隔離兩周她分享當地防疫旅館的「開箱照」一晚要價人民幣300元（約台幣1270元）看來乾淨整潔舒適直呼賺到。
劉樂妍3月在微博分享多張愛犬照片說：「想念小玉想念所有的小狗。想回家了」並強調很浪費時間又折磨人昨她在桃園機場發文宣告即將返回大陸稍後她再分享近況坦言回來的一路上很忐忑在臺北時最便宜的防疫旅館一晚要2780元沒想到飯店知道她剛出院不肯收劉樂妍則回嗆：「不收拉倒」。
這次要回大陸劉樂妍做了不少功課先開出條件是人民幣200到300元（約台幣846到1270元）後來被工作人員推薦進現在入住的這間上網查一晚要560元（約台幣2371元）她牙一咬答應後沒想到到了現場工作人員竟算她300元。
劉樂妍對此寫下：「感謝政府體貼我們真的非常感恩非常感謝讓我們花300塊就可以住到這麼好這麼好的房間。而且工作人員都非常的貼心體貼。」還可以訂外賣但劉樂妍已從台灣準備好足夠糧食所以不用訂餐也不用叫外賣。對此網友回應：「五一啊超值了」、「這房間300塊超值不過現在餐飲旅遊酒店業不太景氣這個價也是正常價了」、「還有浴缸太好了吧！」、「這檔次300一晚真心不貴」。</t>
  </si>
  <si>
    <t>劉樂妍分享想到工作人員台幣臺灣回家現在體貼非常可以防疫旅館房間</t>
  </si>
  <si>
    <t>劉樂妍愛犬上海台灣隔離</t>
  </si>
  <si>
    <t>臺灣愛犬上海隔離劉樂</t>
  </si>
  <si>
    <t>照片疫情亂象公開樹枝大姐娛樂開罵</t>
  </si>
  <si>
    <t>今年73歲的資深影星汪明荃出道以來演出過許多經典戲劇作品甚至開過演唱會是香港演藝圈的大姐大地位無人能取代她的老公羅家英在圈內也備受景仰而夫妻倆即使名利雙收但對社會仍相當關心近日她到郊外散</t>
  </si>
  <si>
    <t>以來關心演出相當經典社會戲劇作品名利雙收甚至夫妻倆景仰開過演唱會備受香港出道近日演藝圈羅家大姐老公取代地位</t>
  </si>
  <si>
    <t>今年73歲的資深影星汪明荃出道以來演出過許多經典戲劇作品甚至開過演唱會是香港演藝圈的大姐大地位無人能取代她的老公羅家英在圈內也備受景仰而夫妻倆即使名利雙收但對社會仍相當關心近日她到郊外散心看見疫情期的亂象仗義直言直接公開照片開罵。
汪明荃跟老公羅家英在演藝事業上打下亮眼成績單但下了戲他們喜歡靜謐與大自然因此婚後定居在郊外的獨棟豪宅每天睜眼就能看到海還堅持在宅子旁邊做綠化設計可以想見夫妻倆對於天然環境的重視與嚮往。
如今適逢新冠肺炎疫情高漲期間汪明荃夫妻的豪宅地點跟設計恰好符合防疫她也非常關心香港民眾的安好因此在疫情爆發的第一時間防疫物資正缺乏時汪明荃就大方將大量口罩、洗手液庫存分送給第一線醫護人員以及寺廟表示雖然成了「防疫窮人」但堅持捨身為人受到眾人讚揚。
昨天(12/2)她趁著好天氣外出踏青本想舒緩嚴峻疫情下的緊繃心情沒想到越散步越火大po文透露在香港清水灣附近看見滿地垃圾她就拿了樹枝邊撿走了不過1小時整根樹枝勾了滿滿的廢棄口罩讓她氣到大罵：「有的人真是沒有公德心！」網友看了也氣到不行跟著罵「扔垃圾已經很過份了亂扔口罩更過份」、「不知道有沒有病毒啊」讚汪明荃身體力行做人民的好榜樣正是娛樂圈需要的藝人。</t>
  </si>
  <si>
    <t>汪明荃疫情香港防疫口罩堅持夫妻倆垃圾設計沒有看見郊外關心老公羅家樹枝過份</t>
  </si>
  <si>
    <t>汪明荃新冠肺炎羅家英防疫期亂象</t>
  </si>
  <si>
    <t>肺炎羅家防疫汪明荃亂象</t>
  </si>
  <si>
    <t>原因時中不適證實高端</t>
  </si>
  <si>
    <t>國產高端疫苗今起開打不過桃園市卻傳出有3人打完疫苗後分別出現想吐、暈倒及短暫失去意識等狀況送醫檢查後皆無大礙。中央流行疫情指揮中心指揮官陳時中證實3人狀況皆為暈針目前均無異常已返家休息並呼</t>
  </si>
  <si>
    <t>狀況疫苗異常桃園傳出目前指揮疫情暈倒打完出現短暫中心暈針失去流行分別指揮官</t>
  </si>
  <si>
    <t>疫苗狀況疫情桃園心跳醫師暈針接種醫院現場血壓意識就醫檢查陳時中施打女性</t>
  </si>
  <si>
    <t>高端疫苗國產疫苗高端暈針陳時中</t>
  </si>
  <si>
    <t>高端暈針陳時中疫苗</t>
  </si>
  <si>
    <t>大陸肺炎道歉王兒</t>
  </si>
  <si>
    <t>新冠肺炎在全世界蔓延美國主持人傑西沃特斯（Jesse Watters）日前在節目上開炮要求大陸為疫情應該向世界各地道歉。澳門「賭王」何鴻燊的兒子何猷君昨(4日)在微博發文要求大陸網友翻牆出征該主播的IG討公道更</t>
  </si>
  <si>
    <t>大陸要求蔓延美國主持人出征傑西沃特斯jessewatters全世界日前網友節目何鴻燊兒子何猷君澳門開炮發文道歉微博</t>
  </si>
  <si>
    <t>新冠肺炎在全世界蔓延美國主持人傑西沃特斯（Jesse Watters）日前在節目上開炮要求大陸為疫情應該向世界各地道歉。澳門「賭王」何鴻燊的兒子何猷君昨(4日)在微博發文要求大陸網友翻牆出征該主播的IG討公道更說：「要我們中國人道歉？吃屎吧」。
傑西沃特斯是福克斯新聞頻道的新聞評論員本週一他聊到新冠肺炎疫情指出因大陸政府糧食分配不足讓人民餓肚子才會有人生吃蝙蝠與蛇導致疫情爆發此番言論一出引發各界議論連賭王四房兒子何猷君也開罵。
何猷君曬出自己在IG上標註傑西沃特斯的發文截圖他用英文寫下：「假如你希望看到中國人講句『Sorry』那麼你成功了。我在這裡代表我們國家對你說：我們希望對你的父母說我們為他們感覺到Sorry」大酸傑西沃特斯的父母花了多年培育他他卻成為「全世界最沒腦子、講話不動大腦、沒常識、沒禮貌的傻X」。
何猷君火力全開說大陸人感到可惜但不是因為新冠肺炎而是惋惜傑西沃特斯的父母要忍受他一輩子最後還用英文爆粗說「Fuxx You」大陸網友回應：「哈哈哈。何公子性情中人。棒。」、「說得好！！！給我進攻！！」、「我翻不出去… 但是我還是想要罵他全家」。</t>
  </si>
  <si>
    <t>傑西沃特斯大陸疫情父母肺炎英文發文ig全世界網友道歉要求希望中國兒子何猷君sorry</t>
  </si>
  <si>
    <t>傑西沃特斯何猷君新冠肺炎武漢肺炎新型冠狀病毒</t>
  </si>
  <si>
    <t>肺炎武漢何猷君冠狀傑西沃特斯病毒</t>
  </si>
  <si>
    <t>病毒起源階段調查北京who回應拒絕</t>
  </si>
  <si>
    <t>據《美聯社》報導中國大陸國家衛生健康委員會副主任曾益新22日正式表態由於違背科學原則北京不接受世界衛生組織(WHO)針對新冠病毒起源的第二階段調查計畫。曾益新強調所謂的實驗室外流理論根本是與常識及科</t>
  </si>
  <si>
    <t>曾益新國家理論衛生外流實驗室健康委員會所謂強調主任計畫調查正式大陸根本病毒科學接受世界衛生組織原則who北京階段表態起源</t>
  </si>
  <si>
    <t>實驗室病毒大陸who調查北京階段科學起源表示武漢外流美聯社進一步曾益新流行可能性國家事情資料</t>
  </si>
  <si>
    <t>新冠肺炎WHO疫苗Delta大流行</t>
  </si>
  <si>
    <t>who疫苗肺炎delta流行</t>
  </si>
  <si>
    <t>衛生局長插管可能傳播漏掉中壢</t>
  </si>
  <si>
    <t>中壢超級傳播者（案13091）在短短2周內釀近20人確診其中包括「中壢旅宿王」（案14590）桃園市衛生局長王文彥坦言他最初供出的20名友人有的沒電話、有的複雜市府只找到18人「可能還有漏掉的！」但因他已插管</t>
  </si>
  <si>
    <t>中壢可能找到電話市府友人複雜最初坦言王文彥周內衛生局長桃園確診宿王包括漏掉</t>
  </si>
  <si>
    <t>中壢超級傳播者（案13091）在短短2周內釀近20人確診其中包括「中壢旅宿王」（案14590）桃園市衛生局長王文彥坦言他最初供出的20名友人有的沒電話、有的複雜市府只找到18人「可能還有漏掉的！」但因他已插管、無法持續疫調只能加強匡列隔離。
中壢有位50餘歲的超級傳播者（案13091）在短短2周內分別造成7名家人（包括中壢某食品廠3員工）、1名家人同事及11位朋友群共20人先後確診。
王文彥說中壢超級傳播者確診後有提到約20個朋友但「講沒多久以後他就插管了！」原本提到的朋友有的沒有電話、有的很複雜市府花了很大的行政跟員警力量才找出18個目前有10個已經確診。
「可能還是有漏掉的！」王文彥直言中壢超級傳播者插管後資訊獲得困難像是「中壢旅宿王」（案14590）是從案14590回追才知道兩人在4月的時候有見面但是可能跟朋友的朋友之間互相有來往而染疫。
王文彥多次提到這群友人關係很複雜指標個案又因插管不能再繼續提供資訊所以目前為止僅能用現有的疫調結果加強匡列、加強隔離關懷「看能不能把這個網能夠網住！」
至於中壢超級傳播者未在第一時間供出「中壢旅宿王」是否涉及隱匿？王文彥認為如果有隱匿應該不是有意的隱匿的強調他一開始就提到20個友人已經把很多朋友都交代清楚有時候人的記憶可能交往太多會忘記是有可能的後續會再判斷釐清。
另外30餘歲的中壢旅宿王（案14590）19日至24日間足跡遍及8旅店有商務旅館、汽車旅館、還有電競旅館不乏一天跑遍中壢和桃園王文彥也提到已匡列其女友採檢陰性仍在隔離關心中。</t>
  </si>
  <si>
    <t>中壢王文彥朋友插管提到可能友人宿王確診傳播隔離複雜資訊不能已經桃園</t>
  </si>
  <si>
    <t>中壢超級傳播者王文彥插管旅宿</t>
  </si>
  <si>
    <t>插管王文彥傳播中壢</t>
  </si>
  <si>
    <t>漢來點燈確診週二住宿</t>
  </si>
  <si>
    <t>中央流行疫情指揮中心今（16）日再公佈新冠肺炎單日零確診個案這是一周之內兩度零確診日前高雄漢來飯店為慶祝這個好消息特別將大樓外牆排成笑臉圖案今晚又有新招排成「＋0」字樣令人相當驚喜。漢來飯店</t>
  </si>
  <si>
    <t>飯店確診中心公佈指揮肺炎日前高雄漢慶祝消息特別字樣大樓笑臉圖案</t>
  </si>
  <si>
    <t>中央流行疫情指揮中心今（16）日再公佈新冠肺炎單日零確診個案這是一周之內兩度零確診日前高雄漢來飯店為慶祝這個好消息特別將大樓外牆排成笑臉圖案今晚又有新招排成「＋0」字樣令人相當驚喜。
漢來飯店營運總處總監陳素娟表示今天這個好消息出來大家非常的開心網友就用「＋0」的諧音並大喊「＋0我愛你」慶祝所以今天漢來飯店就用「＋0」跟大家報佳音；亮燈活動將持續到6月30日未來會視狀況變換不同的圖案。
漢來也趁勢在網路推出優惠活動為了把愛傳出去特別舉辦抽獎活動4月16日午夜12點前公開分享貼文留言「嘉玲我愛你 漢來飯店」並Tag3名好友即抽出1名幸運得主可獲得「市景雙人房」住宿券1張且免費升等港景房。
另外高雄福華飯店也響應愛心串連活動點燈成愛心圖樣力挺醫護人員每晚6時至9時亮燈歡迎民眾打卡「彼此加油我們一直都在！」</t>
  </si>
  <si>
    <t>飯店活動亮燈圖案今天特別消息慶祝確診愛心中心民眾歡迎住宿</t>
  </si>
  <si>
    <t>新冠肺炎確診＋0漢來高雄</t>
  </si>
  <si>
    <t>漢來確診肺炎高雄</t>
  </si>
  <si>
    <t>確診相撲出現力士日本首例</t>
  </si>
  <si>
    <t>日本相撲協會10日公佈有1名幕下力士感染新型病毒經病毒檢測確診為陽性。這是日本相撲力士確診的首例。該協會指出這名力士4日發燒後來2天退了燒又再發高燒還出現倦怠感、呼吸困難、咳血痰等症狀。他於8日接</t>
  </si>
  <si>
    <t>力士確診協會日本相撲呼吸困難倦怠感出現發高燒後來發燒病毒感染病毒檢測陽性公佈指出首例</t>
  </si>
  <si>
    <t>日本相撲協會10日公佈有1名幕下力士感染新型病毒經病毒檢測確診為陽性。這是日本相撲力士確診的首例。
該協會指出這名力士4日發燒後來2天退了燒又再發高燒還出現倦怠感、呼吸困難、咳血痰等症狀。
他於8日接受簡易檢查醫院先說是陽性後來又說檢查結果有誤應該是陰性。由於力士本身患有宿疾為慎重起見9日再到東京都的醫院住院檢查才確診。
這名力士隸屬的相撲部屋有多位力士都身體不適但目前只有1名力士接受過病毒檢測該部屋已停止相撲訓練同一部屋的力士和工作人員都將接受病毒檢測。</t>
  </si>
  <si>
    <t>力士檢查接受相撲病毒檢測確診後來醫院陽性協會日本呼吸困難倦怠感出現發高燒症狀陰性</t>
  </si>
  <si>
    <t>力士相撲確診病毒檢測檢查</t>
  </si>
  <si>
    <t>確診相撲檢查力士病毒檢測</t>
  </si>
  <si>
    <t>感染不明柯文哲接近本土降到標準北市</t>
  </si>
  <si>
    <t>臺北市今舉辦防疫記者會市長柯文哲指出北市有14天沒有不明感染源接近降到一級標準剩下就是最快速度把疫苗覆蓋率打起來。柯文哲指出中央公佈本土案例1例境外7例台灣疫情趨緩但世界蠻嚴重每天有40</t>
  </si>
  <si>
    <t>柯文哲指出記者會市長公佈剩下標準降到接近中央感染速度北市疫苗不明起來沒有覆蓋率防疫世界</t>
  </si>
  <si>
    <t>臺北市今舉辦防疫記者會市長柯文哲指出北市有14天沒有不明感染源接近降到一級標準剩下就是最快速度把疫苗覆蓋率打起來。
柯文哲指出中央公佈本土案例1例境外7例台灣疫情趨緩但世界蠻嚴重每天有40萬到60萬案例北市從每個禮拜確診18人、11人、10人到現在這週是0大概已經有五個禮拜時間確診數少於5人。
柯表示其實比確診數更重要是不明感染源回溯到上一個差不多是14天前雖有確診數但是找得到感染源狀況好一點七家醫院篩檢昨天做1200個當然是沒有確診；從新北幼稚園群聚感染當時匡到1500個現在居家隔離昨天只剩下150個數量已經降到新低。
柯文哲提到這麼長的時間都是零零星星（確診）到底降級要怎麼處理事實上一開始在中央疫情指揮中心有分四級只要出現感染源不明本土案例就是第二級北市有14天沒有不明感染源接近降到一級標準。
柯接著說但畢竟首都生活圈高鐵一日生活圈重點不是臺北市而是整個台灣狀況不明感染源就算全台灣來算已經非常低達到降到一級標準剩下問題是有沒有可能反撲答案是有可能。
他認為解決問題方法是疫苗覆蓋率結論是這樣北市五月到現在把感染壓到最低剩下就是最快速度把疫苗覆蓋率打起來。柯也說過去兩天北市在高中打了1萬3325多劑身體不適有131人大部分算是輕症。</t>
  </si>
  <si>
    <t>感染確診北市不明柯文哲剩下臺灣降到沒有已經案例現在標準中央昨天疫情覆蓋率時間指出狀況疫苗臺北市</t>
  </si>
  <si>
    <t>新冠肺炎台灣北市不明感染源14天</t>
  </si>
  <si>
    <t>臺灣北市肺炎不明感染</t>
  </si>
  <si>
    <t>川普緊咬全球流行</t>
  </si>
  <si>
    <t>美國總統川普27日說中國大陸原本可以趁新冠肺炎席捲全球前遏阻新冠肺炎疫情淡確沒這麼做美國政府要認真加以調查。據路透報導這是川普矛頭對準大陸把新冠肺炎疫情大爆發歸咎於北京的最新批評。「我們認為</t>
  </si>
  <si>
    <t>肺炎川普疫情大陸歸咎爆發加以認真調查美國政府路透中國報導北京原本矛頭可以席捲對準</t>
  </si>
  <si>
    <t>美國總統川普27日說中國大陸原本可以趁新冠肺炎席捲全球前遏阻新冠肺炎疫情淡確沒這麼做美國政府要認真加以調查。
據路透報導這是川普矛頭對準大陸把新冠肺炎疫情大爆發歸咎於北京的最新批評。「我們認為當初可以在源頭就遏阻。原本能迅速阻止不必蔓延全世界的。」美國國務卿蓬佩奧（Mike Pompeo）上周說華府強烈認為北京沒有及時通報新冠肺炎疫情並掩飾的新冠肺炎的嚴重性。
而中國大陸外交部發言人華春瑩週一推文說蓬佩奧應該「停止玩政治遊戲放更多的精力在拯救生命上」。
如今全球有超過300萬人感染新冠肺炎其中美國就佔了約1/3。而全世界死亡人數也突破20萬人而美國便有約56萬人。週一稍早白宮貿易顧問納瓦洛（Peter Navarro）指控中方送劣等甚至仿冒的新冠肺炎病毒抗體測試組給美國以在疫情大流行期間從中牟取暴利。
納瓦洛在接受福斯新聞（Fox News）專訪時說要讓美國人結束封成重返工作崗位元對病毒和抗體進行更多檢測是很重要的。不過他也強調美國不能容許中方提供那些造假和仿冒試劑因為那將是很有破壞性的。</t>
  </si>
  <si>
    <t>美國肺炎疫情納瓦洛大陸週一中方全世界原本認為可以仿冒北京全球病毒抗體中國</t>
  </si>
  <si>
    <t>川普新冠肺炎武漢肺炎中國大陸美國</t>
  </si>
  <si>
    <t>肺炎武漢中國美國川普大陸</t>
  </si>
  <si>
    <t>助力今年措施目標出臺達成成都</t>
  </si>
  <si>
    <t>近日成都出臺《關於統籌新冠肺炎疫情防控和經濟社會發展奮力完成2020年經濟社會發展目標的意見》從聚焦支持企業穩產滿產和擴能增效、築牢產業功能區生態集成優勢、深度融入國際供應鏈體系等10方面提出33條具體措</t>
  </si>
  <si>
    <t>經濟社會發展體系供應國際肺炎融入疫情防控深度優勢集成生態目標功能意見方面產業統籌聚焦企業支援增效擴能</t>
  </si>
  <si>
    <t>企業產業意見成都體系應急疫情建立經濟提出重大發展供應支持創新功能紓困政策完善國際服務深化重點行業制度統籌用工</t>
  </si>
  <si>
    <t>意見企業應急成都建立</t>
  </si>
  <si>
    <t>成都應急建立意見企業</t>
  </si>
  <si>
    <t>疫苗心肌炎接種展開年輕人調查</t>
  </si>
  <si>
    <t>美國疾病管制暨預防中心（CDC）17日發布報告指出少數青少年及年輕成人在施打新冠疫苗後出現心肌炎（myocarditis）CDC已經就此展開調查目前尚無法認定心肌炎是否和疫苗有關強調染新冠的風險大於施打疫苗的副</t>
  </si>
  <si>
    <t>疫苗cdc心肌炎中心發佈報告指出青少年年輕預防成人調查展開目前施打新已經無法認定強調是否myocarditis有關出現</t>
  </si>
  <si>
    <t>美國疾病管制暨預防中心（CDC）17日發布報告指出少數青少年及年輕成人在施打新冠疫苗後出現心肌炎（myocarditis）CDC已經就此展開調查目前尚無法認定心肌炎是否和疫苗有關強調染新冠的風險大於施打疫苗的副作用。
《紐約時報》（New York Times）22日報導美國CDC轄下的疫苗安全技術工作小組（COVID-19 Vaccine Safety Technical Work Group）17日在官網公佈報告指出至今發現少數青少年、年輕成人在施打莫德納（Moderna）或是輝瑞及德國BioNTech研發的mRNA新冠疫苗後出現心肌炎的案例這些案例發生在男性的比例高於女性多數在施打第2劑後的4天內發病當中多數為輕症。
心肌炎是心臟肌肉發炎主要由感染而起CDC指出目前對這些案例的調查仍在早期階段尚無法判定是否由疫苗而起CDC已經要求醫護人員多加注意年輕人施打疫苗後是否出現不尋常的心臟症狀不過也強調民眾接種疫苗後的心肌炎案例和預期差異不大。
紐約貝爾維尤醫院中心（Bellevue Hospital Center）傳染病專家剛德（Celine Gounder）指出民眾接種疫苗後出現心肌炎有可能只是巧合「因為現在太多人打疫苗了比較像是碰巧發生。」
專家強調與罹患新冠肺炎相比出現心肌炎罕見副作用的潛在風險根本是小巫見大巫甚至急性新冠症狀本身就可能引發心肌炎。
根據美國小兒科學會（American Academy of Pediatrics）統計截至13日全美有超過390萬兒童染疫逾16萬人住院約300人病歿。
一般來說每年每10萬人中會有20至30人出現心肌炎症狀症狀包含疲倦、胸痛、心律不整、心臟驟停等許多人症狀輕甚至不曾被診斷出來。
美國CDC強調目前年輕人接種疫苗後通報的心肌炎案例看起來並沒有比平常還要多。</t>
  </si>
  <si>
    <t>疫苗心肌炎cdc出現美國指出案例強調症狀施打心臟目前是否專家發生接種副作用可能甚至</t>
  </si>
  <si>
    <t>#新冠肺炎#全球美國心肌炎疫苗CDC</t>
  </si>
  <si>
    <t>全球美國心肌炎肺炎疫苗cdc</t>
  </si>
  <si>
    <t>考驗交通年假</t>
  </si>
  <si>
    <t>新冠肺炎無法出國高市交通局估計今年春節南部出遊人潮、車潮將比往年同期增加2、3成尤其初三、初四高峰期對交通維運是一大考驗；交通局官網規畫資訊專區呼籲民眾出門前上網掌握路況安心享受出遊樂趣。高</t>
  </si>
  <si>
    <t>出遊出國市交通局估計路況安心今年春節上網門前呼籲民眾專區資訊交通局掌握考驗一大交通高峰期初四初三南部</t>
  </si>
  <si>
    <t>新冠肺炎無法出國高市交通局估計今年春節南部出遊人潮、車潮將比往年同期增加2、3成尤其初三、初四高峰期對交通維運是一大考驗；交通局官網規畫資訊專區呼籲民眾出門前上網掌握路況安心享受出遊樂趣。
高市交通局分析往年資料挑出10處交通疏運景點包括西子灣、哈瑪星、駁二特區、旗津、壽山、佛光山、義大世界、旗山、美濃、崗山之眼。
交通局副局長黃萬發指出新冠肺炎不能出國加上高鐵取消自由座預估南部春節車潮人潮增2、3成呼籲民眾利用交通局官網的即時交通資訊網查詢路況並用手機APP「高雄好停車」找停車位。
此外南橫公路已通到梅山口勢必吸引遊客前往由於當地是單線道路可能較壅塞交通局已協調中央公路總局加強宣導並請當地警方設管制哨。
計程車部分7日至16日止跳表已加計50元春節加成按表計費即可；而全市公有路邊及路外平面停車場（不含立體停車場及委外平面停車場）從除夕到初三暫停收費。
春節期間高雄捷運維持營運至晚間12時輕軌則從晚間10時延長營運至12時交通局也規畫各景點「捷運＋接駁公車」方案將車輛停於轉乘捷運站停車場搭捷運或轉乘接駁公車即可快速進出景點再搭配電子票證享「一日二段吃到飽」、公車轉乘及輕軌等優惠。</t>
  </si>
  <si>
    <t>交通局景點交通公車停車場當地即可路況初三春節往年出遊民眾呼籲市交通局南部出國</t>
  </si>
  <si>
    <t>營運肺炎交通局規畫出國</t>
  </si>
  <si>
    <t>交通局肺炎營運出國</t>
  </si>
  <si>
    <t>夏季gdp恢復常軌</t>
  </si>
  <si>
    <t>全球股市如「大怒神」般驟跌台股受到新冠肺炎疫情影響持續震盪整理；全球央行持續端出降息、寬鬆貨幣政策隨歐美各國疫情擴散、封城仍抵擋不住跌勢導致全球今年第1季GDP增長率受到疫情影響而減緩全年GDP</t>
  </si>
  <si>
    <t>疫情受到全球影響持續gdp降息貨幣政策歐美各國肺炎擴散封城跌勢寬鬆導致抵擋不住今年增長率大怒央行</t>
  </si>
  <si>
    <t>全球股市如「大怒神」般驟跌台股受到新冠肺炎疫情影響持續震盪整理；全球央行持續端出降息、寬鬆貨幣政策隨歐美各國疫情擴散、封城仍抵擋不住跌勢導致全球今年第1季GDP增長率受到疫情影響而減緩全年GDP增長率將全面下修現在要期待的是疫情能像2003年的SARS經驗在夏季好轉整體市場將恢復至常軌。
中國大陸2月份PMI表現不佳主要是受到新冠肺炎疫情停工影響這樣的結果實屬合理、不需過度擔憂目前大陸治癒人數逐日增加疫情已漸漸受到控制復工情況也好轉估計最快3月份PMI數字將恢復正常；後續觀察指標為國外疫情擴散是否影響消費者信心進而影響手機、電視、平板及筆電的需求。
在需求方面受到疫情擴散影響許多經濟學家紛紛下調經濟成長率的預測對於某些產業而言需求的下降並不會在疫情好轉後恢復如餐飲業、觀光旅遊業以及航空業等等；但另一方面有些產業的需求並沒有消失像是科技產業及相關產品預估應收以及獲利將在第2季或是下半年反彈。
從政策面來看陸美雙方皆採取積極措施包含降息以及對市場注入流動性估計其他國家央行也會效仿而台灣政府將首先支持國內的餐飲業以及旅遊業從過去經驗來看將會有效刺激消費。
投資建議上近期股市過於震盪建議選擇殖利率較佳以及今年成長性高的類股短期間內避開航空、觀光等受疫情負面影響較大的產業；受到停工影響供應鏈的存貨將在1、2季內消化完畢下半年將會恢復正常產業秩序因此建議逢低佈局長線看好類股包含5G基礎建設、Data Center、伺服器、半導體相關產業。
對於偏好短線的投資人看好宅經濟相關類股包含遊戲、線上教育、辦公以及網路購物等受到宅經濟的帶動伺服器相關產業需求將較不受疫情影響持續值得關注。</t>
  </si>
  <si>
    <t>疫情受到影響產業需求相關包含好轉建議擴散經濟今年降息大陸持續來看市場經驗震盪全球看好央行pmi</t>
  </si>
  <si>
    <t>伺服器降息肺炎好轉夏季</t>
  </si>
  <si>
    <t>伺服器好轉肺炎夏季降息</t>
  </si>
  <si>
    <t>坎城影展打完確診疫苗行程雅瑟女郎龐德</t>
  </si>
  <si>
    <t>坎城影展如火如荼舉行在今年有4部片在影展播映的新一代「龐德女郎」、法國女星蕾雅瑟杜（Léa Seydoux）卻傳出在出發參加活動前新冠肺炎病毒檢測呈陽性可能因此取消去坎城影展的行程而經紀人也證實此消息。</t>
  </si>
  <si>
    <t>坎城影展行程取消可能影展陽性播映病毒檢測一代女星seydoux龐德肺炎傳出女郎法國經紀人出發</t>
  </si>
  <si>
    <t>坎城影展如火如荼舉行在今年有4部片在影展播映的新一代「龐德女郎」、法國女星蕾雅瑟杜（Léa Seydoux）卻傳出在出發參加活動前新冠肺炎病毒檢測呈陽性可能因此取消去坎城影展的行程而經紀人也證實此消息。
據《綜藝報》10日報導指出蕾雅瑟杜正在拍新片每天都接受檢測不過還是在拍攝期間染疫目前已在巴黎家中自我隔離了一個多星期。她的經紀人指出儘管她已完全接種疫苗且無症狀但她檢測呈陽性。在醫生認為她可以安全前往坎城並活動之前將繼續隔離。
作為後疫情時代下的國際活動防疫作為備受關注不過也陸續有群聚染疫的傳聞。坎城影展向《綜藝報》嚴正否認這則假消息並表示影展6日開幕以來4天在上千人篩檢之中平均每天有3例確診1天最多曾出現6例不過沒有發生群聚感染「如果我們將病例比例與接受檢測的人數相比是遠低於全國平均水準。」
針對開幕片放映和典禮當天被拍到許多賓客拿下口罩觀影且沒遵守社交距離影展方回應則是：「頭一天大家實在對久違的重聚太熱情了隨後到了現在我們有嚴格執行防疫也加派了更多人手盯場對自己仍在疫情之下的這件事我們是很有意識的。」</t>
  </si>
  <si>
    <t>活動影展檢測坎城影展開幕疫情指出陽性接受防疫作為隔離經紀人賓客拿下</t>
  </si>
  <si>
    <t>坎城影展檢測影展蕾雅瑟杜活動</t>
  </si>
  <si>
    <t>影展雅瑟檢測坎城影展活動</t>
  </si>
  <si>
    <t>疫苗衛健國家接種大陸</t>
  </si>
  <si>
    <t>據大陸國家衛健委網站15日消息截至14日大陸31個省（自治區、直轄市）和新疆生產建設兵團累計報告接種新冠病毒疫苗904134萬劑次突破9億劑次。就在6天前大陸疫苗接種剛突破8億劑次達8億8962萬劑次15日再</t>
  </si>
  <si>
    <t>大陸接種突破疫苗自治區累計報告新疆生產建設兵團病毒直轄市網站消息截至衛健國家</t>
  </si>
  <si>
    <t>據大陸國家衛健委網站15日消息截至14日大陸31個省（自治區、直轄市）和新疆生產建設兵團累計報告接種新冠病毒疫苗904134萬劑次突破9億劑次。
就在6天前大陸疫苗接種剛突破8億劑次達8億8962萬劑次15日再突破9億劑次。
大陸近期全面加快接種疫苗後日前更要求6月10至30日暫緩施打第1劑優先保障已接種第1劑超過28天的民眾接種第2劑。
大陸工程院院士鍾南山日前指出到今年年底大陸疫苗的覆蓋率將能達到80％。</t>
  </si>
  <si>
    <t>大陸接種疫苗日前突破覆蓋率年底保障自治區累計優先暫緩報告今年施打第指出新疆生產建設兵團南山直轄市工程院院士要求病毒</t>
  </si>
  <si>
    <t>新冠肺炎大陸接種大陸國家衛健委新冠疫苗</t>
  </si>
  <si>
    <t>衛健大陸國家接種肺炎疫苗</t>
  </si>
  <si>
    <t>北市旅遊團確診工作匡列新北</t>
  </si>
  <si>
    <t>新北市親友旅遊團爆發6人群聚感染臺北市衛生局表示其中5人在北市工作現已匡列職場與相關場域接觸者210人107人採檢陰性。其中有名個案雖在8日父親節到過信義區知名餐廳「饗饗」但其用餐時段不在可傳染期</t>
  </si>
  <si>
    <t>爆發用餐信義人群父親節個案感染臺北市衛生局表示餐廳匡列職北市相關工作旅遊團知名時段陰性</t>
  </si>
  <si>
    <t>新北市親友旅遊團爆發6人群聚感染臺北市衛生局表示其中5人在北市工作現已匡列職場與相關場域接觸者210人107人採檢陰性。其中有名個案雖在8日父親節到過信義區知名餐廳「饗饗」但其用餐時段不在可傳染期但仍要求業者16日停業1天復業後禁內用11天。
新北市昨日新增6名確診個案分別為案15966、15967、15968、15969、15970及15871前5人曾參與花蓮旅行團居住於新莊的個案（案15970）再傳給職場同事（案15871）個案曾搭乘臺北捷運、高鐵等足跡還遍及花蓮、桃園、雙北、台中、彰化等多個縣市。
衛生局疾管科長張惠美指出扣除未成年個案（案15968）其餘5名確診者皆在北市工作現已啟動疫調、接觸者匡列及通知職場與風險場域進行環境清消共計匡列210人其中107人採檢陰性其餘正等待檢驗報告出爐。
此外張惠美也證實昨日傳出確診足跡的信義區知名餐廳「饗饗」為新北個案擴大匡列內、外場員工及同時段消費者後共計81人安排採檢業者也將於16日停業1天清消復業後11天都採外帶形式不提供內用服務一路實施到27日。
張惠美表示該名個案是在15日發病距離8日已有一段時間雖然該足跡不在可傳染期但為求謹慎仍擴大採檢也要求餐廳員工配合自我監測民眾若有不舒服也呼籲至北市聯合醫院和平、中興、仁愛等7大醫院採檢。</t>
  </si>
  <si>
    <t>新北 市 親友 旅遊團 爆發 6 人群 聚 感染 臺北市衛生局 表示 其中 5 人 在 北市 工作 現 已 匡列職 場 與 相關 場 域 接觸 者 210 人 107 人 采 檢 陰性 其中 有 名 個案 雖 在 8 日 父親節 到 過 信義 區 知名 餐廳 饗 饗 但 其 用餐 時段 不在 可 傳染期 但 仍要 求業 者 16 日 停業 1 天 複業 後 禁內 用 11 天 新北 市 昨日 新增 6 名 確診 個案 分別 為 案 1596615967159681596915970 及 15871 前 5 人 曾 參與 花蓮 旅行團 居住 于 新莊 的 個案 案 15970 再 傳給 職 場 同事 案 15871 個案 曾 搭乘 臺北捷運 高鐵 等 足跡 還 遍及 花 蓮 桃園 雙北 台中 彰 化 等 多 個 縣 市 衛生局 疾 管 科長 張惠美 指出 扣除 未成年 個案 案 15968 其 餘 5 名 確診 者 皆 在 北市 工作 現 已 啟動 疫 調 接觸 者 匡列 及 通知 職 場 與 風險 場 域 進行 環境 清 消 共計 匡列 210 人 其中 107 人 采 檢陰性 其 餘 正等待 檢驗 報告 出爐 此外 張惠美 也 證實 昨日 傳出 確診 足跡 的 信義 區 知名 餐廳 饗 饗 為 新北 個案 擴大 匡列 內 外場 員工 及 同時 段 消費者 後 共計 81 人 安排 采 檢 業者 也 將 於 16 日 停業 1 天 清 消 複業 後 11 天都 采 外帶 形式 不 提供 內 用 服務 一路 實施 到 27 日 張惠美 表示 該 名 個案 是 在 15 日 發病 距離 8 日 已 有 一段時間 雖然 該 足跡 不在 可 傳染期 但 為 求 謹慎 仍 擴大 采 檢 也 要求 餐廳 員工 配合 自我 監測 民眾 若 有 不 舒服 也 呼籲 至 北市 聯合醫院 和平 中興 仁愛 等 7 大 醫院 采 檢</t>
  </si>
  <si>
    <t>個案足跡張惠美匡列北市確診新北餐廳表示員工昨日擴大</t>
  </si>
  <si>
    <t>新冠肺炎台灣確診新北北市府</t>
  </si>
  <si>
    <t>臺灣確診肺炎新北市府</t>
  </si>
  <si>
    <t>拖累去年台哥表現知道</t>
  </si>
  <si>
    <t>你知道我在等你股價回升嗎？新光金控18日舉行法說會揭露子公司新光人壽2020年底淨值項下金融資產未實現獲利僅16億元主因就是「台灣大未填息」造成新壽股票投資出現大量未實現評價虧損至於未來要不要處份台哥</t>
  </si>
  <si>
    <t>實現舉行虧損評價揭露新光子公司新光人壽未來年底出現淨值股票投資造成項下填息金融資產臺灣就是獲利</t>
  </si>
  <si>
    <t>你知道我在等你股價回升嗎？新光金控18日舉行法說會揭露子公司新光人壽2020年底淨值項下金融資產未實現獲利僅16億元主因就是「台灣大未填息」造成新壽股票投資出現大量未實現評價虧損至於未來要不要處份台哥大減損新壽方面回應「看他要我等多久」。
同時為了增加租金收益率新壽2021年將清出新光站前摩天大樓的單位移往新購入的開發金總部大樓將摩天大樓部分樓層出租增加租金收入。
新壽先前因積極加碼高股息殖利率股票其中電信類股投資金額高達新台幣1千多億元中華電信占約50％其次是台灣大新光金財務長徐順鋆表示新壽之前加碼股價低波動度個股所以有很多是電信股在去年未能完成填息才出現台股大但新壽股票部位卻是虧損的情況。
由於這些股票新壽都在在FVOCI（其他損益經公允價值）項下即股價波動影響新壽淨值即便處份也不會過損益表只是淨值的增減所以新壽還在等待台灣大股價回升。
為了降低匯兌成本又能提升投報率新壽今年會將外幣保單占比拉高到70％新台幣新契約保費壓在100億元左右即不用大量增加國外投資的避險成本錢會用在加碼國內。
新壽將無上限加碼國內商用不動產增加收益率加上去年有新冠肺炎紓困的免租或減租措施今年陸續會到期新壽預估租金收入可從去年的422億元拉高到50億元。</t>
  </si>
  <si>
    <t>增加加碼股價新光臺灣去年淨值租金股票成本項下投資電信摩天大樓實現</t>
  </si>
  <si>
    <t>新光金開發金大量台灣大新壽</t>
  </si>
  <si>
    <t>臺灣開發新光</t>
  </si>
  <si>
    <t>《生醫股》基亞新冠肺炎病毒檢測試劑獲歐盟CE認證</t>
  </si>
  <si>
    <t>試劑病毒檢測肺炎基亞歐盟ce認證</t>
  </si>
  <si>
    <t>基亞(3176)澳洲子公司TBG Diagnostics Limited (ASX: TDL)旗下轉投資的廈門德必碁生技(廈門德必碁)所開發的新冠病毒核酸檢測試劑已取得歐盟CE認證而這項認證代表廈門德必碁所生產的新冠肺炎檢測試劑能在接受歐盟</t>
  </si>
  <si>
    <t>廈門試劑檢測diagnosticslimited歐盟asxtdltbg轉投資認證肺炎核酸病毒開發生產子公司ce取得代表澳洲</t>
  </si>
  <si>
    <t>基亞(3176)澳洲子公司TBG Diagnostics Limited (ASX: TDL)旗下轉投資的廈門德必碁生技(廈門德必碁)所開發的新冠病毒核酸檢測試劑已取得歐盟CE認證而這項認證代表廈門德必碁所生產的新冠肺炎檢測試劑能在接受歐盟CE認證的國家中以體外檢測試劑(IVD)的資格銷售。
TBG Diagnostics Limited (TBG診斷公司)為澳洲上市並專注於核酸檢測的生物技術公司在大陸、美國及台灣均設有轉投資或子公司該公司開發的HLA的產品已取得體外試劑(IVD)認證並行銷全球22個國家。其中廈門德必碁為TBG診斷公司在中國大陸的轉投資公司從事檢測試劑開發、製造與銷售。本次取得歐盟CE認證的檢測試劑所利用的是RT-PCR (q-PCR)技術平臺需搭配RT-PCR設備使用；而TBG診斷公司在台灣的子公司則已開發出取得CE認證的Q6000 RT-PCR 機器隨時可以出貨。
新冠病毒蔓延全球目前全球已有超過18萬人確診其中非大陸地區的確診人數已超過十萬人歐洲各國在近日的確診人數更是劇烈增加。而提供準確、方便並獲得認證的新冠病毒檢測試劑有助於各國檢疫的效率進而防堵疫情的蔓延。
基亞集團除了轉投資的廈門德必碁的新冠病毒核酸檢測試劑取得歐盟CE的認證外台灣的高端疫苗也已經向食藥署提出新冠肺炎RT-PCR檢測試劑的申請並與美國國家衛生研究院合作開發新冠肺炎的疫苗。</t>
  </si>
  <si>
    <t>試劑認證檢測公司rt-pcr轉投資開發tbgce廈門臺灣大陸取得診斷子公司全球歐盟蔓延核酸肺炎人數確診</t>
  </si>
  <si>
    <t>基亞新冠病毒核酸檢測試劑廈門德必碁高端疫苗</t>
  </si>
  <si>
    <t>核酸檢測廈門試劑病毒高端基亞疫苗</t>
  </si>
  <si>
    <t>支持臺灣國際呼聲今年閉幕明確強烈wha</t>
  </si>
  <si>
    <t>世界衛生大會今天閉幕今年國際更明確力挺台灣除14友邦支持外美國、加拿大等5國發言更直接提及台灣加上德國、紐西蘭等多國間接聲援讓中國多次指挑戰「一中」別有居心。第74屆世界衛生大會（WHA）自5月24日</t>
  </si>
  <si>
    <t>臺灣世界衛生大會居心一中挑戰中國聲援今年多國國際紐西蘭德國明確加上力挺支持加拿大提及直接友邦美國發言</t>
  </si>
  <si>
    <t>世界衛生大會今天閉幕今年國際更明確力挺台灣除14友邦支持外美國、加拿大等5國發言更直接提及台灣加上德國、紐西蘭等多國間接聲援讓中國多次指挑戰「一中」別有居心。
第74屆世界衛生大會（WHA）自5月24日起以視訊方式開議原訂6月1日閉幕但因討論進度順利今天下午提前閉幕。
在台灣參與議題方面今年國際支持參與呼聲更明確強烈除教廷為觀察員身分一向以其他方式表達支援外14個友邦以提案、致函及會中發言等方式支援台灣參與WHA。
其中馬紹爾群島、聖克裡斯多福及尼維斯、諾魯、以及史瓦帝尼等4個友邦更代表台方分別在總務委員會及全會與中方進行「2對2辯論」呼籲接納台灣參與。
在理念相近國家方面美國、日本、英國、加拿大、澳洲及馬爾他騎士團在會中直接發言表達支持其中英、加、澳三國今年首度在WHA會中明確提及台灣具有重要意義。
另德國、紐西蘭、捷克、立陶宛等理念相近國家則在發言中強調全球只有落實包容性才能戰勝2019冠狀病毒疾病（COVID-19）疫情以間接方式聲援台灣。
面對國際社會特別是重要國家以公開提及台灣方式表達明確支援中國方面則多次在會中行使答辯指一些國家挑戰一中是要在國際上製造「兩個中國」或「一中一台」。
雖然WHO連續第5年未邀請台灣參與WHA但今年美國撤銷退出WHO決定後在會議期間積極參與討論也參與包括舉行WHA特別會議制定應對疫情大流行條約、保護衛生及照護工作人員等決議草案顯示美國在全球公衛議題上強化領導性未來台灣參與議題可見度仍受期待。（編輯：韋樞）1100531</t>
  </si>
  <si>
    <t>臺灣參與wha方式支援美國國家今年國際明確中國議題友邦閉幕表達方面提及疫情發言會議全球討論who特別聲援</t>
  </si>
  <si>
    <t>WHA參加WHA譚德塞審議</t>
  </si>
  <si>
    <t>參加審議德塞wha</t>
  </si>
  <si>
    <t>尋常疫情趨勢專家omicron南非前所未見</t>
  </si>
  <si>
    <t>南非專家警告新冠變異株Omicron在南非各地造成大量5歲以下幼童住院形容這種情況「前所未見」。綜合美媒《每日野獸》（The Daily Beast）、美國哥倫比亞廣播公司新聞網（CBS News）報導南非政府首席醫療顧問賈</t>
  </si>
  <si>
    <t>南非南非政府報導news變異cbsomicron新聞網美國哥倫比亞廣播公司造成beast以下daily幼童the野獸住院形容情況前所未見綜合首席醫療警告顧問專家</t>
  </si>
  <si>
    <t>南非專家警告新冠變異株Omicron在南非各地造成大量5歲以下幼童住院形容這種情況「前所未見」。
綜合美媒《每日野獸》（The Daily Beast）、美國哥倫比亞廣播公司新聞網（CBS News）報導南非政府首席醫療顧問賈薩特（Waasila Jassat）3日警告當地疫情中心豪登省（Gauteng）每週新增的確診人數及住院人數都比之前都高「各年齡層的住院人數急遽增加尤其是5歲以下。」
她說5歲以下幼童的住院人數僅次於60歲以上的年齡組別她說兒童通常不會受到新冠疫情嚴重影響住院人數也不多。
⚠️KIDS HOSPITALIZATIONS—The “highly transmissible” #Omicron variant is putting disproportionately large numbers of children under the age of 5 years old in hospitals a top South African government medical adviser said Friday #COVID19 ?  https://tco/ZdYaN19oFr pictwittercom/8aaleyNnUf
賈薩特也以南非首都茨瓦尼（Tshwane）大都會地區為例5月第3波疫情前2周當地送醫治療的5歲以下兒童人數不到20人如今第4波疫情前2周已經有超過100名兒童送醫。
關於為何5歲以下兒童住院人數暴增？賈薩特推測可能和兒童未打疫苗有關她說隨著成人疫苗施打率逐步上升兒童逐漸成為染疫、必須送醫的族群。
另外她也引述茨瓦尼當地醫師的說法指出醫院裡12至18歲的未成年患者全數未打疫苗這個族群實際上符合疫苗接種資格。12歲以下未成年不符合接種資格這個族群的患者中除了3人外其餘患者的父母皆未施打疫苗。
賈薩特說這個現象顯示成人接種疫苗才能保護家中幼童的重要性。</t>
  </si>
  <si>
    <t>人數兒童住院疫苗以下薩特疫情the當地族群送醫患者幼童南非接種of施打警告成人瓦尼未成年</t>
  </si>
  <si>
    <t>#新冠肺炎#全球南非兒童住院送醫</t>
  </si>
  <si>
    <t>全球南非肺炎兒童住院送醫</t>
  </si>
  <si>
    <t>還要自主台商健康管理檢疫所告別</t>
  </si>
  <si>
    <t>首批從武漢包機返台的台商有69名於2月3日入住位台中市檢疫所隔離18日已期滿返家其中有16位設籍台中台中市長盧秀燕特別準備了一份包含口罩和乾洗手液由區公所和衛生局人員致贈並附上溫馨關懷單提醒他們返家後</t>
  </si>
  <si>
    <t>台中返家關懷附上溫馨致贈人員衛生局區公所包含口罩洗手準備入住期滿隔離台商特別盧秀燕市長檢疫所</t>
  </si>
  <si>
    <t>首批從武漢包機返台的台商有69名於2月3日入住位台中市檢疫所隔離18日已期滿返家其中有16位設籍台中台中市長盧秀燕特別準備了一份包含口罩和乾洗手液由區公所和衛生局人員致贈並附上溫馨關懷單提醒他們返家後14天內仍應進行自主健康管理。
台中市衛生局長曾梓展指出18日清晨由中央派車將69名台商分別送到高鐵以及客運站針對16名台中市民則由家屬接回如需自行返家者則派車一人一車送回。
他強調市長盧秀燕非常關心隔離期滿返家的台中市民特地準備了一份包含口罩和乾洗手液的貼心禮物由區公所和衛生局人員親送致贈並附上溫馨關懷單提醒市民返家後14天內仍應進行自主健康管理應儘量避免外出如果需要外出應全程配戴外科口罩落實呼吸道衛生及咳嗽禮節每天早晚都需各量1次體溫期間如果出現不適症狀要立刻撥打1922防疫專線或衛生局防疫專線：0928912578依指示就醫。</t>
  </si>
  <si>
    <t>台中返家市民口罩衛生局派車台商市長盧秀燕期滿隔離區公所人員防疫管理溫馨包含準備專線健康立刻症狀</t>
  </si>
  <si>
    <t>武漢肺炎新型冠狀病毒新冠肺炎NCP檢疫所</t>
  </si>
  <si>
    <t>肺炎病毒ncp冠狀武漢檢疫所</t>
  </si>
  <si>
    <t>視察施打鼓勵護理流感疫苗鄭文燦</t>
  </si>
  <si>
    <t>因應新冠肺炎桃園市長鄭文燦14日到八德視察護理之家瞭解第一線工作人員辛勞。他也說桃園目前還有2萬多劑流感疫苗鼓勵符合公費對象施打共同努力加強防疫工作。鄭文燦表示旭登護理之家環境良好提供長者</t>
  </si>
  <si>
    <t>護理桃園鄭文燦市長表示施打工作物件公費符合防疫加強共同努力鼓勵流感疫苗還有目前瞭解辛勞工作人員視察環境</t>
  </si>
  <si>
    <t>因應新冠肺炎桃園市長鄭文燦14日到八德視察護理之家瞭解第一線工作人員辛勞。他也說桃園目前還有2萬多劑流感疫苗鼓勵符合公費對象施打共同努力加強防疫工作。
鄭文燦表示旭登護理之家環境良好提供長者舒適的照護環境也早在年假前就已經充份準備防疫物資包括酒精、氧氣瓶及口罩等相信可有效防止群聚感染。
鄭文燦也提到適逢重要防疫期間仍必須同步推動流感疫苗接種。日前桃園市採購的56萬8500劑公費流感疫苗已陸續施打完畢全市尚存2萬餘劑鼓勵65歲以上長者、高風險慢性病、50歲以上中壯年族群、6個月以上嬰幼兒等公費對象若尚未施打可盡快攜帶健保卡前往13區衛生所接種學校老師也可請公假前往施打共同努力加強防疫工作。
針對消費券部分鄭文燦說防疫會議針對政府紓困對策包括觀光旅遊、交通運輸、5大內需除了消費券外政府可以聽聽業者的聲音讓業者度過疫情。
14日早上召開防疫會議鄭文燦也說學校將在25日開學額溫槍還有不足的部分除了向教育部申請外也請衛生局、經發局負責調度讓學校在開學之前有充足的額溫槍公共區域的消毒水供應也要足夠使用。
鄭文燦也提到目前桃園有1300多位居家檢疫者防疫會議中他也指示民政局要給負責的裡幹事手機通話補助每人約在1000元到1500元間。</t>
  </si>
  <si>
    <t>防疫鄭文燦桃園施打學校公費流感疫苗會議包括護理接種鼓勵政府前往負責還有環境長者以上消費</t>
  </si>
  <si>
    <t>小琉球住房坐船不敢遊客</t>
  </si>
  <si>
    <t>新冠肺炎疫情延燒觀光產業衝擊大連年有破百萬遊客的小琉球也無法倖免疑受公主郵輪影響不少人怕船艙密閉空間感染而引爆退房潮距離清明連假僅剩2周但島上民宿訂房率竟5成不到有別以往一房難求業者為此</t>
  </si>
  <si>
    <t>以往觀光有別產業不到衝擊連年宿訂房遊客島上疫情小琉球僅剩無法倖免清明連</t>
  </si>
  <si>
    <t>新冠肺炎疫情延燒觀光產業衝擊大連年有破百萬遊客的小琉球也無法倖免疑受公主郵輪影響不少人怕船艙密閉空間感染而引爆退房潮距離清明連假僅剩2周但島上民宿訂房率竟5成不到有別以往一房難求業者為此憂心不已紛紛喊話「交通船沒有全密閉」。
琉球鄉觀光協會理事長洪豪昇指出近年小琉球爆紅成旅遊夯點平均每年都湧入百萬遊客連假期間島上更是人山人海但自爆發肺炎疫情後人潮明顯減少尤其在公主郵輪淪陷後情況更為險峻遊客似乎因害怕船艙密閉連交通船也不敢搭。
洪豪昇說交通船是遊客登上小琉球島的唯一途徑換言之遊客不敢搭交通船也就是無法登島而小琉球沒了遊客民宿業者只好喝西北風了據悉目前民宿的退房率高達3成整體訂房率不到5成以距離清明連假僅剩2周來看狀況非常不好往年同期已是一房難求。
為此他欲向遊客喊話交通船與郵輪不同「真的不是密閉空間」且乘船時間僅20分鐘再者船公司在遊客登船前都會進行額溫監控一旦有人發燒都是拒載的加上島上空曠又無工廠、空氣清新絕對是現階段國旅的好去處。</t>
  </si>
  <si>
    <t>遊客交通船密閉島上小琉球郵輪觀光業者疫情公主空間肺炎船艙喊話無法</t>
  </si>
  <si>
    <t>喊話肺炎船艙小琉球清明連假</t>
  </si>
  <si>
    <t>清明連小琉球船艙肺炎喊話</t>
  </si>
  <si>
    <t>強化民眾體系指揮列管上路</t>
  </si>
  <si>
    <t>近期居家檢疫、居家隔離常傳出有列管民眾趴趴走的情事發生為落實政策中央流行疫情指揮中心今天表示已在本月20日召開地方政府執行居家檢疫及居家隔離措施協調會議將於3月1日起推出「地方政府居家檢疫及居家隔</t>
  </si>
  <si>
    <t>居家檢疫隔離地方政府落實政策中央流行疫情指揮傳出中心今天表示本月召開協調會議推出情事發生民眾列管</t>
  </si>
  <si>
    <t>近期居家檢疫、居家隔離常傳出有列管民眾趴趴走的情事發生為落實政策中央流行疫情指揮中心今天表示已在本月20日召開地方政府執行居家檢疫及居家隔離措施協調會議將於3月1日起推出「地方政府居家檢疫及居家隔離關懷服務計畫」強化指揮體系、第一線人員的橫向聯繫以及各項策略分工及諮詢整合專線的建置預料能降低民眾對居家檢疫的排斥。
指揮官陳時中表示「地方政府居家檢疫及居家隔離關懷服務計畫」是由22縣市共同推動重點包含對象關懷、就醫協助、交通安排、生活支持及專線服務等預計於26日規劃完成並於3月1日開始運作以確保民眾於居家檢疫及居家隔離期間能獲得各項生活、心理、及就醫的幫忙降低民眾對居家檢疫及隔離對象的對立。</t>
  </si>
  <si>
    <t>居家隔離檢疫民眾服務指揮關懷專線表示生活地方就醫對象政府降低計畫落實政策中央流行策略橫向聯繫疫情分工人員第一線</t>
  </si>
  <si>
    <t>疫情警告神童嚴重預測災難準確</t>
  </si>
  <si>
    <t>印度有一名少年阿南德(Abhigya Anand)本身是一名占星師去年8月在YouTube上傳了一傳影片竟成功預測到新冠肺炎疫情爆發。近日他又再度上傳影片並提到另一場更嚴重的災難將會在2020年12月20日降臨直到2021</t>
  </si>
  <si>
    <t>上傳影片abhigyaanand災難嚴重星師阿南德去年提到youtube疫情肺炎一傳再度爆發預測近日成功少年</t>
  </si>
  <si>
    <t>印度有一名少年阿南德(Abhigya Anand)本身是一名占星師去年8月在YouTube上傳了一傳影片竟成功預測到新冠肺炎疫情爆發。近日他又再度上傳影片並提到另一場更嚴重的災難將會在2020年12月20日降臨直到2021年的3月底才會結束。
阿南德去年8月上傳了一段影片《2019年11月到2020年4月嚴重的災難降臨世界》引起了關注他透過占星術預言全球將遭遇重大危險且高峰會在3到4月在5月29日後流行疾病會逐漸消緩然而疫情不會完全結束6月底前不會有好消息。上述一切完全符合現今的狀況。
接著阿南德又上傳了一支新影片提到另一個嚴重災難會在2020年12月降臨這次的災難會比新冠肺炎更為嚴重時間將會持續到2021年3月。他強調我們必須獲得免疫才有辦法保護自己因此需要及早做準備。
同時阿南德也呼籲人類必須停止殺害動物和地球否則人類只會面臨地球給予的懲罰。</t>
  </si>
  <si>
    <t>阿南德上傳影片降臨必須疫情災難結束去年月底人類嚴重肺炎地球提到保護準備辦法呼籲abhigya及早</t>
  </si>
  <si>
    <t>災難預言預測占星術印度</t>
  </si>
  <si>
    <t>預測印度災難預言占星術</t>
  </si>
  <si>
    <t>水壩密西大水未滅疏散疫情</t>
  </si>
  <si>
    <t>屋漏偏逢連夜雨！美國密西根州除了得應付新冠肺炎疫情州長惠特莫19日宣佈密德蘭郡（Midland）進入緊急狀態因為該郡境內的艾登維爾與山佛德兩座水壩抵擋不住連日暴雨竟然潰決導致大水灌入農田街道釀災。目</t>
  </si>
  <si>
    <t>農田肺炎大水疫情導致州長惠特莫潰決竟然暴雨宣佈抵擋不住德蘭境內水壩艾登維爾山佛德街道應付midland進入緊急狀態</t>
  </si>
  <si>
    <t>屋漏偏逢連夜雨！美國密西根州除了得應付新冠肺炎疫情州長惠特莫19日宣佈密德蘭郡（Midland）進入緊急狀態因為該郡境內的艾登維爾與山佛德兩座水壩抵擋不住連日暴雨竟然潰決導致大水灌入農田街道釀災。
#BREAKING: Evacuation orders issued for areas in and around the city of Midland Michigan following the collapse of the Edenville Dam pictwittercom/sNMtMNJ73D
Devastating flooding near Midland We’re as East far as we can go on Isabella Street which is partially flooded itself These pictures don’t do it justice Homes behind me are in at least three feet of water If you have not evacuated call 911 and please get out @WOODTV pictwittercom/dvWZgyJzcL
目前無人因大水死傷當地已疏散3千5百戶超過萬人惠特莫警告「在之後的12到15小時密德蘭市中心恐怕會泡在27公尺深的大水中。」
美國國家氣象局（NWS）表示密德蘭的提塔巴瓦希河以及鄰近史特林的來佛河都會受洪水威脅並告知河川下游居民應盡量往高處避難。</t>
  </si>
  <si>
    <t>大水midland德蘭ofin惠特莫andthecomtwitterpicwe居民下游as河川告知肺炎威脅floodeditselfthese</t>
  </si>
  <si>
    <t>惠特莫密西根新冠肺炎美國</t>
  </si>
  <si>
    <t>密西肺炎惠特莫美國</t>
  </si>
  <si>
    <t>風扇疫苗南市議員礦泉水排隊民眾消暑烈日</t>
  </si>
  <si>
    <t>新冠肺炎疫苗陸續到貨台南市大新營區各衛生所經常湧進大批人潮施打疫苗近日秋老虎發威每天氣溫飆到35℃以上但新營、後壁區衛生所因室內腹地小民眾只能在戶外等候台南市議員蔡育輝不忍心看著民眾在烈日</t>
  </si>
  <si>
    <t>衛生所疫苗民眾不忍心陸續議員蔡育輝到貨台南等候戶外南市只能營區大新氣溫秋老虎近日施打經常腹地以上後壁</t>
  </si>
  <si>
    <t>新冠肺炎疫苗陸續到貨台南市大新營區各衛生所經常湧進大批人潮施打疫苗近日秋老虎發威每天氣溫飆到35℃以上但新營、後壁區衛生所因室內腹地小民眾只能在戶外等候台南市議員蔡育輝不忍心看著民眾在烈日下排隊還搬來電風扇、礦泉水幫民眾解暑氣呼籲台南市政府應盡速改善施打環境。
蔡育輝指出新營等地衛生所空間狹小像上周10月2日那天一整天下來有上千人要施打疫苗鄉親卻得在戶外悶熱的帳篷下排隊等待而打完疫苗後也得在戶外觀察是否有異狀民眾熱到受不了他還搬來6支電扇和50箱礦泉水讓民眾「消暑」不過整體環境還是太差了。
蔡育輝提到疫情爆發已久他也曾提案要求市府改善但曾經是縣治所在的新營卻受到「二等市民」待遇叫人情何以堪？新營應該有許多具備空調的學校活動中心可借用若遇到上課日會造成師生不便那也還有民治市政中心內的南瀛堂可供運用。
蔡育輝說全球因為新冠肺炎而病故的人數目前已高達500萬人隨著台灣向國外訂製的疫苗陸續到貨未來打疫苗將成常態他要求南市府應通盤檢討全面改善施打環境。
台南市副市長趙卿惠回應這個月有莫德納、BNT、 AZ及高端4種疫苗要打因此選擇施打疫苗的場地時得考量施打的程式與時間以及人力調度安排等；但她允諾之後一定會盤點有沒有其他更適合的施打地點再來做調整。</t>
  </si>
  <si>
    <t>疫苗施打民眾蔡育輝衛生所戶外環境改善台南市府要求排隊陸續到貨肺炎</t>
  </si>
  <si>
    <t>民眾新營蔡育輝衛生所施打</t>
  </si>
  <si>
    <t>衛生所民眾蔡育輝施打</t>
  </si>
  <si>
    <t>校正回歸確診死亡</t>
  </si>
  <si>
    <t>中央流行疫情指揮中心今(23)日公佈新增國內290例COVID-19確定病例分別為287例本土及3例境外移入(案4023、案4227、案4228）。另有170例本土個案為校正回歸上週各日個案。確診個案中新增6例死亡（案1912、案2384、案</t>
  </si>
  <si>
    <t>本土新增個案中心公佈國內指揮covid-確定校正回歸確診疫情境外分別病例上周流行死亡中央</t>
  </si>
  <si>
    <t>中央流行疫情指揮中心今(23)日公佈新增國內290例COVID-19確定病例分別為287例本土及3例境外移入(案4023、案4227、案4228）。另有170例本土個案為校正回歸上週各日個案。確診個案中新增6例死亡（案1912、案2384、案2483、案2986、案3304、案3417）。
指揮中心表示今日新增之287例本土病例為138例男性、149例女性年齡介於未滿5歲至90多歲發病日介於今(2021)年5月6日至5月22日；個案分佈以新北市142例最多(以板橋區32例為多)其次為臺北市77例(以萬華區38例為多)桃園市23例屏東縣、南投縣各8例宜蘭縣6例基隆市、臺中市及彰化縣各5例臺南市2例花蓮縣、嘉義市、嘉義縣、新竹縣、新竹市、雲林縣各1例。校正回歸個案170例中為84例男性、86例女性年齡介於未滿5歲至80多歲發病日介於4月25日至5月22日；個案分佈以臺北市88例最多(以萬華區48例為多)其次為新北市73例(以板橋區17例為多)彰化縣6例宜蘭縣、新竹市及雲林縣各1例。綜上所有個案其中萬華活動史相關161例、茶藝館相關25例、某社團相關5例、某水果商相關11例、其他已知感染源119例、關聯不明70例、疫調中66例。相關疫情調查持續進行中。
指揮中心說明新增6例死亡個案為5男(案1912、案2384、案2986、案3304、案3417)1女(案2483)年齡介於50多歲至80多歲發病日介於5月10日至5月20日確診日介於5月17日至22日死亡日介於5月20日至21日。上述6名個案除案2483外餘5人皆有慢性病史。
指揮中心指出新增3例境外移入病例中案4023為印尼籍20多歲男性漁工今年5月8日自印尼來臺工作持有搭機前3日內檢驗陰性報告在臺期間並無症狀入境後至集中檢疫所檢疫5月21日進行檢疫期滿前採檢於今日確診。案4227為菲律賓籍40多歲男性移工5月7日自菲律賓來臺工作持有搭機前3日內檢驗陰性報告在臺期間並無症狀5月22日檢疫期滿後自費採檢於今日確診。案4228為丹麥籍40多歲男性曾於3月30日在丹麥當地檢出COVID-19陽性4月17日自丹麥來臺工作持有搭機前3日內檢驗陰性報告在臺期間並無症狀；因要再次出境5月22日自費採檢於今日確診(Ct值30)。
指揮中心統計截至目前國內累計351999例新型冠狀病毒肺炎相關通報(含312689例排除)其中4322例確診分別為1111例境外移入3158例本土病例36例敦睦艦隊、2例航空器感染、1例不明及14例調查中；另9例(案530、案1589、1676、1591、1886、2067、2068、2528、2530)移除為空號。確診個案中23例死亡。
指揮中心再次呼籲民眾應落實手部衛生、咳嗽禮節及佩戴口罩等個人防護措施減少不必要移動、活動或集會避免出入人多擁擠的場所或高感染傳播風險場域並主動積極配合各項防疫措施共同嚴守社區防線。</t>
  </si>
  <si>
    <t>個案中心指揮確診相關感染新增措施男性今日活動本土病例再次丹麥國內進行症狀</t>
  </si>
  <si>
    <t>新冠肺炎台灣三級警戒指揮中心陳時中</t>
  </si>
  <si>
    <t>臺灣警戒指揮肺炎中心陳時中</t>
  </si>
  <si>
    <t>預測疫情嚴格團隊防控南山月底</t>
  </si>
  <si>
    <t>大陸防疫專家、國家衛健委高級別專家組組長鍾南山院士團隊發表最新研究文章預測新冠肺炎在大陸2月下旬達高峰對於疫情防控應嚴格實施至4月底。鍾南山團隊預測大陸疫情在2月下旬達到高峰4月底趨於平緩公</t>
  </si>
  <si>
    <t>大陸月底預測南山團隊疫情高峰下旬衛健高級別專家組組長達到院士研究文章防控最新肺炎對於發表嚴格實施國家</t>
  </si>
  <si>
    <t>大陸防疫專家、國家衛健委高級別專家組組長鍾南山院士團隊發表最新研究文章預測新冠肺炎在大陸2月下旬達高峰對於疫情防控應嚴格實施至4月底。
鍾南山團隊預測大陸疫情在2月下旬達到高峰4月底趨於平緩公共衛生幹預措施有效控制疫情發展但嚴格的防控措施像是早期篩查最好實施至4月底若政府繼續嚴格實施管控並提高診斷水準、推出藥物那疫情將得到最大控制。
團隊指出若管控措施慢5天實施大陸的疫情規模將擴大3倍如果減低對武漢的控管力度湖北可能會在3月中旬出現第二次疫情高峰並延續至4月下旬。</t>
  </si>
  <si>
    <t>疫情大陸實施團隊月底措施嚴格高峰下旬預測管控控制南山防控衛健高級別湖北力度專家組控管可能武漢月中減低組長出現</t>
  </si>
  <si>
    <t>新冠肺炎CONID-19武漢肺炎新型冠狀病毒鍾南山</t>
  </si>
  <si>
    <t>肺炎武漢conid-冠狀病毒南山</t>
  </si>
  <si>
    <t>接種願意桃園學生全台</t>
  </si>
  <si>
    <t>滿12歲但未滿18歲的高中、國中生將從23日起開始施打BNT疫苗根據教育部今晚公佈的最新統計共139萬5056個學生符合打疫苗資格而同意接種人數達129萬8861人、占9310％願意接種比例相當高。學生願意接種比例最高</t>
  </si>
  <si>
    <t>疫苗接種學生願意中生開始施打比例bnt教育部今晚人數統計公佈同意最新符合資格高中相當</t>
  </si>
  <si>
    <t>滿12歲但未滿18歲的高中、國中生將從23日起開始施打BNT疫苗根據教育部今晚公佈的最新統計共139萬5056個學生符合打疫苗資格而同意接種人數達129萬8861人、占9310％願意接種比例相當高。
學生願意接種比例最高的是桃園市的9695％其次是彰化縣的9541％、新竹縣9480％、、新北市9450％、金門縣9435％及臺北市的9405％。
學生願意接種比例最低的是台東縣的7762％其次是花蓮縣8737％、連江縣8859％及嘉義縣8900％。</t>
  </si>
  <si>
    <t>接種學生疫苗比例願意中生開始施打bnt教育部今晚公佈統計最新符合同意人數資格最高</t>
  </si>
  <si>
    <t>願意桃園學生接種BNT疫苗</t>
  </si>
  <si>
    <t>桃園接種學生bnt願意疫苗</t>
  </si>
  <si>
    <t>停辦原鄉沒有確診原住民</t>
  </si>
  <si>
    <t>中央流行疫情指揮中心預定今天發布「大型活動指引」擬建議大型活動暫緩舉辦有立委詢問歲時祭儀是否要暫緩原民會主委夷將‧拔路兒說會針對疫情期間內的歲時祭儀評估但他強調但大多的歲時祭儀仍是在戶外</t>
  </si>
  <si>
    <t>暫緩疫情大型活動中心預定發佈今天路兒舉辦主委原民會期間詢問是否指揮大多指引</t>
  </si>
  <si>
    <t>中央流行疫情指揮中心預定今天發布「大型活動指引」擬建議大型活動暫緩舉辦有立委詢問歲時祭儀是否要暫緩原民會主委夷將‧拔路兒說會針對疫情期間內的歲時祭儀評估但他強調但大多的歲時祭儀仍是在戶外原鄉也沒有確診疫情。
受到大型宗教活動陸續停辦或延期如大甲媽祖遶境、白沙屯媽祖遶境等陸續暫停或延辦而依台灣原住民族資訊資源網指出達悟族會在3月舉行招魚祭、飛魚祭布農族會在4月、5月舉行射耳祭賽夏祭會在4月舉行播種祭、祈天祭邵族會在4月舉行播種祭等歲時祭儀。
到底要不要暫緩舉行？夷將表示針對最近的歲時祭儀做評估認為大多的歲時祭儀都是在戶外的而目前在原鄉沒有確診疫情部分祭典如本週六鄒族的祭典原本有開放遊客參與族人希望在疫情期間不要讓遊客參加希望在疫情尚未控制的期間能採用這樣的模式。
至於許多原住民會在週末上教會夷將說教會是重要的信仰中心教會屬密閉式的空間「依衛福部建議應要配戴口罩」尤其有感冒等症狀更要帶口罩也已向牧師及神父宣導。</t>
  </si>
  <si>
    <t>疫情舉行期間暫緩陸續中心建議教會口罩遊客確診希望大型活動</t>
  </si>
  <si>
    <t>祭儀原住民人數新冠肺炎戶外</t>
  </si>
  <si>
    <t>人數原住民肺炎戶外</t>
  </si>
  <si>
    <t>停辦台日人疫情奧運東京</t>
  </si>
  <si>
    <t>新冠肺炎疫情在日本快速蔓延原定於7月開幕的東京奧運能否如期舉行還在未定之天。著名旅台日人「日本人的歐吉桑」紛絲頁版主直言如果真的辦不成奧運日本經濟可能會很慘「經濟真的死定了」。據《東網》報導</t>
  </si>
  <si>
    <t>日本奧運真的經濟快速蔓延定于東京開幕能否如期舉行著名台日人歐吉桑未定之天辦不成直言疫情很慘可能肺炎死定了</t>
  </si>
  <si>
    <t>新冠肺炎疫情在日本快速蔓延原定於7月開幕的東京奧運能否如期舉行還在未定之天。著名旅台日人「日本人的歐吉桑」紛絲頁版主直言如果真的辦不成奧運日本經濟可能會很慘「經濟真的死定了」。
據《東網》報導著名粉絲專頁「日本人的歐吉桑」版主為居於台灣的日本人他在粉絲頁上指出這幾年日本經濟不佳日本人仍能努力撐下來就是因為有東京奧運因為大家深信奧運將會帶來豐碩的經濟效益所以投入了大量的資源。如果取消奧運很多日本公司可能要倒閉。
他表示由於新冠肺炎疫情重創許多產業旅遊業尤其嚴重若奧運無法舉辦日本經濟真的「死定了」。
報導指出日本至今共4次申辦或主辦奧運第1次申辦1928年的東京奧運遇到了關東大地震；第2次主辦1940年的東京奧運因日本侵華被取消主辦權後由芬蘭接辦但最後仍因二戰爆發而停辦；第3次主辦1964年的東京奧運當時相首岸信介在安保條約後因日本學運大暴動下臺；第4次主辦2020年的東京奧運目前陷入新冠肺炎疫情的麻煩。
國際奧委會資深委員龐德亦承認如果新冠肺炎疫情在5月底前不能得到控制東京奧運可能要取消。最新預測認為2020東京奧運會的各項投資已高達250億美元(約合台幣7630億元)東京奧運會若被迫取消將對日本造成龐大經濟損失。
東京奧組委去年底公佈單是場地開支已達67億美元酒店業亦投資數10億美元進行裝修。一旦奧運會取消相關設施頓成「大白象」未能創造收入之餘未來的維修開支更帶來沉重負擔。
報導說除了硬體外因應奧運會帶來的門票、電視轉播、商業贊助、周邊商品收入亦會化為烏有更可能面臨違約賠償及保險索償等「蘇州屎」(粵諺語「爛攤子」)。難怪有分析員慨歎東京奧運若辦不成日本分分鐘面臨「破產級」的危機！</t>
  </si>
  <si>
    <t>奧運東京日本取消奧運會可能帶來主辦疫情肺炎報導經濟真的收入開支面臨著名辦不成</t>
  </si>
  <si>
    <t>肺炎兩岸包機臺灣</t>
  </si>
  <si>
    <t>一場看不到敵人、也看不見盡頭的戰爭2020新冠漢肺炎全球數百萬例確診、死亡人數超過30萬為什麼台灣守得住？這令全球稱羨的祕密關鍵是什麼？【精彩書摘】包機結早在一月二十五日蔡英文即指示研擬包機赴大陸撤僑</t>
  </si>
  <si>
    <t>包機全球盡頭戰爭冠漢肺炎指示蔡英文十五日看不見一月確診超過死亡書摘精彩人數臺灣得住秘密</t>
  </si>
  <si>
    <t>一場看不到敵人、也看不見盡頭的戰爭2020新冠漢肺炎全球數百萬例確診、死亡人數超過30萬為什麼台灣守得住？這令全球稱羨的祕密關鍵是什麼？
【精彩書摘】包機結
早在一月二十五日蔡英文即指示研擬包機赴大陸撤僑；二十七日海基會即發函海協會要求協助武漢台人返台；但海協會始終已讀不回。
直到一月二十九到三十一日間各國紛紛派包機到武漢撤僑；加上武漢傳出臺商確診武漢政府才緊急安排台灣民眾返台。
台灣政府指派行政院副院長陳其邁全權負責首班包機接機事宜眼見班機就要降落他急得像熱鍋上的螞蟻於是把腦筋動到昔日同事、台中市長盧秀燕身上並與台中市衛生局長曾梓展通電話這兩位都是他可以說得上話的人。最終在台中找到檢疫所連同烏來、林口兩處備妥三處檢疫所。
按事前雙方協議我方提出的名單必須與包機名單進行核對之後才准許登機；但陸方直到登機前一刻才丟出登機名單人數不僅多出許多還都是英文名字。我方立刻喊停無奈包機已飛上大陸領空只有二成多符合我方所提的優先名單。
兩岸角力戰接著開打二月六日台灣宣佈暫緩陸籍人士來台。直到蔡英文提出「橫濱模式」雙方各自妥協後由東航、華航執飛第二班武漢包機。
據前往接機的八裡療養院護理長賴碧蓮觀察接機過程中雙方工作人員相敬如賓似乎深怕斷了下一班包機的生機。當國人看見他們前來接機有人高興得跳了起來；連東航地勤人員都衝著他們喊：「他們是來接你們的是你們自己人！」
與華航乘客事先可穿好隔離衣登機不同東方航空不准醫、護人員將裝備帶上機。賴碧蓮於是和夥伴上演諜對諜戲碼先將四箱裝備慢慢挪移到登機口並暗示國人東西就放在那裡她們有把握利用登機時短暫空檔教會他們怎麼穿隔離衣。
抵達台灣後她原以為時間已晚陳時中部長接完華航包機應該不會出現；沒想到當他們穿過長廊陳時中竟從黑暗中鑽出來部長一句：「辛苦了！」令他們感動到說不出話來。他們倚著部長合照護理師擔心臉上的口罩勒痕讓她們變醜陳時中回答：「這是妳們光榮的印記、歷史的一刻！」
（本文摘自《戰疫：鐵人部長陳時中與台灣抗疫英雄們》／時報出版）
【作者簡介】
黃光芹
一九六五年生外省第二代政治評論員、作家。一九八八年進入新聞界曾任職於：台灣新生報、自由時報、新新聞週刊、TVBS電視台、衛視中文台、三立電視台、時報週刊；曾擔任記者、資深記者、總策畫、節目組長、撰述委員、採訪組副主任、政治組召集人、副總主筆。</t>
  </si>
  <si>
    <t>包機臺灣陳時中部長登機武漢名單華航雙方直到台中政治時報全球裝備國人返台</t>
  </si>
  <si>
    <t>戰疫鐵人部長陳時中台灣抗疫英雄</t>
  </si>
  <si>
    <t>陳時中部長臺灣鐵人英雄</t>
  </si>
  <si>
    <t>接種bnt學校新北學生授課</t>
  </si>
  <si>
    <t>新北市長侯友宜今（13日）下午主持疫情說明會針對轄內17萬學生接種BNT疫苗侯友宜表示已與各校長充分溝通接種後全校採居家線上授課1至2日確保學生身體健康若學生仍有不適可續請疫苗假不列入出缺勤紀錄</t>
  </si>
  <si>
    <t>學生疫苗接種侯友宜不適列入下午授課全校居家主持溝通疫情充分校長轄內說明會表示bnt</t>
  </si>
  <si>
    <t>新北市長侯友宜今（13日）下午主持疫情說明會針對轄內17萬學生接種BNT疫苗侯友宜表示已與各校長充分溝通接種後全校採居家線上授課1至2日確保學生身體健康若學生仍有不適可續請疫苗假不列入出缺勤紀錄。
侯友宜說大家都很關心孩子打疫苗的事情轄內有17萬學生將在22日入校集中接種市府擔心學生陸續接種後的身體變化已與各校校長討論接種後全校採線上授課讓家長可以隨時關心孩子的身體狀況。
另外他也呼籲校方注意幾點包括：接種BNT佈置友善接種環境、說明接種程式及衛教宣導、適時安撫情緒接種後留觀休息30分鐘接種後2周內避免劇烈運動侯友宜說校方面對疫苗接種除了要更應該戒慎恐懼外也要做好演練、安排避免任何狀況發生。</t>
  </si>
  <si>
    <t>接種侯友宜疫苗學生避免關心孩子校方bnt轄內授課校長全校演練做好衛教情緒適時</t>
  </si>
  <si>
    <t>新冠肺炎台灣接種學生BNT</t>
  </si>
  <si>
    <t>肺炎接種臺灣學生bnt</t>
  </si>
  <si>
    <t>水泥指數發光前景</t>
  </si>
  <si>
    <t>大陸新冠肺炎疫情緩和各地開始陸續復工武漢今日正式解封市場人士預期大陸水泥行業最艱難時刻已過水泥市場需求及水泥價格第2季可望開始回升。今日水泥股多頭氣勢如虹水泥雙雄的亞泥(1102)狂飆逾6%、台泥(</t>
  </si>
  <si>
    <t>水泥開始今日大陸緩和疫情行業陸續回升復工預期正式武漢解封人士市場雙雄氣勢如虹肺炎市場需求艱難多頭價格</t>
  </si>
  <si>
    <t>大陸新冠肺炎疫情緩和各地開始陸續復工武漢今日正式解封市場人士預期大陸水泥行業最艱難時刻已過水泥市場需求及水泥價格第2季可望開始回升。今日水泥股多頭氣勢如虹水泥雙雄的亞泥(1102)狂飆逾6%、台泥(1102)漲幅超過27%嘉泥(1103)及環泥(1104)等紛紛聯袂揚升水泥類股指數大漲在4%以上成為盤面上強勢的人氣焦點。
亞泥在大陸的主要生產基地所在華中地區隨著四川、江西各廠的復工產能利用率逐步增加到3月下旬已達四成水準湖北廠可望在4月復工產能利用率將進一步拉升亞泥營運將再度回溫今日股價以40元開出盤中最高曾衝至426元漲幅在6%以上。
大陸水泥市場受疫情影響台泥所在的華南、西南地區發貨量降低但隨著3月復工當地水泥市場漸漸恢復穩定水泥價格回穩法人預期台泥第2季營運將漸回到成長軌道。台泥2019年EPS 443元將配發25元現金股利、05元股票股利今日股價開高走高中場過後盤中漲幅逾27%。</t>
  </si>
  <si>
    <t>水泥台泥復工今日大陸市場漲幅疫情以上可望營運預期產能股價利用率開始價格盤中股利下旬</t>
  </si>
  <si>
    <t>水泥股新冠肺炎疫情嘉泥環泥</t>
  </si>
  <si>
    <t>疫情肺炎嘉泥水泥</t>
  </si>
  <si>
    <t>《產業》疫情影響電腦展延期至9月</t>
  </si>
  <si>
    <t>疫情影響產業電腦展延期</t>
  </si>
  <si>
    <t>受到嚴重特殊傳染性肺炎(COVID-19)疫情影響COMPUTEX 2020（臺北國際電腦展）確定延期至9月舉辦且9月28日至30日僅三天天數也縮減。COMPUTEX 2020將呈現5G與通訊、智慧解決方案、電競及創新等主題。新冠肺炎疫情</t>
  </si>
  <si>
    <t>computex肺炎疫情covid-創新電競主題電腦展方案影響國際臺北解決縮減智慧呈現通訊傳染性舉辦延期確定天數特殊</t>
  </si>
  <si>
    <t>受到嚴重特殊傳染性肺炎(COVID-19)疫情影響COMPUTEX 2020（臺北國際電腦展）確定延期至9月舉辦且9月28日至30日僅三天天數也縮減。COMPUTEX 2020將呈現5G與通訊、智慧解決方案、電競及創新等主題。
新冠肺炎疫情擴散目前已累積超過30萬人確診、分佈於全球167國已嚴重衝擊經濟、貿易、交通運輸與會展觀光等各行各業。COMPUTEX主辦單位外貿協會秘書長葉明水及臺北市電腦公會總幹事杜全昌23日共同宣佈基於維護參展廠商及參觀者的健康與安全顧及參展效益與維繫COMPUTEX品牌形象原訂今年6月2日至6日舉辦的COMPUTEX將延期至9月辦理。
為了持續服務全球有需求的參展廠商及買主今年COMPUTEX將延期至9月28日至30日於臺北南港展覽館2館舉行將呈現5G與通訊、智慧解決方案、電競及創新與新創（InnoVEX）等重點主題。依據麥肯錫最新疫情報告中國與東亞的疫情在第2季初期會受到控制歐美地區疫情也會在6月趨緩外貿協會將透過全球63個駐外單位加強洽邀全球買主來台參觀9月的COMPUTEX。
針對持續力挺COMPUTEX的國內參展廠商主辦單位將於6月原檔期期間在台灣經貿網辦理COMPUTEX線上展覽廣邀全球買主參加視訊採購洽談會及邀請國內外指標廠商進行線上新產品發表會同期將邀請國內外資通訊指標性業者以Webinar型式分享5G與AIoT等智慧科技應用與最新趨勢。</t>
  </si>
  <si>
    <t>computex全球疫情廠商參展買主邀請通訊外貿協會智慧主題肺炎延期主辦單位最新臺北嚴重持續辦理</t>
  </si>
  <si>
    <t>COMPUTEX 2020臺北國際電腦展新冠肺炎疫情影響</t>
  </si>
  <si>
    <t>電腦展肺炎國際疫情臺北computex影響</t>
  </si>
  <si>
    <t>舉辦今日報喜營運瑞智</t>
  </si>
  <si>
    <t>瑞智精密上半年出貨訂單因新冠肺炎疫情而延後至第三季釋出加上大陸實施空調新國家標準能效促使大陸空調業出清庫存造就第三季營運傳捷報銷量及合併營收雙雙創同期新高。瑞智10月進入外銷歐美旺季目前接單優</t>
  </si>
  <si>
    <t>大陸瑞智歐美外銷進入訂單旺季同期合併銷量傳捷報肺炎營運疫情造就而延庫存出清促使空調業</t>
  </si>
  <si>
    <t>瑞智精密上半年出貨訂單因新冠肺炎疫情而延後至第三季釋出加上大陸實施空調新國家標準能效促使大陸空調業出清庫存造就第三季營運傳捷報銷量及合併營收雙雙創同期新高。瑞智10月進入外銷歐美旺季目前接單優於9月今(12)日將參加元大證券主辦法說會說明第四季營運展望。
瑞智9月壓縮機銷售15056萬台月增142％年成長704％但受限客戶砍價營收並未隨銷售增長而同步增長反而呈現負成長。9月合併營收1436億元月減025％年減337％。第三季銷售台數48776萬台年增幅3572％；第三季合併營收4629億元年成長1659％。前三季累計銷售139961萬台年增281％締造歷史次高；前三季累計合併營收14109億元年減889％。
瑞智主管表示7、8月大陸空調業者拉貨強勁9月下旬逐漸進入歐美外銷旺季銷售台數回升第三季銷售量及合併營收雙雙改寫同期歷史新高呈現淡季不淡。
瑞智主管表示當前全球市場仍受新冠肺炎疫情蔓延、中美貿易摩擦等不確定因素影響瑞智持續觀望市場機會隨時因應市場波動。不過第四季進入壓縮機外銷歐美市場旺季睿智10月接單超過160萬台勝過9月大陸廠配合十一長假放8天假生產出貨是否受影響還要看後續出貨而定。</t>
  </si>
  <si>
    <t>大陸銷售市場合併瑞智進入外銷旺季四季營運影響空調業歷史呈現壓縮機疫情</t>
  </si>
  <si>
    <t>瑞智合併營收法說會新冠肺炎疫情大陸空調</t>
  </si>
  <si>
    <t>肺炎疫情大陸合併瑞智空調</t>
  </si>
  <si>
    <t>醫院肺炎疫情區長阿蓮下月歇業高雄市</t>
  </si>
  <si>
    <t>高雄市阿蓮區長佑醫院不敵新冠肺炎疫情波及將在4月底暫時停業院方並證實因受疫情影響病患不敢上門做復健嚴重影響醫院收入及營運經考量後決定暫時辦理停業未來將視疫情狀況再決定是否復業或歇業。長佑</t>
  </si>
  <si>
    <t>疫情醫院決定影響暫時停業是否複健嚴重不敢肺炎狀況收入營運考量波及辦理</t>
  </si>
  <si>
    <t>高雄市阿蓮區長佑醫院不敵新冠肺炎疫情波及將在4月底暫時停業院方並證實因受疫情影響病患不敢上門做復健嚴重影響醫院收入及營運經考量後決定暫時辦理停業未來將視疫情狀況再決定是否復業或歇業。
長佑醫院在阿蓮地區經營將近25年目前設有外科、復健科醫療人員約20人長期以來提供偏鄉醫療服務再加上阿蓮、田寮多為務農人口而且多是年長的長輩常常前往復健科門診看診。
地方人士指出長佑醫院是阿蓮區和田寮區唯一的地區醫院由前高市議員李長生創辦由於近年醫學中心與區域醫院增加院內規模及科別漸漸縮減今年來受到新冠肺炎疫情衝擊門診病患確實較以往減少許多。
不過地方也盛傳院長蔡文中早於2017年就曾以年邁為由打算退休歇業有意退休歇業相關歇業傳聞也在當地社群網站引起不少討論。
長佑醫院總務主任梁武成證實醫院的確受到新冠肺炎疫情影響病患不敢上門做復健4月底將暫時停業該院醫護人員近日已紛紛向醫政單位辦理離職。</t>
  </si>
  <si>
    <t>醫院疫情阿蓮複健歇業暫時停業肺炎地方影響醫療決定辦理證實月底退休為由</t>
  </si>
  <si>
    <t>醫院疫情歇業肺炎影響</t>
  </si>
  <si>
    <t>肺炎影響醫院歇業疫情</t>
  </si>
  <si>
    <t>奪金牌一面活動東奧加碼迎接現金</t>
  </si>
  <si>
    <t>東京奧運即將7月下旬開幕台灣運彩已獲主管機關體育署政策支持放寬獎金支出率上限未來將開出逾16種投注項目。台灣運彩表示為了力挺國手為國爭國及炒熱投注氣氛運彩推出新力挺辦法從即日起到8月8日（日）台</t>
  </si>
  <si>
    <t>運彩臺灣下旬推出放寬支持獎金辦法政策開幕支出體育上限主管機關未來氣氛開出力挺</t>
  </si>
  <si>
    <t>東京奧運即將7月下旬開幕台灣運彩已獲主管機關體育署政策支持放寬獎金支出率上限未來將開出逾16種投注項目。台灣運彩表示為了力挺國手為國爭國及炒熱投注氣氛運彩推出新力挺辦法從即日起到8月8日（日）台灣國手每得到一面金牌即抽100萬元現金得主希望讓更多民眾關注選手們在競技場上的精彩表現一起幫選手奪牌讚聲! 台灣運彩表示2020年東京奧運7月23日（五）即將開幕台灣運彩全力開盤相挺預計將16種以上的運動種類納為投注標的包含中華隊奪牌熱門的項目例如舉重、射箭、跆拳道等及普受大家喜愛的棒球、籃球、足球、排球等團體項目希望帶動更多民眾關注選手們在最高競技殿堂的精彩表現一同為中華隊加油也為選手的精采表現喝采。
為增進國人對於體育賽事之關注體育署特別專案方式核准台灣運彩獎金支出率免予適用 78％上限及政府盈餘依比例分攤超額獎金以提高奧運賽事投注之吸引力增加之銷售額亦可挹注運動發展基金收益作為政府培育、照顧運動人才及協助產業發展之用。
台灣運彩表示奧運賽事屬綜合性運動賽會非常態性職業運動賽事相關統計資料不易取得開盤財務風險高特別感謝體育署政策支持放寬獎金支出率上限將會提供豐富的項目及玩法讓民眾參與盛會這次可投注的項目是以國人喜愛的團體賽以及台灣選手參賽的項目為主。
另為回饋給用投注挺體育的消費者及號召大家一起為中華代表隊加油台灣運彩表示從即日起到8月8日（日）規劃「台灣英雄來奪金 運彩乎你抽現金」活動獎項包括價值約5萬元的限量版紀念金幣20枚以及10萬元現金10份另外還加碼「奧運奪牌獎」也就是台灣國手每奪一面金、銀、銅牌就加碼抽出100萬元、30萬元、20萬元現金台灣奧運國手奪牌數愈多加碼抽出的現金就愈多而且獎金無上限。
由於目前國內新冠肺炎疫情嚴峻中央流行疫情指揮中心宣佈防疫三級警戒延長到今年7月12日為因應疫情台灣運彩全新推出「Mobile ID」會員申請服務大家待在家裡就可以上網申請成為網路會員及進行線上投注。</t>
  </si>
  <si>
    <t>臺灣運彩項目運動現金選手奧運獎金體育上限國手賽事表示疫情表現關注政府民眾開盤喜愛</t>
  </si>
  <si>
    <t>全新台灣運彩投注項目獎金</t>
  </si>
  <si>
    <t>運彩項目臺灣獎金</t>
  </si>
  <si>
    <t>超市開戰綜合上演格鬥衛生紙</t>
  </si>
  <si>
    <t>疫情蔓延的恐慌下各國開始出現日用品搶購潮像是美國好市多貨架被清空、瘋狂搶購物資以備未來宅在家使用。最近澳洲更發生一起超市鬥毆事件一名黑人女子伸手拿了別人推車裡一袋衛生紙被當事人抓包想拿回來</t>
  </si>
  <si>
    <t>開始出現日用品搶購潮車裡像是美國伸手女子貨架黑人事件鬥毆瘋狂超市搶購一起物資發生以備未來澳洲</t>
  </si>
  <si>
    <t>All because of toilet paper ? ? ‍♂️? ? ‍♂️ pictwittercom/XGtLeXrKJ5
疫情蔓延的恐慌下各國開始出現日用品搶購潮像是美國好市多貨架被清空、瘋狂搶購物資以備未來宅在家使用。最近澳洲更發生一起超市鬥毆事件一名黑人女子伸手拿了別人推車裡一袋衛生紙被當事人抓包想拿回來但黑人女子不願開始拉扯對方頭髮這對母女為了掙脫而反擊3人扭打成一團有如MMA（綜合格鬥）戰場互不相讓。
這場大戰發生在澳洲雪梨丘洛拉區（Chullora）的一間沃爾沃斯超市該超市祭出限購令每人只能買4袋衛生紙許多人早在超市開門前提早排隊直衝貨架開搶但一名黑人女子似乎是太晚來沒搶到便從隔壁推車順手劫一袋走被該推車的母女發現黑人女子堅持不還打成一團互扯頭髮、尖叫、攻擊、撞貨架格鬥現場一堆人圍觀、錄影上傳推特。
推特影片中超市職員急忙上前隔開兩組人馬最後黑人女子一包也沒搶到哀求人家「我只想要一包」但對方表示「一包也不給你」、「請離我女兒遠一點」火藥味濃厚幾乎再次開戰幸好被職員勸阻了。</t>
  </si>
  <si>
    <t>超市女子黑人貨架開始格鬥搶到澳洲頭髮母女發生對方衛生紙職員paperpictwittercomxgtlexrkjtoilet再次疫情濃厚幾乎</t>
  </si>
  <si>
    <t>超市黑人衛生紙貨架推車</t>
  </si>
  <si>
    <t>貨架衛生紙黑人超市</t>
  </si>
  <si>
    <t>az分類指揮中心診所知名違者重罰北市</t>
  </si>
  <si>
    <t>臺北市好心肝診所昨日傳出深夜施打新冠肺炎疫苗不少民眾拿著健保卡排隊接種對此指揮中心回應現階段新冠肺炎開放公費接種對象都需依照指揮中心公佈順序施打違者可處30萬至200萬罰鍰已請北市衛生局進行</t>
  </si>
  <si>
    <t>肺炎中心指揮接種昨日傳出北市深夜違者施打新施打診所順序公佈疫苗民眾排隊都需對此</t>
  </si>
  <si>
    <t>臺北市好心肝診所昨日傳出深夜施打新冠肺炎疫苗不少民眾拿著健保卡排隊接種對此指揮中心回應現階段新冠肺炎開放公費接種對象都需依照指揮中心公佈順序施打違者可處30萬至200萬罰鍰已請北市衛生局進行瞭解及處理。另外好心肝則表示昨晚施打AZ疫苗的是醫療相關人員的志工沒有針對一般民眾施打。
前立委、醫師林靜儀昨（8）日在臉書質疑淩晨12點多「為什麼臺北市某診所依然燈火通明？某醫院據說打不完的疫苗難道由診所幫忙消耗嗎？」更傳出施打對象根本不符合指揮中心公佈的第一類至第三類人引發網友熱烈討論。黃珊珊則回應有配發疫苗到合約診所若施打對象非第一類至第三類人員將會依法開罰。
指揮中心也重申新冠肺炎疫苗現階段開放的公費接種對象以雙北地區屬於第一類至第三類未曾接種第一劑疫苗的醫事、防疫人員及高接觸風險者為優先接種對象；雙北以外之縣市則以未曾接種疫苗的第一類醫事人員為接種對象
指揮中心表示已請北市衛生局瞭解及處理如經查執行其接種作業有違指揮中心相關接種政策或實施對象者可依傳染病防治法第29條處以30萬至200萬罰鍰也再次強調中央與地方「標準一致、做法一致、腳步一致」防疫原則並請各地方政府及醫療院所依據指揮中心所訂新冠肺炎疫苗接種順序進行施打。
對此好心肝門診人員今日受訪時表示昨晚確實有打但是給門診醫療相關人員的志工施打新冠肺炎疫苗且很多都有符合醫事人員強調是「醫療人員的相關志工」。
好心肝門診人員說目前沒有針對一般民眾施打昨天晚上門口大排長龍是醫療相關人員的志工在施打不知道為何媒體報成這樣。
好心肝表示其餘很多民眾是打肺炎鏈球菌疫苗志工是打新冠肺炎疫苗是相關志工的診所沒有開放一般民眾施打。並說自己是合約醫療院所。
由於外傳好心肝門診的新冠肺炎疫苗來源是台大醫院對此台大醫院也發嚴正聲明：「本院絕無將COVID-19疫苗轉移至任何其他機構目前仍持續進行醫療人員施打作業」。</t>
  </si>
  <si>
    <t>疫苗施打接種人員對象指揮中心診所心肝醫療肺炎民眾相關表示對此門診進行</t>
  </si>
  <si>
    <t>指揮中心診所施打新冠肺炎疫苗接種</t>
  </si>
  <si>
    <t>施打診所肺炎疫苗中心指揮接種</t>
  </si>
  <si>
    <t>主控國王</t>
  </si>
  <si>
    <t>隨著NBA在復賽前針對各隊進行全面性新冠檢測接下來每天就等看誰中標！國王昨天一口氣確認賈巴厘派克、希爾德與艾力克斯連等3名球員感染新冠肺炎也都隨即進行隔離溜馬主控布羅格登也被檢測出新冠陽性反應。先後</t>
  </si>
  <si>
    <t>進行檢測出新一口氣確認昨天國王賈巴厘派克全面中標希爾德複賽艾力克球員接下來感染主控隔離布羅格登隨即</t>
  </si>
  <si>
    <t>隨著NBA在復賽前針對各隊進行全面性新冠檢測接下來每天就等看誰中標！國王昨天一口氣確認賈巴厘派克、希爾德與艾力克斯連等3名球員感染新冠肺炎也都隨即進行隔離溜馬主控布羅格登也被檢測出新冠陽性反應。
先後爆出3名國王球員確診新冠肺炎消息的是《The Athletic》權威記者查拉尼亞這3名球員也在昨天透過聲明坦承自己感染新冠肺炎其中希爾德堪稱國王主力戰將畢竟他不僅拿下今年三分球大賽冠軍場均更可拿下198分。
賈巴厘派克與艾力克斯連都是今年2月透過交易來到國王的球員真正效力國王時間都不久。國王列在參加奧蘭多復賽的22支球隊中也跟灰熊、拓荒者、鵜鶘、馬刺、太陽等隊爭搶西區第8種子位置整體戰力仍受影響。
不過目前距離復賽開打時間也就是7月31日還有整整1個多月聯盟會挑在當前進行全面性新冠檢測就是期望可以真正在奧蘭多打造一個封閉比賽環境目前3名球員都在進行隔離治療當中病情也都不嚴重應可趕上復賽。
甚至國王也做好備案前天突然宣佈簽下本季都沒上過場的布魯爾就是聽到陣中可能出現多名確診球員才會趕緊簽下布魯爾以防萬一布魯爾上次打NBA是在2018-19年球季當時就曾短暫效力過國王當作替補射手毫無問題。
至於溜馬主控布羅格登昨透過官方推特發表聲明確定自己感染新冠肺炎他先前曾上街頭參加「黑人的命也是命（BLM）」抗議遊行而且都沒有保持社交距離可說做出最差示範但根據他的聲明看來應可順利趕上本季復賽。</t>
  </si>
  <si>
    <t>國王球員複賽進行透過肺炎聲明檢測布魯爾距離今年目前奧蘭多拿下就是參加簽下昨天時間感染nba</t>
  </si>
  <si>
    <t>名球員NBA肺炎球員溜馬</t>
  </si>
  <si>
    <t>球員nba肺炎</t>
  </si>
  <si>
    <t>最後別輸關鍵</t>
  </si>
  <si>
    <t>台灣境外移入爆風成長8例讓「漂浪島嶼--munch」也在臉書發聲防疫部應該只是參考性質應該要有強制力來遏止鑽法白目也呼籲大家別讓阿中部長輸在龜兔賽跑的最後一哩路。臉書粉專「漂浪島嶼--munch」貼文指出</t>
  </si>
  <si>
    <t>島嶼--munch應該風成長強制力遏止白目呼籲部長防疫阿中發聲最後</t>
  </si>
  <si>
    <t>台灣境外移入爆風成長8例讓「漂浪島嶼--munch」也在臉書發聲防疫部應該只是參考性質應該要有強制力來遏止鑽法白目也呼籲大家別讓阿中部長輸在龜兔賽跑的最後一哩路。
臉書粉專「漂浪島嶼--munch」貼文指出台灣因為第一時間就對大陸發布旅遊警示因此成功守住第一波但對歐美和他國卻僅有旅遊警示未禁止入團、出團使得防疫破口顯現確診數激增讓人擔心社區傳染發生。
漂浪島嶼--munch表示防疫應具「法治力」而非只具「參考性質」的旅遊警示的而已也不該只是出國警告的「道德勸說」讓人民無法可循、出現鑽法白目。前期防疫嚴密切勿在後期破功政府必須徹底授權該嚴禁往來的就不分國別一切以防疫為重。
漂浪島嶼--munch也說「別讓陳時中眉頭深鎖在防疫的龜兔賽跑中輸在最後一哩路上甚至折損一位大將！」</t>
  </si>
  <si>
    <t>防疫旅遊警示島嶼--munch最後只是龜兔賽跑白目參考性臺灣應該路上必須政府</t>
  </si>
  <si>
    <t>輸在最後漂浪島嶼munch關鍵生活台灣</t>
  </si>
  <si>
    <t>島嶼munch關鍵生活最後臺灣</t>
  </si>
  <si>
    <t>返台陸委會個別台人湖北包機滯留檢疫</t>
  </si>
  <si>
    <t>陸委會今（19）日下午召開記者會媒體問到滯留湖北台灣人何時可以返台？陸委會發言人邱垂正表示仍然維持須包機返台、集中檢疫的政策不變。媒體問到滯留湖北台灣人的註記可否取消？可否從武漢離開可否入境？法</t>
  </si>
  <si>
    <t>返台臺灣人陸委會湖北媒體問到滯留可否召開記者會維持包機集中仍然表示邱垂正武漢檢疫發言人政策可以下午取消離開</t>
  </si>
  <si>
    <t>陸委會今（19）日下午召開記者會媒體問到滯留湖北台灣人何時可以返台？陸委會發言人邱垂正表示仍然維持須包機返台、集中檢疫的政策不變。
媒體問到滯留湖北台灣人的註記可否取消？可否從武漢離開可否入境？法源依據？陸委會發言人邱垂正指出陸委會是依據中央疫情指揮中心2月25日發布的措施要點為依據仍然維持必須使用包（專）機返台集中檢疫。
至於滯留湖北台灣人可否個別返台？邱垂正表示目前湖北還是封城離開當地需要健康證明以及外省目的地接收許可風險還是很高因此仍維持之前的決定。</t>
  </si>
  <si>
    <t>返台湖北維持依據陸委會邱垂正可否滯留臺灣人離開仍然集中檢疫表示發言人問到媒體目的地風險外省許可接收證明健康需要</t>
  </si>
  <si>
    <t>陸委會滯留湖北台灣人邱垂正新冠肺炎新型冠狀病毒</t>
  </si>
  <si>
    <t>邱垂正臺灣人肺炎湖北滯留冠狀陸委會病毒</t>
  </si>
  <si>
    <t>教學測試啟動異地上班韓國</t>
  </si>
  <si>
    <t>針對新冠肺炎疫情衝擊高雄市長韓國瑜9日主持完防疫會議後表示將指定市區及郊區各1所學校立刻測試遠距教學；另也研議異地上班可能已請人事處、研討會立刻研究將找一個單位作測試壓力。另外也通過校園「新</t>
  </si>
  <si>
    <t>立刻測試衝擊高雄市長韓國瑜主持防疫會議表示指定可能上班異地疫情研議人事處研討會研究學校</t>
  </si>
  <si>
    <t>針對新冠肺炎疫情衝擊高雄市長韓國瑜9日主持完防疫會議後表示將指定市區及郊區各1所學校立刻測試遠距教學；另也研議異地上班可能已請人事處、研討會立刻研究將找一個單位作測試壓力。另外也通過校園「新禮貌運動」人與人之間保持1公尺左右距離。
韓國瑜表示今天是第11次防疫會議會中決定將立刻測試遠距教學檢視師生、設備準備好了沒？將在市區、郊區各找1間學校立刻實施遠距教學從測試過程檢討有無需要改善之處。
韓國瑜也提到針對異地上班及居家上班也請人事處、研討會立刻開始研究要做1場測試壓力找1個單位實施異地上班、居家上班但當中恐怕出現很多問題包括上班品質會不會改變、上班打卡、上下班的時數以及長官部屬橫向聯繫之間有沒有辦法準備完善將一一檢討改善。
韓國瑜表示今也通過「新禮貌運動」希望人與人之間保持1公尺左右距離小朋友下課之後也會請學校多鼓勵小朋友到操場多走一走、多曬太陽不要再繼續窩在教室裡。
衛生局長林立人指出辦公模式應變機制已做檢討各局處開始盤點會議模式哪些核心會議必須進行哪一些可以暫緩而未來若隨著疫情發展社區傳播到達一定規模將提早部屬做準備啟動各級視訊或雲端會議因應。</t>
  </si>
  <si>
    <t>會議上班測試立刻準備檢討表示學校之間疫情韓國部屬模式異地教學防疫開始小朋友改善</t>
  </si>
  <si>
    <t>韓國瑜遠距教學異地上班高雄市新冠肺炎</t>
  </si>
  <si>
    <t>上班異地高雄市教學韓國肺炎</t>
  </si>
  <si>
    <t>返鄉盲點防疫開車確定身上端午病毒</t>
  </si>
  <si>
    <t>全國疫情未見降溫三級警戒是否「二度延長」至6月28日成為各界關注話題。不過下周端午連假就要來了為防堵病毒流動各界紛紛呼籲異鄉遊子耐住思鄉之情別衝動回老家連中央流行指揮中心今（6）日下午都出面</t>
  </si>
  <si>
    <t>降溫警戒是否延長中心指揮成為中央流行回老家關注衝動話題思鄉端午遊子耐異鄉就要呼籲紛紛</t>
  </si>
  <si>
    <t>全國疫情未見降溫三級警戒是否「二度延長」至6月28日成為各界關注話題。不過下周端午連假就要來了為防堵病毒流動各界紛紛呼籲異鄉遊子耐住思鄉之情別衝動回老家連中央流行指揮中心今（6）日下午都出面呼籲國人盡量「減少移動」對此有PTT網友忍不住上網發問「開車返鄉總可以吧？」貼文一出隨即引發熱議有高人一語戳破盲點反問「你怎麼能確定你身上沒病毒？」
根據PTT該貼文內容原PO針對端午連假返鄉的議題提出疑問表示疫情警戒既然未升四級政府也沒有宣佈封城、封高速公路那避免搭乘多人群聚空間又密閉的大眾運輸改「開車、租車返鄉總可以吧？」
話鋒一轉原PO認為大家防疫能謹慎但別過度緊張因為現在很多通勤族已經全天戴口罩移動範圍只剩租屋、公司兩點一線如今北漂青年想返鄉卻被抨擊是「北毒南送的不肖子」這讓原PO不禁直言「維持平常心才有辦法再撐個一年兩年啦語畢誰同意誰反對？」
不過這則文一出立馬遭大批網友留言反彈先後疾呼「你想冒著無症狀的風險那就返鄉吧記得盡量少接觸他人」、「誰知道你是不是無症狀感染者」、「你怎麼能確定你身上沒病毒」、「就跟你說不要探親訪友了回去就別再回來」、「我怕我自己是無症狀帶病毒回家孝順父母萬一中了鄉下人高概率會亂唾棄家人」。
由此可見為落實防疫措施確實遏止病毒擴散目前公路總局已緊急取消連假客運85折優惠希望減少台灣人口流動而高鐵則針對「尖峰時段載客率超過2成」的車次進行換、退票手續協助人流分散又台鐵公佈退票率達7成6預估端午連假售票張數可壓到3萬張以下。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返鄉防疫症狀病毒po端午口罩搭乘流動呼籲減少移動網友務必</t>
  </si>
  <si>
    <t>返鄉端午連假病毒開車</t>
  </si>
  <si>
    <t>端午開車返鄉病毒</t>
  </si>
  <si>
    <t>曝光感謝原因口罩加利國家隊尷尬</t>
  </si>
  <si>
    <t>口罩國家隊接連爆出假MIT事件引發民眾退貨潮不過竟然有網友表示要感謝第一個被抓到做假MIT口罩的加利科技廠商引起網友好奇原因曝光後網友笑說：「太尷尬了吧」。原PO在PTT貼文指出口罩國家隊近來接連</t>
  </si>
  <si>
    <t>網友口罩mit國家隊po指出ptt尷尬接連事件引發引起民眾竟然退貨表示廠商科技做假加利感謝</t>
  </si>
  <si>
    <t>口罩國家隊接連爆出假MIT事件引發民眾退貨潮不過竟然有網友表示要感謝第一個被抓到做假MIT口罩的加利科技廠商引起網友好奇原因曝光後網友笑說：「太尷尬了吧」。
原PO在PTT貼文指出口罩國家隊近來接連遭踢爆混充假MIT口罩但他卻說「其實認真說起來是不是應該要感謝加利」他認為是因為加利被查到之後政府開始積極介入調查才發現有這麼多不肖廠商進一步往後查到更多家。
貼文曝光後引起網友熱議紛紛回應「確實加利是引爆點但說要感謝也太尷尬了吧」、「說起來也尷尬沒爆出第一間也真的不會查出後面的」、「支持政府繼續查下去…但不至於到感謝」；也有人嗆「那有沒有想過都不要做這些事就好哪需要查成這樣」、「政府要檢討管制措施不是每次都要出事才在徹查有啥用」。
第一家被查出MIT混充大陸製口罩、流入實名制市場的是加利科技但負責人林明進受訪時強調品質比台灣製的還好政府下令徹查後又查出「豪品」及「勤達醫藥器材公司」都有混充大陸製口罩及偽標狀況。</t>
  </si>
  <si>
    <t>口罩政府mit加利網友感謝查出廠商科技尷尬爆出引起起來接連大陸混充曝光</t>
  </si>
  <si>
    <t>口罩國家隊加利假MIT假口罩豪品</t>
  </si>
  <si>
    <t>口罩mit國家隊加利</t>
  </si>
  <si>
    <t>生病從未打工驚人原因速食店</t>
  </si>
  <si>
    <t>新冠肺炎(NCP)疫情不斷升溫確診人數多達4萬起造成全球人心惶惶大陸72歲健身達人邱鈞曾聲稱自己從未生病豈料竟染上肺炎病逝。不少專家也表示民眾防疫不僅靠口罩「勤洗手」更是重要近日一名日本網友就</t>
  </si>
  <si>
    <t>肺炎重要更是勤洗手口罩疫情防疫不斷民眾確診升溫人數表示近日造成全球專家人心惶惶大陸健身病逝達人邱鈞聲稱從未</t>
  </si>
  <si>
    <t>新冠肺炎(NCP)疫情不斷升溫確診人數多達4萬起造成全球人心惶惶大陸72歲健身達人邱鈞曾聲稱自己從未生病豈料竟染上肺炎病逝。不少專家也表示民眾防疫不僅靠口罩「勤洗手」更是重要近日一名日本網友就透露在速食店打工11年卻不曾生病過獲得78萬人關注。
日本網友@kobuta_dq在推特提到這是一個真實故事他從高中一年級就在麥當勞打工如今出社會轉為正式員工期間總共11年僅得過1次小感冒原因就是「在工作中必須每30分鐘就洗一次手」讓他直呼洗手非常重要「洗手是最有力的保護措施多虧了您高中3年還得了全勤獎」。
これ、マジな話なんですが、「就業中30分に1回の手洗いを義務付けている」マクドナルドで働いていた高校1年からの11年間（アルバイト→社員）は、1回しか風邪をひかなかったので手洗いは最強の防護策です。おかげさまで高校3年間皆勤賞でした。
這一篇PO文也獲78萬人按讚表示「最有說服力的洗手論」、「浣熊防疫最強」、「這很有可能是原因之一。我也曾在餐飲業工作需常戴口罩、手套使用消毒洗手和用紙巾擦拭」、「洗手肯定有效。但如果您洗太多次手會變得很粗糙所以外出時我總是戴手套因為搭車可能會接觸其他物品回家後洗衣物」但也有人認為不僅要勤洗手還得補充睡眠、運動及營養等保持身體健康也很重要。</t>
  </si>
  <si>
    <t>洗手重要生病肺炎手套原因勤洗手口罩打工可能高校防疫網友日本表示疫情</t>
  </si>
  <si>
    <t>洗手新冠肺炎NCP生病速食店</t>
  </si>
  <si>
    <t>ncp肺炎生病洗手速食店</t>
  </si>
  <si>
    <t>擺尾台積解析盤後連紅</t>
  </si>
  <si>
    <t>受到美股走全面收黑影響台股今早盤震盪走跌一度摔下13200點盤中則在權值股台積電等拉抬下指數翻紅接近午盤後一路走高呈現量縮回穩終場收在今日最高指數收漲5155點、報在1327333點、成交量為17967</t>
  </si>
  <si>
    <t>指數黑影最高震盪走跌一度盤中今日權值終場縮回收在呈現抬下翻紅盤後</t>
  </si>
  <si>
    <t>受到美股走全面收黑影響台股今早盤震盪走跌一度摔下13200點盤中則在權值股台積電等拉抬下指數翻紅接近午盤後一路走高呈現量縮回穩終場收在今日最高指數收漲5155點、報在1327333點、成交量為179671億元；台股周線連二紅、本周上漲299點。
權值股今漸入佳境台積電(2330)為留住人才傳出明年將大幅調薪終場收在今日最高漲幅逾082%報在462元股王大立光(3008)早盤後股價翻紅一路持穩走揚終場收漲09%、報在3360元鴻海(2317)法說對第四季營運釋出樂觀看法並預期明年營收將恢復成長惟今日市場並不買單收跌061%。
除蘋概三雄的漲多跌少外今其餘權值股方面聯發科(2454)尾盤翻紅小漲03%華碩(2357)持續反應第三季財報大驚奇續揚收漲08%。
傳產股中今航運匯聚資金潮長榮(2603)大漲3%成交值僅次台股權王台積電陽明(2603)也收漲逾1%另外造紙股今也相當強勢士紙(1903)儘管累計前三季虧損但受惠資產題材股價上揚1%永豐餘(1907)則是第三季營運業內外皆美稅後淨利跳增至2215億元、每股盈餘133元帶動前三季稅後淨利倍增至4117億元、每股盈餘248元雙創歷史新高股價強漲8%。
分析師表示目前儘管全球新冠疫情持續蔓延但由於疫苗研發有成全球金融市場不受影響考量現階段全球的資金寬鬆加上新冠疫情有望逐漸緩解、以及未來景氣看升外資連續買超台股搭配第四季進入產業旺季以及法人作帳行情建議持續偏多操作技術面上目前技術面短中期均線呈現多頭排列KD及MACD指標維持多頭走勢多方格局不變。</t>
  </si>
  <si>
    <t>持續全球翻紅股價今日終場四季呈現資金營運目前多頭指數明年疫情</t>
  </si>
  <si>
    <t>台積電鴻海大立光聯發科長榮</t>
  </si>
  <si>
    <t>聯發台積電</t>
  </si>
  <si>
    <t>有無休息闔眼大笑小時陳時中</t>
  </si>
  <si>
    <t>第二架從上海浦東機場起飛的類包機晚間抵台中央流行疫情指揮中心指揮官陳時中親自到機場坐鎮指揮由於指揮中心白天開例行記者會報告最新疫情晚上又接著要接應類包機陳時中幾乎24小時未闔眼面對媒體關心身</t>
  </si>
  <si>
    <t>陳時中疫情包機指揮中心闔眼小時幾乎面對接應中央報告最新晚上記者會流行例行指揮官晚間媒體白天坐鎮機場</t>
  </si>
  <si>
    <t>第二架從上海浦東機場起飛的類包機晚間抵台中央流行疫情指揮中心指揮官陳時中親自到機場坐鎮指揮由於指揮中心白天開例行記者會報告最新疫情晚上又接著要接應類包機陳時中幾乎24小時未闔眼面對媒體關心身體狀況陳時中笑著以4字回應。
類包機214名乘客昨晚順利返台陳時中連續兩天親自到現場坐鎮許多網友都十分關心他的身體健康擔心指揮官身體吃不消面對記者詢問「好像越來越憔悴是否會多休息幾天？」陳時中則大笑回應「應該沒有」。
陳時中離開時特地搖下車窗接受記者訪問並簡單交代現場狀況表示目前十分順利整個流程沒有不尋常狀況。對於陳時中為防疫把關幾乎24小時未闔眼網友紛紛表示「他看起來真的很累」、「辛苦了快點休息」。</t>
  </si>
  <si>
    <t>陳時中包機記者疫情沒有網友狀況面對現場指揮官順利指揮中心回應時中休息闔眼坐鎮小時幾乎親自真的看起來</t>
  </si>
  <si>
    <t>陳時中台師大師大類包機24小時</t>
  </si>
  <si>
    <t>台師大小時包機陳時中師大</t>
  </si>
  <si>
    <t>結束宣佈重大審慎川普策略</t>
  </si>
  <si>
    <t>美國總統川普週四說他週五將召開「有關中國」的記者會但並未提供任何細節而這隨即導致市場下跌。據CNBC新聞網28日報導好幾個星期以來美國政府指控中方新冠肺炎疫情初期掩蓋事實不斷對北京加強施壓。川普</t>
  </si>
  <si>
    <t>川普週五不斷事實掩蓋召開初期有關疫情中國肺炎記者會並未提供中方細節指控隨即美國政府導致以來市場星期下跌報導cnbc</t>
  </si>
  <si>
    <t>美國總統川普週四說他週五將召開「有關中國」的記者會但並未提供任何細節而這隨即導致市場下跌。
據CNBC新聞網28日報導好幾個星期以來美國政府指控中方新冠肺炎疫情初期掩蓋事實不斷對北京加強施壓。川普甚至為了新冠病毒起源還有美國嚴重的疫情公開責怪北京。而這星期以來由於中國大陸通過港版國安法美國更嚴肅地加以應對。
美國國務卿蓬佩奧（Mike Pompeo）週三已向國會報告宣佈香港不再有自治地位而這意味著未來它也將不再享有特殊待遇。以往川普和大陸打貿易戰時香港之所以能避開懲罰性關稅都拜這特殊地位之賜。
美國國會去年底通過香港人權與民主法求華府制裁侵犯香港基本自由與自治的中國大陸與香港官員並要求國務院和其他美國政府機構每年審查以確定香港政治地位的變化是否有足以改變美國與香港之間特有的貿易關係。
對投資人來說川普週五宣佈取消香港的特殊待遇將是最壞的結果。至今川普始終不願對北京採取行動以免緊張的美中關係演變成徹底對抗。川普身為總統強烈意識到美中互相依賴大陸不僅是美國出口市場也是產品供應國。他至今仍認為1月美中簽署的第一階段貿易協定是他履行競選承諾的亮點之一。
然而參院兩院都通過「維吾爾人權政策法案」但川普尚未表示究竟會不會將它簽署為法律。要是川普加以週五簽署但不正式取消香港的特殊地位將被視為採取了較審慎的策略並受到投資人歡迎。
而另一個川普週五可能提出的議題就是中方與印度的邊境爭議。中印最近雙雙在邊境增兵川普已表示願意斡旋。而川普週四說他已和印度總理莫迪（Narendra Modi）談過相關爭議但對方「心情不好」。
還有一個比任何政策立場都重大的因素就是美國人的反中情緒而這正是川普爭取連任所要利用的。川普將大選的民主黨對手拜登形容為親中份子甚至想要把他貼上「北京拜登」（Beijing Biden）的標籤。
既然川普在爭取連任中想要把拜登塑造成對北京軟弱的人那他就需要對中方展現強悍的態度。可是到目前為止他主要只在推特上表得很強硬。而美國人週五將拭目以待看他在對北京一陣狂吠後是不是會真的狠狠咬下去。</t>
  </si>
  <si>
    <t>川普香港美國北京週五大陸地位特殊中方中國拜登簽署印度爭議政策疫情市場美國政府美中星期以來</t>
  </si>
  <si>
    <t>名額開放鄉鎮電話台東預約</t>
  </si>
  <si>
    <t>全台新冠疫情嚴峻本土確診案例持續增加台東縣全縣11個鄉鎮衛生所設置快篩檢測站27日提供出現相關症狀且符合特定條件的民眾電話預約28日全面啟動限每日15名請符合條件的篩檢對象預約前往時全程配戴口罩</t>
  </si>
  <si>
    <t>預約嚴峻本土確診案例持續增加東縣疫情全縣鄉鎮物件衛生所設置符合條件符合檢測站相關症狀提供民眾特定條件電話全面</t>
  </si>
  <si>
    <t>全台新冠疫情嚴峻本土確診案例持續增加台東縣全縣11個鄉鎮衛生所設置快篩檢測站27日提供出現相關症狀且符合特定條件的民眾電話預約28日全面啟動限每日15名請符合條件的篩檢對象預約前往時全程配戴口罩、勿搭乘大眾交通工具。此外陸軍花東防衛指揮部也派遣化學兵至台東縣太麻裡、金峰鄉實施清消。
為了守護鄉親健康台東縣金峰及太麻裡鄉27日已提供民眾快篩採檢並於另11鄉鎮衛生所開放符合資格的篩檢對象電話預約28日起即可前往採檢。縣府提醒為避免同時段人潮過度擁擠進而增加感染風險及降低醫療檢測速度可事先電話預約。
民眾若有出現新冠肺炎症狀如發燒、呼吸道症狀、嗅味覺異常、不明原因腹瀉等症狀並且符合下列任1條件者：村裡長主動關懷對象並有14日高風險地區旅遊史；外出未配戴口罩受查處者並有14日高度風險地區旅遊史；衛生所返鄉學子關懷專案對象；有高風險地區旅遊史且提出相關證明；接獲衛生局自主健康管理通知書者27日起可於設有社區快篩站之衛生所營業時間撥打電話預約。（設有快篩站之衛生所：台東市、卑南鄉、延平鄉、鹿野鄉、海端鄉、池上鄉、東河鄉、成功鎮、長濱鄉、大武鄉、達仁鄉等11鄉鎮）。
另外為防範疫情擴散陸軍花東防衛指揮部化學兵連於27日配合縣府至台東縣太麻裡鄉三和村等9處及金峰鄉正興村等5處合計14處執行道路消毒任務共計派遣官兵27員、車輛機具計2類4項11件1／2噸偵搜車1輛、悍馬車4輛（搭載MDS-106輕型消毒器4具）、MD-105重型消毒車2輛。</t>
  </si>
  <si>
    <t>衛生所預約東縣電話症狀物件符合鄉鎮民眾派遣旅遊增加消毒疫情縣府風險健康相關地區口罩配戴金峰鄉太麻裡鄉</t>
  </si>
  <si>
    <t>新冠肺炎台灣衛生所鄉鎮台東縣</t>
  </si>
  <si>
    <t>衛生所臺灣肺炎鄉鎮東縣</t>
  </si>
  <si>
    <t>醫院辦公室泰源征得考察醫療院所同意安排</t>
  </si>
  <si>
    <t>立法院社會福利及衛生環境委員會安排3月16日(週一)考察「北部地區醫療院所防疫整備狀況」引發爭議；衛環委員會召委邱泰源辦公室發聲明表示 安排過程十分用心謹慎不但徵求相關單位的意見也皆先與拜訪醫療院所之</t>
  </si>
  <si>
    <t>委員會安排醫療院所環境意見單位相關徵求謹慎用心十分過程表示發聲明辦公室衛環爭議週一泰源地區整備引發防疫</t>
  </si>
  <si>
    <t>立法院社會福利及衛生環境委員會安排3月16日(週一)考察「北部地區醫療院所防疫整備狀況」引發爭議；衛環委員會召委邱泰源辦公室發聲明表示 安排過程十分用心謹慎不但徵求相關單位的意見也皆先與拜訪醫療院所之負責主管充分溝通並獲得同意。
聲明指出對於武漢肺炎疫情防治台灣在政府卓越領導、醫療防疫人員努力及全民支持下防疫成果世界各國稱羨。而政府不斷超前部署鞏固防疫成果吾人理應全力持續支持。
本次考察安排的主要目的包括1立法院同仁關懷鼓勵各級抗疫醫療院所及人員2瞭解各級醫療院所抗疫過程的需求並協助解決困難。
聲明指出安排過程十分用心謹慎不但徵求相關單位的意見也皆先與拜訪醫療院所之負責主管充分溝通並獲得同意。且因考察的檢疫裝備都在醫院外面絕不影響院內醫療作業。而主管機關隨同考察部分則建議以副主管參與即可並特別限制出席人數以減少行政機關人力支援陪同人員遠低於委員會開會官員須出席之人數。
聲明指出立法院安排之議程一定以防疫工作為最優先此為朝野立委所共識。而一切疫情訊息則以中央疫情指揮中心所發布為準。
聲明表示各縣市醫師公會更是從一月初即整合啟動醫界所有力量全力配合政府協助抗疫至今。全國近兩萬家診所更是一開始即置之險境在社區守住防疫第一線奠定防疫成效的基石。</t>
  </si>
  <si>
    <t>防疫醫療安排考察聲明委員會政府院所指出人員疫情法院過程表示主管全力人數出席成果支持協助同意獲得十分</t>
  </si>
  <si>
    <t>新冠肺炎立委 考察北區醫療院所陳時中</t>
  </si>
  <si>
    <t>考察醫療肺炎院所陳時中</t>
  </si>
  <si>
    <t>病毒陸媒再疫情起源食品宣傳冷凍進口</t>
  </si>
  <si>
    <t>隨著全球新冠疫情持續惡化大陸宣稱多次在進口冷凍食品上檢出新冠病毒大陸網路與媒體正開展一場病毒起源的言論戰對進口冷凍食品檢出病毒以及任何早於去年底在外國出現新冠病毒跡象的訊息擴大報導再次試圖以媒</t>
  </si>
  <si>
    <t>病毒大陸進口冷凍食品擴大訊息跡象報導疫情持續開展去年底早于起源惡化宣稱論戰出新再次出現外國媒體</t>
  </si>
  <si>
    <t>隨著全球新冠疫情持續惡化大陸宣稱多次在進口冷凍食品上檢出新冠病毒大陸網路與媒體正開展一場病毒起源的言論戰對進口冷凍食品檢出病毒以及任何早於去年底在外國出現新冠病毒跡象的訊息擴大報導再次試圖以媒體宣傳戰扭轉國際上對於病毒起源於武漢的印象。
《美國之音》指出這場宣傳戰是由官方媒體推動關鍵訊息是許多城市都發現零星的新冠肺炎感染案例經過詳細調查後發現許多進口冷凍食品與其包裝中檢測出病毒痕跡包括厄瓜多爾的蝦、俄羅斯的魷魚、挪威和印尼的魚、巴西雞翅、以及巴西和紐西蘭的牛肉。
另有一例原被認為是德國豬腳最後以號稱是福爾摩斯探案手法追查到實際感染源是北美豬頭「德國豬腳」與「北美豬頭」立即成為網路熱搜題材受到網民嘲諷。這些冷凍食品染疫的爭議也被外國食品出口商質疑其背後的科學性懷疑可能構成大陸拒絕引進某國食品的藉口形成不公平貿易壁壘。
不過大陸媒體更感興趣的並不是進口哪一國或哪一種冷凍食品而是近期又有義大利國家癌症研究所發現去年9月的樣本中發現新冠病毒抗體大部份陸媒與網路對此再度廣為傳播並重新掀起新冠病毒並非起源於武漢的論戰以進口冷凍食品染疫來證明去年的新冠疫情是由外國輸入到大陸。
另一篇曾於今年早些時候發表的論文也有類似說法研究人員在2019年3月採集西班牙巴賽隆納污水系統樣本中發現了新冠病毒的痕跡但這項研究與義大利的研究都一樣招到西方學術界不少批評。
報導說這是中共自病毒大流行爆發以來對病毒源頭提出的最新看法。在此之前中共官方多次改變說法曾將病毒來源歸咎於義大利、西班牙、美國等。大陸外交部發言人趙立堅甚至個人推特指責是美軍把病毒帶到武漢並要求美國給世界一個解釋當時陸媒也同時展開病毒來源自美國的各種論證與宣傳。但此舉隨後遭到美國的大幅反彈陸媒有關起源的言論戰才受到制約。觀察人士表示或許是害怕美國和西方國家聯手向北京追責才逐步降低了把病毒起源推給美國的聲音轉而悄悄地把責任推給進口冷凍食品。
報導認為武漢是最先發現病毒並觸發廣泛疫情的重災區被視為重要的源頭之一但北京一直拒絕外國研究組織進入武漢近期世界衛生組織(WHO)才表明已獲中共保證盡快安排前往武漢進行新冠病毒調查。
倫敦大學學院(University College London)的遺傳學家巴盧克斯(Francois Balloux)在推特上說：「在沒有對更廣泛的現有證據進行必要的審查和考慮的情況下一些用站不住腳的證據支持的主張被廣泛報導。」他說即使病毒在9月份出現在義大利也不一定意味著它起源於那裡。
巴盧克斯對《路透》說：「一個強有力的證據是到目前為止我們所知道的最接近SARS-CoV-2的病毒是在中國的蝙蝠中傳播的。隨著時間的推移源頭仍有可能在東亞 最有可能是中國然後傳播到世界的其他地方。」</t>
  </si>
  <si>
    <t>病毒食品大陸美國起源武漢冷凍進口發現外國報導媒體大利中共研究源頭證據陸媒網路疫情</t>
  </si>
  <si>
    <t>冷凍食品進口新冠病毒武漢起源</t>
  </si>
  <si>
    <t>進口病毒武漢食品冷凍起源</t>
  </si>
  <si>
    <t>開學日體溫秩序良好新竹</t>
  </si>
  <si>
    <t>竹北舊市區的竹仁國小25日開學首日校方以三角椎設置防疫通道學生排隊經過體溫檢測站校方以專業大型額溫槍檢測學生體溫比小型要接觸額頭的額溫槍還快速家長們也很配合讓小朋友戴口罩與其他學校一樣秩序</t>
  </si>
  <si>
    <t>校方學生溫槍體溫小朋友國小配合開學首日竹仁家長三角快速設置通道防疫額頭排隊接觸檢測站檢測</t>
  </si>
  <si>
    <t>竹北舊市區的竹仁國小25日開學首日校方以三角椎設置防疫通道學生排隊經過體溫檢測站校方以專業大型額溫槍檢測學生體溫比小型要接觸額頭的額溫槍還快速家長們也很配合讓小朋友戴口罩與其他學校一樣秩序還算良好。
「總算開學了！」李姓家長說新冠肺炎疫情讓學校延後半個月開學他和很多上班族一 樣不可能每天陪小孩小朋友在家整天玩電腦和手機的日子總算結束學校事先有宣導要在家先量體溫上學戴口罩防疫很重要。
「應該再延後開學！」謝姓家長認為現在新冠肺炎疫情好像愈來愈嚴重國內不斷出現確診病例萬一發生社區群聚傳染後果難以想像。
大部份小學生對開學都很高興有的說在家實在太無聊了能上學和同學一起玩真好。但小學生說口罩的味道不好聞好像要戴口罩上課一整天實在會很難受。</t>
  </si>
  <si>
    <t>開學口罩在家學校家長體溫小學生校方小朋友學生好像防疫總算上學溫槍疫情肺炎國小一發病例</t>
  </si>
  <si>
    <t>開學口罩學校家長新冠肺炎</t>
  </si>
  <si>
    <t>學校家長口罩開學肺炎</t>
  </si>
  <si>
    <t>年輕張上淳醫院新增時間死亡</t>
  </si>
  <si>
    <t>台灣今增17例死亡其中最年輕的死亡個案僅40多歲個案5/13就發病但就醫PCR採檢結果為陰性後到了5/21再次採撿結果轉為陽性。中央流行疫情指揮中心專家小組召集人張上淳表示即時就醫也是相關因素一次陰性</t>
  </si>
  <si>
    <t>就醫結果陰性死亡個案即時表示小組專家張上淳中心召集人指揮疫情pcr流行中央陽性轉為發病</t>
  </si>
  <si>
    <t>台灣今增17例死亡其中最年輕的死亡個案僅40多歲個案5/13就發病但就醫PCR採檢結果為陰性後到了5/21再次採撿結果轉為陽性。中央流行疫情指揮中心專家小組召集人張上淳表示即時就醫也是相關因素一次陰性不代表真正陰性若症狀持續可以繼續接受採撿。
指揮中心今公佈國內新增17例死亡共計為男性13位、女性4位年齡介於40多歲至90多歲發病日介於5月12日至5月25日確診日介於5月14日至5月27日死亡日期介於5月28日至6月1日。
對於死亡案例逐漸出現年輕人專家小組召集人張上淳表示這波開始都是年長者比較容易死亡但偶而也有看到年輕個案也沒有什麼疾病的狀況先前已經說明過現在疫情狀況下沒辦法做更詳盡死因的探討而所謂的不明死因探討在醫學治療上是指病理解剖。
對於今天的死亡個案從有症狀進入醫院前面篩檢因為是陰性張上淳表示到醫院時間慢了點即時就醫也是相關因素。希望有症狀就要及時出來接受篩檢與檢查一次陰性不代表真正的陰性若症狀持續的話也可以繼續接受篩檢早一點分流安排需要到醫院就早一點或許可以減少重症或是死亡個案。</t>
  </si>
  <si>
    <t>死亡個案陰性症狀醫院疫情張上淳就醫接受可以表示對於中心指揮狀況結果死因年輕</t>
  </si>
  <si>
    <t>張上淳台灣新冠肺炎死亡到院時間</t>
  </si>
  <si>
    <t>肺炎死亡臺灣時間張上淳</t>
  </si>
  <si>
    <t>公司增加疫情影響中韓償債經濟能力國際</t>
  </si>
  <si>
    <t>根據澳盛銀行上周出具的報告中國、南韓與新加坡是企業債增加最快、最多的亞洲經濟體。報告指出過去幾年中國、南韓與新加坡的公司債迅速增加而新冠肺炎疫情打擊公司營收連帶影響其償還債務的能力。報告指出</t>
  </si>
  <si>
    <t>報告公司中國增加南韓新加坡指出連帶影響打擊疫情肺炎過去企業迅速償還債務經濟體亞洲出具能力上周澳盛銀行</t>
  </si>
  <si>
    <t>根據澳盛銀行上周出具的報告中國、南韓與新加坡是企業債增加最快、最多的亞洲經濟體。
報告指出過去幾年中國、南韓與新加坡的公司債迅速增加而新冠肺炎疫情打擊公司營收連帶影響其償還債務的能力。
報告指出中國、新加坡與南韓的債務累積規模與速度都是最高的因爆發新冠肺炎疫情以及隨之而來的政府相關舉措某些產業的企業營收已經受到衝擊如果這個情況持續下去恐將導致債信評等降級、債務違約並拖累經濟成長減弱。
報告指出新加坡與南韓的能源企業受創尤重而中國的地產業則已處於信用過度擴張。
報告並指出新加坡企業因面臨現金流與匯兌兩大風險似乎更為脆弱。10個企業產業別中有6個正面臨高度槓桿與現金緊絀的處境。南韓企業的匯兌風險雖然較低但面臨資金非常吃緊的風險。
三個國家中以中國企業的情況最好10個產業中僅有3個產業的企業處於信用過度擴張而由於大部分債務屬於國有也算是一種防止倒債的保證。</t>
  </si>
  <si>
    <t>企業中國報告南韓債務新加坡面臨產業指出風險公司情況現金肺炎疫情過度信用增加處於擴張算是導致</t>
  </si>
  <si>
    <t>澳盛銀行亞洲經濟體南韓中國</t>
  </si>
  <si>
    <t>南韓中國澳盛銀行經濟體亞洲</t>
  </si>
  <si>
    <t>疫情再起專欄趨勢避險期貨貨幣匯率抬頭</t>
  </si>
  <si>
    <t>經濟確診人數資料執委會歐盟來到維持新高指數信心消費者who歐元區措施疫情進入危險縮減階段紛紛美國</t>
  </si>
  <si>
    <t>經濟歐元期貨資料貨幣市場疫情突破全球擔憂避險持續資金回升刺激國泰措施走勢美國對於顯示分別</t>
  </si>
  <si>
    <t>歐元期貨回升美國紓解肺炎</t>
  </si>
  <si>
    <t>回升美國期貨肺炎歐元</t>
  </si>
  <si>
    <t>感染疫苗國門打開權威時候解答</t>
  </si>
  <si>
    <t>《北京日報》用戶端3日報導全球什麼時候能夠恢復正常人員往來？中國什麼時候能夠打開國門？大陸「網紅」醫生、復旦大學附屬華山醫院感染科主任張文宏作出最新判斷指中國在2022年上半年可以有條件地跟一些國家恢</t>
  </si>
  <si>
    <t>中國時候能夠報導可以全球上半年判斷最新張文宏作出主任打開感染復旦大學附屬華山醫院醫生大陸國門條件人員往來用戶國家</t>
  </si>
  <si>
    <t>《北京日報》用戶端3日報導全球什麼時候能夠恢復正常人員往來？中國什麼時候能夠打開國門？大陸「網紅」醫生、復旦大學附屬華山醫院感染科主任張文宏作出最新判斷指中國在2022年上半年可以有條件地跟一些國家恢復往來；至於未來是否需要反覆接種疫苗取決於今年接種疫苗後隔年底再行評估時有多少人打了疫苗還感染狀況而定。
博鼇亞洲論壇全球健康論壇第二屆大會「實現全民健康-新冠疫苗的研發、可及性與可負擔性」分論壇2日晚間在山東青島舉行。
張文宏說：「世界各國有條件地恢復人員往來今年下半年就會開始。我們希望中國在2022年上半年可以有條件地跟一些國家恢復往來這取決於打疫苗的速度。」
張文宏表示一些疫苗接種率已經比較高的國家比如以色列、美國、英國會「偷偷」地在今年下半年先開始恢復人員往來。並非別的國家不接納他們而是別的國家疫苗接種還沒有完全結束。「所以中國要趕快在今年年底把這個事情做了。」
同場論壇上大陸國務院聯防聯控機制科研攻關組疫苗研發專班工作組組長鄭忠偉介紹中國已向全球提供超過35億劑新冠疫苗。在2021年剩下的7個月無論通過雙邊方式還是通過新冠肺炎疫苗實施計畫（COVAX）中國向全球供應疫苗的數量一定會遠遠超過前5個月。
張文宏認為即使中國向全球大量供應疫苗但由於其他更多國家疫苗供不應求只能優先保證國內使用全球70多億人口全部完成接種也得好幾年。「所以全球什麼時候恢復往來不知道。但是一些國家有條件地恢復往來今年下半年就會開始。我們希望中國在2022年上半年可以有條件地跟一些國家恢復往來這取決於打疫苗的速度。盡快接種疫苗滿足有條件開放的需要中國就可以跟世界上疫苗打得不錯、發病率低的國家有條件地恢復人員往來。」
未來新冠疫苗會不會像流感疫苗一樣每年都要打也是公眾頗為關心的問題。在回答這一提問時張文宏坦言雖然大多數推斷對此都得出肯定的答案但目前還不能確定。他舉例說新冠感染者康復後帶有抗體但仍有20％的機率再次感染。同樣疫苗接種後的保護率隨著時間推移會不斷下降。
「所以未來人們是不是需要反覆接種疫苗取決於今年接種疫苗以後在第二年年底再進行評估看看有多少人打了疫苗還感染。第二年如果沒有再次感染那就再等等等到第三年看看有多少人感染。直到打過疫苗的人普遍出現再次感染的現象這個時候就是一個節點是疫苗重新佈置的最好時機。」張文宏說。
中國與大多數國家的疫情情況存在很大差異。張文宏直言有關新冠疫苗是否需要反覆接種的相關資料一定來自於其他國家。屆時中國可以參考由其他國家獲得的科學資料非常從容地進行新冠疫苗接種的「第二次佈置」。</t>
  </si>
  <si>
    <t>疫苗中國國家張文宏接種全球感染往來論壇今年恢復時候條件可以年底需要人員再次未來大陸</t>
  </si>
  <si>
    <t>恢復張文宏中國國家新冠肺炎</t>
  </si>
  <si>
    <t>國家中國張文恢復肺炎</t>
  </si>
  <si>
    <t>視同職業因公災害鄭文燦</t>
  </si>
  <si>
    <t>職場群聚感染發生勞動部職業安全衛生署和桃園市政府研議若上班時間因公染疫視同職業災害。桃園市長鄭文燦4日主持防疫會議說適用勞工職業災害補償相關規定包含工資、醫療、失能補助、死亡給付等等。鄭文燦</t>
  </si>
  <si>
    <t>職業桃園災害鄭文燦勞動部醫療工資安全衛生包含規定相關補償研議防疫上班時間市政府會議勞工主持適用因公發生視同</t>
  </si>
  <si>
    <t>職場群聚感染發生勞動部職業安全衛生署和桃園市政府研議若上班時間因公染疫視同職業災害。桃園市長鄭文燦4日主持防疫會議說適用勞工職業災害補償相關規定包含工資、醫療、失能補助、死亡給付等等。
鄭文燦表示這段時間陸續發生職場群聚感染社會也討論這算不算職災？根據職安署、市府研議若因公染疫視同職業災害可用勞工職業災害補償相關規定、勞工災害保險法規定等需有工資、醫療、失能補助及死亡給付等等他也說不只市府勞基法人員民間企業也適用。</t>
  </si>
  <si>
    <t>職業災害市府鄭文燦桃園勞工適用給付發生研議感染工資規定死亡因公視同醫療補助相關補償需有</t>
  </si>
  <si>
    <t>新冠肺炎台灣職業災害染疫視同</t>
  </si>
  <si>
    <t>職業臺灣災害肺炎視同</t>
  </si>
  <si>
    <t>港版醫院緊急香港啟用撐不住</t>
  </si>
  <si>
    <t>香港爆發第3波新冠肺炎疫情近10天來就新增了上千起病例對當地經濟及民生運作造成嚴重衝擊港府再次收緊「限聚令」至2人並要求民眾儘量待在家中。由亞洲博覽館改建而成的「港版方艙醫院」已於8月1日正式啟用</t>
  </si>
  <si>
    <t>醫院肺炎港版疫情改建博覽新增亞洲家中病例已於儘量當地經濟民眾要求民生運作</t>
  </si>
  <si>
    <t>香港爆發第3波新冠肺炎疫情近10天來就新增了上千起病例對當地經濟及民生運作造成嚴重衝擊港府再次收緊「限聚令」至2人並要求民眾儘量待在家中。由亞洲博覽館改建而成的「港版方艙醫院」已於8月1日正式啟用約有20位病況穩定的確診者在午後陸續入住。
香港醫管局質素及安全總監鍾健禮表示展館內第一階段可容納約500張病床啟用初期每日收治數十名病患年齡落在18歲至60歲之間患者入院前會先在分流站接受檢查確定未出現任何病徵或是症狀輕微者才可留下以便將公立醫院設施用於年長者及更有需要的患者身上。
此外醫管局指出為了減少與確診者的接觸展館特別採用「視訊診斷」方式有別於一般傳統醫院不過一旦有緊急情況發生時醫護人員依舊會穿戴防護裝備後進入病區進行診治；8月1日啟用後已有14名醫生及50名護士進駐為首批入住的確診病患提供服務。
更多 CTWANT 報導</t>
  </si>
  <si>
    <t>啟用展館患者醫院確診肺炎疫情新增病例當地經濟民生運作造成嚴重</t>
  </si>
  <si>
    <t>香港新冠肺炎疫情方艙醫院</t>
  </si>
  <si>
    <t>肺炎疫情醫院香港</t>
  </si>
  <si>
    <t>爆發肺炎sars當年共同點</t>
  </si>
  <si>
    <t>清明節連假期間國人高興出遊雖然發布國家級警報仍不敵部分民眾的玩興。對此重症暨胸腔科醫師黃軒表示17年前SARS爆發高峰就是在清明節過後。黃軒在談話性節目《驚爆新聞線》中表示2003年那一年他在第</t>
  </si>
  <si>
    <t>黃軒清明節表示出遊高興發佈警報部分民眾節目對此重症談話胸腔醫師就是年前爆發高峰sars</t>
  </si>
  <si>
    <t>清明節連假期間國人高興出遊雖然發布國家級警報仍不敵部分民眾的玩興。對此重症暨胸腔科醫師黃軒表示17年前SARS爆發高峰就是在清明節過後。
黃軒在談話性節目《驚爆新聞線》中表示2003年那一年他在第一線工作那年他看到SARS病人從可以說話、躺下來昏迷一直到死亡。黃軒指出當年清明節之後就是一個大爆炸清明節後的兩個禮拜到3個禮拜和平醫院封院了因為一群人得到群聚感染、醫護人員也染病。接下來好幾個禮拜、甚至好幾個月的時間他感覺整個台灣幾乎快被冠狀病毒毀滅。
黃軒表示如今民眾太放鬆了看到清明節的人與人接觸以後深深感受到SARS爆發時的心情。留意出現清明連假後的恐懼高峰這句話並不是「超前憂慮」。</t>
  </si>
  <si>
    <t>清明節黃軒sars表示禮拜民眾爆發高峰出遊發佈高興警報恐懼部分甚至接下來時間染病幾乎感覺感染</t>
  </si>
  <si>
    <t>清明節連假sars黃軒群聚感染</t>
  </si>
  <si>
    <t>黃軒sars感染清明節</t>
  </si>
  <si>
    <t>病毒變異肺炎年輕化</t>
  </si>
  <si>
    <t>新冠肺炎疫情在今年5月如死灰復燃般席捲全台目前染疫個案雖以中老年病人為主但此波疫情擴及嬰幼兒及學生族群國際間也已發現變異病毒株的感染開始轉向年輕化。羅東博愛醫院小兒科吳淑娟醫師表示大部分嬰幼兒</t>
  </si>
  <si>
    <t>疫情嬰幼兒今年小兒科博愛醫院羅東死灰復燃年輕化轉向全台開始席捲感染目前病毒變異發現個案中老年病人國際族群</t>
  </si>
  <si>
    <t>新冠肺炎疫情在今年5月如死灰復燃般席捲全台目前染疫個案雖以中老年病人為主但此波疫情擴及嬰幼兒及學生族群國際間也已發現變異病毒株的感染開始轉向年輕化。羅東博愛醫院小兒科吳淑娟醫師表示大部分嬰幼兒為無症狀感染者若為輕症其臨床症狀不明顯有些只是微燒、咳嗽、流鼻水或腸胃道不適和一般感冒相似不易分辨。
目前醫界臨床發現部分染疫嬰幼兒出現類似川崎氏症的病徵包含全身皮疹、結膜炎、口部黏膜發紅、腹痛、腹瀉等嚴重者甚至會如川崎氏症影響心血管功能造成急性心臟衰竭或冠狀動脈擴張。吳淑娟醫師呼籲若發現小孩手腳身體有長疹子或小紅點、發燒２大症狀應提高警覺、及早就醫且若與染疫者的活動史重疊或有相關接觸史就要高度懷疑是否受到COVID-19病毒感染。（本文由羅東博愛醫院提供）</t>
  </si>
  <si>
    <t>發現嬰幼兒症狀目前疫情臨床氏症羅東淑娟醫師博愛醫院covid-腸胃懷疑是否不適咳嗽高度</t>
  </si>
  <si>
    <t>羅東博愛醫院發現嬰幼兒肺炎輕化</t>
  </si>
  <si>
    <t>發現嬰幼兒肺炎博愛醫院羅東</t>
  </si>
  <si>
    <t>宣佈教授學校標準停課遭殃疫情</t>
  </si>
  <si>
    <t>新冠肺炎疫情擴散教育部也在20日公佈大專院校停課標準只要1校內有2位以上師生被中央流行疫情指揮中心列為確定病例全校就必須停課。日前曾因肺炎趨勢預測圖而登上《經濟學人》的台大化學系教授徐丞志對此表示「</t>
  </si>
  <si>
    <t>停課疫情肺炎台大經濟學化學系預測擴散趨勢教育部曾因流行中央師生以上指揮中心公佈列為日前確定校內標準</t>
  </si>
  <si>
    <t>新冠肺炎疫情擴散教育部也在20日公佈大專院校停課標準只要1校內有2位以上師生被中央流行疫情指揮中心列為確定病例全校就必須停課。日前曾因肺炎趨勢預測圖而登上《經濟學人》的台大化學系教授徐丞志對此表示「台大、淡大剉著等！」更預測全台第一間停課的學校會是台大。
徐丞志20日在臉書PO文表示台大3萬多名學生再加上教職員工已達4萬占了全台人口數02%若全台有1000人確診按照比例來算台大就要停課了。
徐丞志補充說有第一例的話要出現第二例的機率會大幅度增高加上臺北都會區染病的機率遠高於非都會區公館又是臺北的交通要衝然後醫學院又跟台大醫院是相連的因此台大要停課恐怕不需要等到累積1000人就會發生。
徐丞志表示深深覺得台大會是全台第一間因新冠肺炎停課的學校希望衛福部能頂住。徐丞志也在留言中表示公館每天經過的人潮實在太多而文化大學人數看似比淡江多但地點較偏遠以機率來說台大＞淡江＞文化。</t>
  </si>
  <si>
    <t>停課台大徐丞志表示全台肺炎公館預測加上疫情學校臺北都會區文化淡江</t>
  </si>
  <si>
    <t>停課台大徐丞志學校機率</t>
  </si>
  <si>
    <t>學校台大徐丞志停課</t>
  </si>
  <si>
    <t>delta感染主因擋不住人員想開國門研究</t>
  </si>
  <si>
    <t>中央研究院南港P3實驗室一名20多歲的女性研究人員疑似在實驗室染疫讓連續35天本土+0破功消息一出引起人心惶惶臺北市市立聯合醫院忠孝院區醫師陳昶宇指出因感染源明確還不需要過度恐慌不過他也說如果真</t>
  </si>
  <si>
    <t>實驗室過度需要女性明確感染指出陳昶宇醫師恐慌院區連續忠孝本土聯合醫院臺北市人心惶惶消息引起</t>
  </si>
  <si>
    <t>中央研究院南港P3實驗室一名20多歲的女性研究人員疑似在實驗室染疫讓連續35天本土+0破功消息一出引起人心惶惶臺北市市立聯合醫院忠孝院區醫師陳昶宇指出因感染源明確還不需要過度恐慌不過他也說如果真的連一例Delta都擋不住外面世界還一堆Delta甚至Omicron等著進來那我們也別想開放邊境國門了。
陳昶宇指出感染的女性研究人員近期沒有出國以當前社區疫情狀況要在社區感染機率很低目前看起來有高度可能性是在中研院P3實驗室接觸病原體時感染另外個案曾被實驗鼠咬到但實驗鼠帶的是Alpha變異株所以可能不是感染原因。
他指出這幾個月來有在顧專責病房就會知道一堆肺炎篩檢都是陰性社區根本不可能會有來源不明的Delta應該就真的是實驗室感染無誤了。
陳昶宇說感染來源明確目前只有一例做好疫調匡列隔離就算多少有擴散出去以台灣這幾個月卯起來打疫苗目前疫苗覆蓋率第一劑達7839％第二劑也有6285％影響應該還不至於太大如果真的連這樣一例Delta都擋不住外面世界還一堆Delta甚至Omicron等著進來那我們也別想開放邊境國門了。
陳昶宇表示目前75歲以上長者疫苗施打覆蓋率第一劑都還停在737％真的太低有病人擔心慢性疾病太多身體太差不適合打疫苗但身體越差就越該施打疫苗保護。
他呼籲病毒無孔不入如果沒有特別不能打的因素真的還是建議要打個疫苗至少就能降低9成以上重症死亡的風險。</t>
  </si>
  <si>
    <t>感染疫苗真的目前實驗室指出delta社區沒有以上施打女性明確</t>
  </si>
  <si>
    <t>新冠肺炎台灣Delta實驗室陳昶宇</t>
  </si>
  <si>
    <t>臺灣delta肺炎實驗室陳昶宇</t>
  </si>
  <si>
    <t>半導體航海王財經</t>
  </si>
  <si>
    <t>小編今天（26日）精選5件不可不知的國內外財經大事。台股主流股風水輪流轉當沖標的也大風吹萬海及長榮當沖比退燒至6929％及618％水位此外愛普、敦泰、晶心科及世芯-KY當沖比則攀升至6172～7286％。【1】</t>
  </si>
  <si>
    <t>精選不可不國內外財經大事主流世芯-ky風水流轉標的萬海大風今天水位退燒</t>
  </si>
  <si>
    <t>小編今天（26日）精選5件不可不知的國內外財經大事。台股主流股風水輪流轉當沖標的也大風吹萬海及長榮當沖比退燒至6929％及618％水位此外愛普、敦泰、晶心科及世芯-KY當沖比則攀升至6172～7286％。
【1】搶航海王風采 四檔半導體 進當沖十強
台股主流股風水輪流轉25日電子股取得發話權但電子股股價偏高影響市場「沖沖沖」的意願上市當沖比下滑至4674％創近四日來新低但仍有59檔個股當沖比破五成法人表示當沖名單中航海王不再獨領風騷愛普、敦泰及晶心及世芯共四檔半導體股也擠進熱門當沖前十強名單。
【2】電子股絕地大反攻 小心明MSCI甩尾
全球通膨疑慮降低美國公債殖利率下滑推升美股科技類股大漲台股受此激勵25日電子股展開絕地大反攻成交值比重回升至4902％也帶動加權指數大漲25738點以1659567點作收收復季線。市場分析師認為台股萬七點反壓不易突破將步入漲股不漲市的走勢投資人應居高思危並留意27日MSCI明晟半年度調整的賣壓。
【3】疫情熱區銀行能暫停營業？銀行局給答案
新冠肺炎疫情延燒銀行業為保持服務不中斷每天仍照常開門然而全國分行人員確診個案已激增到23人全金聯發函金管會希望能授權金融業可暫時關閉部分據點。金管會銀行局局長莊琇媛25日表示因應疫情銀行業得授權以「較彈性」的方式提供金融商品及服務但據法規目前只有「永久裁撤分行」的相關規定沒有「暫停營業」的先例但銀行可申請調整營業時間。
【4】美反傾銷稅終判 台灣輪胎業無奈苦吞
美國商務部24日宣佈對台灣、南韓、越南及泰國等四地輸美轎車胎（含輕卡車胎）課徵反傾銷稅及反補貼稅終判結果出爐。台灣輪胎業者中正新終判反傾銷稅率2004％是台灣輪胎廠中稅率最低的業者；反觀南港輪胎終判稅率10184％高於原初判稅率9844％。其餘台灣輪胎業者包括建大、泰豐及華豐等多家輪胎廠反傾銷稅率均為8475％。
【5】人民幣離岸價升破64關卡 創近3年新高
在美元指數走弱以及中國人民銀行近期對匯率明確表態後離岸人民幣匯價25日順勢飆漲一舉升破64元整數大關來到63950元附近創下近三年新高。在岸價盤中亦多次蠢蠢欲動、叩關64元價位。</t>
  </si>
  <si>
    <t>臺灣電子疫情輪胎稅率分行業者服務金管會授權銀行局</t>
  </si>
  <si>
    <t>正新建大全國長榮敦泰</t>
  </si>
  <si>
    <t>全國建大正新</t>
  </si>
  <si>
    <t>sars完蛋指揮官旅遊一發不可收</t>
  </si>
  <si>
    <t>台灣已出現無旅遊史新冠肺炎確診案例民眾憂心防疫更加困難有專家甚至直指「沒有旅遊史完蛋啦它就跟流感一模一樣」而且病毒可能會躲過人體免疫系統的攻擊初期很難被偵測到。對於無出國史確診案例外界擔心</t>
  </si>
  <si>
    <t>旅遊確診案例國史人體免疫系統攻擊初期可能病毒一模一樣測到流感史新冠對於完蛋困難沒有直指甚至</t>
  </si>
  <si>
    <t>台灣已出現無旅遊史新冠肺炎確診案例民眾憂心防疫更加困難有專家甚至直指「沒有旅遊史完蛋啦它就跟流感一模一樣」而且病毒可能會躲過人體免疫系統的攻擊初期很難被偵測到。
對於無出國史確診案例外界擔心國內將出現社區感染過去曾擔任SARS指揮官的中華民國防疫學會榮譽理事長王任賢接受媒體訪問時表示若沒有旅遊史就跟流感一模一樣很難從芸芸眾生裡篩出他建議政府應該從偵測轉向防護清空部分醫院讓確診病患集中治療。
目前官方認定新冠肺炎病毒潛伏期約14天但日前已出現潛伏期長達27天才確診的案例王任賢認為新冠病毒恐勝過當年的SARS傳染力更強可能會躲過人體免疫系統的攻擊而且少量病毒初期很難被偵測一旦變成家庭感染疫情可能會一發不可收拾。</t>
  </si>
  <si>
    <t>確診病毒旅遊案例出現可能防疫sars感染王任賢肺炎沒有一模一樣流感潛伏期初期人體醫院</t>
  </si>
  <si>
    <t>新冠肺炎疫情血友病自主健康管理武漢肺炎新型冠狀病毒</t>
  </si>
  <si>
    <t>肺炎血友病管理疫情武漢健康自主冠狀病毒</t>
  </si>
  <si>
    <t>賽季延宕球員影響疫情mlb</t>
  </si>
  <si>
    <t>大聯盟宣佈因新冠肺炎疫情影響開幕至少延期2周不過這並不代表2周後就能撥雲見日目前大聯盟與各球團還在制定今年的賽程以及各項應變計畫但尚未有進一步說明讓球員不知所措小熊隊球員奇普尼斯(Jason Kipni</t>
  </si>
  <si>
    <t>球員聯盟說明進一步尚未奇普應變計疫情賽程影響肺炎開幕至少今年延期熊隊代表制定周後</t>
  </si>
  <si>
    <t>大聯盟宣布因新冠肺炎疫情影響開幕至少延期2周不過這並不代表2周後就能撥雲見日目前大聯盟與各球團還在制定今年的賽程以及各項應變計畫但尚未有進一步說明讓球員不知所措小熊隊球員奇普尼斯(Jason Kipnis)就在推特上以球員角度提出疑問卻沒有人能給他正確答案。
大聯盟延後2周開幕不過華盛頓州、紐約、加州等地方政府都宣布禁止超過250人聚會且尚未有終止時間較嚴重的華盛頓州至少到4月底前都禁止大型集會因此即使大聯盟能在4月10日恢復比賽但也不代表能正常進行。
除了春訓取消、大聯盟延期小聯盟例行賽也無期限延期這讓數以千計的美職球員無所適從小熊隊球員奇普尼斯在推特上點出所有球員的疑問「所以我想問……我們現在該回家嗎？留下來繼續訓練？何時、開如何開始備賽？多出來這兩周有什麼計畫？我們仍能拿到薪水嗎？一切都好怪。」
大聯盟官網報導響尾蛇老闆肯德瑞克（Ken Kendrick）周五開始繼續讓球員訓練並備好訓練員及食物；釀酒人則制定不同的訓練計畫以保持球員身體狀況；水手執行長史坦頓(John Stanton)則表態選手會繼續在沒有觀眾的情況下進行春訓計畫直到球季開打。</t>
  </si>
  <si>
    <t>球員聯盟繼續訓練延期沒有華盛頓州制定至少計畫尚未疑問開幕禁止開始宣佈進行</t>
  </si>
  <si>
    <t>大聯盟停賽新冠肺炎美國疫情</t>
  </si>
  <si>
    <t>停賽肺炎聯盟美國疫情</t>
  </si>
  <si>
    <t>河北親睹樓下確診鄰居崩潰劉樂妍</t>
  </si>
  <si>
    <t>大陸河北省近日爆發新冠肺炎疫情更下令對石家莊市、邢臺市、廊坊市全域實行封閉管理。不幸的是前女團「F4」成員劉樂妍恰巧就住在河北省的廊坊市今(14日)更在微博曝光樓下鄰居一家人被救護車帶走的驚恐畫面害</t>
  </si>
  <si>
    <t>廊坊市河北省救護車一家鄰居樓下曝光帶走肺炎微博疫情女團不幸成員劉樂妍管理封閉實行全域恰巧下令</t>
  </si>
  <si>
    <t>大陸河北省近日爆發新冠肺炎疫情更下令對石家莊市、邢臺市、廊坊市全域實行封閉管理。不幸的是前女團「F4」成員劉樂妍恰巧就住在河北省的廊坊市今(14日)更在微博曝光樓下鄰居一家人被救護車帶走的驚恐畫面害怕自己也會感染新冠肺炎。
37歲台灣女星劉樂妍這陣子都住在河北省廊坊市她今日更在微博透露疫情狀況指社區群組炸了鍋因為樓下的超市老闆一家人全部被救護車帶走。最可怕的是原來樓下超市老闆疑似是密切接觸者包括她自己全社區的人都曾跟老闆接觸過。
隨後劉樂妍也曝光了一段超市老闆全家人被救護車帶走的現場直擊4秒影片崩潰寫下：「本來以為病毒離我很遠結果在樓下哎呦我去我每次還跟他聊天聊這麼久。現在他們一家都被帶走了。全部人都趴在樓上往下看小賣部老闆被120帶走。」還透露超市老闆摸過她的食材。
劉樂妍曝光的影片也引發大陸網友熱議不少人就留言安慰她放寬心「沒事不慌他們測出來陽性才會抓你們」、「別炸鍋你們社區被封的可能性極高。你們屬於密切接觸者的密切接觸者」、「他只是密接不是陽性怕啥」、「沒事的！注意自我隔離就行」。</t>
  </si>
  <si>
    <t>老闆帶走樓下超市曝光劉樂妍廊坊市河北省救護車陽性影片一家沒事密切接觸疫情透露肺炎社區</t>
  </si>
  <si>
    <t>劉樂妍河北省新冠肺炎</t>
  </si>
  <si>
    <t>河北省肺炎劉樂</t>
  </si>
  <si>
    <t>條件紐約州陸續開放戰戰兢兢</t>
  </si>
  <si>
    <t>美國疫情最嚴重的紐約州州長科莫（Andrew Cuomo）表示紐約州的部分地區可能會在一周內重新開放但各地在重新開放前必須詳細檢視是否具備足夠的條件包括新增確診病例數、醫療體系負荷能力、診斷與病毒檢測能力與</t>
  </si>
  <si>
    <t>紐約州體系醫療病例州長確診開放重新包括詳細cuomo條件可能表示足夠地區是否具備部分負荷嚴重必須</t>
  </si>
  <si>
    <t>美國疫情最嚴重的紐約州州長科莫（Andrew Cuomo）表示紐約州的部分地區可能會在一周內重新開放但各地在重新開放前必須詳細檢視是否具備足夠的條件包括新增確診病例數、醫療體系負荷能力、診斷與病毒檢測能力與追蹤接觸者的系統運作能力。
美國《有線電視新聞網》(CNN)報導科莫表示正在為5月中旬重新開放紐約州做準備在重新開放某些地區之前大約還有一周的時間。該州各地區之間的重新開放條件有些差異必須根據各地的實際狀況決定開放的時間。
科莫在疫情發佈會上說紐約州所轄地區將不會同時重新開放該州將監測新增確診病例數、醫療體系能力、檢測能力和接觸者追蹤能力等4個核心因素後才決定某個地區是否能重新開放。
科莫說紐約州將從疫情較輕的地區開始分階段恢復商業活動並放鬆對日常生活的限制。包括：建築、製造業和部分零售商店可能在第一階段重新開業；第二階段將包括金融、行政、房地產等行業；第三階段開放餐飲、酒店服務和藝術、娛樂等休閒設施；最後開放教育機構。
科莫指出紐約州重新開放將遵循美國疾控中心(CDC)的指南包括：1以3日滾動平均值計算住院和死亡總數必須連續14天下降；2以3日滾動平均值計算不能超過15例新增病例或5例死亡；3每10萬居民必須少於2名新增確診患者；4至少有30%可使用的空病床與加護病床要開放以防病例突然暴增；5醫院至少90天的個人防護設備儲量。
據《紐約時報》統計截至當地時間5日17點59分紐約州累計確診326659例較前一日新增2302例；累計死亡25028例較前一日新增死亡病例240例。</t>
  </si>
  <si>
    <t>開放重新紐約州地區包括必須病例確診階段能力時間新增疫情至少死亡決定是否條件部分表示美國</t>
  </si>
  <si>
    <t>明年科學研究感性停課復旦效果</t>
  </si>
  <si>
    <t>大陸澎湃新聞1日報導復旦大學等3國團隊研究成果最近登上頂級學術期刊《科學》（Science）雜誌研究認為大陸爆發疫情期間僅實施社交距離政策就足以控制新冠肺炎或降低峰值發病率40至60％並延遲疫情。以年</t>
  </si>
  <si>
    <t>疫情大陸降低復旦大學報導峰值肺炎團隊研究成果最近控制足以政策學術期刊距離科學社交science雜誌實施研究期間認為</t>
  </si>
  <si>
    <t>大陸澎湃新聞1日報導復旦大學等3國團隊研究成果最近登上頂級學術期刊《科學》（Science）雜誌研究認為大陸爆發疫情期間僅實施社交距離政策就足以控制新冠肺炎或降低峰值發病率40至60％並延遲疫情。以年齡言14歲以下最不容易受感染65歲以上人更容易受到感染。
報導指出大陸疫情逐漸平息之際美國、西班牙、義大利等國形勢仍舊嚴峻。各國該選擇怎樣的疫情控制政策是科學問題。
來自大陸、美國、義大利團隊的研究報告〈Changes in contact patterns shape the dynamics of the COVID-19 outbreak in China〉4月29日刊載在《科學》指出截至目前關於年齡、接觸模式、社交距離、感染易感性和新冠肺炎傳播動態之間的相互作用仍不清楚。他們試圖為更具有針對性的長期防控策略提供科學依據。
合作研究團隊成員有：復旦大學公共衛生學院博士生導師、公共衛生安全教育部重點實驗室主任余宏傑、義大利ISI基金會、湖南省疾控中心、義大利布魯諾凱斯勒基金會計算流行病學家Marco Ajelli、美國立衛生研究院（NIH）福格蒂國際中心、美國東北大學生物和社會技術系統類比實驗室。研究的通訊作者是余宏傑與Marco Ajelli。
研究團隊分析了新冠疫情暴發之前和疫情暴發期間武漢和上海的接觸調查資料以及來自湖南省的接觸者追蹤資訊。
研究得出在執行社交距離疏遠政策期間武漢和上海兩地平均每天的接觸均減少了80％左右大部分的互動僅限於家庭。研究還發現0-14歲的兒童比15-64歲的成年人更不容易受到感染而相比之下65歲以上的人更容易受到感染。
基於這些資料研究團隊建立了一個傳播模型他們認為大陸暴發疫情期間僅實施社交距離政策就足以控制新冠肺炎。另外雖然主動關閉學校本身不能阻斷傳播但它們可以將峰值發病率降低40％至60％並延遲疫情。
總的來說這項研究提供的證據表明在武漢和上海實施的幹預措施以及由此導致的人類行為變化大大減少了日常接觸從根本上減少了互動。這使得了新冠肺炎傳播的急劇減少。
研究團隊總結認為或許最重要的是實施嚴格生硬的封鎖策略在經濟上和心理上都極具較大影響「從長遠來看更有針對性地阻斷傳播是更好的選擇。」</t>
  </si>
  <si>
    <t>研究疫情團隊傳播接觸大陸感染實施大利科學美國肺炎減少政策上海武漢社交距離認為衛生策略實驗室in</t>
  </si>
  <si>
    <t>新冠肺炎非藥物幹預科學雜誌年齡接觸模式</t>
  </si>
  <si>
    <t>藥物干預科學雜誌年齡肺炎接觸模式</t>
  </si>
  <si>
    <t>遊民宣佈處理都先困擾疫苗製造</t>
  </si>
  <si>
    <t>北市爆發士林養護機構與北農群聚感染臺北市長柯文哲21日在議會表示養護之家原本確診都送去收治怎料還有潛伏者發作感染因此對於養護之家、洗腎機構、甚至是遊民他都認為全部先打疫苗凡是製造困擾、太難處</t>
  </si>
  <si>
    <t>養護機構感染凡是疫苗認為製造遊民甚至收治北農都送確診還有原本潛伏表示議會臺北市</t>
  </si>
  <si>
    <t>北市爆發士林養護機構與北農群聚感染臺北市長柯文哲21日在議會表示養護之家原本確診都送去收治怎料還有潛伏者發作感染因此對於養護之家、洗腎機構、甚至是遊民他都認為全部先打疫苗凡是製造困擾、太難處理就先用疫苗撲滅。
柯文哲說北農之前就陸續感染快篩也有抓出幾個確診太快篩太難用全省都有人會來北農的市場每天約1萬人所以對北農採新戰術與其每週快篩、管制人流不如北農4000人全打疫苗花2、3天內全打完用疫苗圍堵疫情。
柯說不然每週快篩陰性要在有效期限內才可進來這規定3天、一周有啥用？從士林養護之家他學到一課將設法對洗腎、護理之家先全部打完疫苗這些都製造他的困擾還有遊民人不多每天盯他們太辛苦不如全打完每天盯太痛苦凡是他認為那裏太難處理先撥疫苗來撲滅打掉。</t>
  </si>
  <si>
    <t>北市 爆發 士 林 養護 機構 與 北農 群 聚 感染 臺北市 長 柯文哲 21 日 在 議會 表示 養護 之家 原本 確診 都送 去 收治 怎 料 還有 潛伏 者 發作 感染 因此 對於 養護 之家 洗 腎 機構 甚至 是 遊民 他 都 認為 全部 先 打 疫苗 凡是 製造 困擾 太 難 處理 就 先用 疫苗 撲滅 柯文哲 說 北農 之前 就 陸續 感染 快 篩 也 有 抓 出 幾 個 確診 太 快 篩 太 難用 全省 都 有人 會 來 北農 的 市場 每天 約 1萬 人 所以 對 北農 采 新 戰術 與其 每週 快 篩 管制 人流 不如 北農 4000 人 全打 疫苗 花 23 天內 全 打完 用 疫苗 圍堵 疫情 柯說 不然 每週 快 篩 陰性 要 在 有效期限 內 才可 進來 這 規定 3 天 一 周 有 啥 用 從 士 林 養護 之家 他 學到 一 課 將 設法 對 洗 腎 護理 之家 先 全部 打完 疫苗 這些 都 製造 他 的 困擾 還有 遊民 人 不 多 每天 盯 他們 太 辛苦 不如 全 打完 每天 盯 太 痛苦 凡是 他 認為 那裡 太 難 處理 先 撥 疫苗來 撲滅 打 掉</t>
  </si>
  <si>
    <t>北農疫苗養護感染打完還有確診柯文哲機構遊民不如困擾撲滅認為處理製造</t>
  </si>
  <si>
    <t>北農群聚疫苗遊民柯文哲</t>
  </si>
  <si>
    <t>遊民柯文哲北農疫苗</t>
  </si>
  <si>
    <t>侯友宜新北進入升溫持續準備疫情</t>
  </si>
  <si>
    <t>雙北疫情持續升溫新北市長侯友宜17日下午舉行防疫記者會時表示現在已經要慢慢走到第四級已經開始強化三級防疫非必要活動還有相關規定都要嚴格執行已經沒有勸導期視同走到準四級拜託市民努力配合一起</t>
  </si>
  <si>
    <t>已經防疫新北市長侯友宜下午升溫舉行市民記者會視同相關活動表示規定非必要嚴格執行勸導現在</t>
  </si>
  <si>
    <t>雙北疫情持續升溫新北市長侯友宜17日下午舉行防疫記者會時表示現在已經要慢慢走到第四級已經開始強化三級防疫非必要活動還有相關規定都要嚴格執行已經沒有勸導期視同走到準四級拜託市民努力配合一起作戰盡快恢復新形態安全生活。
侯友宜說新北市已做好準備社區無法控制下的高度管制生活請市民心理要有準備強度管制會越來越高對市民真的很抱歉疫情不斷上升一起面對 大家要有耐心疫情不可能一天就過給他們時間。
對於中央第四級標準不清侯友宜說中央標準沒有詳細說明新北板橋已經連續3天超過20例如果標準是全國100個那新北市是否只要連續14天超過20例就要進入四級管制？人口數沒有一定標準這部分要趕快討論。
侯友宜也說中央是否要授權給地方視情況全權處理只要採取高密度管制強度就會很高採取低密度活動這部分要中央要彈性給授權給地方。
侯友宜說這兩天很謝謝新北市民朋友基本所有餐廳暫停營業馬路上很多店全部關門了民眾自律性是非常高未來往上升要滾動式檢討「該封就要封」不能等待。
侯友宜強調不能拘泥於一個標準手段要有效控制這傳播鍊會越來越快尊重CDC同心齊力會跟熱區的區長討論隨時準備升到第四級當然事前要向民眾作好宣導。</t>
  </si>
  <si>
    <t>侯友宜新北市民標準管制已經準備沒有疫情中央民眾防疫一起討論生活就要是否活動採取</t>
  </si>
  <si>
    <t>新冠肺炎台灣  侯友宜疫情持續</t>
  </si>
  <si>
    <t>肺炎侯友宜臺灣疫情持續</t>
  </si>
  <si>
    <t>長假醫師台大醫院院長住院無情照妖鏡傲慢疫情</t>
  </si>
  <si>
    <t>國內新冠肺炎本土疫情嚴峻波及各大醫療院所連醫界龍頭台大醫院日前也都爆發工務室15名員工確診台大院長吳明賢今天特別發信給住院醫師內容直言「所有的重大災難都是一面照妖鏡！」痛批藉機放長假的住院醫師</t>
  </si>
  <si>
    <t>住院醫師本土疫情嚴峻波及醫療院所肺炎連醫界龍頭台大醫院日前員工確診台大院長爆發照妖鏡吳明賢今天一面</t>
  </si>
  <si>
    <t>國內新冠肺炎本土疫情嚴峻波及各大醫療院所連醫界龍頭台大醫院日前也都爆發工務室15名員工確診台大院長吳明賢今天特別發信給住院醫師內容直言「所有的重大災難都是一面照妖鏡！」痛批藉機放長假的住院醫師「無情且傲慢！」讓師長們痛心。吳明賢隨後接受媒體訪問時強調自己是要提醒年輕的住院醫師不要太早有功利主義。
台大醫院在上周發生感染事件有10名工務室員工染疫院方緊急啟動全院快篩針對全院近一萬人普篩最後又抓出5名行政同仁確診迅速防堵病毒向外傳播因感控得宜沒有任何醫護染疫為台灣防疫注入一劑強心針。
台大院長吳明賢今天在公開信中提及「所有的重大災難都是一面照妖鏡！大多數的住院醫師不忘初衷的熱血行為讓人熱淚盈眶」「但是聽聞有少數科別之住院醫師把自己當成局外人甚至藉機放長假這些行為不僅無情而且傲慢讓師長們痛心」。
信中強調「我要重申醫道即人道想要在醫學生涯走得遠必須要培養團隊及體系意識學習配合」「人生不是線性的千萬不要以為一班車就能把你從現在的位置帶到你所期待的位置。缺乏系統思維的人總是從此時此地去衡量一件事情眼前的價值不懂得把這件事情放在人生系統中去衡量所以經常放棄「看起來無用」的事情這是典型的功利主義者」。
吳明賢在發出公開信之後接受媒體聯訪表示表示自己動機很單純是提醒住院醫師們也要注意身體並謝謝他們的付出但的確有少數科別的老師反應 有住院醫師藉機放長假是另一個大問題。
吳明賢進一步表示此次台大醫院在短短3天內、做完超過1萬人次的全院篩檢比臺北市做一周還要多並肩負起照顧確診病惠的責任正是因為不只動員一個科別就做到全賴各科別主治醫師、住院醫師以及行政人員挑燈夜戰同舟共濟完成了不可能的的任務讓台大醫院暫時脫離困境他也要致上十二萬分的謝意。</t>
  </si>
  <si>
    <t>住院醫師吳明賢台大醫院確診事情行政系統人生不要科別全院表示</t>
  </si>
  <si>
    <t>住院醫師吳明賢台大醫院請假無情</t>
  </si>
  <si>
    <t>台大醫院醫師吳明賢請假無情住院</t>
  </si>
  <si>
    <t>政要可學期刊防疫權威經驗醫學</t>
  </si>
  <si>
    <t>新冠肺炎擴散全球6日確診人數已突破十萬大關雖然病發地大陸疫情逐漸轉緩但歐美與中東地區轉為嚴峻。對此醫學權威期刊《刺胳針》6日發表社論指出疫情對開發程度不同的國家造成衝擊除了點名非洲、拉丁美洲</t>
  </si>
  <si>
    <t>疫情造成國家全球不同程度確診開發人數衝擊突破指出大關對此醫學嚴峻權威轉為地區中東社論期刊歐美</t>
  </si>
  <si>
    <t>新冠肺炎擴散全球6日確診人數已突破十萬大關雖然病發地大陸疫情逐漸轉緩但歐美與中東地區轉為嚴峻。對此醫學權威期刊《刺胳針》6日發表社論指出疫情對開發程度不同的國家造成衝擊除了點名非洲、拉丁美洲與中東地區還沒備妥防疫措施之外並引述世界衛生組織的報告指出各國政要可以學習大陸防疫經驗。
《刺胳針》（The Lancet）在社論「新冠病毒：太少、太晚？」（COVID-19: too little too late?）一文中指出雖然WHO尚未將新冠病毒感染定義為全球大流行疾病但該病毒已證實可能會傳播到全球大部分國家目前在大陸以外的地區呈現規模擴大的趨勢各國衛生部長也倉促採取適當措施以延緩病毒傳播但他們的行動仍不夠充分而現在真正的危險是其他國家在遏止疫情採取的應對措施「太少、太晚」。
社論指出根據「世界衛生組織─中國聯合專家考察組」的報告大陸的表現呈強烈對比並指出大陸在應對新冠病毒疫情採取的公衛措施可能是「歷史上最有雄心、最靈活與最積極的疾病控制工作」雖然嚴重影響了經濟但目前看起來已避免了大量可能傳染病例。
社論指出在應對疫情中大陸的成功可能很大程度歸於強大的行政體系這一體系在面臨挑戰時擁有極強的動員能力以及大陸人民一致同意並願意遵守嚴格的公衛程式儘管其他國家沒有像大陸這樣對政治與經濟的指揮力度但各國政要仍可從大陸的經驗學習但種種跡象顯示世界各國還並未從其中吸取經驗。
社論也提到面對新冠病毒威脅高收入與低收入的國家面臨的挑戰並不同但疫情大規模爆發可以輕易壓垮中低收入國家的醫療體系更殘酷的現實是位於撒哈拉沙漠以南的非洲國家尚未準備好應對新冠病毒的流行拉丁美洲和中東的許多國家也是如此。
社論最後指出有證據顯示大陸政府巨大公共衛生投入已成功挽救成千上萬的生命此時高收入國家正面臨各自國內疫情爆發各國必須承擔合理的風險並採取更果斷的行動應對疫情限制公眾自由可能對大眾生活與社會經濟造成短暫負面影響但各國都應該拋棄這種負面影響的恐懼應堅定選擇暫時限制公眾自由並將其作為控制新冠病毒傳播的措施之一。</t>
  </si>
  <si>
    <t>國家大陸指出疫情社論可能病毒措施採取經濟地區中東全球面臨應對體系造成顯示成功控制報告目前</t>
  </si>
  <si>
    <t>新冠肺炎武漢肺炎 COVID-19刺胳針大陸</t>
  </si>
  <si>
    <t>肺炎covid-武漢大陸</t>
  </si>
  <si>
    <t>陸籍集中案例確診隔離臺灣觀察來自出現新增上海症狀</t>
  </si>
  <si>
    <t>上海市衛健委12日通報通過口岸聯防聯控機制6月11日0-24時無新增本土新冠肺炎確診病例。境外輸入性新冠肺炎確診病例報告8例。其中1例是在台灣生活自台灣出發的大陸籍人士於6月9日抵達上海浦東國際機場入</t>
  </si>
  <si>
    <t>肺炎病例確診人士通報臺灣機制大陸口岸出發聯防聯控報告本土抵達輸入境外生活</t>
  </si>
  <si>
    <t>上海市衛健委12日通報通過口岸聯防聯控機制6月11日0-24時無新增本土新冠肺炎確診病例。境外輸入性新冠肺炎確診病例報告8例。其中1例是在台灣生活自台灣出發的大陸籍人士於6月9日抵達上海浦東國際機場入關後即被集中隔離觀察其間出現症狀。綜合流行病學史、臨床症狀、實驗室檢測和影像學檢查結果等診斷為確診病例。
各病例綜合流行病學史、臨床症狀、實驗室檢測和影像學檢查結果等診斷為確診病例：
病例1為中國籍在塞內加爾工作自塞內加爾出發經法國轉機於2021年5月31日抵達上海浦東國際機場入關後即被集中隔離觀察其間出現症狀。
病例2為中國籍在美國旅行自美國出發於2021年6月7日抵達上海浦東國際機場入關後即被集中隔離觀察其間出現症狀。
病例3為中國籍在泰國工作自泰國出發於2021年6月8日抵達上海浦東國際機場入關後即被集中隔離觀察其間出現症狀。
病例4為中國籍在吉布地工作自吉布地出發經埃塞俄比亞轉機於2021年6月8日抵達上海浦東國際機場入關後即被集中隔離觀察其間出現症狀。
病例5為中國籍在台灣生活自台灣出發於2021年6月9日抵達上海浦東國際機場入關後即被集中隔離觀察其間出現症狀。
病例6為中國籍在美國工作自美國出發於2021年6月9日抵達上海浦東國際機場入關後即被集中隔離觀察其間出現症狀。
病例7為中國籍在以色列工作自以色列出發於2021年6月9日抵達上海浦東國際機場因有症狀入關後即被送至指定醫療機構隔離留觀。
病例8為中國籍在英國留學自英國出發經荷蘭轉機於2021年6月9日抵達上海浦東國際機場因有症狀入關後即被送至指定醫療機構隔離留觀。
8例境外輸入性確診病例已轉至定點醫療機構救治已追蹤同航班密切接觸者176人均已落實集中隔離觀察。</t>
  </si>
  <si>
    <t>病例症狀出發確診抵達中國籍隔離上海浦東國際機場醫療機構臺灣出現轉機工作關後集中肺炎綜合輸入境外觀察</t>
  </si>
  <si>
    <t>新冠肺炎大陸隔離觀察出發出現</t>
  </si>
  <si>
    <t>隔離大陸肺炎觀察出發出現</t>
  </si>
  <si>
    <t>顧客商店東石通知嘉義緊張</t>
  </si>
  <si>
    <t>中央疫情指揮中心15日公佈嘉義縣新增1確診個案嘉義縣長翁章梁今天下午召開疫情線上記者會表示案13302是42歲女性在東石鄉永屯村便利超商當店員13日因發燒不適就醫採檢14日確診目前匡列的接觸者採檢皆為陰</t>
  </si>
  <si>
    <t>確診疫情嘉義日公女性東石鄉表示記者會便利商當今天下午店員召開接觸縣長翁章梁發燒中心</t>
  </si>
  <si>
    <t>中央疫情指揮中心15日公佈嘉義縣新增1確診個案嘉義縣長翁章梁今天下午召開疫情線上記者會表示案13302是42歲女性在東石鄉永屯村便利超商當店員13日因發燒不適就醫採檢14日確診目前匡列的接觸者採檢皆為陰性感染源仍在釐清中。
縣長翁章梁表示案13302為便利超商店員衛生局即刻請超商暫停營業2天並進行清消作業全案匡列家庭接觸者10人職場接觸者14位20人PCR檢驗為陰性4人採檢中另也依書面實聯制電話訪視340名顧客1人有症狀轉介篩檢為陰性疾管家QR Code資料1218筆以簡訊通知自我健康監測。
衛生局長趙紋華指出案13302居住於東石鄉與父母同住有慢性病史、生活單純服用過敏免疫風濕科的藥物13日感覺疲累晚間出現喉嚨痛及發燒症狀由父親開車至醫院就醫、採檢後返家6月14日採檢結果為陽性由119救護車後送至醫院住院。
趙紋華說該名個案在便利超商上日班除上班時間在超商下班就返家追劇、料理等6月11日曾到快樂超市停留約10分鐘。至於該案感染源為何？翁章梁說目前感染源仍在釐清中針對兩個方向持續追蹤一是物流司機另外則是超商的外地客人。
另是否比照先前個案開啟擴大篩檢專案翁章梁表示目前還在觀察中因除確診者外其他接觸者皆採檢陰性居家隔離中因此是否有社區感染疑慮還在研判必要時才會啟動擴大篩檢。</t>
  </si>
  <si>
    <t>翁章梁感染個案陰性表示便利確診接觸目前趙紋華症狀發燒是否東石鄉醫院縣長</t>
  </si>
  <si>
    <t>感染源採檢接觸者翁章梁超商</t>
  </si>
  <si>
    <t>接觸翁章梁感染</t>
  </si>
  <si>
    <t>新北演唱會</t>
  </si>
  <si>
    <t>新北市政府與旺旺文教基金會共同舉辦「讓奉獻成為一種榮耀」榮耀二十志力傳承公益演唱會13日下午在新北市政府多功能集會堂舉辦邀請多位民歌知名藝人齊聚獻唱向在場社福、文化與環保志工致敬。新北市社會局副</t>
  </si>
  <si>
    <t>新北舉辦市政府文化在場環保榮耀齊聚獻藝人公益知名演唱會民歌下午邀請會堂致敬共同基金會奉獻成為文教</t>
  </si>
  <si>
    <t>新北市政府與旺旺文教基金會共同舉辦「讓奉獻成為一種榮耀」榮耀二十志力傳承公益演唱會13日下午在新北市政府多功能集會堂舉辦邀請多位民歌知名藝人齊聚獻唱向在場社福、文化與環保志工致敬。
新北市社會局副局長許秀能於開場致詞時除代表市府感謝旺旺文教基金會促成這場公益演唱會以外並向在場志工夥伴表達謝意感謝志工們在新冠肺炎疫情嚴峻時協助送餐、物資發放、電話問安及疫苗接種站動線引導等工作110年上半年志工所投入的服務時數逾1089萬小時換算產值可高達17億元！新北市志工共有24個類別、1342個志願服務團隊、人數達17萬1千多名隊數及人數皆為全國之冠在非常時期仍有此服務成果新北志工無私奉獻的精神令人感到敬佩。
旺旺文教基金會周哲仁主任示疫情打亂了台灣民眾生活作息表演藝人衝擊更為嚴重需多藝人這段時間幾乎沒有任何收入感謝新北市政府能提供這麼好的場地讓出席藝人有個表演舞臺用歌聲慰勞新北志工旺旺集團用行動力關懷社會為默默奉獻社會的一群無名英加油打氣。
演唱會由音樂磁場歌手塗佩岑擔綱主持於活動過程中展現厚實的主持功力志工們全場笑聲不斷。資深藝人葉佳修壓軸時前以一首外婆的澎湖灣喚起大家的年輕記憶金曲獎二重組南方二重唱天籟之音撥動了全場觀眾的心弦、冰冰姐愛徒木工歌手陳思瑋高亢嘹亮的歌聲憾動全場、中視我愛冰冰秀主持歌手台一線及迷霧森林樂團以西洋搖滾演唱曲風贏得全場志工喝采團長宋昱錦為創作歌手去年以一首〈相守〉專輯唱出時代的背景讓新北市志工、眷屬度過愉快難忘的週末假期。</t>
  </si>
  <si>
    <t>新北藝人歌手全場服務感謝演唱會主持市政府疫情基金會文教歌聲在場舉辦表演冰冰奉獻公益人數</t>
  </si>
  <si>
    <t>旺旺志工演唱會新北市新北市政府歌手旺旺文教基金會</t>
  </si>
  <si>
    <t>新北歌手市政府演唱會文教基金會</t>
  </si>
  <si>
    <t>支出設備找回晶圓繁榮全球</t>
  </si>
  <si>
    <t>SEMI（國際半導體產業協會）10日公佈最新全球晶圓廠預測報告（World Fab Forecast）全球晶圓廠設備支出將從2019年的低點反彈2020年穩健回升後可望在2021年大幅增長並創下投資額歷史新高記錄。不過因為新冠</t>
  </si>
  <si>
    <t>全球晶圓廠投資額創下協會增長大幅可望公佈最新回升穩健反彈歷史預測低點forecast支出設備產業報告fab半導體記錄world</t>
  </si>
  <si>
    <t>SEMI（國際半導體產業協會）10日公佈最新全球晶圓廠預測報告（World Fab Forecast）全球晶圓廠設備支出將從2019年的低點反彈2020年穩健回升後可望在2021年大幅增長並創下投資額歷史新高記錄。
不過因為新冠肺炎影響中國市場支出計畫SEMI小幅下修今年晶圓廠設備支出預估至578億美元。
SEMI表示2020將是緩步成長的一年晶圓廠設備支出規模年增率約3％來到578億美元主要受到2020上半年仍因2019下半年市場低迷陰影籠罩所影響預估衰退達18％但情勢將於今年下半年好轉市場開始出現復甦跡象。
新冠肺炎的爆發使中國2020年晶圓廠設備支出受到影響也因此SEMI更新並向下修正去年11月發布的全球晶圓廠預測報告。儘管新冠肺炎影響持續發酵中國今年的設備支出仍將較去年同期成長5％左右並超過120億美元規模2021年年增率將一舉升到22％來到150億美元規模。中國市場投資動力主要來自三星西安廠、SK海力士無錫廠、中芯國際和長江存儲等。
在晶圓代工龍頭台積電和記憶體大廠美光（Micron）投資的帶動下台灣將成為2020年最大設備支出市場總金額將接近140億美元但2021年將下滑5％跌至第三位支出仍會超過130億美元。
2020年韓國在三星和SK海力士投資助長下成為第二大晶圓設備支出市場年成長率達31％達到130億美元而2021年將以26％大幅增長態勢躍居第一。此外2020年也是以新加坡為主的東南亞地區強勢成長的一年年增率達33％約22億美元規栚2021年預計將持續增長年成長率將來到26％。
在所有地區中歐洲與中東地區2020年的設備支出成長最強勁將增長50％以上來到37億美元在英特爾、意法、英飛淩投資加持下2021年也將維持此一增長幅度。
日本目前的晶圓廠設備投資主要由鎧俠（Kioxia）及威騰（WD）、索尼、美光等引領2020年晶圓廠設備支出幾乎無變化年成長率僅2％2021年將小幅躍升近4％。美洲市場則呈現下滑趨勢2020年支出預計將比2019年縮減晶圓廠設備投資下跌24％至62億美元2021年將繼續下探再降4％。</t>
  </si>
  <si>
    <t>設備支出晶圓廠市場投資增長影響semi中國成長今年來到規模全球成長率美光肺炎超過國際預估</t>
  </si>
  <si>
    <t>成長肺炎投資增長支出</t>
  </si>
  <si>
    <t>投資肺炎支出增長成長</t>
  </si>
  <si>
    <t>全都確診美國罪犯</t>
  </si>
  <si>
    <t>因性侵案被判23年監禁才剛入獄的美國著名電影製作人哈維·韋恩斯坦被爆新冠病毒檢測呈陽性並且引起美國人公憤。有當地知情官員向媒體透露紐約州文德監獄有2名囚犯的新冠病毒檢測呈陽性。但當地主管監獄部門的</t>
  </si>
  <si>
    <t>美國當地監獄陽性病毒檢測才剛入獄著名監禁電影製作哈威·韋恩斯坦紐約州官員透露媒體文德知情公憤囚犯引起主管</t>
  </si>
  <si>
    <t>因性侵案被判23年監禁才剛入獄的美國著名電影製作人哈維·韋恩斯坦被爆新冠病毒檢測呈陽性並且引起美國人公憤。
有當地知情官員向媒體透露紐約州文德監獄有2名囚犯的新冠病毒檢測呈陽性。但當地主管監獄部門的負責人稱出於隱私相關法規他們不能透露確診者姓名但該監獄中確實有2名囚犯的檢測結果呈陽性。
而根據《環球時報》引述當地媒體報導指出因性侵案被判23年監禁的著名電影製作人哈維·韋恩斯坦被爆新冠病毒檢測呈陽性。然而相比他確診一事美國民眾更關心的卻是：在很多重症患者都得排隊等待檢測時為什麼他能馬上得到檢測？
但相較於韋恩斯坦這種大人物確診美國民眾不約而同地把注意力放在了這事上：為什麼一個性侵罪犯能馬上接受檢測而其他百姓還得排長隊？
有民眾表示：「我一個出現症狀的孕婦朋友無法得到新冠病毒檢測為什麼韋恩斯坦居然能被檢測？他們該把這人隔離起來不該把寶貴的檢測浪費在他身上。」
此觀點引來不少同病相憐的其他網友他們紛紛表示自家年邁且症狀持續很久的老母親也沒得到檢測機會。「我們需要一個答案」其中一個網友在評論中寫到。
另外憤怒的美國民眾也爆料說前幾天NBA湖人隊、籃網隊的球員在沒有症狀的情況下全隊接受了檢測。有人諷刺「看樣子他們已經給所有NBA球員做檢測了當成功人士真好。」「美國國會快來查查為什麼這些人能優先檢測其他重症患者卻得苦等著。」
據報導韋恩斯坦目前正在文德監獄接受關押和隔離此地距離紐約市中心約6小時車程。在待審期間韋恩斯坦一直被關押在利克斯島監獄也曾因高血壓和胸痛被送往紐約市貝爾維尤醫院（Bellevue Hospital）。但截至目前仍未有確切消息證明他是在何處感染了病毒。
截至美東時間3月22日18時美國新冠肺炎確診病例已超過33073例其中僅紐約州就達15777例占全美確診病例近一半。</t>
  </si>
  <si>
    <t>檢測美國監獄確診韋恩斯坦民眾症狀接受得到當地陽性病毒檢測紐約市截至網友性侵目前球員報導紐約州關押</t>
  </si>
  <si>
    <t>家族確診出院康復水果汙名</t>
  </si>
  <si>
    <t>彰化縣5月14日爆發新冠肺炎家庭群聚感染案例水果盤商家族有12名親人相繼確診一家人順利康復出院擔任社區理事長的長子與母親接受本報專訪述說住院治療期間被當成戰犯圍剿的複雜煎熬。盼政府、媒體和社會別再</t>
  </si>
  <si>
    <t>政府爆發煎熬複雜肺炎家庭圍剿戰犯當成感染期間案例住院治療述說果盤媒體專訪家族接受母親長子親人</t>
  </si>
  <si>
    <t>彰化縣5月14日爆發新冠肺炎家庭群聚感染案例水果盤商家族有12名親人相繼確診一家人順利康復出院擔任社區理事長的長子與母親接受本報專訪述說住院治療期間被當成戰犯圍剿的複雜煎熬。盼政府、媒體和社會別再獵巫一起做好防疫該做的事、多些體諒與包容讓康復者出院後有勇氣面對未來長路。
變異病毒找到國門邊境破口長驅直入新冠疫情5月起如海嘯席捲全台水果盤商家庭一夕間成為繼新北獅子會長後最受全國矚目的焦點透過喜宴、歌唱班員直、間接傳播整個傳播鏈共計112人染疫占全縣確診人數逾5成溪湖鎮成為萬華第二的重災區。
理事長表示沒有人自願染疫還導致全家人感染他們也是受害者住院期間母親身心煎熬、天天以淚洗面媒體大肆渲染貼標籤母親彷彿成了超級帶原者全家被譏諷為葡萄王有不理性民眾肉搜後打電話咒罵甚至專程帶幾大袋垃圾砸向他家幸好鄰居及時發現制止。
他強調家人沒出國父母只是去趟萬華將葡萄交給訂貨的客戶母親初期沒症狀才會去吃喜酒等看到新聞報導去診所醫生開了感冒藥要她回家多休息接著大姊也出現症狀察覺不對2人主動前往彰基自費篩檢才知確診。
住院期間家人每天通話母親得知他與論及婚嫁的女友、弟弟、姊夫、外甥連親家母、親家嬤都住院幾乎寢食難安；看著母親心碎令他好心疼母子倆常在電話中無語哽咽。
仍在防疫旅館隔離的他指出父母為了討生活30幾年來靠賣葡萄養大3姊弟照顧許多葡萄農收益；出院後千頭萬緒、生活如何重新開始？全家人恐將失業好一陣子。姊夫的阿嬤近日病逝親友見不到最後一面更讓母親無顏面對親家。
雖慶幸家人在醫護悉心照顧下都能康復也肯定彰化縣衛生局快速圍堵阻絕疫情策略成功但想到其他案例個資都隱匿只有他們家身分被揭露在媒體上不斷報導心情還是氣憤、難以釋懷。
母親則說不會怪任何人對他們指責、不諒解疫情來的實在突然所有人生活失去重心、措手不及尤其害到女兒婆家、歌唱班學員非常自責、難過不知如何面對他人眼光和這些受影響的家庭除了透過媒體記者向大家表達最深的歉意也盼望這場疫情能早日結束全民恢復正常的生活希望確診者都能早日恢復身體健康。</t>
  </si>
  <si>
    <t>母親疫情媒體確診生活葡萄家人出院期間住院防疫面對成為姊夫歌唱案例理事長</t>
  </si>
  <si>
    <t>新冠肺炎台灣母親水果盤商面對</t>
  </si>
  <si>
    <t>母親臺灣肺炎果盤面對</t>
  </si>
  <si>
    <t>專家免疫記憶是否接種增強疫苗</t>
  </si>
  <si>
    <t>近期因數量較多的接種疫苗者遭變種病毒感染的案例發生有專家建議補打第3劑加強針的說法極受重視。大陸疾控中心專家表示疫苗接種後幾個月抗體水準會有所下降但仍然有相當的保護力是否補打第3針還需要開展相關</t>
  </si>
  <si>
    <t>疫苗接種大陸重視中心專家表示抗體水準有所病毒感染變種下降說法案例仍然相當發生</t>
  </si>
  <si>
    <t>近期因數量較多的接種疫苗者遭變種病毒感染的案例發生有專家建議補打第3劑加強針的說法極受重視。大陸疾控中心專家表示疫苗接種後幾個月抗體水準會有所下降但仍然有相當的保護力是否補打第3針還需要開展相關研究包括接種疫苗後人體的免疫記憶是否增強。
在大陸國務院聯防聯控機制疫情防控和疫苗接種的新聞發布會上大陸疾控中心免疫規劃首席專家王華慶做出上述表示。他說當務之急還是建立群體免疫屏障消除免疫落差。至於後續是否需要加強免疫？如果要加強怎麼樣加強？需要做更多研究。
另外如果開展3劑次或後續加強免疫要對安全性進行評估只有綜合獲得充分證據以後才能決定是否加強免疫。
對於接種疫苗後為何還感染是否因為疫苗保護效力不夠？王華慶表示目前為止新冠疫苗不管是在臨床試驗獲得的保護效力還是疫苗上市以後獲得的保護效果其保護率都不是100%。有些人接種疫苗之後還感染並不意味疫苗保護效力不夠「不管是保護效果也好還是保護效力也好其實是對一個群體得出的一個結果。」要預防新冠肺炎目前最好的辦法還是接種疫苗如果人群當中有免疫力的達到一定閾值就可以降低新冠肺炎的流行強度或者阻斷它的流行。
另一位大陸疾控中心研究員馮子健則表示就廣東新一輪疫情來看確診病例中沒有接種過疫苗的人群轉為重症或者發生重症的比例顯著高於接種疫苗的人表明接種以後對變異毒株仍然有保護作用。
在針對60歲以上老年人接種疫苗的安排上大陸衛健委疾控局官員崔鋼表示已經安排對60歲以上有接種需求同時身體狀況比較好的老年人進接種疫苗工作。官方專門制定《新冠病毒（SARS-CoV-2）疫苗接種技術指南（第一版）》。對於60歲以上老人的接種工作有一系列統一的接種建議和具體要求。</t>
  </si>
  <si>
    <t>疫苗接種表示保護是否大陸免疫以後效力以上加強免疫獲得疫情需要中心發生群體加強王華慶工作</t>
  </si>
  <si>
    <t>新冠疫苗大陸接種疫苗補針免疫</t>
  </si>
  <si>
    <t>疫苗接種大陸免疫</t>
  </si>
  <si>
    <t>出院僅剩全省確診江蘇</t>
  </si>
  <si>
    <t>據江蘇當局發布3月12日0-24時江蘇省無新增新型冠狀病毒肺炎確診病例。新增出院病例2例。江蘇累計確診的631病例中在院病例1例。重型病例1例（無錫市1例）。累計出院病例630例。截至3月12日24時江蘇省累計報告</t>
  </si>
  <si>
    <t>病例累計江蘇省確診江蘇出院病毒肺炎冠狀新增截至發佈當局報告無錫市</t>
  </si>
  <si>
    <t>據江蘇當局發布3月12日0-24時江蘇省無新增新型冠狀病毒肺炎確診病例。新增出院病例2例。江蘇累計確診的631病例中在院病例1例。重型病例1例（無錫市1例）。累計出院病例630例。
截至3月12日24時江蘇省累計報告新型冠狀病毒肺炎確診病例631例。其中南京市93例、無錫市55例、徐州市79例、常州市51例、蘇州市87例、南通市40例、連雲港市48例、淮安市66例、鹽城市27例、揚州市23例、鎮江市12例、泰州市37例、宿遷市13例。
累計確診病例中在院病例1例。重型病例1例（無錫市1例）。
累計出院病例630例。其中南京市93例、無錫市54例、徐州市79例、常州市51例、蘇州市87例、南通市40例、連雲港市48例、淮安市66例、鹽城市27例、揚州市23例、鎮江市12例、泰州市37例、宿遷市13例。其中南京市、徐州市、常州市、蘇州市、南通市、連雲港市、淮安市、鹽城市、揚州市、鎮江市、泰州市、宿遷市12市的確診病例全部出院。
目前江蘇省追蹤到密切接觸者12652人已解除醫學觀察12630人尚有22人正在接受醫學觀察。</t>
  </si>
  <si>
    <t>江蘇省病例確診累計宿遷市南京市病毒肺炎江蘇冠狀泰州市出院醫學觀察密切接觸追蹤連雲港市南通市淮安市常州市尚有鹽城市揚州市</t>
  </si>
  <si>
    <t>江蘇省無錫市南通市常州市新冠肺炎</t>
  </si>
  <si>
    <t>南通市常州市無錫市江蘇省肺炎</t>
  </si>
  <si>
    <t>激勵政策餐廳零售業振興復蘇股市臺北看俏</t>
  </si>
  <si>
    <t>台灣新冠肺炎疫情趨緩政府研擬在7月推出第三階段振興方案。投顧法人出具最新報告認為餐廳業者及零售商將是主要受惠者看好寶雅（5904）、統一超（2912）、統一（1216）、瓦城（2729）及台灣高鐵（2633）等以本</t>
  </si>
  <si>
    <t>臺灣一超疫情寶雅看好政府受惠推出階段零售商振興業者方案餐廳認為報告法人最新出具統一</t>
  </si>
  <si>
    <t>台灣新冠肺炎疫情趨緩政府研擬在7月推出第三階段振興方案。投顧法人出具最新報告認為餐廳業者及零售商將是主要受惠者看好寶雅（5904）、統一超（2912）、統一（1216）、瓦城（2729）及台灣高鐵（2633）等以本地消費者為主力的公司業績將更快復甦。
台灣政府預計7月推出400～460億元振興方案研擬發放消費券及旅遊補助刺激國內經濟。方案規畫每人可支付1000元取得3000元振興券並提列40億元紓困預算補助觀光業自由行每房補助1000元、團體旅遊每人每天補助700元預估可創造近900億元收益。
投顧法人分析在2008年金融海嘯後台灣政府於2009年1月發放860億元消費券儘管產生收益360～560億元、提升2009年GDP約028～034個百分點刺激效益低於預期但台灣零售及餐飲業2009年營收分別年增06％、51％扭轉連2季衰退。
其中零售業中以超市營收年增36％最多百貨公司和便利超商則下滑06～09％。而餐飲業營收年增達5％、飲料店營收年增達44％均超越其他零售通路。
而因應來台陸客減少衝擊台灣政府2018、2019年接連推出旅遊補助措施總金額分達12～15億元、36億元帶動去年飯店住房率上升34個百分點但住房收入年增52％仍低於餐飲業的年增57％且飯店餐飲營收仍年減18％。
不過儘管餐飲業去年業績復甦動能較強但投顧法人指出觀光類股指數去年上漲達18％餐飲類股則僅上漲8％。
隨著台灣已連續46天無本土新增病例驅使政府逐步鬆綁大型聚會、國內旅遊等防疫相關規定投顧法人認為以本地消費者為主的零售與餐廳業者相較於過度仰賴國際及商務旅客的飯店業業績表現將更快反彈。
基於過去政府祭出振興政策零售商及餐廳業者可望明顯受惠投顧法人看好以本地消費者為主要客群的零售及餐飲業者如寶雅、統一超、統一、瓦城及台灣高鐵等公司業績復甦速度可望更快。</t>
  </si>
  <si>
    <t>臺灣補助零售旅遊法人振興政府業績臺灣政府去年餐飲業方案餐廳業者復蘇推出消費者刺激收益飯店</t>
  </si>
  <si>
    <t>台灣政府新冠肺炎振興投顧</t>
  </si>
  <si>
    <t>肺炎振興政府臺灣</t>
  </si>
  <si>
    <t>毅嘉電子零件今年</t>
  </si>
  <si>
    <t>毅嘉(2402)10月自結合併營收約為611億元較去年同期增加達一成創下今年次高水準。毅嘉10月自結合併營收金額約為611億元月減少4%、年增加10%其中軟板產品之營收為471億元機構整合元件產品之營收為14億元</t>
  </si>
  <si>
    <t>增加毅嘉結合產品創下水準今年去年同期金額軟板減少機構元件整合</t>
  </si>
  <si>
    <t>毅嘉(2402)10月自結合併營收約為611億元較去年同期增加達一成創下今年次高水準。
毅嘉10月自結合併營收金額約為611億元月減少4%、年增加10%其中軟板產品之營收為471億元機構整合元件產品之營收為14億元；毅嘉累計前10月合併營收約4342億元較去年同期減少17%。
毅嘉表示在全球車市逐漸回溫復甦的情況下第四季度整體之營收及獲利將可望較第三季增長。
毅嘉第三季度因全球經濟解封帶動客戶訂單逐漸回籠單季合併營收金額來到1544億元季增加46%創下今年新高單季稅前淨利更是創三年新高單季毛利率達18%更是攀上6年來的新高水準展望第四季隨著解封後汽車市場持續回溫毅嘉在車用產品持續挹注營收下第四季營運將續旺。</t>
  </si>
  <si>
    <t>毅嘉單季解封四季逐漸水準增加回溫產品全球更是創下今年合併持續新高減少去年同期金額收下</t>
  </si>
  <si>
    <t>毅嘉機構整合軟板車市新冠肺炎</t>
  </si>
  <si>
    <t>車市軟板整合機構毅嘉肺炎</t>
  </si>
  <si>
    <t>時中莫德納過程美國</t>
  </si>
  <si>
    <t>美國捐贈的250萬劑莫德納疫苗將在傍晚抵台外界關心這250萬劑莫德納任務很急促可否解釋接洽過程？以及莫德納跟AZ疫苗能否混打對此指揮中心指揮官陳時中表示非常謝謝AIT努力把台灣的情況傳回美國我們真的很</t>
  </si>
  <si>
    <t>莫德納疫苗美國臺灣ait謝謝情況努力非常表示陳時中指揮官中心指揮對此混打關心能否任務外界急促解釋az過程接洽傳回傍晚</t>
  </si>
  <si>
    <t>美國捐贈的250萬劑莫德納疫苗將在傍晚抵台外界關心這250萬劑莫德納任務很急促可否解釋接洽過程？以及莫德納跟AZ疫苗能否混打對此指揮中心指揮官陳時中表示非常謝謝AIT努力把台灣的情況傳回美國我們真的很感謝。關於疫苗混打可能還在密切注意中
陳時中表示整體溝通方面不管外交部、駐美辦事處都非常努力天天都在跟他們相關單位在溝通聯繫也非常謝謝AIT儷英傑處長努力把台灣的情況分析並不斷的傳回美國讓他們瞭解我們在疫苗取得上的急迫性在這要強調非常謝謝美國他們以前講說台美是真朋友我們是真的很感謝。
另外至於疫苗是否有混打的可能有些國家已經有這方面的想法我們會持續密切注意相關發展。</t>
  </si>
  <si>
    <t>疫苗非常美國謝謝莫德納努力方面溝通表示可能混打密切注意傳回臺灣感謝ait情況相關真的關心任務急促解釋過程</t>
  </si>
  <si>
    <t>美國混打250萬莫德納AZ</t>
  </si>
  <si>
    <t>混打az莫德納美國</t>
  </si>
  <si>
    <t>az效期斯洛伐克曝光</t>
  </si>
  <si>
    <t>中央流行疫情指揮中心今(26)日表示斯洛伐克政府為協助各國對抗疫情共同維護全球衛生安全繼7月16日宣佈捐贈我國1萬劑疫苗後又將捐贈數量提高至16萬劑AstraZeneca(AZ)疫苗經斯國衛生部與我國斯洛伐克代表處</t>
  </si>
  <si>
    <t>疫情疫苗斯洛伐克我國捐贈中心表示經斯國共同維護對抗政府全球協助astrazeneca衛生提高數量安全az宣佈指揮衛生部流行</t>
  </si>
  <si>
    <t>中央流行疫情指揮中心今(26)日表示斯洛伐克政府為協助各國對抗疫情共同維護全球衛生安全繼7月16日宣佈捐贈我國1萬劑疫苗後又將捐贈數量提高至16萬劑AstraZeneca(AZ)疫苗經斯國衛生部與我國斯洛伐克代表處之通力合作安排已於9月26日上午順利運抵桃園國際機場並在完成通關程式後直接運送至指定冷儲物流中心進行後續檢驗封緘作業。本批疫苗效期至110年10月31日及11月30日將由指揮中心統籌規劃運用提供國人接種。
指揮中心說明全球面對疫情肆虐國際社會竭盡一切努力透過相互援助遏止疫情蔓延斯洛伐克為感謝我國去年捐贈70萬片口罩之情誼此時伸出援手提供並加碼捐贈這批COVID-19疫苗讓我國感受到國際間正向循環的良善力量此批疫苗將有助我國提升疫苗覆蓋率指揮中心謹向斯洛伐克政府與人民致上誠摯謝意。</t>
  </si>
  <si>
    <t>疫苗中心我國疫情指揮捐贈斯洛伐克國際全球提供人民斯洛伐克政府桃園完成通關國際機場程式直接順利運送物流指定上午</t>
  </si>
  <si>
    <t>斯洛伐克捐贈AZ疫苗效期新冠肺炎</t>
  </si>
  <si>
    <t>效期疫苗az捐贈斯洛伐克肺炎</t>
  </si>
  <si>
    <t>恢復營運連三天桃醫</t>
  </si>
  <si>
    <t>疫情桃園今天醫院連續預計出爐桃醫結果境外個案剩下本土病例回溯中央流行主持親自</t>
  </si>
  <si>
    <t>醫院隔離檢討目前今天桃園資料陳時中桃醫感染已經疫情營運表示預計困難是否結果分流</t>
  </si>
  <si>
    <t>境外移入本土新冠肺炎</t>
  </si>
  <si>
    <t>本土境外肺炎</t>
  </si>
  <si>
    <t>不怕郵輪突發狀況綜合險</t>
  </si>
  <si>
    <t>在新冠肺炎疫期鑽石公主號郵輪等多郵輪在海上「漂流」多日讓在郵輪上民眾有如經歷一場夢魘不過搭高檔郵輪出國仍是未來旅遊趨勢尤其目前旅遊綜合險並沒有保障郵輪上的旅遊不便因此若民眾要搭郵輪出遊</t>
  </si>
  <si>
    <t>郵輪旅遊民眾鑽石公主綜合險未來高檔有如出國夢魘肺炎目前尤其趨勢沒有保障經歷不便海上漂流</t>
  </si>
  <si>
    <t>在新冠肺炎疫期鑽石公主號郵輪等多郵輪在海上「漂流」多日讓在郵輪上民眾有如經歷一場夢魘不過搭高檔郵輪出國仍是未來旅遊趨勢尤其目前旅遊綜合險並沒有保障郵輪上的旅遊不便因此若民眾要搭郵輪出遊要買「郵輪綜合險」對搭乘郵輪者才會有較多保障。
據瞭解產險業者在未來考慮推「郵輪綜合險」但截至目前為止兆豐保險仍是目前國內產險業者唯一推出「郵輪綜合險」的產險業者。
至於「郵輪綜合險」有那些專屬的保障？兆豐保險說舉例來說如果被保險人或其同行夥伴如罹患新冠肺炎或被保險人本人因疑似罹患新冠肺炎被強制檢疫而致其必須取消預定之旅程若有投保郵輪綜合險即可申請「旅程取消」理賠。
兆豐保險說 如果被保險人於海上旅遊期間被保險人或其同行夥伴如罹患新冠肺炎被確認還可以申請4項保險理賠。因新冠肺炎為法定傳染病只要被保險人或其同行夥伴罹患新冠肺炎被確認者會即認定「符合重大傷病」所以可申請下列4項：
1程縮短保險：被保險人於海外旅行期間內必須提早結束旅程而返回中華民國境內之住居所所需額外支出之交通費用及住宿費用。
2郵輪假期保險：海上旅遊期間於岸上觀光後錯過登船費用。
3郵輪緊急衛星電話費用保險。
4海外急難救助費用保險─醫療轉送費用。
兆豐保險表示若被保險人於海外旅遊期間被保險人罹患新冠肺炎於國外當地醫療機構就診或住院也可以申請海外突發疾病醫療健康保險之給付包括海外突發疾病住院醫療保險金、海外突發疾病門診醫療保險金以及海外突發疾病急診醫療保險金。</t>
  </si>
  <si>
    <t>郵輪保險肺炎海外旅遊綜合險申請被保險人費用期間旅程保障醫療海上產險必須業者未來目前突發取消</t>
  </si>
  <si>
    <t>罹患旅遊肺炎被保險人保險</t>
  </si>
  <si>
    <t>旅遊肺炎被保險人保險</t>
  </si>
  <si>
    <t>防疫捐贈物資局外人一線工作人員加油</t>
  </si>
  <si>
    <t>當載防疫物資用品大貨車到時穿著襯衫、西裝褲捲起袖子幫忙搬運防疫物資下車全身一下子就汗如雨下濕透了！市議員吳瓊華說赫然發現一起搬貨的人居然就是捐贈者～這種精神真的令人感動。吳瓊華指出在一個機緣</t>
  </si>
  <si>
    <t>瓊華物資防疫令人感動真的捐贈就是到時居然襯衫西裝褲貨車精神卷起袖子一起幫忙發現搬運下車議員</t>
  </si>
  <si>
    <t>當載防疫物資用品大貨車到時穿著襯衫、西裝褲捲起袖子幫忙搬運防疫物資下車全身一下子就汗如雨下濕透了！市議員吳瓊華說赫然發現一起搬貨的人居然就是捐贈者～這種精神真的令人感動。
吳瓊華指出在一個機緣認識台灣水木清華校友會長朱長生以及林昭仲教授他們就提起想要以最實用的防疫用品捐給第一線防疫人員希望透過服務處來協助！這一次在瓊華的服務選區（烏日、大肚、龍井）區公所、消防隊、警察局、清潔隊、衛生所、戶政等單位數量多達近200箱的防疫用品！
台灣水木清華校友會是個民間團體朱會長提起因今年六月初有感於家鄉新冠疫情嚴峻承諾將自海外進口至少3櫃消毒洗手液及2櫃防護口罩來台無償分享給弱勢防疫單位及一線守護單位。至今已入倉5櫃消毒洗手液約25萬瓶及4櫃防護口罩約800萬片尚有4櫃消毒洗手液約20萬瓶正於美國來台途中將於近日抵達台中港。
吳瓊華說最近陸續透過中央及各地方民意代表的協助將約10萬瓶消毒洗手液及約160萬片口罩無償分享給臺北地區、新北地區、桃園地區、台中地區、新竹地區及宜蘭等地區一線防疫單位！
朱長生表示：「我們不是捐贈也不是援助是透過有限的防疫物資來分享無限的關懷及傳遞無限的熱情再次非常感謝所有支持與協助的朋友們是您們共同凝聚了這份良善與溫暖。」
吳瓊華強調病毒無情人間有愛！疫情停止愛心延續～希望這些最貼身實用的防疫用品能夠保護著每一個第一線的工作人員！感謝這些默默守護防疫戰線的無名英雄！</t>
  </si>
  <si>
    <t>防疫瓊華用品單位協助物資透過分享疫情捐贈提起消毒希望長生洗手口罩水木清華守護</t>
  </si>
  <si>
    <t>新冠肺炎台灣防疫物資洗手液吳瓊華</t>
  </si>
  <si>
    <t>防疫物資臺灣洗手肺炎瓊華</t>
  </si>
  <si>
    <t>累積開幕選手奧運確診疫情東奧</t>
  </si>
  <si>
    <t>離東京奧運開幕只剩最後一天的時間了世界各國好手都陸續抵達日本東京備戰中華隊好手有的也開始展開賽前訓練目前都平安無事相信接下來他們會全力將目標放在奪牌上面不過有幾位選手可沒那麼好過了繼昨天傳</t>
  </si>
  <si>
    <t>好手東京選手上面放在目標全力接下來最後相信平安無事時間目前世界訓練開始中華隊備戰</t>
  </si>
  <si>
    <t>離東京奧運開幕只剩最後一天的時間了世界各國好手都陸續抵達日本東京備戰中華隊好手有的也開始展開賽前訓練目前都平安無事相信接下來他們會全力將目標放在奪牌上面不過有幾位選手可沒那麼好過了繼昨天傳出智利跆拳道選手染疫退賽後今天又傳出壞消息。
據俄羅斯游泳協會稍早表示俄羅斯18歲游泳好手鮑羅廷(Ilya Borodin)染上了新冠肺炎目前確定退出本屆東京奧運游泳比賽相當令人震驚而據悉他是在抵達東京前就已經確定染疫俄羅斯游泳協會發聲明說：「他是歐洲冠軍也是奧運代表團領袖之一他在新冠肺炎檢測呈陽性意味他不會參加奧運。」
World Jr Record Holder Ilya Borodin Will Miss Olympics After COVID-19 Positive https://tco/aoG9FgrKIc
而奧運還沒開打疫情似乎就開始蔓延除了智利跆拳道好手和鮑羅廷之外另外還傳出英國射擊選手希爾(Amber Hill)、捷克桌球選手席魯切克(Pavel Sirucek)、荷蘭滑板選手賈可布斯(Candy Jacobs)染疫退賽目前一共有5人因為新冠肺炎無奈退出東京奧運這對世界各國及日本主辦國都是一大打擊。
18歲游泳小將鮑羅廷是2020年男子400公尺個人混合歐洲冠軍並在2019年歐洲青年夏季奧林匹克節200、400公尺個人混合獲得金牌才小小年紀就有超齡的成績。另外捷克桌球好手席魯切克目前世界排名52因2020年東京奧運《2020東京奧運會運動項目特殊規則》在桌球比賽中被標記為「Did Not Start」(簡稱DNS)即「放棄參加比賽」！</t>
  </si>
  <si>
    <t>奧運東京選手好手游泳目前傳出鮑羅廷比賽俄羅斯肺炎borodinilya開始混合個人世界</t>
  </si>
  <si>
    <t>東奧即時報導新冠肺炎東京游泳</t>
  </si>
  <si>
    <t>報導肺炎東京即時游泳東奧</t>
  </si>
  <si>
    <t>覆蓋率疫苗柯文哲解封以上</t>
  </si>
  <si>
    <t>國內新冠肺炎疫情嚴峻三級警戒延長再加上疫苗短缺民怨達到高峰臺北市長柯文哲坦言疫苗覆蓋率需達7成以上才有群體免疫效果若在此之前先行解封感染人數就會上升目前戰略要先撐到疫苗到再說。柯文哲表</t>
  </si>
  <si>
    <t>疫苗柯文哲疫情嚴峻警戒延長加上肺炎解封感染先行人數在此之前效果免疫上升目前群體撐到以上戰略短缺</t>
  </si>
  <si>
    <t>國內新冠肺炎疫情嚴峻三級警戒延長再加上疫苗短缺民怨達到高峰臺北市長柯文哲坦言疫苗覆蓋率需達7成以上才有群體免疫效果若在此之前先行解封感染人數就會上升目前戰略要先撐到疫苗到再說。
柯文哲表示疫苗覆蓋率需要70％以上才有群體免疫效果覆蓋率不夠要放掉三級管制感染人數就會上升這也是一個很困難的題目從其他國家例子可看到封城來回好幾次。
柯文哲重申他主張只要國際上有認證、價錢不會太理譜的疫苗能買就先買買多少算多少防疫管制在不影響經濟的狀態下鬆到什麼程度。如果不行的話大概就是要咬緊牙關撐到疫苗來。
柯文哲強調他不在中央也不知道疫苗的狀況目前策略是以最低成本維持三級管制效果撐到疫苗可以打到70％這是戰略沒有達到70％就放開感染人數會上去。</t>
  </si>
  <si>
    <t>疫苗柯文哲管制覆蓋率效果撐到感染目前達到人數戰略疫情上升嚴峻以上群體免疫警戒肺炎</t>
  </si>
  <si>
    <t>疫苗覆蓋率群體免疫柯文哲7成</t>
  </si>
  <si>
    <t>群體柯文哲免疫覆蓋率疫苗</t>
  </si>
  <si>
    <t>安新建建議買房交通需求建設剛性企業房市</t>
  </si>
  <si>
    <t>政府持續出手打炒房各部會接連出招加上股市表現熱絡引發投資圈是否「棄房轉股」的討論。安新建經表示目前自住、置產的買盤還在房市剛性需求不衰建議首購族與換屋族應持續關注市場維持敏感度長期投資</t>
  </si>
  <si>
    <t>持續關注不衰接連需求剛性房市加上盤還股市表現熱絡引發市場投資目前是否表示安新建</t>
  </si>
  <si>
    <t>政府持續出手打炒房各部會接連出招加上股市表現熱絡引發投資圈是否「棄房轉股」的討論。安新建經表示目前自住、置產的買盤還在房市剛性需求不衰建議首購族與換屋族應持續關注市場維持敏感度長期投資的消費者則不要有太高的槓桿操作選擇區域時則要跟著「交通」、「重大建設」、「大型企業進駐」三大指標走。
近來政府持續強打囤房族與大戶法人讓房市多頭氛圍略為消散安新建經執行經理劉易昌指出政策性調控主要是針對短期投機客近期並沒有看到明顯資金退潮主要是因為新冠肺炎疫情爆發後台灣投資市場體質健全、政府又歡迎資金流入導致熱錢豐沛也推升新台幣持續升值投資市場資金充裕自住、置產的買盤仍在只要有較優質的標的釋出詢問度還是很高也多數能順利成交。
劉易昌建議如果是首購族或換屋族還是要持續保持對市況的關注畢竟土地是稀缺性很高的產品好的物件原本就不容易覓得「賣一間、少一間」；也要維持對價格的敏感度隨時關注實價登錄與有口碑的房仲資訊才有機會用實惠的價格買到好房。
至於投資族則建議以長期投資為主不要有太高的槓桿操作自有資金至少要有三成而且要是閒錢為主。劉益昌強調雖然房價不容易快速飆漲但低利率的大環境不變有租金投報率的物件還是頗為吃香通常只要有3%至5%的投報率就頗受歡迎。
在選擇區域時劉易昌建議可以掌握三大指標。第一是有交通利多例如有捷運路線將興建或在規劃中、有新的交流道或快速道路等等都會帶動周邊房地產走勢。第二要有重大建設這不限於圖書館、公園、學校等公共建設民間投資諸如商場、大賣場等等也算在其中；第三若有大型企業進駐提供就業機會、帶動人口流入更為加分。以桃園地區來說中正藝文特區、青埔等區域就符合這些評估指標這也是近期區內交易熱絡不受打炒房影響的主因。</t>
  </si>
  <si>
    <t>投資資金建議持續劉易昌市場指標關注區域建設政府安新建流入熱絡房市不容易帶動物件價格</t>
  </si>
  <si>
    <t>建議安新建經大型企業建設劉易昌</t>
  </si>
  <si>
    <t>劉易昌安新建建議建設企業</t>
  </si>
  <si>
    <t>宣佈今年正式取消溫布賽事</t>
  </si>
  <si>
    <t>一如外界預期在新冠疫情持續延燒之下四大賽歷史最悠久的溫布頓錦標賽今晚正式宣佈取消今年賽事也是這項一年一度的盛事自1945年第二次世界大戰以來第一次無法舉辦。全英網球俱樂部今天召開緊急理事會也正式</t>
  </si>
  <si>
    <t>正式疫情持續之下四大歷史俱樂部悠久網球全英今天舉辦溫布無法以來召開錦標賽今晚第二次世界大戰盛事一年一度宣佈</t>
  </si>
  <si>
    <t>一如外界預期在新冠疫情持續延燒之下四大賽歷史最悠久的溫布頓錦標賽今晚正式宣佈取消今年賽事也是這項一年一度的盛事自1945年第二次世界大戰以來第一次無法舉辦。
全英網球俱樂部今天召開緊急理事會也正式作出取消賽事的決議。其實台灣「網球一哥」盧彥勳透露上周參加球員委員會會議時就已得知溫網無法舉行只是仍需等到官方正式確認。
原訂5月進行的法國網球公開賽此前已經宣佈要延到9月底但溫網沒有延期的空間因為每年的草地網球季節僅有6周且只有這段時間英國的日照時間夠長可以舉辦溫網加上場地濕滑就無法進行草地比賽溫網也無法移到較為寒冷、多雨的時節今年只有取消一途。</t>
  </si>
  <si>
    <t>網球溫網無法正式取消宣佈舉辦進行草地今年賽事疫情持續之下四大歷史悠久溫布參加</t>
  </si>
  <si>
    <t>溫網溫布頓新冠肺炎新冠疫情新冠病毒</t>
  </si>
  <si>
    <t>肺炎疫情溫網溫布病毒</t>
  </si>
  <si>
    <t>實際確診錯誤cdc關鍵</t>
  </si>
  <si>
    <t>新冠肺炎持續襲捲美國全境至今已有160萬確診、96萬人死亡不論確診與死亡人數皆排名全球首位。雖然美國總統川普宣稱「美檢測能力領先全球」不過根據美媒「國家公共廣播電台」（NPR）報導美國疾病管制與預防</t>
  </si>
  <si>
    <t>美國全球確診襲卷全境報導npr死亡電臺國家排名公共廣播持續宣稱總統川普至今已有人數領先能力檢測肺炎疾病管制</t>
  </si>
  <si>
    <t>檢測美國確診資料表示結合是否疫情指出方式cdc血清抗體報告結果全球唯有資訊報導足夠流行病測試</t>
  </si>
  <si>
    <t>新冠肺炎武漢肺炎新型冠狀病毒COVID-19檢測確診</t>
  </si>
  <si>
    <t>肺炎冠狀武漢covid-病毒檢測確診</t>
  </si>
  <si>
    <t>擴大聯發全年京元電導體成長</t>
  </si>
  <si>
    <t>測試大廠京元電子(2449)染疫事件越演越烈中央疫情指揮中心(CDC)今日有宣佈設立京元電指揮所京元電也公告將自今晚7點20分起停工2天進行徹底消毒作業京元電為聯發科(2454)重要封測夥伴對此聯發科最新表示</t>
  </si>
  <si>
    <t>京元電聯發疫情電子指揮中心cdc今日事件作業分起停工消毒今晚徹底進行對此中央京元重要宣佈設立</t>
  </si>
  <si>
    <t>測試大廠京元電子(2449)染疫事件越演越烈中央疫情指揮中心(CDC)今日有宣佈設立京元電指揮所京元電也公告將自今晚7點20分起停工2天進行徹底消毒作業京元電為聯發科(2454)重要封測夥伴對此聯發科最新表示目前與京元電緊密溝通合作中預期京元電目前的停工計畫對六月營收將有部分短暫影響但對於第二季、以及全年營運的成長目標依舊維持不變。
聯發科表示與京元電緊密溝通合作中期望將因應疫情停工之影響降至最低聯發科預期京元電目前的停工計畫對六月營收將有部分短暫影響但不影響第二季營收成長10~18%及毛利率的目標此外因終端市場需求仍然健康聯發科全年營收成長超過40%與毛利率44~46%的目標維持不變。
聯發科先前法說會即預期第二季合併營收將可望季成長10～18％、1188～1275億元也就是說聯發科第二季營收將可望續創新高水準同時聯發科將上調全年合併營收目標達到年成長四成以上並上修全年平均毛利率區間至44～46％。
聯發科最後也強調期待在疫情之下大家互聯互助砥礪前行同舟共濟互相扶持讓台灣早日恢復正常生活。
京元電苗栗竹南廠爆發群聚感染截至3日已有67人確診為避免感染擴大京元電公告將自今晚7點20分起停工2天針對新竹總部及苗栗竹南、銅鑼廠區進行徹底清潔消毒預期影響月產能4~6%。</t>
  </si>
  <si>
    <t>聯發京元電停工疫情預期全年影響目標京元毛利率感染苗栗竹南進行徹底消毒目前可望季營</t>
  </si>
  <si>
    <t>聯發科京元電子京元電停工第二季</t>
  </si>
  <si>
    <t>京元電京元電子停工聯發</t>
  </si>
  <si>
    <t>黑手黨送暖</t>
  </si>
  <si>
    <t>新冠肺炎疫情肆虐全球黑社會也不閒著。義大利「黑手黨」藉提供免費食物、無息貸款等好處收攏人心趁機坐大勢力引發關注。巴西黑幫的防疫作為比政府還到位。義大利是疫情重災區內政部長拉莫格斯警告受到封城</t>
  </si>
  <si>
    <t>疫情大利拉莫內政部長肆虐全球重災區黑社會坐大勢力趁機引發人心關注收攏巴西好處黑幫無息貸款防疫食物格斯作為免費</t>
  </si>
  <si>
    <t>新冠肺炎疫情肆虐全球黑社會也不閒著。義大利「黑手黨」藉提供免費食物、無息貸款等好處收攏人心趁機坐大勢力引發關注。巴西黑幫的防疫作為比政府還到位。
義大利是疫情重災區內政部長拉莫格斯警告受到封城影響商店、咖啡店、餐廳和酒吧被迫休業數百萬員工頓失收入「若當局不立即協助這些商家與員工黑幫將提供服務加速招攬民眾入幫進而控制人民的生活」。
英國《衛報》報導黑手黨藉疫情趁機「送暖」派員向貧窮家庭配送免費食品與現金已知活動範圍包括坎帕尼亞、卡拉布裡亞、西西里島和普利亞等南部大區。
卡拉布裡亞大區的卡坦劄羅省檢察官兼反黑手黨調查員格拉特利指出：「黑手黨把城市視為自己的『領地』。他們需要照顧領地上的人民現在正是他們發揮優勢的時候。他們在大家水深火熱時提供免費食物猶如英雄未來黑手黨推舉誰出來選議員將可得到民眾支持有利他們黑幫犯罪獲益。」他憂心表示若國家走慢一步黑手黨將捷足先登成功收買民心。
南美洲的巴西黑幫則出馬協助抗疫。在裡約的貧民區黑幫嫌政府防疫措施過慢先一步警告民眾入夜後最好從街道上「消失」還喊出「不洗手就砍手」的口號比之前無視群聚感染、稱新冠肺炎只是小感冒的的總統波索納羅更認真防疫。
據報導巴西衛生部長曼德塔表示希望地方政府與黑幫進行合作共商遏制新冠病毒的措施。他說政府需與控制貧民窟的黑幫和毒販對話。公共衛生部門擔心貧民窟衛生條件差、人口密度高且缺乏隔離條件一旦疫情蔓延破壞性會很大。</t>
  </si>
  <si>
    <t>黑幫黑手黨疫情政府民眾免費巴西提供防疫警告人民趁機控制報導員工協助表示大利措施卡拉布裡亞</t>
  </si>
  <si>
    <t>肺炎黑手黨黑幫警告疫情</t>
  </si>
  <si>
    <t>疫情肺炎警告黑幫黑手黨</t>
  </si>
  <si>
    <t>病毒肆虐混合機師變種風險上線匆忙檢疫</t>
  </si>
  <si>
    <t>中央6月中公佈機組員居檢加嚴政策未施打疫苗或第一劑未滿兩周檢疫天數將調整為「7＋7」有長榮機師坦言目前長榮已有9成以上機組員完成接種疫苗但因政府政策過於匆忙加上Delta變種病毒肆虐班表不斷調整7</t>
  </si>
  <si>
    <t>機組員政策疫苗調整變種病毒delta加上匆忙過於政府檢疫天數接種以上完成肆虐施打滿兩周</t>
  </si>
  <si>
    <t>中央6月中公佈機組員居檢加嚴政策未施打疫苗或第一劑未滿兩周檢疫天數將調整為「7＋7」有長榮機師坦言目前長榮已有9成以上機組員完成接種疫苗但因政府政策過於匆忙加上Delta變種病毒肆虐班表不斷調整7月的班表到昨天才出來另中央規定機組員可於居檢派飛派飛前若快篩陰性即可出勤令機師無奈的說「混合派飛風險極高」。
機組員「7＋7」政策於今天正式上線長榮機師表示長榮機師約1300名目前只剩下70人左右尚未施打大家都在等待接種第二劑疫苗若血清抗體檢測為陽性則返台不需隔離但打了第一劑尚未滿兩周的機師仍佔多數又因Delta變種病毒肆虐取消了部分飛往倫敦及雅加達的航班導致排班上造成了巨大變動直言中央看待機組員的角度有偏頗沒有顧慮到實際執行的困難度也從未考量若突如其來的事件發生會導致航空公司難以作業。
機師坦言機組員一直到6月30日前都還不知道班表如何安排「明天要幹嘛？」、「7月上班時間為何？」導致家庭生活的行程也難以計畫考量每天疫苗接種進度都有變化公司排班表的人員也都加班處理相關事項除了政府繁複規定外又因外界變種病毒的變動需要隨著外界局勢重新調整。
另中央宣佈長程航班的機組員若採快篩陰性居檢期間可派飛長榮機師提到現在機師有分多種狀況包含未施打疫苗者、有施打疫苗者、施打完是否滿兩周、是否施打兩劑、施打兩劑者血清抗體是否陽性機師直言在這樣多分類的情況下混合派飛風險極大當初也有建議政府8月再實施「7＋7」政策否則政策匆忙、飛行員緩衝時間不夠「大家對政策仍霧煞煞」。</t>
  </si>
  <si>
    <t>機師機組員政策疫苗班表導致中央施打政府調整接種滿兩周病毒變種直言航班難以規定公司尚未考量變動</t>
  </si>
  <si>
    <t>機組員機師7＋7變種病毒班表</t>
  </si>
  <si>
    <t>病毒班表機組員變種機師</t>
  </si>
  <si>
    <t>高雄上路藥局人龍綿延口罩</t>
  </si>
  <si>
    <t>口罩新制今（9）日上路14天可購買9片成人口罩高雄1家藥局下午3時起開賣排隊人龍已綿延10家店距離約莫30多人排隊等候排第1位的陳姓男子說今天比往日多3倍人潮雖然14天可買9片但仍不敷使用最好是1天</t>
  </si>
  <si>
    <t>排隊口罩人潮往日上路今天購買男子成人陳姓藥局等候高雄約莫距離不敷綿延人龍起開下午</t>
  </si>
  <si>
    <t>口罩新制今（9）日上路14天可購買9片成人口罩高雄1家藥局下午3時起開賣排隊人龍已綿延10家店距離約莫30多人排隊等候排第1位的陳姓男子說今天比往日多3倍人潮雖然14天可買9片但仍不敷使用最好是1天能1片。也有阿伯搬來紅色塑膠椅帶漫畫來打發時間認為新制好不好政府看大家排成這樣應該就知道了？
陳姓男子說一家4口有3位身分證尾數是雙號、1位單號之前要想辦法排兩次隊但之前排半小時而已人也沒今天這麼多今天自己剛好休假與老婆兩個人前來要領取全家4個人的口罩量。
陳男直說雖然現在推行網路預購口罩但實際操作仍不太方便他寧願到家附近的這家藥局排隊今天約2時到場2時45分發號碼牌、3時開賣但2時30分許人龍已經排到隔壁的10家店外相當誇張。
針對近來口罩援外陳男認為國人自己14天9片口罩都不夠了可以說自顧不暇了應該是先把國內需求搞定再來幫助其他國家否則像是自己的小孩要上百人以上的補習班為了要防疫也不能省口罩還是要每天更換。
70歲劉姓阿伯也在豔陽下等候特地搬來塑膠椅以及漫畫書他說「14天9片不夠啦」只能盡量節省重複用蒸的還是不放心希望政府能想出更便民的方式。</t>
  </si>
  <si>
    <t>口罩排隊今天政府應該藥局認為不夠男子阿伯人龍漫畫</t>
  </si>
  <si>
    <t>口罩藥局今天新制自己</t>
  </si>
  <si>
    <t>藥局今天口罩</t>
  </si>
  <si>
    <t>分配男友國家護士結束疫情臺灣</t>
  </si>
  <si>
    <t>新冠肺炎疫情從武漢爆開後當地成為中國大陸抗疫的主戰場。早先有一群女護士剃光頭赴前線宣誓抗疫決心引起話題。昨一位赴武漢支援的護士吐露心聲希望疫情結束後政府配給一個男友女護士的心願卡曝光後迅速爆</t>
  </si>
  <si>
    <t>護士武漢疫情心願男友結束配給政府當地希望成為中國心聲大陸吐露支援主戰場早先宣誓決心光頭話題</t>
  </si>
  <si>
    <t>新冠肺炎疫情從武漢爆開後當地成為中國大陸抗疫的主戰場。早先有一群女護士剃光頭赴前線宣誓抗疫決心引起話題。昨一位赴武漢支援的護士吐露心聲希望疫情結束後政府配給一個男友女護士的心願卡曝光後迅速爆紅。
星島日報報導這名可愛的護士名叫田芳芳她任職於湖南中醫藥研究院附屬醫院2月10日她隨武漢國家中醫醫療隊隊員一行從長沙出征武漢趕赴武漢抗疫前線。出發時前她豪氣地說「沒關係我是單身我先上」。
她的父親是一名醫師也曾在參與抗煞因此非常支持她赴武漢抗疫。她目前待在武漢方艙醫院主要是做醫務護理並對病人作心理工作。
今年芳齡30的她2月25日工作結束後在紙上寫下這樣的心願「希望疫情結束國家給我分配一個男朋友」。這些話語逗樂現場同事和患者。
國家分配男友的心願曝光後她在網路成為熱議的話題人物。媒體追蹤問她擇偶條件她有些羞赧地說「我1米69不能比我矮。」還堅信：「男朋友會有的疫情也會結束的」。
對於女護士的心願PTT網友紛紛留言說「肥宅：可以國家分配女友嗎？」、「這要求我是不能拒絕的來台灣吧」、「國家分配的喔到時候別後悔喔」、「但疫情不會結束了」、「可惡 我忽然發現中共其實好像也沒這麼差啊」。</t>
  </si>
  <si>
    <t>武漢護士國家結束疫情分配心願不能話題醫院成為前線男朋友希望曝光男友工作其實中共擇偶</t>
  </si>
  <si>
    <t>新冠肺炎武漢肺炎新型冠狀病毒大陸武漢</t>
  </si>
  <si>
    <t>武漢肺炎冠狀病毒大陸</t>
  </si>
  <si>
    <t>曾赴確診枋寮delta市民親戚臺北警報距離接觸</t>
  </si>
  <si>
    <t>臺北市長柯文哲27日未開記者會對外說明疫情不過他在臉書發文指出今早接到疾管署通知1位元感染Delta病毒的屏東縣枋寮鄉居民與2位臺北市民有近距離接觸。柯文哲指出這2位市民是枋寮個案的妹妹和妹婿20日上</t>
  </si>
  <si>
    <t>指出柯文哲臺北市個案枋寮delta感染病毒通知管署說明對外市民東縣枋寮鄉接到記者會居民疫情發文</t>
  </si>
  <si>
    <t>臺北市長柯文哲27日未開記者會對外說明疫情不過他在臉書發文指出今早接到疾管署通知1位元感染Delta病毒的屏東縣枋寮鄉居民與2位臺北市民有近距離接觸。
柯文哲指出這2位市民是枋寮個案的妹妹和妹婿20日上午曾到枋寮探視2位接觸者只和枋寮個案短暫聊天全程都有佩戴口罩兩人在當天就回到臺北。
他表示這兩位市民是自行開車往返都退休了沒有上班初步疫調也沒有在北市公共場所的足跡上午我們一接到通知立刻安排他們到陽明醫院進行採檢並且收住到檢疫所進行隔離目前已經先進行PCR採檢北市會嚴密注意。
柯文哲說在全球Delta已逐步取代英國變異病毒株 (Alpha)成為全球盛行病毒株席捲至少80個國家正式成為印度、英國與新加坡境內最強勢病毒株。目前看到相關文獻光打1劑疫苗的人對Delta病毒也只有3成左右的保護力。
他強調在台灣COVID-19疫苗還未普遍施打前仍然要維持管制措施與邊境管制要提醒市民朋友特別小心即使戴口罩在家戶內近距離接觸都可能傳染呼籲大家把口罩戴好不要亂跑提高警覺我們沒有鬆懈的本錢。
★《中時新聞網》提醒您：因應新冠肺炎疫情疾管署持續加強疫情監測與邊境管制措施 如有疑似症狀請撥打：1922專線或 0800-001922 並依指示配戴口罩儘速就醫同時主動告知醫師旅遊史及接觸史以利及時診斷及通報</t>
  </si>
  <si>
    <t>病毒口罩接觸市民delta沒有疫情柯文哲枋寮疫苗北市管制目前上午指出英國進行全球接到通知個案</t>
  </si>
  <si>
    <t>Delta病毒枋寮柯文哲新冠肺炎台灣</t>
  </si>
  <si>
    <t>柯文哲枋寮肺炎病毒delta臺灣</t>
  </si>
  <si>
    <t>莊人祥感染突破性az國內</t>
  </si>
  <si>
    <t>世界各國近日頻傳完整接種疫苗仍染疫的案例不少國家為此呼籲要打第三劑疫苗。根據冰島研究突破性感染發生率最高的是嬌生但以國內已經施打的疫苗來說AZ則是最高。中央流行疫情指揮中心發言人莊人祥今在記者會</t>
  </si>
  <si>
    <t>疫苗最高中心完整指揮接種疫情流行發言人中央國家案例呼籲冰島研究發生率az打的已經</t>
  </si>
  <si>
    <t>世界各國近日頻傳完整接種疫苗仍染疫的案例不少國家為此呼籲要打第三劑疫苗。根據冰島研究突破性感染發生率最高的是嬌生但以國內已經施打的疫苗來說AZ則是最高。中央流行疫情指揮中心發言人莊人祥今在記者會上表示目前國內9例突破性感染的個案都是打AZ。
中央流行疫情指揮中心發言人莊人祥表示目前國內突破性感染共有9人為接種14天後發生目前感染後都是輕症而這9人都是接種AZ疫苗。而台電大樓日前確診的一名30多歲的孕婦個案在8月11日就被列為自主健康管理者當時PCR採檢結果為陰性後來在8月13日打完第二劑疫苗但在8月14日就發病不算是完整接種個案因此也不能算是突破性感染。
莊人祥表示統計累積到接種的母數共有27萬5321人以當中只有9人發生突破性感染的比率為百分之0003也就是十萬分之3與美國發生率達百了之001也就是萬分之一相比數字低很多且美國是接種BNT以及莫德納疫苗沒有接種AZ目前看來AZ還是很有效。
不過台大公共衛生學院教授陳秀熙團隊成員任小萱任小萱表示冰島接種的疫苗廠牌共有4種分別是嬌生、AZ、莫德納和BNT。接種比例為莫德納9％、嬌生11％、AZ24％、BNT56％。然而7月開始的本土個案多數都是突破性感染且無症狀突破性感染的廠牌由高至低依序為嬌生12％、AZ045％、BNT03％、莫德納027％。
其中的冰島7月中後確診數暴增多數本土個案都是突破性感染突破性感染比例又以嬌生疫苗居多。當地自8月中起已開始針對接種嬌生疫苗者施打mRNA加強劑。
而美國施打疫苗的比例高但仍有大規模傳播以色列也考量沒打疫苗的人最容易感染打過疫苗者需透過其他方式例如戴口罩來加強。最近也有報告指出雖然開始病毒量高但是傳播時間短比較不會住院和重症因此打疫苗還是對個人、群體還是有幫忙。
國外案例發現目前打完兩劑疫苗但身上的病毒量和沒打疫苗的人相當？對此指揮中心專家小組召集人張上淳表示在美國CDC提出的研究發現打過疫苗後Ct值還是蠻低的顯示病毒量很高在美國可以看到施打疫苗的比例很高但還是有大規模性的傳播出現在以色列與其他國家都可以看見類似狀況需要小心關切感染Delta。
不過最近也有新的報告指出一開始的病毒量高但傳播的時間還是比較短且比較不會發生重症住院打疫苗還是對於對人的保護以及群體來說還是有幫忙。</t>
  </si>
  <si>
    <t>疫苗接種感染表示突破性az美國目前個案開始冰島傳播病毒比例發生共有</t>
  </si>
  <si>
    <t>突破性感染AZ嬌生冰島研究莊人祥</t>
  </si>
  <si>
    <t>冰島az研究感染突破性莊人祥</t>
  </si>
  <si>
    <t>收益王力宏譜曲號召好友</t>
  </si>
  <si>
    <t>王力宏近年重心轉往大陸去年底12月29、30日正好在武漢開唱在1月10日更一度發燒到39度王力宏一度懷疑自己染疫趕緊就醫幸好當下排除未中標為求謹慎回台後進行自主居家隔離14天如今過了2個月他日前po出影</t>
  </si>
  <si>
    <t>王力宏一度如今隔離居家自主進行去年底大陸回台謹慎中標日前排除當下幸好就醫懷疑趕緊武漢</t>
  </si>
  <si>
    <t>王力宏近年重心轉往大陸去年底12月29、30日正好在武漢開唱在1月10日更一度發燒到39度王力宏一度懷疑自己染疫趕緊就醫幸好當下排除未中標為求謹慎回台後進行自主居家隔離14天如今過了2個月他日前po出影片和粉絲報平安20日也po洗手照用中英文寫道：「謝謝大家這幾天的關心很慶幸我和家人都健康。」又接著說：「不管怎樣現在最重要的是大家繼續警惕一起團結打持久戰繼續手牽手堅信愛會贏等疫情過了一定會出現最美麗的彩虹！」
日前因身體狀況王力宏告假《天賜的聲音》錄影在家期間仍然透過通訊軟體開視訊會議依舊相當忙碌而他也多了時間陪伴家人與3個小孩玩Switch享天倫之樂還兼運動飆汗。王力宏希望大家一起攜手走過這段疫情「照顧好自己、也就是保護別人！」也叮嚀大家防疫之餘不要忘了社交換個方式和親友多多聯繫「心在哪裡人就在哪裡喔。」
王力宏近期推出新單曲〈Forever Your Dad〉登上「亞洲新歌榜」港澳臺榜的「總分排名」和「社會影響力排名」雙料冠軍好消息讓他相當感動。而王力宏日前得知高中昔日同窗好友Dave得了漸凍症隨著時間消逝包括感官、行動力等身體功能逐漸下降王力宏決定寫下此曲並將這首英文單曲的所有收益透過漸凍人協會（ALS）捐給同窗好友作為醫療費用、以及漸凍症研究基金。
從小在紐約長大的王力宏認為高中同學Dave很優秀好人緣加上有才能立刻選為班長投緣的兩人至今仍是好友先前在得知好友罹病時晴天霹靂消息讓王力巨集很難過而好友Dave和妻子育有3女讓同為人父的王力宏完全感同身受他在臉書寫道：「爸爸對女兒的愛是獨一無二的！」透過這首英文歌獻給Dave一家人。
近期因疫情影響美國許多學校停課Dave樂觀說「因禍得福」多出和女兒相處時間他也格外珍惜把握每分每秒。王力巨集〈Forever Your Dad〉MV已在王力宏YouTube官方頻道播出。</t>
  </si>
  <si>
    <t>王力宏dave日前時間疫情透過好友家人寫道相當一起女兒近期</t>
  </si>
  <si>
    <t>王力宏漸凍症武漢新冠肺炎武漢肺炎</t>
  </si>
  <si>
    <t>武漢肺炎王力宏</t>
  </si>
  <si>
    <t>雙喜臨門基亞開發新藥</t>
  </si>
  <si>
    <t>基亞（3176）新藥開發雙喜臨門！除了與義大癌治療醫院NK（自然殺手細胞）治療將啟動外與日本Oncolys BioPharma共同開發的溶瘤病毒新藥OBP-301授權夥伴中外製藥應用於合併放射線治療食道癌的臨床二期試驗也正式</t>
  </si>
  <si>
    <t>治療新藥食道癌放射線義大合併醫院應用細胞中外製藥夥伴授權oncolysobp-biopharma啟動病毒共同開發日本臨床雙喜臨門nk自然殺手</t>
  </si>
  <si>
    <t>基亞（3176）新藥開發雙喜臨門！除了與義大癌治療醫院NK（自然殺手細胞）治療將啟動外與日本Oncolys BioPharma共同開發的溶瘤病毒新藥OBP-301授權夥伴中外製藥應用於合併放射線治療食道癌的臨床二期試驗也正式收錄第一名受試者該臨床預計收案37人。
由於溶瘤病毒治療被視為是新世紀最夯癌症療法之一讓OBP-301身價大漲2016年該新藥以102億美元授權江蘇恒瑞製藥中、港、澳權利2019年4月則以500億日圓授權日本中外製藥擁有日本及台灣權利。依協議基亞的分潤比例是有三分之一而Oncolys則占三分之二因此OBP-301的臨床開發進度也攸關基亞階段里程金分潤入帳點。
基亞表示依Oncolys於3月4日公告Oncolys接獲中外製藥通知OBP-301合併放射線治療食道癌的臨床二期試驗已於2020年3月3日正式收錄第一名受試者。
目前OBP-301除合併放射線治療食道癌的臨床試驗外也在台灣及韓國執行肝癌第一期臨床試驗美國則執行胃癌及食道癌之合併免疫抑制劑第二期臨床試驗。
營運漸入佳境除新藥授權外目前已專注於細胞治療首個與義大癌治療醫院合作應用於病患治療將開始啟動。
另外由於NK細胞也有助於免疫力提升該公司與香港中基一號集團的合作案亦延伸至中基二號預期在新冠肺炎風暴化解交管解除營運將吃大補丸。</t>
  </si>
  <si>
    <t>治療obp-臨床授權oncolys新藥基亞試驗製藥細胞合併中外日本營運食道癌合作臺灣目前分潤</t>
  </si>
  <si>
    <t>新藥OBP-301基亞製藥Oncolys</t>
  </si>
  <si>
    <t>製藥新藥oncolys基亞obp-</t>
  </si>
  <si>
    <t>確診nhlnba</t>
  </si>
  <si>
    <t>根據《洛杉磯時報》23日報導位居加州洛杉磯的史坦普中心不僅是湖人、快艇兩支NBA球隊主場也是美式冰球聯盟(NHL)國王隊的主場目前NBA與NHL確診新冠肺炎的16名球員當中竟有8人在美國疫情爆發前夕造訪過這裡</t>
  </si>
  <si>
    <t>主場nhl洛杉磯疫情加州美國史坦普中心當中球員肺炎爆發確診位居nba國王冰球聯盟前夕快艇</t>
  </si>
  <si>
    <t>根據《洛杉磯時報》23日報導位居加州洛杉磯的史坦普中心不僅是湖人、快艇兩支NBA球隊主場也是美式冰球聯盟(NHL)國王隊的主場目前NBA與NHL確診新冠肺炎的16名球員當中竟有8人在美國疫情爆發前夕造訪過這裡！
在NBA宣佈無限期停賽前4天8名確診球員曾在史坦普中心打過球包含4名籃網球員(其中1人是杜蘭特)、2名湖人球員與2名NHL渥太華參議員隊球員籃網是在3月11日作客湖人主場參議員隊則在3月12日跟國王隊對決。
其實湖人在3月9日跟快艇進行本季第3次洛杉磯內戰時NBA就採取一些相關防疫措施包含禁止進入休息室採訪、建議減少跟球迷接觸、取消賽前跟球迷擊掌等等就算兩天後跟籃網交手湖人也在史坦普中心採取同樣防疫措施。
值得注意的是籃網與參議員隊並非同一天在史坦普中心比賽使用的硬體設施也不一樣兩隊交叉傳染的機率很低也讓史坦普中心成為最被懷疑的對象更讓外界擔憂的是到現在快艇與NHL國王隊還沒有公佈他們的新冠病毒檢測結果！</t>
  </si>
  <si>
    <t>中心史坦普球員nbanhl國王快艇主場參議員包含洛杉磯確診措施防疫採取球迷減少建議採訪擊掌</t>
  </si>
  <si>
    <t>NBANHL史坦普中心新冠肺炎湖人</t>
  </si>
  <si>
    <t>中心肺炎史坦普nhlnba</t>
  </si>
  <si>
    <t>爆發說好關鍵確診久違真相</t>
  </si>
  <si>
    <t>中央流行疫情指揮中心今（14日）宣佈無新冠肺炎新增確診案例是自3／9以來睽違36天的零確診消息一出令指揮中心和民眾都相當振奮。不過網上也出現不同聲浪有網友認為當初說「清明連假後疫情會大爆發」的人根</t>
  </si>
  <si>
    <t>疫情中心指揮確診清明連當初認為網友聲浪不同出現網上案例新增振奮肺炎相當</t>
  </si>
  <si>
    <t>中央流行疫情指揮中心今（14日）宣佈無新冠肺炎新增確診案例是自3／9以來睽違36天的零確診消息一出令指揮中心和民眾都相當振奮。不過網上也出現不同聲浪有網友認為當初說「清明連假後疫情會大爆發」的人根本可笑到了極點。
台灣喜迎久違零確診令人振奮卻有人因此出來質疑當初政府連假根本是瞎操心表示「不要再幻想清明節會有什麼效應了」。PTT網友指出過去多少次安全下莊了明明有很多個案都比清明出去玩的人還要緊密接觸結果都沒事那些外出趴趴走的人怎麼會有事？另外還要因為曾去過11個旅遊景點而居家自主健康管理認為這措施「根本可笑到了極點。」
該網友表示自己早就斷定疫情不會爆發並舉例說「每晚去全聯一堆人你有聽過全聯爆發疫情的嗎？」那些餐廳、超市、菜市場等等打從疫情一開始到現在都沒事「憑什麼清明連假會有事？」至於為什麼台灣能夠防住？他認為只有「口罩」能夠解釋了。
貼文一出許多人贊同表示「我跟你一直想得一樣什麼11景點有夠好笑」、「每天通勤上班都沒爆發了出遊會爆發我也是笑笑」、「其實每天上班的群聚比清明出遊多更多」。也有人認為「全民戴口罩」真的發揮了很強的防疫效果「口罩真的很重要」、「全民口罩連流感都被擊敗就知效果很強」。
許多專家預估清明連假後會有一波疫情高峰如今零確診開始讓網友有自信地表示「不用再幻想會大爆發了現在根本沒幾隻貓進來台灣」、「只有零星傳染源流入也很快抓出阻隔傳播了不可能爆發」。不過也有人認為若不是超前佈署「如果真的疫情爆發了原PO說詞肯定不一樣」。</t>
  </si>
  <si>
    <t>爆發疫情認為確診網友表示臺灣口罩清明連根本中心清明指揮真的現在開始有事上班當初</t>
  </si>
  <si>
    <t>口罩零確診大爆發清明連假疫情</t>
  </si>
  <si>
    <t>清明連爆發確診口罩疫情</t>
  </si>
  <si>
    <t>藥師開過小組忍不住調閱疫苗</t>
  </si>
  <si>
    <t>民眾黨立委高虹安昨日（7）痛批立法院「疫苗調閱小組」4月29日開過一次會後至今尚未再開過會就在5月31日結束了下次再重新組成得等到9月底。對此藥師林士峰直言「實在太多疑點」認為執政黨在整個疫苗採購疑</t>
  </si>
  <si>
    <t>疫苗開過昨日執政立法認為實在太疑點直言林士峰高虹藥師對此調閱月底小組組成重新下次結束會後</t>
  </si>
  <si>
    <t>民眾黨立委高虹安昨日（7）痛批立法院「疫苗調閱小組」4月29日開過一次會後至今尚未再開過會就在5月31日結束了下次再重新組成得等到9月底。對此藥師林士峰直言「實在太多疑點」認為執政黨在整個疫苗採購疑雲重重尤其立法委員行使職權要求行政院院長蘇貞昌專案報告竟如此艱難令他更是匪夷所思。
高虹安昨日在臉書發文表示他當日在朝野研商時提出希望行政院能針對疫苗採購議題進行專案報告卻經民進黨黨團一度駁回。她呼籲行政院應該要提出正式報告讓所有的立法委員有詳盡的資訊瞭解現階段國家對於疫苗採購及到貨、疫苗施打規劃及策略以保障全台灣人民的健康與福祉。
高虹安更接連質疑難道立法院立法委員行使職權要求行政院院長專案報告竟如此艱難嗎？為什麼民進黨團要嘗試阻擋在野黨要求安排專案報告？難道讓人民有知的權利在民進黨的執政下竟會是這麼的困難嗎？
針對高虹安的指控林士峰隨後在臉書發文附和認為這次執政黨在疫苗採購上實在太多疑點。林強調執政黨不但採購量不太順利連立法院想要求行政院針對疫苗採購進行專案報告也被民進黨團一度駁回；尤其在野黨的3個黨團行使職權都希望行政院要提出正式報告結果卻如此艱難令他相當匪夷所思、無法認同。</t>
  </si>
  <si>
    <t>疫苗採購報告行政院專案要求立法委員艱難提出林士峰行使職權人民昨日難道高虹執政發文執政黨實在太</t>
  </si>
  <si>
    <t>疫苗採購蘇貞昌高虹安新冠肺炎台灣</t>
  </si>
  <si>
    <t>高虹蘇貞昌肺炎採購臺灣疫苗</t>
  </si>
  <si>
    <t>會議籌備部署超前辦公雲林中心</t>
  </si>
  <si>
    <t>新冠肺炎疫情快速升溫雲林縣政府再超前部署19日首次以視訊舉行防疫擴大專案縣務會報並在雲林國中、鬥六國中尋覓場地佈置臨時縣府辦公中心因應萬一必須移地辦公之需。每月固定召開一次的縣務會報20鄉鎮市首</t>
  </si>
  <si>
    <t>辦公會報快速升溫林縣政府超前部署疫情縣府場地佈置舉行防疫召開擴大專案固定肺炎中心</t>
  </si>
  <si>
    <t>新冠肺炎疫情快速升溫雲林縣政府再超前部署19日首次以視訊舉行防疫擴大專案縣務會報並在雲林國中、鬥六國中尋覓場地佈置臨時縣府辦公中心因應萬一必須移地辦公之需。
每月固定召開一次的縣務會報20鄉鎮市首長必須到縣府與縣長面對面開會19日首次改以視訊舉行。
縣長張麗善透過電腦螢幕一一問早、點名這項做法也是率全國各縣市之先。
張麗善表示透過視訊會議的作法避免舟車勞頓、人群聚集讓各鄉鎮市公所練習用視訊的方式溝通由縣政府和鄉鎮市公所首長做示範也是雲林成為智慧城市的開端。
張麗善說雲林縣已有確診案例希望大家嚴陣以待縣政府、鄉鎮公所、村裡長都要緊密連結在一起地方只要有任何風吹草動有從國外回國的人任何個案都要去瞭解關心希望大家通力合作絕對不能夠有輕忽的態度。
她表示原本沒有確診的案例民眾可能認為雲林縣是一個農業大縣場地空曠不會那麼危險但面對旅遊帶來的境外移入案例務必上緊發條。
她呼籲室內活動盡量不要超過100人（中央標準是300人以上）室外活動應該低於500人（中央標準是1000人）學校場地目前禁止民眾進入活動。</t>
  </si>
  <si>
    <t>場地案例林縣鄉鎮張麗善活動希望表示市公所政府縣府雲林確診縣長首長民眾透過必須</t>
  </si>
  <si>
    <t>新冠肺炎雲林縣張麗善縣務會議視訊視訊</t>
  </si>
  <si>
    <t>林縣張麗善肺炎會議</t>
  </si>
  <si>
    <t>總統就職陳時中病例建議放寬本土人數</t>
  </si>
  <si>
    <t>台灣已經連續28天沒有新冠肺炎本土確診案例過去例如登革熱以及SRAS期間經過28天潛伏期後就宣佈解除本土疫情外界關心是否比照過去疫情宣佈解除疫情？陳時中表示因為登革熱不是全世界都有現在境外還</t>
  </si>
  <si>
    <t>登革熱本土過去疫情解除全世界肺炎表示確診沒有案例sras例如潛伏期期間外界宣佈陳時中連續現在宣佈是否比照關心</t>
  </si>
  <si>
    <t>台灣已經連續28天沒有新冠肺炎本土確診案例過去例如登革熱以及SRAS期間經過28天潛伏期後就宣佈解除本土疫情外界關心是否比照過去疫情宣佈解除疫情？陳時中表示因為登革熱不是全世界都有現在境外還是很嚴峻因此還不會解除本土流行警示。
中央流行疫情指揮中心指揮官陳時中表示因為登革熱不是全世界發生境外情況仍然嚴峻的時候我們還是要嚴守相關規範不會解除本土疫情警示但相關活動人數放寬會持續進行。
而520即將到來陳時中表示會看幾幾天如果疫情更穩定建議總統就職人數上可以放寬。</t>
  </si>
  <si>
    <t>疫情本土解除登革熱表示陳時中過去人數境外嚴峻相關全世界警示放寬流行肺炎沒有就職確診總統案例建議sras例如期間穩定</t>
  </si>
  <si>
    <t>疫情本土28天陳時中放寬</t>
  </si>
  <si>
    <t>疫情本土陳時中放寬</t>
  </si>
  <si>
    <t>匡列醫護陳時中不會公佈聯合醫院醫院</t>
  </si>
  <si>
    <t>台灣今天一口氣再度新增206例本土個案其中48例感染源不明究竟現在有多少醫護被感染？且聯合醫院還傳出不少院區都有收到確診者導致有醫護被匡例其中包含忠孝院區對此指揮中心不願證實並強調不會針對特</t>
  </si>
  <si>
    <t>院區醫護感染中心指揮證實對此再度新增忠孝包含不明傳出聯合醫院本土個案強調一口氣收到導致確診現在</t>
  </si>
  <si>
    <t>台灣今天一口氣再度新增206例本土個案其中48例感染源不明究竟現在有多少醫護被感染？且聯合醫院還傳出不少院區都有收到確診者導致有醫護被匡例其中包含忠孝院區對此指揮中心不願證實並強調不會針對特定醫院來公佈。
聯合醫院傳出不少院區都有收到確診者導致有醫護被匡例其中包含忠孝院區？此外外界也關心目前有多少醫護被感染？
中央流行疫情指揮中心醫療應變組副組長羅一鈞表示和平醫院之外的不只有聯醫特別是一開始沒有問出活動史的後來又出現相關症狀照顧過他的急診或是醫護人員按照疫情調查方式目前沒有匡列的醫護。
羅一鈞強調現在醫護都已經有接種一劑ＡＺ疫苗對於自身保護力是有效的因此「我們不會對特別醫院來公佈」且目前雙北醫院都有警覺發布醫療措施是希望醫院可以放心執行讓入院篩檢。
陳時中表示現在醫院都有入院篩檢可以即時發現個案另外也會要求醫院一定要把個人防護做到位這是最確實的情況因為病毒多變個人責任很重要。</t>
  </si>
  <si>
    <t>醫院醫護目前院區現在感染個人沒有疫情特別醫療表示個案可以中心指揮都有強調入院公佈</t>
  </si>
  <si>
    <t>醫護醫院院區聯合醫院匡列</t>
  </si>
  <si>
    <t>醫護院區匡列醫院聯合醫院</t>
  </si>
  <si>
    <t>藍委怒陳時中病毒徹底公文</t>
  </si>
  <si>
    <t>原定赴立法院備詢的衛福部長陳時中臨時請假由政務次長薛瑞元代打薛證實是因為華航群聚感染惡化。對此藍委李德維表示病毒當然是唯一的敵人傲慢卻是更大的危機；李痛批然後陳時中說：「公文沒有跑得比病</t>
  </si>
  <si>
    <t>陳時中備詢衛福部長請假危機政務次長卻是元代傲慢薛瑞敵人當然證實病毒華航群表示李德維感染藍委</t>
  </si>
  <si>
    <t>原定赴立法院備詢的衛福部長陳時中臨時請假由政務次長薛瑞元代打薛證實是因為華航群聚感染惡化。對此藍委李德維表示病毒當然是唯一的敵人傲慢卻是更大的危機；李痛批然後陳時中說：「公文沒有跑得比病毒快」這是一句徹底的幹話。
立法院社會福利及衛生環境委員會今（10日）召開第十七次委員會議原定由陳時中親自出席備詢有關國產疫苗研發進度等相關問題但今天上午卻臨時取消行程改由薛瑞元代打薛瑞元受訪時透露這是因為今天華航有新增個案陳時中正召集交通部與華航開會研擬因應對策。
對此李德維也隨即在臉書發文表示今年2月就有諾富特飯店員工投訴衛福部長信箱指控飯店內部為落實分流甚至混居衛福部行文給桃園市政府桃園市政府又行文給民航局民航局再行文給諾富特而諾富特再回文給民航局從2月拖到4月中然後華航發生群聚感染。
李德維痛批然後陳時中說：「公文沒有跑得比病毒快」這是一句徹底的幹話！稍微有點責任感的官員會檢討為什麼口口聲聲說「防疫視同作戰」卻能讓公文旅行兩個月稍微有點羞恥心的官員會檢討為什麼航空機組員隔離與居檢會出現砂鍋大的制度漏洞與法規空隙讓這麼多的機關互踢皮球哪怕稍微有點同理心的官員至少不會把幹話講得這麼「自自冉冉」。</t>
  </si>
  <si>
    <t>陳時中華航李德維有點稍微官員表示對此飯店備詢病毒元代部長衛福薛瑞法院感染富特</t>
  </si>
  <si>
    <t>陳時中薛瑞元李德維新冠肺炎</t>
  </si>
  <si>
    <t>薛瑞元李德維陳時中肺炎</t>
  </si>
  <si>
    <t>外出居民生活孝感物資湖北官方配送緊急命令</t>
  </si>
  <si>
    <t>湖北省新冠肺炎第二大重災區孝感市已有逾3000人確診該市防控指揮部14日宣佈緊急命令即日起在全市範圍內全面升級防控措施所有屋苑實施全封閉管理除防疫人員、醫護人員等民生保障從業人員外其他居民一律不能</t>
  </si>
  <si>
    <t>防控從業人員保障重災區民生孝感市醫護人員人員防疫管理封閉肺炎確診實施屋苑指揮部措施即日起全市宣佈升級全面</t>
  </si>
  <si>
    <t>湖北省新冠肺炎第二大重災區孝感市已有逾3000人確診該市防控指揮部14日宣佈緊急命令即日起在全市範圍內全面升級防控措施所有屋苑實施全封閉管理除防疫人員、醫護人員等民生保障從業人員外其他居民一律不能外出。所有居民日常生活所需物資由街道及社區居委會配送到家。市用所有黨員無條件服從調度主動參與防疫工作。新措施原則上以14天為一個週期視疫情防控效果而決定解除或延長。
《中新網》報導據孝感市新冠肺炎防控指揮部14日發佈緊急命令全面升級防治管控措施。除抗疫車輛、公務用車、救護車及警車等特種車輛外其它車輛一律禁止出入所有屋苑。所有街道及社區實施最嚴格的管控措施強闖屋苑、道路出入口的人士公安機關將依法採取強制措施。
報導說孝感市所有居民基本生活必需物資由街道及社區居委會組織配送急需物品實行代購服務。確診和疑似病例的家庭成員必須送到集中隔離留觀點單獨隔離留觀不得居家隔離嚴防交叉感染。加強發燒病人的預檢分診、分類隔離治療的管理不得讓一個發燒病人在社會上流動。
根據緊急命令孝感市所有黨員幹部居民必須無條件服從居住地社區統一領導和調度積極主動參與防疫工作。
緊急命令還要求強化對全市城鎮社區、農村從武漢回孝感以及曾到武漢人員與密切接觸者的追蹤檢查所有確診病例及疑似病例的密切接觸者一律隔離治療。孝感必須構建統一高效的醫療診治機構全面統籌醫療資源和救治力量提高發燒病人收治率、治癒率降低感染率、病亡率。
《東網》報導稱孝感市雲夢縣公安局週五稍早時曾宣佈在雲夢城區實施「戰時管制」規定所有屋苑及樓宇實施全封閉管理非醫護人員、抗疫人員、基本民生保障從業人員等均不得出入。</t>
  </si>
  <si>
    <t>孝感市措施防控隔離緊急命令社區居民實施發燒病人必須報導全面確診一律防疫人員管理屋苑街道宣佈統一疑似病例基本全市感染孝感</t>
  </si>
  <si>
    <t>新冠肺炎大陸武漢肺炎新型冠狀病毒緊急命令</t>
  </si>
  <si>
    <t>武漢肺炎大陸冠狀病毒緊急命令</t>
  </si>
  <si>
    <t>台商陳時中春節楊志良</t>
  </si>
  <si>
    <t>為減緩春節返台人潮中央流行疫情指揮中心放寬入境檢疫措施為「10+4」但無論有沒有打疫苗都是用一樣的標準因為返台民眾估計台灣為大宗前衛生署長楊志良認為指揮官是對大陸台商心中有恨才無法縮短天數陳</t>
  </si>
  <si>
    <t>返台中央流行指揮疫情中心心中放寬入境台商檢疫措施大陸衛生指揮官認為臺灣楊志良署長無法沒有估計民眾標準</t>
  </si>
  <si>
    <t>為減緩春節返台人潮中央流行疫情指揮中心放寬入境檢疫措施為「10+4」但無論有沒有打疫苗都是用一樣的標準因為返台民眾估計台灣為大宗前衛生署長楊志良認為指揮官是對大陸台商心中有恨才無法縮短天數陳時中妙回：我應該是心中有愛吧。
對於春節檢疫改為「10+4」楊志良認為指揮官對大陸台商心中有恨陳時中反問「心中有恨所以努力把天數降低？應該是有愛吧！」他說台商是返台最大宗有恨的話是十四天把門關好來但當然是接受到很多大家的反應返鄉心切我們想盡各種辦法歡迎大家返鄉。
「加嚴變成21天才有嫌疑啊」他說要減少四天是不容易的否則北市長不會說困難很多這樣才能達成多一點人進來。
陳時中也提到有旅社老闆說變得很複雜「沒有我們沒有要求他們去改變動日期」而是一月二日到十日若有人更改了就會有空房而不是要求一個一個挪過來。</t>
  </si>
  <si>
    <t>返台心中沒有檢疫要求春節返鄉台商認為陳時中天數指揮官應該大陸中央反應變成指揮</t>
  </si>
  <si>
    <t>陳時中檢疫台商楊志良新冠肺炎</t>
  </si>
  <si>
    <t>台商楊志良檢疫陳時中肺炎</t>
  </si>
  <si>
    <t>翁立友鼻血短收肆虐肺炎</t>
  </si>
  <si>
    <t>金曲台語歌王翁立友推出新專輯《眼中淚》近來新冠肺炎肆虐他在台灣5場春酒邀約、新加坡個唱以及海外的演出都先宣告延期粗估短收破百萬不過他近10年來幾乎每天都在工作中度過難得休長假多陪伴家人。他說</t>
  </si>
  <si>
    <t>推出難得度過在工作中幾乎肺炎肆虐臺灣短收長假粗估延期宣告翁立友都先新加坡演出個唱海外</t>
  </si>
  <si>
    <t>金曲台語歌王翁立友推出新專輯《眼中淚》近來新冠肺炎肆虐他在台灣5場春酒邀約、新加坡個唱以及海外的演出都先宣告延期粗估短收破百萬不過他近10年來幾乎每天都在工作中度過難得休長假多陪伴家人。
他說：「休假對我而言是個奢侈的夢想近來因為疫情放大假勉勵自己休息是為了走了更長遠的路有時間就當母親的司機。」他現經常帶著母親到戶外走走母親也每天都準備豐盛美食讓他開心享用。他日前準備新專輯宣傳行程穿上造型服時發現腰圍變緊、體重變胖趕忙跟造型師溝通修改腰圍尺寸卻被拒絕造型師勸說：「這樣才能警惕保持身形。」他笑說：「現在我都拜託老媽餐點減量。」
近期因疫情關係大眾紛紛搶購口罩他提到原本日常口罩不離身因他患有鼻腔微血管脆弱經常流鼻血被困擾了十年長期都必須靠口罩保持著適溫的空氣連開車都必須配戴翁立友直呼：「一直以來我都是惜罩如金。」
新專輯這次回歸情歌風格他先前在錄音時新歌一氣呵成狂唱60遍表示看似淡淡感傷的曲風歌詞卻是溫暖讓他想起高中的戀愛分享當時女友希望能早早步入紅毯但他認為事業都還沒開始怎能承諾對方給予幸福因而婉拒他們最後漸行漸遠結束青春戀愛時光。</t>
  </si>
  <si>
    <t>專輯造型口罩疫情母親保持翁立友近來戀愛經常必須準備腰圍幸福給予對方承諾海外</t>
  </si>
  <si>
    <t>翁立友新專輯母親口罩新冠肺炎</t>
  </si>
  <si>
    <t>口罩母親專輯翁立友肺炎</t>
  </si>
  <si>
    <t>bnt意願保留劑量但書表達捐贈陳時中</t>
  </si>
  <si>
    <t>致謝向陸採購今天bnt陳時中疫苗部長定案衛福對此干涉創辦指導上海透露當局北京郭台銘昨天大陸深夜未有</t>
  </si>
  <si>
    <t>疫苗bnt陳時中採購沒有大陸談判捐贈透露青少年看到感謝今天並未過程郭台銘指導指出但書</t>
  </si>
  <si>
    <t>BNT陳時中疫苗採購郭台銘</t>
  </si>
  <si>
    <t>疫苗採購bnt陳時中郭台銘</t>
  </si>
  <si>
    <t>張雅琴安幼琪電視臺點名回應人民日報</t>
  </si>
  <si>
    <t>人民日報海外版今（26日）以「一場疫情撕下台當局畫皮！」為題公開點名近來叫台商吃蝙蝠的年代資深主播張雅琴、安幼琪等人痛批因為人的出身、種族、身份而擁有淩辱別人的權利或只能被別人淩辱這是納粹還是民主</t>
  </si>
  <si>
    <t>淩辱疫情身份撕下台當局畫皮為題只能公開點名年代近來權利蝙蝠台商擁有種族出身安幼琪張雅琴納粹</t>
  </si>
  <si>
    <t>人民日報海外版今（26日）以「一場疫情撕下台當局畫皮！」為題公開點名近來叫台商吃蝙蝠的年代資深主播張雅琴、安幼琪等人痛批因為人的出身、種族、身份而擁有淩辱別人的權利或只能被別人淩辱這是納粹還是民主？是黑暗還是文明？
對於人民日報公開點名痛批年代電視台態度低調僅向《中時》表示不回應。張雅琴則回應：「我在播報的時候有回答我就是說事實的狀況因為他覺得台灣收容中心的菜不好吃所以他可以回去吃蝙蝠因為蝙蝠有加椰汁也很好吃～」
「一場疫情撕下台當局畫皮！」：
「人民公敵」是個很令人恐怖的身份因為人人可以得而誅之不配享有法律保護、人道待遇。過去以為這樣的角色只存在於戲劇和歷史裡一場疫情讓人看到在當下的台灣幾乎每天都產生「人民公敵」。支持兩岸統一是「人民公敵」﹔稱贊大陸是「人民公敵」﹔甚至說句湖北家鄉的麵條好吃也成了「人民公敵」。
24日夜緊急從湖北回台就醫的病童母子還沒落地「中國人吃我們的健保」的罵聲就起某些電視主播、媒體人使出造謠煽動的渾身解數肉搜病童母親的貼文、短信斷章取義四處宣揚仿佛她沒有任何隱私權。年代新聞主播安幼琪居然理直氣壯地喊：既然大陸好為什麼要回台灣來？病童母親和安幼琪擁有一樣的台灣身份就因為她的娘家在湖北安幼琪就有權利公開辱罵她嗎？因為人的出身、種族、身份而擁有淩辱別人的權利或隻能被別人淩辱這是納粹還是民主？是黑暗還是文明？請煽起淩辱之風的民主進步黨自己回答！
令人痛心的是這絕不是病童母親個人的遭遇台商、大陸配偶、兩岸婚姻的子女都在新冠肺炎疫情中備受精神煎熬。包機的台商返台抱怨了一句隔離中的伙食年代電視台的另一位女主播張雅琴惡形惡言：你要不要回去吃蝙蝠？
為了不讓台商返鄉甚至接下來的清明祭祖台灣當局用謠言和謊言塑造了這樣一種意識：湖北的臺胞回台就會耗盡台灣的醫療資源破壞台灣防疫。所以台灣在這場疫情裡創造了幾個「僅有」一是醫療資源不夠同胞不能回來﹔二是同胞回來會造成防疫破口﹔三是如果台灣方面不能去檢疫他們就不能上飛機。環顧世界這絕對是台灣僅有不知他們是否自認是「台灣之光」！
台灣當局口口聲聲新聞自由卻放任假新聞假消息滿天飛談話節目再就假論假發揮一番三人成虎仿佛他們親聞親見。假新聞荒謬到什麼程度？電視主播陳凝觀開場就造謠：北京變武漢啦！還有電視台造謠武漢燒屍造成二氧化硫濃聚﹔有電視台截取音樂視頻稱武漢人「夜半尖叫宛如煉獄」……台灣當局也有媒體管理部門但卻讓謠言掛著新聞的招牌零成本坐大讓惡質媒體達到自己挑撥仇恨、醜化大陸的政治目的無視真相無視台商生死。
一場疫情撕下台灣當局民主進步的畫皮！</t>
  </si>
  <si>
    <t>臺灣疫情台商臺灣當局電視臺大陸病童年代湖北公敵人民媒體安幼琪身份好吃公開母親民主張雅琴造謠</t>
  </si>
  <si>
    <t>張雅琴安幼琪人民日報年代新聞台商</t>
  </si>
  <si>
    <t>安幼琪新聞年代人民日報台商張雅琴</t>
  </si>
  <si>
    <t>新增病例門診危險武漢信號</t>
  </si>
  <si>
    <t>武漢的新冠肺炎病例新增確診數量大幅下降但據武漢市新冠肺炎疫情防控指揮部消息3月13日至17日連續5天均有新增確診病例來自於門診武昌方艙醫院醫療隊醫生說這說明防控還有一定漏洞。武昌方艙醫院醫療隊醫生</t>
  </si>
  <si>
    <t>防控確診病例肺炎武昌方醫院醫療隊說明疫情還有一定醫生漏洞門診武漢市下降大幅來自數量新增連續消息指揮部</t>
  </si>
  <si>
    <t>武漢的新冠肺炎病例新增確診數量大幅下降但據武漢市新冠肺炎疫情防控指揮部消息3月13日至17日連續5天均有新增確診病例來自於門診武昌方艙醫院醫療隊醫生說這說明防控還有一定漏洞。
武昌方艙醫院醫療隊醫生說在武漢封城社區封閉疫情形勢趨緩的情況下還有門診新增病例這是個危險信號說明防控還有一定漏洞將會是新冠肺炎死灰復燃的漏洞所在。
另外他也指出社區封閉居民隔離期已超過14天為什麼在隔離期沒有發病而最近突然發病也是一個值得思考和警醒的問題。
他還說如果這幾天的新增病例是來自隔離點的疑似病例或是境外輸入病例說明疫情已經得到了非常有效的控制待這些遺留病例清零後小區也可以慢慢解封了「但如果連續出現小區新發病人說明防控還有一定漏洞！」
該醫生說來自社區的新增病例是一個比較棘手的問題病毒不會憑空而來社區居民基本封閉在家中超過14天弄清楚感染源很關鍵如果是社區監管不嚴也不是最可怕的最擔心的是存在未被排查到的病源這將會是新冠肺炎死灰復燃的漏洞所在。</t>
  </si>
  <si>
    <t>病例社區疫情新增說明防控還有封閉漏洞肺炎來自隔離連續社區醫生確診門診超過問題一定居民醫療隊武漢</t>
  </si>
  <si>
    <t>肺炎防控社區武漢新增病例</t>
  </si>
  <si>
    <t>武漢新增防控社區病例肺炎</t>
  </si>
  <si>
    <t>出國王浩宇師生苗博雅以下高中</t>
  </si>
  <si>
    <t>對於禁止高中以下師生出國爭議民進黨桃園市議員王浩宇、社民黨臺北市議員苗博雅互槓起來了。新北市長侯友宜今（16日）表示除了繼續掌握學生健康狀況、量體溫、校園消毒外新北市所有師生6月底前一律不准出國</t>
  </si>
  <si>
    <t>師生新北出國議員爭議繼續掌握表示學生健康狀況月底民進桃園侯友宜體溫市長苗博雅起來校園消毒以下</t>
  </si>
  <si>
    <t>對於禁止高中以下師生出國爭議民進黨桃園市議員王浩宇、社民黨臺北市議員苗博雅互槓起來了。
新北市長侯友宜今（16日）表示除了繼續掌握學生健康狀況、量體溫、校園消毒外新北市所有師生6月底前一律不准出國除非有特例要個案報准核定後才可出國。
桃園市長鄭文燦16日在防疫會議上宣佈桃園各級學校的出國計畫一律暫停到8月底並指示教育局發函呼籲私立學校也能夠一併暫停。
基隆市長林右昌則在下午宣佈7月14日之前基隆市各級學校出國計劃一律暫停若有特殊狀況及原因需呈報各校與教育處專案核准。
社會民主黨籍臺北市議員苗博雅針對侯友宜宣佈新北市高中以下師生六月底前不准出國。最大的問題有兩個：1 地方政府自行以防疫為由不准出國法源依據有問題。2 只管出國沒處理回國治標不治本。
而民主進步黨桃園市議員王浩宇在臉書指出「紓困特別條例第7條明定指揮官為防治疫情需要得實施必要之應變措施。因此為了防疫需求禁止學生或醫護人員出國確實是有法源依據的。以上跟阿苗報告。」
但苗博雅不甘示弱在王浩宇臉書又槓說「麻煩你評論前至少看一下內文吧我講的是地
方政府沒有這個權限我們的「中央流行疫情指揮官」何時變成侯友宜了？」
王浩宇則回應「地方政府的方式並不是用法律禁止學生出國而是透過操行成績的方式控制還是可以出國不過學校已經先宣導會影響到操行成績。」
苗博雅最後在自己臉書說「如果認為國人不該出國就直接命令所有人必須有特殊公務報准才能出國不該只針對未成年學生族群。目前出國旅遊染病回來的大多數都是成年人、老人不是未成年的學生。」</t>
  </si>
  <si>
    <t>出國學生學校苗博雅桃園王浩宇政府防疫侯友宜市長議員宣佈暫停不准新北禁止師生疫情一律指揮官特殊</t>
  </si>
  <si>
    <t>半導體產業板塊科技</t>
  </si>
  <si>
    <t>勤業眾信發布《2020年台灣產業趨勢展望觀點》陸美貿易戰烽火未歇加上新冠肺炎疫情延燒加速高科技與傳產製造產業供應鏈重組與整合腳步囿於本土電子業與傳統製造業長期仰賴大陸生產力高科技與半導體製造市場</t>
  </si>
  <si>
    <t>產業科技製造臺灣趨勢展望觀點貿易戰烽火陸美加上肺炎本土傳統電子業囿於製造業疫情腳步長期大陸整合重組仰賴</t>
  </si>
  <si>
    <t>勤業眾信發布《2020年台灣產業趨勢展望觀點》陸美貿易戰烽火未歇加上新冠肺炎疫情延燒加速高科技與傳產製造產業供應鏈重組與整合腳步囿於本土電子業與傳統製造業長期仰賴大陸生產力高科技與半導體製造市場正出現生產基地「板塊挪移」的現象。
勤業眾信聯合會計師事務所客戶、產業與市場負責人姚勝雄表示2019年陸美貿易戰局勢多變、英國脫歐、香港反送中、台總統大選等不確定性因素導致全球經濟發展力道疲弱。近期的新冠肺炎疫情更打亂產業佈局步調除行政院主計總處將2020年GDP成長率下修至237％跨國供應鏈重組與技術轉型的聲浪也逐漸浮上檯面。
勤業眾信指出陸美互相實施貿易壁壘及懲罰關稅已導致雙方進出口成本上升大幅影響兩國消費產業發展關稅範圍於2019年下半年擴及消費品致使台商提前購置商品並加速將供應鏈移往其他國家。
中華信評也認為將會有愈來愈多的科技公司採取分散策略移轉部分生產至亞洲其他國家以降低將大陸作為生產中心的依賴度。勤業眾信強調面對動盪中的2020年建議各產業強化「營運持續管理、資安與風險管理、加速外部創新、智慧化轉型」推動因應對策以應對未知的挑戰。</t>
  </si>
  <si>
    <t>產業加速陸美供應科技勤業生產轉型導致關稅發展大陸市場貿易戰重組國家製造肺炎疫情因應推動</t>
  </si>
  <si>
    <t>板塊挪移肺炎陸美貿易戰加速高科技</t>
  </si>
  <si>
    <t>陸美肺炎貿易戰加速板塊高科技</t>
  </si>
  <si>
    <t>嘉義變長寒假學習</t>
  </si>
  <si>
    <t>新冠肺炎讓高中職以下學校開學日延後為讓學生在多出來的假期自主學習嘉義市教育處搜集網上相關線上教學資源整合成平臺鼓勵學生線上學習嘉義縣政府也把相關線上學習資訊傳給各校透過學校管道鼓勵學生自主</t>
  </si>
  <si>
    <t>學習學生學校相關鼓勵自主高中職以下出來假期嘉義網上透過教育處傳給教學資源搜集資訊整合開學日肺炎管道</t>
  </si>
  <si>
    <t>新冠肺炎讓高中職以下學校開學日延後為讓學生在多出來的假期自主學習嘉義市教育處搜集網上相關線上教學資源整合成平臺鼓勵學生線上學習嘉義縣政府也把相關線上學習資訊傳給各校透過學校管道鼓勵學生自主學習並推出時數獎勵措施。
不過卻有偏鄉學生家長或學生反應沒有可上網的設備城鄉差距讓許多孩子與線上學習無緣對此嘉義縣市教育處長皆坦言確實有此狀況特別嘉縣偏鄉相對明顯強調教育單位是站在推廣角度且學習的管道和方法很多家長和孩子可適情況自主學習。
嘉義市長黃敏惠表示學習不止步在延後開學的這段假期裡家長的陪伴與關心對孩子的成長是很重要的家裡也能成為孩子的學習場所並透過親子共學陪伴孩子一同學習成長所以嘉義市教育處彙整12年國教各領域的教材放網路平臺供學生使用。
嘉市教育處長林立生說明空白課程與自主學習是12年國教素養課程的內涵之一透過這些線上學習資源以持續不間段的方式引導孩子瞭解孩子讓停課不停學。
嘉義縣教育處長陳添丁表示教育處已將相關線上學習資訊提供給各校像梅山鄉太平國小就把平板電腦到各學生家中讓學生在家自主學習不過考量有些學生家裡沒網路或是沒手機、平板等設備上網教育處並未強制各學校取消冬令營和輔導課相較下學生也有多元學習方式。
位在阿里山的達邦國小為讓學生的學習不空白營隊照常舉辦校長盧柏全說因鄉運將舉辦孩子到校可參與訓練下午再上美術等課程在老師義務指導下孩子的假期生活一樣精彩。</t>
  </si>
  <si>
    <t>學習孩子學生自主教育教育處學校嘉義假期透過課程處長方式相關平板設備上網家長</t>
  </si>
  <si>
    <t>新冠肺炎武漢肺炎教育部學習學生</t>
  </si>
  <si>
    <t>武漢肺炎教育部學習學生</t>
  </si>
  <si>
    <t>包?醫學期刊通牒who真相川普</t>
  </si>
  <si>
    <t>美國總統川普18日對世界衛生組織（WHO）下最後通牒要求WHO必須在30日之內做出重大改革否則美國將永久凍結對其金援並考慮退出WHO。不過國際頂尖醫學期刊《刺胳針》（The Lancet）嗆川普的聲明在事實上根本有</t>
  </si>
  <si>
    <t>who川普美國lancetthe醫學期刊國際世界衛生組織退出考慮必須凍結聲明重大改革之內做出要求事實上最後通牒根本</t>
  </si>
  <si>
    <t>美國總統川普18日對世界衛生組織（WHO）下最後通牒要求WHO必須在30日之內做出重大改革否則美國將永久凍結對其金援並考慮退出WHO。不過國際頂尖醫學期刊《刺胳針》（The Lancet）嗆川普的聲明在事實上根本有誤他的聲明自稱引用了《刺胳針》去年12月份的報告但實際上《刺胳針》尚未在當時公佈任何與新冠病毒相關的研究。
據美媒《NBC》報導川普在推特中公佈一份致WHO秘書長譚德塞（Tedros Adhanom Ghebreyesus）長達4頁的信件指出他的團隊盤點十多個世衛的抗疫缺失包括世衛在疫情爆發之初疏於調查、未認真看待台灣發出的病毒人傳人警示、屈服於北京壓力而延遲發布「全球公共衛生緊急狀態」及疫情「大流行」、持續錯誤稱讚大陸的防疫表現「公開透明」、發布「不須限制旅行」等錯誤指示、漠視大陸吹哨人被禁聲要求WHO立即改善否則美國永遠中斷對其金援。
報導指出《刺胳針》發表聲明表示川普的信件中稱《刺胳針》曾在12月份有新冠病毒的相關報告「但實際上我們在去年12月根本沒有出版關於在武漢爆或者在大陸其他地方所爆發的病毒相關報告」。
聲明指出《刺胳針》第一份與新冠病毒相關的報告是在1月24日由武漢金銀潭醫院等大陸醫學團隊所發表的「感染2019新冠病毒的武漢患者臨床特徵」聲明稱「陸方團隊與我們合作才快速讓新爆發的疾病病癥得以公佈相關資訊也可讓國際上的讀者自由閱覽」。
《刺胳針》表示川普對WHO指控的信件「嚴重損害」國際上強化控制疫情的付出並強調「任何對於國際事故的檢視必須建立在正確的事實根據也就是12月至1月到底發生了什麼事」。</t>
  </si>
  <si>
    <t>who病毒大陸國際川普相關聲明疫情爆發團隊公佈武漢信件指出發佈美國報告必須錯誤</t>
  </si>
  <si>
    <t>新冠肺炎武漢肺炎新型冠狀病毒COVID-19刺胳針</t>
  </si>
  <si>
    <t>肺炎冠狀病毒covid-武漢</t>
  </si>
  <si>
    <t>大利重災區病例</t>
  </si>
  <si>
    <t>新冠肺炎疫情嚴重的地區大多集中在亞洲國家如大陸、日本、新加坡。位於義大利北部富裕的倫巴底(Lombardy)和威內托(Veneto)地區疫情一夜之間忽然爆發本週五在一天內就通報了17個新增案例其中有15例都是在倫</t>
  </si>
  <si>
    <t>地區疫情案例新增通報天內嚴重週五爆發大多忽然於義日本新加坡大陸大利北部亞洲富裕倫巴一夜之間國家集中lombardyveneto</t>
  </si>
  <si>
    <t>新冠肺炎疫情嚴重的地區大多集中在亞洲國家如大陸、日本、新加坡。位於義大利北部富裕的倫巴底(Lombardy)和威內托(Veneto)地區疫情一夜之間忽然爆發本週五在一天內就通報了17個新增案例其中有15例都是在倫巴底區而威內托北部城市巴多瓦（Padua）已出現一死。
週五稍早倫巴底區首先通報了6個案例議員蓋列拉(Giulio Gallera)在記者會中說明: 發現了6起冠狀病毒病例。隨即立刻開始檢驗曾與病患接觸過的數百個人以確定是否發生社區感染。幾個小時過後官方發出聲明再增加8名病患其中5名是醫護人員。
有發現病例的幾個小市鎮都在米蘭的東南方。當地市政府決定關閉學校、運動中心、辦公室公共活動一律取消。
義大利衛生部長史班蘭薩(Roberto Speranza)表示義大利政府有預料到疫情蔓延的可能性。現在正檢查所有有跟病患接觸過的民眾人數多達上百人但仍然必須一一檢查。
蓋列拉說明這些新增的病例都沒有中國大陸的旅遊史疑似是在義大利境內被傳染。
根據《CNN》報導義大利今天新增的第一個病例就是在接觸過一位剛去過大陸的朋友後身體出現不適。但這名朋友自己卻不是病例。衛生單位正在檢測當事人判斷這名朋友是否曾經帶有病毒當時傳染給了周圍的人然後自己在出現症狀之前就自體康復了。
義大利境內在星期五之前只有三個案例其中兩名是來自武漢的大陸人另一名是從大陸被撤僑返國的義大利人。現在一瞬間增加了17個案例義大利一共累積到19個病例。</t>
  </si>
  <si>
    <t>大利病例大陸案例出現疫情接觸朋友倫巴病毒增加說明發現週五地區新增北部檢查列拉</t>
  </si>
  <si>
    <t>個案機構新增確診竹東產婦新生兒新竹陰性</t>
  </si>
  <si>
    <t>新竹縣17日新增10個確診者均為先前爆發確診的2長照機構其中B長照機構新增8名確診者、C長照機構則有2人由於接觸者均已匡列不再重複匡列縣長楊文科也強調對於2機構會加強監控均為第3次採檢後的新增確診</t>
  </si>
  <si>
    <t>機構確診新增匡列楊文科對於強調監控加強接觸縣長重複不再先前爆發</t>
  </si>
  <si>
    <t>新竹縣17日新增10個確診者均為先前爆發確診的2長照機構其中B長照機構新增8名確診者、C長照機構則有2人由於接觸者均已匡列不再重複匡列縣長楊文科也強調對於2機構會加強監控均為第3次採檢後的新增確診者。
楊文科表示機構內的感染者都是第一波發病的延伸有些比較慢發病「把這個守住就守住竹東鎮」一起來守護鄉親的健康。至於16日的確診產婦其新生兒採檢為陰性。
楊文科指出10名確診者年齡介於40多歲至90多歲間共有3男7女其中9人為機構長期住民沒有公開活動足跡剩下1人為長照機構的照服員6月9日因機構群聚案採檢當時為陰性6月10日因案12474確診而居家隔離12日常規採檢為陰性15日再度採檢而確診疫調還在釐清公開活動足跡將另行公佈。
楊文科表示已與防疫指揮官聯繫將採取適當措施包含感染區全數淨空、加強消毒將未感染住民轉移至縣內或其他縣的醫院隔離收治以免擴散至社區全力防堵疫情。
新竹縣確診案例中機構群聚相關有45例比例為634％楊文科表示採取對策為普篩、打疫苗16家長照機構已經完成1960人採檢均為陰性剩下90人明天完成。住宿型長照機構、洗腎病友將全面施打疫苗由醫護人員到機構及診所施打。機構的工作人員、陪病者都拉高到高風險群聚網放入接種範圍。
另外中央今天將配發第2波疫苗總共8500劑楊文科指出原住民長者72至76歲、一般長者82至86歲共計約9000餘人將可優先施打疫苗18日會送至各鄉鎮市衛生所、診所及醫院通知單將由村裡長、幹事送至家中。
楊文科表示長輩收到通知單後18日即可到指定地點施打衛生所週末也沒有休息以長輩時間方便為主。
竹東鎮16日普篩416人全數均為陰性18日將進行第二場普篩楊文科表示未來每週三、五將於竹東社區篩檢站普篩有意願民眾可於竹東鎮衛生所網頁報名。
楊文科也表示感謝各鄉鎮市長、村裡長、村裡幹事協助發送通知單未來也將鄰長納入第7類接種對象。在北埔鄉長莊明增建議下楊文科也表示若疫苗施打有剩餘劑量將授權各鄉鎮市衛生所可以通知第一至第三類或長輩接種不要浪費疫苗彈性調整施打一點一滴都不浪費。
新竹縣截至17日中午為止完成5602劑疫苗僅有一人不良反應為暈針休息後已無大礙。楊文科也指出目前住院人數為43人已有26人出院。</t>
  </si>
  <si>
    <t>機構疫苗確診表示楊文科施打文科衛生所竹東接種長輩</t>
  </si>
  <si>
    <t>新冠肺炎台灣新竹縣楊文科長照機構</t>
  </si>
  <si>
    <t>新竹臺灣楊文科肺炎機構</t>
  </si>
  <si>
    <t>gbs冠並出現隔離</t>
  </si>
  <si>
    <t>國內台中、基隆近日出現2例個案在接種流感疫苗後疑似引發「格林巴厘症候群」（GBS）其中基隆婦女出現味覺異常症狀。台灣感染症醫學會理事長黃立民指出歐洲研究證實GBS和新型冠狀病毒病有關呼籲疫情期間出</t>
  </si>
  <si>
    <t>gbs出現基隆有關病毒冠狀證實研究呼籲黃立民歐洲理事長醫學會指出感染症接種個案臺灣流感疫苗症狀異常引發格林巴厘味覺症候</t>
  </si>
  <si>
    <t>國內台中、基隆近日出現2例個案在接種流感疫苗後疑似引發「格林巴厘症候群」（GBS）其中基隆婦女出現味覺異常症狀。台灣感染症醫學會理事長黃立民指出歐洲研究證實GBS和新型冠狀病毒病有關呼籲疫情期間出現GBS患者應先隔離避免傳播風險。
黃立民表示接種流感疫苗出現GBS不是不可能但「典型」症狀應在2到6周之間發生台中和基隆這2例則分別在第10、第9天出現等於是「灰色地帶」難以證明與疫苗有關。
然而國際已經證實許多新冠肺炎患者都有出現GBS。黃立民表示國際期刊刺絡針《Lancet》旗下期刊《The Lancet Neurology》研究顯示國際目前發現有19名新冠肺炎患者有GBS的神經系統疾病並在其腦脊椎液找到新冠病毒顯示新冠病毒造成GBS的情況並不罕見。
「現在這種季節如有GBS就該採檢武肺不驗是很奇怪的事！」黃立民說現在正值秋冬新冠肺炎蠢蠢欲動之際這個季節有GBS就應採驗新冠。
他建議只要有GBS症狀者應採檢新冠肺炎並將病患「隔離起來」以避免造成院內感染的風險。
台灣感染症醫學會名譽理事長、柳營奇美醫院榮譽院長莊銀清也表示很多病毒和細菌都會引發GBS包括新冠病毒等但味覺異常也是建議醫院可以多方採檢。
疾管署副署長莊人祥說國外提到19例新冠肺炎確診者有GBS這是幾千萬例個案中的19例國內目前此一情形所以不會列入採檢標準流程。</t>
  </si>
  <si>
    <t>gbs出現黃立民病毒肺炎國際表示症狀基隆患者研究目前有關造成建議證實引發風險現在</t>
  </si>
  <si>
    <t>黃立民採檢基隆病毒肺炎</t>
  </si>
  <si>
    <t>病毒基隆黃立民肺炎</t>
  </si>
  <si>
    <t>現身中高天璣聯發智慧導體</t>
  </si>
  <si>
    <t>聯發科(2454)5G再添新兵！聯發科今日最新發表5G系統單晶片SoC新品「天璣820」採用7奈米製程瞄準中高端5G智慧型手機聯發科在5G的佈局上自去年起就持續展現高度企圖心透過多元的產品佈局力求搶啖更多的市</t>
  </si>
  <si>
    <t>佈局聯發力求產品透過高度企圖展現持續採用天璣米制新品瞄準中高soc單晶去年系統今日智慧</t>
  </si>
  <si>
    <t>聯發天璣全球遊戲技術ai旗艦同級加速帶來手機今年佈局透過大陸獨立性能品牌應用預估力拼優化</t>
  </si>
  <si>
    <t>聯發科高通5G天璣1000天璣800</t>
  </si>
  <si>
    <t>高通聯發天璣</t>
  </si>
  <si>
    <t>確認淪陷出現omicron歐洲第病例</t>
  </si>
  <si>
    <t>《太陽報》（The Sun）報導英國衛生大臣賈維德（Sajid Javid）27日表示該國有2名新冠肺炎（COVID-19）確診者已確認為感染「Omicron」變種病毒並稱2起病例都與南非旅行「有所聯繫」。賈維德表示這2起病例分</t>
  </si>
  <si>
    <t>賈維德表示病例報導英國衛生大臣sunsajid確診covid-確認javid感染肺炎omicron變種病毒並稱南非聯繫旅行</t>
  </si>
  <si>
    <t>《太陽報》（The Sun）報導英國衛生大臣賈維德（Sajid Javid）27日表示該國有2名新冠肺炎（COVID-19）確診者已確認為感染「Omicron」變種病毒並稱2起病例都與南非旅行「有所聯繫」。
賈維德表示這2起病例分別出現在諾丁漢（Nottingham）和切姆斯福德（Chelmsford）都與南非旅行有關聯2名確診者及所有家庭成員皆在家中隔離並會對其他接觸者進行進一步的病毒檢測與追蹤。
賈維德也指出由於南非出現大量Omicron病例英國已對南非、納米比亞、波劄那、辛巴威、賴索托、史瓦帝尼以及莫三比克、馬拉威、尚比亞、安哥拉等國施加旅行限制並正於英國境內進行「針對性的病毒檢測」希望防堵Omicron進入社區。
除了英國以外德國黑森邦（Hesse）社會福利局長克洛澤（Kai Klose）27日也在推特表示一名自南非返國的民眾在進行採檢後發現他確診且「帶有Omicron的若干典型突變」衛生當局「高度懷疑」其為Omicron感染者這名民眾目前已被隔離。克洛澤呼籲近期從南非返國者「應減少接觸並接受檢測」。
比利時26日已確認出現Omicron病例是歐洲首個淪陷的國家。比利時病毒學家範蘭斯特（Marc Van Ranst）表示這名確診病患是一名11日自埃及返國的年輕女性且她返回比利時的途中僅經過土耳其並未踏足南非等已出現Omicron病例的國家顯示該變種病毒傳播的範圍比想像更廣。</t>
  </si>
  <si>
    <t>南非omicron英國確診表示病例比利時出現進行旅行賈維德克洛澤衛生接觸返國民眾國家變種病毒檢測隔離確認比克</t>
  </si>
  <si>
    <t>新冠肺炎全球英國Omicron病例</t>
  </si>
  <si>
    <t>肺炎英國全球omicron病例</t>
  </si>
  <si>
    <t>成功冰島</t>
  </si>
  <si>
    <t>冰島政府在疫情爆發初期便超前部署成為全球新冠肺炎病毒篩檢比例最高的國家成功減緩疫情並讓人民迅速回歸正常生活。■&amp;quot;I didn&amp;apos;t expect the recovery to be this fast&amp;quot; said Iceland&amp;apos;s chief epidemiologist Th</t>
  </si>
  <si>
    <t>&amp;quot疫情iceland&amp;apossaid部署超前成為全球fast肺炎this病毒be比例recovery最高theto國家成功減緩expect人民</t>
  </si>
  <si>
    <t>冰島疫情病毒症狀政府表示隔離全球以下生活受檢民眾肺炎當中資料情況</t>
  </si>
  <si>
    <t>確診張上淳海軍磐石對了</t>
  </si>
  <si>
    <t>磐石艦隊爆發群聚感染但相較其他國家我國海軍的感染狀況並不嚴重迄今僅有三十一例確診對此中央流行疫情指揮中心專家小組召集人張上淳分析可能是海軍有盡到分艙分流以及疫情剛好爆發在磐石艦這艘巨大的醫</t>
  </si>
  <si>
    <t>疫情海軍爆發感染磐石剛好召集人狀況專家小組中心指揮張上淳分流迄今分析流行可能中央確診嚴重</t>
  </si>
  <si>
    <t>磐石艦隊爆發群聚感染但相較其他國家我國海軍的感染狀況並不嚴重迄今僅有三十一例確診對此中央流行疫情指揮中心專家小組召集人張上淳分析可能是海軍有盡到分艙分流以及疫情剛好爆發在磐石艦這艘巨大的醫療艦艇上所致。
在今日的記者會中有媒體提問海軍磐石艦的群聚感染相較其他國家的軍艦感染程度較輕是否是因我國海軍登艦前均有施打流感疫苗所產生的保護力？張上淳否認這樣的可能他反倒認為疫情剛好爆發在磐石艦上才是這次傳播速度不快的主因。
張上淳說一般來說軍艦上的空間都非常狹小但磐石艦是我國相對較大的艦艇船上空間寬闊加上具有野戰醫院的功能船上甚至備有負壓隔離病房因此才能快速將確診者進行隔離加上軍艦上的分艙分流措施是這次群聚感染程度不大的主因。
他強調流感疫苗對新冠病毒並不具任何保護力因此這種可能性不大關鍵還是在人與人之間的距離能否徹底落實若是發生在一般船艦上因船艙空間狹小的關係恐怕疫情會更為嚴重。</t>
  </si>
  <si>
    <t>疫情海軍磐石張上淳空間感染軍艦我國保護確診流感疫苗爆發主因艦艇加上船上可能分流狹小剛好國家</t>
  </si>
  <si>
    <t>海軍張上淳磐石艦我國軍艦</t>
  </si>
  <si>
    <t>我國張上淳磐石軍艦海軍</t>
  </si>
  <si>
    <t>打敗秘方養生肺炎人瑞也許不利老人疫情</t>
  </si>
  <si>
    <t>每個人都知道老人感染新冠病毒最危險但這位105歲的人瑞卻奇蹟似地擊敗了新冠病毒她的家人說老人家這一輩子「凡是擋她路的事沒有不被她擊退的。」露西亞迪克拉克（Lucia DeClerck）住在美國紐澤西州一</t>
  </si>
  <si>
    <t>病毒declercklucia克拉克露西亞擊退沒有凡是老人家感染奇跡人瑞危險似地擊敗美國老人紐澤西</t>
  </si>
  <si>
    <t>每個人都知道老人感染新冠病毒最危險但這位105歲的人瑞卻奇蹟似地擊敗了新冠病毒她的家人說老人家這一輩子「凡是擋她路的事沒有不被她擊退的。」
露西亞迪克拉克（Lucia DeClerck）住在美國紐澤西州一家安養院在她105歲大壽當天院方通知她確診了新冠肺炎。
讓她錯愕的是前一天她才打完第2劑新冠疫苗。到底露西亞是打疫苗之前就已經感染？還是打了疫苗之後還感染目前不得而知。安養院裡除了她還有61名長者確診有4人已經病逝。
●剛打完2劑輝瑞疫苗　105歲人瑞確診
「我們都很操心已經做好最壞打算」露西亞78歲的兒子說雖然母親症狀輕微但在疫情肆虐的情況下實在無法預測1百多歲的老人能否撐過新冠病毒。
露西亞出生於1916年歷經兩次世界大戰；人類史上兩次嚴重的流行疫病─1918年西班牙流感和這一次的新冠肺炎她通通有份
露西亞早年先生早逝總共有過3次婚姻生了2個兒子。她靠著小雜貨店養大孩子現在家族開枝散葉總共有5個孫子、12個曾孫、11個玄孫。去年疫情爆發前家族成員通通聚在安養院為她慶祝104歲大壽。
「天主保佑我讓我又安然度過疫情。」露西亞說隔離期間她每天禱告多少安撫她的焦慮心情。院方指出露西亞平常身體大致健康加上已經打過第1劑新冠疫苗已經有了保護力病情不至於惡化。露西亞隔離14天之後已返回安養院。
●法國養老中心確診率超過9成　117歲修女確診
另一名躲過新冠疫情的百歲長者是法國高齡117歲的安德列修女（Sister André）她不但是歐陸最長壽的人瑞同時也是「老年學研究組織（Gerontology Research Group GRG）」第2名超級人瑞。
「我沒感覺不舒服」視力已經完全退化、需要輪椅代步的安德列修女說確診前她沒有任何症狀她甚至告訴養老院把她的新冠疫苗先排給更需要的老人家施打。
「她真的很幸運在如此高齡的狀況下確診還能順利康復。」安德列修女居住的養老中心表示院內感染的狀況相當嚴重全數88名住民中就有81人確診確診率超過9成其中 11人很快就病逝。
安德列修女沒打任何疫苗在確診後一度出現症狀不過在3週隔離治療期滿後就恢復健康。
●人瑞確診後仍治癒　養生祕方幫大忙？
百歲人瑞順利躲過新冠肺炎專家說除了運氣老人家的免疫力和生活習慣也許幫了大忙。
安德列修女在養老中心生活規律固定參加彌撒與團體活動認知功能並未明顯衰退。飲食也相當簡單她喜歡喝香檳、紅酒也吃雞蛋和培根紅肉。
105歲的露西亞在疫情爆發前經常參加安養院的團體活動兒孫也固定造訪社交生活相當活躍。
露西亞喜歡自己手做酒釀白葡萄乾將白葡萄乾放入空罐注入琴酒放滿9天後就能吃。每天早上露西亞固定吃下9顆酒釀白葡萄乾現在她的子女和孫子都跟著吃成了家族的防疫秘方。
資料來源：New York Times、BBC、Health</t>
  </si>
  <si>
    <t>露西亞確診人瑞已經疫苗修女疫情安養院安德列感染家族隔離老人家固定症狀病毒養老</t>
  </si>
  <si>
    <t>康健雜誌新冠肺炎老人安養院免疫</t>
  </si>
  <si>
    <t>肺炎老人雜誌安養院康健免疫</t>
  </si>
  <si>
    <t>阿翔喊話欲望grace纏身得到急症平衡</t>
  </si>
  <si>
    <t>藝人阿翔去年6月與謝忻在路邊激吻兩人爆出不倫戀事後妻子Grace發文稱「換我為你撐傘」有意選擇原諒腥夫夫妻關係也逐漸修補中不過 Grace日前在臉書上透露被急症纏身表示是因為「慾望沒有得到平衡」引起</t>
  </si>
  <si>
    <t>grace路邊欲望表示纏身急症爆出透露書上倫戀謝忻沒有事後日前妻子原諒選擇夫妻關係有意發文修補</t>
  </si>
  <si>
    <t>藝人阿翔去年6月與謝忻在路邊激吻兩人爆出不倫戀事後妻子Grace發文稱「換我為你撐傘」有意選擇原諒腥夫夫妻關係也逐漸修補中不過 Grace日前在臉書上透露被急症纏身表示是因為「慾望沒有得到平衡」引起網友議論。
Grace表示趁著連假開始前跑到秘境短暫充電但也透露近來被急性蕁麻疹纏身才終於體會「坐立難安、癢痛而為之瘋狂」的感覺對此阿翔認為或許與特殊食物誘發有所關聯不過Grace則認為主因應該是「東西買太少購物慾望沒有得到平衡」所導致更向阿翔喊話：「你把卡給我百貨週年慶過後自然會痊癒」讓不少網友笑翻。
此外由於許多人趁著連假出遊Grace也不忘呼籲所有人在疫情期間要記得戴口罩和勤洗手才可保護自身和每個人。</t>
  </si>
  <si>
    <t>grace認為表示纏身透露網友阿翔欲望沒有得到平衡口罩記得路邊期間疫情瘋狂</t>
  </si>
  <si>
    <t>阿翔Grace浩角翔起謝忻急性蕁麻疹</t>
  </si>
  <si>
    <t>grace謝忻阿翔蕁麻疹</t>
  </si>
  <si>
    <t>東男張貼秘方國家越南訊息獲取移送</t>
  </si>
  <si>
    <t>台東60餘歲男子在LINE群組張貼「獲取越南超級國家祕方！喝熱開水泡綠茶混入檸檬汁可殺新冠病毒病菌」假訊息並要求轉發給身邊的親朋好友警方通知到案說明詢後以違反嚴重特殊傳染性肺炎防治及紓困振興特別條例罪</t>
  </si>
  <si>
    <t>紓困張貼防治獲取肺炎越南傳染性國家特殊秘方嚴重違反說明振興line到案綠茶通知混入警方檸檬汁親朋好友</t>
  </si>
  <si>
    <t>台東60餘歲男子在LINE群組張貼「獲取越南超級國家祕方！喝熱開水泡綠茶混入檸檬汁可殺新冠病毒病菌」假訊息並要求轉發給身邊的親朋好友警方通知到案說明詢後以違反嚴重特殊傳染性肺炎防治及紓困振興特別條例罪名移送台東地檢署偵辦。
台東縣警察局接獲民眾檢舉在軟體LINE群組查獲假訊息「獲取越南超級國家秘方！喝熱開水泡綠茶混入檸檬汁可殺新冠病毒病菌」經查張貼人為60餘歲男子經通知到案說明詢後以違反嚴重特殊傳染性肺炎防治及紓困振興特別條例罪名移送台東地方檢察署偵辦。
該不實訊息內容為聲稱獲取越南超級國家祕方新冠肺炎在還沒有來到肺部之前只要檸檬加溫開水就能消滅病菌並要求轉發給身邊的親朋好友經台東縣政府衛生局證實為假訊息。
台東縣警局提醒依據嚴重特殊傳染性肺炎防治及紓困振興特別條例第14條：「散播有關嚴重特殊傳染性肺炎流行疫情之謠言或不實訊息足生損害於公眾或他人者處三年以下有期徒刑、拘役或科或併科新臺幣三百萬元以下罰金」 盼大家不要輕信、轉傳這些不實訊息如有人誤信可能影響疫情控制。</t>
  </si>
  <si>
    <t>訊息不實肺炎病菌嚴重東縣特殊傳染性以下國家越南獲取條例疫情秘方line張貼親朋好友身邊要求特別轉發給通知台東男子</t>
  </si>
  <si>
    <t>新冠肺炎台灣台東越南假訊息</t>
  </si>
  <si>
    <t>臺灣台東越南肺炎訊息</t>
  </si>
  <si>
    <t>臺灣人境外英美德返台新增確診</t>
  </si>
  <si>
    <t>中央流行疫情指揮中心今(3)日公佈國內新增4例境外移入COVID-19確定病例分別自英國(案810)、德國(案811)、美國(案812)及史瓦帝尼(案813)入境。對於昨晚越南新增一例台灣移入個案莊人祥說指揮中心昨晚立即跟越方聯</t>
  </si>
  <si>
    <t>中心昨晚指揮新增病例對於確定covid-越南公佈國內莊人祥境外個案臺灣英國分別入境史瓦帝德國疫情立即</t>
  </si>
  <si>
    <t>中央流行疫情指揮中心今(3)日公佈國內新增4例境外移入COVID-19確定病例分別自英國(案810)、德國(案811)、美國(案812)及史瓦帝尼(案813)入境。對於昨晚越南新增一例台灣移入個案莊人祥說指揮中心昨晚立即跟越方聯繫目前還沒有結果預計週三才會有結果對外界說明。
莊人祥表示這4例確診的病毒核酸檢測（PCR）結果只有案813的Ct值較高是34其他人Ct值都較低病毒量都較高分別為案810的Ct值19、案811為24、案812是15。
對於外界擔心春節將屆防疫旅館不夠用莊人祥說目前防疫旅館有一萬六千間住房率約50%左右到農曆春節前預計會再增加一萬間左右交通部觀光局跟各縣市政府正在努力當中。
指揮中心表示案810為本國籍20多歲女性去(2020)年8月至英國就學12月30日於當地登機時出現喉嚨癢症狀31日返國持有登機前3日內檢驗陰性報告入境後主動告知有症狀並於機場採檢；個案於集中檢疫所等待檢驗結果時因有發燒症狀再次採檢兩次採檢結果皆為陽性於今日確診。已掌握個案入境班機前後二排座位旅客共14人列居家隔離。
案811為本國籍20多歲女性去年9月至德國就學12月28日返國持有登機前3日內檢驗陰性報告入境後至住處居家檢疫；個案12月31日出現喉嚨痛症狀1月1日由衛生單位安排就醫採檢於今日確診。由於個案發病前2日皆獨自居家檢疫未與他人接觸故無匡列接觸者。
案812為本國籍60多歲男性去年10月至美國探親12月27日返國持有登機前3日內檢驗陰性報告入境後至住處居家檢疫；個案12月29日至31日陸續出現全身痠痛、發燒及咳嗽症狀1月1日由衛生單位安排就醫採檢於今日確診。已掌握個案入境班機前後二排座位旅客共7人列居家隔離。
案813為史瓦帝尼籍30多歲男性去年12月24日來臺工作持有登機前3日內檢驗陰性報告入境後至住處居家檢疫；個案12月31日出現頭痛、流鼻水及鼻塞症狀1月1日由衛生單位安排就醫採檢於今日確診。由於個案發病前2日皆獨自居家檢疫未與他人接觸故無匡列接觸者；另為求慎重已安排與個案同行來臺之友人1人採檢目前檢驗中。
指揮中心統計截至目前國內累計127453例新型冠狀病毒肺炎相關通報(含125521例排除)其中812例確診分別為717例境外移入56例本土病例36例敦睦艦隊、2例航空器感染及1例不明；另1例(案530)移除為空號。確診個案中7人死亡、689人解除隔離、116人住院隔離中。</t>
  </si>
  <si>
    <t>個案結果確診目前症狀指揮中心入境居家檢驗病毒出現分別國籍春節登機去年預計</t>
  </si>
  <si>
    <t>指揮中心變種病毒莊人祥 新冠肺炎境外移入</t>
  </si>
  <si>
    <t>莊人祥肺炎病毒變種境外中心指揮</t>
  </si>
  <si>
    <t>影展聯手電影節全球舉辦免費看片youtube</t>
  </si>
  <si>
    <t>新冠肺炎（COVID-19）疫情影響全世界許多影展活動接連受影響YouTube宣佈舉辦「We Are One： A Global Film Festival」線上影展將於5月29日至6月7日舉行為期10天將免費提供全球的影迷觀賞屆時不會有任何</t>
  </si>
  <si>
    <t>影展影響觀賞影迷全球提供免費疫情全世界屆時youtubeglobal宣佈arefestivalonefilm舉辦wecovid-活動接連肺炎</t>
  </si>
  <si>
    <t>新冠肺炎（COVID-19）疫情影響全世界許多影展活動接連受影響YouTube宣佈舉辦「We Are One： A Global Film Festival」線上影展將於5月29日至6月7日舉行為期10天將免費提供全球的影迷觀賞屆時不會有任何廣告觀眾可在觀看期間直接向世界衛生組織（WHO）的「COVID-19團結救助基金」捐款。
該影展主辦單位翠貝卡企業公司（Tribeca Enterprises）與YouTube於27日發表聲明說自5月29日起為期10天的「We Are One： A Global Film Festival」將與20家頂尖影展合作放映柏林、坎城、威尼斯、日舞、多倫多與翠貝卡等影展策劃內容。
《路透社》報導這次影展將播放影片、紀錄片、音樂、喜劇與訪談節目內容細節尚未公佈不過不太可能有一般在影展首映的熱門新片。根據《Deadline》報導則指出新聞稿中強調「新、舊影片皆有」不過考量商業效益及版權問題預期劇情片應該是曝光過的影片而坎城影展只有提供一些經典電影的片源。
不過即便合作推出「We Are One： A Global Film Festival」並不代表會取代原本的實體影展。坎城影展日前宣佈2度延期後仍正在評估舉辦與否主辦單位也曾表示「不可能以線上影展取代」；接下來的夏季於義大利的威尼斯影展目前則照常舉辦；秋天的加拿大多倫多影展也準備將部分單元以線上方式進行。</t>
  </si>
  <si>
    <t>影展影片舉辦covid-提供youtube坎城影展主辦單位宣佈威尼斯內容we報導合作取代多倫多貝卡影響arefestival</t>
  </si>
  <si>
    <t>新冠肺炎COVID-19坎城YouTubeWe Are One： A Global Film Festiva</t>
  </si>
  <si>
    <t>one坎城areyoutubewecovid-肺炎globalfilmfestiva</t>
  </si>
  <si>
    <t>血栓多發性az開刀嘉義</t>
  </si>
  <si>
    <t>從警36年的嘉義市警察局55歲吳姓小隊長6月19日接種AZ疫苗後出現發燒、腳麻等症狀本月8日身體極度不舒服就醫發現有多發性血栓轉送台中榮總醫院開刀2次取出約5公分血栓目前仍在加護病房觀察親友沉痛籲</t>
  </si>
  <si>
    <t>血栓吳姓小隊長目前接種az取出疫苗開刀出現病房台中發燒轉送腳麻症狀本月多發性身體發現極度</t>
  </si>
  <si>
    <t>從警36年的嘉義市警察局55歲吳姓小隊長6月19日接種AZ疫苗後出現發燒、腳麻等症狀本月8日身體極度不舒服就醫發現有多發性血栓轉送台中榮總醫院開刀2次取出約5公分血栓目前仍在加護病房觀察親友沉痛籲請政府重視注射疫苗的不良反應事件。
吳小隊長的親友說明吳小隊長沒有糖尿病、無慢性疾病血糖有時偏高有長期慢跑習慣6月19日接種疫苗後陸續出現發燒、腳麻症狀他也曾到醫院看診、服藥但服藥後症狀仍未改善。
到了本月8日吳小隊長身體非常不舒服緊急送醫經心臟外科醫師診斷其下半身包括腹主動脈、右腎動脈、左股和右股動脈有多發性血栓動手術急救後再轉送台中榮民總醫院10日又發生血栓再次動手術約7小時取出多條血栓其中1條血栓長達約5公分血管完全被塞住。
吳的親友說吳姓小隊長至今仍在加護病房觀察情況危急他們認為應與注射AZ疫苗後的不良反應有關。
吳的友人表示吳小隊長是和同事一起接種AZ疫苗大部分同事會發燒、不適但吳出現嚴重血栓接種疫苗以來各地發生不良反應案例但政府及有關單位低調應對希望疫苗不良反應能獲得更多重視也提醒大家接種疫苗要慎重。
嘉義市警察局表示本月8日將吳員疑似與接種AZ疫苗後不良反應有關的情形通報內政部警政署彙辦並持續關心吳員治療狀況也透過衛生局促請台中榮民總院全力醫救。</t>
  </si>
  <si>
    <t>疫苗血栓接種小隊長不良反應親友az台中本月有關醫院症狀吳員表示發燒舒服政府吳姓多發性發生</t>
  </si>
  <si>
    <t>血栓AZ多發性血栓新冠肺炎台灣</t>
  </si>
  <si>
    <t>血栓多發性肺炎az臺灣</t>
  </si>
  <si>
    <t>垃圾銷毀韓國護照大陸入境崩潰</t>
  </si>
  <si>
    <t>一組31人的韓國團4日入境北京隔離期間交出的護照竟意外被大陸工作人員誤以為是垃圾銷毀陸方已經向韓方道歉並承諾不收取隔離費用、也會免費重發簽證但是部份還要轉往美國的韓國旅客相當崩潰因為相關簽證也</t>
  </si>
  <si>
    <t>隔離簽證北京期間交出護照意外大陸工作人員誤以為垃圾銷毀陸方已經韓方道歉承諾旅客韓國相當美國收取還要費用入境</t>
  </si>
  <si>
    <t>一組31人的韓國團4日入境北京隔離期間交出的護照竟意外被大陸工作人員誤以為是垃圾銷毀陸方已經向韓方道歉並承諾不收取隔離費用、也會免費重發簽證但是部份還要轉往美國的韓國旅客相當崩潰因為相關簽證也已經連帶被銷毀韓國大使館痛批這起疏失是場「災難」。
香港《南華早報》、馬來西亞《星洲日報》引述《韓國日報》、韓聯社等報導指出4日一批31人組成的韓國團入境北京並在飯店展開為期21天隔離隔離期間大陸防疫人員以填寫檔需要護照影本為由收走所有人的護照後續卻遲遲未歸還最後才告知他們護照不小心被銷毀令韓國旅客相當憤怒。
消息人士指出由於護照是從韓國攜入必須消毒陸方防疫人員便將護照集中放在塑膠袋內準備消毒不料卻遭其他工作人員誤認成垃圾將一整袋護照連同其他垃圾一起運往垃圾處理廠焚燒。
南韓駐北京大使館官員形容「這是一場不該發生的災難」指出韓國政府已經聯繫大陸官員盡量降低對31名旅客帶來的不便。
南韓駐北京大使館也已經向大陸外交部表達抗議後者則對這起尷尬事件表示抱歉大陸官方也承諾31名韓國人不必繳交每人1321美元（約新台幣36716元）的隔離旅館費用陸方也將另發簽證並且不向韓國旅客收費。
韓國方面也已經加速為這31人重新辦理護照不過目前仍不清楚這團韓國團能否在25日隔離期滿前收到新護照。
當中部份旅客之後還要前往美國等其他國家護照被銷毀讓他們相當崩潰因為相關簽證也連同護照一併被焚毀。</t>
  </si>
  <si>
    <t>護照韓國大陸已經隔離旅客銷毀北京簽證指出陸方垃圾消毒承諾官員災難相當工作人員人員防疫期間</t>
  </si>
  <si>
    <t>#新冠肺炎#全球護照中國大陸韓國南韓</t>
  </si>
  <si>
    <t>護照全球中國肺炎大陸韓國南韓</t>
  </si>
  <si>
    <t>臺灣部署超前平安雲縣</t>
  </si>
  <si>
    <t>雲林縣府團隊警覺新冠肺炎疫情的威脅早在1月16日即成立防疫應變中心邀集醫療機構代表、醫師公會、消防局、鄉鎮市衛生所研商應變措施1月22日隨即與各大醫院及相關單位進行防疫演練第一時間喚醒各相關組織提高</t>
  </si>
  <si>
    <t>防疫應變相關肺炎疫情第一時間威脅警覺新進行單位醫師公會鄉鎮代表衛生所成立醫院醫療機構中心邀集隨即措施</t>
  </si>
  <si>
    <t>雲林縣府團隊警覺新冠肺炎疫情的威脅早在1月16日即成立防疫應變中心邀集醫療機構代表、醫師公會、消防局、鄉鎮市衛生所研商應變措施1月22日隨即與各大醫院及相關單位進行防疫演練第一時間喚醒各相關組織提高戒備嚴肅以對。
雲林縣府在年前已招標「抗揚塵罩健康」醫療用口罩緊急在1月22日起陸續發放各公私立國中（含縣立高中）、幼兒園校內學童及教職員醫療用口罩共計兒童6萬3404盒（幼兒園及國小學童）、成人（國、高中生及教職員）9萬9140盒口罩舒緩縣民搶購口罩的不安與緊張。
為照顧傷病者自2月3日起本縣領有重大傷病證明欲就醫之病患及其陪同就醫者或體溫超過38度買不到口罩的民眾每人提供1片口罩保護自己也保護他人。
2月12日雲林縣政府與與台大醫院雲林分院攜手合作全國首創居家隔離檢疫者通訊診療透過視訊看診。2月18日縣府團隊再邀集計程車公會、公車業者、雲林監理站等推動大眾運輸駕駛人優先配購防疫口罩以「1周領1次1次領7片」提升防疫量能讓旅客能安心搭乘。
隨著檢疫及隔離者可能增加我們緊接在2月27日成立「雲林縣居家檢疫隔離關懷中心」24小時單一視窗服務（05）5345811或1922專線協助就醫服務、送餐、垃圾清運、遠距通訊醫療、心理諮詢等；3月1日起贈送「雲林防疫錦囊包」陪伴民眾安心度過檢疫或隔離期間。
我們共同生活在這塊土地上呼吸著同樣的空氣面對這波新冠肺炎的威脅讓我們同心防疫人人勤用肥皂洗手、減少群聚活動、做好自身健康管理祈求台灣平安。</t>
  </si>
  <si>
    <t>防疫口罩雲林隔離檢疫醫療就醫縣府健康邀集通訊中心應變民眾相關幼稚園成立安心威脅肺炎教職員學童林縣居家</t>
  </si>
  <si>
    <t>安心口罩醫療用肺炎檢疫</t>
  </si>
  <si>
    <t>肺炎醫療檢疫口罩安心</t>
  </si>
  <si>
    <t>連續京元電曝光員工足跡確診苗栗用餐新竹</t>
  </si>
  <si>
    <t>新竹市5日增1名COVID-19確診個案案10649為京元電竹南廠群聚案例為50多歲本國籍女性為京元電子竹南廠員工租屋處於新竹市轄內非竹市市民6月1日發燒就醫PCR採檢後確診共匡列3名居家隔離市府已安排相關</t>
  </si>
  <si>
    <t>確診竹南新竹隔離居家匡列市府女性案例京元就醫電子廠群pcr發燒京元電員工市民處於竹市</t>
  </si>
  <si>
    <t>新竹市5日增1名COVID-19確診個案案10649為京元電竹南廠群聚案例為50多歲本國籍女性為京元電子竹南廠員工租屋處於新竹市轄內非竹市市民6月1日發燒就醫PCR採檢後確診共匡列3名居家隔離市府已安排相關足跡地點消毒。
目前以匡列案10649的2名室友與1名同事共3人2名室友已完成採檢PCR陰性目前送防疫旅館居家隔離1名同事居住苗栗由苗栗縣安排採檢及居家隔離。
案10649足跡單純平常騎機車往返公司與宿舍外出全程戴口罩並短暫停留外帶購買餐食或返宿舍烹煮。5月28日曾到過苗栗竹南中華路美而美早餐店及來來健康素食店5月29日曾到過竹南中華路全家超商5月30日頭份建國路金色蓮花素食店5月31日曾到過苗栗竹南中華路美而美早餐店、菿喫甘呷飲料店及來來健康素食店6月1日曾到過苗栗竹南中華路美而美早餐店、菿喫甘呷飲料店。
市長林智堅透露5日上午與蔡英文總統通過電話除報告竹科專案篩檢站一切順利針對苗栗縣疫情升溫蔡英文也請他向新竹縣長楊文科及苗栗縣長徐耀昌表達關心請新竹市政府結合兩縣成立防疫共同區域聯防。
林智堅表示他與楊文科及徐耀昌通過電話楊文科向他表達協助移工篩檢的需求徐耀昌則表達需要社區篩檢站經驗以及醫事人員人力不足等問題市府也已請專人與苗栗縣衛生局連繫有需要將協助與中央協調人力。</t>
  </si>
  <si>
    <t>竹南新竹苗栗苗栗縣隔離居家宿舍徐耀昌表達需要林智堅防疫協助足跡蔡英文確診目前素食店電話楊文科市府</t>
  </si>
  <si>
    <t>新冠肺炎台灣苗栗5月曾到</t>
  </si>
  <si>
    <t>肺炎臺灣苗栗</t>
  </si>
  <si>
    <t>世外桃源臺灣黃暐瀚疫情全球</t>
  </si>
  <si>
    <t>美國新冠肺炎疫情仍持續美國總統川普對戴口罩態度反覆不過隨著疫情升溫川普戴上口罩並改口「戴口罩是愛國表現沒人比我更愛國」。對此資深媒體人黃暐瀚表示面對11月3日即將到來的總統選舉只要能救選</t>
  </si>
  <si>
    <t>總統疫情口罩川普愛國美國到來即將表示面對黃暐瀚媒體對此持續選舉升溫態度沒人表現</t>
  </si>
  <si>
    <t>美國新冠肺炎疫情仍持續美國總統川普對戴口罩態度反覆不過隨著疫情升溫川普戴上口罩並改口「戴口罩是愛國表現沒人比我更愛國」。對此資深媒體人黃暐瀚表示面對11月3日即將到來的總統選舉只要能救選情川普都會去做。黃表示全球疫情的前半年台灣恍如「世外桃源」但這樣的「與世隔絕」卻也可能令台灣充滿危機。
黃暐瀚在臉書指出今年四月川普在白宮記者會上強調佛奇建議美國人民出門戴口罩「只是個建議」並表示「我覺得很好我不會戴口罩」。然而隨著疫情增溫一個禮拜前川普在推特貼上一張他戴口罩的黑白照片接下來一週他幾乎天天戴口罩現在川普說：「戴口罩是愛國表現沒人比我更愛國」。黃直言這就是川普。面對11月3日即將到來的總統選舉不管什麼事不管任何話只要能救選情他都會去做會去說。
黃暐瀚提及全球疫情的前半年台灣恍如「世外桃源」但這樣的「與世隔絕」卻也可能令台灣充滿危機。台灣有新冠肺炎抗體的人很少；台灣研發新冠肺炎疫苗的速度很慢。不管是英國或是美國誰先研發出疫苗該國需求都恐不夠會給台灣分一杯羹嗎？他表示政治之前激情亢奮；政治之後面對現實政治與現實台灣得聰明面對別傻傻跟著某人（某國）一直衝。</t>
  </si>
  <si>
    <t>川普臺灣口罩表示疫情黃暐瀚美國面對總統肺炎建議疫苗愛國研發政治</t>
  </si>
  <si>
    <t>台灣戴口罩川普黃暐瀚美國</t>
  </si>
  <si>
    <t>黃暐瀚川普口罩臺灣美國</t>
  </si>
  <si>
    <t>口罩動手做顧健康diy教學</t>
  </si>
  <si>
    <t>新冠肺炎疫情險峻戴口罩儼然成為全民最基本的防疫共識其實透過自製「布口罩」不但可重複使用更能將醫療級口罩留給第一線防疫、醫護人員。慈濟基金會為讓醫療級口罩留給需要的人讓非醫療及非防疫第一線人員</t>
  </si>
  <si>
    <t>口罩防疫醫療留給第一線險峻成為全民疫情共識基本其實重複使用透過自製基金會醫護人員慈濟肺炎</t>
  </si>
  <si>
    <t>新冠肺炎疫情險峻戴口罩儼然成為全民最基本的防疫共識其實透過自製「布口罩」不但可重複使用更能將醫療級口罩留給第一線防疫、醫護人員。
慈濟基金會為讓醫療級口罩留給需要的人讓非醫療及非防疫第一線人員有充足的防疫口罩可使用特透過全臺各地巧藝志工進行「布口罩製作教學」2月15日在慈濟雙和靜思堂更有一群來自各界的年輕人加入慈濟志工的行列青銀共製布口罩傳達「罩」顧健康自己就可以動手做。
中央流行疫情指揮中心曾多次呼籲並透過影音宣導健康民眾不用戴口罩而目前研究指出「2019新型冠狀病毒」主要是透過飛沫感染。因此民眾若是擔心健康又沒有充足的醫療口罩其實選用布質口罩並保持替換洗滌的習慣也可以阻絕一定比例的飛沫。
慈濟志工在二月初即著手規劃進行自製布口罩也透過網路宣導獲得各界響應報名因為受到防疫而延後開學的影響在雙和靜思堂吸引不少學生主動報名參加布口罩製作以分工、分組的方式依照流程SOP進行區分為「描圖區」、「燙摺區」、「車縫區」、「翻面修剪區」、「熨燙裝箱區」及「輸送區」。
家住彰化、目前就讀虎尾科技大學二年級的廖浚頡帶著兩個弟弟廖淂程及廖昞享三兄弟一早自行坐火車北上響應慈濟活動從沒有碰過裁縫的廖浚頡主動承擔「車縫區」就讀理工相關科系的他首度嘗試踩著裁縫車仔細對著縫線覺得過程很新鮮但是專注的神情一點也不馬虎因為知道這些布口罩將提供給例如在醫療院所上班的行政同仁或慈濟環保志工、訪視志工等慈濟的第二線人員所以非常認真學習。
最小的弟弟廖昞享則在「熨燙裝箱區」從未拿過熨斗今天是他首次提起動作一開始有些生澀慈濟志工在旁細細指導因為是左撇子廖昞享小心翼翼的使用；另外在「描圖區」目前就讀中原大學建築系一年級的林懷謙則是帶著就讀花蓮女中美術班的妹妹林詠丞參加兩人因為都有繪圖、繪畫的相關背景所以希望發揮專長加速布口罩的製作進度。
慈濟基金會表示民眾在缺少醫療口罩時在一般日常生活使用布質口罩也是一種自愛、愛人的行為。同時也請不要忘記除了使用口罩外世界衛生組織與衛福部更提醒「勤洗手」跟「戴口罩」一樣重要。生活習慣做得好全民防疫更有效。</t>
  </si>
  <si>
    <t>口罩防疫醫療透過就讀使用目前進行民眾慈濟製作可以疫情相關</t>
  </si>
  <si>
    <t>確診累計新增韓最爆發肺炎</t>
  </si>
  <si>
    <t>（16：00更新）繼突破千人大關後韓國今（26）日下午再新增115新冠肺炎確診病例加上上午宣佈的169新病例韓國單日新增病例達284人累計境內共1261人染疫。（10：00更新）韓國確診數突破千人大關今（26）日再</t>
  </si>
  <si>
    <t>確診新增病例韓國大關突破更新肺炎下午韓國今境內累計加上上午宣佈</t>
  </si>
  <si>
    <t>（16：00更新）繼突破千人大關後韓國今（26）日下午再新增115新冠肺炎確診病例加上上午宣佈的169新病例韓國單日新增病例達284人累計境內共1261人染疫。
(URGENT) S Korea reports 115 more cases of new coronavirus total now at 1261 https://tco/gOq9suW5jN
（10：00更新）韓國確診數突破千人大關今（26）日再新增169確診累計境內共1146人染疫；此外韓國今日也新增1例新冠肺炎死亡案例至今已有12人死亡。
韓聯社報導韓國今日再新增169例新冠肺炎確診病例累計境內已1146人染疫。
新增病例中153例來自於大邱及慶尚北道目前約8成確診病例都發生於大邱新天地教會及慶尚北道清道郡大南醫院的群聚感染光是大邱確診病例數就高達800人。
此外韓國今日也增加1例死亡案例韓聯社報導死者是一名73歲大邱新天地教會教徒他於26日確診後住院本身即患有高血壓、糖尿病等慢性病。至今韓國境內累計12例死亡病例。
韓國中央災難安全對策本部（下稱對策本部）表示境內幾乎各大城、主要行政區均已出現確診案例首都首爾今日再新增4起病例第二大城釜山新增8起病例京畿道增加1例。
韓國國務總理丁世均今天表示政府誓言動員所有資源防止大邱及慶尚北道的疫情擴散。他說政府將會動用所有資源和措施以避免失去防治疫情的黃金時間他也提到本周是對抗病毒的關鍵時間。丁世均昨日抵達大邱市這是他首度主持政府防災會議他預計持續留在大邱監督疫情。
韓國昨（25）日單日共新增144例新增病例截至昨晚共977人確診、11人死亡昨日更首度新增1名外國人士死亡死者是一名36歲蒙古人。
韓國衛生當局23日將病毒警示層級提升至紅色的最高等級專注防治大邱及慶尚北道的疫情擴散。對策本部昨日表示將對新天地教會超過21萬名教徒進行檢疫專家預期未來幾天韓國新冠肺炎確診數將持續飆升。</t>
  </si>
  <si>
    <t>確診韓國病例新增死亡疫情慶尚境內政府昨日表示肺炎今日案例教會天地病毒防治</t>
  </si>
  <si>
    <t>bnt 疫苗 中秋 前後 每週 到貨 780萬 劑 爭取 明年 3000萬 劑</t>
  </si>
  <si>
    <t>前後中秋到貨疫苗爭取明年bnt</t>
  </si>
  <si>
    <t>由台積電、慈濟、永齡基金會合購1500萬劑BNT疫苗其中印有復必泰標籤的200萬劑預計9月初抵台剩餘疫苗到貨時程今（29）晚也傳出好消息估計自中秋節後至11月每週將有70-80萬劑BNT疫苗到貨更有機會保留明年300</t>
  </si>
  <si>
    <t>疫苗bnt到貨會合印有消息傳出估計中秋標籤預計節後月初時程基金</t>
  </si>
  <si>
    <t>由台積電、慈濟、永齡基金會合購1500萬劑BNT疫苗其中印有復必泰標籤的200萬劑預計9月初抵台剩餘疫苗到貨時程今（29）晚也傳出好消息估計自中秋節後至11月每週將有70-80萬劑BNT疫苗到貨更有機會保留明年3000萬劑BNT疫苗。
永齡基金會創辦人郭台銘今晚在臉書發文透露首批客製化標籤的BNT疫苗進度有希望在九月中秋節前後開始分批到貨至少到11月能以每週大約7、80萬劑抵台讓台灣各年齡層都有機會施打以「想打的人陸續打得到疫苗供應週週不斷鏈」為目標。
文中指出今年被承諾到貨數量大約是800-900萬劑已向BNT試探詢各國明年疫苗供應的期程及數量若台灣有考慮繼續採購的條件下能優先處理我方今年採購剩餘數量提早到貨以及明年疫苗是否能為台灣保留3000萬劑的額度則是「獲得很不錯的回應」。
身為三大民間聯合採購團體之一郭台銘也表示會盡力為台灣保留機會給政府做決策參考也強調疫苗採購的原則不變「原廠製造、分裝、客製化標籤絕對是必要且無庸置疑」。</t>
  </si>
  <si>
    <t>疫苗bnt到貨採購臺灣標籤保留機會數量明年郭台銘今年供應大約會合回應</t>
  </si>
  <si>
    <t>BNT到貨郭台銘台灣疫苗</t>
  </si>
  <si>
    <t>疫苗臺灣bnt到貨郭台銘</t>
  </si>
  <si>
    <t>清潔員陽性保全確診接觸龍山寺旅客人員</t>
  </si>
  <si>
    <t>臺北市長柯文哲24日下午召開防疫記者會對於北捷有人確診副市長黃珊珊表示有1名保全員確診3人為快篩陽性22號已啟動全站清消。北市副市長黃珊珊24日在防疫記者會上說明臺北捷運公司「龍山寺」有1名保全員</t>
  </si>
  <si>
    <t>市長黃珊珊防疫記者會確診全員下午召開啟動陽性全站北市說明公司對於臺北捷運龍山寺表示</t>
  </si>
  <si>
    <t>臺北市長柯文哲24日下午召開防疫記者會對於北捷有人確診副市長黃珊珊表示有1名保全員確診3人為快篩陽性22號已啟動全站清消。
北市副市長黃珊珊24日在防疫記者會上說明臺北捷運公司「龍山寺」有1名保全員確診也要求同仁去做快篩22日快篩後就啟動清消和全站消毒相關人員有快篩123人快篩3人為陽性已進行相關隔離不會影響營運目前為止應該是共同休息室有接觸全部會交給防疫醫師交給疫調和匡列。
北捷也表示第一線員工包含站務、司機員、清潔及保全並非屬於施打疫苗優先順序人員但已鼓勵員工接種疫苗並宣導加強個人健康管理及勤洗手並實施分組輪班及異地辦公。
中央流行疫情指揮中心今（24）日公佈國內新增334例新冠本土病例新北177例最多其次為臺北市99例另有256例為校正回歸個案。</t>
  </si>
  <si>
    <t>防疫確診員工疫苗人員相關黃珊珊市長記者會表示全員全站臺北市啟動陽性交給</t>
  </si>
  <si>
    <t>北捷新冠肺炎北捷龍山寺站黃珊珊</t>
  </si>
  <si>
    <t>龍山寺肺炎黃珊珊</t>
  </si>
  <si>
    <t>《其他股》三能2019年EPS挑戰3元今年恐受疫情幹擾下滑</t>
  </si>
  <si>
    <t>今年挑戰疫情eps干擾下滑三能</t>
  </si>
  <si>
    <t>三能-KY(6671)2019年受中美貿易戰影響使得大陸內需市場低迷拖累營收微減受惠訂製類產品自動化效率提升帶動毛利率微幅增加與無錫高薪企業優惠稅率等因素獲利恢復成長動能。法人預估三能2019年稅後盈餘將在1</t>
  </si>
  <si>
    <t>三能預估貿易戰法人影響動能使得大陸成長恢復內需獲利市場低迷因素拖累稅率優惠企業高薪無錫受惠增加訂制</t>
  </si>
  <si>
    <t>三能-KY(6671)2019年受中美貿易戰影響使得大陸內需市場低迷拖累營收微減受惠訂製類產品自動化效率提升帶動毛利率微幅增加與無錫高薪企業優惠稅率等因素獲利恢復成長動能。法人預估三能2019年稅後盈餘將在18億元左右年增約21%EPS可望挑戰3元。
2020年首季進入傳統淡季又逢新冠肺炎疫情幹擾法人預估三能首季營收約3億元恐將年減20%以上稅後盈餘將落在012億元年減將超過30%EPS將在02元左右。
展望2020年全年營運大陸受新冠肺炎影響內需市場消費低迷三能的訂單與產能同步受到影響將拖累獲利表現法人預期三能2020年營收年衰退將逾1成約167億元稅後盈餘將年減逾6%落在17億元左右EPS將挑戰28元。
三能股利政策主要配發現金股利為主2018年股利發放率91%去年預估三能2019年有機會配發現金股利24元現金殖利率約7%附近。</t>
  </si>
  <si>
    <t>三能影響預估法人股利eps肺炎大陸獲利首季拖累低迷挑戰內需市場現金微幅增加</t>
  </si>
  <si>
    <t>中美貿易戰新冠肺炎三能內需現金股利</t>
  </si>
  <si>
    <t>肺炎三能內需貿易戰現金股利</t>
  </si>
  <si>
    <t>傷亡陳以信補償政府確診肺炎責任</t>
  </si>
  <si>
    <t>對於新冠肺炎本土疫情已有13584人確診並釀497人不幸離世國民黨立委陳以信表示政府應該負無過失責任對所有因確診而傷亡者給與慰助金與補償金畢竟這才是身為政府的目的所在。陳以信18日在臉書分析根據國賠</t>
  </si>
  <si>
    <t>陳以信確診政府本土疫情所在目的肺炎給與國民黨傷亡者責任過失表示應該畢竟補償</t>
  </si>
  <si>
    <t>對於新冠肺炎本土疫情已有13584人確診並釀497人不幸離世國民黨立委陳以信表示政府應該負無過失責任對所有因確診而傷亡者給與慰助金與補償金畢竟這才是身為政府的目的所在。
陳以信18日在臉書分析根據國賠的法律規定認定關鍵會在政府有無過失雖然他認為政府確有過失很多人也這麼認為但法律認定結果很難說。因此他認為這次補償很特殊國家應負的不是過失責任而是無過失責任亦即是國家不管有無過失都應該負責補償。
陳以信認為這次疫情國家應負無過失責任的理由為政府防疫過程技術高度複雜、資訊極端不對稱人民何能得知政府哪裡出錯？如何證明政府確有過失？更何況立法院連成立個疫苗調閱委員會都搞不清楚疫苗採購過程；連想要公開高端疫苗EUA審查會議都被衛福部推三阻四。請問人民何能握有充足資訊來證明政府過失呢？
正因人民與政府在防疫事項上地位高度不對等、資訊極端不對稱因此政府對人民確診者該負無過失責任亦即是無庸人民舉證政府過失人民只要受害政府就該補償。
陳以信認為人民一舉一動都是聽從CDC指揮每個人都是這場防疫作戰的戰士現在國人防疫不成不幸確診而有傷亡就好像戰士為國打仗在戰場上不幸受傷或陣亡國家難道可以不對傷亡戰士負責嗎？
陳以信主張萬一國人不幸確診政府不該為難非要他證明政府有過失才賠償政府應該負起全部責任對所有因確診而傷亡者給與慰助金與補償金。畢竟這才是身為政府的目的所在！</t>
  </si>
  <si>
    <t>政府過失人民確診不幸認為補償防疫責任國家戰士應該證明疫苗資訊疫情過程何能傷亡法律認定</t>
  </si>
  <si>
    <t>陳以信新冠肺炎台灣國家賠償</t>
  </si>
  <si>
    <t>肺炎臺灣陳以信國家賠償</t>
  </si>
  <si>
    <t>升級冠軍賽防疫因應閉門sbl比賽</t>
  </si>
  <si>
    <t>因近日來新冠肺炎疫情升溫相關防疫措施升級中華籃協宣佈本周起SBL超級聯賽新莊體育館總冠軍賽場次改採閉門方式比賽不開放觀眾入場僅開放比賽雙方球隊及相關工作人員進入場內。為配合防疫規定室內比賽場</t>
  </si>
  <si>
    <t>相關防疫比賽開放肺炎疫情配合升溫場內進入sbl聯賽措施宣佈新莊體育館冠軍賽籃協方式升級雙方工作人員中華閉門球隊</t>
  </si>
  <si>
    <t>因近日來新冠肺炎疫情升溫相關防疫措施升級中華籃協宣佈本周起SBL超級聯賽新莊體育館總冠軍賽場次改採閉門方式比賽不開放觀眾入場僅開放比賽雙方球隊及相關工作人員進入場內。
為配合防疫規定室內比賽場館不得超過100人本週六(15日)起第18屆SBL超級籃球聯賽將採取閉門比賽除球隊職隊員及相關工作人員與媒體其餘人員包含持貴賓證件等均不得進入場館。
除比賽場上球員與裁判外全體人員進入體育館須全程配戴口罩且禁止飲食並於入口處測量體溫及實名制登記。
已購買總冠軍賽門票之球迷可於即日起至6月10日至年代售票系統辦理全額退費不需額外負擔手續費及郵資。</t>
  </si>
  <si>
    <t>比賽進入相關冠軍賽防疫體育館sbl場館閉門工作人員球隊開放肺炎疫情退費全額升溫測量體溫入口處飲食禁止辦理登記售票</t>
  </si>
  <si>
    <t>SBL總冠軍賽新冠肺炎防疫</t>
  </si>
  <si>
    <t>冠軍賽肺炎sbl防疫</t>
  </si>
  <si>
    <t>不怕參加維奇喬柯疫情</t>
  </si>
  <si>
    <t>球王喬柯維奇(Novak Djokovic)似乎差點就要放棄美網了但他最後還是到達美國紐約。「我差點就放棄有很多不確定因素現在也是一樣。我想打球所以我來了我個人不害怕處在充滿健康風險的環境。」喬柯維奇已經得</t>
  </si>
  <si>
    <t>差點放棄喬柯維奇風險djokovic健康充滿處在害怕似乎個人就要打球現在因素最後美國紐約確定環境novak</t>
  </si>
  <si>
    <t>球王喬柯維奇(Novak Djokovic)似乎差點就要放棄美網了但他最後還是到達美國紐約。「我差點就放棄有很多不確定因素現在也是一樣。我想打球所以我來了我個人不害怕處在充滿健康風險的環境。」喬柯維奇已經得過新冠肺炎並痊癒。
喬柯維奇選擇在紐約市外租屋居住而沒像其他選手一樣住進隔離區的飯店。他告訴《紐約時報》說：「如果我害怕就不敢來了當然我很謹慎我必須和大家共同遵守規則。但結果還是無法預測場內和場外都可能發生任何事。」
由於眾多好手都沒參賽喬柯維奇被看好可以為自己再添1座單打大滿貫金盃他表示：「這是我參賽的原因之一但不是主要原因。身為頂尖球員我有責任出賽讓比賽持續進行是很重要的。」如果大牌選手都不來恐怕比賽就沒人想看了。
喬柯維奇6月舉辦的表演賽造成疫情擴大塞爾維亞與克羅埃西亞都有人因此染病讓他被外界罵得很慘。喬柯維奇說：「你問我有沒有罪惡感當然沒有你怎能把全部的事都推給我一個人。」「我自認沒做錯事但我為染病的人感到難過。」</t>
  </si>
  <si>
    <t>維奇喬柯選手比賽參賽染病害怕當然差點放棄沒有沒像居住</t>
  </si>
  <si>
    <t>喬柯維奇美網ATP大滿貫紐約</t>
  </si>
  <si>
    <t>atp滿貫維奇紐約喬柯</t>
  </si>
  <si>
    <t>國民黨異地準備辦公</t>
  </si>
  <si>
    <t>政府機關陸續異地辦公國民黨發言人洪於茜今表示國民黨3月已作相關準備隨時可因應疫情變化調整異地辦公中央黨部大樓也進行每天量體溫、噴酒精並呼籲黨工同仁在密閉空間配戴口罩主動回報身體狀況若有身</t>
  </si>
  <si>
    <t>辦公異地國民黨配戴空間密閉同仁黨工呼籲酒精口罩體溫進行相關隨時準備大樓中央黨部疫情變化調整主動表示發言人</t>
  </si>
  <si>
    <t>政府機關陸續異地辦公國民黨發言人洪於茜今表示國民黨3月已作相關準備隨時可因應疫情變化調整異地辦公中央黨部大樓也進行每天量體溫、噴酒精並呼籲黨工同仁在密閉空間配戴口罩主動回報身體狀況若有身體不適者回報後可不到班及就診或自主管理。
針對中央流行疫情指揮中心提醒清明連假曾造訪11個台灣熱門風景區與景點的民眾須進行自主健康管理。洪於茜說國民黨也呼籲連假期間有到11個發布警訊地點旅遊的黨工必須主動告知到班必須全程配戴口罩。
據瞭解中央黨部今天並無通報有黨工在連假赴11處熱門景點。</t>
  </si>
  <si>
    <t>黨工國民黨疫情辦公中央黨部呼籲自主管理異地口罩主動配戴洪於茜回報必須景點熱門隨時相關準備清明連提醒</t>
  </si>
  <si>
    <t>國民黨新冠肺炎新冠病毒台灣大陸</t>
  </si>
  <si>
    <t>肺炎臺灣病毒大陸國民黨</t>
  </si>
  <si>
    <t>南非返台探親境外確診</t>
  </si>
  <si>
    <t>中央流行疫情指揮中心今(3)日公佈國內新增1例境外移入新冠肺炎病例(案449)為50多歲男性因工作長期居住南非(前次自台灣出境時間為108年9月)今(109)年7月1日獨自返國入境。指揮中心表示個案因計劃返台探親於</t>
  </si>
  <si>
    <t>中心指揮表示病例肺炎男性工作長期居住南非境外入境前次臺灣新增返國出境國內時間公佈獨自個案</t>
  </si>
  <si>
    <t>中央流行疫情指揮中心今(3)日公佈國內新增1例境外移入新冠肺炎病例(案449)為50多歲男性因工作長期居住南非(前次自台灣出境時間為108年9月)今(109)年7月1日獨自返國入境。
指揮中心表示個案因計劃返台探親於南非當地採驗新型冠狀病毒(採撿時無症狀)6月27日上午得知檢驗結果為陰性同日下午出現發燒、全身無力及喉嚨有異物感等症狀28日至當地醫院就醫醫師評估為一般感冒個案服藥後於6月30日自覺症狀好轉當日自南非搭機至杜拜轉機於7月1日晚間入境台灣。
莊人祥指出個案入境時無症狀因主動告知14天內曾有不適症狀由機場檢疫人員安排採檢後送至集中檢疫所隔離於今日確診；個案目前收治住院隔離經X光檢查診斷有肺炎情形。衛生單位已掌握個案接觸者共27人其中同班機前後二排乘客13人列為居家隔離對象同班機機組員14人因有適當防護列為自主健康管理對象。
指揮中心統計國內截至目前累計77157例新型冠狀病毒肺炎相關通報(含76225例排除)其中449例確診分別為358例境外移入55例本土病例及36例敦睦艦隊。
莊人祥表示7月4日零時開始實施外籍人士有居留證者不需持三天內陰性證明。</t>
  </si>
  <si>
    <t>個案症狀南非肺炎隔離中心指揮入境當地表示列為陰性目前臺灣時無班機病例確診天內病毒冠狀國內</t>
  </si>
  <si>
    <t>境外移入個案2點臨時記者會新增破功</t>
  </si>
  <si>
    <t>記者會個案新增境外</t>
  </si>
  <si>
    <t>死亡率肺炎高於不明爆發病毒哈薩克</t>
  </si>
  <si>
    <t>全球新冠肺炎疫情未止哈薩克又出現不明原因肺炎。中國駐哈薩克大使館今天發公告指當地出現死亡率遠高於新冠肺炎的不明肺炎單單在上月已有628人死亡當中包括中國公民。大使館引述哈薩克傳媒指出6月中旬以來</t>
  </si>
  <si>
    <t>哈薩克肺炎出現大使館中國不明引述死亡公民包括當中當地疫情死亡率今天公告高於傳媒</t>
  </si>
  <si>
    <t>全球新冠肺炎疫情未止哈薩克又出現不明原因肺炎。中國駐哈薩克大使館今天發公告指當地出現死亡率遠高於新冠肺炎的不明肺炎單單在上月已有628人死亡當中包括中國公民。
大使館引述哈薩克傳媒指出6月中旬以來阿特勞州、阿克糾賓州和奇姆肯特市肺炎發病率較同期顯著升高。截至目前3地已有近500人感染、30多人病危。今年上半年不明肺炎共導致1772人死亡僅6月就有628人死亡。
大使館強調該不明肺炎致死率遠高於新冠肺炎。當地衛生部正對該肺炎病毒進行研究尚未明確定性；並提醒當地中國公民切實注意相關情況提高防疫意識並留意當地政府和中國大使領館發布的資訊。
此外大使館建議僑胞注意個人防護和手部衛生盡量減少外出活動避免到人員密集的公共場所；如外出時要佩戴口罩及勤洗手。一旦出現可疑症狀應主動及時就醫；就診時應告知醫生旅行居住史及接觸人員積極配合開展相關調查。</t>
  </si>
  <si>
    <t>肺炎大使館中國不明出現當地哈薩克人員外出注意死亡公民相關積極接觸高於史及居住醫生告知旅行阿克勞州</t>
  </si>
  <si>
    <t>哈薩克不明肺炎大使館遠高新冠</t>
  </si>
  <si>
    <t>大使館肺炎不明哈薩克</t>
  </si>
  <si>
    <t>中醫大病毒研究抑制國際單寧酸期刊</t>
  </si>
  <si>
    <t>多吃水果、喝紅酒也能達到預防新冠肺炎的效益。中國醫藥大學校長洪明奇率領科研團隊從過去SARS研究結果延伸發現「單寧酸」可雙重抑制新型冠狀病毒主要蛋白酶與人體細胞的跨膜絲胺酸蛋白酶2藉此阻擋病毒進入</t>
  </si>
  <si>
    <t>蛋白酶病毒達到預防肺炎效益中國醫藥大學校長明奇率領科研團隊過去sars細胞研究結果人體延伸發現</t>
  </si>
  <si>
    <t>多吃水果、喝紅酒也能達到預防新冠肺炎的效益。中國醫藥大學校長洪明奇率領科研團隊從過去SARS研究結果延伸發現「單寧酸」可雙重抑制新型冠狀病毒主要蛋白酶與人體細胞的跨膜絲胺酸蛋白酶2藉此阻擋病毒進入人體此研究結果並獲國際期刊《美國癌症研究雜誌》刊登。
洪明奇表示過去SARS疫情期間研究團隊就針對其預防、治療進行研究但因SARS流行半年後即消失相關研究也終止。近來因新冠肺炎在國內外持續蔓延研究團隊將過去研究資料調出來重新以新型冠狀病毒的特性持續研究果然發現「單寧酸」具有特別效益。
洪明奇說新冠病毒中的「主要蛋白酶」是影響其毒傳播、生長的關鍵角色而在病毒進入人體時必須與人體細胞中的「跨膜絲胺酸蛋白酶2」結合單寧酸則具有抑制病毒主要蛋白酶的效果且其也能在病毒進入人體時阻絕跨膜絲胺酸蛋白酶2與病毒結合讓病毒無法真正進入人體細胞。
研究團隊成員、教授王紹椿及副教授陳曄則說單寧酸屬於水溶性多酚類的天然化合物在許多植物、水果中都存在像是蔬菜、香蕉及葡萄紅莓、油桃、紅酒內都有單寧酸。其實單寧酸除有抑制新冠病毒主要蛋白酶的效果近期也被證實可抑制癌細胞的代謝、增生與轉移具有抗發炎效果。
洪明奇強調目前經團隊研究確認單寧酸可抑制新型冠狀病毒活性還可達到一定程度阻隔病毒進入人體對對抗新冠肺炎疫情有高度前瞻性接下來團隊將持續研究哪些食物中的單寧酸成分較高。
★中時新聞網關心您：喝酒過量有礙健康！</t>
  </si>
  <si>
    <t>研究病毒單寧酸團隊人體蛋白酶進入明奇抑制中的sars具有肺炎持續效果過去冠狀細胞水果疫情</t>
  </si>
  <si>
    <t>單寧酸蛋白酶新冠病毒活性中醫大</t>
  </si>
  <si>
    <t>病毒蛋白酶單寧酸中醫大</t>
  </si>
  <si>
    <t>返國憂心疫苗議員赴美機票防疫瘋狂</t>
  </si>
  <si>
    <t>台灣自疫情爆發後許多經濟能力許可的民眾紛紛搶購機票赴美接種疫苗。台中市議員陳文政3日憂心說疫苗能大幅降低感染率與重症率但仍有染疫帶原風險；建議中央加強未來入境個離管制延長居家隔離時間。衛生局強</t>
  </si>
  <si>
    <t>疫苗居家經濟延長能力管制許可入境民眾未來加強紛紛中央建議風險搶購隔離機票赴美大幅接種台中</t>
  </si>
  <si>
    <t>台灣自疫情爆發後許多經濟能力許可的民眾紛紛搶購機票赴美接種疫苗。台中市議員陳文政3日憂心說疫苗能大幅降低感染率與重症率但仍有染疫帶原風險；建議中央加強未來入境個離管制延長居家隔離時間。衛生局強調此案涉及全國性政策後續依中央規定辦理。
市議員陳文政說國內疫苗進展牛步許多經濟能力較佳的民眾開始搶購機票赴美接種免費的疫苗。這不只是我國有這種現象馬來西亞、越南近日也因疫情加劇疫苗供應吃緊許多富人也都搶機票赴美接種；他聽聞國內有些孝順的子女為怕家中長輩染疫僅把同住的長輩送去美國接種。
陳文政指出已有許多案例與專家證實接種疫苗不代表「完全免疫」最主要效果仍是降低感染率與重症率；代表完成接種疫苗者仍有染疫、帶原的風險。美國全國6月1日確診數仍超過2萬人加上世界各疫區湧入的接種潮「美國並不是一個安全的區域」。
陳文政表示國內醫療系統已瀕臨崩潰就連台中的醫療系統也開始支援雙北。面對接下來可能出現的接種返國潮他向衛生單位提出兩個建議即中央應加強未來的入境個離管制延長居家隔離時間；家中如有1人返國應該要全戶隔離不要讓病毒有機可乘切莫再出現新的疫情破口。
台中市衛生局強調此案涉及全國性的政策陳文政議員所提建議案市府將提供給中央流行疫情指揮中心後續依中央規定辦理。</t>
  </si>
  <si>
    <t>接種疫苗疫情陳文政中央國內美國議員隔離機票赴美出現開始家中返國經濟醫療系統建議</t>
  </si>
  <si>
    <t>新冠肺炎台灣 機票接種接種疫苗</t>
  </si>
  <si>
    <t>臺灣機票接種肺炎疫苗</t>
  </si>
  <si>
    <t>最新fda測試功效疫苗申請緊急使用納新授權莫德</t>
  </si>
  <si>
    <t>莫德納美國報導表示生物技術重症惡化公司完全避免效果疫苗肺炎防疫顯示階段資料結果測試臨床公佈</t>
  </si>
  <si>
    <t>疫苗莫德納美國英國申請重症資料結果階段有效性公佈目前fda報導實驗組獲得授權緊急衛報</t>
  </si>
  <si>
    <t>莫德納疫苗新冠肺炎輝瑞牛津</t>
  </si>
  <si>
    <t>肺炎疫苗輝瑞莫德納牛津</t>
  </si>
  <si>
    <t>柯文哲管制驚弓之鳥生活傾向不了</t>
  </si>
  <si>
    <t>長榮機師父子染疫中央發送百萬封警示簡訊外界質疑如此做法是打臉實聯制根本沒用也讓地方收爛攤子、埋單篩檢費用。臺北市長柯文哲6日表示唯一辦法是實聯制要確實他還透露到年底PCR篩檢費用搞不好要上百億</t>
  </si>
  <si>
    <t>費用中央發送警示簡訊外界質疑做法地方爛攤子pcr沒用根本臺北市</t>
  </si>
  <si>
    <t>長榮機師父子染疫中央發送百萬封警示簡訊外界質疑如此做法是打臉實聯制根本沒用也讓地方收爛攤子、埋單篩檢費用。臺北市長柯文哲6日表示唯一辦法是實聯制要確實他還透露到年底PCR篩檢費用搞不好要上百億也許終究要用美國、英國和新加坡的戰略每個人打滿2劑就不管制了這比較實際如果每天驚弓之鳥過生活恐怕撐不了幾年。
柯文哲今午主持防疫記者會指出現在細胞簡訊是用靠近就發送以北市一條街店鋪有好幾家為例民眾不見得有進到店裡所以老百姓要反省一遍如果不要讓中央一次發百萬封簡訊實聯制要更落實進入店家就要掃描實名制若大家都不是很確實時只好這樣。
他表示有些比較麻煩的是大賣場在入口掃QRcode但一天進去幾千人甚至可能有上萬人到底這個效果如何不知道發出110萬封簡訊讓篩檢站爆滿造成人人不安這條沒有標準答案大家若不想再出現有發送百萬封簡訊情況唯一方法就是實聯制要確實切割的很清楚大賣場在入口處只用一個QRcode管理裡面不太管制這恐怕要再想一下辦法。
柯文哲還提到PCR篩檢每次是3000元1萬人就3000萬元每天做幾千個他相信健保署還沒想到年底怎麼結算幾十億元搞不好有上百億元。
他說也許終究要用美國、英國和新加坡的戰略每個人打滿2劑就不管制了這比較切合實際如果每天驚弓之鳥過生活這撐不了幾年。</t>
  </si>
  <si>
    <t>簡訊發送柯文哲比較確實恐怕中央qrcode年底表示辦法</t>
  </si>
  <si>
    <t>簡訊實聯制柯文哲採檢疫苗</t>
  </si>
  <si>
    <t>柯文哲疫苗簡訊</t>
  </si>
  <si>
    <t>賴清德呼籲儘快疫苗施打az</t>
  </si>
  <si>
    <t>政府加速阻止疫情擴散副總統賴清德今天表示今天下午40萬劑AZ疫苗將抵達台灣他呼籲符合疫苗優先施打對象的民眾儘快前往登記施打疫苗「唯有提升疫苗接種率才能從根本阻斷病毒傳染途徑」。賴清德今天在臉書</t>
  </si>
  <si>
    <t>疫苗賴清德今天施打擴散總統途徑傳染阻斷病毒表示根本才能今天下午az登記優先符合對象疫情接種抵達臺灣唯有提升前往呼籲儘快</t>
  </si>
  <si>
    <t>政府加速阻止疫情擴散副總統賴清德今天表示今天下午40萬劑AZ疫苗將抵達台灣他呼籲符合疫苗優先施打對象的民眾儘快前往登記施打疫苗「唯有提升疫苗接種率才能從根本阻斷病毒傳染途徑」。
賴清德今天在臉書推廣簡訊實聯制他說「五秒三步驟科技防疫保護彼此！」行政院推出簡訊實聯制整合現有實聯制系統不只快速掌握相關足跡更兼顧衛生、便民與保障個資是科技防疫的新典範。
他說如果你是顧客只要掃描QR code、按下連結、發送簡訊就可以完成實聯。如果你是店家今天15：00起就能上簡訊實聯系統線上申請登錄店家資訊。
今天下午40萬劑AZ疫苗將抵達台灣賴清德表示他也要呼籲符合疫苗優先施打對象的民眾儘快前往登記施打疫苗唯有提升疫苗接種率才能從根本阻斷病毒傳染途徑。</t>
  </si>
  <si>
    <t>疫苗簡訊今天賴清德你是店家科技防疫表示施打今天下午符合呼籲臺灣az抵達優先擴散兼顧衛生足跡便民</t>
  </si>
  <si>
    <t>簡訊疫苗40萬AZ賴清德</t>
  </si>
  <si>
    <t>疫苗賴清德az簡訊</t>
  </si>
  <si>
    <t>自然創新藝術節不受疫情春天高雄影響</t>
  </si>
  <si>
    <t>因應疫情許多藝文表演延期取消高雄春天藝術節創新嘗試的《舞筵自然》環境舞蹈系列由於在戶外開闊處演出21日將如期舉行走出廳堂與環境共舞；高市文化局表示工作人員會自主執行防疫措施也歡迎民眾戴口罩</t>
  </si>
  <si>
    <t>環境表演措施延期防疫取消執行高雄自主春天歡迎藝術節工作人員創新表示嘗試市文化局演出開闊戶外如期舉行</t>
  </si>
  <si>
    <t>因應疫情許多藝文表演延期取消高雄春天藝術節創新嘗試的《舞筵自然》環境舞蹈系列由於在戶外開闊處演出21日將如期舉行走出廳堂與環境共舞；高市文化局表示工作人員會自主執行防疫措施也歡迎民眾戴口罩前往觀賞。
高市文化局指出春藝首度推出的《舞筵自然》環境舞蹈系列節目包括5團、6檔、16場小型戶外舞蹈以鳳山黃埔新村為起點3月21日至4月4日為止每週末陸續在駁二藝術特區、大東藝文中心戶外廣場、高雄捷運車站等公共藝文場域起舞。
《舞筵自然》系列節目強調「人、環境、藝術」塑造城市裡最美麗的風景索拉舞蹈空間舞團21、22日午後在鳳山黃埔新村內的日式老房新銳編舞家劉依昀創作的《百年樂園》破除時間隔閡喚醒空間的溫度。
28、29日週末午後駁二藝術特區將有許程崴製作舞團《換你跳舞》喚醒人類體內的「愛跳舞」細胞、牧夫肢間舞團《代袋無驚》以塑膠廢料為主題、索拉舞蹈空間舞團《時間的身影》頌揚過去的記憶、期待未來的美好。
而薪傳兒童舞團《意象大東》29日在大東文化藝文中心園區演出4月4日的捷運美麗島站「光之穹頂」則有人體舞蹈劇場帶來《生命之光》舞蹈家們將化身「活的公共藝術」用身體與城市地景共舞在疫情緊張時刻為市民帶來片刻喘息。
高市文化局主祕劉秀英說受新冠肺炎疫情影響雖然許多室內場館的演出延期或取消但《舞筵自然》是走出戶外的演出並非高風險場域且工作人員會做好量體溫、戴口罩、勤消毒等防護工作開放空間觀賞民眾距離也可拉開只要戴著口罩還是能夠放心享受悠閒的週末午後。</t>
  </si>
  <si>
    <t>舞團舞蹈演出空間戶外藝術環境口罩市文化局疫情自然午後帶來喚醒時間美麗觀賞週末</t>
  </si>
  <si>
    <t>新冠肺炎高雄文化局舞筵自然鳳山黃埔新村</t>
  </si>
  <si>
    <t>文化局高雄自然肺炎鳳山黃埔新村</t>
  </si>
  <si>
    <t>擴大感染家屬院內確診亞東</t>
  </si>
  <si>
    <t>亞東醫院爆院內感染17日1名86歲確診者病逝18日下午新增2名護理師19日上午再發現1名病人、1名病人家屬、1名看護二次採檢時呈陽性反應目前累計14人確診院方表示已於今日上午陸續對匡列者進行第3次採檢。亞</t>
  </si>
  <si>
    <t>確診上午感染匡列者病人累計今日目前陸續陽性反應已于院方表示院內病逝下午新增護理發現家屬進行</t>
  </si>
  <si>
    <t>亞東醫院爆院內感染17日1名86歲確診者病逝18日下午新增2名護理師19日上午再發現1名病人、1名病人家屬、1名看護二次採檢時呈陽性反應目前累計14人確診院方表示已於今日上午陸續對匡列者進行第3次採檢。
亞東醫院17日爆院內感染9人確診新冠肺炎其中1名8旬翁不幸病逝昨日下午又傳出2名護理師呈現陽性反應。稍早院方也證實今再增3名染疫者分別為病患、病患家屬及看護目前累計14人染疫。
對此亞東醫院表示目前匡列醫護人員107人、病人及家屬225人總計332人今日上午已針對匡列對象進行第3次採檢。
亞東醫院新增3例確診外界擔心出現院內感染疫情指揮中心回應相關狀況會再去瞭解但據瞭解中午以前得到的資訊是昨天沒有新增醫院今天會進行第3輪採檢因此有新增的案例應該是居家隔離中、已被匡列的對象不會對醫院產生影響。</t>
  </si>
  <si>
    <t>醫院確診新增目前匡列上午亞東感染進行陽性反應院方家屬院內病逝表示物件</t>
  </si>
  <si>
    <t>新冠肺炎台灣亞東醫院</t>
  </si>
  <si>
    <t>臺灣肺炎亞東醫院</t>
  </si>
  <si>
    <t>台商傳出住院消息</t>
  </si>
  <si>
    <t>曾到高雄金芭黎舞廳消費的確診台商至今已住院77天中央流行疫情指揮中心日前曾指出該名台商因為檢驗結果反覆因此始終無法解除隔離但今天指揮中心表示該名台商傳出「好消息」應是有望解除隔離。指揮中心</t>
  </si>
  <si>
    <t>台商指揮中心解除隔離舞廳消費確診至今住院流行結果檢驗始終疫情中央無法消息日前指出傳出有望</t>
  </si>
  <si>
    <t>曾到高雄金芭黎舞廳消費的確診台商至今已住院77天中央流行疫情指揮中心日前曾指出該名台商因為檢驗結果反覆因此始終無法解除隔離但今天指揮中心表示該名台商傳出「好消息」應是有望解除隔離。
指揮中心發言人莊人祥今在記者會後被現場媒體問及曾至金芭黎舞廳消費的台商狀況莊人祥雖未證實該名台商已順利出院但仍表示「應該是有好消息」暗示該名台商頗有希望解除隔離。</t>
  </si>
  <si>
    <t>台商指揮中心解除隔離莊人祥表示舞廳消費消息媒體問及會後現場曾至金記者結果檢驗始終至今確診</t>
  </si>
  <si>
    <t>新冠肺炎武漢肺炎新型冠狀病毒台灣染疫</t>
  </si>
  <si>
    <t>疫苗ceo史上最速基金會研發蓋茲</t>
  </si>
  <si>
    <t>對新冠疫苗投入大量資金支持研發的比爾與與梅琳達蓋茲基金會執行長蘇斯曼（Mark Suzman）指出現在各國加速研發新冠疫苗可望讓這個疾病的疫苗成為人類歷史上研發時間最短、最快時間內推廣使用的疫苗。在最理想情</t>
  </si>
  <si>
    <t>研發疫苗時間使用蘇斯mark執行長基金會suzman梅琳達蓋茲比爾指出成為現在人類歷史支援加速資金推廣疾病可望投入</t>
  </si>
  <si>
    <t>對新冠疫苗投入大量資金支持研發的比爾與與梅琳達蓋茲基金會執行長蘇斯曼（Mark Suzman）指出現在各國加速研發新冠疫苗可望讓這個疾病的疫苗成為人類歷史上研發時間最短、最快時間內推廣使用的疫苗。在最理想情況下研發週期將縮短至12個月或甚至更短。
新冠病毒剛爆發流行之初大陸與歐美都有藥廠著手研發疫苗但在大陸疫情擴大時醫學界仍認為疫苗研發仍需相當時間估計時間都在18個月左右。但現在疫情擴散至全球疫苗需求極度迫切加上醫學技術進步新冠疫苗的研發速度可望大幅縮短。蓋茲基金CEO蘇斯曼接受陸媒《財新網》專訪時指出新冠疫苗可望成為人類史上研發速度最快的疫苗。
報導說目前全球多國政府及私營藥廠均投入大量資源進行疫苗研發全球疫苗免疫聯盟（GAVI）CEO塞斯伯克利日前預測最終研發出來的疫苗數目可能高達200多種。
蘇斯曼解釋稱蓋茲基金會並不會直接參與疫苗研發競賽但依靠在疫苗領域的長期經驗以及與GAVI、「流行病防範創新聯盟」（CEPI）的合作關係蓋茨基金會將會資助最有可能快速研發成功的幾類疫苗。儘管大多數的疫苗研發試驗都可能會以失敗告終但基金會希望盡力找出最有可能成功的疫苗然後為其提供支援。
「蓋茨基金會資助疫苗研發的前提條件是支持全球准入原則（Global Access）」蘇斯曼指出「大多數政府都在努力為本國公民籌集資金我們認為這毋庸置疑且十分重要。但是對於全球大流行我們需要制定全球解決方案」。當疫苗研發成功後還需要儘快生產70億劑疫苗供全球人民使用。
報導說當疫苗成功研發並投入生產後「誰可以優先注射疫苗」「發展中國家能否負擔得起疫苗費用」等疫苗分配問題也會帶來紛爭。蘇斯曼指出基金會將在支持研發的同時為後續的疫苗生產和分配提供支援讓一線的醫護人員、老年人等易感群體可以第一時間獲得保護</t>
  </si>
  <si>
    <t>疫苗研發全球基金會蘇斯指出可能成功生產時間投入支持ceo大陸政府聯盟認為藥廠流行gavi需要</t>
  </si>
  <si>
    <t>新冠肺炎武漢肺炎新型冠狀病毒COVID-19研發</t>
  </si>
  <si>
    <t>肺炎武漢冠狀病毒covid-研發</t>
  </si>
  <si>
    <t>返台散客台商湖北防疫漏洞</t>
  </si>
  <si>
    <t>滯留湖北台人的兩岸包機協商卡關有湖北台商指出苦等不是辦法現在有人尋找另個途徑看是否能從目前僅剩開放兩岸航班的北京、上海、成都、廈門等4地返台。據瞭解若是以此「散客」方式返台只需居家檢疫14天</t>
  </si>
  <si>
    <t>兩岸返台湖北廈門成都上海包機北京航班現在是否尋找途徑開放方式台商僅剩辦法指出目前散客以此瞭解</t>
  </si>
  <si>
    <t>滯留湖北台人的兩岸包機協商卡關有湖北台商指出苦等不是辦法現在有人尋找另個途徑看是否能從目前僅剩開放兩岸航班的北京、上海、成都、廈門等4地返台。據瞭解若是以此「散客」方式返台只需居家檢疫14天也不用送到專門的隔離所隔離。但台商直言這種方式非常蠢明明有大陸現成的包機不用還可能造成防疫漏洞。
陸委會法政處長蔡志儒近日說滯留湖北的國人是政府最優先處理的對象目前兩岸仍有5個航點可讓在陸國人返台。這段說法引起湖北台商圈關注解讀這是在暗示他們可設法前往目前仍開放兩岸航班的北京、上海、成都、廈門等4地再自行買機票返台而4地中離湖北最近的為上海。
一位湖北台商指出若包機真的無望這不失為一種變通方式但因當地封城或許可麻煩地方台辦協助安排有意願以此方式返台者先搭機或搭車從湖北到上海再自行購票從上海返台。據瞭解若循此途徑以「散客」方式返台只要居家檢疫14天不用像首架包機那般大陣仗檢疫也無須被送到專門的隔離所。
不過有台商直言這種方式很愚蠢明明有現成又最快可返台的大陸班機可搭卻捨而不用感覺台灣政府在「耍賴」。
他認為台灣因堅持用撤僑模式造成雙方協商僵持但對滯留者而言能趕快回家才是最要緊的即便台灣真的派醫護人員事先檢疫也未必能完全查出潛伏期患者是否確診。他認為若用散客方式返台只有居家檢疫恐造成防疫漏洞最後出事又發現確診病例到時候還會害台商更被台灣社會汙名化。</t>
  </si>
  <si>
    <t>返台台商方式湖北檢疫包機臺灣不用兩岸上海造成滯留目前居家確診認為是否真的國人</t>
  </si>
  <si>
    <t>湖北武漢肺炎新冠肺炎新型冠狀病毒大陸</t>
  </si>
  <si>
    <t>肺炎冠狀病毒湖北武漢大陸</t>
  </si>
  <si>
    <t>勞長家長敢請照顧防疫</t>
  </si>
  <si>
    <t>據兒盟調查指出僅有64％的家長敢請因應開學延後的「防疫照顧假」立委詢問為何不給薪或津貼等勞動部部長許銘春今天表示如防疫照顧假給薪初估要百億元。因應開學延後或因疫情停課時家長可請不強制雇主給</t>
  </si>
  <si>
    <t>家長照顧防疫因應開學敢請課時勞動部部長津貼疫情今天許銘春表示詢問</t>
  </si>
  <si>
    <t>據兒盟調查指出僅有64％的家長敢請因應開學延後的「防疫照顧假」立委詢問為何不給薪或津貼等勞動部部長許銘春今天表示如防疫照顧假給薪初估要百億元。
因應開學延後或因疫情停課時家長可請不強制雇主給薪的「防疫照顧假」立委張育美詢問為何不給薪？勞動部部長許銘春表示以14天有薪防疫照顧假初估就要百億元的經費整體防疫預算僅有600億元給薪或津貼等會造成財政上的負擔有限資源應用在合理的分配。</t>
  </si>
  <si>
    <t>防疫照顧家長津貼開學因應有限負擔資源部長勞動部財政許銘春詢問表示造成等會應用</t>
  </si>
  <si>
    <t>新冠肺炎給薪防疫防疫照顧假家長</t>
  </si>
  <si>
    <t>防疫照顧肺炎家長</t>
  </si>
  <si>
    <t>確診肺炎解除隔離堅稱</t>
  </si>
  <si>
    <t>多家媒體今天報導指出北韓已經解除3600多人的2019年新冠狀病毒隔離令。新冠肺炎肆虐全球95國確診病例超過10萬例。平壤當局實施嚴格限制措施關閉邊界試圖避免爆發疫情而當局也堅持境內沒有任何確診病例。根</t>
  </si>
  <si>
    <t>當局確診病例已經解除指出肺炎肆虐邊界關閉全球疫情避免試圖爆發措施限制嚴格堅持實施超過平壤</t>
  </si>
  <si>
    <t>病例南韓確診肺炎解除隔離醫療當局疫情嚴格爆發表示本月武漢報導新增全球國家國際制裁</t>
  </si>
  <si>
    <t>北韓病例武漢肺炎新冠肺炎</t>
  </si>
  <si>
    <t>肺炎病例武漢</t>
  </si>
  <si>
    <t>防疫示威爆發拘捕倫敦</t>
  </si>
  <si>
    <t>英國新冠疫情反彈右翼組織「Save our Rights UK」24日發起示威遊行數千人在倫敦街頭聚集抗議首相強森收緊防疫措施。之後警方介入驅散人群逮捕至少10人。示威者從海德公園開始遊行許多人高舉標語和海報呼</t>
  </si>
  <si>
    <t>反彈右翼組織saveourrightsuk至少疫情逮捕發起人群介入示威遊行警方之後措施驅散防疫收緊強森首相倫敦街頭聚集抗議高舉遊行</t>
  </si>
  <si>
    <t>英國新冠疫情反彈右翼組織「Save our Rights UK」24日發起示威遊行數千人在倫敦街頭聚集抗議首相強森收緊防疫措施。之後警方介入驅散人群逮捕至少10人。
示威者從海德公園開始遊行許多人高舉標語和海報呼籲取消強制戴口罩規定還稱防疫措施是暴政和國家監控手段還有人說新冠肺炎是場騙局。遊行結束後警方驅散聚集在特拉法加廣場的示威群眾數人被銬上手銬帶走並在社群網站推特上發文呼籲示威者和平散去。
英國目前政實行3級防疫警戒制度北部地區酒吧關閉禁止不同家庭成員聚集。威爾斯23日也實行緊急封鎖禁止不必要的購物外出等。地方政府表示防疫措施不是要為民眾增添麻煩而是旨在減少外出次數。</t>
  </si>
  <si>
    <t>防疫聚集措施呼籲禁止實行示威者遊行驅散警方外出英國帶走手銬添麻煩數人組織saveour民眾</t>
  </si>
  <si>
    <t>防疫措施倫敦示威英國新冠肺炎</t>
  </si>
  <si>
    <t>英國示威倫敦措施防疫肺炎</t>
  </si>
  <si>
    <t>確診家小台東林足跡</t>
  </si>
  <si>
    <t>台東29日新增5例確診個案為太麻裡林家小館餐宴案延伸台東確診累計至今13例縣長饒慶鈴提醒民眾快篩陰性仍須在家做好自我健康監測並嚴詞強調居家隔離者則請依規定待在家中怒斥「如果真有需要可以送你去防</t>
  </si>
  <si>
    <t>確診台東需要真有怒斥家中規定可以隔離居家強調嚴詞監測健康做好須在家陰性民眾提醒個案慶鈴</t>
  </si>
  <si>
    <t>台東29日新增5例確診個案為太麻裡林家小館餐宴案延伸台東確診累計至今13例縣長饒慶鈴提醒民眾快篩陰性仍須在家做好自我健康監測並嚴詞強調居家隔離者則請依規定待在家中怒斥「如果真有需要可以送你去防疫旅館」。
饒慶鈴今日下午召開記者會說明縣內新增5例台東確診個案皆為金峰鄉人為林家小館餐宴案相關及延伸另有1例彰化確診案來台東。案7551(女、40多歲)、7552(女、50多歲)、7553(女、40多歲)曾於15日參加林家小館餐宴延伸出的案7815(女、約20歲)與7816(男、約10歲)為同住家人感染5案足跡多於住家附近活動案7815曾於5／25-26到台東市洽公。另一案彰化確診者5／24出現發燒症狀期間於外縣市活動5／27到太麻裡鄉外帶早餐並於台東市區拜訪親戚。
饒慶鈴表示全縣13個鄉鎮社區快篩站累計至28日共248人快篩、3人陽性其中1人PCR結果為陰性、2人PCR陽性分別為案7815與7816。而快篩陰性也不代表沒有感染可能因病毒數不足或潛伏期無法驗出仍須在家做好自我健康監測勿群聚、避免出入公共場所。饒慶鈴也感謝縣內許多熱心民眾、農友及村裡長配合自主協助村裡進行環境清潔與消毒和環保局一起對抗疫情。
此外為減少不必要的外出縣內各醫院及鄉鎮衛生所至6月14日前提供視訊診療服務慢性病複診病人經醫師評估病情穩定則可採電話問診。</t>
  </si>
  <si>
    <t>慶鈴確診陰性感染活動民眾家小村裡累計台東監測健康做好</t>
  </si>
  <si>
    <t>新冠肺炎台灣台東饒慶鈴確診</t>
  </si>
  <si>
    <t>臺灣台東肺炎慶鈴確診</t>
  </si>
  <si>
    <t>默沙東認可專家fda口服藥</t>
  </si>
  <si>
    <t>美國食品藥物管理局（FDA）顧問小組週二（30日）以些微差距支持默沙東（Merck）新冠口服藥物molnupiravir主因在於最終試驗結果顯示該藥有30％功效可降低高風險族群住院與死亡。此藥可望於年底前獲得通過成為美國</t>
  </si>
  <si>
    <t>美國年底fda顧問可望小組死亡週二住院族群差距支持高風險降低默沙東merck功效口服藥物結果顯示molnupiravir試驗主因最終</t>
  </si>
  <si>
    <t>molnupiravir專家fda默沙東支持藥物建議服用族群高風險授權顯示患者病毒導致小組認為委員會可望成為決定</t>
  </si>
  <si>
    <t>獲授權口服藥物肺炎最終委員會</t>
  </si>
  <si>
    <t>口服藥物肺炎授權最終委員會</t>
  </si>
  <si>
    <t>公佈日新自願確診店名豬排消費者安心經營</t>
  </si>
  <si>
    <t>日前臺北市長柯文哲不滿「北部確診婦人至今感染源未明也不知在哪縣市」但遭疫情指揮中心指揮官陳時中怒斥：「要把責任扛起來不能說不知道中央地方要合作」。今日日本北海道旭川市一名新冠肺炎確診患者本身</t>
  </si>
  <si>
    <t>確診不滿北部婦人至今感染柯文哲旭川北海道日本合作疫情指揮今日指揮官陳時中怒斥中心地方</t>
  </si>
  <si>
    <t>日前臺北市長柯文哲不滿「北部確診婦人至今感染源未明也不知在哪縣市」但遭疫情指揮中心指揮官陳時中怒斥：「要把責任扛起來不能說不知道中央地方要合作」。今日日本北海道旭川市一名新冠肺炎確診患者本身經營炸豬排店為讓消費者瞭解讓旭川市政府罕見公佈店名此例可供台灣參考。
據《中央社》引述日媒報導北海道旭川市政府22日公佈住在市內確診新冠肺炎男性經營的餐飲店名是當地有幾家店面的知名炸豬排店「井泉炸豬排」（tonkatu-isen）。
這名確診患者說希望讓顧客得知正確資訊以免心生疑慮；基於男性這樣的想法旭川市政府罕見公佈店名。這患者16日出現咳嗽等症狀雖然一直在家療養但22日確診感染後住進市內醫療機構。他從4日以後就沒有到過店面目前員工都沒有出現症狀。該炸豬排幾家分店已暫停營業進行消毒。</t>
  </si>
  <si>
    <t>確診旭川豬排患者店名市政府中央公佈感染男性出現症狀北海道市內沒有經營罕見肺炎不滿</t>
  </si>
  <si>
    <t>炸豬排旭川日本北海道確診</t>
  </si>
  <si>
    <t>旭川豬排北海道日本確診</t>
  </si>
  <si>
    <t>疫情雙浪友達</t>
  </si>
  <si>
    <t>友達董事長彭雙浪表示新冠肺炎是危機也是機會點最近教育市場、醫療市場訂單多導致客戶頻頻加單。因為疫情對工作、學習、生活型態都造成改變疫情也導致很多學校停課採取遠端教學讓電子媒介（像是手機、平</t>
  </si>
  <si>
    <t>導致疫情電子市場教學表示媒介採取停課學校客戶工作頻頻學習生活型肺炎改變造成危機最近</t>
  </si>
  <si>
    <t>友達董事長彭雙浪表示新冠肺炎是危機也是機會點最近教育市場、醫療市場訂單多導致客戶頻頻加單。因為疫情對工作、學習、生活型態都造成改變疫情也導致很多學校停課採取遠端教學讓電子媒介（像是手機、平板）需求暢旺引爆宅經濟商機。
■手機、平板需求暢旺
彭雙浪表示2020年一開始就有新冠肺炎這隻大黑天鵝不確定因素提升、增加預測的困難度這是危機、但也是機會點。觀察對於疫情對整體市場的影響電視方面因為去年底總體銷售很好而且庫存不高現在還有回補庫存的需求而且很多人關在家裡也要買電視。
至於比較明確出現負面影響的是汽車2月大陸汽車銷售只有10分之1汽車產業鏈長先前大陸車廠關閉、近期歐洲車廠也關閉會影響零組件需求。至於教育和醫療應用產品因為線上教學、以及醫療需求增加也帶動訂單增加。
■目前接單和生產正常
現在疫情擴散到歐美市場這是主要消費市場預期今年經濟一定會受到影響衝擊多大還不知道。目前接單和生產正常和原來的計畫沒有太大的差異。
彭雙浪指出從不同角度來看去年有兩隻黑天鵝一個是英國要脫歐市場擔心歐盟解體沒想到來到今年疫情全球擴散歐盟內國家紛紛鎖國更加衝擊歐盟。另一個變化則是發生在面板產業內去年中美貿易戰討論最熱烈的是「要求中國政府不能再補貼」。因為以前中國面板廠擴產主要就是靠補貼但現在太多民生經濟復甦需要銀彈預期大陸政府對面板產業補貼會減少力度這樣一來產業秩序應該會更好。
這次中國封閉管理也讓供應鏈上思考分散製造據點。彭雙浪表示過去20、30年都在大陸供應鏈移轉需要時間公司也在觀察下游供應的變化。目前可以先做的是備援機制面板前段產能本來就在台灣、本地也有部分後段模組產能可以直接從台灣出貨。然而過去是全球製造是透過有效率地大規模生產達到最低的生產成本一旦分散生產就打破了定律以後消費產品就不會那麼便宜。
為因應生產模式調整友達今年也啟動為期3年的台商回台400多億元投資計劃友達總經理柯富仁說主要投資在先端、少量多樣場域應用的產品開發以及智慧製造並且建置2條車用模組的生產線。</t>
  </si>
  <si>
    <t>疫情需求生產市場製造今年補貼面板歐盟供應經濟現在影響大陸友達表示目前增加醫療應用去年</t>
  </si>
  <si>
    <t>友達會更好暢旺面板產業補貼</t>
  </si>
  <si>
    <t>暢旺面板產業補貼友達</t>
  </si>
  <si>
    <t>警告mit口罩官員解封白宮下場世界</t>
  </si>
  <si>
    <t>《中時新聞網》精選5件不可不知的國際大事帶讀者掌握今（13）日的國際新聞重點。【1】	白宮官員紛紛戴上口罩 「這一幕」讓台人驕傲了美國總統川普隨扈與副總統彭斯秘書接連傳出確診連白宮特勤人員也中鏢讓川普</t>
  </si>
  <si>
    <t>白宮國際川普總統不可不大事新聞彭斯秘書確診重點接連人員傳出美國口罩官員驕傲紛紛台人</t>
  </si>
  <si>
    <t>《中時新聞網》精選5件不可不知的國際大事帶讀者掌握今（13）日的國際新聞重點。
【1】	白宮官員紛紛戴上口罩 「這一幕」讓台人驕傲了
美國總統川普隨扈與副總統彭斯秘書接連傳出確診連白宮特勤人員也中鏢讓川普不得不下令白宮工作人員皆須戴上口罩上班。然而當白宮人員紛紛戴上口罩時有媒體注意到他們所戴的口罩是出於台灣製造上面還印有「Made in Taiwan」的標誌讓「台灣能幫助」的理念成真。
【2】	美版陳時中直打臉川普：缺一關鍵 過早解封下場慘
雖然美國總統川普誓言近期就要重啟國家經濟不過素有「美版陳時中」的國家過敏與傳染病研究院主任佛奇12日透過視訊在參議院聽證會上表示當前美國追蹤與監控病毒的能力還不夠如果沒有準備好就重啟國門疫情復發的風險極高屆時恐招致「不必要的折磨與死亡」。
【3】	美議員推新冠究責法案 授權川普制裁陸
美國共和黨聯邦參議員葛蘭姆昨日提交「新冠病毒究責法案」該法案授權美國總統川普如果大陸拒絕配合國際社會針對新冠病毒起源的調查行動川普將有權進行一系列制裁行動。
【4】	怕了！川普嚴防新冠 絕不讓死對頭裴洛西代總統
就在美國副總統彭斯的幕僚新冠肺炎確診後總統川普終於和副手彼此保持距離以防眾議院議長裴洛西代理總統一職。按照美國憲法規定萬一正副總統死亡或不能視事就要由眾議院議長代理總統。
【5】	川普飆罵2女記者失控 共謀對付他
在記者會上對女記者大爆走要她「去問大陸」後直接走人的總統川普事後在推特上指控這些「濁流媒體」實在失控共謀對付他稱他們是「人民的敵人」但他仍會贏得11月的大選。</t>
  </si>
  <si>
    <t>川普總統美國白宮國際口罩病毒臺灣死亡美版確診制裁大陸彭斯</t>
  </si>
  <si>
    <t>新冠肺炎武漢肺炎covid-19死亡疫情</t>
  </si>
  <si>
    <t>武漢肺炎covid-死亡疫情</t>
  </si>
  <si>
    <t>病例德塞驚人成就世衛</t>
  </si>
  <si>
    <t>大陸國家衛生健康委員會20日公告3月19日大陸全境報告新增確診病例39例全部為境外輸入新增死亡病例3例。世界衛生組織祕書長譚德塞19日在日內瓦表示大陸首次報告無新增新冠肺炎確診病例「這是驚人的成就」。</t>
  </si>
  <si>
    <t>病例大陸確診報告新增秘書長日內瓦表示德塞世界衛生組織肺炎公告死亡全境衛生健康委員會境外輸入驚人國家成就</t>
  </si>
  <si>
    <t>大陸國家衛生健康委員會20日公告3月19日大陸全境報告新增確診病例39例全部為境外輸入新增死亡病例3例。世界衛生組織祕書長譚德塞19日在日內瓦表示大陸首次報告無新增新冠肺炎確診病例「這是驚人的成就」。
新華社報導譚德塞當天在例行疫情簡報會上說目前全球新冠肺炎確診病例超過20萬例死亡病例超過8000例但大陸首次報告無新增確診病例「這是一個驚人的成就」。
譚德塞說世衛組織已向68個國家運送了個人防護裝備向120個國家運送了150萬套新冠病毒檢測試劑盒。世衛組織正根據一份來自大陸的協議供應商名單安排採購抗疫物資目前正在敲定最後細節。
譚德塞指出目前許多國家對檢測設備、個人防護裝備等的需求都很大「未來物資短缺仍將是一個挑戰」世衛組織目前正向私營部門尋求支持。
譚德塞表示超過70％的國家建立了國家預防和應對計畫89％的國傢俱備實驗室檢測能力70％以上正在展開新冠肺炎監測68％擁有多部門合作協調機制「但這還不夠我們期望所有國家無論是否出現病例都做好準備」。
他說在大陸共用新冠病毒基因序列僅60天後首個新冠肺炎疫苗試驗也已經開始首位入組志工已經接受試驗性疫苗注射這是一個前所未有的科學勝利。</t>
  </si>
  <si>
    <t>國家大陸德塞目前病例世衛組織肺炎確診物資疫苗試驗超過檢測表示報告已經裝備防護個人新增</t>
  </si>
  <si>
    <t>譚德塞新冠肺炎確診境外輸入世界衛生組織</t>
  </si>
  <si>
    <t>肺炎確診境外德塞輸入世界衛生組織</t>
  </si>
  <si>
    <t>楊安澤宣佈競選企業家紐約台裔市長</t>
  </si>
  <si>
    <t>美國有線電視新聞網(CNN)報導曾角逐民主黨黨內總統初選的臺裔第二代企業家楊安澤13日正式宣佈已完成填表登記將競選紐約市長。身為臺灣移民之子、擁有長春藤名校學歷的楊安澤若成功當選將會紐約市首位亞裔市</t>
  </si>
  <si>
    <t>楊安澤角逐民主黨黨內總統初選台裔當選企業家成功擁有移民臺灣正式名校長春市長宣佈紐約競選完成學歷填表</t>
  </si>
  <si>
    <t>美國有線電視新聞網(CNN)報導曾角逐民主黨黨內總統初選的臺裔第二代企業家楊安澤13日正式宣佈已完成填表登記將競選紐約市長。身為臺灣移民之子、擁有長春藤名校學歷的楊安澤若成功當選將會紐約市首位亞裔市長。
楊安澤在推特上表示25年前搬來紐約。長於斯、戀愛於斯還在這裡成為父親。當看到紐約市有如此多創痛令他心痛不已。「讓我們一同為紐約市的未來奮鬥好讓我們可為此感到驕傲」。
I moved to New York City 25 years ago I came of age fell in love and became a father here Seeing our City in so much pain breaks my heart Let’s fight for a future New York City that we can be proud of – together Join us at https://tco/TGnxwuBiHB pictwittercom/n9zxPybgbh
CNN指出目前宣佈出馬角逐紐約市長的人紛紛聚焦於紐約市因大流行而產生的問題包含失業率直線上升貧困與饑餓人口增加而預算的緊縮更可能讓下一任市長大幅削減公共部門的工作機會。
因此楊安澤政見聚焦於基本收入的提升以及更容易取得的醫療體系服務。甚至其表示將執行美國有史以來最大規模的現金紓困以助紐約一臂走出大流行的陰影。
楊安澤2020年爭取民主黨黨內總統提名不過最終於同年2月宣佈退出選舉。僅管在紐約市住將近25年但當時他仍表態無意競選紐約市長。然而隨著新冠肺炎蹂躪紐約市每天都有上百人死於大流行中讓他決定在危急存亡時刻挺身而出。
他表示在大流行期間父母仍要工作但小孩卻在家裡上著遠距教學。綜觀2020年這已成普遍現象並引起家長的不滿。
民主黨黨內初選將於6月22日舉行由民主黨登記選民選出代表民主黨參選的候選人而紐約市長選舉將於11月2日正式登場。目前表態參選者已有10多人包括前花旗集團高管麥奎爾(Ray McGuire)、布魯克林區區長亞當斯(Eric Adams)、紐約市審計長史特林格(Scott Stringer)與曾任白思豪律師的民權律師懷禮(Maya Wiley)。</t>
  </si>
  <si>
    <t>紐約市紐約市長流行city表示楊安澤民主黨宣佈黨內ofin工作角逐目前表態new聚焦</t>
  </si>
  <si>
    <t>紐約市楊安澤民主黨新冠肺炎大流行</t>
  </si>
  <si>
    <t>民主黨肺炎楊安澤流行紐約市</t>
  </si>
  <si>
    <t>蔡英文雞蛋不放拓銷成功方向正確農產</t>
  </si>
  <si>
    <t>台灣鳳梨、萵苣成功開拓外銷市場！蔡英文總統今天表示雖然國內正在防疫但是我們的農產品外銷工作依然沒有停止。最近終於突破檢疫障礙把鳳梨丶萵苣丶柑橘外銷到各地。證明不把雞蛋都放在同一個籃子裡的方向正</t>
  </si>
  <si>
    <t>外銷鳳梨萵苣放在雞蛋證明開拓最近終於突破檢疫停止表示蔡英文沒有市場依然總統工作今天農產品國內防疫籃子成功</t>
  </si>
  <si>
    <t>台灣鳳梨、萵苣成功開拓外銷市場！蔡英文總統今天表示雖然國內正在防疫但是我們的農產品外銷工作依然沒有停止。最近終於突破檢疫障礙把鳳梨丶萵苣丶柑橘外銷到各地。證明不把雞蛋都放在同一個籃子裡的方向正確。
蔡英文今天在臉書以「大突破！台灣鳳梨、萵苣成功再開拓外銷市場！」發文表示前陣子我們才把台灣的芭樂賣到美國「我再跟大家報告幾個好消息雖然國內正在防疫但是我們的農產品外銷工作依然沒有停止」。
她說最近我們終於突破了檢疫的障礙要把鳳梨賣到澳洲也突破長途運輸的限制把萵苣賣到了沙烏地阿拉伯還有柑橘持續外銷到了香港、新加坡、馬來西亞及加拿大等地。
這些成果她都要感謝農委會以及地方政府團隊的努力「證明我們過去四年加強農產品外銷開拓全世界市場不把雞蛋都放在同一個籃子裡的方向正確」。她也要特別感謝台灣的農民也要請大家多多支持台灣的農產品用行動來回報農民的辛苦。
蔡英文強調未來我們會繼續加強生產管理、安全用藥也會更努力行銷台灣的蔬果讓全世界都享受到台灣農產品的優質風味。文末還標示「多吃蔬果增加抵抗力」。</t>
  </si>
  <si>
    <t>臺灣外銷農產品蔡英文賣到突破萵苣開拓鳳梨努力蔬果證明表示今天農民柑橘國內正確市場方向檢疫雞蛋</t>
  </si>
  <si>
    <t>台灣外銷萵苣農產品鳳梨</t>
  </si>
  <si>
    <t>臺灣農產品鳳梨萵苣外銷</t>
  </si>
  <si>
    <t>英國發燒女兒放生爆粗黃安</t>
  </si>
  <si>
    <t>新冠肺炎疫情在全球延燒英國近日出現在一天內死亡人數攀升破百人影后鮑起靜最近到當地照顧女兒發現女兒發燒醫院卻以「非緊密接觸者」為由拒絕讓她入院鮑起靜氣的飆粗口。藝人黃安見此卻發文虧說：「糗</t>
  </si>
  <si>
    <t>鮑起靜全球女兒英國近日出現天內死亡黃安疫情人數攀升藝人破百緊密最近接觸</t>
  </si>
  <si>
    <t>新冠肺炎疫情在全球延燒英國近日出現在一天內死亡人數攀升破百人影后鮑起靜最近到當地照顧女兒發現女兒發燒醫院卻以「非緊密接觸者」為由拒絕讓她入院鮑起靜氣的飆粗口。藝人黃安見此卻發文虧說：「糗了吧」。
港媒報導指出鮑起靜最近拍完網劇後就到英國探視愛女她先在家中隔離14天未料愛女這段期間低燒不退但醫院不收稱她並非「緊密接觸者」就打發回家休養幸好最後順利退燒但鮑起靜仍十分憤怒發文咒罵說：「那麽多人崇拜的大英帝國！請你不要這麼廢啦！到一個點了！救救你的人民！」又回答朋友說：「要你自生自滅呀！搞什麼X政府！」
對此黃安發文說：「去年反送中暴動時多少香港廢青視英國為祖國各種不要臉的跪舔如今呢？人家根本不認你糗了吧？」大陸網友也回他：「經過這次事件大家會看清楚很多事」、「她們既沒參與政治又沒叛國還是希望她女兒在英國能平安」、「王儲和首相都感染了」、「鮑姐一家是愛國的」。</t>
  </si>
  <si>
    <t>英國鮑起靜女兒發文醫院接觸最近愛女緊密全球感染去年文說黃安發</t>
  </si>
  <si>
    <t>英國女兒鮑起靜發燒黃安</t>
  </si>
  <si>
    <t>黃安女兒發燒英國鮑起靜</t>
  </si>
  <si>
    <t>肺炎對照壯漢判若兩人</t>
  </si>
  <si>
    <t>新冠肺炎（Covid-19）在全球蔓延美國成為世界確診龍頭目前已累積155萬確診個案。許多人都認為這病毒只會影響老年族群不過美國一名壯漢在染上新冠肺炎後在醫院裡躺了整整6周期間狂瘦20公斤。出院後他更特地</t>
  </si>
  <si>
    <t>美國確診肺炎期間整整個案病毒認為世界影響成為老年醫院族群壯漢蔓延全球</t>
  </si>
  <si>
    <t>新冠肺炎（Covid-19）在全球蔓延美國成為世界確診龍頭目前已累積155萬確診個案。許多人都認為這病毒只會影響老年族群不過美國一名壯漢在染上新冠肺炎後在醫院裡躺了整整6周期間狂瘦20公斤。出院後他更特地PO出驚人的「對比圖」希望能喚起年輕人對於新冠肺炎的重視。
根據外媒指出這名美國壯漢麥克（Mike Schultz）染病前是一名舊金山的護理師喜愛健身的他在住院前還有190磅（約86公斤）經過6周漫長的治療後他再次測量體重竟只剩140磅（約63公斤）。痊癒後的麥克在個人IG上PO出驚人的對比圖這22公斤的差距帶給他和大家對新冠肺炎從沒想過的震撼。
麥克指出他想讓大家知道新冠肺炎嚴重影響了他的肺活量其中有6周的治療都得靠呼吸器和插管渡過。8周過去雖然沒有和家人朋友陪伴但他表示他能夠感覺到自己一天比一天強壯肺一天比一天還要健康。
麥克希望他的經歷能夠幫助那些輕視新冠病毒、自認為健康的年輕人。他說「直到真正感染之後我才意識到病毒有多可怕。我曾經也以為自己還很年輕身強體壯就像許多年輕人想的一樣根本不會感染。」不過麥克想告訴大家「這種事可能發生在任何人身上。無論你是否年輕是否有慢性病都有感染可能。」
 I wanted to show everyone how badly being sedated for 6 weeks on a ventilator or intubated can be Amongst other things covid19 reduced my lung capacity with pneumonia Over 8 weeks I’ve been away from family and friends Getting stronger everyday and working to increase my lung capacity I’ll get back to where I was in healthier ways this timemaybe even do cardio ?  #covid19 #caronavirus #recovery #godblessmynurses
 Mike（@thebearded_nurse）分享的貼文 於 PDT 2020 年 5月 月 11 日 上午 7:56 張貼</t>
  </si>
  <si>
    <t>麥克肺炎to美國病毒感染年輕人weeksmike可能mylung能夠capacity希望年輕健康影響</t>
  </si>
  <si>
    <t>新冠肺炎麥克公斤壯漢美國</t>
  </si>
  <si>
    <t>麥克壯漢肺炎美國</t>
  </si>
  <si>
    <t>接種疫苗醫院追加金門</t>
  </si>
  <si>
    <t>金門縣衛生局今天宣佈已完整接種新冠肺炎疫苗滿5個月的民眾可前往衛生福利部金門醫院接種第3劑追加劑（莫德納）提醒符合的鄉親盡快接種以提升自我保護力避免感染後重症之發生。衛生局說明各廠牌新冠肺炎</t>
  </si>
  <si>
    <t>接種衛生局肺炎感染鄉親儘快莫德納追加發生重症提升前往保護醫院避免金門福利衛生民眾說明完整各廠疫苗</t>
  </si>
  <si>
    <t>金門縣衛生局今天宣佈已完整接種新冠肺炎疫苗滿5個月的民眾可前往衛生福利部金門醫院接種第3劑追加劑（莫德納）提醒符合的鄉親盡快接種以提升自我保護力避免感染後重症之發生。
衛生局說明各廠牌新冠肺炎疫苗接種後之免疫保護力會隨時間而逐漸下降加上新冠肺炎病毒變異株具免疫逃脫之特性即使完整接種2劑疫苗仍可能因免疫保護力不足導致染疫建議符合接種間隔之民眾可接種追加劑特別是醫護人員、防疫工作人員、第一線高感染風險工作人員、65歲以上長者、長照機構住民與工作者及容易感染與疾病嚴重風險者。
該局指出目前金門提供接種第3劑莫德納疫苗追加劑的指定院所為衛生福利部金門醫院12月份門診時間為17及24日上午呼籲符合資格之民眾可逕行上網預約掛號接種。
衛生局也提醒符合資格民眾前往接種時應備妥疫苗接種紀錄卡及健保卡並於接種前說明過往疫苗接種史以利醫生評估。未來縣府將視接種人數、服務量能滾動式檢討增加第3劑接種服務院所。
衛生局另提醒10月1日起也開始接種流感疫苗接種流感疫苗應與新冠肺炎疫苗間隔至少7天同時疫情期間應落實勤洗手、戴口罩、室內外應保持社交距離減少不必要的活動和集會配合各項防疫措施共同守護金門。</t>
  </si>
  <si>
    <t>接種疫苗衛生局感染金門民眾符合肺炎追加保護免疫防疫提醒風險院所說明完整服務間隔前往工作人員資格莫德納</t>
  </si>
  <si>
    <t>接種第3劑民眾金門追加劑</t>
  </si>
  <si>
    <t>接種金門民眾追加</t>
  </si>
  <si>
    <t>染病小時醫師無力癱軟歷經生死恍如隔世症狀</t>
  </si>
  <si>
    <t>新冠病毒傳染力驚人發病速度和危險程度也不容小覷。近日一位來自武漢的女醫師PO出自己染病的親身經歷她表示「從沒症狀到不能走路僅幾個小時！」她向所有人發出警示「身體不適千萬不要忍著應該第一時間去看醫生</t>
  </si>
  <si>
    <t>應該驚人發病速度不要不適危險程度身體警示發出不容所有人小覷近日小時傳染第一時間來自武漢走路不能醫師po</t>
  </si>
  <si>
    <t>新冠病毒傳染力驚人發病速度和危險程度也不容小覷。近日一位來自武漢的女醫師PO出自己染病的親身經歷她表示「從沒症狀到不能走路僅幾個小時！」她向所有人發出警示「身體不適千萬不要忍著應該第一時間去看醫生這是保住性命的關鍵！」
據《武漢晚報》報導漂漂灑灑（化名）是武漢市第八醫院的一名急診科醫生半個月前她一度以為自己再也回不來從患病到病危再到痊癒度過了難忘的20天「病情發展之快超乎想像」根本是從鬼門關前走一遭。
原先的急診科改成發熱門診後漂漂灑灑一直在坐診1月23日早上起床照例量了體溫發現正常隨後就去上班早上9點接到醫院通知全員CT排查一下。結果她拿到CT結果發現「片子有問題4個地方！」漂漂灑灑隨即自我診斷「我不發燒也沒有任何症狀應該處於早期回家吃藥隔離應該很快就能好。」她立即去藥房拿了藥回到辦公室收拾東西回家這時感覺腦袋有點熱一量體溫387度發現發燒了決定馬上回家。
因為家距離醫院只需步行5、6分鐘她到家洗完澡準備睡覺休息但還沒進浴室就開始劇烈頭疼、嘔吐渾身無力沒勁沒料到病情發展如此迅速她認為必須馬上去醫院此時科主任打來電話決定立即派人到家社區門口來接。漂漂灑灑回憶從家到社區門口平時只要2、3分鐘那一天足足走了20多分鐘。
漂漂灑灑隨後住院治療再次醒來已經是第2天下午高燒了1天1夜住院期間體溫高高低低、反反覆覆還不停出汗一天要換好幾套內衣「最難受的是頭痛、乏力得厲害護士來給我打針我連抬手的勁都沒有一點胃口也沒有住院5天只吃了少許稀飯。」
第5天她被確診感染新冠肺炎第8天轉到武漢市金銀潭醫院繼續治療隨後用了激素衝擊治療後第2天上午退燒了胸廓豁然開朗人舒服了很多精神也有了好轉。
但沒想到轉院第3天漂漂灑灑病情急轉直下宣告病危她回憶「當時自己呼吸困難、劇烈咳嗽好像剛跑完1萬米長跑心臟隨時都會蹦出來心率很慢還有一種說不出滋味的胸痛席捲全身稍微一動就痛不欲生」當時她根據症狀判斷自己出現了心包內膜炎還伴有心包積液「我隱約聽到護士說『情況不太好人快不行了』我自己也覺得當晚熬不過去了。」
所幸醫護人員及時趕到救治她又幸運闖過一關之後她的情況一天天好轉第8天她覺得自己已經恢復的差不多於是申請CT和核酸檢查最終在2月11日她康復出院。對於自己患病在鬼門關前闖了一回的20天漂漂灑灑感慨萬千「只有經歷過生死才知道活著真的很幸福。」
她很感謝醫院同事對她的關照和支持也感謝金銀潭醫院上海醫療隊所有醫務人員對她的精心治療最後她表示想再上戰場跟兄弟姐妹們一起拼到最後等到隔離期滿還要去捐獻血漿用自己的血救治更多的患者。
更多 CTWANT 報導</t>
  </si>
  <si>
    <t>醫院灑灑症狀回家病情發現應該體溫治療ct最後劇烈救治沒有隔離</t>
  </si>
  <si>
    <t>零症狀癱軟無力染病女醫師恍如隔世</t>
  </si>
  <si>
    <t>染病無力癱軟醫師恍如隔世症狀</t>
  </si>
  <si>
    <t>確診肺結核員工院方中心發佈月子聲明汐止</t>
  </si>
  <si>
    <t>新北市汐止區馨生產後護理之家傳出1名員工肺結核確診經新北市衛生局證實5月底接獲通知後已匡列26個嬰孩均安排X光檢查及預防性投藥9個月第12個月後會再安排1次X光檢查。產後護理之家今（13日）發布6點聲明</t>
  </si>
  <si>
    <t>護理產後檢查安排確診新北市衛生局證實月底肺結核員工通知匡列嬰孩投藥後會預防</t>
  </si>
  <si>
    <t>新北市汐止區馨生產後護理之家傳出1名員工肺結核確診經新北市衛生局證實5月底接獲通知後已匡列26個嬰孩均安排X光檢查及預防性投藥9個月第12個月後會再安排1次X光檢查。產後護理之家今（13日）發布6點聲明針對這次肺結核感染事件說明。
馨生產後護理之家表示一、中心自新冠肺炎疫情爆發以來謹守防疫措施嚴格管控傳染風險並且定期依主管機關規定健康檢查均合乎規定。
二、中心於今年4月接獲新北市衛生單位通知個案同仁經診斷為結核病時該同仁已請假休養在家未進中心出勤。
三、 新北市衛生局於今年5月請感染科專家到中心評估現場環境及推斷可傳染期並匡列有長時間接觸史有需要追蹤的被照顧人員。
四、結核病為細菌傳播的慢性呼吸道傳染病通常不經由衣服或食器傳染環境保持通風無須消毒在可傳染期間與結核病個案於密閉空間長時間接觸則匡列為接觸者。
五、 新北市衛生局認為今年5月分處新冠肺炎疫情大爆發期間考量新冠肺炎危險性較高且肺結核具有「非立即性傳染、不易診斷」特性決定暫緩通知避免父母、小孩在疫情期間至檢疫所感染新冠肺炎的可能性。
六、中心秉持嚴守感染管控規範關心所有媽媽與寶寶、全體同仁及其家人中心環境皆依規定進行清潔與消毒以確保中心所有住民及護理人員健康。</t>
  </si>
  <si>
    <t>中心感染傳染肺結核環境結核病通知新北市衛生局肺炎今年產後護理疫情規定消毒接觸傳染期個案診斷時間</t>
  </si>
  <si>
    <t>肺結核新冠肺炎傳染產後護理之家新北市衛生局</t>
  </si>
  <si>
    <t>傳染肺炎產後護理肺結核新北市衛生局</t>
  </si>
  <si>
    <t>出戰檢疫酒店居家肺炎苗栗</t>
  </si>
  <si>
    <t>一名住在苗栗地區的在家檢疫男子卻在檢疫期間按奈不住「無聊」搭乘白牌計程車道鬧區「戰酒家」苗栗縣衛生局開出首例裁罰這名「疫男」30萬元。據指出這名趴趴走的男子是從大陸地區返國依規定必須居家檢疫</t>
  </si>
  <si>
    <t>檢疫地區男子返國首例開出大陸衛生局苗栗縣酒家鬧區計程車搭乘不住無聊規定指出是從期間</t>
  </si>
  <si>
    <t>一名住在苗栗地區的在家檢疫男子卻在檢疫期間按奈不住「無聊」搭乘白牌計程車道鬧區「戰酒家」苗栗縣衛生局開出首例裁罰這名「疫男」30萬元。
據指出這名趴趴走的男子是從大陸地區返國依規定必須居家檢疫14天但是他去「不安於室」在本月14日利用深夜偷偷外出搭乘無執業登記證的白牌計程車道鬧區酒店尋歡。
經衛生單位通報警局調閱監視器後確認這名男子的確有外出行為衛生局說
衡量可能危害大眾安全程度予以裁處30萬元。這也是苗栗地區在防疫期間依「嚴重特殊傳染性肺炎防治及紓困振興特別條例」2月25日起生效後開罰的首例。</t>
  </si>
  <si>
    <t>男子地區檢疫衛生局外出期間搭乘鬧區計程車苗栗首例安全大眾程度予以防治危害單位可能振興特別紓困報警</t>
  </si>
  <si>
    <t>苗栗新冠肺炎居家大陸返台檢疫</t>
  </si>
  <si>
    <t>肺炎居家大陸返台檢疫苗栗</t>
  </si>
  <si>
    <t>kpmg經濟sars肺炎影響</t>
  </si>
  <si>
    <t>新冠肺炎疫情衝擊全球產業及經濟造成2020年第一季經濟停滯。KPMG安侯建業健康照護與生技產業服務團隊主持人蘇嘉瑞認為生醫產業數位化將產生三大改變包括溝通方式、醫療行為與醫療生態的改變。中國大陸KPMG認為</t>
  </si>
  <si>
    <t>產業改變kpmg認為經濟衝擊全球醫療包括三大侯建業產生健康疫情數位化服務主持人團隊嘉瑞行為方式生態</t>
  </si>
  <si>
    <t>新冠肺炎疫情衝擊全球產業及經濟造成2020年第一季經濟停滯。KPMG安侯建業健康照護與生技產業服務團隊主持人蘇嘉瑞認為生醫產業數位化將產生三大改變包括溝通方式、醫療行為與醫療生態的改變。
中國大陸KPMG認為此次疫情對於中國大陸GDP的影響將會比SARS的影響更大依據每日煤電消耗量統計目前的產業經濟活動仍尚未恢復正常水準。而根據清華大學經濟管理學院及KPMG分析報告顯示新冠病毒對商業貿易及消費者活動的負面影響最大對教育訓練及健康照護的影響最小。報告也顯示第一季中國市場與產業將陷入停滯（Shock）第二季將會逐漸回復第三、四季則將反彈（Rebound）。
蘇嘉瑞指出我國於今年3月通過「嚴重特殊傳染性肺炎防治及紓困振興特別條例」而中國大陸也將在今年6月1日施行「基本醫療衛生與健康促進法」將順勢加強數位醫療服務系統、分級醫療及基層醫療的強化另亦會加強新冠肺炎的預防及治療、相關藥品及醫材的加速審核與集中化藥品採購與管理。
蘇嘉瑞認為台灣生技醫療業者將因應疫情急起直追提升研發動能朝檢測試劑、疫苗及治療藥物方向聚焦；至於台灣生醫資通訊則可利用此一機會發展人工智慧與遠距照護。</t>
  </si>
  <si>
    <t>產業醫療中國kpmg健康疫情肺炎嘉瑞影響認為大陸治療經濟活動今年顯示臺灣加強服務</t>
  </si>
  <si>
    <t>KPMG蘇嘉瑞中國大陸新冠肺炎AR</t>
  </si>
  <si>
    <t>大陸中國嘉瑞肺炎kpmgar</t>
  </si>
  <si>
    <t>締造最旺聯電</t>
  </si>
  <si>
    <t>晶圓專工大廠聯電8日公告2月合併營收14948億元為歷年同期新高法人預期3月營收開始反映漲價效應可望創下單月營收歷史新高第一季合併營收可望達成業績展望目標並創歷史新高。聯電同時宣佈與微感測器領導製造商Sen</t>
  </si>
  <si>
    <t>聯電歷史可望合併新高宣佈感測器公告目標展望歷年預期達成業績開始反映效應漲價創下單月領導工大</t>
  </si>
  <si>
    <t>晶圓專工大廠聯電8日公告2月合併營收14948億元為歷年同期新高法人預期3月營收開始反映漲價效應可望創下單月營收歷史新高第一季合併營收可望達成業績展望目標並創歷史新高。聯電同時宣佈與微感測器領導製造商Sensirion合作生產應用於新冠肺炎疫苗運輸的溫度感測器及醫療呼吸器流量感測器。
由於晶圓代工產能供不應求聯電2月合併營收雖因工作天數減少而月減38％但與去年同期相較則是成長99％並為歷年同期新高累計前二個月合併營收達30477億元較去年同期成長了100％。
聯電對第一季展望樂觀預估晶圓出貨季增2％晶圓平均美元價格提升2～3％法人推估3月營收可望突破160億元讓單月及第一季營收同創歷史新高可期。
聯電去年第四季針對8吋晶圓代工急單及新增訂單調漲價格今年第一季全面調漲8吋及12吋晶圓代工價格以現在訂單能見度已看到下半年同時產能也將供不應求到年底情況下第二季可望再度調漲晶圓代工價格。
法人預期聯電漲價效應會在3月之後顯現在營收表現上全年營收逐季成長趨勢明確。
聯電8日也宣佈與Sensirion合作製造醫療相關的感測器IC。聯電將防疫列為最高優先考量以協助Sensirion生產應用於新冠肺炎疫苗運輸的溫度感測器及醫療呼吸器的流量感測器雙方攜手共同幫助對抗新冠肺炎的疫情。
面對後疫情時代最關鍵的資源就是疫苗。然而全世界疫苗所面臨的議題除了病毒變種與供應數量是否足夠外就是疫苗在運送過程中適當溫度的監控。
聯電表示儘管全球晶圓代工皆面臨短缺聯電在產能滿載的狀況下仍全力擠出產能優先提供給Sensirion生產應用於新冠肺炎疫苗運輸的溫度感測器以確保疫苗在運輸過程中保持效力整個過程能更加順利；而針對疫情出現大量醫療級呼吸器的需求聯電也全力支持生產相關IC為全球對抗新冠肺炎疫情盡一己之力。
聯電歐日業務副總劉士維指出自2020年初疫情爆發以來聯電積極優先處理醫療相關IC的生產與支援這是身為世界公民的一員在全球對抗新冠肺炎疫情中該有的企業社會責任。聯電與Sensirion合作共同抗疫身為醫療相關IC供應鏈重要成員的聯電將持續在此領域投入資源以確保醫療產品的穩定供應。</t>
  </si>
  <si>
    <t>聯電晶圓醫療疫情感測器疫苗sensirion產能可望生產ic相關漲價肺炎優先合併供應合作全球法人</t>
  </si>
  <si>
    <t>疫情疫苗運輸肺炎聯電</t>
  </si>
  <si>
    <t>運輸疫情肺炎聯電疫苗</t>
  </si>
  <si>
    <t>升溫沈重賣壓疫情</t>
  </si>
  <si>
    <t>疫情升溫台股加權指數17日開在1555499點指數回測前波低點15165點護國神山台積電（2330）開在544元其他權值電子股如聯發科（2454）、鴻海（2317）等守住上周低占指數一度大跌500點部分遊戲股、電商股</t>
  </si>
  <si>
    <t>指數開在一度上周低點聯發電子權值山台積部分加權指數</t>
  </si>
  <si>
    <t>包括指數目前部分拉回不利開在震盪電子</t>
  </si>
  <si>
    <t>新冠肺炎台灣 南紡國巨陽明</t>
  </si>
  <si>
    <t>南紡肺炎臺灣國巨陽明</t>
  </si>
  <si>
    <t>揭穿意外進口疫情北京鮭魚背後竟然真相</t>
  </si>
  <si>
    <t>北京新冠肺炎疫情再起外傳感染源可能來自國外進口的生鮭魚為了避免生意大受打擊許多餐廳都忙跳出來澄清自家所用的不是鮭魚而是「優質進口魚」還有網友踢爆青海省養殖場所飼養的根本不是鮭魚而是淡水</t>
  </si>
  <si>
    <t>鮭魚進口疫情再起外傳感染場所肺炎可能青海省養殖來自國外網友還有大受打擊餐廳避免生意澄清跳出飼養</t>
  </si>
  <si>
    <t>北京新冠肺炎疫情再起外傳感染源可能來自國外進口的生鮭魚為了避免生意大受打擊許多餐廳都忙跳出來澄清自家所用的不是鮭魚而是「優質進口魚」還有網友踢爆青海省養殖場所飼養的根本不是鮭魚而是淡水虹鱒生吃淡水魚恐更容易造成感染。
北京市新發地批發市場的鮭魚砧板上被驗出新冠病毒專家警告暫時別吃生鮭魚後包括超市、餐廳跟日本料理店已全面停售經追查後發現餐廳所稱的「優質進口魚」其實是大陸的國產品種「虹鱒魚」。
大陸有1/3的鮭魚幾乎都是青海省所供應不過根據大陸《經濟半小時》日前報導有網友踢爆該地養殖場所飼養的其實是淡水虹鱒並非真正的鮭魚由於淡水魚大多含有寄生蟲更不宜生吃。
關於北京這波疫情的病毒來源北京市疾控中心開記者會表示根據全基因組測序發現病毒是從歐洲方向來的截至16日為止北京新一波疫情已有106人確診感染新冠肺炎。</t>
  </si>
  <si>
    <t>鮭魚病毒感染餐廳進口疫情發現北京青海省大陸其實淡水魚網友淡水飼養</t>
  </si>
  <si>
    <t>北京北京市鮭魚鱒魚淡水魚</t>
  </si>
  <si>
    <t>鮭魚北京市鱒魚北京淡水魚</t>
  </si>
  <si>
    <t>染病陸韓包裹動作</t>
  </si>
  <si>
    <t>新冠肺炎疫情蔓延全球不少人擔心會不會因觸碰到網購的國際包裹而染病醫師表示各類冠狀病毒室溫下最長可存活9天存活時間比流感病毒多4倍；製衣公會則表示無法保證絕對不會沾染飛沫若有疑慮應先清洗、</t>
  </si>
  <si>
    <t>表示病毒蔓延全球沾染疫情存活國際絕對室溫包裹保證冠狀染病醫師公會無法擔心</t>
  </si>
  <si>
    <t>新冠肺炎疫情蔓延全球不少人擔心會不會因觸碰到網購的國際包裹而染病醫師表示各類冠狀病毒室溫下最長可存活9天存活時間比流感病毒多4倍；製衣公會則表示無法保證絕對不會沾染飛沫若有疑慮應先清洗、曝曬後再穿。
有網友在《Dcard》發文詢問「買韓衣會不會有安全疑慮？」質疑衣服沾到飛沫也不會有人知道。根據世界衛生組織WHO官網指出新冠肺炎病毒很難在信件、包裹等物體上長時間存活；關務署日前也說明目前並無證據顯示來自大陸的郵包及快遞貨物有病毒殘留疑慮最重要的還是勤洗手、避免觸摸眼鼻口。
製衣公會則表示無法保證人工處理的部分完全不會殘留飛沫若消費者有疑慮收到新衣可以先清洗後在陽光下曝曬72小時殺菌。醫學期刊《醫院感染雜誌》報導研究顯示各類冠狀病毒例如SARS、MERS室溫下平均可存活4至5天存活時間確實比流感病毒多了4倍建議可使用酒精或漂白水等加以消毒。</t>
  </si>
  <si>
    <t>病毒疑慮表示存活顯示時間包裹冠狀殘留清洗曝曬室溫肺炎保證無法</t>
  </si>
  <si>
    <t>武漢包機包裹飛沫唐鳳口罩實名制20</t>
  </si>
  <si>
    <t>唐鳳口罩包裹包機武漢</t>
  </si>
  <si>
    <t>申請蘇貞昌英雄感謝防疫補助細節醫護公佈急診</t>
  </si>
  <si>
    <t>中央流行疫情指揮中心今宣佈加碼津貼、獎勵將急診醫護納入範圍醫師每人每日1萬護理師每人每班1萬元。行政院長蘇貞昌今晚在臉書表示急救責任醫院防疫獎勵、收治確診個案獎勵必須全數分配給相關人員這些措施</t>
  </si>
  <si>
    <t>獎勵中心全數必須宣佈加碼津貼防疫醫院急診表示責任指揮範圍蘇貞昌今晚行政院長醫師護理醫護急救納入分配個案確診</t>
  </si>
  <si>
    <t>中央流行疫情指揮中心今宣佈加碼津貼、獎勵將急診醫護納入範圍醫師每人每日1萬護理師每人每班1萬元。行政院長蘇貞昌今晚在臉書表示急救責任醫院防疫獎勵、收治確診個案獎勵必須全數分配給相關人員這些措施這些措施追溯自今年1月起算相關申請作業須知及細節下禮拜就會公佈並通知各醫院。
蘇貞昌指出新冠肺炎攻陷全球台灣今天能夠守住靠的就是第一線辛勞的醫事人員。因此衛生福利部特別修正獎勵要點讓急診專責照護人員納入防疫獎勵醫師、護理、醫事放射人員都有津貼。
蘇貞昌說同時新增急救責任醫院防疫獎勵和收治確診個案獎勵這兩個獎勵都必須全數分配給相關工作人員包含醫護、醫事放射人員、社會工作人員、行政人員、救護人員及清潔人員。
蘇貞昌強調這些措施追溯自今年1月起算相關申請作業須知及細節下禮拜就會公佈並通知各醫院讓所有辛苦的防疫英雄都能得到更多照顧感謝所有防疫英雄。</t>
  </si>
  <si>
    <t>人員獎勵蘇貞昌防疫醫院相關津貼醫護急診護理醫師工作人員納入放射急救措施通知責任全數英雄分配中心必須</t>
  </si>
  <si>
    <t>新冠肺炎疫情疫情指揮中心急診醫護人員</t>
  </si>
  <si>
    <t>疫情指揮肺炎中心急診醫護人員</t>
  </si>
  <si>
    <t>大陸新冠肺炎疫情嚴峻疫源地湖北省16日發出通告要求強化新冠肺炎疫情防控並首度明確指出：所有社區實行24小時最嚴格封閉管理；嚴管外來車輛非必需不進出；嚴管外來人員非必要不入內；嚴管住戶外出。滯留湖</t>
  </si>
  <si>
    <t>嚴管疫情肺炎不入非必要外來人員進出車輛管住管理封閉嚴格小時實行社區明確指出首度發出通告防控湖北省要求疫源地強化</t>
  </si>
  <si>
    <t>大陸新冠肺炎疫情嚴峻疫源地湖北省16日發出通告要求強化新冠肺炎疫情防控並首度明確指出：所有社區實行24小時最嚴格封閉管理；嚴管外來車輛非必需不進出；嚴管外來人員非必要不入內；嚴管住戶外出。
滯留湖北的台灣同胞其處境可想而知其染病風險似乎愈來愈高。蔡政府若有心接他們回來早接比晚接好否則愈晚愈複雜困難。</t>
  </si>
  <si>
    <t>嚴管疫情肺炎政府愈來愈似乎風險染病可想而知處境回來臺灣同胞湖北滯留外出管住進出外來人員非必要車輛不入</t>
  </si>
  <si>
    <t>肺炎比晚嚴管接好</t>
  </si>
  <si>
    <t>肺炎嚴管接好</t>
  </si>
  <si>
    <t>心急如焚高雄陳致中po照片</t>
  </si>
  <si>
    <t>新冠肺炎疫情趨緩不過國內今日新增的本土個案比昨天高達30例也讓7/26是否能順利降至二級出現變數。而疫情也連帶讓台灣各縣市的實體經濟受不小影響民進黨高雄市議員陳致中今天表示包括高雄5大商圈在內已</t>
  </si>
  <si>
    <t>疫情包括表示今天陳致中議員高雄市民進高雄影響國內不小新增今日本土個案經濟實體昨天各縣市臺灣</t>
  </si>
  <si>
    <t>新冠肺炎疫情趨緩不過國內今日新增的本土個案比昨天高達30例也讓7/26是否能順利降至二級出現變數。而疫情也連帶讓台灣各縣市的實體經濟受不小影響民進黨高雄市議員陳致中今天表示包括高雄5大商圈在內已可以開始見到三步一租五步一售的情景令人不禁憂心忡忡、焦急如焚。他呼籲中央及市府苦民所苦、以最基層為念採取強度最高、覆蓋最廣的方法讓台灣度過經濟的死蔭幽谷。
陳致中22日在臉書PO文表示隨著國內疫情趨勢逐漸穩定三級警戒已有降級的機會。然而從5/15雙北三級再至全台開始疫情衝擊經濟民生、產業運營直如晴天霹靂、排山倒海襲捲之勢首當其衝的餐飲、旅宿、零售、百貨、藝文展演等伴隨人流急凍、商機歸零業主及從業人員亟待紓困惡性循環交叉影響之下專家也預警後疫階段恐現更大規模的、結構性的、骨牌效應式的倒閉潮、關店潮、出走潮之商業沒落蕭條。
陳致中表示近日查訪高雄市區內的幾個重要商業聚落比如瑞隆商圈、三多商圈、新崛江商圈、六合商圈、南華商圈、鼓山渡輪站等雖然部分在疫前已受商圈重心移轉影響有榮有枯盛景稍褪但現今走在街上確實明顯可見相比警戒前更密集的房屋租售廣告三步一租五步一售令人不禁憂心忡忡、焦急如焚台灣好不容易擋住了病毒、守好了家園但許許多多的商家店號能不能在冷颼嚴峻中撐得過去？！
陳致中提到雖然這段防疫期間高雄市政府結合餐飲、計程車、LINE、一卡通及點餐業者推出「高雄好家載」補貼運費為防疫宅經濟添加柴火市民都能感受到市府團隊的用心但面對大火燎原之勢仍須更全面、更深一層、更大力道的方法措施才能產生立竿見影的救援效果。
陳致中強調超前部署的重要性不言可喻蘇揆已公開喊話等到大家都可以出來活動的時候政府會想盡辦法、用各種方式給予最大力的幫忙捧場受衝擊的產業帶動一波經濟效應。沒有生存振興就沒有疫後的復甦如常全國鄉親高度關心後續的經濟振興內容。
最後陳致中也呼籲中央及高雄市府苦民所苦、以最基層為念採取強度最高、覆蓋最廣、使用最直接的方法手段讓台灣度過經濟的死蔭幽谷得到復興再生的荒漠甘泉。
面對疫後骨牌效應式的倒閉關店經濟蕭條衝擊
籲請政府採取高強度、最普及直接的振興措施
隨著國內疫情趨勢逐漸穩定三級警戒已有降級的機會並預期可能配合緩坡鬆綁的作法希望全國人民的生活及工作能夠早日恢復正常。
然而從5/15雙北三級再至全</t>
  </si>
  <si>
    <t>經濟陳致中高雄疫情影響臺灣表示振興衝擊方法餐飲國內全國市府防疫</t>
  </si>
  <si>
    <t>新冠疫情台灣高雄陳其邁陳致中</t>
  </si>
  <si>
    <t>臺灣高雄疫情陳其邁陳致中</t>
  </si>
  <si>
    <t>退票獎勵高鐵修訂車票嘉義返鄉端午台南納入</t>
  </si>
  <si>
    <t>台南市政府為減少旅外市民返鄉慶祝端午導致疫情擴散全台首創推出「端午返鄉車票退票獎勵金」200元政策後由於溪北地區市民搭乘高鐵多利用嘉義站出入引發溪北地區民眾及民代的不滿。對此市府交通局8日特別修訂</t>
  </si>
  <si>
    <t>市民返鄉地區溪北端午市府對此不滿民眾交通局慶祝疫情首創推出導致引發出入車票退票利用嘉義獎勵高鐵多政策搭乘旅外</t>
  </si>
  <si>
    <t>台南市政府為減少旅外市民返鄉慶祝端午導致疫情擴散全台首創推出「端午返鄉車票退票獎勵金」200元政策後由於溪北地區市民搭乘高鐵多利用嘉義站出入引發溪北地區民眾及民代的不滿。對此市府交通局8日特別修訂獎勵金機制不僅適用範圍擴大到「以台南市以外地區為起點」針對迄站為高鐵嘉義站的民眾只要附上個人或親友戶籍地在台南市境內的資料佐證也將從寬認定發給獎勵金
市府交通局表示為減少旅外市民返鄉慶端午造成疫情擴散市府再加碼放寬「端午返鄉車票退票獎勵金」200元的申請發放條件將原本限定起點為台中以北的適用範圍擴大到「以台南市以外地區為起點」同時也讓利用高鐵嘉義站返鄉的市民也可以共同支持退票活動同心抗疫。
交通局長王銘德表示為鼓勵旅外市民不要返鄉與家人團聚慶端午市府特別放寬「端午返鄉車票退票獎勵金」申請條件只要符合6月5日前訂購台鐵、高鐵、國道客運預售票並已付款者；預售票搭乘日為6月11日至14日以台南市以外地區為起點、以台南境內為迄點的返鄉車票；從6月6日起辦理台鐵、高鐵、國道客運預售票退票並保留相關憑證等3個要件均能向台南市政府申請退票獎勵金200元。其中如果以「高鐵嘉義站為迄點者」只要檢附個人或親友戶籍地在台南市境內的資料佐證也可申請。
交通局說此次獎勵金申請方式有二種：一是網路與郵寄申請交通局將於市府一站式整合服務平臺設計網頁預計1周後完成民眾可上網申請或下載填寫後檢附證明檔郵寄至台南市政府交通局；二是現場申請：從8月1日起至12月31日止的上班期間向台南市各區公所申請至於相關申請檔該局也將盡速研擬後公佈。</t>
  </si>
  <si>
    <t>申請返鄉台南退票獎勵市府交通局市民地區高鐵民眾端午嘉義起點車票市政府表示境內相關</t>
  </si>
  <si>
    <t>新冠肺炎台灣獎勵金申請退票</t>
  </si>
  <si>
    <t>臺灣獎勵肺炎申請退票</t>
  </si>
  <si>
    <t>查案已成情報界一起新增三大小時威脅</t>
  </si>
  <si>
    <t>「Breaking Defense」14日報導美國聯邦調查局(FBI)局長瑞伊（Christopher Wray）在出席參議院情報委員會年度全球威脅聽證會時證實目前FBI進行中的中國大陸調查案已逾2000起平均每10小時就新增一起調查案近</t>
  </si>
  <si>
    <t>breaking defense 14 日 報導 美國聯邦調查局 fbi 局長 瑞伊 christopher wray 在 出席 參議院 情報 委員會 年度 全球 威脅 聽證會 時 證實 目前 fbi 進行 中的 中國 大陸 調查 案 已 逾 2000 起 平均 每 10 小時 就 新增 一起 調 查案 近</t>
  </si>
  <si>
    <t>fbi新增小時美國聯邦調查局平均局長瑞伊一起調查christopher出席大陸參議院wray情報中國委員會年度全球中的威脅進行聽證會目前</t>
  </si>
  <si>
    <t>「Breaking Defense」14日報導美國聯邦調查局(FBI)局長瑞伊（Christopher Wray）在出席參議院情報委員會年度全球威脅聽證會時證實目前FBI進行中的中國大陸調查案已逾2000起平均每10小時就新增一起調查案近年成長率更達1300%；民主黨籍聯邦參議員華納（Mark Warner）更直指中國大陸、網路與新興科技為全球前三大威脅。
這場聽證會的登場時機恰逢美國情報總監辦公室(Office of the Director of National Intelligence ODNI) 13日公佈《2021年度威脅評估》報告。也因此該報告與國家情報總監海恩斯的證詞成為聽證會的焦點。相對於報告中列出外國對手、網路安全、全球恐怖主義與氣候變遷等威脅；14日的聽證會則聚焦於中國大陸威脅、網路安全、新興科技與新冠肺炎等一系列跨國問題。
不過中國大陸帶來的挑戰無疑是與會人士最為關心的焦點。瑞伊就指出每10小時就有一起關於中國大陸的新調查案成立「我可以保證這不是因為我們的幹員沒別的事幹而一直追著北京打」。日前美國司法部才證實FBI在未通知當事人的情況下自美國伺服器上刪除大陸惡意軟體。
ODNI今年的威脅評估報告顯示許多威脅都與網路有關；不論是外國駭客攻擊還是全球供應鏈上的網路漏洞又或是利用網路進行的非法金融活動皆與網路有關係。
海恩斯更強調這種趨勢的步調、複雜性與影響已對情勢轉變產生深刻的效應；華納則在聽完簡報後驚呼「這真是近來我聽過最驚人的威脅清單」。
ODNI的報告與網路密不可分。其中指出外國對手愈來愈廣泛地增加網路使用讓網路的未來更具破壞性並帶來混亂的網路行動。隨著各國展開更具侵略性的網路行動平民百姓也愈來愈容易受到影響。不論是企業、新聞媒體工作者或宗教上的少數族群都在影響的範圍之內。甚至敵對網路戰士採取的行動儼然成為言論自由的最大威脅。
報告警告隨著各國面臨內部安全威脅、大型科技企業限制自由言論的挑戰民主國家將持續爭辯如何保障隱私與公民自由。個人隱私、公民自由與國家安全之間的緊張關係將持續成為大眾辯論的焦點。
美國網戰司令部(CYBERCOM)與國家安全局指揮官中曾根(Paul Nakasone)更表示網路威脅的不斷發展下雖然不會形成新的法定權威卻可能暴露美國網路安全的盲點而這讓聽證會焦點馬上聚集在大陸、新興科技與美國因應新情勢的能力。
面對北京發展新興科技並帶來相應威脅美國應如何建立監控能力海恩斯避重就輕地回答「情報界很清楚大陸與美國競爭科技界龍頭的地位」；中央情報局(CIA)局長伯恩斯(William Burns)則表示CIA下轄的5個處(directorat)中有2個處負責科技與網路威脅。甚至近3分之1的CIA官員都在積極應對新興科技與網路問題。
瑞伊補充道除了中國大陸沒有任何政權能威脅美國的創新、經濟安全與民主理念或是掌握一系列的工具能從各種層級、深度、廣度且持續地影響美國企業、學術機構與政府。
當議員詢問中曾根美國在網路安全上是愈來愈好還是江河日下；中曾根坦言「我們對手的表現是持續地更好」但美國整個政府正努力提高網路防禦力與回應能力。
他強調美國發生過兩次重大駭客入侵事件分別是美國資訊科技公司SolarWinds與微軟企業電子郵件Exchanger伺服器遇駭。這兩次入侵讓美方掌握對手的攻擊範圍、規模與複雜性。
至於對於私人企業的建議特別是關鍵基礎設施的營運商中曾根強調威脅是很真實的。沒有任一間企業或政府部門中的任何單位能夠提供國家必須的防禦。換言之團隊合作很重要這也是美方發展的關鍵。
瑞伊則補充美國關鍵基礎設施高達90%由私人企業擁有並經營民間快速偵測並緩解風險的能力相當重要。民間應將網路安全視為戰役而非單一事件；甚至這已經不是哪個機構是否會受到威脅的問題而是何時才會發生威脅。考核過去各種威脅與風險單就網路安全來看任何一家企業的興衰都與其他公司的盛衰息息相關。
聽證會上也談到拜登將於911前將所有部隊撤離阿富汗並警告這恐讓恐怖主義風險大增以及「伊斯蘭國」與基地組織仍是國際間重大威脅；不過海恩斯認為這兩個組織的能力都已經下降。
至於新冠肺炎的起源究竟是否為大陸海恩斯表示目前情報界仍不清楚最初傳播的地點、時間或方式；不過情報界有兩種觀點一種是自然產生是因為人與動物接觸而來。另一種是因為實驗室意外而外流。</t>
  </si>
  <si>
    <t>網路威脅美國大陸安全企業聽證會科技海恩斯能力中國報告國家持續影響焦點瑞伊中曾根對手全球</t>
  </si>
  <si>
    <t>網路安全駭客資安新興科技中國大陸</t>
  </si>
  <si>
    <t>科技安全中國大陸網路</t>
  </si>
  <si>
    <t>公益分局南市血庫</t>
  </si>
  <si>
    <t>新冠肺炎疫情影響各地捐血中心紛告血荒為號召民眾響應捐血台南市政府警察局善化分局28日在善化區文康育樂中心舉辦2020年員警節捐血活動提供知名酒店餐券、家電等禮物吸引民眾踴躍參加也成功募血240袋</t>
  </si>
  <si>
    <t>民眾影響踴躍參加吸引文康禮物家電餐券警察局酒店育樂中心市政府知名舉辦員警提供活動台南疫情中心</t>
  </si>
  <si>
    <t>新冠肺炎疫情影響各地捐血中心紛告血荒為號召民眾響應捐血台南市政府警察局善化分局28日在善化區文康育樂中心舉辦2020年員警節捐血活動提供知名酒店餐券、家電等禮物吸引民眾踴躍參加也成功募血240袋共計6萬cc。
善化警分局今日（28）舉辦員警節捐血活動亦提供癌篩健檢捐血民眾不但可獲得精美好禮、口罩調整帶、洗髮沐浴組前40名捐出500cc者還可自知名酒店自助餐券、高級平底鍋、高級烤箱、全聯商品禮券及白米等好禮中擇1內容豐富。
善化警分局長方國璽表示員警維護社會治安全年無休即便是員警節也可透過公益捐血活動紀念雖然今年因疫情影響規模較小但還是感謝熱心民眾熱血挽袖響應。</t>
  </si>
  <si>
    <t>民眾員警活動酒店影響cc疫情提供分局回應舉辦高級熱心商品感謝調整</t>
  </si>
  <si>
    <t>善化台南市員警節捐血血庫</t>
  </si>
  <si>
    <t>員警南市血庫</t>
  </si>
  <si>
    <t>辯論寒暄首場單刀直入握手拜登川普</t>
  </si>
  <si>
    <t>美國總統川普和民主黨對手拜登美東時間週二（臺北時間9月30日）即將在俄亥俄州克裡夫蘭（Cleveland）展開大選前首場辯論由於新冠肺炎疫情顧慮他們將省去握手的客套也一併免除開場寒暄雙方在疫情衝擊、種族問</t>
  </si>
  <si>
    <t>疫情時間對手拜登雙方即將寒暄俄亥俄州民主黨克裡夫蘭開場cleveland一併展開免除大選客套首場辯論省去顧慮肺炎美東</t>
  </si>
  <si>
    <t>美國總統川普和民主黨對手拜登美東時間週二（臺北時間9月30日）即將在俄亥俄州克裡夫蘭（Cleveland）展開大選前首場辯論由於新冠肺炎疫情顧慮他們將省去握手的客套也一併免除開場寒暄雙方在疫情衝擊、種族問題鬧翻天還有大法官任命權鬥下進行一場顛覆傳統的辯論。
綜合外電報導選戰策略家和史學家說由於距離大選只剩1個月多在這場為時90分鐘分6個主題的辯論中川普將想盡辦法縮小和拜登在全國民調上落後近7個百分點的差距。相對的拜登則會使出渾身解數證明他是比較理想的人選。
為了達到各自的目標他們可能會在全國觀眾面前挑選敏感議題如攻擊對方子女等下手。共和黨選戰策略家蘇利文（Terry Sullivan）指出從一開始雙方就會展開激辯而川普更會設法刺痛拜登。
而共和黨媒體顧問艾佛哈特（Nick Everhart）說屆時拜登會在保持風度下傾全力還擊。他指出拜登打這場選戰的主軸就是自己不像川普魯莽毛躁而是個既有能力又穩定的領導人。就算拜登在辯論中重砲反擊他也會致力傳達自己比川普穩定可靠的重大訊息。
拜登10日說他知道怎麼對付惡霸。不過他也強調會設法不要上鉤隨川普起舞和對方當眾吵開。拜登推測川普在辯論全程大吼大叫不停打斷辯論。
而在辯論前川普已痛批拜登指控他服用增進體能藥物並質疑他的心智狀態甚至攻擊拜登次子韓特（Hunter Biden）從中俄獲利。隨著最近民調一路落後川普也加重對拜登的個人攻擊單是在9月的競選造勢活動甚至白宮官方活動中就提了72次他幫拜登取的綽號「愛睏喬」（Sleepy Joe）。</t>
  </si>
  <si>
    <t>拜登川普辯論攻擊選戰疫情雙方全國大選對方展開指出共和黨甚至策略穩定落後</t>
  </si>
  <si>
    <t>川普拜登首場辯論美國大選新冠肺炎</t>
  </si>
  <si>
    <t>美國大選辯論首場拜登川普肺炎</t>
  </si>
  <si>
    <t>南山疫情策略防控正確</t>
  </si>
  <si>
    <t>中國工程院院士、大陸防疫專家鍾南山在接受大陸媒體訪問時總結兩個多月在防控一線的日子表示大陸在疫情防控策略是很正確的。早期實施上游堵截把武漢傳染源截斷在全國開展群防群治後來上升為聯防聯控。什麼</t>
  </si>
  <si>
    <t>大陸防控群防群治開展全國截斷傳染源武漢堵截上游接受後來實施早期正確媒體訪問策略總結疫情一線防疫專家南山上升日子</t>
  </si>
  <si>
    <t>中國工程院院士、大陸防疫專家鍾南山在接受大陸媒體訪問時總結兩個多月在防控一線的日子表示大陸在疫情防控策略是很正確的。早期實施上游堵截把武漢傳染源截斷在全國開展群防群治後來上升為聯防聯控。
什麼叫聯防聯控？他說自己的理解就是「四早」：早發現、早報告、早隔離、早治療這在大陸是成功的。在重視醫療的同時也注意總結規律比如它有哪些臨床特點哪些藥可能有效這些對全世界都有很好的指導作用。
鍾南山表示經過艱苦努力現在大陸疫情防控取得階段性重要成效這非常不容易。但是境外疫情呈加速擴散蔓延態勢大陸疫情輸入壓力持續加大。到4月3日已經有700多例境外輸入病例而且還在持續增加。所以要及時調整完善疫情防控策略把重點放在外防輸入、內防反彈上來入境人員必須都要做檢測只要是陽性就要隔離。
「醫生看的不是病而是病人。」鍾南山指出在他從醫以來覺得最大的壓力在於病人最後是救活了還是去世了。把病人救活了、康復了什麼都好說；如果病人沒有救過來那他的壓力是最大的。現在抗擊新冠肺炎疫情也是如此「避免更多的感染減少死亡對於醫生來說還有什麼比這個更重要呢？」
新冠肺炎與SARS相比除了肺纖維化等共同特點外突出的特點是支氣管內黏液非常多阻礙了氣管通暢容易導致繼發感染。
他強調研製疫苗是很必要的。新冠病毒的傳染性比SARS強很多傳染係數可以達到35也就是說1個傳3個半而SARS頂多是1個傳2個所以現在有些國家每天增加上萬名確診病例。防治疫情從歷史的情況看還是要靠疫苗。</t>
  </si>
  <si>
    <t>疫情大陸防控輸入現在南山病人sars壓力特點非常總結醫生境外感染重要病例持續增加</t>
  </si>
  <si>
    <t>疫情鍾南山新冠肺炎武漢肺炎新型冠狀病毒</t>
  </si>
  <si>
    <t>肺炎武漢南山冠狀疫情病毒</t>
  </si>
  <si>
    <t>今日揚州嘉玲核酸連續檢測</t>
  </si>
  <si>
    <t>香港文匯網報導據江蘇省衞健委最新通報昨天（8月31日）江蘇無新增新冠肺炎本土確診病例。揚州市連續5日實現「零新增」該市在昨日暫停大規模核酸檢測後今天（9月1日）重新在部分地區開展核酸檢測總計目標人</t>
  </si>
  <si>
    <t>核酸檢測江蘇省最新通報報導昨天本土確診病例揚州市開展連續地區實現新增昨日重新部分暫停今天江蘇</t>
  </si>
  <si>
    <t>香港文匯網報導據江蘇省衞健委最新通報昨天（8月31日）江蘇無新增新冠肺炎本土確診病例。揚州市連續5日實現「零新增」該市在昨日暫停大規模核酸檢測後今天（9月1日）重新在部分地區開展核酸檢測總計目標人群約65萬人。
由於疫情趨於穩定揚州市8月31日暫停了此前每日開展的大規模核酸檢測。不過當天晚上江蘇省委副書記張敬華主持召開揚州市疫情防控工作調度會指出當前揚州疫情防控形勢持續趨穩向好但風險隱患尚未徹底清除必須牢記「針尖大的窟窿能漏過鬥大的風」在思想上持續擰緊螺絲、上緊發條在行動上堅持嚴字當頭、精準施策切實鞏固來之不易的防控成果。要毫不鬆懈抓好核酸精準篩查確保重點區域應檢盡檢、重點人群每日必檢不斷提高「採、檢、送、報」質量。
同時要毫不鬆懈抓好社區分級防控有序調整封閉封控小區管控措施嚴格查驗「兩碼一證」、核酸證明錯時組織群眾外出購物。要毫不鬆懈抓好隔離管理落實健康監測、「足不出戶」、環境消殺等措施對隔離期滿、康復出院人員做好科學評估和後續管理嚴防滋生新的風險。要毫不鬆懈抓好社會面管控小型超市、沿街商鋪、農貿市場等重點場所要加派專人巡查認真執行測溫驗碼、限制人流量等規定確保社會秩序平穩可控。
隨後揚州市新冠肺炎疫情防控工作指揮部發布通告稱為堅決打贏新冠肺炎疫情防控阻擊戰切實保障人民群眾的身體健康和生命安全定於9月1日6點30分繼續開展部分地區核酸檢測。本次檢測範圍包括邗江區邗上街道、蔣王街道、新盛街道、竹西街道、維揚經濟開發區等5個街道、園區；廣陵區廣陵經濟開發區、廣陵新城、灣頭鎮、湯汪鄉、文峰街道等5個鄉鎮、街道、園區；揚州經濟技術開發區揚子津街道；蜀岡－瘦西湖風景名勝區：梅嶺街道、瘦西湖街道2個街道；以及全部集中隔離點。以上範圍內全部居民（含外地在揚人員）總計目標人群約65萬人。
此外昨天江蘇省新增出院病例54例均為本土確診病例。7月20日至今全省累計報告本土確診病例820例（南京市235例淮安市12例揚州市570例宿遷市3例）累計出院本土確診病例695例。目前在定點醫院隔離治療的確診病例136例其中本土確診病例125例（輕型9例、普通型116例）。在醫學觀察的無症狀感染者4例均為境外輸入無症狀感染者。</t>
  </si>
  <si>
    <t>防控核酸街道揚州市隔離疫情病例檢測抓好毫不鬆懈確診本土人群出院持續江蘇省措施風險精准園區人員揚州管理</t>
  </si>
  <si>
    <t>新冠肺炎大陸街道確診病例核酸檢測</t>
  </si>
  <si>
    <t>街道確診大陸病例肺炎核酸檢測</t>
  </si>
  <si>
    <t>參與who外交部接連表達加拿大日本感謝</t>
  </si>
  <si>
    <t>日本安倍首相於前天及昨日分別在日本眾參兩院預算委員會答詢時表示已向WHO秘書長譚德塞反應臺灣參與世界衛生組織（WHO）的問題；加拿大副總理方慧蘭於渥太華時間昨日也在加國聯邦眾議院表示加國支持臺灣以觀察員</t>
  </si>
  <si>
    <t>昨日表示who臺灣加國日本分別兩院預算委員會時間渥太華答詢方慧蘭加拿大總理問題世界衛生組織已向參與德塞秘書長聯邦眾議院反應</t>
  </si>
  <si>
    <t>日本安倍首相於前天及昨日分別在日本眾參兩院預算委員會答詢時表示已向WHO秘書長譚德塞反應臺灣參與世界衛生組織（WHO）的問題；加拿大副總理方慧蘭於渥太華時間昨日也在加國聯邦眾議院表示加國支持臺灣以觀察員身分出席世界衛生組織大會會議。外交部今（29）日表示對於日本與加拿大的支持表達感謝。
加拿大副總理方慧蘭（Chrystia Freeland）於渥太華時間29日在該國聯邦眾議院「因應COVID-19特別委員會」上答詢在野保守黨議員趙錦榮時公開說加國認為讓臺灣擔任WHO大會會議的觀察員角色符合國際衛生界的利益且對全球對抗大流行與疾病至關重要；。這是繼加國總理小杜魯道（Justin Trudeau）1月29日在其國會公開宣示支持我案後加國高層再次於其國會做公開表示。外交部對加國高層重申加國支持我參與WHO之立場表示歡迎與感謝。
外交部發言人歐江安指出日前臺灣捐贈加國50萬片醫療用口罩臺加也透過科技交流等共同努力對抗疫情對加國政府再次公開支持臺灣有意義參與WHO表示誠摯感謝至盼持續與加拿大政府與人民攜手合作深化雙方在各領域的互利友好夥伴關係共同維護兩國人民及全球的健康安全。
歐江安也說外交部對安倍首相及日本政府支持臺灣參與WHO及堅定的友我情誼表達最深的敬意與謝忱她指出日本政府曾多次表示臺灣與日本共用自由、民主、人權、法治等基本價值觀雙方擁有密切經貿關係及人員往來臺灣是日本的重要夥伴及珍貴友人。歐江安表示我國盼持續與日方深化疫情情資交換及防疫合作在既有的堅實友好基礎上繼續積極深化臺日間各項交流與合作穩健發展雙方互惠互利的夥伴關係。
更多 CTWANT 報導</t>
  </si>
  <si>
    <t>加國臺灣表示who日本支持雙方公開深化外交部合作參與江安總理感謝友好全球夥伴關係疫情加拿大委員會答詢觀察員</t>
  </si>
  <si>
    <t>日本加拿大臺灣WHO新冠肺炎</t>
  </si>
  <si>
    <t>臺灣who加拿大日本肺炎</t>
  </si>
  <si>
    <t>limiyamaha上市zi帥氣優雅助陣</t>
  </si>
  <si>
    <t>台灣山葉機昨（11日）發表新款Limi外觀採取簡約俐落的車身線條並優化細節呈現優雅與個性兼具的獨特風格。原本發表會受新冠肺炎的影響改為線上直播業者特別邀請金曲新人ØZI助陣演唱還有莫莉與潮流金童楊艾</t>
  </si>
  <si>
    <t>還有發表演唱limi助陣外觀採取zi簡約新人金曲俐落邀請車身特別線條優化業者細節直播莫莉呈現優雅個性改為影響兼具</t>
  </si>
  <si>
    <t>台灣山葉機昨（11日）發表新款Limi外觀採取簡約俐落的車身線條並優化細節呈現優雅與個性兼具的獨特風格。原本發表會受新冠肺炎的影響改為線上直播業者特別邀請金曲新人ØZI助陣演唱還有莫莉與潮流金童楊艾倫等一共6名Limi風格玩家一同為新車揭幕。
台灣山葉表示新款Limi具有優異的操控性即節能、安靜、舒適符合人體工學的「低重心」及「水準設計」相當容易騎乘即使是身型嬌小的使用者也能輕鬆駕馭。售價7萬2000元而配備造型座墊、燻黑頭燈的墨黑版售價7萬2500元。
KYMCO目前正主打新名流125及LIKE 125兩款七期環保機車前者售價6萬7300元起購車最高補助2萬500元光陽限時加贈購物禮券1000元；後者售價7萬2000元起購車最高優惠2萬2000元內含光陽加碼市價6700元的時尚車身精品組。SYM本月也主打七期旗艦FNX提供最高2萬7000元的優惠。</t>
  </si>
  <si>
    <t>售價limi風格車身最高臺灣購車優惠重心水準設計金曲新人邀請相當zi特別符合人體助陣業者</t>
  </si>
  <si>
    <t>台灣山葉售價新款助陣優雅</t>
  </si>
  <si>
    <t>臺灣助陣優雅山葉售價</t>
  </si>
  <si>
    <t>布制口罩ok阻擋</t>
  </si>
  <si>
    <t>食藥署今（26）日表示研究調查發現一些市售的布口罩具有阻擋飛沫的效果健康民眾在通風環境或開放空間與人距離一公尺以上時不需要佩戴口罩如果還是想要佩戴口罩這個時候就可以考慮選用「布口罩」。食</t>
  </si>
  <si>
    <t>口罩佩戴表示研究調查距離開放空間以上環境通風發現民眾健康效果阻擋具有時候</t>
  </si>
  <si>
    <t>食藥署今（26）日表示研究調查發現一些市售的布口罩具有阻擋飛沫的效果健康民眾在通風環境或開放空間與人距離一公尺以上時不需要佩戴口罩如果還是想要佩戴口罩這個時候就可以考慮選用「布口罩」。
食藥署建議在挑選不論是具有防PM25、防霾功能或具有中間過濾層的布口罩時可由口罩包裝標示來確認挑選的產品是否合乎以下要訣：第一口罩至少要有三層結構。第二口罩的外層材質要緻密、中間層是不織布材質、內層要柔軟透氣。
食藥署特別提醒患有慢性病、呼吸道症狀及需要進出醫療院所時務必要配戴醫用口罩健康民眾可以考量自己所處的環境狀況選擇不需要佩戴口罩或是佩戴上述挑選要訣的布口罩請將醫用口罩留給有需要的人。</t>
  </si>
  <si>
    <t>口罩需要挑選具有中間環境健康佩戴民眾可以材質研究調查呼吸道症狀表示慢性病發現進出</t>
  </si>
  <si>
    <t>業務克萊斯勒愛迪達陸廠全面疫情複產</t>
  </si>
  <si>
    <t>受到新冠肺炎疫情爆發影響汽車大廠飛雅特克萊斯勒位於大陸的工廠延長停工時間後近日將全面復產。此外德國運動用品公司愛迪達（Adidas）則因大量門市停業造成大中華區業務重挫。飛雅特克萊斯勒發言人於義大利</t>
  </si>
  <si>
    <t>克萊斯勒疫情爆發影響汽車大廠運動用品德國公司複產愛迪達全面adidas近日門市停業肺炎時間造成停工大中華延長工廠</t>
  </si>
  <si>
    <t>受到新冠肺炎疫情爆發影響汽車大廠飛雅特克萊斯勒位於大陸的工廠延長停工時間後近日將全面復產。此外德國運動用品公司愛迪達（Adidas）則因大量門市停業造成大中華區業務重挫。
飛雅特克萊斯勒發言人於義大利時間19日表示與廣州汽車集團合資的中國大陸工廠即將全面復產。此前該公司的大陸工廠因為新冠肺炎疫情而延長停工時間。發言人指出位於廣州的工廠於2月17日復工位於長沙的工廠則將在不久後復工。
另一方面愛迪達（Adidas）於德國時間19日表示因新冠肺炎疫情導致公司大量門市停業同時繼續營業的門市客流量大幅下降自1月25日以來該公司在大中華區業務較2019年同期銳減約85％。
愛迪達補充表示在大中華以外地區的業務尚未受到重大影響又稱隨著情勢逐漸變化目前還無法確實量化2020年全年業務受到的整體影響程度。</t>
  </si>
  <si>
    <t>業務公司工廠時間表示大中華影響愛迪達大陸受到疫情門市肺炎位於發言人停業adidas德國延長克萊斯勒</t>
  </si>
  <si>
    <t>愛迪達飛雅特克萊斯勒復產新冠肺炎疫情</t>
  </si>
  <si>
    <t>克萊斯勒複產肺炎愛迪達疫情</t>
  </si>
  <si>
    <t>疫情民主網路正視感染社論毒害工商</t>
  </si>
  <si>
    <t>新冠肺炎從今年元月間在中國首次被檢測確認以來疫情從首當其衝的武漢地區快速蔓延迄今將近百日全球各地幾乎無一倖免。而最令人矚目的是當初形同冷眼旁觀一副事不關己甚至幸災樂禍的歐美先進國家地區不旋</t>
  </si>
  <si>
    <t>元月先進歐美幸災樂禍中國甚至檢測事不關己確認以來冷眼旁觀形同疫情首當其衝當初武漢地區快速令人矚目蔓延國家今年迄今無一倖免幾乎將近全球</t>
  </si>
  <si>
    <t>新冠肺炎從今年元月間在中國首次被檢測確認以來疫情從首當其衝的武漢地區快速蔓延迄今將近百日全球各地幾乎無一倖免。而最令人矚目的是當初形同冷眼旁觀一副事不關己甚至幸災樂禍的歐美先進國家地區不旋踵竟然也先後淪為重災區。先是歐盟地區的義大利、西班牙等國染疫確診數與死亡人數逐日攀升超越中國；緊接著則是美國呈現後來居上的態勢不論是確診數或死亡人數都已躍居全球首位並遙遙領先其他各國。
面對不斷飆升的疫情後知後覺的各國政府自然只能繃緊神經卯足全力投入疫情管控和疫苗研發的工作。然而各式各樣的管控措施所產生的連鎖效應則是讓眾多產業瞬間淪為「慘」業並導致失業人口急速擴大經濟動能陷入熔斷式衰退。於是各國政府除了要防疫之外同時也要啟動各式各樣的紓困、振興措施。
然而這些紓困、振興措施除了要面對是否緩不濟急以及是否真正對症下藥的績效檢驗之外；堪稱雪上加霜的是邇來眾多國際知名的經濟智庫或信評單位紛紛發布經濟前景衰退、企業信評調降的「負面」訊息。從而讓諾貝爾經濟學家席勒（Robert Shiller）也忍不住跳出來喊話認為新冠肺炎疫情對經濟的殺傷力其實並沒有那麼誇張反而是人們的恐懼心態才是導致經濟衰退的主因。
除了人們的恐懼心理會讓大家所擔心的經濟衰退噩夢成真當此全球所陷入的「亂世困局」其實更可以用來檢視「患難見真情」這句話所蘊含的正向與負向意含。
先從正向的角度來看「患難見真情」原意指的是人們應該基於有難同當的認知相互合作來面對疫情的嚴峻考驗甚至最好還能提升到發揮濟弱扶傾的高度。畢竟各國所面對的疫情衝擊輕重不一所能投入的資源也有重大差異。因而除了明哲保身之外當此早已全球化的年代行有餘力的濟弱扶傾不只是體現兼善天下的高度其實救人也就是救己。
然而令人感慨的是面對這一波的新冠肺炎疫情除了少數的國家呈現「患難見真情」的正向能量之外包括早期歐美各國坐視中國首當其衝冷眼旁觀甚至惡言相向的言行表現之外；最新的例證莫過於美國川普總統。面對雪崩式的美國疫情為了維護個人的聲望川普竟然將全球疫情惡化的過錯推給WHO（世界衛生組織）認為「WHO失職犧牲這麼多條人命」進而落井下石的宣告將暫停美國每年向WHO提供4至5億美元的資金。
川普的這一番面對患難時的「真」情表態連微軟創辦人比爾蓋茲都看不下去第一時間大力批評。但究其實川普其實也不過只是展現人性中「爭功諉過移轉焦點」的制式反應及負向效應罷了！
比較起來川普以停止金援來懲罰WHO其實只能算是人性自私的流露而已。更為可議的是川普同時也向財政部長穆努欽（Steven Mnuchin）施壓要求國稅局執行經國會通過的2兆美元振興經濟方案中直接發放給美國公民的「經濟影響款項」其中7千多萬人因沒有銀行帳戶而只能以紙本支票寄送的紓困支票要在這些支票印上川普的名字。儘管美國法律規定國稅局付款的支票為確保行政中立須由財政服務局官員署名而總統並無權署名。但在川普的堅持下穆努欽只能讓步同意將川普的姓名印在紓困支票左下角的備註欄。
川普此舉除了是創下美國總統史上首例並坐實知法犯法。但他的本意則是企圖藉由這個小動作來誤導選民將政府發支票的功勞全攬到自己身上好為11月的總統大選鋪路。即使最後把姓名放在備註欄但終歸難逃公器私用與鑽法律漏洞遊走法律邊緣的質疑。
川普身為美國總統在疫情嚴峻之際竟然做出這種種具高度爭議性的行止如果其他的掌權者也有樣學樣形同又引爆出民主疫情併同新冠疫情以及網路假訊息及酸民橫行的網路疫情三種疫情交相感染誠不知其毀滅性的力道將伊於胡底了！</t>
  </si>
  <si>
    <t>疫情川普美國面對經濟之外其實全球支票who總統中國政府高度甚至竟然只能患難見真情人們法律</t>
  </si>
  <si>
    <t>衰退美國川普肺炎患難見真情</t>
  </si>
  <si>
    <t>衰退肺炎川普患難見真情美國</t>
  </si>
  <si>
    <t>美國新冠肺炎確診人數已超越中國成為全球感染人數最多的國家。我國也出現多例由美國移入的確診案例例如案192即是在美國急診時被診斷是「B型流感」返台後自行到院篩檢卻檢診為新冠肺炎。美國先前因新冠肺炎的檢驗費用太貴而致檢驗量低因此可合理懷疑美國前一波流感死亡人數甚多可能也含有新冠肺炎患者。
歐美已成為全球新核心疫區民眾也都很關心我國是否能抵擋得住這波歐美移入的疫情攻擊目前在防疫上還有幾點可加強。
首先暫時性的「社會阻隔」可延緩新冠肺炎病毒的散播這是國際共識然而國內還是不斷出現有居家檢疫者不遵守規定到處趴趴走或是外出採購、會客可見目前的規定嚇阻力仍不足。筆者建議對違規之居家檢疫者一律重罰且採按次或按日連犯即連罰方式。另外對於和居家檢疫者接觸的人除原同戶籍或依賴人口照護之必要者外接觸之兩方都應採按人次連犯亦連罰；此外違規者按情節延長其隔離時間或納入集中隔離並可善用公民力量來主動監測可能的防疫漏洞。唯有如此才能有效遏止疫情之擴大而避免台灣落入封城之困境。
其次由於新冠肺炎的特性是「傳得快、好得慢」曾有專家評估20%的新冠肺炎重症病患需要呼吸器治療這情景已在歐美的疫情重災區可見。歐美政府為了快速增產呼吸器甚至徵召汽車大廠一同協助製作呼吸器和其他醫療設備。反觀台灣雖因重症、無意識的長年臥床者呼吸器的使用量本來就非常大而有「呼吸器王國」稱號但本身卻沒有能力生產呼吸器。就算調配得當未來若疫情惡化是否有能上場的醫護、足夠的防護裝備或隔離空間政府應未雨綢繆。
最後目前有許多國家紛紛向當初疫災嚴重的南韓取經。而台灣和南韓的防疫措施有頗多相似處但我國並未採取南韓的普篩已有不少醫界人士建議應用快篩以界定哪些人需隔離進而讓病人分流就醫。
此外確診156案例為長照單位護理人員為避免傳染擴大政府除了對醫療照顧工作者與機構應加強監控並訂立罰則外如何讓視訊診療的使用條件有所依據而不需費時去更修《醫師法》也應盡早部署。
期待全民能體認到在病毒眼中人人都是平等的而病毒讓我們的命運串聯在一起我們須合作互助、執行「社交保距」、勤洗手避免台灣走到封城的那一天。　　　　　（作者為醫師）</t>
  </si>
  <si>
    <t>封城美國檢疫病毒肺炎</t>
  </si>
  <si>
    <t>病毒肺炎封城檢疫美國</t>
  </si>
  <si>
    <t>工作一比防疫透明兩岸</t>
  </si>
  <si>
    <t>副總統陳建仁質疑大陸的防疫工作「不透明」「不知檢測了多少人」還稱大陸將在3月20日之後停止對疑似病例做檢測。陸媒《今日海峽》則比較兩岸防疫工作誰最透明？質疑民進黨政府的防疫工作更透明你自己相信嗎？《</t>
  </si>
  <si>
    <t>工作防疫檢測大陸透明質疑疑似病例陸媒今日停止之後比較海峽兩岸不知不透明政府民進你自己陳建仁</t>
  </si>
  <si>
    <t>副總統陳建仁質疑大陸的防疫工作「不透明」「不知檢測了多少人」還稱大陸將在3月20日之後停止對疑似病例做檢測。陸媒《今日海峽》則比較兩岸防疫工作誰最透明？質疑民進黨政府的防疫工作更透明你自己相信嗎？
《今日海峽》指出在只防大陸不防歐美的台灣防疫體系出現明顯破口確診病例暴增；反觀中國大陸疫情已趨緩多地已經連續多日無新增病例出現。3月10日兩架武漢包機相繼降落在桃園機場361名臺胞檢測全部為陰性代表大陸目前抗疫工作卓然有成。
《今日海峽》質疑台灣的檢測政策是什麼？大陸強調「應測盡測應收盡收」民眾可以隨時前往醫院的發熱門診接受檢測而台灣的任何醫院都沒有開設發熱門診其他門診也不開放新冠病毒檢測對民眾自行申請檢測也有近乎荒謬的條件限制。
《今日海峽》還點出大陸公佈的個案病例訊息更透明、更詳細、更對民眾負責疾控部門採集感染者的家、工作店鋪和有關場所的環境樣本並對相關區域進行消毒。但台灣公佈的個案病例訊息連時間、活動軌跡、病情特徵、收治機構、密切接觸者人數、後續處理等這些最基本的訊息全都沒有。</t>
  </si>
  <si>
    <t>大陸檢測工作臺灣今日海峽防疫病例民眾訊息質疑透明出現門診發熱個案公佈醫院沒有密切接觸機構收治</t>
  </si>
  <si>
    <t>兩岸防疫大陸台灣副總統</t>
  </si>
  <si>
    <t>大陸總統防疫兩岸臺灣</t>
  </si>
  <si>
    <t>希望確診詛咒不怕留言索命</t>
  </si>
  <si>
    <t>新冠肺炎疫情延燒本土確診案例突破6千例人心惶惶的情況下許多網友上網留下許多不理性的言論名嘴黃越綏就透露有酸民留言「希望她確診」當下氣得反嗆：「萬一如你所願而有個三長兩短難道你就不怕我三更半</t>
  </si>
  <si>
    <t>確診本土三長兩短如你所願案例突破情況網友上網人心惶惶留下當下理性言論希望黃越綏透露留言疫情</t>
  </si>
  <si>
    <t>新冠肺炎疫情延燒本土確診案例突破6千例人心惶惶的情況下許多網友上網留下許多不理性的言論名嘴黃越綏就透露有酸民留言「希望她確診」當下氣得反嗆：「萬一如你所願而有個三長兩短難道你就不怕我三更半夜找你索命嗎？」
黃越綏表示臉書是提供個人或群體分享生活資訊的平臺由於每個人的主張和立場都不同自然不可能讓每個人都認同因此只要本著誠意付出並對得起良心就可以接著提到常被批評是「是依老賣老的老嫗醜女人」對於酸民情緒化的字眼她表示還在可以忍受範圍但若是對人不對事甚至到詛咒別人的地步就過份到讓人難以接受的程度。
黃越綏透露近來臉書小編發現有網友留言內容居然是希望她確診新冠肺炎讓她當下氣到抓狂直接怒嗆：「步數用到詛咒別人這就太過分了。何況我年紀大了萬一如你所願而有個三長兩短的話難道你就不怕強悍的我三更半夜會來找你索命嗎？」更強調如果處事心態老愛用欺負和糟蹋別人來成全自己的暗爽充其量也只不過是個智弱的社會邊緣人。
對此網友也紛紛留言：「嘴巴臭的人就會自打嘴巴這種人如果理他就太不值得了」、「不要理會那個沒水準的人他造的口業會回到自己的身上」、「臺灣就是有這種不明是非對錯善惡的人」、「其實同島一命不用算那些內應的命進去」。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網友確診留言黃越綏肺炎務必可以表示防疫口罩透露</t>
  </si>
  <si>
    <t>黃越綏新冠肺炎酸民確診三級警戒</t>
  </si>
  <si>
    <t>肺炎確診警戒黃越綏</t>
  </si>
  <si>
    <t>國內新冠疫情升溫引發國人高度擔心要求普篩的呼聲再起。但疫情指揮官陳時中仍然認為時候未到甚至認為連針對醫護人員進行普篩都沒有必要。目前疫情指揮中心仍以隔離為主要的防疫對策。陳時中還強調目前並未針</t>
  </si>
  <si>
    <t>疫情陳時中目前認為升溫引發防疫國人對策擔心隔離高度中心要求仍以指揮進行指揮官再起必要呼聲沒有強調時候未到甚至仍然</t>
  </si>
  <si>
    <t>國人疫情肺炎臺灣沒有死亡流感死于社區進行人數國內陳時中衛福部防疫目前感染可能是否甚至中心指揮</t>
  </si>
  <si>
    <t>陳時中社區感染死亡人數肺炎衛福部</t>
  </si>
  <si>
    <t>人數感染死亡社區肺炎陳時中衛福部</t>
  </si>
  <si>
    <t>學校中職以下室內場地台中暫不防疫加強外借</t>
  </si>
  <si>
    <t>新冠肺炎疫情持續延燒為避免校園人群聚集及校外人士進校無法掌控增加肺炎感染風險台中市政府教育局27日宣佈即日起全市高中職以下學校室內場地暫不開放外借後續將視疫情滾動調整。教育局長楊振昇說為避</t>
  </si>
  <si>
    <t>疫情肺炎調整持續後續開放暫不外借場地室內學校以下高中職校園全市人群避免即日起聚集校外宣佈人士進校</t>
  </si>
  <si>
    <t>新冠肺炎疫情持續延燒為避免校園人群聚集及校外人士進校無法掌控增加肺炎感染風險台中市政府教育局27日宣佈即日起全市高中職以下學校室內場地暫不開放外借後續將視疫情滾動調整。
教育局長楊振昇說為避免校園群聚效應產生校園室內場地包括教室、體育館及活動中心等暫停開放出借以最嚴謹的態度全力維護師生健康；校內戶外場地如操場、籃球場等考量空氣流通佳疫情風險相對較低維持開放可外借使用。
教育局指出對於部分學校室內外場館及設施已長期外借並有固定對象的休閒運動者或課後輔導活動者將要求學校落實14天內旅遊史、健康聲明書、量測體溫等防疫措施並簽訂契約及切結書若違規將立即取消借用資格。
教育局強調市府已在開學前協助全市高中職以下464所公、私立學校完成校園消毒並要求學校特別注意環境清潔也督促師生加強相關防疫措施。</t>
  </si>
  <si>
    <t>學校校園教育局疫情開放場地外借師生健康風險避免肺炎室內要求防疫高中職全市以下措施進校無法人士校外持續增加運動</t>
  </si>
  <si>
    <t>新冠肺炎外借場地教育局高中職</t>
  </si>
  <si>
    <t>外借場地肺炎教育局高中職</t>
  </si>
  <si>
    <t>新北民政局裡長居家檢疫歐洲補償</t>
  </si>
  <si>
    <t>新冠肺炎疫情蔓延全球新北市中和區瓦磘裡長林綺芳10日揪團前往西班牙、葡萄牙返國後還可領取1萬4000元防疫補償金引發喧然大波；新北市民政局長柯慶忠上午受訪表示該裡長預計今下午返國全團16位入境後民政</t>
  </si>
  <si>
    <t>新北裡長返國蔓延全球補償喧然引發防疫市民下午政局領取表示受訪</t>
  </si>
  <si>
    <t>新冠肺炎疫情蔓延全球新北市中和區瓦磘裡長林綺芳10日揪團前往西班牙、葡萄牙返國後還可領取1萬4000元防疫補償金引發喧然大波；新北市民政局長柯慶忠上午受訪表示該裡長預計今下午返國全團16位入境後民政局會要求落實居家檢疫裡長也強調絕對不會領取補償金但其他團員他無法代表回答。
柯慶忠說昨已跟裡長聯絡上裡長表達非常抱歉、造成軒然大波她說明因在國外通訊不便無法及時向媒體說明裡長的團從10日出國、前往葡萄牙、西班牙行程共10天原訂在20日返國。
柯慶忠說裡長行程從巴賽隆納、里斯本再到馬德里回國第一天先到巴賽隆納、里斯本時中央14日發布三級警告時他們就決定要提前回國透過旅社安排15日就從布里斯本回到杜拜目前正在泰國曼谷轉機預計今天回到台灣。
柯慶忠指出因裡長為民選沒有服務時間地方制度法沒有上班時間、差假也不需報備民政局得知訊息後已請公所全面調查目前新北市1032裡長都在國內、裡內近期無出國計畫昨晚也緊急透過系統、區公所向裡長轉達全球疫情尚未趨緩各區應以最嚴謹態度面對防疫工作防疫期間非有必要不得出國。</t>
  </si>
  <si>
    <t>裡長柯慶忠新北出國返國防疫全球目前透過預計回到疫情回國無法民政局說明補償行程沒有領取</t>
  </si>
  <si>
    <t>新冠肺炎武漢肺炎新型冠狀病毒台灣裡長</t>
  </si>
  <si>
    <t>肺炎武漢冠狀臺灣病毒裡長</t>
  </si>
  <si>
    <t>感染住院出國不明</t>
  </si>
  <si>
    <t>國內今日再添2名確診案例其中1名50多歲婦女感染源不明近期未出國、未外出卻因出現肺炎症狀被通報進而確診新冠肺炎目前仍在進行疫調中。該女性有糖尿病、心血管疾病等慢性病史2月14日因低血糖、全身倦怠</t>
  </si>
  <si>
    <t>確診肺炎病史疾病心血管糖尿病案例婦女女性感染出現進行症狀目前不明近期出國外出低血糖</t>
  </si>
  <si>
    <t>國內今日再添2名確診案例其中1名50多歲婦女感染源不明近期未出國、未外出卻因出現肺炎症狀被通報進而確診新冠肺炎目前仍在進行疫調中。
該女性有糖尿病、心血管疾病等慢性病史2月14日因低血糖、全身倦怠情形就醫並收治住院當時無呼吸道症狀21日起出現咳嗽、喉嚨痛及發燒症狀26日診斷有肺炎情形由醫院通報送驗於今日確診。由於個案近期無國外旅遊史研判於國內感染仍在疫調中。
中央流行疫情指揮中心表示該女性平時未外出、近期未出國家人也沒有症狀將進一步調查同住接觸者活動史及住院期間接觸的病患、醫護人員等釐清感染源。</t>
  </si>
  <si>
    <t>症狀確診感染近期肺炎女性住院情形出現接觸通報國內今日出國外出期間調查進一步</t>
  </si>
  <si>
    <t>新冠肺炎武漢肺炎新型冠狀病毒台灣出國</t>
  </si>
  <si>
    <t>肺炎武漢冠狀病毒臺灣出國</t>
  </si>
  <si>
    <t>症狀包機回去集中印度檢疫</t>
  </si>
  <si>
    <t>由外交部等單位協調的華航專機從印度搭載129名旅客其中包括114名國人及在台工作的15名外籍人士今天淩晨返台其中9人因過去14天曾有輕微咳嗽等症狀在機場進行採檢隨後全數搭乘遊覽車至檢疫所集中檢疫14天</t>
  </si>
  <si>
    <t>搭乘專機印度全數搭載隨後旅客包括國人進行工作機場外籍人士症狀咳嗽今天輕微淩晨返台曾有過去遊覽車華航協調檢疫所單位集中</t>
  </si>
  <si>
    <t>由外交部等單位協調的華航專機從印度搭載129名旅客其中包括114名國人及在台工作的15名外籍人士今天淩晨返台其中9人因過去14天曾有輕微咳嗽等症狀在機場進行採檢隨後全數搭乘遊覽車至檢疫所集中檢疫14天。
指揮中心進一步指出昨日晚間自印度搭乘專機之129人其中9名有症狀者經採檢後已與其他人一起送往集中檢疫所隔離。有關4月20日第三班定點返台專案航班共231名湖北返台民眾截至目前1人就醫治療中、1人陪同就醫其餘均已監測期滿解除隔離今日返家自主健康管理；第四班定點返台專案航班共229人持續於集中檢疫所預計明日解除隔離。</t>
  </si>
  <si>
    <t>集中返台檢疫所隔離專機症狀印度搭乘解除就醫定點專案航班搭載旅客國人包括工作外籍人士今天機場進行淩晨指出昨日目前</t>
  </si>
  <si>
    <t>返台9人採檢集中檢疫14天</t>
  </si>
  <si>
    <t>集中返台檢疫</t>
  </si>
  <si>
    <t>麵條真相外包裝婆媽大利震驚</t>
  </si>
  <si>
    <t>本土新冠疫情嚴峻不少民眾外出返家後除了勤於消毒清潔之外採買的民生物品也會用酒精擦拭降低染疫風險不過日前就有民眾透露將買回來的袋裝義大利拿去水洗也噴了酒精沒想到事後發現包裝袋內的麵體竟然發</t>
  </si>
  <si>
    <t>民眾酒精包裝袋嚴峻發現事後外出想到返家消毒勤于清潔之外採買透露日前買回來風險大利民生</t>
  </si>
  <si>
    <t>本土新冠疫情嚴峻不少民眾外出返家後除了勤於消毒清潔之外採買的民生物品也會用酒精擦拭降低染疫風險不過日前就有民眾透露將買回來的袋裝義大利拿去水洗也噴了酒精沒想到事後發現包裝袋內的麵體竟然發黑讓她相當錯愕。對此廠商出面解釋因為包裝上的一個特殊設計才會出現發黴情況。
原PO在臉書社團《我愛全聯-好物老實説》PO文勸世「給那些疫情期間有強迫症什麼都想洗一洗的朋友義大利麵不要洗呀！不然會和我一樣沒有午餐吃…」畫面中可見打開義大利麵包裝袋後麵條竟出現發黑、發黴的情況讓她既無奈又錯愕。
貼文一出原PO就接獲廠商聯繫對方解釋「因為義大利麵需要通氣才不會因為空氣擠壓而破包所以包裝上面都有細微的小洞這是正常的而且世界上所有的廠牌都一樣。」另外廠商也大器表示「如果妳不介意我們可以寄一包新的過去給妳但是不適合用水洗。」
收到廠商的暖心回覆後原PO也藉著自己的經驗再次呼籲大家「義大利麵的包裝上面會有小孔不適合把它拿去洗變成這樣是人為因素和廠商沒有關係！」不少網友紛紛留言直呼「長知識了！沒有想過包裝袋有洞啊」、「謝謝提醒～最近什麼都想洗」、「感謝妳的犧牲下次我會注意的！」、「不經一事不長一智」。</t>
  </si>
  <si>
    <t>廠商po大利包裝袋沒有包裝都想洗民眾疫情酒精錯愕適合解釋情況</t>
  </si>
  <si>
    <t>新冠肺炎台灣義大利麵廠商發黴</t>
  </si>
  <si>
    <t>臺灣大利肺炎廠商發黴</t>
  </si>
  <si>
    <t>大使收回合格政治化口罩輸出解讀</t>
  </si>
  <si>
    <t>大陸近期頻頻輸出口罩、防護服等醫療物資協助歐洲抗疫不過在給荷蘭的口罩中卻被荷蘭檢測發現品質不合格下令將60萬個口罩收回。大陸駐荷蘭大使徐宏30日對此回應他稱合作過程中即使出現一些問題也是正常的</t>
  </si>
  <si>
    <t>口罩荷蘭大陸出現過程合作對此回應防護徐宏問題醫療品質發現協助物資合格下令歐洲抗檢測</t>
  </si>
  <si>
    <t>大陸近期頻頻輸出口罩、防護服等醫療物資協助歐洲抗疫不過在給荷蘭的口罩中卻被荷蘭檢測發現品質不合格下令將60萬個口罩收回。大陸駐荷蘭大使徐宏30日對此回應他稱合作過程中即使出現一些問題也是正常的可以實事求是地加以解決而不應作政治化解讀。
荷蘭國家電視台（NOS）28日報導稱荷蘭衛生部宣佈下令收回已發往醫療機構的約60萬個大陸進口口罩因為這批口罩「不符合安全質量檢驗標準」。荷蘭衛生部決定收回並把剩餘的部分凍結起來等待處理。
荷蘭當局指這批口罩存在不能正確地覆蓋佩戴者的臉部或捕獲病毒粒子的膜狀物不能正確運作的問題。
大陸駐荷蘭大使徐宏30日對此表示高度關注此事並在當晚第一時間與荷蘭外交部、衛生部聯繫瞭解核實有關情況也應約與荷蘭醫療護理大臣範萊恩通話。他稱關於荷方從中國採購的部分口罩不適宜重症病房醫護人員佩戴的問題荷方正在進一步釐清有關情況俟有結果將第一時間向中方通報。希望這一孤立事件不會影響兩國在抗擊疫情領域的友好合作。
徐巨集還強調病毒無國界國際社會唯有加強團結互助才能戰勝疫情。中國支持包括荷蘭在內的各國抗疫的目的非常簡單就是要努力挽救更多的生命不存在某些人所說的「地緣政治考慮」。合作過程中即使出現一些問題也是正常的可以實事求是地加以解決而不應作政治化解讀。
他期待荷方關於口罩質量問題的進一步調查結果如有需要中方將本著客觀公正的原則依法協助開展調查。中方也將繼續全力支援荷方的抗疫努力。</t>
  </si>
  <si>
    <t>荷蘭口罩問題中方大陸衛生部收回徐巨集病毒疫情存在第一時間佩戴中國部分醫療協助不能正確有關情況下令</t>
  </si>
  <si>
    <t>荷蘭口罩新冠肺炎武漢肺炎新型冠狀病毒</t>
  </si>
  <si>
    <t>肺炎武漢口罩冠狀荷蘭病毒</t>
  </si>
  <si>
    <t>今年相繼逝世預測還有名人爆發重大疫情全球變故</t>
  </si>
  <si>
    <t>2020年才過3個月就已陸續有多位名人過世還爆發嚴重的流行性疫病至今更造成上萬人死亡。但星座專家唐綺陽日前透露預測顛覆現狀的星象「今年將有3波」目前只是第1波後面接續還有2波大家要做好心理準備。</t>
  </si>
  <si>
    <t>名人過世嚴重爆發疫病今年造成星象顛覆死亡星座預測專家唐綺陽現狀透露日前還有接續後面陸續</t>
  </si>
  <si>
    <t>2020年才過3個月就已陸續有多位名人過世還爆發嚴重的流行性疫病至今更造成上萬人死亡。但星座專家唐綺陽日前透露預測顛覆現狀的星象「今年將有3波」目前只是第1波後面接續還有2波大家要做好心理準備。
唐綺陽在「3/30~4/05星座運勢週報」指出3到5月在於一個創造歷史的時間點當中預測有緊急、意外、激烈的事件發生更有民情、輿論或與網路、科技相關的重大影響。由於土星甫進水瓶爆出各種「體現社群之惡」的事件像是更多人因群聚而感染疫病、韓國「N號房」性剝削的可怕事件無論疾病嚴重程度亦或對生活、經濟都帶來相當巨大的影響。
唐綺陽也表示31日火星正式進入水瓶引發各國更積極於社群之戰或是惡質社群災難降臨「衝突、凶殺、暴走、激動在所難免」。另外魔羯星群的木星、冥王星將於1週後相合是關於「大錢、政府」的星象她預測接下來會有國際性、影響經濟等攸關企業生死的事件發生恐怕還有更多重要人物因染病而死。
最後唐綺陽點出2020年共會有3波衝擊第1波將在3至4月初發生第2波則落在6月第3波則是9和10月。這些事件的影響力驚人她叮嚀大家要「繫好安全帶」可能會令人感到不舒適、不適應但卻無法避免。
更多 CTWANT 報導</t>
  </si>
  <si>
    <t>事件影響預測發生嚴重星座經濟唐綺陽疫病星象無法激動</t>
  </si>
  <si>
    <t>唐綺陽預測新冠肺炎武漢肺炎COVID-19</t>
  </si>
  <si>
    <t>肺炎武漢預測唐綺陽covid-</t>
  </si>
  <si>
    <t>歐元台幣人民幣撿便宜</t>
  </si>
  <si>
    <t>新台幣補班日獨家開市連續4天挑戰2字頭價位低接買盤趁勢搶進終場以30051元平盤作收。不過這波新台幣逆勢走升對美元來到約1年半高點對歐元見到32字頭約是3年高點、對人民幣更是10年高點散戶若要進場撿</t>
  </si>
  <si>
    <t>字頭台幣年高來到開市趁勢獨家連續終場挑戰價位平盤逆勢見到歐元高點</t>
  </si>
  <si>
    <t>新台幣補班日獨家開市連續4天挑戰2字頭價位低接買盤趁勢搶進終場以30051元平盤作收。不過這波新台幣逆勢走升對美元來到約1年半高點對歐元見到32字頭約是3年高點、對人民幣更是10年高點散戶若要進場撿便宜買點相對浮現。
昨天匯市獨家開市外資、進出口商幾乎都放假去成交相對清淡盤中新台幣連4天挑戰2字頭最高來到29995元不過終場硬是被央行壓回去終場以平盤作收頗有下周再戰味道。
新台幣延續去年漲勢今年以來累計至升值幅度是025％在主要非美貨幣中僅次於印尼盾對於許多美元定存族來說是不錯買點主要外幣中以歐元重跌263％最多、人民幣則是小貶01％可說是結匯的相對好時機。
以歐元為例光是最近一年對新台幣匯率已貶值超過6％等於到歐元區消費就直接打94折相當划算。
另一個是人民幣人民幣受新冠肺炎蔓延影響持續走貶相較新台幣走升台銀現鈔賣出已跌破44元來到4351即期價更瀕臨43元關卡為4311幾乎是10年來最低價若先不考慮貨寄不寄得來台灣對許多愛買淘寶的剁手族堪稱是最大利多。</t>
  </si>
  <si>
    <t>台幣相對來到字頭人民幣幾乎終場買點開市獨家挑戰歐元平盤年高</t>
  </si>
  <si>
    <t>字頭終場買點新台幣高點</t>
  </si>
  <si>
    <t>終場買點台幣字頭高點</t>
  </si>
  <si>
    <t>黃昏走訪縣府市場不要提醒</t>
  </si>
  <si>
    <t>新冠肺炎疫情嚴峻民眾也上緊發條南投縣防疫聯合宣導小組19日走訪傳統市場、黃昏市場宣導「配合防疫停止試吃哦！」、「疫情期間請外帶減少內用」提醒民眾戴好口罩、保持社交距離、用餐實聯制19日到竹山傳</t>
  </si>
  <si>
    <t>民眾疫情防疫宣導市場嚴峻距離用餐社交保持口罩戴好提醒減少上緊期間外帶發條小組聯合</t>
  </si>
  <si>
    <t>新冠肺炎疫情嚴峻民眾也上緊發條南投縣防疫聯合宣導小組19日走訪傳統市場、黃昏市場宣導「配合防疫停止試吃哦！」、「疫情期間請外帶減少內用」提醒民眾戴好口罩、保持社交距離、用餐實聯制19日到竹山傳統市場逐攤拜訪商家和消費民眾高度配合連帶著小孫女逛市場的阿嬤都戴口罩。
市場的小吃業者直說雖然要求防疫偶爾會挨客人罵但想到人人自律做好防疫才能安全過關聽到旁人一句「大家都辛苦了！」這場疫情每個人都不能置身事外。
南投縣府衛生局、建設處、警察局防疫聯合宣導小組從12日起展開傳統及黃昏市場防疫宣導宣導人員不僅拿大聲公沿途大聲提醒防疫手則高舉宣導牌讓大家一目瞭然各項重點防疫措施而且鎖定餐飲攤商查訪呼籲業者注意防疫細節保護業者自己也保護消費大家的安全與健康。
到19日止該列防疫宣導已完成南投、草屯、埔裡、竹山、名間、水裡等鄉鎮市13梯次19個市場的宣導任務還會鎖定人潮密集的市場尤其是餐飲業持續落實宣導。
衛生局食品科長謝伶華指出市場人潮密集人人都應戴口罩並且確實保護口鼻餐飲業除可張貼「減少內用建議外帶」也有業者自主決定貼出「疫情嚴峻暫停內用」的公告。
餐飲業對於用餐民眾應落實「實聯制」避免併桌共餐建議使用隔板區隔另外攤商也應停止試吃活動對於現做食品應以保冰及隔板保護這些安全衛生的營業措施不僅值得其它業者採行更可提供消費者優先購買的參考。
在竹山市場現做現賣鹹水雞的江老闆說最近疫情實在太恐怖他加設壓克力隔板保護攤上展示的 成品半成品注意衛生、戴好口罩希望消費者買得安心吃得健康這些瑣瑣碎碎的細節做習慣了也不會覺得麻煩反而讓生意有起色回流的老顧客越來越多。</t>
  </si>
  <si>
    <t>防疫市場宣導疫情業者保護民眾口罩隔板餐飲業竹山人人措施建議消費者食品安全</t>
  </si>
  <si>
    <t>新冠肺炎台灣宣導防疫市場</t>
  </si>
  <si>
    <t>肺炎臺灣宣導防疫市場</t>
  </si>
  <si>
    <t>蝙蝠肺炎羅伯派丁森主演吸血鬼</t>
  </si>
  <si>
    <t>新冠肺炎疫情蔓延好萊塢繼湯姆漢克斯、凱文哈特、巨石強森確診後4日再傳出因演出電影《暮光之城》系列走紅的34歲英國男演員羅伯派丁森也染疫據外媒報導他目前正在趕拍的新版《蝙蝠俠》已二度停拍。片商華納</t>
  </si>
  <si>
    <t>蔓延好萊塢湯姆正在漢克斯目前凱文哈特報導巨石確診疫情羅伯派丁森演員傳出英國演出</t>
  </si>
  <si>
    <t>新冠肺炎疫情蔓延好萊塢繼湯姆漢克斯、凱文哈特、巨石強森確診後4日再傳出因演出電影《暮光之城》系列走紅的34歲英國男演員羅伯派丁森也染疫據外媒報導他目前正在趕拍的新版《蝙蝠俠》已二度停拍。
片商華納兄弟公司的發言人表示「蝙蝠俠製作團隊中有1名成員的新冠肺炎檢測結果為陽性目前已遵照既定程式進行隔離電影拍攝暫時停止。」片商雖保護當事人未透露確診者的身分但已有外媒指出確診者正是男主角羅伯派丁森。
由羅伯派丁森主演的《蝙蝠俠》上月底釋出預告起初他不被看好認為經典角色的坎難跨越且在早前劇組為配合政府實施的疫情封鎖已暫停拍攝5個月沒想到復拍才3天卻又傳出男主角染疫導致拍攝再度停擺電影一波三折原預定在2021年10月上映也因拍攝進度延誤檔期恐增添變數。</t>
  </si>
  <si>
    <t>拍攝電影確診蝙蝠疫情傳出羅伯派丁森片商目前主角肺炎角色經典跨越認為</t>
  </si>
  <si>
    <t>蝙蝠俠吸血鬼男羅伯派丁森暮光之城新冠肺炎</t>
  </si>
  <si>
    <t>之城羅伯派丁森吸血鬼肺炎蝙蝠</t>
  </si>
  <si>
    <t>暫停感染宗教團體活動</t>
  </si>
  <si>
    <t>新冠肺炎疫情延燒大甲鎮瀾宮因堅持續辦媽祖遶境活動引發外界熱議而國內其他大型宗教團體如慈濟、法鼓山、中台禪寺及佛光山皆對疫情審慎評估紛紛宣佈取消近期的大型法會、禪修與營隊等活動其中舉辦超過20年</t>
  </si>
  <si>
    <t>疫情活動大甲鎮法會宮因近期堅持取消宣佈紛紛媽祖評估審慎法鼓山國內慈濟宗教團體引發</t>
  </si>
  <si>
    <t>新冠肺炎疫情延燒大甲鎮瀾宮因堅持續辦媽祖遶境活動引發外界熱議而國內其他大型宗教團體如慈濟、法鼓山、中台禪寺及佛光山皆對疫情審慎評估紛紛宣佈取消近期的大型法會、禪修與營隊等活動其中舉辦超過20年的佛光山禪淨共修萬人活動更是首度改為線上直播法鼓山也表示防疫期間不提供齋食為的就是全力配合政府的防疫措施。
佛光山國際佛光會表示因新冠肺炎的關係讓舉辦超過20年的禪淨共修首次改以線上直播的方式進行國際佛光會中華總會總會長趙怡補充禪淨共修是每年佛光山的重要活動每場都有破萬名的信眾參加今年原定要在北部的林口體育館、中部的彰化體育館以及高雄小巨蛋舉行現在因新冠肺炎疫情改為線上直播。
法鼓文化編輯總監果賢法師則認為現在必須配合政府政策以防疫作為第一考量因此減少大型集會活動有其必要法鼓山也已公告直到4月5日前的大小活動包含禪修、營隊等課程都全數暫停但考量到仍有菩薩有修行需求因此僅保留4月的菩薩禮佛活動但相關的防疫措施也會確實完成至於因疫情受影響的信眾可透過法鼓山官方網站上的法鼓講堂繼續網路共修歡迎多加利用。
中台禪寺則是宣佈全省各院精舍及本寺的所有共修課程將全面暫停待疫情緩和後再考慮是否復辦並呼籲信眾進入中台禪寺時配合防疫措施佩戴口罩、測量體溫並用酒精消毒雙手。慈濟基金也取消及延後3月份的所有大型營隊活動其餘共修、一般會務及會議則配合政府防疫規定繼續辦理。</t>
  </si>
  <si>
    <t>活動防疫疫情法鼓山佛光山配合中台禪寺政府措施直播肺炎現在慈濟</t>
  </si>
  <si>
    <t>新冠肺炎武漢肺炎台灣宗教團體</t>
  </si>
  <si>
    <t>武漢肺炎臺灣團體宗教</t>
  </si>
  <si>
    <t>國會女王男人強制川普口罩內幕</t>
  </si>
  <si>
    <t>美國新冠肺炎疫情大反撲總統川普仍堅持不戴口罩民主黨籍眾議院議長裴洛西（Nancy Pelosi）昨（28）日接受專訪時怒嗆川普不是真男人更火大表示美國早該強制全民戴口罩了但是政府一直不敢這麼做是因為怕「</t>
  </si>
  <si>
    <t>川普口罩美國政府疫情反撲pelosinancy接受總統裴洛西全民議長專訪表示強制眾議院黨籍民主男人火大</t>
  </si>
  <si>
    <t>美國新冠肺炎疫情大反撲總統川普仍堅持不戴口罩民主黨籍眾議院議長裴洛西（Nancy Pelosi）昨（28）日接受專訪時怒嗆川普不是真男人更火大表示美國早該強制全民戴口罩了但是政府一直不敢這麼做是因為怕「惹怒」川普。
綜合美媒「財經內幕」（Business Insider）、《新聞週刊》（Newsweek）報導裴洛西周日接受美國廣播公司（ABC）節目「本週」（This Week）專訪時再度對川普應對疫情不力開砲主持人史蒂法諾普洛（George Stephanopoulos）詢問裴洛西是否認為「是時候要求全美國人戴口罩」裴洛西回應「早該這麼做了」她說「我的瞭解是美國疾病管制暨預防中心（US Centers for Disease Control and PreventionCDC）有建議戴口罩但是沒有強制要求因為他們不想冒犯川普。」
JUST IN: @GStephanopoulos: “Is it time to mandate the wearing of masks across the country?”“Definitely long overdue for that” Speaker Nancy Pelosi says adding that the CDC recommended use of masks but did not mandate it as to “not offend&amp;quot; Pres Trump https://tco/vK2j2gSewt pictwittercom/98dKafdYAv
裴洛西接著說：「總統應該成為榜樣你知道的真男人就會戴口罩成為這個國家的榜樣戴上口罩不只是保護自己也是在保護其他人。」此前裴洛西曾在大型造勢活動上公開稱不戴口罩的川普是「懦夫」。
美國CDC 4月初曾發布指示建議民眾戴上口罩並且指出使用簡單的布口罩也可以減緩新冠病毒傳播不過CDC的指令純粹為建議性質並不具強制力。
即便CDC發布建議指示川普仍固執己見公開宣稱不戴口罩。
「財經內幕」指出在美國戴不戴口罩已不只是健康問題更是政治問題許多美國人認為強制戴口罩違反個人權利。目前美國部分地方政府已強制要求居民在公共場合戴上口罩不過聯邦政府並未發布適用全美的相關命令。</t>
  </si>
  <si>
    <t>口罩川普美國裴洛西cdc建議強制發佈the政府要求for接受總統疫情認為to專訪itnancypelosi</t>
  </si>
  <si>
    <t>肺炎驚見疫苗王菲謝霆鋒一起網友</t>
  </si>
  <si>
    <t>天后王菲和小她11歲謝霆鋒2014年爆出世紀復合兩人在公寓客廳中被拍到接吻關係不言而喻也引來看好鋒菲戀的粉絲熱烈祝福。近日有大陸網友去打新冠肺炎疫苗透露在登記處上看到王菲、謝霆鋒名字指兩人前一天一</t>
  </si>
  <si>
    <t>謝霆鋒爆出名字世紀複合看到王菲公寓客廳透露登記處疫苗肺炎接吻關係拍到不言而喻網友引來大陸看好</t>
  </si>
  <si>
    <t>天后王菲和小她11歲謝霆鋒2014年爆出世紀復合兩人在公寓客廳中被拍到接吻關係不言而喻也引來看好鋒菲戀的粉絲熱烈祝福。近日有大陸網友去打新冠肺炎疫苗透露在登記處上看到王菲、謝霆鋒名字指兩人前一天一起攜手來打疫苗可惜無法直擊「什麼時候來個偶遇多好」。
王菲和謝霆鋒1999年首度傳出交往兩人在鏡頭前世紀牽手閃瞎一票媒體後來雙方分手後各自嫁娶又都離婚後繞了一圈7年前鬆口證實又開始交往。先前有名嘴稱兩人分手還發誓若不準確願意吃屎引來謝霆鋒本人反嗆最近香港記者「香港朱皮」也爆料兩人分開半年也被狗仔照片打臉。
謝霆鋒之前在直播中脫口表示無法忍受出軌引來網友狂對號入座香港朱皮當時稱：「現在霆鋒與王菲已分手半年霆鋒口中的出軌絕對無法接受大家心知肚明指的是誰吧？」。但大陸媒體隨後拍到謝霆鋒一身低調離開北京機場後就直赴多年前與王菲被拍到復合共同生活的愛巢用行動證明兩人分手傳言都是假像
近日有大陸網友分享上月24日去打了新冠疫苗第二針「昨天王菲和謝霆鋒在這裡接種疫苗今天我也在這裡接種疫苗喜歡他倆真夠低調」她透露是在登記處上看到兩人名字引來其他網友開心鋒菲又同框「謝謝妳告訴我這個好消息夠我甜一陣子了～」。</t>
  </si>
  <si>
    <t>謝霆鋒分手引來網友疫苗拍到王菲大陸王菲和香港交往媒體出軌複合低調世紀無法朱皮</t>
  </si>
  <si>
    <t>謝霆鋒王菲復合新冠肺炎疫苗</t>
  </si>
  <si>
    <t>複合王菲肺炎謝霆鋒疫苗</t>
  </si>
  <si>
    <t>發言張雅琴播報童母爆粗血友病</t>
  </si>
  <si>
    <t>滯留大陸湖北武漢的血友病童與母親昨晚搭機返台下機後隨即被載往醫院隔離採檢不過對於台灣政府費盡心力送藥仍遭病童母親痛批無能除了引發大批網友不滿外連主播張雅琴也看不下去播新聞時直接「爆粗口」。</t>
  </si>
  <si>
    <t>母親血友病連主不滿昨晚網友新聞引發下機無能隨即返台載往醫院隔離對於臺灣政府費盡心力病童看不下去</t>
  </si>
  <si>
    <t>滯留大陸湖北武漢的血友病童與母親昨晚搭機返台下機後隨即被載往醫院隔離採檢不過對於台灣政府費盡心力送藥仍遭病童母親痛批無能除了引發大批網友不滿外連主播張雅琴也看不下去播新聞時直接「爆粗口」。
血友病童母親昨晚順利抵台不過種種行徑早引發網友不滿先是未搭上首班返台專機對台灣政府喊話救命藥劑將用罄希望伸出援手能早日返台就醫不過被抓包發文第一時間沒感謝台灣政府接著又被衛福部長陳時中打臉早已經千里送藥而且夠用到3/28這讓主播張雅琴揚言看不下去認為不能夠吃台灣的、用台灣健保卻又反罵台灣怒斥血友病童母親「很貝戈戈」。
此外有網友起底這名病童母親身分過去幾年從事直銷僅花10個月時間就升到資深總監月收更高達46萬這讓網友怒斥如此高收入在大陸怎會買不到藥怒嗆她不夠格使用台灣健保對此張雅琴則緩頰符合規定都可以用健保畢竟台灣是民主社會。</t>
  </si>
  <si>
    <t>母親網友臺灣臺灣政府返台張雅琴血友病送藥病童怒斥不滿引發大陸看不下去昨晚希望時間援手伸出</t>
  </si>
  <si>
    <t>血友病童張雅琴新冠肺炎新型冠狀病毒台灣</t>
  </si>
  <si>
    <t>肺炎張雅琴冠狀病毒臺灣血友病</t>
  </si>
  <si>
    <t>申請公共服務防疫機關傳遞政府提供正確line資訊</t>
  </si>
  <si>
    <t>新冠肺炎(COVID-19)疫情期間即時通訊平臺 LINE 宣佈為了協助台灣的政府機關有效傳遞正確的官方資訊將為中央政府一二三級機關與縣市政府提供「公共服務」帳號讓政府機關在近期的防疫時期免費推播防疫措施等相</t>
  </si>
  <si>
    <t>機關政府防疫疫情期間即時通訊平臺line近期covid-宣佈協助臺灣中央政府縣市政府資訊有效傳遞正確免費時期肺炎公共服務提供官方</t>
  </si>
  <si>
    <t>新冠肺炎(COVID-19)疫情期間即時通訊平臺 LINE 宣佈為了協助台灣的政府機關有效傳遞正確的官方資訊將為中央政府一二三級機關與縣市政府提供「公共服務」帳號讓政府機關在近期的防疫時期免費推播防疫措施等相關宣導；未來在緊急需求時LINE 也將放寬訊息上限讓政府機關發布攸關民生、防災、防疫等資訊方便台灣民眾掌握最新動態。
由於 LINE 正是在 2011 年日本東北大地震之後誕生其創立目標就是要讓每個人都能在重要的時刻與最親近的親友快速有效的溝通確保安全減少損失。LINE 台灣董事總經理陳立人表示：「為應對這次新型冠狀病毒肺炎疫情我們透過 LINE 平臺上的各種服務與技術匯聚政府各部會、與在地夥伴的資源一起做出各種努力。我們希望做我們真正在行的事並且把我們在行的事做到最好才能發揮 LINE 的優勢讓我們的用戶受益。因此除了開放「公共服務」帳號我們也採取一些舉措希望能協助台灣民眾掌握正確的資訊也希望幫助居家檢疫者或隔離者安心居家居家健康。」
新冠肺炎疫情蔓延期間衛生福利部疾病管制署便利用「疾管家」帳號（ID: ＠taiwancdc）推播跟防疫相關的資訊讓將近200萬的台灣民眾掌握正確的官方宣導訊息達到即時有效的溝通。
LINE 促進正確的訊息流通
除了提供政府機關可申請 LINE「公共服務」帳號傳遞正確資訊外；LINE 也積極優化旗下平臺來配合防疫。自疫情爆發以來LINE TODAY 協助中央流行疫情指揮中心隨時發佈疫情最新資訊。對於重大的防疫資訊 LINE TODAY 會以首頁加強宣導。截至2020年3月8日止疫情新聞總瀏覽量達13億平均每天不重複的瀏覽人次達54萬人次。此外LINE TODAY 在台灣事實查核中心、Cofacts真的假的、MyGoPen、蘭姆酒吐司四家專業的民間查核夥伴的協助下也利用「防疫闢謠報你知」以及首頁下方的「謠言破解」專區隨時指正網路上的錯假訊息。截至2020年3月8日止「謠言破解」專區累積超過126則與新型冠狀病毒肺炎相關的闢謠查核文和澄清文總瀏覽量達300萬有效聚合正確的防疫措施與資訊方便用戶傳散分享。
當醫療用口罩成為重要的防疫物資如何更便利的買到口罩也成為用戶最迫切的需求因此台灣團隊從規劃到上線48小時之內通力協作於2020年2月5日在 LINE SPOT 中推出「口罩地圖」串接健保局的公開資料讓全台用戶只要打開 LINE都能根據所在位置尋找就近的口罩販售藥局與數量LINE SPOT 團隊也持續根據疫情發展新增各種防疫補給地圖（點此瀏覽）。此外2020年3月9日亦公告即日起LINE 廣告平臺一律暫停接受醫療口罩廣告在所有廣告版位中嚴格禁止刊登醫療口罩廣告。
提供線上內容讓用戶安心居家
LINE 在台灣推出的 LINE TV 與 LINE MUSIC 的線上影音串流內容這兩種線上服務14天免費體驗序號已提供給新北市、桃園市、新竹市、基隆市、宜蘭縣等地方政府作為居家檢疫包；自2020年3月18日起LINE MUSIC 的體驗序號將全面開放給全台用戶作為居家的生活調劑；另外 LINE 也集結韓國、台港的漫畫創作者分別自2020年3月10日與2020年3月17日起在數位漫畫平臺 LINE WEBTOON 上推出防疫特輯以自發性的創作內容接力傳遞溫暖的正能量為讀者和社會打氣。</t>
  </si>
  <si>
    <t>line防疫疫情臺灣口罩資訊政府用戶正確協助平臺居家有效機關提供訊息肺炎查核希望宣導傳遞相關內容today醫療</t>
  </si>
  <si>
    <t>LINE公共服務防疫正確資訊假消息</t>
  </si>
  <si>
    <t>防疫正確公共服務資訊line假消息</t>
  </si>
  <si>
    <t>陳時中預先公告臺灣</t>
  </si>
  <si>
    <t>很多國家開始封城台灣在什麼樣的情況下也會這樣做？陳時中表示進一步動作我們希望大家有一點準備的時間基本上預先公告為原則有時突發的情況沒辦法在我們掌握內台灣離這個情況還很遠。</t>
  </si>
  <si>
    <t>情況臺灣辦法陳時中表示動作希望進一步準備時間基本上預先突發有時公告原則掌握封城開始</t>
  </si>
  <si>
    <t>台灣情況封城陳時中還很遠</t>
  </si>
  <si>
    <t>陳時中封城情況臺灣</t>
  </si>
  <si>
    <t>消息萬華慢慢控制陽性率下來</t>
  </si>
  <si>
    <t>臺北市萬華區3處篩檢站昨檢測682例市長柯文哲27日分析看起來比例有下降雖然萬華是一開始發動的地方在設置篩檢站把陽性找出來隔離後這地方慢慢控制下來但發現其他地方散開。萬華3處快篩站昨完成682人篩檢</t>
  </si>
  <si>
    <t>地方萬華分析看起來柯文哲比例下降市長隔離檢測散開出來開始陽性發動設置控制慢慢</t>
  </si>
  <si>
    <t>臺北市萬華區3處篩檢站昨檢測682例市長柯文哲27日分析看起來比例有下降雖然萬華是一開始發動的地方在設置篩檢站把陽性找出來隔離後這地方慢慢控制下來但發現其他地方散開。
萬華3處快篩站昨完成682人篩檢聯合醫院中興院區有219人篩檢、14人陽性；剝皮寮篩檢220人、3人陽性；聯醫和平院區篩檢243人、18人陽性。昨陽性率也掉到51％。
柯文哲今午主持防疫記者會剖析看起來比例有下降這次反而剝皮寮人數比較少也可能是有病的都篩出來了再檢查北市其他醫院快篩情形發現有散掉跟統計的數量是符合的。
他指出把中央已確診案例按發病日倒推回去若不計較是那一個時間只看趨勢從報表來看最重要意義就是萬華百分比有控制反而是其他地方散開符合在所有臨床上看到的。
柯文哲說固然萬華是一開始發動的地方設篩檢站把陽性找出來隔離這地方慢慢控制下來畢竟首都是生活圈人會跑來跑去待數量達一定程度不能再公佈疫調、足跡因為會有假像安全感以為疫情只在萬華、只有公佈的足跡是危險的但其他行政區都有恐怕到新北淡水到新店沿岸都是一樣局面要把旁邊的人都當成有感染。</t>
  </si>
  <si>
    <t>地方萬華柯文哲陽性數量出來公佈符合足跡發現控制反而散開看起來比例</t>
  </si>
  <si>
    <t>新冠肺炎台灣萬華陽性率篩檢</t>
  </si>
  <si>
    <t>臺灣萬華陽性率肺炎</t>
  </si>
  <si>
    <t>amanda胸前呼籲防疫事業大馬</t>
  </si>
  <si>
    <t>來自馬來西亞的辣媽 Amanda Seet 在網上人氣超高從過去在模特兒圈就因澎派身材引發關注但最讓人印象深刻的其實是她胸前超醒目的一顆痣！如同標記一樣恰恰好在胸口正中間的位置讓大批粉絲看了狂讚「果真是胸</t>
  </si>
  <si>
    <t>amandaseet網上人氣過去模特粉絲位置正中間胸口好在身材恰恰引發標記關注如同最讓人印象醒目深刻</t>
  </si>
  <si>
    <t>來自馬來西亞的辣媽 Amanda Seet 在網上人氣超高從過去在模特兒圈就因澎派身材引發關注但最讓人印象深刻的其實是她胸前超醒目的一顆痣！如同標記一樣恰恰好在胸口正中間的位置讓大批粉絲看了狂讚「果真是胸懷大痣」。
伴隨新冠肺炎（COVID-19）疫情擴大她不忘發辣照呼籲粉絲動起來抗疫「大家要乖乖呆家在哦～不要亂跑了！馬來西亞加油吧！」照片中她身穿亮眼的螢光綠貼身背心配上牛仔短褲讓少少的布料意外凸顯出豪乳就連事業線都超明顯。
AmandaSeet（@amandaseet）分享的貼文 於 PDT 2020 年 3月 月 19 日 下午 10:52 張貼
在IG上瘋狂吸引419萬人追蹤的Amanda已經從少女升級當媽媽育有可愛的兒子Lucas也幫他開了個人IG記錄成長點滴除了專心顧小孩同時也擔任網拍服飾店老闆可說是人美事業順的人生勝利組。
Lucas Teo Baby Boy（@lucasteobaby）分享的貼文 於 PST 2020 年 2月 月 14 日 上午 4:23 張貼
AmandaSeet（@amandaseet）分享的貼文 於 PDT 2020 年 3月 月 18 日 上午 7:23 張貼
AmandaSeet（@amandaseet）分享的貼文 於 PST 2020 年 2月 月 22 日 下午 9:57 張貼
AmandaSeet（@amandaseet）分享的貼文 於 PST 2020 年 2月 月 26 日 下午 9:59 張貼</t>
  </si>
  <si>
    <t>amandaseet粉絲lucas事業ig馬來西亞分享張貼下午@amandaseetpstpdt貼身螢光乖乖背心</t>
  </si>
  <si>
    <t>馬來西亞Amanda大馬正妹性感防疫</t>
  </si>
  <si>
    <t>大馬性感amanda防疫馬來西亞</t>
  </si>
  <si>
    <t>何?命師解簽疫情臺灣</t>
  </si>
  <si>
    <t>新冠肺炎疫情延燒台灣確診病例逐漸飆高。台灣4月疫情會降溫嗎？命理時事分析家詹惟中解讀籤詩表示4月份疫情並不樂觀配合政府防疫措施輕鬆愉快地去面對它。宅神朱學恒不禁驚問一句：「但物質生活不好是不是</t>
  </si>
  <si>
    <t>疫情臺灣不禁朱學面對物質輕鬆愉快措施防疫確診政府配合分析家時事樂觀並不解讀月份</t>
  </si>
  <si>
    <t>新冠肺炎疫情延燒台灣確診病例逐漸飆高。台灣4月疫情會降溫嗎？命理時事分析家詹惟中解讀籤詩表示4月份疫情並不樂觀配合政府防疫措施輕鬆愉快地去面對它。宅神朱學恒不禁驚問一句：「但物質生活不好是不是？」
主持人陳鳳馨在談話性節目《國民大會》問說台灣4月疫情會降溫嗎？由宅神朱學恒抽出籤詩「人生無量壽精神的生命是永遠不會老死的。」詹惟中解籤說「人生無量壽」指的是人的生命是固定的積德行善當然長壽。「精神」是指這個病毒無可預防但仍要保持心情愉快運動、樂觀、做正常的活動這就是正能量。
詹惟中表示4月份疫情並不樂觀大家保持精神生活就不會老死。4月份放鬆心情但也不要太鬆懈有所警覺配合政府的防疫措施以輕鬆愉快的心情去面對它。</t>
  </si>
  <si>
    <t>疫情精神臺灣月份樂觀生活簽詩保持心情人生降溫生命朱學無量政府配合</t>
  </si>
  <si>
    <t>新冠肺炎武漢肺炎疫情台灣詹惟中</t>
  </si>
  <si>
    <t>肺炎武漢疫情詹惟中臺灣</t>
  </si>
  <si>
    <t>公佈御醫最新白宮病毒檢測痊癒川普結果</t>
  </si>
  <si>
    <t>美國總統川普感染新冠肺炎後昨（10）日進行首場公開活動並摘掉口罩外界關注他是否已經痊癒不過白宮醫療團隊始終不願證實他的病毒檢測結果是否已經由陽性轉為陰性昨日公開的備忘錄僅表示川普「已不具備傳染</t>
  </si>
  <si>
    <t>公開已經川普是否表示肺炎備忘錄進行昨日活動始終感染摘掉陰性團隊轉為證實醫療口罩白宮病毒檢測關注</t>
  </si>
  <si>
    <t>美國總統川普感染新冠肺炎後昨（10）日進行首場公開活動並摘掉口罩外界關注他是否已經痊癒不過白宮醫療團隊始終不願證實他的病毒檢測結果是否已經由陽性轉為陰性昨日公開的備忘錄僅表示川普「已不具備傳染風險」。
綜合美國《國會山莊報》（The Hill）、路透社報導白宮昨日公開川普禦醫康利（Sean Conley）針對川普最新身體狀況的備忘錄指出川普「已經不具備新冠病毒傳染風險」。
康利在備忘錄中指出「今晚我很高興地宣佈總統不只符合CDC不需要隔離的安全標準今天早上的新冠病毒PCR（聚合酶連鎖反應）檢測也顯示按照目前的標準他再也不會被視為對他人有傳染風險。」
同時病毒檢測也指出「再也沒有證據顯示病毒會主動複製。」
川普2日宣佈感染新冠肺炎住院4天後返回白宮繼續治療白宮醫療團隊先前坦承川普染疫頭2天有發高燒、血氧濃度下降等狀況團隊更讓他使用重症患者才會使用的類固醇藥物地塞米松（Dexamethasone）進行治療令傳染病專家擔憂川普實際病況嚴重。
川普昨日進行染疫後首場公開活動他摘掉口罩站在白宮陽臺上對台下數百支持民眾發表長約17分鐘的演說引發外界關心他是否已經痊癒以及擔憂這場活動會否淪為新的病毒溫床。
不過白宮醫療團隊昨日仍舊未證實川普的新冠病毒檢測是否陽轉陰只表示川普「過去24小時已經沒有發燒」「其他症狀也已經改善。」白宮醫療團隊已經連續幾天宣佈川普沒有發燒症狀。
除了10日進行首場公開活動外川普還計畫12日在佛羅裡達州進行染疫後首場造勢活動。
目前尚不清楚川普身上仍有哪些新冠肺炎引發的症狀不過根據美國疾病管制暨預防中心（CDC）官網公佈的指導方針輕度至中度成人新冠患者如果已經24小時沒有發燒他們在首次出現症狀後10天才能免除隔離重症患者則需要更長的隔離期。</t>
  </si>
  <si>
    <t>川普白宮已經進行團隊活動公開昨日病毒是否症狀患者醫療宣佈備忘錄風險美國傳染病毒檢測沒有指出</t>
  </si>
  <si>
    <t>川普新冠肺炎傳染風險痊癒病毒檢測</t>
  </si>
  <si>
    <t>肺炎傳染風險痊癒川普病毒檢測</t>
  </si>
  <si>
    <t>關鍵日黃珊珊確診中研院</t>
  </si>
  <si>
    <t>北市南港的中研院P3實驗室發生一名女性研究人員疑似在做新冠肺炎實驗中不慎染疫確診北市副市長黃珊珊今證實個案曾兩度被實驗鼠咬傷10月15日被咬傷後有做快篩陰性11月19日在P3實驗室再度被染疫老鼠咬傷</t>
  </si>
  <si>
    <t>實驗室北市發生女性人員證實黃珊珊個案肺炎研究市長確診不慎實驗</t>
  </si>
  <si>
    <t>北市南港的中研院P3實驗室發生一名女性研究人員疑似在做新冠肺炎實驗中不慎染疫確診北市副市長黃珊珊今證實個案曾兩度被實驗鼠咬傷10月15日被咬傷後有做快篩陰性11月19日在P3實驗室再度被染疫老鼠咬傷沒有做快篩11月26日開始出現咳嗽。
黃珊珊表示這位案16816是25歲女性在中研院基因體研究是做研究人種已接種兩劑莫德納接種時間分別是6月28日及7月26日從TOCC來看沒有任何出入境紀錄唯一工作就是在中研院基因體研究中。
黃珊珊指出個案曾在10月15日曾在實驗室被染疫老鼠咬傷當時有做快篩陰性之後便沒有進入實驗室操作；一個月之後11月19日在P3實驗室再度被染疫老鼠咬傷但她這次沒有做快篩。
黃珊珊說個案於11月26日開始出現咳嗽狀況12月1日開始頻繁咳嗽12月4日打噴嚏流鼻水12月8日發現嗅、味覺異常到診所買快篩劑在家裡篩檢發現陽性。
黃珊珊表示12月9日上午由男友帶著她到醫院後來轉介到聯合醫院忠孝院區採檢結果PCR是陽性CT值是1517昨天接到第一時間通報緊急應變、採檢包括疫調到深夜收治在忠孝院區專責病房下午4點15分轉到和平院區治療。</t>
  </si>
  <si>
    <t>黃珊珊實驗室研究沒有院區個案中研院忠孝表示發現陽性咳嗽女性開始北市</t>
  </si>
  <si>
    <t>新冠肺炎台灣黃珊珊實驗室老鼠咬傷</t>
  </si>
  <si>
    <t>黃珊珊實驗室臺灣肺炎老鼠</t>
  </si>
  <si>
    <t>友通電腦設備同期業績新高</t>
  </si>
  <si>
    <t>工業電腦廠友通（2397）受惠併購效益持續顯現6月自結合併營收698億元、第二季合併營收204億元、上半年合併營收4216億元三者齊創同期新高。展望後市由於新冠肺炎疫情未見緩和公司對下半年展望維持保守看待</t>
  </si>
  <si>
    <t>展望受惠並購效益下半年持續顯現結合公司緩和疫情肺炎同期合併後市維持電腦廠保守</t>
  </si>
  <si>
    <t>工業電腦廠友通（2397）受惠併購效益持續顯現6月自結合併營收698億元、第二季合併營收204億元、上半年合併營收4216億元三者齊創同期新高。展望後市由於新冠肺炎疫情未見緩和公司對下半年展望維持保守看待。
友通2020年6月自結合併營收698億元月增661％、年增1202％為近3月高點、續創同期新高。第二季合併營收204億元季減624％、仍年增1681％續創同期新高、亦為歷史第3高。累計上半年合併營收4216億元年增3216％續創同期新高。
友通6月合併營收續登同期高主要受惠併購工業自動化整合銷售通路商羅昇挹注。若排除併購公司挹注友通6月個體營收約325億元月增436％、年減3237％第二季營收94億元季減1581％、年減3363％。不過上半年營收3412億元仍年增3468％。
其陽（3564）6月自結合併營收155億元月增達4386％、年增947％登近5月高點、亦創同期新高。第二季合併營收377億元季減1149％、仍年增1445％為同期次高。累計上半年合併營收804億元年增3365％續創同期新高。
至於羅昇（8374）表現則續疲6月自結合併營收217億元月減751％、年減17％。第二季合併營收722億元季增1418％、仍年減1326％。累計上半年合併營收1355億元年減1394％。
友通董事長陳其宏日前法說時表示第二季併購效益仍將持續顯現但歐美需求已明顯受到疫情影響雖然對下半年營運影響仍不明確但他個人較悲觀看待認為需求仍將明顯受疫情影響預期今年上、下半年營收比重將大致相當。
友通今年將攜手其陽搶攻急速成長的網通、網安市場透過集團採購議價與生產基地整合來提高產品競爭力並經由羅昇通路深耕智慧製造領域強化拓展智慧製造、智慧交通與基礎建設、智慧醫療3大應用領域以合計貢獻突破6成為目標。
友通總經理蔡其南指出其陽將專注於網通產品行銷研發結合友通資源加速開發軟體定義廣域網（SD-WAN）與網安閘道器等新產品。羅昇則致力提升機電整合能力、代理高毛利新產品並在智慧製造應用方面與友通聯合推廣持續擴大營收、提升獲利能力。</t>
  </si>
  <si>
    <t>產品結合並購同期智慧整合友通羅升下半年疫情製造持續合併網通看待</t>
  </si>
  <si>
    <t>友通營收成長同期新高併購</t>
  </si>
  <si>
    <t>同期成長新高並購友通</t>
  </si>
  <si>
    <t>《傳產》新冠肺炎疫情尚未趨緩房市首季後才會較明朗</t>
  </si>
  <si>
    <t>首季肺炎疫情房市尚未才會明朗</t>
  </si>
  <si>
    <t>房市疫情影響尚未衝擊張漢超展室季後是否房屋因素資料中信過往波動產生恐慌統計較為大環境明朗</t>
  </si>
  <si>
    <t>房市區域核心波動房價較為南北統計分別現象張漢超可以影響邊陲交易疫情六都台中市場住宅中信大樓價格</t>
  </si>
  <si>
    <t>新冠肺炎疫情房價六都波動</t>
  </si>
  <si>
    <t>房價肺炎疫情六都波動</t>
  </si>
  <si>
    <t>點火基金看漲新藥</t>
  </si>
  <si>
    <t>美國FDA核准近20年來首款阿茲海默症新藥以及新冠肺炎疫苗技術的重大突破使著醫療產業邁向另一個創新期法人表示預期生技醫療產業的創新研發技術將帶動相關企業獲利營收表現進而推升股價走勢。生醫股今年來</t>
  </si>
  <si>
    <t>技術產業創新醫療阿茲海默新藥走勢股價表現獲利肺炎企業疫苗相關帶動重大突破研發</t>
  </si>
  <si>
    <t>研發醫療藥物技術表現產業近期股價基因疫苗表示fda全球江宜虔市場過去排序整體新藥發展透過aducanumab</t>
  </si>
  <si>
    <t>研發表現肺炎疫苗技術通過</t>
  </si>
  <si>
    <t>技術研發肺炎表現疫苗</t>
  </si>
  <si>
    <t>擴大az以上</t>
  </si>
  <si>
    <t>指揮中心今天宣佈擴大AZ疫苗第二劑接種9月29日開打接種資格為7月22日前已接種第一劑AZ且間隔滿10周以上的52歲以上即1969年12月31日(含)前出生的民眾目前可配送的第二劑AZ疫苗量約111萬劑。中央流行疫苗指</t>
  </si>
  <si>
    <t>az疫苗接種擴大配送出生以上目前民眾宣佈日前間隔資格中央今天流行中心指揮</t>
  </si>
  <si>
    <t>指揮中心今天宣佈擴大AZ疫苗第二劑接種9月29日開打接種資格為7月22日前已接種第一劑AZ且間隔滿10周以上的52歲以上即1969年12月31日(含)前出生的民眾目前可配送的第二劑AZ疫苗量約111萬劑。
中央流行疫苗指揮中心今(26)日表示為儘速提升國內第二劑COVID-19疫苗涵蓋率將自9月29日起陸續配送AstraZeneca COVID-19疫苗(以下簡稱AZ疫苗)預計開放7月22日前已接種第一劑AZ疫苗且間隔滿10週以上之52歲(含)以上即1969年12月31日(含)前出生民眾由縣市政府安排通知接種第二劑AZ疫苗並可視疫苗庫存、到貨與接種情形依年齡層逐序向下開放與第一劑AZ疫苗接種間隔滿10週之民眾接種第二劑。
指揮中心說明本(2021)年7月22日前接種AZ疫苗之民眾至9月30日間隔將滿10週以上。考量年齡較大者感染COVID-19疫苗後重症風險較高為使年紀較長之民眾獲得足夠免疫保護力故目前可配送之AZ疫苗量約111萬劑將優先提供52歲以上民眾接種將自9月29日起陸續配送。地方政府衛生局可依現有疫苗庫存及後續配送時間規劃指定合約院所或接種點提供接種服務並可視接種量能與疫苗可調度量調整開始接種日期。
另自10月1日起亦開始接種流感疫苗指揮中心提醒依我國衛生福利部傳染病防治諮詢會預防接種組(ACIP)建議接種流感疫苗應與COVID-19疫苗間隔至少7天請民眾於接種各項疫苗前應攜帶「COVID-19疫苗接種紀錄卡」及健保卡並於接種前評估時應說明過往疫苗接種史以利醫生評估。完成接種後建議於接種處或附近至少留觀15分鐘自我密切觀察15分鐘先前曾因接種疫苗或任何注射治療後發生急性過敏反應的民眾建議留觀至少30分鐘以利即時處置該類急性過敏反應；另接種AZ疫苗後28天內若出現嚴重不適症狀應儘速就醫並告知疫苗接種史以利醫師及早釐清病因並給予適當臨床處置。</t>
  </si>
  <si>
    <t>疫苗接種az民眾covid-配送中心指揮建議以利以上至少間隔流感疫苗過敏評估</t>
  </si>
  <si>
    <t>AZ第二劑擴大接種52歲以上新冠肺炎</t>
  </si>
  <si>
    <t>以上接種擴大az肺炎</t>
  </si>
  <si>
    <t>疫苗透視novavax最好譽為強項厲害科學家</t>
  </si>
  <si>
    <t>美國生技大廠諾瓦瓦克斯（Novavax）蛋白次單位新冠疫苗在保護力及對抗變種病毒的能力都表現優異國產的高端及聯亞疫苗也是蛋白次單位疫苗能擁有如同諾瓦瓦克斯疫苗的效力嗎？專家認為諾瓦瓦克斯做這支疫苗用</t>
  </si>
  <si>
    <t>疫苗蛋白單位諾瓦瓦克斯諾瓦瓦克斯novavax表現能力病毒高端優異變種大廠對抗力及保護效力如同擁有專家</t>
  </si>
  <si>
    <t>疫苗蛋白諾瓦瓦克斯佐劑抗體使用效力細胞免疫保護技術效果反應不同高端誘發單位專利黃立民比較</t>
  </si>
  <si>
    <t>康健雜誌新冠肺炎台灣諾瓦瓦克斯Novavax</t>
  </si>
  <si>
    <t>肺炎臺灣諾瓦雜誌瓦克斯康健novavax</t>
  </si>
  <si>
    <t>專家肺炎藥物呼籲測試不要草率who上市</t>
  </si>
  <si>
    <t>新冠肺炎疫情持續延燒讓許多國家人心惶惶深怕受到感染不過世界衛生組織（WHO）宣佈在三周內將公佈新冠肺炎的2項藥物臨床測試結果不過全球衛生專家呼籲千萬不要草率上市。根據《CNBC》報導WHO秘書長譚德塞</t>
  </si>
  <si>
    <t>who肺炎報導cnbc上市不要草率呼籲專家衛生全球人心惶惶國家結果深怕受到感染世界衛生組織測試宣佈臨床持續藥物</t>
  </si>
  <si>
    <t>新冠肺炎疫情持續延燒讓許多國家人心惶惶深怕受到感染不過世界衛生組織（WHO）宣佈在三周內將公佈新冠肺炎的2項藥物臨床測試結果不過全球衛生專家呼籲千萬不要草率上市。
根據《CNBC》報導WHO秘書長譚德塞在記者會上表示有2種用來治療愛滋病的藥物結合後還有瑞德西韋（Remdesivir）的抗病藥物有機會能夠用來治療新冠肺炎接下來將會開始進行臨床實驗預計會在3周後得知測試結果。
此外世界衛生組織突發事件管理人Janet Diaz表示有消息指出有種抗瘧疾的藥物也能夠用來治療新冠病毒不過目前還沒有獲得證實。不過也有全球衛生專家表示研發疫苗是一件漫長、複雜的工作更重要的關係到人命所以千萬不要為了求快就草率測試後就直接上市。
而除了WHO提到的2種藥物之外美國總統川普在2月初時表示美國目前也正在進行研發疫苗的工作而最快在2個月內可以進行測試。
更多 CTWANT 報導</t>
  </si>
  <si>
    <t>藥物表示測試who進行肺炎世界衛生組織治療目前工作不要結果上市研發草率疫苗全球衛生專家美國</t>
  </si>
  <si>
    <t>藥物測試WHO武漢肺炎新冠肺炎</t>
  </si>
  <si>
    <t>肺炎武漢who測試藥物</t>
  </si>
  <si>
    <t>失敗復活複賽勸退ufc</t>
  </si>
  <si>
    <t>（4月11日更新）UFC的復賽計畫馬上就破滅了雖然老總懷特雄心勃勃最後還是被轉播單位勸退。目前UFC所有比賽都是無限期停賽。原文：UFC終極格鬥聯盟準備復賽了老總懷特(Dana White)決定於本月18日舉行UFC 249。</t>
  </si>
  <si>
    <t>ufc懷特複賽老總比賽停賽原文目前勸退white決定單位終極最後雄心勃勃破滅轉播dana格鬥聯盟馬上準備無限期本月</t>
  </si>
  <si>
    <t>THE WHOLE CARD ?  See you on ESPN+ PPV #UFC249
 ufc（@ufc）分享的貼文 於 PDT 2020 年 4月 月 6 日 下午 6:23 張貼
（4月11日更新）UFC的復賽計畫馬上就破滅了雖然老總懷特雄心勃勃最後還是被轉播單位勸退。目前UFC所有比賽都是無限期停賽。
原文：
UFC終極格鬥聯盟準備復賽了老總懷特(Dana White)決定於本月18日舉行UFC 249。問題是主打明星「大鵰」奈戈梅朵夫(Khabib Nurmagomedov)退出更重要的是他們能在哪裡打？
根據TMZ爆料懷特未來打算把比賽搬到一個私人島嶼用飛機把拳手載過去打！真是瘋狂的點子。懷特幾乎是不擇手段想要復賽他把比賽陣容都排出來了至於奈戈梅朵夫是因為新冠疫情而無法離開俄羅斯。
除了防疫較好的台灣目前敢繼續比的職業賽不多了白俄羅斯超級足球現在還沒停此外美國WWE摔角還在閉門情況下打完了年度大賽(分兩天播出而且打得很激烈)。
懷特的神祕地點尚未曝光他急於復賽也遭受許多批評但也有人認為只要做好防疫有個拳賽可看也不錯總比現在什麼都沒有好吧。只是美國現有36萬新冠感染者超過1萬人死亡如果有染病者一起飛到小島上後果不堪設想。</t>
  </si>
  <si>
    <t>懷特ufc複賽比賽現在目前防疫美國老總朵夫奈戈you飛到一起onespn染病ppv</t>
  </si>
  <si>
    <t>復賽MMAUFC終極格鬥綜合格鬥</t>
  </si>
  <si>
    <t>格鬥終極mmaufc複賽綜合</t>
  </si>
  <si>
    <t>朋友被捕疫苗指揮中心竹縣</t>
  </si>
  <si>
    <t>中央流行疫情指揮中心6日才宣佈失聯、逾期居留的移工不會因為接種疫苗而遭捕不過新竹縣1名女移工7日上午由朋友陪同前往新豐鄉衛生所接種疫苗卻疑因無健保卡等文件衛生所通知警方而先至分駐所問訊隨後</t>
  </si>
  <si>
    <t>衛生所疫苗接種警方中心通知文件宣佈指揮逾期居留新豐鄉上午前往朋友陪同</t>
  </si>
  <si>
    <t>中央流行疫情指揮中心6日才宣佈失聯、逾期居留的移工不會因為接種疫苗而遭捕不過新竹縣1名女移工7日上午由朋友陪同前往新豐鄉衛生所接種疫苗卻疑因無健保卡等文件衛生所通知警方而先至分駐所問訊隨後才打疫苗親友指控「與指揮中心說的有出入」。
新竹縣衛生局解釋失聯、逾期居留的移工若要接種疫苗需先前往移民署新竹縣專勤隊開立自首書後續才能接種並非「人來就打」。該名女移工7日上午先去衛生所欲接種疫苗不過衛生所人員發現她沒有在登錄名單上也沒有健保卡、居留證等證件因此也不知該如何是好因此造成風波後續流程要怎麼進行「會再請示中央流行疫情指揮中心」。
而發生去衛生所卻進派出所的女移工的朋友則說是看了新聞聽到衛生福利部長陳時中等人說為了避免失聯、逃逸、逾期居留移工成為防疫破口去打疫苗不會抓因此才帶這名女移工前往衛生所接種卻未料還沒打疫苗就先進派出所「還要上手銬、戴腳鐐」跟指揮中心宣佈的內容出入很大女移工的朋友也說「如果會被抓誰會傻傻去打疫苗？」
全台失聯、逾期居留移工超過5萬人移民署規畫「在台逾期停居留之外來人口疫苗接種專案」採「不通報、不查處、不收費」等原則鼓勵失聯移工出面接種不過仍須先去各縣市專勤隊開立自首書並繳罰單出入境管理局後續會編列名冊請各地衛生所協助接種疫苗。
而這名欲打疫苗卻被捕的女移工已完成疫苗接種預計將解送至新竹縣專勤隊辦理。</t>
  </si>
  <si>
    <t>疫苗接種衛生所後續新竹中心指揮逾期居留朋友專勤派出所移民署</t>
  </si>
  <si>
    <t>衛生所打疫苗女移工接種疫苗失聯</t>
  </si>
  <si>
    <t>疫苗接種衛生所</t>
  </si>
  <si>
    <t>社區搭配侯友宜傳播居家</t>
  </si>
  <si>
    <t>衛福部食藥署核准居家抗原或核酸快篩世紀最快本周業者就能陸續鋪貨。對此新北市長侯友宜表示快篩劑準確率高又有國家品質認證鼓勵民眾居家快篩搭配社區快篩站合作一起找出隱形傳播鏈這才是脫離社區感</t>
  </si>
  <si>
    <t>居家社區核准傳播抗原陸續核酸一起對此合作業者新北國家品質市長認證侯友宜</t>
  </si>
  <si>
    <t>衛福部食藥署核准居家抗原或核酸快篩世紀最快本周業者就能陸續鋪貨。對此新北市長侯友宜表示快篩劑準確率高又有國家品質認證鼓勵民眾居家快篩搭配社區快篩站合作一起找出隱形傳播鏈這才是脫離社區感染的重要方向。
侯友宜說居家快篩是自我居家監測方式鼓勵大家居家快篩現在快篩準確率蠻高的又經過國家品質認證更沒問題至於社區快篩站檢測是搭配居家快篩有居家快篩、社區快篩一起努力找出隱形傳播鏈這才是最重要的方向只有找出更多傳播鏈才可能脫離社區感染危害。</t>
  </si>
  <si>
    <t>居家社區傳播侯友宜方向重要品質認證鼓勵國家準確率脫離感染核准一起陸續</t>
  </si>
  <si>
    <t>新冠肺炎台灣居家快篩社區快篩</t>
  </si>
  <si>
    <t>居家臺灣肺炎社區</t>
  </si>
  <si>
    <t>航班中心指揮貨運尚未收到兩岸業者申請開放</t>
  </si>
  <si>
    <t>因新冠肺炎疫情衝擊兩岸如今只剩5個航點貨運業者希望開放更多航點讓客機純載貨中央流行疫情指揮中心上周表示只要業者有合理規劃提出申請不會反對今天指揮中心記者會上媒體追問如今有無收到申請了？對此副</t>
  </si>
  <si>
    <t>如今疫情中心指揮航點申請衝擊兩岸貨運業客機追問媒體載貨合理規劃提出中央流行業者記者會表示上周不會</t>
  </si>
  <si>
    <t>因新冠肺炎疫情衝擊兩岸如今只剩5個航點貨運業者希望開放更多航點讓客機純載貨中央流行疫情指揮中心上周表示只要業者有合理規劃提出申請不會反對今天指揮中心記者會上媒體追問如今有無收到申請了？對此副指揮官陳宗彥表示兩岸航點還是維持五個貨運部分會再仔細盤點研究 目前航空業者尚未提出申請。</t>
  </si>
  <si>
    <t>航點申請如今表示疫情兩岸中心指揮提出盤點仔細研究衝擊部分目前貨運維持貨運業客機載貨中央</t>
  </si>
  <si>
    <t>申請兩岸航點開放指揮中心</t>
  </si>
  <si>
    <t>航點指揮兩岸開放中心申請</t>
  </si>
  <si>
    <t>宿舍勞動部體檢聯合訪視全台</t>
  </si>
  <si>
    <t>京元電子爆發群聚指揮中心要求勞動部應做好全台勞工體檢對此勞動部政務次長王安邦表示首先會針對100人以上的移工宿舍與地方政府聯合訪視；第二個則會針對聘僱500人以上的企業進行訪視及查核輔導確認落實防</t>
  </si>
  <si>
    <t>訪視勞動部以上指揮中心要求查核勞工體檢對此進行政務次長企業王安邦表示首先輔導地方政府聯合宿舍</t>
  </si>
  <si>
    <t>京元電子爆發群聚指揮中心要求勞動部應做好全台勞工體檢對此勞動部政務次長王安邦表示首先會針對100人以上的移工宿舍與地方政府聯合訪視；第二個則會針對聘僱500人以上的企業進行訪視及查核輔導確認落實防疫；上月17日起職安署有針對高風險行業如高科技、外籍移工51人以上企業進行查核輔導針對分流是否有遵造聘僱指引執行除了苗栗的部分配合前進指揮所要求個案處理外全台會配合地方政府及職安署針對移工加強查核訪視及輔導。</t>
  </si>
  <si>
    <t>要求訪視勞動部全台配合查核以上輔導地方政府指揮進行企業中心勞工體檢</t>
  </si>
  <si>
    <t>台灣新冠肺炎移工體檢</t>
  </si>
  <si>
    <t>肺炎體檢臺灣</t>
  </si>
  <si>
    <t>台南疫情月底產業熄燈</t>
  </si>
  <si>
    <t>新冠肺炎疫情對觀光餐旅業造成衝擊台南大億麗緻酒店今（30）日公告由於營運深受疫情影響雖然房東國壽多次主動釋出降租善意但基於多方面因素考量雙方仍協議終止合約將在6月30日終止營運。台南大億麗緻表</t>
  </si>
  <si>
    <t>疫情營運台南終止觀光善意方面因素釋出主動考量雙方旅業房東國協議影響造成衝擊深受公告</t>
  </si>
  <si>
    <t>新冠肺炎疫情對觀光餐旅業造成衝擊台南大億麗緻酒店今（30）日公告由於營運深受疫情影響雖然房東國壽多次主動釋出降租善意但基於多方面因素考量雙方仍協議終止合約將在6月30日終止營運。
台南大億麗緻表示在取得國壽諒解後雙方協議於6月30日終止不動產租約、酒店於同日終止營運。公司將妥善處理終止營運後的一切相關事宜有關酒店所有員工及客戶權利都會依法給予完全保障。
台南大億麗緻酒店位於台南市中西區西門商圈由生產汽車零組件起家的大億集團與國壽合作並加盟麗緻餐旅集團體系2002年1月19日開幕迎賓為台南市首家五星級國際觀光飯店。飯店樓高22層、地下5層設有315間豪華客房及套房、260個停車位。
這也是麗緻餐旅集團今年續台中亞緻大飯店後第2家歇業熄燈的據點。不過相較於由亞都（5703）直營的台中亞緻台南大億麗緻為加盟據點僅由亞都旗下麗緻管理顧問提供管理諮詢顧問對亞都營運直接影響不大。</t>
  </si>
  <si>
    <t>台南營運酒店亞都終止集團觀光疫情飯店據點雙方影響國壽協議餐旅加盟顧問豪華客房釋出</t>
  </si>
  <si>
    <t>台南大億麗緻新冠肺炎國壽停業</t>
  </si>
  <si>
    <t>肺炎國壽台南停業</t>
  </si>
  <si>
    <t>壓力柯文哲侯友宜互推麥克風</t>
  </si>
  <si>
    <t>雙北論壇26日登場當臺北市長柯文哲和侯友宜被問到是否有「順時中者生、逆時中者亡」的壓力2人互推麥克風後侯向柯你是地主先答柯表示沒有那麼嚴重啦「我們都擁護中央政府」特別在疫情期間政治口水少</t>
  </si>
  <si>
    <t>疫情臺北市特別柯文哲中央政府擁護侯友宜問到是否嚴重沒有表示時中者登場期間地主你是侯向柯</t>
  </si>
  <si>
    <t>雙北論壇26日登場當臺北市長柯文哲和侯友宜被問到是否有「順時中者生、逆時中者亡」的壓力2人互推麥克風後侯向柯你是地主先答柯表示沒有那麼嚴重啦「我們都擁護中央政府」特別在疫情期間政治口水少一點侯也說我們大家都認真做事。
雙北合作交流平臺今早在北市政府舉行柯侯被問到對於「順時中者生、逆時中者亡」是否有壓力支持改「順貞昌」。
兩人先是互推麥克風侯友宜則打趣向柯稱「你是地主」柯接下麥克風表示不要講那麼嚴重啦我們都擁護中央順貞昌模問題啊我們都很認真做事特別在疫情期間政治口水少一點他原本很愛講話現在都不講話認真做事就是不要造成紛擾。
柯文哲表示最近確診病例每天都20個、20個感到毛毛的還是要先撐過去1個月候要口水戰再來國家有危險的時候我們還是成熟應戰。
侯友宜接著表示大家認真做事柯市長都是一步一腳印防疫事情做好並做到位每天都遵照應變指揮有狀況馬上處理有特殊性會跟柯市長保持密切合作共同防疫。
他強調雙北這次疫情緊張不管居家檢疫或隔離都要全力以赴柯市長也不是打什麼口水戰他都認真在做事大家要並肩作戰。</t>
  </si>
  <si>
    <t>認真做事表示侯友宜市長麥克風疫情柯文哲是否水戰防疫問到互推壓力擁護雙北你是嚴重地主</t>
  </si>
  <si>
    <t>新冠肺炎COVID-19武漢肺炎新型冠狀病毒柯文哲</t>
  </si>
  <si>
    <t>肺炎武漢covid-病毒冠狀柯文哲</t>
  </si>
  <si>
    <t>順序中央接種柯文哲疫苗陳時中</t>
  </si>
  <si>
    <t>順序疫苗施打中央機構指出舉手反應日前問題臺北市對此回應調整自行柯文哲北市地方從來沒</t>
  </si>
  <si>
    <t>疫苗中央施打順序北市問題目前調整業者殯葬日前地方指出柯文哲生產線處理沒有自行</t>
  </si>
  <si>
    <t>新冠肺炎台灣臺北市柯文哲施打順序</t>
  </si>
  <si>
    <t>臺北市臺灣肺炎柯文哲施打順序</t>
  </si>
  <si>
    <t>陳時中結束月底疫情開示</t>
  </si>
  <si>
    <t>國民黨立委曾銘宗今日於立院財政委員會質詢有關新冠肺炎疫情假設沒有意外國內疫情在6月底前會不會告一段落。衛福部長陳時中聽完後呆了5秒表示有這樣的可能性但以全球來講就不太可能。曾銘宗詢問若假設沒</t>
  </si>
  <si>
    <t>曾銘宗假設疫情今日立院部長陳時財政中聽不太可能委員會質詢全球表示可能性肺炎關新冠告一段落衛福月底國內意外</t>
  </si>
  <si>
    <t>國民黨立委曾銘宗今日於立院財政委員會質詢有關新冠肺炎疫情假設沒有意外國內疫情在6月底前會不會告一段落。衛福部長陳時中聽完後呆了5秒表示有這樣的可能性但以全球來講就不太可能。
曾銘宗詢問若假設沒有意外6月底疫情結束到了秋冬時會不會又捲土重來。陳時中回應近來WHO發表抗體無用論要看在科學驗證後的結果。WHO近來說抗體可能沒辦法產生一定效果進而疫苗研發、無效性增加若如實秋冬再度死灰復燃是必然的。</t>
  </si>
  <si>
    <t>秋冬曾銘宗疫情抗體近來who假設月底沒有意外如實今日增加研發無效疫苗效果立院一定產生財政辦法委員會再度</t>
  </si>
  <si>
    <t>曾銘宗陳時中疫情新冠肺炎WHO</t>
  </si>
  <si>
    <t>疫情陳時中肺炎who曾銘宗</t>
  </si>
  <si>
    <t>外交部參加蕭美琴沒要就職拜登</t>
  </si>
  <si>
    <t>美國總統當選人拜登在明年1月20日即將舉行就職典禮我國駐美代表蕭美琴是否可以出席？對此外交部今天表示是否組團還在密集跟美方聯繫中。由於這次基於防疫就職大典規模縮小外交部仍在爭取「我們還沒有真</t>
  </si>
  <si>
    <t>外交部是否拜登明年即將舉行就職典禮我國代表規模蕭美琴縮小防疫大典就職聯繫可以出席美方密集今天表示組團</t>
  </si>
  <si>
    <t>美國總統當選人拜登在明年1月20日即將舉行就職典禮我國駐美代表蕭美琴是否可以出席？對此外交部今天表示是否組團還在密集跟美方聯繫中。由於這次基於防疫就職大典規模縮小外交部仍在爭取「我們還沒有真正要到票可以去參加」。
立法院外交及國防委員會今天邀請外交部報告「因應新冠肺炎（COVID-19）疫情我國人與外國人入出境管制政策之執行現況及我駐外館處相關防疫作法」。
美國歷次總統就職典禮我方都會派祝賀團參與順道與友台人士及各政黨智庫、政要進行交流不過此次美方大幅縮小典禮規模藍委陳以信詢問台灣是否會組團出席？
外交部次長田中光表示美國就職大典從未正式邀請過各國代表參與至於是否組團？我方目前也還在密集跟美方聯繫中。
由於時間緊迫陳以信追問組團赴美還有可能嗎？田中光回應「當然有可能」。但他也透露現在美國就職大典規模縮小到各參眾議員只能帶一個人參加亦即能夠透過美國友人出席參與的名額很少。
陳以信詢問駐美代表蕭美琴會不會參加拜登就職典禮？對此北美司長徐佑典重申這次規模縮小到跟發展國情諮文的規模相當人數不會太多如同次長所說「我們還在爭取」他也透露「現在我們還沒有真正要到票可以去參加這個部分我們還在爭取當中」。</t>
  </si>
  <si>
    <t>美國規模參加縮小參與外交部組團就職典禮是否出席美方代表大典就職爭取我國可以防疫邀請陳以信詢問拜登今天對此次長田中光</t>
  </si>
  <si>
    <t>參加組團新冠肺炎拜登蕭美琴</t>
  </si>
  <si>
    <t>肺炎拜登組團參加蕭美琴</t>
  </si>
  <si>
    <t>高雄衝擊疫情紓困力抗計畫</t>
  </si>
  <si>
    <t>高雄副市長葉匡時16日邀集各局處瞭解因應新冠肺炎（COVID-19）首波紓困計劃執行、以及各產業別受影響狀況並指示儘速提出第二波措施應對協助業者順利度過疫情難關。高雄新聞局表示目前高雄市政府在財政經濟、</t>
  </si>
  <si>
    <t>高雄邀集難關瞭解疫情因應度過順利目前業者肺炎協助covid-應對影響狀況措施紓困計畫執行提出產業指示</t>
  </si>
  <si>
    <t>高雄副市長葉匡時16日邀集各局處瞭解因應新冠肺炎（COVID-19）首波紓困計劃執行、以及各產業別受影響狀況並指示儘速提出第二波措施應對協助業者順利度過疫情難關。
高雄新聞局表示目前高雄市政府在財政經濟、社會救助、農漁產業、文化觀光、以及交通勞工等面向都已提出紓困方案財政部分除實施延繳、減徵、線上申辦等措施並主動調降娛樂稅30％提供質借利息減收一半且給予展延、安居高雄購屋貸款包括新住民在內凡是設籍高市直接、或間接影響的微型企業等都可申請低利貸款。
經濟上推出公有市場租金減半、高市府委外經營、已簽約的OT、ROT案視個案延長營運期、酌減租金、延長繳納權利金同時對體感科技應用場域提供補助、SBIR研發補助、行政服務線上申請及投資加碼補助等優惠。
高雄新聞局指出目前正在研擬紓困20計畫包括商業貸款延繳、減收產業園區特定產業維護費、以及商圈市集振興計畫盼能減緩疫情對產業的衝擊。
由於疫情影響觀光旅遊意願高市府也積極推動振興國旅方案搭配不同主題推出住宿優惠協助旅宿業建置親善旅館作為居家檢疫者的家屬暫居所。</t>
  </si>
  <si>
    <t>高雄紓困產業影響疫情補助提供協助措施優惠振興提出貸款推出經濟租金方案包括財政市府申請</t>
  </si>
  <si>
    <t>高雄第二波紓困新聞局計劃</t>
  </si>
  <si>
    <t>新聞紓困高雄計畫</t>
  </si>
  <si>
    <t>領航出走決定宣告沃倫個人離隊plg</t>
  </si>
  <si>
    <t>PLG第1位離隊的洋將出爐了！桃園領航猿突然在29日宣佈洋將沃倫因為個人決定提前結束合約離隊且在28日就已搭機返美接下來領航猿將會僅剩傑克、裡德兩名洋將繼續跟「新台灣人」戴維斯組成三洋將陣容拚戰是否</t>
  </si>
  <si>
    <t>洋將領航離隊三洋組成大衛斯臺灣人繼續裡德陣容傑克僅剩返美接下來合約桃園沃倫提前結束個人決定突然</t>
  </si>
  <si>
    <t>PLG第1位離隊的洋將出爐了！桃園領航猿突然在29日宣佈洋將沃倫因為個人決定提前結束合約離隊且在28日就已搭機返美接下來領航猿將會僅剩傑克、裡德兩名洋將繼續跟「新台灣人」戴維斯組成三洋將陣容拚戰是否還會找尋新洋將有待觀察以下是領航猿官方新聞稿：
「開季以來感謝沃倫(WILLIE WARREN)為球隊努力與付出沃倫有絕對的技術與能力。但由於球風與球隊未能融合打出最佳表現個人決定提前結束合約離隊並於1月28日搭機返美。期待球迷朋友一起祝福沃倫未來在其他賽場能有更好的成就與表現同時也持續為桃園領航猿加油。」
比傑克、裡德兩名洋將都晚抵台報到的沃倫直到今年1月2日才首次登場本季只打4場例行賽平均可拿128分、68籃板與70助攻卻始終沒有展現過往的強大進攻破壞力外線命中率也只有3成57其中三分命中率低到1成54自然不符領航猿預期走人也屬應該。
目前領航猿戰績5勝3敗暫居聯盟第2且領先排名第3的台新夢想家25場勝差主要依賴的仍是他們的三洋將戰力特別是戴維斯末節能上的絕對優勢接下來他們只能祈禱洋將不能受傷否則就將面臨無人可換的嚴重窘境屆時戰績恐怕也將一路下滑了。</t>
  </si>
  <si>
    <t>洋將領航沃倫戰績球隊表現接下來大衛斯三洋離隊桃園裡德返美傑克</t>
  </si>
  <si>
    <t>PLG洋將沃倫領航猿離隊</t>
  </si>
  <si>
    <t>洋將領航沃倫離隊plg</t>
  </si>
  <si>
    <t>去世母親父親伊瑟儂確診打擊退出羽球大賽</t>
  </si>
  <si>
    <t>泰國羽球女子好手伊瑟儂(Ratchanok Intanon)因為是我國好手戴資穎死敵兼好友受到更多關注她在本屆東京奧運與戴資穎的對決堪稱經典兩人不但一路死纏對手雙方拚到同時倒地的畫面也永留人心最後戴資穎以非常小</t>
  </si>
  <si>
    <t>戴資穎好手瑟儂人心永留我國畫面倒地拼到雙方對手死敵好友受到經典堪稱關注東京</t>
  </si>
  <si>
    <t>泰國羽球女子好手伊瑟儂(Ratchanok Intanon)因為是我國好手戴資穎死敵兼好友受到更多關注她在本屆東京奧運與戴資穎的對決堪稱經典兩人不但一路死纏對手雙方拚到同時倒地的畫面也永留人心最後戴資穎以非常小的差距獲勝讓伊瑟儂非常不甘心而流下淚水大家都被伊瑟儂的拚戰精神所打動。
而在前幾天伊瑟儂用母親的社群帳號宣佈了一件壞消息那就是她的母親過世了死因是冠狀動脈心臟病引發的心臟驟停這讓伊瑟儂非常難過也發文緬懷了母親直說沒有在奧運拿下獎牌讓媽媽看見非常遺憾但命運好像不放過她據泰國媒體《Khaosod》報導她父親在幾天後確診新冠肺炎。
這對伊瑟儂來說無疑是晴天霹靂在短時間內父母同時去世、確診想必她的身心備受打擊她在今天宣佈確定退出9月舉行的蘇迪曼盃和優霸盃兩大賽事。雖然此前她表示會努力為母親而戰但她的教練已向泰國羽協表示她將確定缺席好好調整身心。教練也表示她不該急著出賽等一切調適完畢再說。
在母親過世時她發文說道：「大家好我是伊瑟儂媽媽一直很堅強也持續關心身邊的人沒讓她看到夢想中的奧運獎牌很抱歉謝謝大家關心這是媽媽臉書最後貼文。感謝所有人希望她永遠幸福且開心笑著。」一字一句都讓人難受也讓大家知道她有多愛這位母親。
另外父親正在醫院接受治療據泰媒報導泰國目前面臨疫苗不足問題抗議團體向曼谷美國大使館控訴政府把美國捐贈疫苗拿給軍方官員接種而非前線醫護人員。泰國目前累積2550萬人打過至少1劑有570萬人打完2劑。此進度還是有點慢泰國人口約6900萬估計每日要打70萬劑才可能在今年底達成免疫目標。</t>
  </si>
  <si>
    <t>泰國母親伊瑟儂非常奧運表示媽媽疫苗確診確定宣佈身心戴資穎最後父親目前報導教練好手關心獎牌過世</t>
  </si>
  <si>
    <t>伊瑟儂泰國新冠肺炎優霸盃蘇迪曼盃</t>
  </si>
  <si>
    <t>肺炎優霸泰國蘇迪曼杯伊瑟儂</t>
  </si>
  <si>
    <t>收到澳洲訂成羡慕</t>
  </si>
  <si>
    <t>新冠肺炎疫情造成澳洲搶購衛生紙的熱潮各地超市一「紙」難求。不過昆士蘭有一名女子卻陰錯陽差的下錯單一口氣買了全家12年都用不完的衛生紙讓許多人相當羨慕。看看新聞報導澳洲昆士蘭一名女子的2月在網上訂</t>
  </si>
  <si>
    <t>澳洲衛生紙昆士蘭女子造成搶購一口氣全家熱潮新聞報導陰錯陽差相當超市看看羡慕疫情</t>
  </si>
  <si>
    <t>新冠肺炎疫情造成澳洲搶購衛生紙的熱潮各地超市一「紙」難求。不過昆士蘭有一名女子卻陰錯陽差的下錯單一口氣買了全家12年都用不完的衛生紙讓許多人相當羨慕。
看看新聞報導澳洲昆士蘭一名女子的2月在網上訂購衛生紙原本只想購買48卷一箱的衛生紙結果下成48箱共買了2304卷衛生紙。等到衛生紙送到家她才知道自己買錯了她查詢自己的信用卡帳單發現光是買衛生紙就花掉了3264澳元（約台幣6萬多）這些衛生紙幾乎可以維持他們一家人12年的需求。
在衛生紙被搶購一空的澳洲這家人女成了大家羡慕的對象而這家人也決定按照原價出售一部分家裡多餘的衛生紙為社區抗疫募款。</t>
  </si>
  <si>
    <t>衛生紙澳洲女子昆士蘭羡慕造成家裡搶購出售台幣決定原價幾乎可以熱潮光是查詢知道發現訂購</t>
  </si>
  <si>
    <t>衛生紙48捲羨慕澳洲買錯</t>
  </si>
  <si>
    <t>澳洲衛生紙羡慕</t>
  </si>
  <si>
    <t>新低蒸發聲望總統擁戴</t>
  </si>
  <si>
    <t>台灣民意基金會今公佈最新民調蔡英文總統聲望457％創21個月來新低。台灣民意基金會董事長游盈隆認為疫情、停電及黑道是三大關鍵一年蒸發掉近500萬人的擁戴長達22個月的執政順境正逐漸走入歷史第三次執</t>
  </si>
  <si>
    <t>基金會民意臺灣逐漸順境執政長達擁戴蒸發關鍵三大黑道停電疫情蔡英文總統聲望新民認為遊盈隆</t>
  </si>
  <si>
    <t>台灣民意基金會今公佈最新民調蔡英文總統聲望457％創21個月來新低。台灣民意基金會董事長游盈隆認為疫情、停電及黑道是三大關鍵一年蒸發掉近500萬人的擁戴長達22個月的執政順境正逐漸走入歷史第三次執政困境已呼之欲出。這是一個新的變局也是一個嚴重的警訊 。
他表示蔡總統民意支持度短期內被大量淘空的現象牽涉人民支持數量與強度的大量流失。很顯然這和三個關鍵的短期因素有關五月中迄今疫情大爆發、513和517兩次全國大停電、民進黨黑道黨公職風波。
贊不贊同蔡英文總統處理國家大事的方式包括重要人事安排與政策；85％非常贊同、372％還算贊同、49％不太贊同、164％ 一點也不贊同、131％沒意見、不知道或拒答；贊同者只比不贊同者多 44個百分點。
遊盈隆認為顯示蔡英文第二任期一周年的 總統聲望大不如前國家領導方式所獲支援與肯定首次遠低於50％。
他指出總統聲望本身就是一個變數總統聲望高低反映的正是 一個多重因素動態平衡的結果；2020 年1月大選結束以來蔡總統聲望整體的走勢目前是17 個月來的最低點457％和2020年5月第二任期剛開始時712％比相差255個百分 點等同一年蒸發掉近500萬人的擁戴。
他說目前不贊同蔡英文總統處理國家大事方式是17個月以來的最高點和一年前相比高出 257個百分點顯示過去一年尤其是過去一個月人民的不滿與怨氣的快速大量累積。
他認為在執政五周年的此時此刻台灣正處於新冠肺炎疫情強烈風暴中一個新而險惡的歷史情境已在眼前將嚴厲考驗蔡英文總統及其執政團隊的治國能力。</t>
  </si>
  <si>
    <t>總統蔡英文執政聲望認為支持疫情贊同民意方式臺灣因素關鍵人民以來歷史國家百分點顯示任期目前</t>
  </si>
  <si>
    <t>遊盈隆聲望新冠肺炎蔡英文總統執政</t>
  </si>
  <si>
    <t>肺炎蔡英文總統聲望遊盈隆執政</t>
  </si>
  <si>
    <t>死亡本土新高</t>
  </si>
  <si>
    <t>新冠肺炎本土疫情延燒中央流行疫情指揮中心今公佈國內新增304例COVID-19確定病例分別為302例本土個案及2例境外移入個案；另有校正回歸本土個案331例總計635例。確診個案中新增11例死亡死亡個案中7人有慢性病</t>
  </si>
  <si>
    <t>本土個案疫情新增指揮中心國內公佈流行中央covid-確定回歸校正病例肺炎死亡總計分別境外</t>
  </si>
  <si>
    <t>新冠肺炎本土疫情延燒中央流行疫情指揮中心今公佈國內新增304例COVID-19確定病例分別為302例本土個案及2例境外移入個案；另有校正回歸本土個案331例總計635例。確診個案中新增11例死亡死亡個案中7人有慢性病史9人有萬華或其他確診個案活動接觸史死亡案例創下疫情以來單日新高。
指揮官陳時中表示今日新增之302例本土病例為158例男性144例女性年齡介於未滿5歲至90多歲發病日介於今(2021)年5月8日至5月25日；個案分佈以新北市152例最多其次為臺北市87例桃園市21例基隆市13例臺中市9例新竹縣4例屏東縣、雲林縣、臺南市、宜蘭縣、高雄市及彰化縣各2例花蓮縣、嘉義市、臺東縣及連江縣各1例。
校正回歸的331例為160例男性、171例女性年齡介於未滿5歲至90多歲發病日介於5月13日至5月25日；個案分佈以臺北市221例最多其次為新北市102例桃園市3例基隆市及臺中市各2例苗栗縣1例。經校正回歸後本土個案的高點維持在5月17日5月19日也漸漸變高。整體疫情沒有急速惡化但有沒有改善值得觀察。
綜上所有個案其中萬華活動史相關209例、茶藝館相關35例、某社團相關3例、其他已知感染源170例、關聯不明122例、疫調中94例。相關疫情調查持續進行中。
另外今日也新增11例死亡個案（案2865、2877、3305、3213、3980、4273、4373、4666、4984、5098、5869）中為9男2女介於50多歲至70多歲。發病日/採檢日介於5月7日至5月25日確診日介於5月21日至5月26日死亡日介於5月23日至5月25日。死亡個案中7人有慢性病史9人有萬華或其他確診個案活動接觸史相關疫情調查持續進行中。
至於新增的2例境外移入病例案5646為大陸20多歲男性5月1日來臺持有搭機前3日內檢驗陰性報告入境後於防疫旅館居家檢疫在臺期間並無症狀自主健康管理期滿後於5月24日自費採檢於今日確診。案5891為本國籍50多歲男性5月5日於印度出現症狀並檢驗陽性5月14日以緊急醫療包機自印度返臺入境時PCR採檢陰性、抗體陽性入境後入院治療期間再次採檢於今日確診。
截至目前國內共累計6091例確診分別為1120例境外移入4918例本土病例36例敦睦艦隊、2例航空器感染、1例不明及14例調查中；另14例(案530、案1589、1676、1591、1886、2067、2068、2528、2530、3975、3989、3990、3991、4726)移除為空號。確診個案中46例死亡。
指揮中心呼籲民眾應落實手部衛生、咳嗽禮節及佩戴口罩等個人防護措施減少不必要移動、活動或集會避免出入人多擁擠的場所或高感染傳播風險場域並主動積極配合各項防疫措施共同嚴守社區防線。</t>
  </si>
  <si>
    <t>個案疫情確診本土今日活動新增入境死亡感染措施男性相關防疫病例期間陽性東縣</t>
  </si>
  <si>
    <t>新冠肺炎疫苗南投大陸</t>
  </si>
  <si>
    <t>疫苗肺炎大陸</t>
  </si>
  <si>
    <t>吳思瑤現在肺炎鼓勵無懼</t>
  </si>
  <si>
    <t>儘管台灣地區已出現新冠肺炎零星社區感染案例但民進黨立委吳思瑤依然無懼繼上個月和其他民進黨立委一起呼籲一般民眾在開放式公共場所不需要一直戴著口罩之後她今天更語出驚人的表示目前是看展覽的好時機應</t>
  </si>
  <si>
    <t>民進黨立委目前肺炎表示零星語出驚人今天社區之後口罩感染展覽戴著一直案例需要公共場所吳思瑤開放式上個月民眾一起一般</t>
  </si>
  <si>
    <t>儘管台灣地區已出現新冠肺炎零星社區感染案例但民進黨立委吳思瑤依然無懼繼上個月和其他民進黨立委一起呼籲一般民眾在開放式公共場所不需要一直戴著口罩之後她今天更語出驚人的表示目前是看展覽的好時機應鼓勵大家看展。
立法院今日召開財政委員會民進黨立委吳思瑤質詢時表示目前固然要要防止新冠肺炎疫情但不要對藝文活動設防她個人減少跑攤了但前進各文化場所瞭解他們面臨的困境。人潮少其實更是看展好時機她去那邊關心各館防疫措施好不好也告訴大家現在是看展好時機。
吳思瑤接著說有部分立委質疑紓困預算納入藝文且給8億是否太多她覺得應該更高故宮二月份來客數減少八成兩廳院到四月底許多場次延期取消 因此要好好使用紓困預算不過也要注意場館安全。羅浮宮一度暫時閉館 故宮也史無前例的調整開放時間週一休館國內現在還沒到休館程度反而應該鼓勵大家看展不過場館物資要充足口罩要夠目前各館體溫超標沒有禁止入館也沒有提供口罩。
對此文化部長鄭麗君表示已責成各單位超前佈署調派給場館防疫物資。</t>
  </si>
  <si>
    <t>吳思瑤口罩表示目前民進黨立委場館時機減少故宮應該現在肺炎紓困預算展好鼓勵防疫</t>
  </si>
  <si>
    <t>吳思瑤立委好時機口罩民進黨</t>
  </si>
  <si>
    <t>時機口罩民進吳思瑤</t>
  </si>
  <si>
    <t>回鄉提前臺灣返台光榮幸運大馬</t>
  </si>
  <si>
    <t>演出Netflix影集《彼岸之嫁》爆紅的田士廣最近初嘗走紅滋味日前他剛受國際知名品牌COACH吉隆玻旗艦店之邀回到故鄉馬來西亞出席活動衣錦還鄉的他全程受到高規格接待。不過才返台兩天田士廣就驚聞馬國已宣佈</t>
  </si>
  <si>
    <t>田士廣返台最近接待初嘗規格走紅受到日前全程滋味剛受衣錦還鄉活動國際出席知名品牌馬來西亞coach故鄉吉隆玻回到旗艦</t>
  </si>
  <si>
    <t>演出Netflix影集《彼岸之嫁》爆紅的田士廣最近初嘗走紅滋味日前他剛受國際知名品牌COACH吉隆玻旗艦店之邀回到故鄉馬來西亞出席活動衣錦還鄉的他全程受到高規格接待。不過才返台兩天田士廣就驚聞馬國已宣佈18日起全國封城兩周與經紀人差一點就回不來台灣的他忍不住驚呼：「好加在！還好提前回來了！」
田士廣的老家在柔佛巴魯此行回大馬他算是過家門而不入前三天忙工作後三天忙著探訪音樂界友人聊之後的音樂合作計劃忙到沒時間回家看家人。由於全球新冠肺炎疫情險峻他與經紀人從桃園機場出境搭飛機開始到落地、出席活動全程除了拍照、用餐其餘時間幾乎全戴著口罩搭機時更特別戴兩層吃飯時也完全不交談防疫做好做滿。
他與經紀人廖麗雯好奇當地朋友戴口罩者不算多對方苦笑回「因為買不到我們的口罩都送給別的國家了」大家都很羨慕他們可以住在台灣政府和多數百姓的防疫也都做得很嚴謹甚至超前部署。他返台後雖然僅需自我健康管理但也主動表示會減少外出採買了一堆備用食材與生活用品後就不再出門。
田士廣高中畢業後就跟隨哥哥的腳步來台灣讀大學雖然是科班出身但星途坎坷過去7年為了省錢僅去年回柔佛巴魯拍《彼岸之嫁》才終於與爸媽相聚。他雖然喜歡馬來西亞的多元文化但對住了多年的台灣也已有深厚感情覺得台灣讓他很自在去年10月拿到台灣居留證後原本自認身體好沒打算申請健保卡但最近新冠肺炎疫情肆虐他擔心馬來西亞的疫情的同時對於自己有使用健保的機會覺得很感激所以這兩天打算去健保局辦手續之後也會申請台灣身分證但他強調若有能力還是會希望回饋自己的家鄉。</t>
  </si>
  <si>
    <t>臺灣田士廣經紀人馬來西亞口罩最近時間返台疫情之後</t>
  </si>
  <si>
    <t>新冠肺炎田士廣馬來西亞彼岸之嫁</t>
  </si>
  <si>
    <t>田士廣肺炎馬來西亞彼岸</t>
  </si>
  <si>
    <t>救護車免費黃變</t>
  </si>
  <si>
    <t>過去不乏有酒醉或其他無緊急傷病者把救護車當「免費小黃」打119報案叫救護車送醫讓消防員不堪其擾。新冠肺炎疫情延燒民眾紛紛避免到大醫院有消防救護人員發現這陣子濫用消防救護車的人「消失了」此外</t>
  </si>
  <si>
    <t>救護車發現傷病者人員緊急免費救護醫院紛紛民眾避免疫情肺炎送醫不堪小黃</t>
  </si>
  <si>
    <t>過去不乏有酒醉或其他無緊急傷病者把救護車當「免費小黃」打119報案叫救護車送醫讓消防員不堪其擾。新冠肺炎疫情延燒民眾紛紛避免到大醫院有消防救護人員發現這陣子濫用消防救護車的人「消失了」此外最近接獲不少車禍案件中受輕傷的患者還會主動告知消防員「不用去醫院只要自己處理即可！」
有消防員指出過去經常遇到民眾喝了酒動不動就叫救護車將他們送到醫院後卻不進去就醫、自行離開；有一次更扯的是曾經有位5旬老翁自稱身體不適請同仁載他去醫院消防員到他家門口時發現老翁家中明明有家屬可載他去醫院卻堅持叫救護車。
另外除酒醉路倒之外還有許多人因牙痛、頭痛、腳痛等千奇百怪的理由要求救護車載送至醫院令消防員頭痛不已。
不過新冠肺炎疫情升溫後許多民眾認為醫療院所會收治確診病人擔心被感染而避免到醫院。讓基層消防員直呼受到疫情影響近期濫用救護資源的情況似乎變少了許多；不僅如此連車禍受傷的民眾即使消防員建議到醫院救治仍堅持不去就醫。
有消防員說近日接獲1件車禍救護到現場後發現傷者有明顯撕裂傷需要到醫院縫合但該名傷者一直不斷強調「不用麻煩了」還提到疫情期間不想去醫院且體恤消防員的辛勞堅持說自己回家包紮就好令他印象深刻。</t>
  </si>
  <si>
    <t>醫院救護車民眾疫情車禍救護堅持發現頭痛老翁不用傷者避免</t>
  </si>
  <si>
    <t>去醫院肺炎叫救護車醫院消防員</t>
  </si>
  <si>
    <t>救護車醫院肺炎</t>
  </si>
  <si>
    <t>機器人投資價值升級</t>
  </si>
  <si>
    <t>國際機器人協會IFR發布最新報告指出全球工業機器人累計運作數量已達270萬台創歷史新高。法人指出在製造業現代化升級、數位轉型需求拉動下未來三年新增安裝量將逐年成長為機器人產業醞釀「估值再提升」的多</t>
  </si>
  <si>
    <t>機器人指出醞釀產業成長逐年安裝發佈新增未來拉動需求轉型報告最新數位升級現代化製造業法人數量運作</t>
  </si>
  <si>
    <t>機器人疫情全球美中陳世傑去年ai指出自動化成長衝突訂單新增安裝轉型升級累計調整運作生產工廠中國水準智慧</t>
  </si>
  <si>
    <t>成長新訂單運作新增安裝量累計</t>
  </si>
  <si>
    <t>新增運作訂單安裝累計成長</t>
  </si>
  <si>
    <t>轟亂企業開放亂弄中央</t>
  </si>
  <si>
    <t>新冠肺炎本土疫情嚴峻指揮中心鼓勵各地方政府設置社區篩檢站並宣佈開放企業快篩臺北市長柯文哲認為不要因病例多就自亂陣腳熱區做快篩站才有意義中央應要標準不能一急就亂撒錢、亂弄。柯文哲表示昨天</t>
  </si>
  <si>
    <t>柯文哲疫情嚴峻指揮中心鼓勵本土地方政府設置社區不能標準中央企業有意義臺北市不要</t>
  </si>
  <si>
    <t>新冠肺炎本土疫情嚴峻指揮中心鼓勵各地方政府設置社區篩檢站並宣佈開放企業快篩臺北市長柯文哲認為不要因病例多就自亂陣腳熱區做快篩站才有意義中央應要標準不能一急就亂撒錢、亂弄。
柯文哲表示昨天中央突然宣佈允許企業設快篩站但他認為做任何事情都需科學基礎「一年前說要設快篩站時拚死不做現在卻突然說要做前後矛盾」。
柯文哲指出不要因病例多就自亂陣腳若該地區的盛行率很高病例百分比夠高設置快篩站才有意義若在澎湖、金門、台東等病例較少的地方設快篩站就沒有意義。
柯文哲認為中央應有統計數字熱區可以做快篩站若該地區感染率到了多少百分比這樣設置快篩站才有意義若該地區感染率僅01％做快篩站就無意義。
柯文哲直言坦白說要有科學根據不能一急就亂撒錢、亂弄該設的就設不該設的若設置就會出現一堆偽陽性反而會亂掉因此可以設快篩站但需要有科學基礎。</t>
  </si>
  <si>
    <t>柯文哲病例設置中央認為地區科學地方有意義突然宣佈可以疫情感染熱區嚴峻企業</t>
  </si>
  <si>
    <t>快篩站設置新冠肺炎台灣柯文哲</t>
  </si>
  <si>
    <t>設置肺炎臺灣柯文哲</t>
  </si>
  <si>
    <t>基金債券收益台新</t>
  </si>
  <si>
    <t>在新冠肺炎的衝擊下全球金融市場大幅震盪投資人切入市場時間點困難度大增另一方面在全球央行齊力貨幣量化寬鬆下又面臨超低利率甚至負利水準的窘境台新投信為解決投資人面對「擇時」及「低利」二大難題</t>
  </si>
  <si>
    <t>投資人全球面對解決金融市場窘境水準甚至台新大幅利率超低面臨松下震盪量化切入貨幣齊力央行大增市場</t>
  </si>
  <si>
    <t>在新冠肺炎的衝擊下全球金融市場大幅震盪投資人切入市場時間點困難度大增另一方面在全球央行齊力貨幣量化寬鬆下又面臨超低利率甚至負利水準的窘境台新投信為解決投資人面對「擇時」及「低利」二大難題特別與全球最大新興市場公司債管理者百達攜手打造台新新興短期高收益債券基金為國內首檔同時擁有「短期」+「新興高收」雙利基的高收債基金可掌握收益與波動之間絕佳甜蜜點將於5月18日開始募集。
台新新興短期高收益債券基金經理人尹晟龢表示新冠病毒、油價崩跌等事件接連發生今年來金融資產修正劇烈低波動率的產品再度成為市場焦點。短天期的債券距離到期日較近變數因此較少價格波動也因此較小。新興短期公司債平均存續期間集中在1-3年過去十年的年化波動度僅525%較傳統與一般債券低；就殖利率水準分析新興短期公司債殖利率來到828%為近10年新高也高於美國高收益債和一般新興公司債。此時進場低接是極佳投資機會。</t>
  </si>
  <si>
    <t>波動債券公司收益全球市場利率投資人基金台新水準一般量化貨幣齊力</t>
  </si>
  <si>
    <t>新興全球台新投信短期高收益債券基金台新</t>
  </si>
  <si>
    <t>台新債券收益基金全球</t>
  </si>
  <si>
    <t>擴散緊急關閉疫情歐洲波蘭挪威邊界</t>
  </si>
  <si>
    <t>俄羅斯總理米舒斯京（Mikhail Mishustin）今日宣佈將對外籍人士關閉該國與歐洲波蘭和挪威的陸地邊界以避免新冠疫情進一步擴散到境內。外媒引述米舒斯京說法稱關閉邊界措施將於今日午夜正式生效所有因工作、</t>
  </si>
  <si>
    <t>邊界今日關閉米舒斯擴散進一步mikhail境內疫情避免mishustin引述措施陸地挪威波蘭外籍人士宣佈歐洲說法午夜</t>
  </si>
  <si>
    <t>俄羅斯總理米舒斯京（Mikhail Mishustin）今日宣佈將對外籍人士關閉該國與歐洲波蘭和挪威的陸地邊界以避免新冠疫情進一步擴散到境內。
外媒引述米舒斯京說法稱關閉邊界措施將於今日午夜正式生效所有因工作、私人、求學、旅遊等目的入境的外籍人士都將受到禁令規範白俄羅斯人民、外國官方代表團成員以及俄羅斯居民不受上述限制。
據中央社報導俄羅斯飛地加里寧格勒（Kaliningrad）與波蘭有短短的陸上邊界莫曼斯克州（Murmansk）則與挪威北部有長約200公里的陸上邊界。
官方最新統計顯示俄國迄今約有45人確診新冠肺炎但尚未出現死亡病例。
俄羅斯當局昨日宣佈將減少往返歐盟的班機以遏止疫情擴散。上月20日該國已關閉與中國大陸的邊界並開始限制伊朗與南韓到訪旅客人數。</t>
  </si>
  <si>
    <t>邊界俄羅斯關閉限制官方挪威外籍人士擴散疫情宣佈波蘭今日陸上米舒斯伊朗開始私人旅遊求學工作人民目的不受入境</t>
  </si>
  <si>
    <t>邊界新型冠狀病毒俄羅斯波蘭歐洲</t>
  </si>
  <si>
    <t>病毒波蘭冠狀俄羅斯歐洲邊界</t>
  </si>
  <si>
    <t>菲律賓工作境外返台確診新增</t>
  </si>
  <si>
    <t>中央流行疫情指揮中心今日公佈國內新增1名新冠肺炎境外移入個案個案為20多歲女性(案482)去年8月因公外派菲律賓於今年8月13日返國有配戴口罩、護目鏡等入境時主動告知曾有疑似症狀於機場採檢後送至集中</t>
  </si>
  <si>
    <t>中心今日機場公佈國內症狀新增肺炎個案曾有疑告知因公主動入境菲律賓指揮護目鏡今年口罩配戴返國</t>
  </si>
  <si>
    <t>中央流行疫情指揮中心今日公佈國內新增1名新冠肺炎境外移入個案個案為20多歲女性(案482)去年8月因公外派菲律賓於今年8月13日返國有配戴口罩、護目鏡等入境時主動告知曾有疑似症狀於機場採檢後送至集中檢疫所隔離今日確診目前住院隔離治療中。截至目前 國內共累計482人確診。
指揮中心表示案482於8月10日出現嗅覺喪失、肌肉痠痛及流鼻水等症狀曾自行服藥後症狀緩解未曾於國外就醫。衛生單位已掌握接觸者共8人其中3人為同班機前後兩排旅客列為居家隔離對象；另同班機機組員5人均有適當防護列為自主健康管理對象。
指揮中心統計國內截至目前累計84446例新型冠狀病毒肺炎相關通報(含83352例排除)其中482例確診分別為390例境外移入55例本土病例、36例敦睦艦隊及1例待釐清。
指揮中心呼籲民眾出入人潮擁擠或密閉場所如醫療院所、人口密集機構、大眾運輸場站或無法保持社交距離之車廂、賣場或市集、教育學習場所、休閒娛樂場所、宗教場所及活動時請佩戴口罩並養成勤洗手、咳嗽禮節等衛生習慣以降低感染風險。
另莊人祥表示先前確診的比利時工程師、日本工程師以及赴港臺女等人的接觸者都為陰性指揮中心將交由專家小組進行討論。</t>
  </si>
  <si>
    <t>中心指揮確診症狀場所隔離國內口罩目前肺炎列為今日表示接觸班機截至累計境外無法</t>
  </si>
  <si>
    <t>新冠肺炎確診境外移入馬來西亞疫情指揮中心</t>
  </si>
  <si>
    <t>境外馬來西亞確診肺炎疫情指揮中心</t>
  </si>
  <si>
    <t>疫苗地方網友揚言陳時中</t>
  </si>
  <si>
    <t>衛福部長陳時中針對疫苗施打順序強調當然是中央說了算若地方未根據中央的目標群施打「我們會減配疫苗」。對此網友笑稱「好大的官威」、「最好敢對竹科也這麼硬」、「笑你不敢減減看阿」！行政院長蘇貞昌</t>
  </si>
  <si>
    <t>施打疫苗中央順序竹科最好強調官威當然目標網友對此不敢說了算地方陳時中</t>
  </si>
  <si>
    <t>疫苗施打陳時中質詢中央表示順序說了算最好部長官威目標竹科當然衛福提到對此都曾北市</t>
  </si>
  <si>
    <t>新冠肺炎台灣陳時中疫苗竹科</t>
  </si>
  <si>
    <t>陳時中肺炎臺灣疫苗竹科</t>
  </si>
  <si>
    <t>戰新高審慎導體樂觀</t>
  </si>
  <si>
    <t>台積電轉投資封測廠精材（3374）今（13）日召開線上法說展望下半年營運董事長暨總經理陳家湘對第三季營運看法樂觀預期營收可望改寫歷史新高。但新冠肺炎疫情及國際局勢使全球不確定性仍高客戶訂單需求有逐月</t>
  </si>
  <si>
    <t>營運客戶召開確定性展望下半年國際局勢廠精全球看法疫情樂觀預期可望訂單董事長</t>
  </si>
  <si>
    <t>台積電轉投資封測廠精材（3374）今（13）日召開線上法說展望下半年營運董事長暨總經理陳家湘對第三季營運看法樂觀預期營收可望改寫歷史新高。但新冠肺炎疫情及國際局勢使全球不確定性仍高客戶訂單需求有逐月修正情況對第四季僅能審慎樂觀看待。
陳家湘表示精材上半年營運維持獲利、較去年同期顯著轉盈主要受惠3D感測零組件封裝需求平穩相較過往季節性差異明顯縮小所帶動。而8吋CMOS影像感測器（CIS）營收雖有增加惟受疫情影響其中車用影像感測器營收年減13％。
精材先前宣佈與母公司台積電合作投入12吋晶圓後段測試代工服務陳家湘表示已如期在6月完成產線建置7月起逐步進入量產階段。由於客戶需求殷切12吋晶圓後段測試營收已貢獻7月營收近2成帶動當月營收顯著成長。
精材日前公佈2020年7月自結合併營收達611億元較6月423億元成長達4432％、較去年同期53億元成長達153％改寫歷史次高。累計1～7月合併營收3356億元較去年同期2116億元成長達5855％續創同期新高。
展望下半年營運陳家湘表示12吋晶圓後段測試產能預期在第三季將逐月顯著拉升可望對營運帶來顯著貢獻。不過上半年需求增加的8吋影像感測器封裝下半年需求已見轉弱跡象預期全年營收僅將微幅成長。
陳家湘表示由於訂單需求狀況良好、稼動率看來不錯對第三季營運樂觀看待預期可望優於去年同期的167億元、改寫歷史新高對第四季營運亦有所期待但仍需審慎觀察疫情及國際因素變化。
陳家湘指出由於全球疫情持續延燒近期外部環境變化大全球經濟不確定性仍高對消費力道的衝擊不可輕視。加上近期客戶給予的訂單需求有逐月修正情況因此對精材第四季營運僅能審慎樂觀看待不敢太大意。
至於開發矽基氮化鎵（GaN on Si）通訊用高頻功率元件加工服務專案方面精材發言人林中安表示主要鎖定基地台的射頻功率放大器（RF PA）應用。雖然研發順利且有量產能力但整體市場需求不如預期預期今年不會量產、量產時程尚不明朗看法不若以往樂觀。
精材財務長林恕敏說明第二季約4％的其他營收主要包括委託設計費用（NRE）及12吋晶圓後段測試代工的工程試產收入。上半年資本支出19億元全年預估將達116～135億元主要用於12吋晶圓後段測試代工無塵室及廠務設施建置、購置研發設備之用。</t>
  </si>
  <si>
    <t>營運需求表示預期疫情晶圓樂觀測試顯著上半年去年同期下半年客戶全球功率審慎</t>
  </si>
  <si>
    <t>精材營運展望陳家湘台積電</t>
  </si>
  <si>
    <t>營運陳家湘展望台積電</t>
  </si>
  <si>
    <t>旅遊外交部大陸辨識無法應急護照做法</t>
  </si>
  <si>
    <t>針對國人使用臺胞證以致護照無法辨識往來中國紀錄。行政院長蘇貞昌今天表示政府很希望想出辦法來能讓世界上瞭解台灣跟中國是不一樣的。行政院發言人Kolas Yotaka表示外交部19日已提出應急做法可協助辨識有</t>
  </si>
  <si>
    <t>中國表示辨識護照無法做法應急提出往來外交部辦法世界紀錄yotaka瞭解希望kolas臺灣政府</t>
  </si>
  <si>
    <t>針對國人使用臺胞證以致護照無法辨識往來中國紀錄。行政院長蘇貞昌今天表示政府很希望想出辦法來能讓世界上瞭解台灣跟中國是不一樣的。行政院發言人Kolas Yotaka表示外交部19日已提出應急做法可協助辨識有無中國旅遊史。
Kolas說外交部19日已對外說明移民署從本月14日開始有一些應急做法也就是國民若在外國可去駐外館處申請離台後及抵台前最後一次入出境紀錄如果在國內可去移民署申請上次出發回臺地點以及即將去哪裡協助海關人員進行辨識。
政院表示由於若干國家要求國人需檢附14天內未曾至中國的入出境證明外交部已請內政部移民署在今年2月14日開放旅外國人可於駐外館處申請「入出境紀錄」紀錄載明其離台的第一個抵達點以及抵台的前一個出發點以做證明。政院也請外交部立即通知駐外各館處配合辦理。在國內的國人則可自行向該署申請詳情可洽詢移民署。</t>
  </si>
  <si>
    <t>中國外交部移民署表示申請辨識國人紀錄出境駐外國內協助證明可去kolas做法應急</t>
  </si>
  <si>
    <t>中國外交部移民紀錄行政院</t>
  </si>
  <si>
    <t>行政院紀錄中國移民外交部</t>
  </si>
  <si>
    <t>az仁愛劑量醫院患者恢復疫苗接種</t>
  </si>
  <si>
    <t>台中市大裡仁愛醫院9月29日為44名洗腎患者接種AZ疫苗第二劑應施打05CC卻只打了01CC遭台中市衛生局處以COVID-19疫苗接種作業停權處分並依法裁罰10萬元罰鍰在近一個月的調查檢討改善流程後衛生局已核准該</t>
  </si>
  <si>
    <t>接種疫苗衛生局台中cc流程改善作業患者應施調查azcovid-處以檢討依法處分醫院</t>
  </si>
  <si>
    <t>台中市大裡仁愛醫院9月29日為44名洗腎患者接種AZ疫苗第二劑應施打05CC卻只打了01CC遭台中市衛生局處以COVID-19疫苗接種作業停權處分並依法裁罰10萬元罰鍰在近一個月的調查檢討改善流程後衛生局已核准該院於13期施打時恢復新冠疫苗接種作業。
大裡仁愛醫院9月29日爆出新冠疫苗接種重大違失洗腎室44名洗腎患者接種AZ第二劑原本每劑應抽05CC卻只抽了01CC直至下午醫事人員發現施打人數與剩餘劑量不符才發現44名患者都只打了1／5劑量；事後該院立即通知患者回院再補接種劑量並成立關懷小組追蹤其健康狀況迄今都未有民眾出現不適。
事件發生後台中市衛生局立即對該院處以新冠疫苗接種作業停權處分並依法裁罰該院10萬元罰鍰。
據悉衛生局實際到院瞭解作業流程發現此次失誤主要是未由專門負責接種疫苗的護理人員為患者接種且未落實三讀五對經要求該院對相關人員重新進行教育訓練並修正流程後近日也恢復其新冠疫苗接種業務已於13期開放民眾可至該院預約接種。</t>
  </si>
  <si>
    <t>接種疫苗衛生局患者流程發現作業劑量人員cc台中民眾立即醫院恢復仁愛az</t>
  </si>
  <si>
    <t>新冠肺炎台灣新冠疫苗大裡仁愛醫院AZ</t>
  </si>
  <si>
    <t>疫苗仁愛醫院臺灣az肺炎</t>
  </si>
  <si>
    <t>陰性健康全員良好日後公主鑽石下船</t>
  </si>
  <si>
    <t>日本政府厚生勞動省將對鑽石公主號上所有人員進行武漢肺炎病毒檢查只要檢查結果確認是陰性且從19日起再度確認健康狀況沒有問題就能依序下船。日本朝日新聞報導日本厚生勞動大臣加藤勝信今天說將對鑽石公主</t>
  </si>
  <si>
    <t>勞動確認厚生鑽石日本公主檢查再度健康狀況沒有問題依序進行人員大臣加藤勝今天結果陰性肺炎病毒武漢</t>
  </si>
  <si>
    <t>日本政府厚生勞動省將對鑽石公主號上所有人員進行武漢肺炎病毒檢查只要檢查結果確認是陰性且從19日起再度確認健康狀況沒有問題就能依序下船。
日本朝日新聞報導日本厚生勞動大臣加藤勝信今天說將對鑽石公主號上所有旅客與船組員進行病毒檢查。
只要能確認檢查結果為陰性就能在2週觀察期結束的19日後依序下船。
日本放送協會（NHK）報導加藤在傍晚記者會上宣佈今天確診船上新增67例俗稱武漢肺炎的2019年冠狀病毒疾病（COVID-19）病例。
包括今天在內厚生勞動省已對船上約3700人中的930人進行病毒檢查930人中有285人確診其中有73人無症狀。
加藤表示船上70歲以上、正在接受病毒檢查的人員只要結果確認是陰性並在19日起再度確認健康狀況沒有問題的話就不需要再度受檢可以依序下船。
至於船上未滿70歲的人員也將從16日起依序接受病毒檢查只要結果確認是陰性可比照上述原則依序下船。
發生武漢肺炎群聚感染的鑽石公主號目前停泊在日本橫濱港船上約3700人中已有285人確診武漢肺炎其餘旅客及船組員到19日止都得待在船上接受觀察。船上的台灣旅客告訴中央社記者說船上旅客包含20名中華民國國民另有10至15名美籍或日籍的台灣人。</t>
  </si>
  <si>
    <t>船上病毒旅客下船肺炎武漢今天檢查人員鑽石公主接受勞動確診日本厚生確認加藤進行陰性</t>
  </si>
  <si>
    <t>檢查病毒日本陰性新冠肺炎</t>
  </si>
  <si>
    <t>陰性日本病毒檢查肺炎</t>
  </si>
  <si>
    <t>朱立倫證明簡化紓困大面申請現金流程</t>
  </si>
  <si>
    <t>全球疫情延燒不僅東南亞疫情讓供應斷鏈歐美需求市場停擺台灣中小企業占全體企業9764％、就業人數將近900萬人百業停工整個產業正面臨潰堤。前國民黨主席朱立倫今（20）在臉書發布「台灣早安Ep2」內容是</t>
  </si>
  <si>
    <t>臺灣疫情供應歐美發佈需求市場朱立倫東南亞主席國民黨面臨產業停工中小企業百業將近就業人數</t>
  </si>
  <si>
    <t>全球疫情延燒不僅東南亞疫情讓供應斷鏈歐美需求市場停擺台灣中小企業占全體企業9764％、就業人數將近900萬人百業停工整個產業正面臨潰堤。前國民黨主席朱立倫今（20）在臉書發布「台灣早安Ep2」內容是他赴彰化與中小企業者、商圈業者早餐會對談立委謝衣鳳也與會；朱立倫呼籲紓困方案申請流程「不能以臺北看天下」「端出紓困牛肉、卻吃不到！」且若不即時協助企業顧員工恐將爆發失業潮。
朱立倫在早餐會中質疑政府的經濟預估太過樂觀「IMF跟我們自己的估計都是負值」政府官員還在堅持台灣經濟成長率可以保持正1％至2％？朱強調歐美疫情上個月大爆發兩個地方佔全世界GDP的50％也是消費品最大宗市場若歐美需求鏈開始停擺台灣沒有理由樂觀。
「接下來就是救失業、中小企業。」朱立倫提出三項目放寬標準第一是救急針對產生立即性風險的人、弱勢貧窮救助。他說台灣底層20％的民眾入不敷出且真正存款率高的最多擴大到40％剩下的是真正需要的人包含很多中產階級在內。
其次政府應該在需求恢復之前協助這些中小企業負擔營運之外的龐大的員工薪資若決定補助四成薪資動作要快、認定要寬「否則將迎來失業潮。」
此外朱立倫針對企業貸款、週轉金提到QE量化貨幣寬鬆讓資金借貸成本下降雖撐起資本市場但能否讓個人商家、小企業受惠有待觀察。他提醒目前聽到的都是貸款程式困難、申請證明困難「一定要盡快排除這些申請障礙」。
貿詮實業總經理賴志峰提到外國客戶給的是年單現在死定了材料都買了材料不計成本每個月要出貨現在不能出要延後到何時不知道。他表示目前僅能教育訓練苦撐員工薪資加上資金週轉壓力「隨時可能潰堤」。
彰化縣鹿港廟口商圈協會顧問謝芬玲則說鹿港商圈大都沒有使用發票政府紓困會議講得很簡單但小商店可能連記帳手劄都沒有「買20斤大麵條直接付現怎麼提出營收證明？」
台灣廚師聯盟理事長謝秀櫻則分析政府推的外送平臺替代小本經營商家無法承擔抽成比例「一碗麵線25元抽30％？怎麼生存得下去？」
立委謝衣鳳表示將替所有中小企業及商家在立法院發聲搶救企業及員工生存；目前紓困方案裡的行動支付、外送平臺替代都難以適用中南部距離遠、支付綁定缺乏的產業生態有必要檢討。</t>
  </si>
  <si>
    <t>臺灣政府中小企業朱立倫紓困員工企業商家沒有目前申請市場失業薪資產業需求歐美支付提到</t>
  </si>
  <si>
    <t>朱立倫彰化中小企業早餐會台灣早安</t>
  </si>
  <si>
    <t>早餐會中小企業臺灣朱立倫早安</t>
  </si>
  <si>
    <t>委員政治賴士葆黑手審查疫苗陳培哲科研</t>
  </si>
  <si>
    <t>中研院院士陳培哲請辭食藥署疫苗審查委員並直指組織難以維持獨立性與專業性國民黨立委賴士葆感嘆政治的黑手一直伸入要掌控科學研究讓人為科學家的境遇感嘆。中研院院士陳培哲五月底請辭國產疫苗審查委員的職</t>
  </si>
  <si>
    <t>感歎審查疫苗委員中研院院士陳培哲科學研究一直黑手政治專業性賴士葆獨立性國民黨維持難以科學家</t>
  </si>
  <si>
    <t>中研院院士陳培哲請辭食藥署疫苗審查委員並直指組織難以維持獨立性與專業性國民黨立委賴士葆感嘆政治的黑手一直伸入要掌控科學研究讓人為科學家的境遇感嘆。
中研院院士陳培哲五月底請辭國產疫苗審查委員的職務認為食藥署審查委員無法維持專業性和獨立性。賴士葆在臉書表示真的不忍看到專業活生生被政治霸淩連攸關國人生命健康的疫苗研究都想要運用權力來施壓科學研究作為替政治效力的工具。陳培哲講真話的下場就是被抹黑被網軍攻擊。
賴士葆也舉例疫苗試驗計劃主持人謝思民醫師也是講了真話呼籲希望政治歸政治科學歸科學他的粉專就立即被關閉了。
賴士葆感嘆台灣不缺乏優秀的科學人才但是他們的專業領域不被尊重政治的黑手一直伸入要掌控科學研究讓人為科學家的境遇感嘆。</t>
  </si>
  <si>
    <t>政治賴士葆疫苗科學感歎研究陳培哲專業審查委員真話獨立性專業性維持黑手一直中研院院士</t>
  </si>
  <si>
    <t>新冠肺炎台灣陳培哲賴士葆蔡英文</t>
  </si>
  <si>
    <t>陳培哲肺炎臺灣賴士葆蔡英文</t>
  </si>
  <si>
    <t>pcr柯文哲安全才能最後確認定期</t>
  </si>
  <si>
    <t>新北市幼兒園老師打過疫苗仍染疫外界認為採取定期快篩似乎更安全臺北市長柯文哲7日表示PCR篩檢是黃金標準作為最後確認乾脆以簡單、有效、直接的方式不要用快篩猜來猜去他強調還是主張打2劑疫苗後放</t>
  </si>
  <si>
    <t>疫苗打過主張強調外界確認乾脆最後簡單作為有效老師認為直接標準採取黃金要用定期方式pcr</t>
  </si>
  <si>
    <t>新北市幼兒園老師打過疫苗仍染疫外界認為採取定期快篩似乎更安全臺北市長柯文哲7日表示PCR篩檢是黃金標準作為最後確認乾脆以簡單、有效、直接的方式不要用快篩猜來猜去他強調還是主張打2劑疫苗後放寬管制讓生活盡量正常美、英國家戰略是比較對的。
柯文哲今午主持防疫記者會指出在這次疫情爆發前還會用快篩以萬華疫情爆發後的實戰經驗來看一個地方的感染率很高可以用快篩感染率不高做快篩就沒用做完快篩還要以PCR確認臨床經驗是有症狀的病例快篩陽性PCR幾乎是陽性若沒症狀快篩陽性偽陽性機率很高。
他表示既然PCR是黃金標準才能做最後確認乾脆直接做PCR在5月萬華爆發疫情後北市7家醫院直接做PCR篩檢是簡單、有效、直接的方法不要猜來猜去PCR雖然比較貴但數量增加後價格會下降。
柯文哲說有完整打2劑疫苗就算被感染傳染給別人的機會很低但有多低還要研究身為醫生強調統計學最不喜歡人家說萬一一萬都不解決了解決什麼萬一打過完整疫苗會再傳染給別人的機率非常低的話雖然不能保證百分之百沒有但機會很低就算了。
他強調如果從此每週都做1次快篩北市有幾萬名老師快篩不準再做PCR天啊這不行啦活在世界上要接受合理的風險而合理的風險是有醫學統計基礎還是主張打2劑疫苗放寬管制讓生活盡量正常美、英國家戰略是比較對的。</t>
  </si>
  <si>
    <t>pcr疫苗柯文哲強調直接疫情爆發感染確認比較打過老師</t>
  </si>
  <si>
    <t>快篩PCR疫苗柯文哲最後確認</t>
  </si>
  <si>
    <t>柯文哲pcr疫苗最後確認</t>
  </si>
  <si>
    <t>台超分院滅菌新竹機器人</t>
  </si>
  <si>
    <t>醫院開刀房、加護病房以人工消毒至少要花2個小時以上群聯電子與鼎眾公司17日贈送新竹台大分院3台專業醫療級的「超紫光滅菌機器人」只要5到10分鐘就能快速消滅抗藥性細菌達99％為第一線醫護人員增添防疫利器</t>
  </si>
  <si>
    <t>病房人工細菌消毒抗藥性消滅至少快速醫護人員小時電子公司贈送以上新竹分院專業</t>
  </si>
  <si>
    <t>醫院開刀房、加護病房以人工消毒至少要花2個小時以上群聯電子與鼎眾公司17日贈送新竹台大分院3台專業醫療級的「超紫光滅菌機器人」只要5到10分鐘就能快速消滅抗藥性細菌達99％為第一線醫護人員增添防疫利器。
新竹台大分院院長仁院餘忠仁感謝群聯電子及鼎眾公司用高科技硬實力支援第一線醫療人員有了超紫光滅菌機器人後將應用在該院防疫專責病房、加護病房及開刀房等處使用。
餘忠仁並說開刀房及加護病房都有高病源細菌一般以人工消毒都要花2個小時以上超紫光滅菌機器人消毒滅菌則不到10分鐘能夠有效減少醫護人員及清潔人員直接接觸病源而造成傳染提供醫護人瞥更好的防疫環境讓來就醫的民眾更加安心。
群聯電子董事長潘健成表示院內感染風險一直是醫療院所相當重視的議題此次捐贈的超紫光滅菌機器人除在疫情期間發揮最大功效外更重要的是能快速消滅抗藥性微生物達9成9以上降低院內感染風險提供病人及醫護人員更安全的醫療環境。
鼎眾公司董事長江春松指出群聯電子之前捐贈給壢新及新竹馬偕醫院消毒機器人後這次再捐贈給台大新竹分院2台是再次以實際行動力支持醫療產業鼎眾也身受感召加碼捐贈1台消毒機器人共同響應善舉希望能共同串連起台灣醫療防護網將各地醫院的感染控制做到最好。
鼎眾公司董事江欣惠說超紫光滅菌機器人原是該公司製造的冷門產品沒想到去年新冠肺炎疫情發生後熱銷100多台多是企業購買捐贈給醫院在隔離病房、加護病房及急診室等環境使用只要花5到10分鐘就能達消毒滅茵的成效。</t>
  </si>
  <si>
    <t>醫療消毒機器人捐贈公司滅菌電子醫護人員防疫醫院環境病房新竹感染以上</t>
  </si>
  <si>
    <t>超紫光滅菌機器人加護病房新竹消毒台大分院</t>
  </si>
  <si>
    <t>病房機器人滅菌新竹消毒台大分院</t>
  </si>
  <si>
    <t>員工確診老闆要求公司工業區所有人照常上班中和</t>
  </si>
  <si>
    <t>新北市議員張志豪昨（26日）晚接獲中和某工業區上班的員工陳情指某電業公司有篩檢結果為陽性的確診者但老闆還是要全公司員工照常上班讓員工和工業區的上班族人人自危。張志豪向新北市長侯友宜喊話中和已是高</t>
  </si>
  <si>
    <t>員工中和張志豪公司工業區新北侯友宜市長陽性確診結果老闆人人自危上班族電業上班陳情喊話</t>
  </si>
  <si>
    <t>新北市議員張志豪昨（26日）晚接獲中和某工業區上班的員工陳情指某電業公司有篩檢結果為陽性的確診者但老闆還是要全公司員工照常上班讓員工和工業區的上班族人人自危。張志豪向新北市長侯友宜喊話中和已是高風險熱點區區內產業多是製造業工業區聚集大量員工抗疫防線恐怕因公司負責人便宜行事以致防疫失守不可不慎市長務必正視並立即查處同時建立跨局處通報機制。
據陳情人表示工業區內鄰近的公司聽聞此事已引起高度恐慌大家非常擔心疫情會從這裡蔓延開來令人痛心的是該公司員工後來PCR檢測結果為陽性確診後公司竟然息事寧人既沒有採取相關必要處置也沒有立即自行進行疫調匡列可能的接觸者進行隔離檢疫措施而是被動的等待衛生局的通報和疫調。
陳情人説因為現在中和的確診者真的太多了衛生局沒辦法即刻進行疫調以致公司就被動的等待反正衛生局現在沒有匡列我自然不用請員工休假所有人還是照常上班這樣的結果將令人難以想像像中和這麼多科技園區大家長時間身處密閉的工作場域中病毒蔓延將一發不可收拾。
張志豪表示基於保護吹哨者的責任答應要為他們發聲也請衞生局速查此一確診個案同時盡速匡列所有可能接觸者。
張志豪要求防疫視同作戰為避免再次發生相同情況市府要立即由衛生局、經發局及勞工局建立一個通報聯繫機制也就是由衛生局主導結合經發局及勞工局除了保護吹哨者同時保障勞工免於受到疫情的恐慌和疑慮。</t>
  </si>
  <si>
    <t>公司衛生局員工中和張志豪工業區確診立即結果沒有進行蔓延勞工通報市長防疫表示照常上班現在疫情</t>
  </si>
  <si>
    <t>新冠肺炎台灣張志豪中和衛生局</t>
  </si>
  <si>
    <t>張志豪肺炎臺灣中和衛生局</t>
  </si>
  <si>
    <t>參議員李文亮提案紀念</t>
  </si>
  <si>
    <t>在新冠病毒疫情中的「吹哨者」陸醫師李文亮不幸逝世引起眾多陸網民憤怒官方為了維穩打壓輿論甚至在社群網站微博上推動「我要言論自由」引起全球關注。對此美兩黨議員推出決議案除了紀念李文亮之外更呼籲</t>
  </si>
  <si>
    <t>引起李文亮中的紀念決議案醫師推出議員不幸逝世疫情對此輿論甚至網站微博關注陸線民全球官方憤怒言論自由</t>
  </si>
  <si>
    <t>在新冠病毒疫情中的「吹哨者」陸醫師李文亮不幸逝世引起眾多陸網民憤怒官方為了維穩打壓輿論甚至在社群網站微博上推動「我要言論自由」引起全球關注。對此美兩黨議員推出決議案除了紀念李文亮之外更呼籲陸政府提高關於打擊疫情的透明度與配合度。
據《美國之音》報導參議院外交委員會首席的民主黨成員梅南德斯（Bob Menendez）該會亞太小組主席加德納（Cory Gardner）等議員提出。稱李文亮為「英雄」的梅南德斯表示大陸即使在危機中對於資訊的壓制竟然比陸人民安全還重要「這是一個相當駭人、但具有戲劇性的例子它告訴我們壓制資訊哪怕是最單純有關於疾病的警告對於習來說更為重要」。
李文亮醫生曾在去年底因向同業發佈有關新冠病毒的消息而遭警方訓誡並被迫簽署聲明撤回警告同時承認散播非法謠言。而決議案指出大陸政府先前長達數周的時間淡化疫情的危險性導致病毒一再散播截至11日為止大陸境內已有至少4萬2千確診病例逾千人死亡。
該決議案呼籲陸政府及中國共產黨對新冠病毒的研究和調查保持公開透明；確保大陸人民及國際社會有自由、不受約束的資訊管道不受內容審查或社交媒體控制；與美國政府包括美國疾病控制預防中心全力進行合作；與其它國家包括東南亞、非洲、拉丁美洲和其它醫療系統負擔較沉重的地區進行合作；停止將臺灣排除在世界衛生組織和國際民航組織等國際機構之外。
決議除了表示「強烈支援中國人民對言論自由的要求」之外還肯定李文亮醫生有關大陸應更加開放和透明的信念的至關重要性除了肯定言論自由有益於社會能夠讓專家向公眾提出健康衛生警告並協助人民確保政府能夠解決危機回應中的薄弱環節。</t>
  </si>
  <si>
    <t>李文亮人民大陸病毒決議案警告言論自由疫情之外政府資訊國際引起合作進行包括散播提出議員能夠社會表示有關疾病對於</t>
  </si>
  <si>
    <t>李文亮新冠病毒言論自由決議案資訊</t>
  </si>
  <si>
    <t>病毒言論自由決議案資訊李文亮</t>
  </si>
  <si>
    <t>韓寒讀者救護車防疫吳京捐物資</t>
  </si>
  <si>
    <t>大陸防治新冠肺炎疫情是一場持久戰演藝圈的捐款、捐物資行動也沒停過武打明星吳京再捐負壓救護車、隔離衣作家兼導演韓寒也以讀者和影迷的名義捐贈防護帽及防護鞋套給一線防疫醫護人員幫助他們執行治療新冠</t>
  </si>
  <si>
    <t>防護防疫幫助醫護人員肺炎疫情影迷持久戰讀者演藝圈韓寒導演捐款作家隔離救護車物資吳京再行動明星武打</t>
  </si>
  <si>
    <t>大陸防治新冠肺炎疫情是一場持久戰演藝圈的捐款、捐物資行動也沒停過武打明星吳京再捐負壓救護車、隔離衣作家兼導演韓寒也以讀者和影迷的名義捐贈防護帽及防護鞋套給一線防疫醫護人員幫助他們執行治療新冠肺炎患者的同時也能保護自己的健康。
陸媒報導2月27日吳京捐贈3輛負壓救護車、10000件隔離衣等醫療物資並已送達河南信陽。據瞭解信陽是河南新冠肺炎確診人數最多的城市因醫療物資相對匱乏曾多次對外求援。
韓寒在疫情剛爆發時曾透過中華思源基金會捐給武漢1台ECMO（人工心肺葉克膜）以及自己老家所在的上海金山區100萬元人民幣協助購買核酸（DNA）檢測儀系統、過氧化氫霧化消毒器等物資。
最近他又以「韓寒的讀者和觀眾朋友們」的名義捐贈10萬套防護帽及防護鞋套陸續送往各地醫院。</t>
  </si>
  <si>
    <t>物資韓寒肺炎捐贈疫情防護醫療讀者河南救護車隔離名義人民幣金山區協助上海購買所在核酸老家</t>
  </si>
  <si>
    <t>吳京韓寒河南湖北負壓救護車</t>
  </si>
  <si>
    <t>湖北河南韓寒救護車吳京</t>
  </si>
  <si>
    <t>業者停業內部outlet三井林口</t>
  </si>
  <si>
    <t>國內新冠肺炎疫情持續延燒不少餐飲業者、大型百貨調整營業時間。稍早林口三井Outlet在臉書公告因應新北市疫情確診數不斷增加今起至25日將自主停業3日進行內部大清消並表示此決定與指揮中心並無關係。林</t>
  </si>
  <si>
    <t>疫情指揮決定表示持續內部進行中心百貨調整餐飲業者營業時間起至林口三井outlet增加公告確診</t>
  </si>
  <si>
    <t>疫情新北中心指揮三井outlet進行決定消毒因應持續林口關係確診自主公告內部停業接觸作業</t>
  </si>
  <si>
    <t>新冠肺炎台灣林口三井自主停業</t>
  </si>
  <si>
    <t>林口臺灣肺炎三井自主停業</t>
  </si>
  <si>
    <t>方案共用解決汽車ridecare保持博世狀態</t>
  </si>
  <si>
    <t>使用共用汽車服務的人都希望租用的車輛能順利上路車內亦沒有惱人煙味。當共用車輛被刮傷、有凹痕或有人在車內吸煙時總讓人感到相當困擾。博世正為車隊經營業者和交通移動服務商開發全新Ridecare解決方案希望</t>
  </si>
  <si>
    <t>車內服務車輛共用希望開發移動交通車隊經營業博世困擾相當感到吸煙沒有上路順利</t>
  </si>
  <si>
    <t>車輛共用服務損壞博世車隊車內煙霧感測器汽車使用者ridecare吸煙服務業交通結合狀況資料人工智慧檢測事故資訊嚴重</t>
  </si>
  <si>
    <t>精確全球全新車輛損壞</t>
  </si>
  <si>
    <t>車輛損壞精確全球</t>
  </si>
  <si>
    <t>科技員工超豐京元電</t>
  </si>
  <si>
    <t>苗栗電子廠群聚效應持續擴大除了京元電、超豐之外近期疫情也蔓延至智邦目前只有1名零星個案。智邦證實確有此事不過公司已於4日針對員工進行快篩快篩對象除竹南廠既有的1400名員工外連最近這段時間有</t>
  </si>
  <si>
    <t>苗栗 電子 廠群 聚 效應 持續 擴大 除了 京元電 超豐 之外 近期 疫情 也 蔓延 至 智邦 目前 只 有 1 名 零星 個案 智邦 證實 確有此事 不過 公司 已於 4 日 針對 員工 進行 快 篩 快 篩 對象 除 竹南 廠 既 有 的 1400 名 員工 外 連 最近 這 段 時間 有</t>
  </si>
  <si>
    <t>員工智邦效應持續擴大京元電超豐之外近期疫情蔓延已於公司目前確有此事個案證實竹南廠群零星對象</t>
  </si>
  <si>
    <t>苗栗電子廠群聚效應持續擴大除了京元電、超豐之外近期疫情也蔓延至智邦目前只有1名零星個案。智邦證實確有此事不過公司已於4日針對員工進行快篩快篩對象除竹南廠既有的1400名員工外連最近這段時間有往來的廠商也會匡列其中初估納入快篩的人數將上看1500人。
由於疫情驟起為嚴控疫情智邦科技除已將苗栗縣內廠區的確診者收治隔離外已自4日起展開快篩作業由於需要進行快篩對象不少預計下周快篩作業仍會延續進行。
據悉事情發生後為充分掌握現況智邦董事長郭飛龍已親赴竹南廠坐鎮同時召集公司高層召開防疫會議針對防疫再做部署希望可以建構全新的防護網。</t>
  </si>
  <si>
    <t>苗栗 電子 廠群 聚 效應 持續 擴大 除了 京元電 超豐 之外 近期 疫情 也 蔓延 至 智邦 目前 只 有 1 名 零星 個案 智邦 證實 確有此事 不過 公司 已於 4 日 針對 員工 進行 快 篩 快 篩 對象 除 竹南 廠 既 有 的 1400 名 員工 外 連 最近 這 段 時間 有 往來 的 廠商 也 會 匡 列 其中 初 估 納入 快 篩 的 人數 將 上 看 1500 人 由於 疫情 驟起 為 嚴控 疫情 智邦 科技 除 已將 苗栗縣 內 廠 區 的 確診 者 收治 隔離 外 已 自 4 日 起 展開 快 篩 作業 由於 需要 進行 快 篩 物件 不少 預計 下 周快 篩 作業 仍 會 延續 進行 據悉 事情 發生 後 為 充分 掌握 現況 智邦 董事長 郭飛龍 已 親 赴 竹南 廠 坐鎮 同時 召集 公司 高層 召開 防疫 會議 針對 防疫 再 做 部署 希望 可以 建構 全新 的 防護 網</t>
  </si>
  <si>
    <t>智邦疫情進行公司竹南員工作業希望防疫部署效應物件持續擴大可以京元電超豐之外</t>
  </si>
  <si>
    <t>新冠肺炎台灣 智邦全新超豐</t>
  </si>
  <si>
    <t>肺炎智邦臺灣超豐</t>
  </si>
  <si>
    <t>嚇人波蘭疫情英國回祖國</t>
  </si>
  <si>
    <t>英國新冠肺炎疫情大爆發除了台灣留學生相繼回國大批旅英波蘭人也趕忙搭上撤僑專機返回祖國他們說儘管波蘭醫療水準差一截但是這次英國的防疫表現實在太慢、太糟糕他們無法信任因此選擇回國。英國新冠肺</t>
  </si>
  <si>
    <t>英國回國波蘭專機搭上爆發臺灣返回疫情趕忙祖國留學生實在太表現糟糕防疫相繼無法</t>
  </si>
  <si>
    <t>英國新冠肺炎疫情大爆發除了台灣留學生相繼回國大批旅英波蘭人也趕忙搭上撤僑專機返回祖國他們說儘管波蘭醫療水準差一截但是這次英國的防疫表現實在太慢、太糟糕他們無法信任因此選擇回國。
英國新冠肺炎疫情持續惡化先前強森政府的「佛系防疫政策」遭致批評、胎死腹中儘管首相強森（Boris Johnson）已經於上月23日宣佈全國禁足但是防疫慢半拍已經失去人民信任迫使大批波蘭移民、留學生搶搭飛機返回祖國。
《紐約時報》（New York Times）報導英國約有超過80萬波蘭移民疫情爆發之初波蘭政府就派出撤僑專機計畫進行的前5天已經有12萬名滯英波蘭人搭上班機計畫施行的頭11天波蘭政府已在全球派出266架撤僑專機當中1／3飛往英國倫敦另外部分專機飛往愛丁堡。
旅居英國8年的Bacdorf表示他在和波蘭家人通電話後馬上開始打包行李數小時候人已經在倫敦城市機場（London City Airport）準備搭乘最後幾架航班返回波蘭。他說對許多波蘭人來說英國的反應太慢了對比波蘭政府的嚴肅態度英國簡直是個「笑話」。就連留學英國的波蘭學生Bartosz Zatorski都表示英國政府反應慢了一個多禮拜。
針對新冠疫情波蘭政府的反應相當迅速3月15日當局就中止國際航班、火車運輸阻止外國人入境並且禁止2人以上集會宗教活動及葬禮限制最多5人參與設定搭乘公車、路面電車乘客上限。
同時間英國卻持續開放國際航班起降甚至也包含那些來自伊朗等疫情重災區的班機降落。
除了政府的防疫措施百姓的防疫意識也有很大不同。出生英國的波蘭歷史學家Alina Nowobilska描述當她回到波蘭所有人都聽從政府建議待在家中但是英國人卻相當鬆懈仍照常踢足球、上夜店。
Nowobilska坦言英國的醫療水準比較高有「非常棒」的醫生她一度也相當猶豫是不是要回去波蘭但是當她搭上撤僑專機時大部分的波蘭人都表示「回去比較安全」。現在回到波蘭的她也慶幸自己做了正確的選擇。
截至3日英國已有約4萬人確診新冠肺炎反觀波蘭僅約3千人染疫。</t>
  </si>
  <si>
    <t>波蘭英國已經防疫疫情波蘭政府相當政府表示專機返回反應搭上搭乘強森國際航班肺炎持續</t>
  </si>
  <si>
    <t>直播促銷韓國觀光旅館高雄搶光搶救</t>
  </si>
  <si>
    <t>新冠肺炎疫情衝擊觀光業高雄旅宿業相當低靡住宿率持續探底。高雄市長韓國瑜今（26）日中午開直播促銷首先推出4間摩鐵、飯店立即被秒殺搶購。韓國瑜直說這是跳樓大拍賣疫情間希望大家保持身心靈平衡雖</t>
  </si>
  <si>
    <t>疫情韓國瑜衝擊希望觀光業高雄旅相當宿業低靡住宿率持續大拍賣高雄市長跳樓直播促銷首先推出中午直說搶購</t>
  </si>
  <si>
    <t>新冠肺炎疫情衝擊觀光業高雄旅宿業相當低靡住宿率持續探底。高雄市長韓國瑜今（26）日中午開直播促銷首先推出4間摩鐵、飯店立即被秒殺搶購。韓國瑜直說這是跳樓大拍賣疫情間希望大家保持身心靈平衡雖然不能出國但熱情歡迎全台旅客來高雄玩接著還有52家飯店陸續加入促銷方案。
韓國瑜今天實地到「樂逸文旅」關心旅宿業狀況這家是全台首座以棒球為主題的主題旅館韓國瑜也特地穿上棒球衣亮相旅館執行長蔡肇洋一一介紹620顆明星簽名球的棒球牆、經典棒球衣儼然是座博物館。
韓國瑜提到希望日本及韓國球團冬天能多到高雄訓練市府也在大力推動。另外也積極爭取味全龍隊明年一軍比賽將澄清湖棒球場當成主場。
接著韓國瑜直播推住宿優惠專案他說高雄3月是愛情月推出海誓山盟路線包括月世界、崗山之眼、六龜等愛河已經為人熟知但還有茄萣、梓官、興達港可以用驚艷兩個字來形容。
韓國瑜表示將推出56家旅宿業促銷今天先提供4家最先響應方案給大家搶購幫大家荷包省很多錢。像是「禦宿汽車旅館」鳳山館雙人房原價5300元現在1899元原本限量3組立即秒殺後來再另外追加50組也同樣賣翻。
另外還有高雄十大摩鐵冠軍「印水涵觀景摩鐵」原價5360元的雙人房現殺到2020元再送1000元下次抵用券。福華大飯店原價9900元則下殺到3600元再送3600元餐飲券。樂逸文旅則是原價2300元下殺999元含早餐、下午茶。</t>
  </si>
  <si>
    <t>高雄韓國瑜原價還有旅館棒球宿業推出韓國飯店促銷疫情希望搶購直播方案全台</t>
  </si>
  <si>
    <t>新冠肺炎武漢肺炎新型冠狀病毒台灣韓國瑜</t>
  </si>
  <si>
    <t>肺炎武漢冠狀病毒臺灣韓國瑜</t>
  </si>
  <si>
    <t>臺灣電視臺國家評價</t>
  </si>
  <si>
    <t>台灣的防疫成績世界有目共睹外媒也爭相報導現連法國最大電視台也給予肯定這讓來自法國的網紅路易很感動迫不及待要和大家分享「差點要落淚了」。法國最大電視台法國電視一台（TF1）在黃金時段新聞中以「對</t>
  </si>
  <si>
    <t>法國電視臺有目共睹電視爭相感動世界路易報導來自肯定給予tf成績迫不及待分享差點落淚黃金時段</t>
  </si>
  <si>
    <t>台灣的防疫成績世界有目共睹外媒也爭相報導現連法國最大電視台也給予肯定這讓來自法國的網紅路易很感動迫不及待要和大家分享「差點要落淚了」。
法國最大電視台法國電視一台（TF1）在黃金時段新聞中以「對抗新型冠狀病毒：台灣的秘密是什麼？」為題分析台灣成功抗疫經驗除了在一開始就採取迅速有效方式來減緩疫情的蔓延在機場、捷運、餐廳都會量體溫政府也積極生產口罩提供國人限額使用。
而最讓路易驚豔的是TF1以「台灣是個很小的國家」來形容雖然法國政府對台灣的態度很模糊但最大電視台卻願意以國家來稱呼台灣讓他非常感動這是讓法國人認識台灣非常大的進步因為TF1是每天都有幾百萬人收看的電視台。</t>
  </si>
  <si>
    <t>臺灣法國電視臺tf感動國家非常餐廳都會機場開始蔓延疫情體溫減緩有效方式</t>
  </si>
  <si>
    <t>台灣電視台法國國家TF1</t>
  </si>
  <si>
    <t>國家臺灣法國電視臺tf</t>
  </si>
  <si>
    <t>口罩須戴公車配合中心實施指揮</t>
  </si>
  <si>
    <t>中央疫情指揮中心日宣佈搭乘大眾運輸工具應全程戴口罩未戴者將先勸導勸導不聽者將開罰3000元至1萬5000元。台中市政府配合中央政策民眾即日起在台中市搭乘公車應全程佩戴口罩並禁止於車內飲食呼籲民眾配</t>
  </si>
  <si>
    <t>搭乘口罩民眾全程中央車內宣佈禁止配合政策台中市政府大眾未戴即日起佩戴運輸工具台中公車飲食中心</t>
  </si>
  <si>
    <t>中央疫情指揮中心日宣佈搭乘大眾運輸工具應全程戴口罩未戴者將先勸導勸導不聽者將開罰3000元至1萬5000元。台中市政府配合中央政策民眾即日起在台中市搭乘公車應全程佩戴口罩並禁止於車內飲食呼籲民眾配合。
中央流行疫情指揮中心繼4月1日公佈「社交距離」指引進一步宣佈搭乘大眾運輸應全面戴口罩未戴者可先勸導若不聽從將依照傳染病防治法處3000元以上、1萬5000元以下罰鍰。
交通局長葉昭甫表示台中持續超前部署加強交通運輸工具防疫措施除計程車、公車全面性消毒等也已要求大眾運輸業者；依照中央指示配合防疫並加強與民眾溝通讓疫情風險持續降低呼籲乘客佩戴口罩時遵守「開、戴、壓、密」等步驟讓口罩發揮最佳防護效果。
葉昭甫提醒交通局已經在臉書「臺中市政府交通局」、公車智慧型站牌、即時公車動態資訊網站、「台中公車」APP、公車內站名播報LED等處提供最新大眾運輸防疫宣導搭乘公車時戴口罩並勤洗手如有身體不適（如發燒、咳嗽等呼吸道症狀）請儘速就醫以確保自身及他人安全。</t>
  </si>
  <si>
    <t>公車口罩大眾搭乘台中防疫中央民眾配合持續全面疫情台中市政府加強佩戴呼籲交通局運輸宣佈全程</t>
  </si>
  <si>
    <t>搭乘公車交通局新冠肺炎公車智慧型站牌</t>
  </si>
  <si>
    <t>公車肺炎智慧交通局搭乘站牌</t>
  </si>
  <si>
    <t>az危急一度不適士官葉克官兵搶救台東</t>
  </si>
  <si>
    <t>新冠疫苗開始在軍中施打後驚傳台東2名官兵打完AZ疫苗後出現不適症狀；其中空軍台東志航基地的士官長一度狀況危急緊急送台東馬偕醫院治療經醫生評估裝上葉克膜搶救目前仍在加護病房住院觀察；另外台東憲</t>
  </si>
  <si>
    <t>疫苗目前搶救裝上軍中評估經醫生病房治療醫院東馬施打緊急危急狀況一度士官基地</t>
  </si>
  <si>
    <t>新冠疫苗開始在軍中施打後驚傳台東2名官兵打完AZ疫苗後出現不適症狀；其中空軍台東志航基地的士官長一度狀況危急緊急送台東馬偕醫院治療經醫生評估裝上葉克膜搶救目前仍在加護病房住院觀察；另外台東憲兵隊也傳出有官兵打完疫苗後不適。台東縣衛生局與軍方都證實確有此事是否與疫苗有關將由中央判定。
空軍台東志航基地一名士官長上月16日施打AZ疫苗後27日出現身體無力、血壓升高等不適症狀緊急送台東馬偕醫院治療經醫生評估裝上葉克膜搶救後回穩目前仍在加護病房住院觀察。軍方表示這名士官長原本就有血壓偏高情況不過平日身體狀況良好施打11天後才出現不適症狀送醫治療後病情已穩定其他已施打AZ疫苗人員無類似狀況發生。
台東憲兵隊也傳出有人員在接種AZ疫苗後出現身體不良反應。對此台東縣衛生局表示軍方2件官兵接種疫苗後疑似出現不良反應個案是否與疫苗有關將由中央釐清判定。</t>
  </si>
  <si>
    <t>疫苗出現不適施打az軍方症狀官兵治療狀況血壓官長名士表示人員衛生局東縣基地接種台東志空軍憲兵隊不良反應緊急</t>
  </si>
  <si>
    <t>新冠肺炎台灣AZ出現疫苗</t>
  </si>
  <si>
    <t>az肺炎臺灣出現疫苗</t>
  </si>
  <si>
    <t>停辦高風險畢旅區域台南</t>
  </si>
  <si>
    <t>寒假起跑遇上國內新冠肺炎疫情升溫台南市教育局建議師生寒假避免到外縣市並做好軌跡紀錄至於畢業旅行是否停辦？教育局長鄭新輝表示畢旅照常但避免到高風險區域校內寒假營隊、課輔照常舉行校外營隊若對象</t>
  </si>
  <si>
    <t>寒假避免照常肺炎疫情升溫南市教育旅行是否畢業停辦至於教育局長紀錄建議鄭新輝軌跡師生表示做好外縣市畢旅</t>
  </si>
  <si>
    <t>寒假起跑遇上國內新冠肺炎疫情升溫台南市教育局建議師生寒假避免到外縣市並做好軌跡紀錄至於畢業旅行是否停辦？教育局長鄭新輝表示畢旅照常但避免到高風險區域校內寒假營隊、課輔照常舉行校外營隊若對象為非特定性如無必要則建議取消。
台南市長黃偉哲今天被問到畢業旅行如何因應時他說畢業旅行是夏天的事目前為止還沒決定如果大家有防疫考量的話會請各校從防疫角度思考要不要辦。
鄭新輝說雖然台南市多數學校畢旅都已辦完但仍有少部分學校還沒辦今天已在校長會議告知各校畢旅不用停辦但不能前往高風險區域期末戶外學習活動也盡量在台南舉辦。寒假期間校內營隊、輔導課程照常只需要做好防疫即可但若是校外營隊為非特定對象若沒有非參加不可的必要則建議取消。
鄭新輝說目前學校防疫物資持續滾動式定期檢討目前物資無虞也提醒學校隨時盤點如有不足應立即補充。此外他也請學校評估各項活動舉辦或參與必要性及風險性非屬必要性活動宜改期或取消；必要性活動則採取室內100人、室外500人以上應確實依集會活動防護措施及辦理原則規定辦理。
至於學校操場一向是社區居民運動場所因對象具特定性因此還是繼續照常開放上學前、下午放學後的時候提供民眾運動。
另學校常有民眾來借場地辦活動或辦喜宴鄭新輝說若已借用且為婚宴使用不方便再改變場地仍出借但需做好實名制等防疫措施若為長期借用也要落實實名制若為一次性出借性質則暫停出借。</t>
  </si>
  <si>
    <t>學校活動防疫照常鄭新輝寒假台南建議對象畢業旅行取消停辦今天運動做好借用</t>
  </si>
  <si>
    <t>畢旅鄭新輝學校台南停辦</t>
  </si>
  <si>
    <t>鄭新台南學校畢旅停辦</t>
  </si>
  <si>
    <t>前線醫護長者疫苗肺炎優先英新冠接種</t>
  </si>
  <si>
    <t>搶全球之先英國今天表示本週準備開始發放美國輝瑞藥廠和德國生技公司BioNTech的2019冠狀病毒疾病（COVID-19 武漢肺炎）疫苗首先會在醫院施打之後再分發到各診所。第一批疫苗將從8日起施打英國國家醫療保</t>
  </si>
  <si>
    <t>疫苗英國今天表示準備開始發放美國輝瑞藥廠德國公司biontech病毒診所疾病之後covid-武漢</t>
  </si>
  <si>
    <t>搶全球之先英國今天表示本週準備開始發放美國輝瑞藥廠和德國生技公司BioNTech的2019冠狀病毒疾病（COVID-19 武漢肺炎）疫苗首先會在醫院施打之後再分發到各診所。
第一批疫苗將從8日起施打英國國家醫療保健服務（NHS）將優先施打80歲以上長者、前線醫護以及長照設施員工與住民。
英國上週批准輝瑞（Pfizer）與BioNTech研發疫苗的緊急使用授權申請搶先全球展開史上最重要的大規模接種計畫。共計英國訂購4000萬劑疫苗足以供給這個6700萬人口國家的2000萬人施打第一週預料可提供約80萬劑。
英國衛生部表示從比利時送抵的疫苗將儲存在全國各地安全的地方進行品質檢查。
由於輝瑞/BioNTech疫苗存放相當麻煩必須儲存在攝氏零下70度環境在一般冰箱只能存放5天因此衛生部表示疫苗初期將先在50間醫療院所施打。疫苗的解凍和使用準備要花上數小時。
英格蘭國家醫療保健服務（NHS England）已致函家庭醫師（General Practitioner GP）請他們做好準備12月14日起即透過當地醫師服務展開疫苗接種。（譯者：鄭詩韻/核稿：嚴思(示其)）1091206</t>
  </si>
  <si>
    <t>疫苗施打英國準備biontech輝瑞表示服務國家儲存醫師接種展開存放使用全球nhs醫療保健詩韻譯者病毒</t>
  </si>
  <si>
    <t>疫苗英國醫療國家biontech</t>
  </si>
  <si>
    <t>biontech國家醫療英國疫苗</t>
  </si>
  <si>
    <t>波動etf危機入市首選</t>
  </si>
  <si>
    <t>今年以來全球主要股市皆因新冠肺炎疫情爆發而波動加劇投資人的風險趨避情緒明顯上升資金流入避險型資產。觀察今年以來債券型商品的表現無論疫情爆發前、後多為正報酬其中尤以美國長天期公債上漲1401％（</t>
  </si>
  <si>
    <t>爆發疫情今年以來美國尤以報酬長天肺炎流入明顯情緒資金避險趨避上升風險波動加劇投資人表現商品公債資產</t>
  </si>
  <si>
    <t>今年以來全球主要股市皆因新冠肺炎疫情爆發而波動加劇投資人的風險趨避情緒明顯上升資金流入避險型資產。
觀察今年以來債券型商品的表現無論疫情爆發前、後多為正報酬其中尤以美國長天期公債上漲1401％（截至2月底）最為亮眼富邦投信量化及指數投資部主管粘瑞益認為美債商品的抗跌特性可作為現階段危機入市首選風險承受度較高的投資人可選擇長天期的美債ETF風險承受度較低者建議選擇較短天期的美債ETF。
由於新冠肺炎疫情迄今擴散狀況仍未控制影響層面不僅是中國當地復工狀況甚至擴及全球產業鏈方面。美國蘋果公司也提出警告因為受到中國疫情的影響供貨與中國內需都將下滑3月當季的業績將無法達到先前公佈的財測目標美股應聲下跌。
因為新冠肺炎疫情的黑天鵝事件資金流入避險型資產2月12日當周固定收益共同基金與ETF共進帳了236億美元是自從2001年以來最大單周流入金額。其中投入美國債券基金的資金占了154億美元當中包括103億美元的投資等級債券。
粘瑞益指出2019年是股債齊揚的一年股債市場都達到雙位數的表現。儘管美國降息風暫停、利差已經收斂但是黑天鵝事件的發生仍為債券市場提供投資契機。觀察今年以來債券型商品的表現無論疫情爆發前、後多為正報酬。
在近期市場避險情緒上升資金湧入避險型資產的情況下粘瑞益建議可以採取不同天期的美債ETF來分散風險由於長天期的美債對市場風險敏感度較高波動也較大在短期市場擔憂情緒未消散的情況之下風險承受度較高的投資人可以選擇如富邦美債20年（股票代號00696B）ETF擇機進場佈局。
相對地而對於風險承受度較低的投資人則可以選擇較短天期的富邦美債7-10（股票代號00695B）ETF不但可以參與債券價格上升的投資機會也可以達到抗波動的效果。</t>
  </si>
  <si>
    <t>etf可以疫情風險債券市場美國達到投資資金承受度中國流入避險情緒長天投資人肺炎狀況</t>
  </si>
  <si>
    <t>投資人美債ETF肺炎美債避險型</t>
  </si>
  <si>
    <t>肺炎etf避險投資人</t>
  </si>
  <si>
    <t>健康自主隔離新增陳時中存摺系統民眾儘快通知</t>
  </si>
  <si>
    <t>民眾通知等待陳時中現在存摺健康亂跑待在家裡不要及時報告中心系統陰性指揮都先疫情時間差縮短如今</t>
  </si>
  <si>
    <t>新冠肺炎台灣陳時中採檢健康存摺</t>
  </si>
  <si>
    <t>陳時中臺灣肺炎健康存摺</t>
  </si>
  <si>
    <t>金雞發表報告台微</t>
  </si>
  <si>
    <t>台微體（4152）子公司盈擘醫藥26日宣佈最新一篇描述ISPM21與ISPM19的潛在優勢的科學摘要獲國際醫學氣霧劑學協會（ISAM）的科學委員會接受並將於第23屆ISAM大會中發表。盈擘專注於微脂體吸入劑型藥物開發此次</t>
  </si>
  <si>
    <t>科學isam於微ispm醫藥專注摘要國際發表大會協會氣霧劑醫學描述最新宣佈優勢接受</t>
  </si>
  <si>
    <t>台微體（4152）子公司盈擘醫藥26日宣佈最新一篇描述ISPM21與ISPM19的潛在優勢的科學摘要獲國際醫學氣霧劑學協會（ISAM）的科學委員會接受並將於第23屆ISAM大會中發表。
盈擘專注於微脂體吸入劑型藥物開發此次發表的研究報告為「利用吸入式微脂體抗病毒藥物之標靶傳輸來治療新冠肺炎之策略」是屬於新醫療器材和新興療法類別的海報將於大會網站上以電子版本呈現並搭配口頭簡報將在今年5月22至26日於美國愛達荷州博伊西市會議中心進行的大會中以實體方式呈現。
ISAM大會乃世界上最大的肺部藥物傳輸和呼吸健康會議之一。此研討會將聚集數百名與會者包括臨床醫生、呼吸健康護理專業人士、重症監護專業人士、氣霧劑科學家和工程師、製劑科學家以及產品開發和監管專家。大會的目的乃促進當前醫學氣霧劑最新技術的科學討論。
台微體曾於瑞士舉行的第22屆ISAM大會中發表以吸入式微脂體尼達尼布來提升肺部疾病治療的科學海報。該海報的科學摘要刊登於氣霧藥物與肺部藥物傳輸期刊的新醫療器材和新興療法。</t>
  </si>
  <si>
    <t>大會藥物科學isam氣霧劑肺部傳輸發表會議最新健康呼吸呈現海報醫學治療摘要式微</t>
  </si>
  <si>
    <t>吸入大會海報微脂體氣霧劑</t>
  </si>
  <si>
    <t>海報大會氣霧劑</t>
  </si>
  <si>
    <t>訂單助陣石斑魚魚郎</t>
  </si>
  <si>
    <t>新冠肺炎衝擊永安石斑魚外銷市場漁民苦不堪言。市長韓國瑜日前開臉書直播化身「賣魚郎」讓訂單爆表光石斑魚就賣出近9000尾業績一舉突破200多萬元。高市海洋局16日再趁勢推出「高雄海味熟魚祭祖」組合包</t>
  </si>
  <si>
    <t>石斑魚海味高雄推出永安趁勢外銷海洋市場高市漁民突破市長苦不堪言韓國瑜日前一舉業績開臉直播化身</t>
  </si>
  <si>
    <t>新冠肺炎衝擊永安石斑魚外銷市場漁民苦不堪言。市長韓國瑜日前開臉書直播化身「賣魚郎」讓訂單爆表光石斑魚就賣出近9000尾業績一舉突破200多萬元。高市海洋局16日再趁勢推出「高雄海味熟魚祭祖」組合包搶攻清明節商機。
永安區漁會總幹事黃鶯指出永安石斑魚外銷市場占7成主要銷往大陸、香港、澳門但因疫情影響幾乎沒有訂單就連國內桌菜市場也銳減因此祭出平常買不到的優惠價本來1尾石斑魚要價5、600元現在只賣299元。
黃鶯表示由於訂單爆量石斑魚是新鮮現撈無法全自動化處理必須依賴人工清腮、清鱗、清魚肚後再透過真空包裝送達消費者手中目前會先消化完現有訂單趕在3月底前全面出貨另外預計再開放下一批促銷。
海洋局漁業推廣科科長林琳說市長開直播拍賣主要是因石斑魚外銷短期有停滯情形因此鼓勵國人多多購買促進內銷市場活動開賣沒幾個小時訂單就突破百萬可見價錢相當優惠吸引民眾興趣。
海洋局長趙紹廉16日宣佈聯合高雄永安區漁會、得意中華及安得利食品共同推出超值「高雄海味熟魚祭祖」組合包包含高雄熟製的石斑魚及鱸魚等超值水產品減少民眾外出至公眾場所採買的機會更不需任何廚藝及烹調簡單加熱就能食用；價錢從888元起即日起限時開賣至25日12時止。</t>
  </si>
  <si>
    <t>石斑魚訂單市場永安高雄海洋外銷民眾市長直播突破價錢黃鶯推出漁會組合</t>
  </si>
  <si>
    <t>新冠肺炎石斑魚永安水產韓國瑜</t>
  </si>
  <si>
    <t>石斑魚永安肺炎水產韓國瑜</t>
  </si>
  <si>
    <t>肺炎失蹤連累家人懷疑</t>
  </si>
  <si>
    <t>新冠肺炎疫情在大陸31個省分全都出現確診案例在四川就有一名女子因為接獲消息發現自己在確診患者出沒的地方工作懷疑自己染上新冠肺炎也怕因此傳染給家人選擇離家出走沒想到10天後竟成了浮屍。這名劉</t>
  </si>
  <si>
    <t>確診肺炎想到離家出走選擇家人傳染給女子消息發現自己四川案例患者懷疑出現出沒地方</t>
  </si>
  <si>
    <t>新冠肺炎疫情在大陸31個省分全都出現確診案例在四川就有一名女子因為接獲消息發現自己在確診患者出沒的地方工作懷疑自己染上新冠肺炎也怕因此傳染給家人選擇離家出走沒想到10天後竟成了浮屍。
這名劉姓女子住在四川德陽和丈夫在市區的市場經營雜貨店日前因為聽到鄰居說「某患者發病前曾前往該市場購物」因此開始擔心自己感染新冠肺炎更害怕傳染給家人。
劉女擔心感染儘管家人不斷勸說甚至已前往醫院檢查結果正常她仍心有餘悸。劉女在12日淩晨3點起床穿上棉襖、戴著口罩出門當時丈夫以為她是出門散心沒想到上午5點仍沒有回家感到情形不對勁立刻出門尋找但沒發現她的蹤跡只能報警處理。
當地警方接獲報案後立刻動員仍找不到劉女21日當地救援隊也介入協尋調閱監視器畫面後發現劉女12日曾走上黃河路大橋但卻沒有過橋的身影實際到現場看見橋上石頭欄杆和石階上有被踩踏的痕跡初步研判婦人可能跳河輕生。
家屬隨後請消防隊打撈但由於水面未發現婦人猜測可能是被閘門口附近的潛流吸附在水底最後決定開閘門洩水後再行救援；經過幾個小時的搜索當地消防水上救援隊發現了「疑似人體」為了怕被病毒感染消防隊員先穿上防護服才前往將人體撈上岸最後順利將遺體轉運到岸邊。經家屬辨認證實是失蹤10日的婦人而這也讓家屬感到相當悲痛。
對此德陽市疫情應急指揮部心理幹預工作組專家劉平指出劉女就是屬於「疑病狀態」她從擔心被傳染到懷疑有病再到心理確認自己有病其實就是疑病妄想「如果是這樣的情況建議患者和家人認真對待最好及時到醫院心理科精神科尋求專業幫助大陸中科院心理研究所副所長陳雪峰建議在面對疫情時一定要穩定情緒、理性分析若真的無法放心一定要主動尋求心理援助才不會做出不理性的行為。
更多 CTWANT 報導</t>
  </si>
  <si>
    <t>劉女發現心理家屬家人患者前往疫情婦人擔心當地出門救援尋求市場大陸建議醫院感到</t>
  </si>
  <si>
    <t>新冠肺炎新型冠狀病毒台灣大陸全球</t>
  </si>
  <si>
    <t>病毒冠狀肺炎臺灣大陸全球</t>
  </si>
  <si>
    <t>paypal外財看好</t>
  </si>
  <si>
    <t>電子支付服務商PayPal週三盤後股價劇烈震盪目前大漲852%報13924美元稍早前一度下挫57%。該公司上季營收獲利不如市場預期但看好即使防疫封鎖措施開始鬆綁但保持社交距離的要求仍將帶動線上購物需求本</t>
  </si>
  <si>
    <t>paypal週三盤後股價帶動劇烈震盪要求距離目前社交保持鬆綁開始措施封鎖防疫看好預期市場不如</t>
  </si>
  <si>
    <t>電子支付服務商PayPal週三盤後股價劇烈震盪目前大漲852%報13924美元稍早前一度下挫57%。該公司上季營收獲利不如市場預期但看好即使防疫封鎖措施開始鬆綁但保持社交距離的要求仍將帶動線上購物需求本季電子支付業務將強勁復甦。
PayPal公佈第一季營收年增118%為462億美元落後市場預期的474億美元。淨利為8400萬美元年減874%；經調整後每股盈餘為66美分落後市場預估的75美分。
但PayPal表示新冠肺炎疫情為線上交易業務注入強心針在截至3月底的季度線上交易業務較去年同期成長18%達到1910億美元。4月份新增客戶達到740萬人創下歷史新高當月電子交易業務額年增22%為680億美元。5月1日的交易額更創下單日歷史新高。
執行長Daniel Schulman在法說會上表示PayPal的產品與服務從未如此受到需要與歡迎。</t>
  </si>
  <si>
    <t>paypal業務市場交易電子表示創下歷史落後服務預期季營支付達到產品鬆綁開始保持措施社交目前</t>
  </si>
  <si>
    <t>PayPal電子支付營收獲利EPS</t>
  </si>
  <si>
    <t>支付獲利電子paypaleps</t>
  </si>
  <si>
    <t>行家好玩郵輪答案海上一面倒</t>
  </si>
  <si>
    <t>新冠肺炎疫情全球肆虐停在日本橫濱港的「鑽石公主號」截至目前為止已累計218名旅客和船組員確診其中11名屬於重症患者。對此就有網友好奇「海上郵輪真的很好玩嗎？」貼文一出隨即掀起熱議。數日前停泊在</t>
  </si>
  <si>
    <t>掀起全球隨即肆虐文一日本橫濱好玩鑽石真的公主郵輪截至海上目前為止疫情好奇累計網友旅客</t>
  </si>
  <si>
    <t>新冠肺炎疫情全球肆虐停在日本橫濱港的「鑽石公主號」截至目前為止已累計218名旅客和船組員確診其中11名屬於重症患者。對此就有網友好奇「海上郵輪真的很好玩嗎？」貼文一出隨即掀起熱議。
數日前停泊在基隆港、船上載有1738名旅客的「寶瓶星號」我國中央流行疫情指揮中心登船替旅客進行發燒篩檢其中128人採檢送驗結果出爐全數檢驗陰性過關。
對比現如今的「鑽石公主號」疫情險峻就有網友在PTT「八卦板」PO文指出「最近那兩艘海上郵輪鬧得沸沸揚揚一艘回台大家可以回家啦全體歡呼；一艘還停在日本簡直像個大毒窟…」
讓他不禁好奇「郵輪確實是台灣最近很夯的旅遊方式我雖然沒試過但實在不能理解一艘大船在海上漂泊幾天然後偶爾靠港到底有什麼好玩的？有沒有海上郵輪有真的很好玩的八卦？」
貼文一出隨即掀起網友熱議紛紛留言回應「船上設施吧」、「還不錯！很多餐廳可以吃、表演可以看把它想成一間移動式的五星飯店」、「公海就可以賭博了就跟你跑去澳門一樣」、「躺在甲板上看海耍廢還蠻舒服的好處其實就是你不用安排一堆旅程純享受」、「好玩啊有生之年要去一次想快速玩一遍三天慢慢玩五天」。
不少內行人更一面倒推爆一優點「睡飽吃、吃飽睡基本上自助餐廳都是開放的不用再付錢所以嘴饞就走到餐廳吃點東西然後去玩玩郵輪設施肚子餓再來吃東西」、「搭過一次公主號體驗真的超棒的3餐都有供應隨時想吃東西都可以去；半夜肚子餓大廳還有Mini Bar吃到爽；講真的郵輪超適合肥宅去的絕對吃到爽」、「目前吃的最好的就是現在有名的鑽石公主」。</t>
  </si>
  <si>
    <t>郵輪可以公主旅客疫情海上真的好玩網友東西鑽石船上日本不用最近好奇吃到</t>
  </si>
  <si>
    <t>武漢肺炎新型冠狀病毒新冠肺炎台灣郵輪</t>
  </si>
  <si>
    <t>肺炎病毒冠狀臺灣武漢郵輪</t>
  </si>
  <si>
    <t>確診肺炎部長環境波蘭隔離</t>
  </si>
  <si>
    <t>波蘭環境部長渥斯（Michael Wos）今天指出他經採檢對2019冠狀病毒疾病（COVID-19武漢肺炎）呈陽性反應已自我隔離還表示他目前覺得狀況良好。法新社報導波蘭確診病例已達156例有3人死亡已實施禁止外國</t>
  </si>
  <si>
    <t>波蘭死亡wosmichael今天指出經采檢病毒疾病covid-病例武漢確診肺炎法新社狀況良好陽性反應覺得報導隔離表示目前</t>
  </si>
  <si>
    <t>波蘭環境部長渥斯（Michael Wos）今天指出他經採檢對2019冠狀病毒疾病（COVID-19武漢肺炎）呈陽性反應已自我隔離還表示他目前覺得狀況良好。
法新社報導波蘭確診病例已達156例有3人死亡已實施禁止外國旅客進入及關閉學校等預防措施。
29歲的渥斯推文表示：「一名我接觸過的國家森林員工昨天經檢測感染冠狀病毒後我即進行隔離和檢測。」
這名已婚育有一子的波蘭環境部長說：「檢測結果是陽性。我現在覺得良好。我很感謝醫護人員並對每一位患病者傳達聲援之意。」
其他感染武漢肺炎的國際政治人物還包括法國文化部長裡斯特（Franck Riester）、西班牙平等部長孟蒂羅（Irene Montero）和伊朗副總統亞伯特卡（Masoumeh Ebtekar）等。</t>
  </si>
  <si>
    <t>部長波蘭感染病毒覺得表示檢測隔離武漢肺炎環境伊朗monteroirene孟蒂總統平等西班牙riesterfranck裡斯特文化部長關閉法國進入</t>
  </si>
  <si>
    <t>部長波蘭肺炎檢測隔離</t>
  </si>
  <si>
    <t>肺炎部長隔離檢測波蘭</t>
  </si>
  <si>
    <t>未來排除案例確診公佈航班資訊航空</t>
  </si>
  <si>
    <t>航空業有4名包括機師及空服員確診其為高風險公共服務業外界質疑指揮中心只公佈病例數及曾到美國工作資訊不透明疫情指揮中心指揮官陳時中表示如果無法確定其足跡才會公佈至於航空業等高風險共公服務業</t>
  </si>
  <si>
    <t>中心指揮高風險航空服務業確定無法足跡確診至於美國空服工作機師才會公表示陳時中指揮官不透明疫情資訊病例外界質疑包括</t>
  </si>
  <si>
    <t>航空業有4名包括機師及空服員確診其為高風險公共服務業外界質疑指揮中心只公佈病例數及曾到美國工作資訊不透明疫情指揮中心指揮官陳時中表示如果無法確定其足跡才會公佈至於航空業等高風險共公服務業確診案例未來會再研議是否針對其航班等資訊再做進一步的說明。</t>
  </si>
  <si>
    <t>資訊中心指揮確診高風險服務業航空確定無法未來足跡工作表示陳時中美國指揮官才會公案例疫情不透明至於病例空服</t>
  </si>
  <si>
    <t>新冠肺炎武漢肺炎新型冠狀病毒台灣航空業</t>
  </si>
  <si>
    <t>肺炎冠狀武漢臺灣病毒航空</t>
  </si>
  <si>
    <t>揚州南京新增</t>
  </si>
  <si>
    <t>大陸這波的新冠疫情仍在持續江蘇省原本的重災區南京8日病例「零新增」但揚州連續7天新增本土病例超過30例一省之內猶如冰火兩重天。不過南京市衛健委副主任丁小平提醒零新增並不等於零風險。由於揚州市的疫</t>
  </si>
  <si>
    <t>新增病例疫情持續江蘇省提醒原本丁小平重災區南京主任衛健南京市冰火猶如超過之內並不等於本土零風險揚州連續</t>
  </si>
  <si>
    <t>大陸這波的新冠疫情仍在持續江蘇省原本的重災區南京8日病例「零新增」但揚州連續7天新增本土病例超過30例一省之內猶如冰火兩重天。不過南京市衛健委副主任丁小平提醒零新增並不等於零風險。由於揚州市的疫情居高不下昨日起展開主城區的第五輪大規模核酸普篩管控也再次升級封閉社區管理、嚴格實行「足不出戶」每戶每3至5天限一人外出採購。
疫情中高風險區216個
根據大陸國家衛健委9日通報大陸8日新增確診病例125例其中本土病例94例（其中河南41例、江蘇38例、湖南12例、湖北3例）；境外移入病例31例（包括上海8例廣東8例、雲南8例、北京3例、內蒙古1例、浙江1例、四川1例、陝西1例）疫情中高風險地區216個。
南京市政府新聞辦公室9日舉行第20場南京新冠疫情防控新聞發布會南京市衛健委副主任丁小平表示南京8日無新增本土新冠肺炎確診病例2個中風險地區降為低風險。但他也強調「零新增並不等於零風險當前疫情形勢依然嚴峻複雜防控不能放鬆。」
南京新冠病例零新增後市民們關心健康碼如何從示警的黃色轉為安全的綠色？丁小平表示黃碼轉綠有2條件：一是居家健康監測滿14天（自碼變黃之日開始計算）；二是近7日內三次核酸檢測陰性絕大多數人滿足這2個條件時黃碼都會自動轉成綠碼。
南京市疫情成功壓制下來但揚州市疫情仍處於高峰。揚州8日新增38例確診病例中4例為輕型33例為普通型1例為重型。
7月20日至今江蘇省累計報告本土確診病例592例其中南京市231例揚州市346例宿遷市3例與淮安市12例。揚州成為新的疫情風暴中心累計確診病例比南京與湖南張家界的總和還多。
每戶一人 3至5天外出採買
由於揚州新增確診病例持續大量增加為迅速查清並阻斷新冠肺炎病毒傳播鏈揚州市9日上午6時30分起展開主城區第五輪大規模核酸檢測。
揚州此輪檢測的範圍包括邗江區、廣陵區、經濟技術開發區、生態科技新城、蜀岡—瘦西湖風景名勝區範圍內全部居民（包含外地在揚人員）江都區參照主城區同步開展大規模核酸檢測。
揚州防疫管控於8日下午再次升級實施範圍除主城區外又增加江都區。封閉管理社區嚴格實行「足不出戶」封控管理小區每戶每3至5天限一人憑出入證和蘇康碼、核酸檢測陰性證明等經測量體溫後外出採購生活必需品。
有大陸專家就直言揚州疫情可說是大陸二、三線城市面對Delta疫情時力不從心的縮影。與一線城市相比小城市疫調水準不高病毒傳播鏈難以精準回溯且小城市主要以老人與小孩為主除了疫調難也增加治療難度。</t>
  </si>
  <si>
    <t>疫情病例揚州新增核酸南京確診主城區檢測揚州市大陸範圍南京市城市增加外出本土丁小平衛健健康</t>
  </si>
  <si>
    <t>大陸揚州主城區疫情南京市</t>
  </si>
  <si>
    <t>疫情主城區揚州南京市大陸</t>
  </si>
  <si>
    <t>確診病例六大巴西首例南美無一倖免</t>
  </si>
  <si>
    <t>巴西衛生部長曼德塔(Luiz Henrique Mandetta)本週三召開記者會宣佈巴西確定出現首例新冠肺炎的病例患者是一名61歲巴西男性日前曾前往義大利北部衛生部將追蹤搭乘同一班飛機返回巴西的其他乘客。這名患者是一</t>
  </si>
  <si>
    <t>巴西患者luizhenriquemandetta週三召開衛生部北部追蹤大利記者會宣佈搭乘前往飛機確定返回出現首例日前男性</t>
  </si>
  <si>
    <t>巴西衛生部長曼德塔(Luiz Henrique Mandetta)本週三召開記者會宣佈巴西確定出現首例新冠肺炎的病例患者是一名61歲巴西男性日前曾前往義大利北部衛生部將追蹤搭乘同一班飛機返回巴西的其他乘客。
這名患者是一名住在聖保羅市的巴西男性二月初因工作需要單獨前往義大利北部倫巴底區(Lombardia)於2月21日返回巴西後身體不適25日住進聖保羅愛因斯坦醫院檢查結果呈新冠肺炎陽性。巴西衛生部又委請病理化驗所進行第2次檢驗結果也呈陽性才宣佈確認為巴西首個確診病例。
由於這名病患返國期間恰逢裡約狂歡節機場進出旅客流量大衛生部官員尚不排除有其他感染案例的可能性。衛生部表示目前巴西還有22例疑似病例其中11例在聖保羅。
2月初自武漢撤離回巴西的34名巴西僑民在安納波里斯(Anapolis)空軍基地隔離檢疫14天後新冠病毒檢測皆呈陰性日前已准許各自離開基地返家。
南美洲為全球六大洲最晚發現確診新冠肺炎病例的地區巴西的第一起案例也是南美洲的首例顯示疫情已經遍及全球。當地正值夏天專家正在觀察這種病毒在熱季的表現。</t>
  </si>
  <si>
    <t>巴西衛生部全球病例南美洲肺炎日前案例聖保羅首例返回宣佈確診結果男性陽性北部大利前往患者</t>
  </si>
  <si>
    <t>專家世衛譚德武漢</t>
  </si>
  <si>
    <t>世界衛生組織（WHO）組成的專家已在大陸的北京、廣州以及四川就地調查新冠肺炎疫情但未到訪爆發原點武漢市引起外界懷疑陸方是否有所不願公開。對此WHO秘書長譚德塞宣佈正在大陸考察的國際專家聯合小組22日將</t>
  </si>
  <si>
    <t>大陸專家who國際考察爆發原點到訪武漢市引起疫情外界肺炎懷疑陸方調查是否北京四川就地廣州公開</t>
  </si>
  <si>
    <t>世界衛生組織（WHO）組成的專家已在大陸的北京、廣州以及四川就地調查新冠肺炎疫情但未到訪爆發原點武漢市引起外界懷疑陸方是否有所不願公開。對此WHO秘書長譚德塞宣佈正在大陸考察的國際專家聯合小組22日將前往武漢在疫情爆發中心展開工作增進瞭解病毒與疾病的嚴重性。
自大陸武漢市自2019年12月起爆發2019年冠狀病毒疾病（COVID-19）並擴散至各省及世界各國。而譚德賽先前表示世衛將組織派出國際專家聯合小組前往大陸後受到高度矚目從專家人員組成到考察地點都成為新聞焦點。不過自傳出WHO專家參訪行程中包括了北京、廣州與四川但並未包括疫情爆發核心湖北省武漢市引起外界懷疑陸恐有所隱瞞。
據新華社報導譚德塞宣佈WHO專家小組將前往武漢在疫情中心展開調查工作。此前譚德塞表示該團隊匯集包括美國在內的全球9個機構的流行病學、病毒學、臨床管理、疫情控制和公共衛生專家如美國疾病預防控制中心、美國國家衛生研究院、俄羅斯國家肺結核和傳染病醫學研究中心、德國科赫研究所等機構的專家。
而中國衛生政策與管理學會會長陳希先前也已表示為何WHO原先參訪行程未經過武漢市或湖北省主要原因應該是湖北當前處在防控疫情的關鍵期接待能力有限。</t>
  </si>
  <si>
    <t>專家疫情who爆發武漢市表示德塞大陸中心包括美國機構先前小組前往考察湖北省疾病管理調查衛生病毒懷疑外界行程參訪</t>
  </si>
  <si>
    <t>大陸武漢新冠肺炎新型冠狀病毒NCP</t>
  </si>
  <si>
    <t>肺炎冠狀武漢病毒ncp大陸</t>
  </si>
  <si>
    <t>檢察官死亡決定疫苗接種</t>
  </si>
  <si>
    <t>北市本月15、16日高齡長者接種疫苗後死亡個案其中士林區96歲朱姓老翁、大同區92歲婦人以及新北市淡水歲81歲洗腎婦人均在接種疫苗當天、隔天猝死士林地檢署原本排定22日解剖釐清死因但因家屬提供相關病歷資料</t>
  </si>
  <si>
    <t>北市 本月 1516 日 高齡 長者 接種 疫苗 後 死亡 個案 其 中士 林區 96 歲 朱姓 老翁 大同區 92 歲 婦人 以及 新北 市 淡水 歲 81 歲 洗 腎 婦人 均 在 接種 疫苗 當天 隔 天 猝死 士 林地檢 署 原本 排定 22 日 解剖 厘 清 死因 但因 家屬 提供 相關 病歷 資料</t>
  </si>
  <si>
    <t>接種疫苗婦人家屬死因解剖排定提供長者原本林地檢新北大同區老翁朱姓林區猝死中士死亡個案當天高齡</t>
  </si>
  <si>
    <t>北市本月15、16日高齡長者接種疫苗後死亡個案其中士林區96歲朱姓老翁、大同區92歲婦人以及新北市淡水歲81歲洗腎婦人均在接種疫苗當天、隔天猝死士林地檢署原本排定22日解剖釐清死因但因家屬提供相關病歷資料其中士林區、大同區案例均排除與疫苗有關檢察官22日解剖新北市淡水區洗腎婦人釐清死因。
96歲朱姓老翁16上午接種AZ疫苗後告訴家人身體不適在房間內休息傍晚突然猝死家屬告訴警消因老翁年事已高放棄急救但為了釐清死因檢察官、法醫原本要解剖家屬以老翁有心臟瓣膜方面的問題並提供相關病歷資料檢方排除死亡與接種疫苗有關今下午決定不解剖而大同區婦人也是類似情形。
新北市淡水洗腎婦人15日洗腎後即接種疫苗檢方決定明天解剖釐清死因後續將根據簡體分析死因釐清是否與疫苗造成的副作用有關家屬可依預防接種受害給付相關規定若有相關可申請50萬到600萬無法確定的話將可申請30萬到350萬。</t>
  </si>
  <si>
    <t>北市 本月 1516 日 高齡 長者 接種 疫苗 後 死亡 個案 其 中士 林區 96 歲 朱姓 老翁 大同區 92 歲 婦人 以及 新北 市 淡水 歲 81 歲 洗 腎 婦人 均 在 接種 疫苗 當天 隔 天 猝死 士 林地檢 署 原本 排定 22 日 解剖 厘 清 死因 但因 家屬 提供 相關 病歷 資料 其 中士 林區 大同區 案例 均 排除 與 疫苗 有關 檢察官 22 日 解剖 新北 市 淡水區 洗 腎 婦人 厘 清 死因 96 歲 朱姓 老翁 16 上午 接種 az 疫苗 後 告訴 家人 身體 不適 在 房間內 休息 傍晚 突然 猝死 家屬 告訴 警 消 因 老翁 年事已高 放棄 急救 但 為了 厘 清 死因 檢察官 法醫 原本 要 解剖 家屬 以 老翁 有 心臟 瓣膜 方面 的 問題 並 提供 相關 病歷 資料 檢 方 排除 死亡 與 接種 疫苗 有關 今 下午 決定 不 解剖 而 大同區 婦人 也 是 類似 情形 新北 市 淡水 洗 腎 婦人 15 日 洗 腎 後 即 接種 疫苗 檢 方 決定 明天 解剖 厘 清 死因 後續 將 根據 簡體 分析 死因 厘 清 是否 與 疫苗 造成 的 副作用 有關 家屬 可 依 預防接種 受害 給付 相關 規定 若 有 相關 可 申請 50萬 到 600萬 無法 確定 的 話 將 可 申請 30萬 到 350萬</t>
  </si>
  <si>
    <t>疫苗解剖家屬接種死因老翁相關婦人有關大同區猝死告訴新北檢察官原本死亡決定中士林區</t>
  </si>
  <si>
    <t>新冠肺炎台灣接種疫苗洗腎婦人</t>
  </si>
  <si>
    <t>接種疫苗臺灣肺炎婦人</t>
  </si>
  <si>
    <t>藥物臨床錯失南山研究機會</t>
  </si>
  <si>
    <t>隨著全球新冠疫情大流行新冠疫苗的需求更加迫切。不過在許多疫苗研究團隊宣佈取得進展的情況下大陸的新冠病毒臨床研究項目數量卻出現停滯其研究立項在全球相關研究比例從2/3減至1/2。大陸防疫專家鍾南山認為</t>
  </si>
  <si>
    <t>研究大陸全球疫苗防疫減至比例停滯專案專家團隊宣佈臨床取得情況病毒進展立項出現數量相關需求迫切更加疫情</t>
  </si>
  <si>
    <t>隨著全球新冠疫情大流行新冠疫苗的需求更加迫切。不過在許多疫苗研究團隊宣佈取得進展的情況下大陸的新冠病毒臨床研究項目數量卻出現停滯其研究立項在全球相關研究比例從2/3減至1/2。大陸防疫專家鍾南山認為要在大陸進行大規模臨床藥物或治療研究已經沒有機會了。
據《英國廣播公司》(BBC)報導目前除了大陸之外世衛組織(WHO) 也牽頭協調資源研發疫苗全球兩大製藥商英國葛蘭素（GSK）和法國賽諾菲（Sanofi）宣佈聯合研發疫苗也有英國科學家們在臨床結果尚未完成前先讓疫苗小規模生產。
據WHO統計全球臨床試驗已由4月7日的927項增至1135項。而大陸相關臨床試驗全球占比已從一周前的近2/3降至近1/2。英國牛津大學流行病學教授陳錚鳴對BBC表示：「中國前兩個月的臨床試驗全球矚目。當時沒有協調浪費了資源。」
陸媒指出大陸現有598項新冠病毒臨床試驗通過專案立項同時也有40多個項目被撤銷。陳錚鳴表示大陸一下子上的專案太多每個專案都需要病人最後搞得零打碎敲。一個項目可能用了10個20個甚至100個病人但是什麼問題也解決不了。例如被譽為「人民的希望」的瑞德西韋（Remdsivir）在大陸的兩項臨床試驗已「暫停」原因是「當前新冠肺炎疫情已得到良好控制沒有符合條件的患者入組」。
鍾南山在《中國科學報》上指出：「很多研究被撤銷是因為大概誰都想不到中國會那麼快控制住疫情。現在要在中國進行大規模的臨床藥物或是治療的研究已經沒這個機會了。」他也坦承「在中國我們協作是相當困難這是我自己的體會。全國一盤棋針對一些最要害的問題來協作表面上都可以但實際上有些是不行的。」
世衛組織最近期牽頭成立了一個由科學家、醫生、資助者和生產商組成的全球疫苗研究小組以減少效率低下和重複勞動問題。先前世衛組織已聲稱有3種疫苗進入臨床試驗一種在大陸另二種在美國還有67種疫苗還在研發中。
報導說英國牛津大學研究團隊將於今年9月有100萬支疫苗面世但這批疫苗被標示為「可能有風險」目前該疫苗正在招募志願者參與試用。牛津大學詹納研究所教授兼所長艾德里安希爾（Adrian Hill）說現在不僅是小規模生產它們還在全球7個地區有生產商其中3個英國2個在歐洲1個在印度一個在中國大陸。</t>
  </si>
  <si>
    <t>疫苗大陸研究臨床全球中國試驗問題沒有專案英國研發疫情教授目前專案現在科學家bbc</t>
  </si>
  <si>
    <t>口罩引爆全場傻眼排隊熱血沸騰畫面</t>
  </si>
  <si>
    <t>新冠肺炎風暴讓血庫鬧血荒彰化縣福興東區扶輪社辦捐血活動使出送口罩妙招掀起熱血沸騰9點半才開始活動卻從清晨4點多就有人來排隊讓人傻眼沒見過捐血這麼熱的「怕是口罩荒比血荒還嚴重啊！」彰化縣福興</t>
  </si>
  <si>
    <t>活動口罩福興血庫排隊開始清晨熱血沸騰掀起妙招傻眼沒見風暴使出扶輪</t>
  </si>
  <si>
    <t>新冠肺炎風暴讓血庫鬧血荒彰化縣福興東區扶輪社辦捐血活動使出送口罩妙招掀起熱血沸騰9點半才開始活動卻從清晨4點多就有人來排隊讓人傻眼沒見過捐血這麼熱的「怕是口罩荒比血荒還嚴重啊！」
彰化縣福興東區扶輪社年年辦捐血疫情升溫本想暫停經過討論後決定如期舉行加碼捐血送口罩等物資掀起熱血響應天一亮就已經隊伍綿延了9點主辦趕緊發號碼牌200號、10分鐘發完讓等待空檔可以先歇歇外地人逛逛鹿港風情。
縣長王惠美也到現場表示現在是過渡期政府加緊腳步趕工口罩產量也希望鄉親正確地使用口罩。福興東區扶輪社是由鹿港福興地區企業家第二代新創立除了捐血活動也捐贈15個社區每個月20斤豬肉、25斤雞肉讓長者在社區照顧關懷據點快樂用餐。
福興東區扶輪社長許書林表示半年前開始籌備這次活動社友捐各式物資如鹿港古早味特色點心張大衛鹹蛋糕、保久乳、延長線、乳液、衛生紙、火災偵測器等口罩做為贈品是個意外始料未及啊。
捐血掀起轟動也引爆網友們熱烈討論上午就在臉書呼籲如果是拿口罩就別來排了「希望量力而為淩晨4點就來排別捐血完暈了」「哈哈哈！人性啊！畢竟口罩太缺了」。
有趣的是一邊排隊捐血領口罩和衛生局排隊買口罩交鋒了東區扶輪社安排人力進行酒精殺菌消毒及體溫量測作業讓參與捐血有最好的防護。</t>
  </si>
  <si>
    <t>口罩東區活動掀起扶輪社排隊討論福興鹿港表示物資開始扶輪希望社區</t>
  </si>
  <si>
    <t>學生雲縣口罩</t>
  </si>
  <si>
    <t>全球新冠肺炎疫情迄今沒有減緩趨勢雲林縣政府再招標採購16萬多盒口罩盼在學期末前發給學生對象並擴及教職員工每人2盒。今年初剛傳出新冠肺炎時雲林縣政府率先發口罩給幼兒園至縣立高中學生1月22日先發1</t>
  </si>
  <si>
    <t>口罩林縣肺炎政府學生發給對象幼稚園教職員工期末在學今年初傳出疫情採購率先招標迄今趨勢沒有</t>
  </si>
  <si>
    <t>全球新冠肺炎疫情迄今沒有減緩趨勢雲林縣政府再招標採購16萬多盒口罩盼在學期末前發給學生對象並擴及教職員工每人2盒。
今年初剛傳出新冠肺炎時雲林縣政府率先發口罩給幼兒園至縣立高中學生1月22日先發1盒10月間再發第2盒小學三年級以下發的是幼兒口罩共發出16萬2500多盒耗資約810萬元。
鑒於全球疫情仍未受到控制縣府教育處本月再招標明年度幼兒園至縣立高中生醫療口罩額度仍是每人2盒預計分兩梯次發教育處盼下月就可發給學生最遲在放寒假前。
教育處長邱孝文表示除防範疫情外東北季風季節縣內揚塵、境外汙染物移入的衝擊愈來愈大他盼新採購的口罩早點發目前各校仍維持上學前記錄體溫小朋友也愈來愈習慣戴口罩。
雲林縣明年主辦全國中等學校運動會防疫是一大挑戰共有21項競賽比賽場館目前如火如荼整修中防疫物資也有備無患邱孝文表示將添購口罩、酒精、額溫槍、熱感測儀。
衛生局指出雲林縣日前新增1確診個案該個案入境即入住集中檢疫所未涉足雲林縣也無縣內相關接觸者。
縣長張麗善呼籲12月1日起秋冬防疫專案啟動出入醫療照護、大眾運輸、宗教祭祀、教育學習、觀展觀賽、洽公機關、生活消費、休閒娛樂等八大場所務必戴口罩勸導不聽者將罰3000元至1萬5000元罰鍰。</t>
  </si>
  <si>
    <t>口罩林縣防疫疫情醫療目前愈來愈教育處明年邱孝文表示學生招標發給幼稚園</t>
  </si>
  <si>
    <t>口罩雲林縣肺炎每人學生</t>
  </si>
  <si>
    <t>學生林縣肺炎口罩</t>
  </si>
  <si>
    <t>專家病毒陽性出新恐是症狀感染者</t>
  </si>
  <si>
    <t>隨著新冠肺炎蔓延用於醫療的血液庫存也將告急。義大利傳出在60位捐血者中有40人驗出新冠病毒相當於將近7成的人感染專家認為這些人可能都是無症狀感染者。據《Oggi Scuola》報導義大利洛迪省的一個小鎮卡斯</t>
  </si>
  <si>
    <t>大利肺炎蔓延用於血液醫療報導庫存症狀scuola可能感染者oggi告急將近相當於出新傳出捐血者</t>
  </si>
  <si>
    <t>隨著新冠肺炎蔓延用於醫療的血液庫存也將告急。義大利傳出在60位捐血者中有40人驗出新冠病毒相當於將近7成的人感染專家認為這些人可能都是無症狀感染者。
據《Oggi Scuola》報導義大利洛迪省的一個小鎮卡斯蒂廖內達達（Castiglione Dadda）在60位捐血者中有40人的血液被驗出是新冠病毒陽性這時患者才驚覺自己染病在這之前仍一直維持戶外活動目前這些患者已進行隔離治療。
當地科多尼奧醫院（Codogno）醫師馬裡歐（Mario Grazioli）表示我們將對捐血站的每位捐血者進行病毒篩檢若捐血者呈陽性反應會立即進行隔離治療；若為陰性經72小時後做第2次篩檢以確保這些血夜是安全的。
歐洲新冠肺炎大流行義大利是疫情重災區確診人數達12萬8948例不過在5日通報死亡案例是兩周內來最低重症病患及非重症病患人數都有下降代表疫情有趨緩的跡象。
更多 CTWANT 報導</t>
  </si>
  <si>
    <t>捐血者大利進行病毒人數患者血液疫情肺炎治療隔離報導重症codogno醫師醫院</t>
  </si>
  <si>
    <t>捐血者驗出新冠病毒義大利進行</t>
  </si>
  <si>
    <t>病毒大利進行捐血者</t>
  </si>
  <si>
    <t>員工衛生局garmin</t>
  </si>
  <si>
    <t>國際穿戴大廠Garmin林口廠區1名員工染疫桃園市衛生局表示接獲消息後立即協助全廠區近500名員工採檢目前356人結果出爐全部呈現陰性反應。該確診員工為新北市民相關疫調由新北市衛生局負責調查。桃園市衛生</t>
  </si>
  <si>
    <t>員工桃園消息結果負責立即出爐呈現目前陰性反應確診協助全廠新北市衛生局表示衛生局相關</t>
  </si>
  <si>
    <t>國際穿戴大廠Garmin林口廠區1名員工染疫桃園市衛生局表示接獲消息後立即協助全廠區近500名員工採檢目前356人結果出爐全部呈現陰性反應。該確診員工為新北市民相關疫調由新北市衛生局負責調查。
桃園市衛生局指出7日當天接獲Garmin林口廠區1名員工確診的消息緊急於當日進行全廠區採檢工作採檢人數將近500名初步356人結果出爐皆為陰性。雖然廠區地點在桃園但因該員工落籍新北相關疫調由新北市府進行。
中央流行疫情指揮中心指揮官陳時中表示目前初步篩檢沒有群聚的現象但目前仍在檢驗中檢驗至今尚未發現有陽性。</t>
  </si>
  <si>
    <t>員工目前桃園表示進行初步新北確診消息結果出爐全廠衛生局檢驗garmin相關至今現象</t>
  </si>
  <si>
    <t>新冠肺炎台灣廠區員工Garmin</t>
  </si>
  <si>
    <t>臺灣肺炎員工garmin</t>
  </si>
  <si>
    <t>馬偕衛長民眾板橋院內萬華感染</t>
  </si>
  <si>
    <t>馬偕醫院17日傳出以跑馬燈方式要求有板橋、萬華活動史的民眾禁止進入醫院須自戶外就診。衛福部長陳時中17日回應這「並非」讓民眾「不得入院」而是比照戶外的發燒篩檢站先在戶外做檢查降低院內感染機率</t>
  </si>
  <si>
    <t>戶外民眾醫院降低檢查發燒跑馬燈院內要求方式板橋比照萬華活動入院不得並非陳時中回應部長禁止衛福就診進入</t>
  </si>
  <si>
    <t>馬偕醫院17日傳出以跑馬燈方式要求有板橋、萬華活動史的民眾禁止進入醫院須自戶外就診。衛福部長陳時中17日回應這「並非」讓民眾「不得入院」而是比照戶外的發燒篩檢站先在戶外做檢查降低院內感染機率保留醫療量能而醫院執行防疫措施也要依據緊急與必要性。
至於媒體問及是否比照大陸設置「方艙醫院」陳時中明確回應「目前沒這考慮」現在是要把有可能感染、與沒感染的人做好區隔即可。集中檢疫所近來擴充了200～300房正持續擴充中。</t>
  </si>
  <si>
    <t>醫院戶外感染比照回應民眾擴充近來檢疫所集中即可必要性緊急媒體依據問及是否至於</t>
  </si>
  <si>
    <t>新冠肺炎萬華板橋院內感染馬偕</t>
  </si>
  <si>
    <t>萬華板橋院內肺炎感染馬偕</t>
  </si>
  <si>
    <t>sars民眾媒體感謝當年水準張上淳</t>
  </si>
  <si>
    <t>台灣抗疫今天是第一百天中央流行指揮中心今天暢談一百多天來的新路歷程其中專家小組召集人張上淳表示這次民眾表現以及媒體精準報導和當年SARS相比進步很多也謝謝居家檢疫與隔離的民眾配合。疾管署署長周</t>
  </si>
  <si>
    <t>民眾今天配合中心暢談隔離檢疫新路歷程居家專家進步謝謝相比小組sars當年召集人張上淳報導表示精准媒體表現中央流行</t>
  </si>
  <si>
    <t>台灣抗疫今天是第一百天中央流行指揮中心今天暢談一百多天來的新路歷程其中專家小組召集人張上淳表示這次民眾表現以及媒體精準報導和當年SARS相比進步很多也謝謝居家檢疫與隔離的民眾配合。
疾管署署長周志浩表示這一百天天天有驚喜覺得我們國人大家都很沈穩一關一關得很平穩的度過感動的是台灣是個團結的社會對國家更有信心。
發言人莊人祥說想謝謝民眾每天固定這個時間收看直播說名讓阿中部長一戰成名也謝謝媒體報導未來希望很快可以結束這場戰役。
張上淳表示過去一百天除了指揮中心成立一百天但我們開始動作是12月31日開始當中很謝謝阿中部長帶領的防疫團隊與跨部會合作讓國家維持這樣的狀態是世界的典範背後要感謝的很多包含CDC同事長久工作在一起真的很辛勞一路下來不眠不休超過百天的努力工作好多次除了CDC防疫團隊醫療工作同仁也包含地方政府很多的衛生單位人員的一起參與疫調工作。
其次是警覺開始偵測到病人這些病人分散在醫療體系許多醫院中工作同仁包含通報採檢等都很辛苦隨著新病毒全世界疫情狀況專家團隊一直改變通報定義第一線工作者非常辛苦在醫院系統都還沒改好下一版又出來他們幾乎追不上一開始他們也抱怨中央一改再改有點覺得不容易理解但也知道我們為何需要這樣但也讓台灣疫情可以密切追蹤監視到現在。
張上淳也強調當然也謝謝所有民眾水準很高在先前跟ＳＡＲＳ年代完全不同衛生習慣的養成和改變都是這次能順利控制疫情順利。「大家可以知道我們偶而會說要居家檢疫隔離啪啪走者其實加起來所有的數字很可觀當中只有少數個案沒有遵照規定決大部分都是遵守規定真的很不簡單。背後當然是部會一起設計的支持監測系統。」
他指出居家檢疫目前有11萬人居家隔離有9千2百多人這樣數字只有少數沒有遵守規定決大部分都是遵守要求的。因此真的很感謝民眾的配合讓其他人可以更安全。
「零零總總加起來過去超過一百天跟大家一起工作讓我們國家可以更領先全球的成果真的很感動。」
張上淳最後也提到他曾經在電視節目說媒體朋友比起當年SARS也進步很多當年有說媒體是亂源之一這次媒體精準的報導沒有製造恐慌也很謝謝媒體做出正確精準的報導。很謝謝媒體幫忙國家一起做防疫。</t>
  </si>
  <si>
    <t>工作民眾一起可以謝謝媒體張上淳開始國家真的報導表示疫情團隊包含居家檢疫sars臺灣隔離防疫沒有</t>
  </si>
  <si>
    <t>媒體謝謝張上淳民眾抗疫百天</t>
  </si>
  <si>
    <t>謝謝張上淳民眾媒體</t>
  </si>
  <si>
    <t>《國際社會》疫情發燒！澳洲首度關閉學校警告治療經費恐破10億澳元</t>
  </si>
  <si>
    <t>警告澳洲首度學校關閉治療發燒經費疫情社會國際</t>
  </si>
  <si>
    <t>在雪梨一名16歲學生的新冠狀病毒感染檢測為陽性後澳洲週五下達第一個學校關閉令。此外該國總理莫里森（Scott Morrison ）警告治療感染病患的公共支出可能會超過10億澳元（約661億美元）。澳洲總理莫里森表示</t>
  </si>
  <si>
    <t>澳洲總理莫里森病毒感染檢測陽性週五支出感染可能治療關閉警告morrisonscott學校超過學生雪梨</t>
  </si>
  <si>
    <t>在雪梨一名16歲學生的新冠狀病毒感染檢測為陽性後澳洲週五下達第一個學校關閉令。此外該國總理莫里森（Scott Morrison ）警告治療感染病患的公共支出可能會超過10億澳元（約661億美元）。
澳洲總理莫里森表示他已經發函給澳洲各省政府為治療新冠肺炎患者設立一筆規模達10億澳元的基金同時警告所需經費可能更多。
目前為止澳洲的新冠狀病毒感染確診病例為60人其中兩名確診的年長者死亡而澳洲政府仍無法遏阻疫情擴散。莫里森在2月底時表示新冠肺炎爆發全球大流行是可能發生的事他今天則首度詳述相關醫療成本。
澳洲最大城市雪梨的一名16歲學生成為該國最新確診病例。新南威爾斯省政府因此下令關閉雪梨這所「艾平男子高中」（Epping Boys High School）為期至少一天成為該國因疫情關閉學校的首例將近1200名學生與職員必須在周末期間自主隔離。
新南威爾斯省衛生部門表示該名確診學生應是曾與其他感染者有過接觸而遭到感染因此本地感染再添一例。</t>
  </si>
  <si>
    <t>澳洲學生可能確診關閉莫里森表示雪梨感染疫情警告成為治療新南學校總理威爾斯病例肺炎病毒感染首度感染者遭到</t>
  </si>
  <si>
    <t>澳洲新冠肺炎疫情學校關閉</t>
  </si>
  <si>
    <t>疫情肺炎學校澳洲關閉</t>
  </si>
  <si>
    <t>旅遊疫情傳播建議社區升級注意南韓</t>
  </si>
  <si>
    <t>南韓新冠肺炎確診案例暴增今更出現首名死亡案例當地政府宣佈進入社區傳播階段。中央流行疫情指揮中心宣佈即起起提升南韓旅遊疫情建議至第1級注意（Watch）提醒民眾遵守當地一般預防措施。至於重災區日本指</t>
  </si>
  <si>
    <t>疫情宣佈案例南韓預防措施一般當地遵守民眾提醒至於watch確診注意建議出現死亡當地政府中央進入指揮社區流行傳播階段肺炎重災區</t>
  </si>
  <si>
    <t>南韓新冠肺炎確診案例暴增今更出現首名死亡案例當地政府宣佈進入社區傳播階段。中央流行疫情指揮中心宣佈即起起提升南韓旅遊疫情建議至第1級注意（Watch）提醒民眾遵守當地一般預防措施。至於重災區日本指揮中心則擬將旅遊疫情建議提升至第2級警示（Alert）加強對日預警。
南韓新冠肺炎病例數快速上升今日突破100例更出現首名死亡案例。中央流行疫情指揮中心表示南韓確診個案約7成為當地或疑似當地感染其中有幾例感染源不明並已出現多起群聚事件。
指揮中心指揮官陳時中表示考量我國與南韓往來密切昨起提升南韓旅遊疫情建議至第1級注意（Watch）提醒民眾遵守當地一般預防措施。
至於疫情持續延燒的日本陳時中表示非常可能進一步提高旅遊疫情建議等級由第1級注意（Watch）提升至第2級警示（Alert）亦即加強預警呼籲民眾前往當地需加強防護。
截至今日國內共新增30例疑似個案累計通報1941人其中1844人已排除其餘仍在隔離檢驗（42人初驗陰性、其餘待檢驗）。24名確診個案中1人死亡其餘個案病況穩定。個案接觸者尚有161人持續居家隔離其中6人有症狀已通報（5人排除、1人檢驗中）。
指揮中心呼籲民眾應落實肥皂勤洗手、避免觸摸眼鼻口做好咳嗽禮節。若參加聚會活動應做好防範措施有呼吸道症狀者應在家休息。自國外入境時如有發燒、咳嗽等不適症狀應主動通報檢疫人員配合各項防疫措施。返國後14天內如出現疑似症狀可撥打免付費防疫專線1922依指示戴口罩就醫並告知旅遊史、職業別、接觸史及是否群聚(TOCC)以及時診斷通報。</t>
  </si>
  <si>
    <t>疫情症狀指揮出現中心南韓旅遊當地個案通報確診民眾死亡表示加強案例防疫咳嗽提升接觸</t>
  </si>
  <si>
    <t>南韓第一級當地社區傳播旅遊疫情建議</t>
  </si>
  <si>
    <t>社區旅遊傳播當地疫情建議南韓</t>
  </si>
  <si>
    <t>曝光政府還要紓困現金支持</t>
  </si>
  <si>
    <t>據全國公信力民意調查民調今公佈是否支持政府普發現金紓困結果顯示有661%的國人支持普發現金來紓困在透過交叉分析高達534%的民進黨支持者、681%的無政黨傾向的民眾皆支持普發現金對此國民黨立委洪孟楷</t>
  </si>
  <si>
    <t>支持紓困發現民意調查對此現金普發公佈國民黨民眾是否傾向政黨高達分析政府交叉透過金來國人</t>
  </si>
  <si>
    <t>據全國公信力民意調查民調今公佈是否支持政府普發現金紓困結果顯示有661%的國人支持普發現金來紓困在透過交叉分析高達534%的民進黨支持者、681%的無政黨傾向的民眾皆支持普發現金對此國民黨立委洪孟楷直言難道這對民進黨來說還不是多數民意嗎？蔡政府紓困振興還要慢幾拍。
洪孟楷今（30日）在臉書發文表示一早出席國民黨中央記者會公佈全國公信力民意調查民調用數字告訴民進黨背離民意到底多遠疫情期間百業受到嚴重衝擊更有許多弱勢家庭連三餐都要煩惱自己在選區響應的「愛心待用餐」很快就發放完畢「隱性的窮困」非常的多換言之很多人亟需援手、度過難關用最快速的時間發現金解燃眉之急真的很困難嗎？
政府若能直接普發現金洪孟楷認為不用重蹈行政成本、不需印製時間和拿現金來換且直接使用沒有限制更重要的這就是多數民意的展現他希望政府不要再用意識形態讓錯誤政策繼續「擾民、傷財」了。
洪孟楷稱立法部門總共通過四次紓困預算分別為600億、1500億、2100億及4200億共8400億來幫助人民度過難關現在還有 1600億空間可以運用拜託蔡政府看見民意、聽見民意正視紓困不周延、規劃慢半拍的問題謙虛地傾聽民意、趕快普發現金幫助大家度過難關。他直言足夠的疫苗、直接發現金這是多數民意、更是台灣在後疫情時代重振精神的解方持續要求一個有責任的政府向人民負責。</t>
  </si>
  <si>
    <t>政府現金民意紓困度過難關直接支援民進疫情公佈洪孟楷時間普發幫助直言</t>
  </si>
  <si>
    <t>洪孟楷普發現金民意民調蔡政府</t>
  </si>
  <si>
    <t>民意現金普發洪孟楷政府</t>
  </si>
  <si>
    <t>討論北市臨床圈選接種陳宜民</t>
  </si>
  <si>
    <t>國產疫苗還沒做臨床三期就被蔡總統「欽點」表示7月底可望開打引發爭議；國政基金會永續發展組召集人陳宜民建議可以讓國產疫苗在雙北疫區做三期試驗引發熱議。臺北市長柯文哲4日下午在防疫記者會中指出「在台</t>
  </si>
  <si>
    <t>引發疫苗下午柯文哲臺北市防疫臨床表示總統月底可望爭議國政基金會發展組永續召集人陳宜民建可以</t>
  </si>
  <si>
    <t>國產疫苗還沒做臨床三期就被蔡總統「欽點」表示7月底可望開打引發爭議；國政基金會永續發展組召集人陳宜民建議可以讓國產疫苗在雙北疫區做三期試驗引發熱議。臺北市長柯文哲4日下午在防疫記者會中指出「在臺北市政府做得到的範圍內一定會協助國產疫苗的試驗。」陳宜民隨即表示感謝柯P回應並建議可以用「圈選接種」（Ring Vaccination）的理論所設計的臨床試驗。
國政基金會永續發展組召集人陳宜民4日在臉書表示感謝柯P回應他的建議願意考慮在臺北市做第三期新冠肺炎疫苗臨床試驗。
陳宜民並附上聯亞疫苗王長怡董事長提出由她的顧問Dr Tom Monath建議、針對確診者接觸者的第三期臨床試驗。這是一個利用「圈選接種」（Ring Vaccination）理論設計的臨床試驗。
陳宜民說「圈選接種」不會給參與者打安慰劑而是把他們分成兩群一群馬上打疫苗另外一群則等三15天後再打疫苗再比較這兩群疫苗接種者發病的比率。這種「圈選接種」臨床試驗已經應用在天花及伊波拉病毒的防疫工作上。
陳宜民說希望柯P能夠與他及王長怡董事長見面討論一下「因為面對新冠病毒持續蔓延的疫情我們沒有鬆懈的本錢！」</t>
  </si>
  <si>
    <t>疫苗試驗臨床接種圈選建議病毒宜民董事長防疫表示引發臺北市可以回應召集人發展組</t>
  </si>
  <si>
    <t>新冠肺炎台灣陳宜民圈選接種</t>
  </si>
  <si>
    <t>肺炎陳宜民臺灣圈選接種</t>
  </si>
  <si>
    <t>世界確診國內疫情輸出臺灣影響</t>
  </si>
  <si>
    <t>上海市衛健委今天指有一名在台工作的陸籍人士17日從台灣出發入境上海在隔離期間出現症狀20日確診。這是上海第5例從台灣來的確診個案。中央流行疫情中心發言人莊人祥表示目前已連繫對岸但對方尚未回覆並統</t>
  </si>
  <si>
    <t>臺灣確診上海對方對岸連系目前表示莊人祥工作尚未發言人中心陸籍疫情今天人士流行中央個案出發入境期間隔離出現</t>
  </si>
  <si>
    <t>上海市衛健委今天指有一名在台工作的陸籍人士17日從台灣出發入境上海在隔離期間出現症狀20日確診。這是上海第5例從台灣來的確診個案。中央流行疫情中心發言人莊人祥表示目前已連繫對岸但對方尚未回覆並統計從去年疫情爆發至今台灣已輸出60例確診到大陸、菲律賓、日本、越南等國。
上海市衛健委今早通報3月20日的4例確診個案中其中一例來自台灣為一名大陸籍人士在台灣工作自台灣地區出發於3月17日抵達上海浦東國際機場入關後即被集中隔離觀察其間出現症狀。綜合流行病學史、臨床症狀、實驗室檢測和影像學檢查結果等診斷為確診病例。為第5例台灣輸出的上海確診病例。
對此莊人祥表示今天上午已透過大陸視窗希望取得這名在上海確診案例的資料不過對方尚未回覆。莊人祥也指出從去年到現在共有60例台灣輸出的個案但至今這60案都沒看到對台灣疫情有影響。</t>
  </si>
  <si>
    <t>確診臺灣上海大陸莊人祥疫情症狀個案輸出出現隔離去年表示出發工作尚未對方至今人士衛健病例</t>
  </si>
  <si>
    <t>台灣輸出確診60例新冠肺炎</t>
  </si>
  <si>
    <t>確診輸出肺炎臺灣</t>
  </si>
  <si>
    <t>疫苗接種啟動暫不包括港澳臺兒童上海人士</t>
  </si>
  <si>
    <t>上海今（18日）20時起啟動3至5歲人群登記預約接種新冠疫苗。據瞭解此次接種人群暫不包括於3至5歲外籍人士、港澳臺人士、華人華僑。根據上海市疫情防控工作領導小組辦公室消息上海按照「知情、同意、自願」原則</t>
  </si>
  <si>
    <t>人群上海接種消息工作領導小組辦公室防控疫情上海市啟動華人華僑登記人士預約港澳臺外籍人士暫不包括知情時起疫苗瞭解同意自願原則</t>
  </si>
  <si>
    <t>上海今（18日）20時起啟動3至5歲人群登記預約接種新冠疫苗。據瞭解此次接種人群暫不包括於3至5歲外籍人士、港澳臺人士、華人華僑。
根據上海市疫情防控工作領導小組辦公室消息上海按照「知情、同意、自願」原則分步有序推進接種工作。此前已啟動6至17歲人群新冠疫苗接種服務從今（18日）起將為有意向接種的3至5歲人群開通新冠疫苗登記預約接種服務。
據瞭解目前接種疫苗為國藥、科興疫苗基礎免疫全程接種2劑次。至於3至5歲外籍人士、港澳臺人士、華人華僑則根據有關部署安排另外適時啟動接種工作。</t>
  </si>
  <si>
    <t>接種人群疫苗啟動華人華僑人士港澳臺上海外籍人士服務瞭解登記預約工作知情同意消息自願工作領導小組辦公室原則防控分步有序疫情上海市推進</t>
  </si>
  <si>
    <t>新冠肺炎大陸接種5歲港澳臺</t>
  </si>
  <si>
    <t>大陸接種肺炎港澳臺</t>
  </si>
  <si>
    <t>強迫疫苗臺胞台辦用心卑劣</t>
  </si>
  <si>
    <t>北京台商協會日前已開始受理登記在京台商臺胞接種新冠疫苗《自由時報》日前刊出報導有台商投訴被「半強迫」接種。大陸國台辦發言人朱鳳蓮今天(27日)反批這是惡意造謠、用心卑劣她現場展示一份「同意書」證</t>
  </si>
  <si>
    <t>接種台商日前卑劣用心造謠惡意現場今天開始朱鳳蓮發言人受理台辦登記大陸時報強迫臺胞投訴疫苗報導刊出自由</t>
  </si>
  <si>
    <t>北京台商協會日前已開始受理登記在京台商臺胞接種新冠疫苗《自由時報》日前刊出報導有台商投訴被「半強迫」接種。大陸國台辦發言人朱鳳蓮今天(27日)反批這是惡意造謠、用心卑劣她現場展示一份「同意書」證明臺胞是在知情同意下自願接種。
朱鳳蓮表示目前大陸各地新冠肺炎疫苗接種工作正在有序實施對包括大陸臺胞在內的符合條件的民眾都會作出妥善安排。多位臺胞受訪表示對大陸疫苗有信心願意盡早接種。
朱鳳蓮表示北京市從1月1日開始啟動新冠肺炎疫苗重點人群接種工作已完成超過190萬重點人群第一劑疫苗接種。在京自願接種疫苗且符合條件的台商臺胞接種工作由北京市台辦協調北京市台資企業協會進行安排。
「需要強調的是大陸疫苗接種完全在自願申請、知情同意的前提下進行。」朱鳳蓮痛批「島內某些政客及某些媒體臆造所謂『半強迫』接種完全是惡意造謠。」「事實勝於雄辯。民進黨當局和島內某些媒體誣蔑抹黑大陸疫苗接種用心卑劣。」
「可以給大家看一下接種疫苗都需要簽一份疫苗接種知情同意書」朱鳳蓮現場拿出一張黃色的紙張向媒體展示「每一位接種的臺胞都會填寫知情同意書來表達個人意願。」
朱鳳蓮表示去年12月15日大陸正式開展重點人群新冠疫苗接種工作以來截至1月20日已累計開展疫苗接種1500萬人次。已有40多個國家提出進口大陸新冠疫苗的需求有的已批准使用大陸新冠疫苗。這些都充分證明瞭大陸新冠疫苗良好的安全性。
朱鳳蓮表示大陸疫苗接種工作有序推進並實施全民免費使符合條件的群眾都能實現「應接盡接」逐步構建起免疫屏障阻斷新冠病毒傳播。</t>
  </si>
  <si>
    <t>接種疫苗大陸朱鳳蓮臺胞表示工作知情媒體符合條件同意書台商北京市進行開始自願島內安排強迫展示現場日前人群</t>
  </si>
  <si>
    <t>接種朱鳳蓮臺胞新冠疫苗疫苗接種</t>
  </si>
  <si>
    <t>朱鳳蓮疫苗臺胞接種</t>
  </si>
  <si>
    <t>發言公開德塞整理白目bbc</t>
  </si>
  <si>
    <t>新冠肺炎疫情持續蔓延目前全球累計超過14萬確診病例死亡人數達5千多人。BBC整理出世界衛生組織（WHO）秘書長譚德塞（Tedros Adhanom Ghebreyesus）多次公開發言內容網友看完拳頭都硬了。BBC中文網摘錄出譚德塞</t>
  </si>
  <si>
    <t>bbc德塞持續蔓延目前全球累計超過確診疫情病例死亡人數網友內容發言公開拳頭ghebreyesusadhanomtedros整理</t>
  </si>
  <si>
    <t>新冠肺炎疫情持續蔓延目前全球累計超過14萬確診病例死亡人數達5千多人。BBC整理出世界衛生組織（WHO）秘書長譚德塞（Tedros Adhanom Ghebreyesus）多次公開發言內容網友看完拳頭都硬了。
BBC中文網摘錄出譚德塞發言在臉書表示「新型冠狀病毒疫情爆發以來世界衛生組織總幹事譚德塞都公開說過什麼？」
1月23日譚德塞說「中國分享疫情資訊非常及時及時採取相應措施展現出相當高的透明度。」
1月31日「世衛反對任何針對中國的旅遊及貿易限制」。
2月11日「中國以外的疫情傳播可能『冰山一角』……必須團結對抗病毒確保疫情不會失控。」
2月12日「比起恐怖襲擊病毒能引發政治經濟文化動盪的威力更大……國際應該更積極對抗疫情把這項病毒視為頭號公敵。」
2月21日「中國新型肺炎新增病例持續減少趨勢令人鼓舞。」
2月24日「現在使用大流行一詞不符合事實肯定會引起恐慌。」
3月2日世衛組織再次表示2019冠狀病毒疫情仍未構成全球大流行。3月11日世衛組織正式宣佈2019新型冠狀病毒肺炎成為大流行疾病。
譚德塞說詞反覆日前才終於改口表示新冠肺炎「全球大流行」網友留言罵翻表示「反指標」、「打臉總是來的快」、「除了說廢話他到底幹了什麼？」「他說什麼反向思考/動作就對了」、「他是否欠全世界一個道歉？」</t>
  </si>
  <si>
    <t>疫情病毒德塞表示流行中國肺炎全球病例bbc發言網友持續對抗世衛組織冠狀世界衛生組織公開對了</t>
  </si>
  <si>
    <t>譚德塞WHO世界衛生組織新冠肺炎新型冠狀病毒</t>
  </si>
  <si>
    <t>世界衛生組織肺炎who德塞冠狀病毒</t>
  </si>
  <si>
    <t>開炮境外新增臺灣憤怒</t>
  </si>
  <si>
    <t>截至15日下午4時台灣新增6例境外移入新冠肺炎病例(從案54到案59)指揮官陳時中表示這次一口氣確診6位創下國內單日最高紀錄。對此婦產科名醫蘇怡寧在臉書上怒轟「我真心不理解這個時候出國旅遊的概念是⋯？」</t>
  </si>
  <si>
    <t>時候臺灣新增理解真心境外書上蘇怡寧肺炎名醫病例出國婦產科到案對此紀錄指揮官陳時中最高</t>
  </si>
  <si>
    <t>截至15日下午4時台灣新增6例境外移入新冠肺炎病例(從案54到案59)指揮官陳時中表示這次一口氣確診6位創下國內單日最高紀錄。對此婦產科名醫蘇怡寧在臉書上怒轟「我真心不理解這個時候出國旅遊的概念是⋯？」嘲諷性PO文一出立刻引起大批網友跟著痛罵。
蘇怡寧在臉書上分享中央流行疫情指揮中心針對案54到案59的確診通報資訊他語帶諷刺地吐槽詢問眾網友：「我真心不理解這個時候出國旅遊的概念是⋯⋯? ? ? 請給我一個合理的答案謝謝」
網友們一看也紛紛譴責幫回答罵說「可能覺得自己沒那麼幸運會被傳染～」、「捨不得已繳團費+僥倖我不會被傳染到的心態」、「政府應該請他們全額自付醫療費用！」、「超自私！讓國人曝在風險中應該自付所有醫療費用！」、「好好待著不要趴趴走很困難嗎」。不過也有人理性留言「阿中部長有交代不要給他人貼標籤要正向防疫」。</t>
  </si>
  <si>
    <t>網友不要確診到案傳染費用蘇怡寧應該書上自付醫療真心概念臺灣新增境外旅遊理解</t>
  </si>
  <si>
    <t>境外移入6確診高中生確診案59案54</t>
  </si>
  <si>
    <t>高中生確診境外</t>
  </si>
  <si>
    <t>問題帶來臨時工肺炎過日子</t>
  </si>
  <si>
    <t>受到新冠肺炎的影響日本厚生勞動省從3月18日開始提供自由業者每日4100日圓（約新台幣1147元）的救濟同樣的問題在澳洲也存在沒有保障的臨時工（causal worker）現在嚴重陷入工作危機。在澳洲工作的僱用方</t>
  </si>
  <si>
    <t>澳洲影響現在嚴重worker厚生日本causal勞動臨時工保障開始沒有提供存在自由業日圓問題同樣救濟台幣工作肺炎陷入</t>
  </si>
  <si>
    <t>受到新冠肺炎的影響日本厚生勞動省從3月18日開始提供自由業者每日4100日圓（約新台幣1147元）的救濟同樣的問題在澳洲也存在沒有保障的臨時工（causal worker）現在嚴重陷入工作危機。
在澳洲工作的僱用方式分成全職、兼職及臨時工其中臨時工因為工作時間不固定保障較少也沒有特休他們多半是在咖啡廳及餐廳工作。隨著新冠肺炎爆發餐飲業受到巨大影響對於19至30歲的年輕人許多收入不足的人可能會變得付不起房租而無家可歸。尤其在墨爾本或雪梨等大城市房租更是驚人就算能領到每週失業津貼198澳幣（約新台幣3542元）租金的佔比可能就超過59%嚴重影響生活品質。
其實在澳洲約有650萬人是低收入所得雖然政府提供一次給付750澳幣（約新台幣13400元）的救濟但並不包括臨時工的部分政府打算提出要提高臨時工時薪的政策但遠水可能救不了近火。
目前澳洲的工作者每4人就有1人被歸類在臨時工的範圍雖然並非全部都低收入但畢竟例外是少數。根據澳洲統計局的調查臨時工的存款超過2400元澳幣（約新台幣43000元）的佔346%600元澳幣（約新台幣10700元）以下的也有274%更有超過115%的人負責中。如今受到新冠肺炎影響臨時工們可能連工作都保不住政府要如何顧及這些人也是很頭疼的問題。
更多 CTWANT 報導</t>
  </si>
  <si>
    <t>臨時工澳洲可能工作影響政府台幣超過肺炎房租提供嚴重低收入問題沒有</t>
  </si>
  <si>
    <t>臨時工約新台幣新冠肺炎影響澳幣</t>
  </si>
  <si>
    <t>台幣肺炎影響臨時工</t>
  </si>
  <si>
    <t>不分順序流感疫苗趕快公費接種</t>
  </si>
  <si>
    <t>流感疫苗開打南投縣衛生局5日前進名間鄉松柏嶺集會所由副縣長陳正昇率先示範接種疫苗；衛生局長黃昭郎表示今年公費疫苗施打對象取消先後排序因此請符合條件民眾就近到衛生所或醫療院所施打。陳正昇表示</t>
  </si>
  <si>
    <t>陳正升施打疫苗表示衛生局日前名間鄉松柏集會縣長就近民眾符合條件率先排序示範衛生所衛生局長先後接種醫療取消對象</t>
  </si>
  <si>
    <t>流感疫苗開打南投縣衛生局5日前進名間鄉松柏嶺集會所由副縣長陳正昇率先示範接種疫苗；衛生局長黃昭郎表示今年公費疫苗施打對象取消先後排序因此請符合條件民眾就近到衛生所或醫療院所施打。
陳正昇表示新冠肺炎疫情尚未結束除了遵守新生活運動配戴口罩以及保持社交距離外更應注意保護身體的健康；每年10月至隔年3月是流感好發的高峰期接種流感疫苗是預防流感最有效的方式鄉親若符合公費施打的條件應踴躍接種疫苗以避免流感。
黃昭郎表示今年衛生局購置13萬7000劑的疫苗若以全縣人口覆蓋數量計算可達到275％這樣的比率能夠有效確保社區防疫的安全；另外往年公費疫苗施打對象有安排先後順序的差別今年則將排序取消因此如果符合公費施打條件的民眾請持健保卡至衛生所或102家流感合約醫院及診所接種。
疫苗接種除自費施打外如果符合公費流感疫苗接種對象如50歲以上成人（59年次）；出生滿6個月至五專三年級以下學生族群；高風險慢性病患、肥胖者BMI≧30；罕見疾病患者、重大傷病患者；孕婦及家中有6個月以下幼童之父母等皆可免費接種。
流感病毒傳染力強感染後容易併發重症的心肌炎、腦炎、肺炎等疾病嚴重時可能造成死亡一般人接種流感的保護力達30-80％接種流感對健康成年人達70-90％保護效果對老人則降低50-60％嚴重性併發症及減少80％死亡率。
此外為提供接種可近性及便民服務縣府亦請各衛生所及醫療院所在社區活動中心、關懷據點、發展協會等廣設社區接種服務如果企業、工商團體、社區管委會等單位揪團人數達35人衛生所可提供便利接種服務 請撥打衛生局專線（049）2220904或免費防疫專線1922洽詢。</t>
  </si>
  <si>
    <t>接種流感疫苗衛生所施打公費衛生局社區保護流感疫苗對象今年肺炎以下符合疾病表示陳正升免費有效</t>
  </si>
  <si>
    <t>流感疫苗南投縣新冠肺炎</t>
  </si>
  <si>
    <t>流感疫苗肺炎</t>
  </si>
  <si>
    <t>同事肺炎增為傳染員工</t>
  </si>
  <si>
    <t>大陸新冠肺炎確診病例已破44萬宗死亡人數也超過千人疫情蔓延全球近30國。如今德國證實南部巴伐利亞邦新增2例使這歐洲人口最多國家的新冠肺炎病例增為16例。據路透報導巴伐利亞邦衛生廳說新增2例和慕尼</t>
  </si>
  <si>
    <t>病例肺炎利亞邦新增疫情蔓延超過全球人數死亡如今確診德國證實南部衛生廳國家人口</t>
  </si>
  <si>
    <t>大陸新冠肺炎確診病例已破44萬宗死亡人數也超過千人疫情蔓延全球近30國。如今德國證實南部巴伐利亞邦新增2例使這歐洲人口最多國家的新冠肺炎病例增為16例。
據路透報導巴伐利亞邦衛生廳說新增2例和慕尼克西方斯坦柏格（Starnberg）地區汽車零件供應商「偉博思通」（Webasto）的員工間傳染有關。
偉博思通1月說一名陸籍員工在拜訪慕尼克附近的史托克多夫（Stockdorf）總部後返回中國大陸時確診感染新冠肺炎。報導說這名陸籍員工在訪德期間顯然將病毒傳染給幾名德國籍同事。
另一方面世界衛生組織（WHO）今天將去年12月31日在中國大陸首度確認的致命冠狀病毒疾病正式命名為COVID-19而這種傳染病俗稱武漢肺炎。</t>
  </si>
  <si>
    <t>員工肺炎病毒德國大陸中國慕尼克報導病例新增確診利亞邦疫情蔓延超過命名全球covid-</t>
  </si>
  <si>
    <t>新冠肺炎武漢全球德國傳染</t>
  </si>
  <si>
    <t>全球武漢肺炎德國傳染</t>
  </si>
  <si>
    <t>陳時中活動衝擊omicron心理準備</t>
  </si>
  <si>
    <t>今天陸續傳出本土病例衝擊我國委員會年底衛環世界耶誕法院大型活動心理準備衛福做好仍要部長陳時中可能性表示變動</t>
  </si>
  <si>
    <t>病毒omicron防疫民眾大型活動現在旅客時中陳時中邊境今天必須注意年底說明變異表示安排心理準備包含</t>
  </si>
  <si>
    <t>Omicron跨年陳時中大型活動衝擊</t>
  </si>
  <si>
    <t>衝擊大型活動陳時中omicron</t>
  </si>
  <si>
    <t>who國家增至疫情全球流行病出現潛力</t>
  </si>
  <si>
    <t>當前新冠肺炎疫情蔓延全球2月28日又傳出有紐西蘭、奈及利亞、亞塞拜然等國出現首例確診病例讓全球出現疫情的國家數增至56國總感染人數突破83000人。世界衛生組織（WHO）祕書長譚德塞日內瓦時間27日發出警告</t>
  </si>
  <si>
    <t>疫情全球出現日內瓦德塞秘書長who蔓延世界衛生組織突破人數紐西蘭傳出感染奈及利亞首例增至國家時間肺炎</t>
  </si>
  <si>
    <t>當前新冠肺炎疫情蔓延全球2月28日又傳出有紐西蘭、奈及利亞、亞塞拜然等國出現首例確診病例讓全球出現疫情的國家數增至56國總感染人數突破83000人。世界衛生組織（WHO）祕書長譚德塞日內瓦時間27日發出警告此病毒具有成為全球流行病的潛力輕忽將是「致命的錯誤」。
此外隨著日本也因持續增加確診病例我中央流行疫情指揮中心22日將日本旅遊疫情調升為二級警示外交部28日晚間也宣佈自即日起調升日本旅遊警示燈號為「黃色」提醒國人特別注意旅遊安全並檢討應否前往也調升北海道旅遊警示燈號為「橙色」建議避免非必要旅行。
截至2月27日全球總感染人數83746人較上日新增1241人；累計死亡人數2861人較上日增加52人。而中國大陸27日新增327例確診創1月23日以來新低死亡人數新增44人雖然新增病例逾一個月新低但大陸國家衛健委專家組組長梁萬年28日強調防控疫情形勢仍然嚴峻複雜不能盲目樂觀。譚德塞27日出席於瑞士日內瓦舉行的記者會上表示伊朗、義大利和韓國的疫情正處於決定性的時刻這三個國家的疫情顯示出新冠肺炎病毒的能力。
我對日本警示升至黃色
我外交部28日強調日本新冠肺炎確診病例持續增加近八成為當地或疑似當地感染其中未知感染源者高達29％且已發生數起社區及醫院群聚感染。加上美國疾病預防管制中心（CDC）已將日本列為第二級旅遊「警示」（Alert）綜合考量下決定即日起將日本的警示燈號提升為「黃色」警示特別注意旅遊安全並檢討應否前往並調升北海道旅遊警示燈號為「橙色」建議避免非必要旅行
中央流行疫情指揮中心28日宣佈國內新增二例新冠肺炎確診個案第33例為北部30多歲男性2月中參加日本大阪旅遊團返國出現症狀這也是首例從中港澳以外境外移入案例。第34例為50多歲女性近期無國外旅遊史研判於國內感染。</t>
  </si>
  <si>
    <t>疫情日本旅遊感染警示全球確診病例國家肺炎新增出現增加人數調升病毒燈號首例日內瓦</t>
  </si>
  <si>
    <t>肺炎警示燈號感染警示疫情</t>
  </si>
  <si>
    <t>感染燈號警示肺炎疫情</t>
  </si>
  <si>
    <t>隔離肺炎後首報平安狀況不要確診加油李培禎</t>
  </si>
  <si>
    <t>主持人李培禎12日爆出確診新冠肺炎她透露5月中旬疫情爆發後便一直在家陪小孩3周內才出門3次即便防疫措施做到滴水不漏卻依舊染疫今（16日）稍早除了在臉書發文報平安表示隔離滿一周之外也不忘提醒大</t>
  </si>
  <si>
    <t>之外確診隔離表示報平安肺炎發文透露月中疫情爆發一直小孩周內才出門防疫</t>
  </si>
  <si>
    <t>主持人李培禎12日爆出確診新冠肺炎她透露5月中旬疫情爆發後便一直在家陪小孩3周內才出門3次即便防疫措施做到滴水不漏卻依舊染疫今（16日）稍早除了在臉書發文報平安表示隔離滿一周之外也不忘提醒大家要保持運動習慣。
李培禎至今隔離滿一周稍早在臉書跟所有人報平安透露這段期間除了一日三次回報健康狀況就是規定自己每天要運動三十分鐘以上接著表示相信所有人都聽過「快樂缺氧」也就是身體在不自覺情況之下缺氧如果疫情期間只是躺著滑手機便不容易發現身體變化因此提醒大家除了要保持運動習慣之外運動前後更要觀察血氧變化更強調「如果運動後血氧反而降低就要注意囉」。
接著不忘建議所有獨處狀態的人最好能找一個伴一起視訊運動這樣不但安全也能激勵彼此堅持下去更強調：「不要跟我說加油要請你跟我這樣做」樂觀面對病情的正面態度讓網友紛紛留言：「在此之前我以為感染者都是病懨懨希望妳趕快好起來」、「辛苦你了祝福你未來會越來越好」。
李培禎雖然正在防疫旅館隔離但慶幸的是老公與2個小孩都未感染也沒有症狀更不忘提醒所有人：「永遠不要低估新冠肺炎病毒就算很小心也不代表不會染疫。」呼籲所有人要做好防疫措施才能提升免疫力。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防疫運動所有人身體肺炎李培禎隔離保持務必症狀小孩疫情期間透露</t>
  </si>
  <si>
    <t>李培禎新冠肺炎隔離運動疫情</t>
  </si>
  <si>
    <t>隔離肺炎運動李培禎疫情</t>
  </si>
  <si>
    <t>設備導體北美新高</t>
  </si>
  <si>
    <t>國際半導體產業協會（SEMI）公佈最新北美半導體設備出貨金額5月達2346億元衝上三個月以來新高。SEMI全球行銷長暨台灣區總裁曹世綸表示儘管新冠肺炎疫情肆虐全球5月半導體設備出貨金額仍顯示半導體產業的長</t>
  </si>
  <si>
    <t>semi半導體全球設備金額產業曹世綸表示最新公佈總裁北美肺炎臺灣區行銷疫情導體以來肆虐協會</t>
  </si>
  <si>
    <t>國際半導體產業協會（SEMI）公佈最新北美半導體設備出貨金額5月達2346億元衝上三個月以來新高。SEMI全球行銷長暨台灣區總裁曹世綸表示儘管新冠肺炎疫情肆虐全球5月半導體設備出貨金額仍顯示半導體產業的長期韌性仍存在。
SEMI公佈5月北美半導體設備製造商出貨金額為235億美元不僅連續八個月站在20億美元關卡之上更達到三個月以來新高月增29％、年增131％。
在5G及AI等兩大新興技術持續發展帶動下使先進半導體、記憶體及封裝製程需求不斷成長。晶圓代工龍頭台積電下半年將開始放量生產5奈米製程技術後續更將有4奈米及3奈米等先進製程加入。
由於半導體大廠持續在製程及產能上投資使極紫外光（EUV）光罩盒家登、檢測廠閎康及宜特、探針卡廠旺矽及精測、廠務設備相關的朋億及漢唐等可望受惠帶動下半年營運持續暢旺。</t>
  </si>
  <si>
    <t>半導體設備semi持續制程技術金額下半年帶動全球以來先進產業公佈北美康及宜導體探針廠閎</t>
  </si>
  <si>
    <t>新高帶動SEMI</t>
  </si>
  <si>
    <t>帶動semi新高</t>
  </si>
  <si>
    <t>灰質大腦高燒氧氣治療患者減少情緒研究障礙</t>
  </si>
  <si>
    <t>許多罹患新冠肺炎的患者可能在癒後飽受頭痛、嗅覺喪失、胸痛等後遺症的折磨甚至還可能面臨中風、失語症、器官受損等嚴重風險。根據美國喬治亞州立大學與喬治亞理工大學一項新研究發現曾經接受氧氣治療、曾經有</t>
  </si>
  <si>
    <t>可能曾經發現研究肺炎大學喬治亞理患者喬治亞州立大學美國風險嚴重接受受損嗅覺喪失飽受器官頭痛失語症中風後遺症折磨</t>
  </si>
  <si>
    <t>許多罹患新冠肺炎的患者可能在癒後飽受頭痛、嗅覺喪失、胸痛等後遺症的折磨甚至還可能面臨中風、失語症、器官受損等嚴重風險。根據美國喬治亞州立大學與喬治亞理工大學一項新研究發現曾經接受氧氣治療、曾經有發高燒症狀的新冠肺炎患者他們有大腦額葉灰質體積減少影響到額顳的神經網路的交流能力導致患者在癒後可能會出現情緒障礙的原因。
●曾高燒或缺氧新冠患者　大腦灰質體積減少
這項研究團隊神經影像科學轉化研究中心分析120例的神經系統患者的大腦斷層掃描其中包含58例急性新冠病例及62例非新冠肺炎患者研究發現新冠患者在出院時與出院後6個月如果曾經出現發高燒、缺氧症狀他們大腦灰質體質會有縮小的情況儘管他們的心血管疾病已獲得良好控制但仍無法改變灰質減少的情況。
●大腦灰質發生變化　癒後情緒障礙的原因
灰質是中樞神經系統很重要的部分當灰質異常會影響神經元的功能與交流能力。喬治亞州大學心理學教授文斯·卡爾霍恩（Vince Calhoun）表示精神分裂症等情緒障礙者這有可能與灰質減少影響的神經元功能有關。而新冠病患的神經系統併發症有越來越多趨勢研究指出新冠病毒可能通過發燒或缺氧症狀影響額顳網路導致大腦額葉灰質發生變化這也說明為何新冠患者在癒後會表現出情緒障礙的原因。
對此研究團隊認為額顳網絡的灰質變化或可用作新冠患者在預後或評估疾病治療方案的生物標記該研究已刊登在《Neurobiology of Stress》期刊上。</t>
  </si>
  <si>
    <t>灰質研究患者可能大腦情緒減少影響原因障礙缺氧症狀大學疾病肺炎神經系統治療情況團隊能力曾經</t>
  </si>
  <si>
    <t>健康醫療網新冠肺炎台灣灰質大腦</t>
  </si>
  <si>
    <t>肺炎臺灣灰質醫療網健康大腦</t>
  </si>
  <si>
    <t>下跪焦點道歉身旁女子神秘李萬熙身分教主天地</t>
  </si>
  <si>
    <t>造成南韓新冠肺炎大肆感染的源頭、韓國新天地教主李萬熙昨(2日)召開記者會時首次下跪公開道歉不過即使他行大禮謝罪仍止不住南韓人民怒火而記者會當時他的身旁有一名神秘女子不斷在他耳邊提醒要如何</t>
  </si>
  <si>
    <t>記者會南韓女子神秘肺炎身旁感染大肆源頭當時韓國新天地教主不斷怒火李萬熙人民謝罪召開大禮止不住下跪道歉公開</t>
  </si>
  <si>
    <t>造成南韓新冠肺炎大肆感染的源頭、韓國新天地教主李萬熙昨(2日)召開記者會時首次下跪公開道歉不過即使他行大禮謝罪仍止不住南韓人民怒火而記者會當時他的身旁有一名神秘女子不斷在他耳邊提醒要如何說話以及應對突然間成為全南韓人最好奇的人物並形容她是「人間助聽器」。
李萬熙昨到會場時遭媒體圍堵問他是何時抵達研修院時李萬熙回答是2月27日但該女子立刻在他耳邊說請說17日李萬熙立刻改口但都被現場媒體聽得一清二楚接著她又提醒李萬熙當媒體問到他是否有四處趴趴走時一定要回答媒體「沒有都固定待在研修院內。」
因此現場媒體都相當好奇這號隨時跟在李萬熙身邊卻不知道是何方神聖的神祕女子身分。韓研究新天地教的專家分析這名女子應該是相當於李萬熙第二任前妻金南茜的人物而且是除了李萬熙外實際上可以掌控新天地教會的第二號人物。
專家表示這位金姓女子在新天地教會扮演非常重要角色教會內有12支派長老多年來這些長老們要知道教主李萬熙人在何處？或是想要見他甚至傳達訊息都只能單獨透過這位金姓女子傳達地位相當重要因此韓國司法與衛生當局目前也正密追查這位金姓神祕女子來歷。
其實韓劇《救救我》也是以「邪教」背後醜陋面作為題材探討邪教組織而劇中教主身邊同樣有個盲目崇拜他的信徒在教團裡面職稱是執事負責幫教主處裡大小事因此新天地教會事件爆發後也讓大家聯想到這部韓劇一度又登上搜尋引擎排行榜。</t>
  </si>
  <si>
    <t>李萬熙女子媒體天地教主教會南韓相當人物神秘記者會提醒身邊韓劇傳達好奇回答重要</t>
  </si>
  <si>
    <t>李萬熙新天地教會南韓新冠肺炎教主</t>
  </si>
  <si>
    <t>南韓教會肺炎天地教主李萬熙</t>
  </si>
  <si>
    <t>鄭麗文通知預約人民政府</t>
  </si>
  <si>
    <t>第五批莫德納疫苗996萬劑前天抵達桃園機場衛福部長陳時中表示「數量很少」因此這批疫苗的施打對象還尚未定案對此藍委鄭麗文表示即使有新的自購莫德納抵台近6成人民仍等不到第一劑預約通知這可看出最</t>
  </si>
  <si>
    <t>表示疫苗莫德納預約人民通知衛福桃園機場部長鄭麗文尚未藍委對此對象定案陳時中施打數量</t>
  </si>
  <si>
    <t>第五批莫德納疫苗996萬劑前天抵達桃園機場衛福部長陳時中表示「數量很少」因此這批疫苗的施打對象還尚未定案對此藍委鄭麗文表示即使有新的自購莫德納抵台近6成人民仍等不到第一劑預約通知這可看出最根本的問題就是蔡政府的國際疫苗就是買太少也來太少但政府不急著解決疫苗不夠問題卻急著要讓人民施打國產疫苗讓她不禁痛批：國產疫苗是黨產疫苗嗎？
鄭麗文今（10日）在臉書發文表示指揮中心日前宣佈「第五輪莫德納打完第六輪就要開打高端」但高端疫苗仍遭外界諸多質疑就急著要讓人民施打這樣完全護航的疫苗政策更讓人高度懷疑蔡政府是否想間接迫使人民接受高端疫苗？
雖然目前疫情降到二級鄭麗文指出但現在Delta病毒持續擴散多國疫情再起面對來勢洶洶的Delta病毒蔡政府不是想要積極的解決疫苗不夠、高端疫苗保護力和副作用等問題而是大搞認知作戰側翼、網軍、內宣一條鞭企圖道德綁架民眾指責所有對於高端疫苗提出質疑的人通通都是居心叵測、不健康。
鄭麗文直言如果未來疫情持續而蔡政府採購的國際疫苗又遲遲不到貨那未做三期試驗、批准的四個批號未連續、又未獲WHO緊急授權的高端疫苗是不是就會成為多數人民不認同卻又不得不接受的唯一選擇？</t>
  </si>
  <si>
    <t>疫苗高端鄭麗文表示政府人民問題莫德納疫情施打delta病毒持續質疑接受不夠國際解決</t>
  </si>
  <si>
    <t>鄭麗文蔡政府新冠肺炎高端疫苗台灣</t>
  </si>
  <si>
    <t>肺炎政府高端疫苗臺灣鄭麗文</t>
  </si>
  <si>
    <t>發表會舉辦折疊機華為取消有望mwc亮相</t>
  </si>
  <si>
    <t>一年一度的科技界盛事全球行動通訊大會(MWC)今年度的展會因為新冠肺炎(NCP)疫情未歇官方已宣佈停辦創下 33 年來首例。其中有不少原定在 MWC 期間舉辦發表會的品牌都決定改以線上發表的方式讓新品亮相包含 So</t>
  </si>
  <si>
    <t>mwc方式行動發表通訊大會改以決定新品年度品牌展會發表會肺炎ncp疫情官方舉辦宣佈停辦</t>
  </si>
  <si>
    <t>一年一度的科技界盛事全球行動通訊大會(MWC)今年度的展會因為新冠肺炎(NCP)疫情未歇官方已宣佈停辦創下 33 年來首例。其中有不少原定在 MWC 期間舉辦發表會的品牌都決定改以線上發表的方式讓新品亮相包含 Sony、OPPO 等等。而華為(Huawei)據瞭解將按照原定計畫在 2/24 舉辦線上發表會。按照先前傳聞全新的可折疊螢幕手機也就是 Mate X 的接班人有望登場。
根據《Huawei Central》網站報導華為預定在 2 月 24 日西班牙巴塞隆納當地時間 14:00(北京/台灣時間 2 月 24 日下午 9 點)以線上直播的方式舉辦發表會內容將以英文來進行發表。據瞭解華為有機會進一步宣佈他們在 1+8+N 全場景智慧策略的佈局。其中「1」、「8」與「N」各別乙太陽、行星、衛星的概念來理解指的是華為手機、八項延伸產品(平板、PC、耳機、音箱(或音響類產品)、眼鏡、手錶、車機、電視)以及5大應用場景(包含智慧出行（地圖、車載資訊系統等）、影音娛樂（遊戲、影片等）、運動健康（血壓計、智慧秤等）、智慧家居（攝影機、掃地機器人等）、行動辦公（印表機、投影機等)意指環繞華為手機的全場景應用。
本次發表會的最主要焦點除了華為可能公佈 1+8+N 策略的最新佈局計劃外亮相新品可能包含 Mate X 全球上市的計畫或是新一代可折疊螢幕手機(Mate X的下一代)還有新智慧手錶、平板、5G 相關設備等等。除此之外預定在 3 月份在法國巴黎發表的 P40 系列《Huawei Central》也認為有機會在本次發表會中有更多消息曝光。</t>
  </si>
  <si>
    <t>華為發表會智慧手機發表包含huaweimate場景行動舉辦mwc手錶預定平板宣佈全球可能central</t>
  </si>
  <si>
    <t>MWC華為線上直播可折疊螢幕手機</t>
  </si>
  <si>
    <t>直播折疊華為mwc手機</t>
  </si>
  <si>
    <t>確診包含汽車足跡接觸旅館菜市場桃園量販店</t>
  </si>
  <si>
    <t>桃園市新增4確診本土案例年齡為20多歲至40多歲之間皆為確診者接觸者。桃園市政府公佈確診者足跡包含汽車旅館、好事多、家樂福、全聯、菜市場等。確診者累計898人目前居家隔離人數為411人。桃園市新聞處資料</t>
  </si>
  <si>
    <t>確診桃園本土累計足跡旅館好事包含全聯汽車家樂福菜市場人數案例隔離年齡之間居家目前接觸公佈新聞新增市政府資料</t>
  </si>
  <si>
    <t>桃園市新增4確診本土案例年齡為20多歲至40多歲之間皆為確診者接觸者。桃園市政府公佈確診者足跡包含汽車旅館、好事多、家樂福、全聯、菜市場等。確診者累計898人目前居家隔離人數為411人。
桃園市新聞處資料顯示4名確診者年齡為20多歲至40多歲累計確診案例898居家隔離人數411人。4人皆為確診者接觸者分別為案15621、案15622、案15623、案15640。
市府也公佈確診者足跡15至20日間包含168Motel平鎮館、Costco桃園中壢店、家樂福八德店、裡萊行旅、家樂福經國店、小北百貨北埔店、潮旅館、南崁菜市場、貝克漢汽車旅館、全聯龜山大同店。
★《中時新聞網》提醒您：因應新冠肺炎疫情疾管署持續加強疫情監測與邊境管制措施 如有疑似症狀請撥打：1922專線或 0800-001922 並依指示配戴口罩儘速就醫同時主動告知醫師旅遊史及接觸史以利及時診斷及通報。</t>
  </si>
  <si>
    <t>確診桃園接觸家樂福旅館疫情全聯汽車包含菜市場案例足跡公佈年齡累計撥打專線症狀監測指示</t>
  </si>
  <si>
    <t>確診者案156接觸者家樂福桃園市</t>
  </si>
  <si>
    <t>接觸家樂福桃園確診</t>
  </si>
  <si>
    <t>來不及再見拆散靈異事件cnn</t>
  </si>
  <si>
    <t>伊恩和蜜雪兒•霍恩（Ian and Michelle Horne）結婚近10年兩人無話不談可說是靈魂伴侶。約會第一天伊恩就要求吻未來的妻子而她也答應了。當兩人結婚時由於蜜雪兒最愛紫色於是伊恩特別打了紫領帶。然而</t>
  </si>
  <si>
    <t>伊恩結婚紫色最愛hornemichelle蜜雪兒要求未來伴侶答應約會妻子無話不談靈魂特別andian蜜雪兒·霍恩領帶</t>
  </si>
  <si>
    <t>伊恩和蜜雪兒•霍恩（Ian and Michelle Horne）結婚近10年兩人無話不談可說是靈魂伴侶。約會第一天伊恩就要求吻未來的妻子而她也答應了。當兩人結婚時由於蜜雪兒最愛紫色於是伊恩特別打了紫領帶。
然而據CNN新聞網20日報導在新冠肺炎病魔的作弄下活活拆散了這對恩愛夫妻。去年秋天確診的蜜雪兒在長期搏鬥下終於因併發症辭世。但就在妻子去世後不久這位堪薩斯州晨間廣播音樂節目主持人懷疑妻子是不是還在和他說話。
當他淩晨開車去上班時看到了奇異的景象：公路兩邊約有24盞路燈變成了紫色宛如夜空中綻放光芒的薰衣草色珍珠項鍊。而伊恩認為這是已故妻子給他的訊息。「蜜雪兒知道我每天淩晨去上班的路線而那也是她去醫院最後一程的路線。」伊恩說他只記得當時自己不禁微笑滿心想著蜜雪兒是這麼靠近他。
新冠肺炎大流行病肆虐至今已奪去超過60萬美國人的性命。有些人還來不及和心愛的家人告別就因為隔離而孤獨地辭世。然而也有人像伊恩一樣說因新冠肺炎過世的親人還是設法找到機會和他們說再見。
雖然他們的經驗也許不同但往往令人難以言喻。有些人是在超真實的睡夢中見到過世的親人有人是突然聞到熟悉的香水味還有人則是看到家裡寵物出現不尋常的行為。另外有人的經驗比較戲劇化像是感到有人碰自己的肩膀、突然聽到病逝的親人發出警告或是看到床尾出現過世不久親人的身影等。
這些故事聽來或許令人難以置信但事實上歷史上並不乏先例。在當事人或是過世的親人無法接受不告而別時似乎常會出現這種狀況。每當出現疫病大流行爆發戰爭或是重大的天災時往往會傳出有逝去親人想要和他們接觸的消息。例如1918年流感大流行期間還有2001年9/11恐攻事件後就不斷傳出有人看到過世親人甚至對方想要交談的經歷。
而在這次新冠疫情大流行中在加拿大教英文的皮娜（Marie Pina）就有了親身體驗。她說去年11月時79歲的母親因病房爆發新冠肺炎感染經篩檢後證明確診接著被隔離。後來她雖然在12月返家但身體已十分虛弱大約過了4個月後就過世了。
皮娜說就在母親伊奈姿（Inez）辭世的那天早上她正在臥室要拿拖鞋時突然感到肩上有隻冰冷的手她一轉頭就看到母親坐在身邊面無表情地直視前方但容貌卻年輕了20歲。她說母親的手好冷感覺就像剛從外面進來一樣。
此外皮娜說過了不久有一天她在煮母親愛喝的菠菜湯時突然聞到媽媽身上的香味。她說自己在攪拌菠菜湯時和先生一起在廚房聞到母親的味道前後約5分鐘而他倆都感到驚奇不已。</t>
  </si>
  <si>
    <t>親人伊恩母親看到過世蜜雪兒妻子突然肺炎出現辭世流行聞到感到皮娜紫色確診</t>
  </si>
  <si>
    <t>新冠肺炎確診死亡靈異美國</t>
  </si>
  <si>
    <t>肺炎確診死亡靈異美國</t>
  </si>
  <si>
    <t>境外首例輸入omicron廣東陽性發現病例廣州</t>
  </si>
  <si>
    <t>大陸央視新聞報導廣州市疫情防控14日下午舉行新聞發布會繼天津發現中國首例Omicron陽性病例之後廣州也發現廣東首例境外輸入奧密克戎（Omicron）陽性病例。病例男67歲家住越秀區華樂街天勝村65號。11月27</t>
  </si>
  <si>
    <t>發現首例病例陽性omicron廣州市疫情防控下午舉行新聞報導新聞發佈會家住天津中國境外密克輸入廣東廣州之後越秀區</t>
  </si>
  <si>
    <t>大陸央視新聞報導廣州市疫情防控14日下午舉行新聞發布會繼天津發現中國首例Omicron陽性病例之後廣州也發現廣東首例境外輸入奧密克戎（Omicron）陽性病例。
病例男67歲家住越秀區華樂街天勝村65號。11月27日從國外入境集中隔離期間多次核酸檢測均陰性。12月11日解除隔離後乘飛機（CA1837）返回廣州閉環轉運至越秀區家中居家隔離；12日華樂街社區衛生服務中心為其例行採集核酸標本13日淩晨通報結果初篩陽性經市、區疾控中心重採樣覆核結果均為陽性。病例閉環轉運至廣州醫科大學附屬市八醫院隔離治療經進一步檢查和專家會診確診為新冠肺炎普通型目前病情穩定。
廣州市疾控中心對該病例的鼻拭子進行新冠病毒全基因組測序和序列分析經省市疾控中心覆核報國家疾控中心確認檢出新冠病毒為Omicron變異株。
截至12月14日12時累計排查到重點場所篩查人員10544人已出結果均為陰性。累計採集環境樣本132份128份環境樣本檢測結果陰性4份陽性均為病例住所發現。
稍早天津市疾病預防控制中心對12月9日自歐洲境外輸入新冠病毒無症狀感染者呼吸道標本進行新冠病毒全基因組測序和序列分析經中國疾病預防控制中心覆核均確認檢出新冠病毒Omicron變異株（B11529進化分支）。在津感染者係入境閉環管控人員目前於定點醫院隔離治療。中國首次發現新冠病毒Omicron變異株。</t>
  </si>
  <si>
    <t>隔離病例陽性發現病毒結果omicron閉環中心陰性人員入境感染者目前廣州標本累計治療轉運境外首例核酸輸入</t>
  </si>
  <si>
    <t>天津中國首例境外輸入Omicron陽性病例</t>
  </si>
  <si>
    <t>輸入境外首例omicron中國陽性病例天津</t>
  </si>
  <si>
    <t>工業新北地產入手外資企業熱潮</t>
  </si>
  <si>
    <t>市場資金豐沛僑外資企業入手新北廠辦交易案頻傳今年以來包括開發國內新冠肺炎快篩試劑的僑外資醫療科技公司「泰博科技」、定河資產管理、木木子投資等僑外資公司均購入新北五股、三重等地廠辦、廠房具自用</t>
  </si>
  <si>
    <t>新北廠辦外資公司科技外資企業入手今年以來包括開發國內交易肺炎試劑資產管理</t>
  </si>
  <si>
    <t>市場資金豐沛僑外資企業入手新北廠辦交易案頻傳今年以來包括開發國內新冠肺炎快篩試劑的僑外資醫療科技公司「泰博科技」、定河資產管理、木木子投資等僑外資公司均購入新北五股、三重等地廠辦、廠房具自用、收益價值的工業地產仍是不少海外資金鎖定入手的標的。
實價登錄顯示泰博科技1月以約376億元買下五股區五工一路的一層樓廠辦可做倉儲和試驗研究用；3月定河資產管理公司砸94億元買下五工三路整棟六層樓逾3500坪的廠辦為今年新北最高總價廠辦交易目前各層分租給其他公司使用。此外木木子投資公司1月也以475億元買下三重區溪尾街整棟七層樓廠房。
台灣房屋新莊頭前旗艦特許加盟店店東鄭文凱表示新北產業園區也就是早期的五股工業區已經發展20至30年之久此次成交的兩件五股整棟廠辦交易均位元在五股和新莊的交界處近機場捷運A3站和國道一號交流道交通便利性高。
鄭文凱指出去年全球疫情爆發台灣相對防疫措施做得好陸續吸引僑外資公司投資整棟廠辦及100~200坪的辦公大樓買氣增加再加上新莊有不少新興重劃區開發原本舊工業廠房陸續遷移至鄰近的樹林、三峽、鶯歌等地區新莊和五股工業廠房、廠辦日趨稀有。
台灣房屋集團趨勢中心執行長張旭嵐表示近年美中貿易和疫情因素台商陸續將重心轉移回台灣也增加僑外資來台設廠數量新北、桃園等地區如土城、林口、五股及三重區廠辦需求增加這類型廠辦產權單純、使用面積大、貨車進出方便又可做為倉儲、廠房、倉庫、汽車修配等多元行業使用租賃需求穩定而許多僑外資公司資金豐沛買下廠辦置產收租除了讓資金有去處。</t>
  </si>
  <si>
    <t>廠辦廠房新北公司臺灣外資新莊陸續資金工業使用增加交易科技鄭文凱疫情表示開發投資地區房屋</t>
  </si>
  <si>
    <t>全球廠辦五股新北僑外資</t>
  </si>
  <si>
    <t>外資廠辦新北全球</t>
  </si>
  <si>
    <t>臺灣疫苗採購明年消息</t>
  </si>
  <si>
    <t>國際生技大廠輝瑞、莫德納（Moderna）相繼宣佈好消息但國人最快何時可以打到新冠肺炎疫苗？對此中央流行疫情指揮中心發言人莊人祥今天表示指揮中心已經編列就是編列1155億元經費目標就是要購買到每劑要價約70</t>
  </si>
  <si>
    <t>中心指揮就是輝瑞莫德納moderna相繼宣佈消息國人購買大廠可以打到疫情肺炎流行疫苗中央目標已經表示</t>
  </si>
  <si>
    <t>疫苗moderna購買可以指揮中心目前試驗國際就是表示可能美國宣佈計算covaxbnt階段</t>
  </si>
  <si>
    <t>新冠肺炎疫苗covax</t>
  </si>
  <si>
    <t>航空貨運運價中菲四季看好</t>
  </si>
  <si>
    <t>近來歐美確診人數飆升疫情恐怕捲土重來在疫苗問世之前復甦之路遙遙無期。根據國際航空運輸協會（IATA）預測2024年才有可能回到疫情前航空業的水準在航班停飛、航空公司紛紛祭出裁員令之際貨運成為航空公</t>
  </si>
  <si>
    <t>航空疫情之際恐怕捲土重來裁員疫苗祭出之前紛紛復蘇公司問世遙遙無期國際航空運輸協會iata預測才有可能回到人數貨運航班</t>
  </si>
  <si>
    <t>近來歐美確診人數飆升疫情恐怕捲土重來在疫苗問世之前復甦之路遙遙無期。根據國際航空運輸協會（IATA）預測2024年才有可能回到疫情前航空業的水準在航班停飛、航空公司紛紛祭出裁員令之際貨運成為航空公司唯一收入。由於第四季是傳統旺季10月底也將迎來另一波運費漲價中菲行（5609）總經理邱鈞榮表示11月1日運價漲定了公司持續關注客戶需求提供不同的物流解決方案給客戶協助客戶有效管控物流成本。
中菲行受惠於宅經濟與資通產品需求升溫廠商訂單增加第一季到第三季已經繳出一張漂亮的成績單第三季營收5403億元年增16％創同期新高第二季每股獲利375元更是超過去年全年每股獲利。第四季的策略為穩健經營協助合作夥伴安全共度險峻的一年對於中菲行第四季的表現同樣保持審慎樂觀的態度。
2020年1至9月臺灣總體出口量與去年同期相比成長14％進口量與去年同期相比衰退29％但若加上其他貨源來看總貨量與去年同期相比仍成長15％。由於華為禁令造成的拉貨效應2020年9月出口貨量創下新高達到42900噸10月則受到中秋與國慶連假及中國十一長假的影響截至10月25日為止出口量預估至月底較上個月略減不到一成但總貨量仍成長近3％。
10月連假過後隨著iphone新機、PS5等新品上市的搶購熱潮供應鏈跟著沾光追加訂單帶動廠商出貨暢旺市場需求看漲航空公司通知11月2日起調漲美國線運費本週市場行情約落在美國西岸每公斤運價新台幣330元、美中每公斤運價新台幣340元、美國東岸每公斤運價新台幣350元左右後續加上雙十一、黑五、聖誕節等商機運價可能還有上調的可能。
由於美中貿易戰與新冠肺炎的衝擊廠商開始反思供應鏈全球化的風險減少對中國的依賴。根據經濟部資料顯示2019年起政府推動投資台灣三大方案帶動台商回台投資、根留台灣目前投資額已破11兆像是欣興電子在桃園投資、友達在台中投資、群創在台南投資、國巨在高雄投資巧新在屏東投資同時也創造了近93萬個就業機會帶動今年台灣經濟保持正成長。
此外因考量到東南亞人口紅利、低廉工資、當地內需市場的優勢加上當地政府把握此波遷廠投資潮所釋放的利多（例如: 印度政府提供「生產激勵計畫（PLI）」方案）已吸引許多廠商陸續轉移至東南亞、印度設廠像是大聯大、緯創、台達電、華碩也將生產基地移至越南、馬尼拉、雅加達、印度等地。
中菲行跟隨客戶腳步看好印度成長潛力自2012年起佈局印度市場至今於印度有六個分公司：首都新德里Delhi（DEL）、南部班加羅爾Bangalore（BLR）、南部清奈Chennai（MAA）、西部工業大城艾哈邁達巴德Ahmedabad（AMD）、中部大城海德拉巴Hyderabad（HYD）、第一大城孟買Mumbai（BOM）等中菲行跟隨客戶腳步針對廠商已經設廠的地區提升員工與服務內涵隨著客戶需求服務整個供應鏈。
中菲行也重視人才培育透過定期訓練課程提升員工的專業度、整體團隊能力提升員工素質及生產力以迎接隨時的挑戰。</t>
  </si>
  <si>
    <t>投資中菲廠商公司成長航空客戶印度臺灣運價四季加上供應提升需求方案帶動可能疫情</t>
  </si>
  <si>
    <t>大聯大國巨華碩緯創巧新</t>
  </si>
  <si>
    <t>華碩國巨聯大</t>
  </si>
  <si>
    <t>蔡正元疫苗研發陳薇大陸</t>
  </si>
  <si>
    <t>大陸傳出軍事科學院軍事醫學研究院院士、女少將陳薇領銜的科研團隊成功研製出重組新冠疫苗進入臨床測試。前國民黨副祕書長蔡正元在臉書發文簡介陳薇如何棄文從軍研發SARS幹擾素、伊波拉病毒疫苗以至新冠疫</t>
  </si>
  <si>
    <t>陳薇疫苗研究院士少將領銜軍事醫學科研團隊蔡正元秘書長國民黨sars發文病毒簡介何棄文從軍研製研發成功干擾素測試</t>
  </si>
  <si>
    <t>大陸傳出軍事科學院軍事醫學研究院院士、女少將陳薇領銜的科研團隊成功研製出重組新冠疫苗進入臨床測試。前國民黨副祕書長蔡正元在臉書發文簡介陳薇如何棄文從軍研發SARS幹擾素、伊波拉病毒疫苗以至新冠疫苗。他意有所指強「重要的是陳薇沒有被吹捧成神不像某幾個人不過就做了很初步的事就大肆造神。」
蔡正元說陳薇3月16日宣佈製成冠狀病毒疫苗正式進入臨床測試；從1月26日陳薇被交付任務進駐武漢1月28日做出快篩劑3月3日疫苗研發突破。
他說陳薇是清華大學高材生畢業時棄藥廠高薪也放棄獎學金不出國應軍隊號召棄文從軍專研韓戰時的士兵疫情成為大師級的病毒剋星。
「當年清秀可愛的清華生如今成為救世活菩薩。」蔡正元說 2003年陳薇發明SARS幹擾素作為醫療人員的噴鼻劑使用者無人感染。 2014年陳薇成功發展伊波拉病毒疫苗也是世界首發。
蔡正元強調陳薇已親自施打冠狀病毒疫苗期待臨床實驗成功。重要的是陳薇沒有被吹捧成神；不像某幾個人不過就做了很初步的事就大肆造神。</t>
  </si>
  <si>
    <t>陳薇疫苗病毒蔡正元成功成為sars干擾素研發測試臨床進入波拉重要研究院士軍事醫學文從軍</t>
  </si>
  <si>
    <t>新冠肺炎台南大學成大南部國立大學居家檢疫</t>
  </si>
  <si>
    <t>大學成大南部台南肺炎居家檢疫</t>
  </si>
  <si>
    <t>中心指揮投票一面倒周玉蔻死機該不該</t>
  </si>
  <si>
    <t>媒體人周玉蔻昨日於疫情中心發布消息前逕自在個人臉書發文暗示當日新增207例確診外界關注如此是否該開罰對此有粉專在社群平臺發起投票活動高達91%的受訪者認為政府應該開罰周玉蔻以召公信。周玉蔻昨（</t>
  </si>
  <si>
    <t>周玉蔻疫情中心消息發佈自在人臉發文暗示當日新增投票活動發起高達平臺確診應該受訪者專在外界政府</t>
  </si>
  <si>
    <t>媒體人周玉蔻昨日於疫情中心發布消息前逕自在個人臉書發文暗示當日新增207例確診外界關注如此是否該開罰對此有粉專在社群平臺發起投票活動高達91%的受訪者認為政府應該開罰周玉蔻以召公信。
周玉蔻昨（16日）中午時分在臉書貼文明確指出一個207數字並說「還好不是幾何式成長！好家在！繼續防疫！」此文一出引發外界熱議許多網友也在此po文底下留言表示不贊同周玉蔻搶先指揮中心記者會前散佈不明來源遭周玉蔻反嗆回應。
針對周玉蔻搶先爆料確診人數衛福部長陳時中第一時間竟反問「講這數目有違法嗎？」僅表示要請法治研議一下對於陳時中回應網友譏諷「顏色對了什麼都對了」。
對此粉專「不禮貌鄉民團」今（17日）在臉書發起投票活動詢問「媒體人周玉蔻昨天在疫情指揮中心新聞發布之前搶先公佈台灣當日染疫人數你認為政府是否應該開罰 」？截至今日中午為止已有3161位網友投票認為「應該開罰已召公信」的高達91%而認為「沒有惡意可以不罰」僅為9%投票時間將於18日停止。
大批網友在其po文底下留言表示「我覺得這種行為很不妥當」、「如果不罰那是不是其他記者也可以鑽漏洞隨便公佈疫情相關事情」、「覺得指揮中心裝死的機率比較高」、「開罰啊！她又不是指揮中心」、「如果這都不罰那陳時中就包一包以後給周玉蔻開防疫記者會了啦」、「因為陳時中之前說過不論真假都不行」、「現在是蔻蒄姐在當防疫中心指揮官嗎」、「法律是左邊但是自己人是右邊」。</t>
  </si>
  <si>
    <t>周玉蔻中心網友投票防疫陳時中指揮搶先認為表示疫情外界當日確診公佈人數覺得之前記者</t>
  </si>
  <si>
    <t>周玉蔻開罰新冠肺炎網友投票</t>
  </si>
  <si>
    <t>肺炎網友投票周玉蔻</t>
  </si>
  <si>
    <t>柯文哲疫苗接種六都北市</t>
  </si>
  <si>
    <t>臺北市疫情尚在延燒各行政區仍有群聚感染發生臺北市長柯文哲指出他要用數字觀察防疫重點在哪區並用大規模核酸檢測（PCR）將社區黑數掃出。他也重申疫苗是新冠疫情的終極解決方案目前北市已有40萬3292人口</t>
  </si>
  <si>
    <t>疫情臺北市目前解決方案終極pcr社區檢測核酸並用重申重點防疫觀察疫苗數字要用指出柯文哲</t>
  </si>
  <si>
    <t>臺北市疫情尚在延燒各行政區仍有群聚感染發生臺北市長柯文哲指出他要用數字觀察防疫重點在哪區並用大規模核酸檢測（PCR）將社區黑數掃出。他也重申疫苗是新冠疫情的終極解決方案目前北市已有40萬3292人口完成接種約為總人口數的156％是六都第一。
綜觀北市各行政區確診病例柯文哲指出在每星期確診數變化上市府都校正到用發病日做標準看數字就知道防疫重點在哪區如中山區就是上周濱江市場的問題中正區則因有感染個案去做社區普篩大同區有1人傳12人萬華區則有批發市場案例因此會按照科學精神追蹤每週數字變化若往好的方向就繼續做不正常就去處理。
柯文哲說從上周開始PCR篩檢超過2萬算很大規模清掃表面上看起來確診數沒有降很快但他認為那波已將社區黑數全部掃出現在則進一步在北市7家醫院設置免費PCR篩檢建立社區普篩能量希望這周確診數能再次大幅下降未來還是用數字監控再決定防疫政策。
針對北市第4波接種成果柯說這波預約8萬2658人實際接種7萬6776人預約接種率高達929％還可以再更高現在還會加上取消預約制度還是希望說大家都可以來之後希望可以更高對醫院端來說準備疫苗會比較方便。
「疫苗還是最後的解決方案啦！」柯表示北市目前已有40萬3292人接種過疫苗總人口數有156％反正中央有發疫苗下來就會盡量打完到今天是70歲以上會登記明、後天是68歲以上拜託大家要打疫苗儘量用上網預約節省行政成本。</t>
  </si>
  <si>
    <t>疫苗北市數字確診社區預約接種柯文哲pcr防疫希望變化行政區儘量上周可以醫院</t>
  </si>
  <si>
    <t>北市接種率疫苗40萬柯文哲</t>
  </si>
  <si>
    <t>疫苗接種柯文哲北市</t>
  </si>
  <si>
    <t>一代風波不斷</t>
  </si>
  <si>
    <t>王大陸和王爸爸買下一代妖姬崔苔菁的愛巢是她在1984年以每層樓約兩百萬元購入並使用頂樓平臺當作花園；然而在崔苔菁擁有該樓中樓時惱人風波卻不斷。二○一四年崔苔菁被鄰居控告侵佔停車位對方請求返還每</t>
  </si>
  <si>
    <t>下一代侵佔控告鄰居購入使用停車位樓約頂樓平臺惱人風波當作花園中樓擁有爸爸</t>
  </si>
  <si>
    <t>王大陸和王爸爸買下一代妖姬崔苔菁的愛巢是她在1984年以每層樓約兩百萬元購入並使用頂樓平臺當作花園；然而在崔苔菁擁有該樓中樓時惱人風波卻不斷。二○一四年崔苔菁被鄰居控告侵佔停車位對方請求返還每月租金九千元的不當得利北院一審判決崔苔菁勝訴。
隔年住戶與管委會再度提告崔苔菁認為七樓以上都是違章建築並要求崔苔菁歸還頂樓平臺避免影響住戶逃生。雙方纏訟近三年後二○一八年高院判決指出崔苔菁購買的樓中樓為建商「大地建設公司」在一九七七年合法興建的建物並非該大樓領用使用執照後才違法增（改）建的建物。
此外當年建商銷售房屋時已約定頂樓平臺由樓中樓住戶專用因此法院認定崔苔菁有權使用判她勝訴免拆屋。至於通往平臺的一道鋁門崔苔菁從未上鎖並不會阻礙全體住戶緊急避難與逃生。有住戶透露該處近年已無人居住只有崔苔菁的兒子偶爾會回來看一下。
一名房仲業者表示王家父子入手的社區公設比例低鄰近熱鬧繁華的東區商圈生活機能相當完善步行到捷運忠孝復興站僅約四分鐘加上周邊還有大安森林公園、學區是明星學校仁愛國小稱得上是「夢幻逸品」。對王大陸來說捷運、公園或學區可能不是吸引他購屋的主因但在黃金地段置產投資或自住還能與好兄弟柯震東比鄰而居卻是很大的吸引力。
更多 CTWANT 報導</t>
  </si>
  <si>
    <t>住戶平臺使用中樓頂樓建物勝訴逃生判決大陸</t>
  </si>
  <si>
    <t>王大陸王台慶崔苔菁柯震東新冠肺炎</t>
  </si>
  <si>
    <t>柯震東王台慶大陸肺炎</t>
  </si>
  <si>
    <t>密切接觸發病交友最新特殊足跡曝光高雄</t>
  </si>
  <si>
    <t>高雄2日新增1例本土確診個案該名染疫者與近日發生的「特殊交友圈」旅館群聚開趴案有關同時是案15770的密切接觸者被匡列隔離後發病確診目前整案在高雄已導致5人染疫共匡列3圈共403位相關接觸者除了已公佈</t>
  </si>
  <si>
    <t>確診匡列高雄旅館交友特殊本土發生近日個案目前隔離導致發病有關相關密切接觸</t>
  </si>
  <si>
    <t>高雄2日新增1例本土確診個案該名染疫者與近日發生的「特殊交友圈」旅館群聚開趴案有關同時是案15770的密切接觸者被匡列隔離後發病確診目前整案在高雄已導致5人染疫共匡列3圈共403位相關接觸者除了已公佈的5位確診個案其餘398人PCR採檢皆呈陰性反應。
根據高市府衛生局疫調顯示高雄新增的確診個案是30多歲男性他於7月26日與先前公佈確診的染疫男子有過接觸史7月31日出現發燒、全身倦怠、痠痛、咳嗽、寒顫等症狀並在同日被匡列為接觸者前往醫院採檢8月1日醫院通知PCR檢驗結果陽性確診CT值167目前在負壓隔離病房治療當中。
高市府衛生局說明新增的確診個案在7月26日下午4時到晚間9時30分有到先前公佈的30歲染疫男子住家長時間聚會在雙方密切接觸下新增確診的個案在31日出現症狀整起事件從指標個案到最新確診的個案共匡列3圈相關接觸者403人除了已經公佈染疫的5例個案其餘PCR採檢均為陰性因此研判社區擴散風險在可控範圍內。
高雄市長陳其邁表示雖然該案的社區擴散風險不高但父親節就要到來南北移動還是有一定風險所以他建議南北移動的民眾不管是回家或訪客盡量能免則免但假如真的有必要則務必戴上口罩回到獨立房間後再脫下口罩才能確保家庭不被感染。
衛生局2日在防疫記者會上公佈該名確診個案的相關足跡他曾在26日到過全家便利商店高雄鼎華店接著到三民區上泰藥局隔日也曾分別前往7-ELEVEN樹科門市及甲圍門市購物30日到過全聯岡山大仁北門市31日赴丁丁藥局右昌店。</t>
  </si>
  <si>
    <t>確診個案高雄接觸公佈風險衛生局新增門市pcr前往口罩藥局症狀</t>
  </si>
  <si>
    <t>特殊交友圈確診染疫高雄匡列</t>
  </si>
  <si>
    <t>確診高雄交友特殊匡列</t>
  </si>
  <si>
    <t>放在眼裡總統坦承</t>
  </si>
  <si>
    <t>墨西哥總統羅培茲歐布拉多（Andres Manuel Lopez Obrador）周日晚宣佈他已罹患新冠肺炎並進行居家隔離。據美聯社和《值得》（Axios）新聞網報導67歲的羅培茲歐布拉多推文說他的症狀輕微並正在接受治療。「</t>
  </si>
  <si>
    <t>布拉多羅培茲症狀文說肺炎進行居家宣佈周日晚隔離andres美聯社obrador值得lopez報導axiosmanuel新聞網輕微正在接受總統</t>
  </si>
  <si>
    <t>墨西哥總統羅培茲歐布拉多（Andres Manuel Lopez Obrador）周日晚宣佈他已罹患新冠肺炎並進行居家隔離。
據美聯社和《值得》（Axios）新聞網報導67歲的羅培茲歐布拉多推文說他的症狀輕微並正在接受治療。「一如往常我很樂觀」他說「我們全都會向前邁進」。最初新冠肺炎開始大流行時有人問他要如何保護墨西哥而他驕傲地從皮夾拿出兩個宗教護身符示人。
據約翰霍普金斯大學（Johns Hopkins University）統計至今墨西哥有超過170萬人染疫近15萬人喪生。然而羅培茲歐布拉多一直淡化戴口罩的必要。他去年7月說「你們知道我甚麼時候會戴口罩嗎？直到沒有貪腐的時候到那時我就會戴上口罩閉上嘴」。
此外他還說封城和強制規定戴口罩是「獨裁專政」的手段。他因為應對新冠肺炎疫情的方式還有在公開場合未以身作則適當採取防疫措施而廣受批評。羅培茲歐布拉多很少戴口罩就算疫情期間也忙著搭機四處飛。此外他堅持為了經濟而不封城說那會影響許多墨西哥人的生計。
羅培茲歐布拉多推文說在他療養復原期間內政部長柯黛蘿（Olga Sanchez Cordero）會暫代他的職務。而出席週一到週五每日記者會的將是柯黛蘿而不是一上臺通常就滔滔不絕連續講個兩小時中間毫不間斷的羅培茲歐布拉多。</t>
  </si>
  <si>
    <t>布拉多口罩羅培茲墨西哥肺炎期間疫情柯黛文說時候護身符宗教示人約翰霍普金斯大學johns</t>
  </si>
  <si>
    <t>墨西哥新冠肺炎總統疫情確診</t>
  </si>
  <si>
    <t>肺炎總統疫情確診墨西哥</t>
  </si>
  <si>
    <t>醫院條件確診高官單人房退休</t>
  </si>
  <si>
    <t>湖北省司法廳退休副廳長陳北洋一家3口都感染新冠肺炎不料卻以醫院病房沒有到標準因此拒絕到醫院隔離甚至還搬到另一個沒有感染的社區居住根本不理會勸導。對此湖北司法廳表示紀檢部門已經介入目前陳北洋</t>
  </si>
  <si>
    <t>感染沒有醫院司法陳北洋紀檢部門表示廳長湖北對此理會勸導一家根本病房肺炎居住社區不料已經退休</t>
  </si>
  <si>
    <t>湖北省司法廳退休副廳長陳北洋一家3口都感染新冠肺炎不料卻以醫院病房沒有到標準因此拒絕到醫院隔離甚至還搬到另一個沒有感染的社區居住根本不理會勸導。對此湖北司法廳表示紀檢部門已經介入目前陳北洋及其家屬都已送進醫院隔離。
綜合陸媒報導醫護人員三催四請但陳北洋仍堅持不肯就醫；他提出3個要求第一要住好品質的醫院有單人房第二與兒子要在同一間醫院第三同意當晚由醫院來家裡做病毒核酸檢測如果結果為陽性就進醫院陰性的話就不走。
由於陳北洋帶病搬進無人感染的社區造成附近民眾人心惶惶。社區12日在他家門口貼上封條禁止他出入。到了隔天社區、警方及醫護工作組再次上門勸導雙方僵持1個半小時終於讓陳北洋上車；不過陳北洋要求不搭救護車非得要坐公務用車的私家車才走。
對此湖北司法廳表示陳北洋一家已於13日送進醫院隔離因為陳北洋是省管幹部監委會將會按照規定處理絕對不會放任不管。
更多 CTWANT 報導</t>
  </si>
  <si>
    <t>陳北洋醫院社區感染隔離勸導要求司法沒有一家報導對此表示湖北監委會家裡核酸</t>
  </si>
  <si>
    <t>隔離湖北新冠肺炎武漢肺炎新型冠狀病毒</t>
  </si>
  <si>
    <t>肺炎武漢湖北冠狀隔離病毒</t>
  </si>
  <si>
    <t>delta桃園負責成破口機上飛機清潔</t>
  </si>
  <si>
    <t>國內今天新增1例本土個案為桃園20多歲女性指揮中心表示該確診女性Ct值147日快篩陰性、8日當作發病日6月初打過一劑AZ疫苗目前確認感染Delta感染源不明是桃園機場機艙清潔人員將從該女的清潔航班上</t>
  </si>
  <si>
    <t>桃園女性感染清潔本土機場個案打過疫苗az人員ct機艙不明delta確認目前當作指揮發病月初中心</t>
  </si>
  <si>
    <t>國內今天新增1例本土個案為桃園20多歲女性指揮中心表示該確診女性Ct值147日快篩陰性、8日當作發病日6月初打過一劑AZ疫苗目前確認感染Delta感染源不明是桃園機場機艙清潔人員將從該女的清潔航班上的確診乘客中尋找可能感染源。
指揮中心說明今日新增1例本土個案為20多歲女性9月12日出現輕微流鼻涕、頭暈等症狀9月14日因工作需求篩檢於今日確診。衛生單位已匡列家庭及工作接觸者45人均列居家隔離餘匡列中。衛生單位將持續進行疫情調查及防治以釐清感染源。
醫療應變組副組長羅一鈞表示這名本土個案Ct值149月7日時因工作要求做快快篩陰性9月8日視為可傳染期。若以9月12發病日來框檢算三天為9月9日從嚴來算從9月8日開始匡列相關接觸者。
羅一鈞表示該個案六月初時曾打過一劑AZ疫苗還不算突破性感染而指揮中心這次也是比照裝修工夫妻做快速病毒序列分析因此很快得知是Ｄelta接下來會再跟國內其他Delta做比較加上她是航空器上的客艙清潔人員也會就相關的航班確診者做相關比對要經過定序的結果看她與跟其他境外移入的病例有什麼不同釐清感染源。
指揮中心也統計本土定序為delta累計36例其中13例為六月份屏東群聚相關、1例為九月份國籍航空機師群聚相關、21例為九月份新北幼兒園及社區群聚相關以及1例為今天公佈之桃園機場航班清潔人員案例。
境外移入方面中央流行疫情指揮中心今(15)日公佈國內新增4例境外移入另確診個案中無新增死亡。
指揮中心表示今日新增4例境外移入個案為3例男性、1例女性年齡介於20多歲至50多歲分別自法國(案16209)、美國(案16210、案16212)、菲律賓 (案16211)入境入境日期介於8月31日至9月13日均持有搭機前3日內檢驗陰性報告。
指揮中心統計截至目前國內累計3057142例新型冠狀病毒肺炎相關通報(含3039848例排除)其中16103例確診分別為1478例境外移入14571例本土病例36例敦睦艦隊、3例航空器感染、1例不明及14例調查中；另累計110例移除為空號。2020年起累計839例COVID-19死亡病例其中829例本土個案居住縣市分佈為新北市411例、臺北市318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感染指揮中心相關個案確診本土境外衛生表示delta桃園工作累計國內措施女性陰性</t>
  </si>
  <si>
    <t>二級警戒鬆綁陳時中防疫新冠肺炎</t>
  </si>
  <si>
    <t>陳時中防疫鬆綁警戒肺炎</t>
  </si>
  <si>
    <t>爆發確診人數疫情日本新高</t>
  </si>
  <si>
    <t>日本國新冠肺炎今天新增確診1635例超越8月7日單日新增1605例創下新高紀錄。專家認為隨著氣溫下降第三波疫情實際上已經爆發。面對疫情急速擴大日本政府決定繼續限制大型活動人數到明年2月電影院則有條件放</t>
  </si>
  <si>
    <t>疫情新增電影院今天明年人數大型活動限制創下新高繼續決定日本政府紀錄擴大專家認為下降氣溫肺炎確診面對爆發已經</t>
  </si>
  <si>
    <t>日本國新冠肺炎今天新增確診1635例超越8月7日單日新增1605例創下新高紀錄。專家認為隨著氣溫下降第三波疫情實際上已經爆發。
面對疫情急速擴大日本政府決定繼續限制大型活動人數到明年2月電影院則有條件放寬。
NHK報導東京都今天新增確診393例連續兩天超過300例。上次東京都單日新增病例超過390例是3個月前的8月8日。北海道新增236人染疫改寫新高其中札幌市占了164例也是札幌市新高紀錄。北海道已經8天連續新增破百例專家認為北海道已經進入傳染加速的「第三波」疫情。
另外神奈川縣和兵庫縣兩縣都創下單日新增病例最高紀錄。日本政府對於傳染風險較低的活動人數限制則加以放寬例如電影院看電影即使有觀眾在看電影時吃爆米花等食物若在沒有飲食的時候戴口罩、場地有充分通風就可以容許坐滿觀眾。</t>
  </si>
  <si>
    <t>新增疫情已經新高北海道紀錄日本政府限制傳染人數放寬認為電影院今天病例創下專家連續觀眾東京都電影確診札幌</t>
  </si>
  <si>
    <t>16北海道札幌市第三波新增確診</t>
  </si>
  <si>
    <t>札幌新增北海道確診</t>
  </si>
  <si>
    <t>推出抗原智慧安盛結果</t>
  </si>
  <si>
    <t>安必智慧肺炎futureofhealth宣佈公司規劃美國今年四季covid-antigenpocttest數位pixotest推出健康pass通行證pixohealth抗原冠狀</t>
  </si>
  <si>
    <t>檢測智慧推出進行健康安必手機受測者安盛pixohealthpass技術抗原產品結果醫療數位通行證全球臨床</t>
  </si>
  <si>
    <t>PixoTest受測肺炎應用快篩</t>
  </si>
  <si>
    <t>應用肺炎pixotest</t>
  </si>
  <si>
    <t>總統馬英九適合全場傻眼楊志良</t>
  </si>
  <si>
    <t>新冠肺炎疫情擴散前總統馬英九也頻頻發表意見不僅遭「抗煞英雄」葉金川點名閉嘴更遭昔日下屬楊志良嘲諷「不適合當總統」對此馬英九今天(27日)受訪時笑著回媒體「他怎麼現在才知道呢」讓全場傻眼。馬政府</t>
  </si>
  <si>
    <t>總統馬英九知道現在媒體擴散受訪今天金川對此點名英雄適合昔日</t>
  </si>
  <si>
    <t>新冠肺炎疫情擴散前總統馬英九也頻頻發表意見不僅遭「抗煞英雄」葉金川點名閉嘴更遭昔日下屬楊志良嘲諷「不適合當總統」對此馬英九今天(27日)受訪時笑著回媒體「他怎麼現在才知道呢」讓全場傻眼。
馬政府任內的衛生署署長葉金川、楊志良先後在25、26日的廣播節目《周玉蔻嗆新聞》中輪流批評馬英九葉金川點名馬英九、臺北市長柯文哲與行政院長蘇貞昌少打口水戰讓防疫回歸專業；楊志良更是火力全開直說馬是好人但根本不適合當總統還強調這是他跟葉金川的共識引發熱議。
馬英九今天提前參拜228紀念館事後受訪時被媒體問及此事他先是「喔」了一聲回「他怎麼現在才知道呢」接著「呵」的一聲笑了出來試圖幽默打圓場緩和氣氛未料在場媒體全部傻眼沒人有反應。
馬英九見狀後隨即正經回答先是稱讚2人都當過他的衛生署長做的也很好更稱讚楊志良在二代健保以及美牛問題上都給了相當大的幫助接著話鋒一轉表示2人對他的發言有很大的誤會。
馬表示自己從未幹擾指揮官指揮疫情但在大陸有許多陸配子女在台灣擁有居留權按照國際法也有中華民國國籍卻回不來但台僑不論是在陸港澳都可以回來很明顯有歧視之嫌自己身為前總統該說的話還是要說。</t>
  </si>
  <si>
    <t>馬英九楊志良金川總統媒體疫情傻眼稱讚先是今天受訪署長衛生</t>
  </si>
  <si>
    <t>馬英九楊志良葉金川新冠肺炎武漢肺炎</t>
  </si>
  <si>
    <t>金川楊志良肺炎武漢馬英九</t>
  </si>
  <si>
    <t>到貨az疫苗下午</t>
  </si>
  <si>
    <t>中央流行疫情指揮中心今(10)日表示約458萬劑AstraZeneca疫苗預定於今日下午3時40分抵達桃園國際機場。指揮官陳時中表示這批是我國自購到貨的第8批AZ疫苗包含先前到貨的7批目前我國共取得3727萬劑。指揮中</t>
  </si>
  <si>
    <t>我國表示疫苗指揮中心目前到貨抵達astrazeneca今日先前下午桃園國際機場預定包含指揮官陳時中az疫情取得</t>
  </si>
  <si>
    <t>中央流行疫情指揮中心今(10)日表示約458萬劑AstraZeneca疫苗預定於今日下午3時40分抵達桃園國際機場。指揮官陳時中表示這批是我國自購到貨的第8批AZ疫苗包含先前到貨的7批目前我國共取得3727萬劑。
指揮中心表示該批疫苗待完成通關程式後直接運送至指定冷儲物流中心進行後續檢驗封緘作業再提供新冠肺炎接種計畫所列實施對象接種。本次提供的疫苗係為多劑型包裝(每瓶10人份)需存放於2-8℃的環境依臨床試驗每人需施打2劑本批效期至110年12月31日。
指揮中心指出去(2020)年10月30日與臺灣阿斯特捷利康公司簽署1000萬劑COVID-19疫苗供應合約截至目前總計到貨約3727萬劑分別為3月3日117萬劑、7月7日626萬劑、7月15日56萬劑、7月27日582萬劑、8月12日524萬劑、8月27日265萬劑、8月31日595萬劑及本次提供第八批458萬疫苗。</t>
  </si>
  <si>
    <t>疫苗中心表示指揮提供我國目前到貨接種存放肺炎臨床作業直接人份後續冷儲進行物流指定運送</t>
  </si>
  <si>
    <t>疫苗AZ混打457萬劑</t>
  </si>
  <si>
    <t>疫苗az混打</t>
  </si>
  <si>
    <t>張文專家感染效果疫苗陸新冠知道</t>
  </si>
  <si>
    <t>由於媒體傳出已有部份藥廠開始提供試用疫苗上海華山醫院知名感染科醫生張文宏在答詢時表示要再等三個月才知道疫苗效果好不好總的趨勢來說國際疫情還在蔓延連第一波都還沒有過去呼籲民眾要有耐心同時保</t>
  </si>
  <si>
    <t>疫苗藥廠開始民眾提供呼籲沒有過去試用疫情上海華山醫院國際醫生知名感染趨勢張文宏答詢表示效果好不好知道</t>
  </si>
  <si>
    <t>由於媒體傳出已有部份藥廠開始提供試用疫苗上海華山醫院知名感染科醫生張文宏在答詢時表示要再等三個月才知道疫苗效果好不好總的趨勢來說國際疫情還在蔓延連第一波都還沒有過去呼籲民眾要有耐心同時保持警覺。
據《現代快報》報導張文宏昨日在上海書展推廣華山醫院感染科醫生團隊合作撰寫的新書發表會上表示新冠肺炎疫情並未完全結束國際疫情仍在蔓延雖然上海的疫情已經告一段落但風險始終存在需要保持警覺。
對於是否會有第二波疫情張文宏表示總的趨勢來講現在第一波都還沒過去呢。要問有沒有第二波至少第一波得先過去。中國大陸疫情基本算是剿滅狀態零星地出來動態地清零。
而備受期待的新冠肺炎疫苗的研發進度張文宏請大家要耐心等待「再等3個月才能知道疫苗的效果好不好要等臨床三期試驗的結果。」
談到新發表的著作張文宏表示「我經常是這樣跟大家說文明和病毒細菌之間只隔了一個航班的距離我們知道世界上任何一個地方的傳染病都有可能在很短時間內來到我們的身邊。事實上世界上很多古老的傳染病在我們的人類社會當中還繼續存在並威脅著我們。」
他說自從新冠疫情來到這個世界作為一個專業的感染科醫生也非常迷惑。這場傳染病跟我接觸的其他傳染病都完全不一樣。在 2003 年參加了與 SARS 的鬥爭2009 年參加了 H1N1 流感暴發的處理也參加了 2013 年 H7N9 的處理但是每一次傳染病的發生都感覺到這次新冠疫情來得特別地難處理而且至今大家也知道它還在全世界蔓延。對這場傳染病的未來跟大家一樣心裡都懷著非常強烈的疑惑和擔憂。</t>
  </si>
  <si>
    <t>疫情張文宏傳染病疫苗知道表示世界醫生感染蔓延存在上海保持來到耐心非常警覺完全</t>
  </si>
  <si>
    <t>張文宏傳染病感染科醫生疫苗</t>
  </si>
  <si>
    <t>傳染病感染醫生張文疫苗</t>
  </si>
  <si>
    <t>強調通話楊潔篪透明蓬佩重要性</t>
  </si>
  <si>
    <t>中共中央機關報《人民日報》16日報導中共中央政治局委員、中央外事工作委員會辦公室主任楊潔篪應約同美國國務卿蓬佩奧通電話時指出在全球抗疫大背景下處理好陸美關係、保持兩國關係健康穩定發展至關重要。美</t>
  </si>
  <si>
    <t>報導中共中央政治局委員中央外事兩國關係工作委員會辦公室保持主任關係楊潔篪應約美國國務卿處理蓬佩通電話背景指出全球健康</t>
  </si>
  <si>
    <t>中共中央機關報《人民日報》16日報導中共中央政治局委員、中央外事工作委員會辦公室主任楊潔篪應約同美國國務卿蓬佩奧通電話時指出在全球抗疫大背景下處理好陸美關係、保持兩國關係健康穩定發展至關重要。美國之音報導蓬佩奧在對話時強調抗疫透明度與資訊共用的重要性。
在通話中說楊潔篪表示自3月27日習近平主席同川總統通話以來陸美雙方按照兩國元首重要共識就抗疫問題保持了密切溝通。下步中方願繼續同美方分享疫情防控資訊和經驗開展抗疫合作同時推動落實廿國集團領導人應對新冠肺炎特別峰會各項共識保障全球供應鏈穩定、促進全球經濟金融穩定」。
楊潔篪強調在全球抗疫大背景下處理好陸美關係、保持兩國關係健康穩定發展至關重要。希望美方同陸方相向而行落實好兩國元首重要共識聚焦合作排除幹擾推動陸美關係沿著正確軌道向前發展。這符合兩國人民的根本利益也是國際社會的共同期待。
美國之音報導美國國務院發言人奧塔格斯發表聲明說：「國務卿蓬佩奧今天與中共外事辦公室主任楊潔篪通了話。國務卿強調對抗2019新冠病毒疫情並防範未來的疫情爆發需要全面透明和資訊分享。」「他表示美國人民1月份向中國人民提供了援助並將繼續提供援助。我們認為中國加快醫療物資出口以滿足美國的關鍵需要這點十分重要。雙方確認致力於擊敗2019新冠病毒疫情恢復全球的健康與繁榮」。
蓬佩奧隨後在推特上說「我就新冠病毒疫情與楊潔篪主任討論了美中援助及國際合作問題。我強調充分透明和資訊共用在這場戰鬥中的重要性。我們將繼續共同努力戰勝這一全球疾病大流行恢復全球健康和繁榮」。</t>
  </si>
  <si>
    <t>楊潔篪全球疫情強調報導繼續美國合作主任共識穩定國務卿發展重要資訊健康國際需要病毒表示通話援助分享</t>
  </si>
  <si>
    <t>新冠病毒疫情蓬佩奧楊潔篪陸美關係</t>
  </si>
  <si>
    <t>蓬佩疫情楊潔篪病毒陸美關係</t>
  </si>
  <si>
    <t>鄉民早餐回歸比喻校正</t>
  </si>
  <si>
    <t>台灣本土確診數今日新增321例、校正回歸400例指揮中心公佈的新名詞「校正回歸」引發網友討論不少人聽了霧煞煞更在ptt詢問這個詞的意思就有網友用吃早餐的方式神比喻讓不少人笑翻。許多網友對於疫情指揮中</t>
  </si>
  <si>
    <t>網友校正回歸指揮意思新名詞討論今日新增引發早餐方式神比喻ptt詢問對於公佈</t>
  </si>
  <si>
    <t>台灣本土確診數今日新增321例、校正回歸400例指揮中心公佈的新名詞「校正回歸」引發網友討論不少人聽了霧煞煞更在ptt詢問這個詞的意思就有網友用吃早餐的方式神比喻讓不少人笑翻。
許多網友對於疫情指揮中心公佈的新詞「校正回歸」非常不解因此紛紛在網路上詢問其意思一名網友便以吃早餐比喻在ptt寫下一日他早上睡醒後發現肚子非常餓於是花了721元買早餐但吃飽以後才想到自己花太多錢了而且自己又有記帳的習慣因此決定將其中的400元算在上禮拜的花費更直呼「這樣記好像安心了一點」。
文章po出後讓不少網友笑翻表示「這樣感覺省400元」、「就是前幾天沒做完的今天一起做完公佈了」、「給過。是說我今天多吃了400卡熱量我校正回歸其實是上禮拜多吃的我今天就不會胖了」、「感覺可以我以後也要這樣記帳」、「今年政府好像舉債太多了決定校正回歸前幾年各加幾百億這樣今年數字比較好看」、「刷卡先欠著的概念」。</t>
  </si>
  <si>
    <t>網友回歸校正早餐今天今年好像記帳以後非常決定ptt感覺禮拜詢問比喻意思</t>
  </si>
  <si>
    <t>新冠肺炎台灣校正回歸ptt</t>
  </si>
  <si>
    <t>校正肺炎臺灣回歸ptt</t>
  </si>
  <si>
    <t>救活關節炎患者類風濕性</t>
  </si>
  <si>
    <t>臺北榮總搶救嚴重新冠肺炎患者率國際之先使用類風溼性關節炎的生物製劑讓國內免添第八死！北榮分享收治一名重症婦的康復經驗原本已經休克還有呼吸衰竭必須插上葉克膜肺部整片發白離鬼門關只差一步的老婦</t>
  </si>
  <si>
    <t>發白肺炎肺部患者葉克國際必須使用呼吸衰竭類風濕性還有關節炎鬼門關嚴重休克生物製劑已經原本國內經驗</t>
  </si>
  <si>
    <t>臺北榮總搶救嚴重新冠肺炎患者率國際之先使用類風溼性關節炎的生物製劑讓國內免添第八死！北榮分享收治一名重症婦的康復經驗原本已經休克還有呼吸衰竭必須插上葉克膜肺部整片發白離鬼門關只差一步的老婦逆轉發炎反應痊癒返家。
臺北榮總過敏免疫風濕科主任蔡長祐表示患者為一名老太太轉院時情況已經非常糟糕明顯休克還有呼吸衰竭得靠呼吸器跟葉克膜撐著儘管已使用強效廣效的抗生素和升壓劑治療2、3個禮拜了但反應不是非常的好背後元兇就是病毒感染後產生細胞激素風暴影響了心肺跟血壓情況非常危急恐成國內第八名死亡案例。
蔡長祐說醫療團隊多次討論之後決定試試類風溼性關節炎藥IL-6。當時全球還沒有其他國家採用這個方法來治療新冠肺炎才打第一針患者狀況就明顯改善短時間內就順利拔管。
蔡長祐說該藥之所以發揮功效在於醫界近年已發現細胞激素在發炎反應中不管是新冠肺炎或其他肺炎、其他原因引發的肺部發炎反應很多疾病的最後致死原因並不是原始的病毒而是後來產生的發炎反應其中第6介白質就扮演很重要的角色如果可以被抑制下來肺部狀況就可以獲得控制。
類風溼性關節炎藥IL-6目前已納入健保的類風溼性關節炎標準治療之一但要經專案申請才能使用。在臺北榮總4月用藥之後6月17日也已列入指揮中心公佈的第7版「新型冠狀病毒感染臨床處置暫行指引」中。與「瑞德西韋」抗病毒藥物針對病毒不同這類藥物主要在抑制發炎反應。</t>
  </si>
  <si>
    <t>反應發炎關節炎類風濕性蔡長右治療使用非常肺部患者榮總肺炎臺北國內病毒感染明顯之後產生已經情況病毒細胞激素</t>
  </si>
  <si>
    <t>一名肺炎病毒呼吸衰竭休克</t>
  </si>
  <si>
    <t>病毒肺炎呼吸衰竭休克</t>
  </si>
  <si>
    <t>升級防疫中心住院病人醫學pcr陰性</t>
  </si>
  <si>
    <t>全台疫情持續升溫因應三級防疫警戒奇美醫學中心即日起防疫升級住院前病人皆須完成新冠肺炎PCR檢測急診收住院病人也需於急診完成PCR檢測全面監測；非急病民眾暫緩就診領藥的慢性病者可提前線上預約減</t>
  </si>
  <si>
    <t>防疫完成檢測pcr急診提前因應慢性病警戒就診中心即日起暫緩民眾升級住院急病升溫病人監測</t>
  </si>
  <si>
    <t>全台疫情持續升溫因應三級防疫警戒奇美醫學中心即日起防疫升級住院前病人皆須完成新冠肺炎PCR檢測急診收住院病人也需於急診完成PCR檢測全面監測；非急病民眾暫緩就診領藥的慢性病者可提前線上預約減少進出醫院可能的感染風險目前住院病人已較上周降載約10％。
台南市長黃偉哲日前表示醫療體系不能垮要求台南各地區醫院都須完成清零計畫奇美醫學中心防疫也隨著中央宣佈升級加強防疫力道。奇美醫學中心指出疫情期間將逐步減少住院病人以及門診量也勸導非急迫性疾病之民眾暫緩來院就診。
目前「藥來速」領藥僅限預約第二、三次慢性病處方箋請民眾多多利用「藥來速」服務減少進出醫院可能的感染風險。奇美醫學中心遠距醫療也設置完成可隨時啟用將鼓勵慢性疾病視訊診療。
針對已住院病人全面進行新冠肺炎PCR檢測持續監測健康狀況；住院前病人持有3天內PCR核酸檢測陰性檢驗報告；急診收住院病人則會在急診完成PCR檢測。
此外18日已再增設第二個戶外篩檢站急診檢傷地點外推並於醫療區外設置流動廁所有效阻絕疑似個案進入急診候診區減少院內感染風險。詢問TOCC時並增加確認是否有北部旅遊史。
奇美醫學中心專責病房共有11床如疫情擴大需增設備援病房時也都設置完成；專責病房之動線、人力均有專艙專用之規劃並隨時完成嚴謹消毒程式。
奇美醫考慮防疫疑慮避免病人過度集中採各棟醫療大樓門診分流、於各大樓入口增加人力查驗旅遊史和發燒篩檢的方式。具旅遊史和發燒或呼吸道症狀等民眾將引導至「防疫站」進行後續防疫措施。正常就醫的民眾醫院儘量提供減少重複查驗兼顧防疫篩檢的分流動線。此外也加強環境清潔、消毒急診室人員防護全面升級著防護衣。</t>
  </si>
  <si>
    <t>完成防疫民眾減少醫療住院病人急診檢測pcr中心醫學全面病人疫情旅遊病房設置升級風險台南醫院</t>
  </si>
  <si>
    <t>住院病人奇美醫學中心PCR急診新冠肺炎</t>
  </si>
  <si>
    <t>pcr中心醫學急診住院病人肺炎</t>
  </si>
  <si>
    <t>全球企業瓊重首季重創肺炎表現史上最慘</t>
  </si>
  <si>
    <t>新冠肺炎全球升溫從亞洲、歐洲到美洲。疫情蔓延也影響全球經濟全球企業有傳出裁員、甚至倒閉訊息加上國際油價幾乎崩盤美股31日收盤重挫道瓊工業指數跌410點。美股三大指數下跌！道瓊工業指數重挫41032點</t>
  </si>
  <si>
    <t>全球工業升溫亞洲歐洲美洲疫情蔓延傳出甚至裁員倒閉訊息加上國際油價幾乎指數收盤影響經濟企業</t>
  </si>
  <si>
    <t>新冠肺炎全球升溫從亞洲、歐洲到美洲。疫情蔓延也影響全球經濟全球企業有傳出裁員、甚至倒閉訊息加上國際油價幾乎崩盤美股31日收盤重挫道瓊工業指數跌410點。
美股三大指數下跌！道瓊工業指數重挫41032點或184%以2191716點作收。標準普爾指數大跌4206點或160%收在258459點。科技股那斯達克指數滑落7405點或095%收770010點。
值得注意的是道瓊工業指數和標準普爾指數創下史上最糟的第1季表現跌幅都超過20%道瓊指數季跌幅是1987年以來最大標普指數季跌幅則是2008年金融危機以來最大。
至於歐洲三大股市則受惠大陸工廠活動加速復甦傳出利多面！倫敦FTSE 100指數大漲20%以567196點作收。法蘭克福DAX 30指數勁揚12%收在993585點。巴黎CAC 40指數上揚04%收439612點。</t>
  </si>
  <si>
    <t>指數全球傳出歐洲跌幅工業三大標準普爾收在以來升溫亞洲美洲蔓延疫情甚至裁員</t>
  </si>
  <si>
    <t>全球上揚指數重挫新冠肺炎</t>
  </si>
  <si>
    <t>指數上揚肺炎全球</t>
  </si>
  <si>
    <t>人潮擠爆脫口停車場陽明山不滿真性情</t>
  </si>
  <si>
    <t>本土疫情持續擴散全國進入第三級警戒指揮中心指揮官陳時中拜託民眾假日待在家中未料有些人轉往郊區活動陽明山停車場甚至出現爆滿情形有「純度最高」主播之稱的房業涵不禁在播報時脫口「真的不知道在想什</t>
  </si>
  <si>
    <t>全國進入警戒指揮播報不禁中心房業涵指揮官陳時中最高民眾擴散純度假日情形家中爆滿</t>
  </si>
  <si>
    <t>本土疫情持續擴散全國進入第三級警戒指揮中心指揮官陳時中拜託民眾假日待在家中未料有些人轉往郊區活動陽明山停車場甚至出現爆滿情形有「純度最高」主播之稱的房業涵不禁在播報時脫口「真的不知道在想什麼」。
房業涵負責東森電視週六、週日新聞播報正當她播報陽明山假日出現大量車潮時忍不住說：「真的不知道在想什麼」被觀眾當場發現特地私訊給她房業涵不好意思的笑回：「哈哈哈哈哈 不小心 真性情」同時轉到限時動態表態：「人家忙著待在家防疫啊你大哥忙著爬陽明山」文末留下一個無奈哭臉的表情符號。
考量到疫情不斷升溫陽明山國家公園管理處透過臉書表示為了配合防疫政策22日封閉園區涼亭及休憩據點包含擎天崗、冷水坑、小油坑、大屯、二子坪、龍鳳谷、硫磺穀等地希望山友這段期間儘量待在家裡避免在山上群聚。
然而房業涵身為新聞主播仍須進攝影棚才能完成工作且在鏡頭前未戴口罩引起部分粉絲擔憂對此房業涵發長文解釋播報的攝影棚空間超大裡面只有她跟攝影機副控在別的房間「等於我在自言自語」強調攝影師有依照規定戴口罩與攝影師的距離為社交距離的2倍以上中間還有巨型機器擋著「攝影師是不會跟主播說到話的我們都是跟導播用耳機溝通」希望粉絲不需要太擔心。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房業涵防疫口罩播報陽明山出現攝影師攝影棚粉絲希望假日務必新聞距離疫情社交</t>
  </si>
  <si>
    <t>房業涵陽明山主播新冠肺炎台灣</t>
  </si>
  <si>
    <t>陽明山肺炎臺灣房業涵</t>
  </si>
  <si>
    <t>電影無奈槍戰追逐疫情李康生攪局王子</t>
  </si>
  <si>
    <t>雙北防疫升級15日至第3級影響不只戲院關閉就連電影劇組也因此停止拍攝。由金馬影帝李康生主演的電影《山中森林》就此停工他原本當晚要與王子邱勝翊、謝承均在臺北市府前展開動作追逐槍戰劇組早已借來重型機</t>
  </si>
  <si>
    <t>電影劇組影響槍戰戲院追逐關閉動作展開市府臺北謝承均邱勝翊王子當晚原本停工就此森林停止山中主演李康生拍攝</t>
  </si>
  <si>
    <t>雙北防疫升級15日至第3級影響不只戲院關閉就連電影劇組也因此停止拍攝。由金馬影帝李康生主演的電影《山中森林》就此停工他原本當晚要與王子邱勝翊、謝承均在臺北市府前展開動作追逐槍戰劇組早已借來重型機車和價值850萬的瑪莎拉蒂休旅車並且封路6線道準備開拍豈料卻碰上疫情升溫無奈喊卡。
導演薑寧表示除了這場戲取消外本來在夜市、飯店都會有百人以上的場面拍攝現在也都暫緩「一切都以防疫安全為主也很感謝劇組幕前幕後的演員、工作人員都盡全力配合接下來延後檔期」今明2天本來拍攝陳德容、李千那的戲份也都得重新安排。
此外近日受影響的電影還有Selina（任家萱）主演的《頭七》、黃仲崑、林秀玲的《空巢》2部片本在近日開拍都因疫情順延。 周興哲、李沐主演的《我吃了那男孩一整年的早餐》則已完成主要演員的拍攝僅剩空景和配角的戲份目前預計下週順利殺青。</t>
  </si>
  <si>
    <t>拍攝劇組主演電影戲份本來近日疫情開拍影響防疫目前謝承均邱勝翊臺北市府王子當晚導演姜甯瑪莎拉蒂休展開原本動作</t>
  </si>
  <si>
    <t>李康生山中森林王子邱勝翊謝承均新冠肺炎</t>
  </si>
  <si>
    <t>邱勝翊謝承均王子森林山中李康生肺炎</t>
  </si>
  <si>
    <t>影迷疫情寫信延後上映花木蘭</t>
  </si>
  <si>
    <t>新冠肺炎影響全球影視產業其中受疫情嚴重的國家如南韓與義大利等的電影票房更衝擊嚴重為了避免虧損嚴重電影公司紛紛將電影延檔。迪士尼今年首部大片《花木蘭》原定於美、韓兩國同步上映但因新冠肺炎疫情日</t>
  </si>
  <si>
    <t>嚴重疫情電影肺炎迪士尼今年花木蘭大片定于韓兩國電影票房同步南韓上映國家產業全球公司紛紛虧損避免衝擊</t>
  </si>
  <si>
    <t>新冠肺炎影響全球影視產業其中受疫情嚴重的國家如南韓與義大利等的電影票房更衝擊嚴重為了避免虧損嚴重電影公司紛紛將電影延檔。迪士尼今年首部大片《花木蘭》原定於美、韓兩國同步上映但因新冠肺炎疫情日韓紛紛延檔韓國方面映期未定而日本方面由4月17日上映延至5月22日上映。不過大陸目前未有延檔消息台灣部分則如期於本月26日上映。
想延檔的不只電影公司還有粉絲。近日丹尼爾克雷格（Daniel Craig）影迷寫公開信要求電影公司將4月上映的電影《007：生死交戰》延檔不僅保住票房也讓偶像遠離新冠病毒的威脅「我們已經等這部電影4年了再過幾個月不會損害影片的質素更會幫助到丹尼爾的最後一次票房勝仗。」
外國粉絲在信中分析隨著《007：生死交戰》在全球上映還有一個月的時間該病毒的社區傳播在美國有機會達到頂峰華盛頓已宣佈進入緊急狀態到4月初戲院很可能會關門或者上座率會大大下降更寫道：「即使戲院開放沒有法律限制在《007：空降危機》M夫人說過：『你感覺有多安全？』全球影迷與其家人的健康應更為重要。」希望電影公司將影片延至疫情預期受控的暑期再上映。而台灣方面電影仍如期於4月8日與觀眾見面。</t>
  </si>
  <si>
    <t>電影上映全球公司疫情戲院嚴重影迷票房粉絲病毒還有方面臺灣影片交戰紛紛生死延至如期</t>
  </si>
  <si>
    <t>花木蘭上007生死交戰丹尼爾克雷格劉亦菲新冠肺炎</t>
  </si>
  <si>
    <t>丹尼爾克雷格交戰劉亦菲生死肺炎花木蘭</t>
  </si>
  <si>
    <t>油價專欄上漲趨勢有限中性期貨商品</t>
  </si>
  <si>
    <t>製造業活動美國激勵消息水準最高最新油價ism資料表示月份來到指數市場上個月表現升至高於預期產業擴張顯著顯示資料協會</t>
  </si>
  <si>
    <t>原油期貨超過原油產量美國市場交易製造業布蘭特價格油價活動持續上漲台幣opec限制肺炎確診整理疫情放寬</t>
  </si>
  <si>
    <t>限制超過原油肺炎減產</t>
  </si>
  <si>
    <t>減產超過肺炎限制原油</t>
  </si>
  <si>
    <t>限制入境柯文哲政策國籍非本</t>
  </si>
  <si>
    <t>因應新冠肺炎全球大流行中央流行疫情指揮中心指揮官陳時中宣佈明起淩晨零時起非本國籍人一律限制入境且非本國及入境後一律居家檢疫14天。對此臺北市長、民眾黨主席柯文哲今中午赴立法院黨團開黨政會議前受</t>
  </si>
  <si>
    <t>一律流行黨團法院中心全球肺炎指揮官中午陳時中宣佈柯文哲明起主席淩晨民眾黨黨政市長入境居家非本對此</t>
  </si>
  <si>
    <t>因應新冠肺炎全球大流行中央流行疫情指揮中心指揮官陳時中宣佈明起淩晨零時起非本國籍人一律限制入境且非本國及入境後一律居家檢疫14天。對此臺北市長、民眾黨主席柯文哲今中午赴立法院黨團開黨政會議前受訪表示這政策是對的通常政策都是依照實際狀況決定。
柯文哲表示3天內增加24個確診個案其中又是境外感染占大多數臺北市副市長黃珊珊昨天就公開建議需要較嚴格的邊境管制所以目前這個措施是對的。
至於是否該延長時間柯文哲表示決策都是依照實際狀況決定本國人說要回來沒有理由阻擋所以先限制外國籍人士未來再視疫情變化這是動態的面對境外移入個案持續增加做出這樣的反應是對的。</t>
  </si>
  <si>
    <t>柯文哲表示市長疫情限制境外個案一律增加決定狀況流行實際肺炎全球中心指揮官宣佈陳時中明起淩晨政策建議需要</t>
  </si>
  <si>
    <t>柯文哲限制入境中央流行疫情指揮中心陳時中新冠肺炎</t>
  </si>
  <si>
    <t>中心流行疫情指揮陳時中中央入境限制肺炎柯文哲</t>
  </si>
  <si>
    <t>使然民族性起跑無奈真相防疫</t>
  </si>
  <si>
    <t>新冠肺炎（COVID-19）疫情全球蔓延世界衛生組織（WHO）更宣告目前已造成全球大流行（Pendemic）。台灣憑著優異的疫療團隊成功讓確診病例不失控。但連3日疫情指揮中心通報的確診病例不斷上升民眾開始質疑是否總只</t>
  </si>
  <si>
    <t>全球疫情病例確診民眾上升不斷蔓延優異世界衛生組織宣告pendemic流行造成目前臺灣who開始團隊通報成功中心</t>
  </si>
  <si>
    <t>新冠肺炎（COVID-19）疫情全球蔓延世界衛生組織（WHO）更宣告目前已造成全球大流行（Pendemic）。台灣憑著優異的疫療團隊成功讓確診病例不失控。但連3日疫情指揮中心通報的確診病例不斷上升民眾開始質疑是否總只能贏在起跑點接著就後記無力是台灣人的「民族性」？網友無奈表示「這邊」太鬆懈了。
台灣新冠肺炎案例在這3天（15-17日）「爆增」24例且皆為「境外移入」個案讓許多人擔憂國門已成防疫破口在這短短幾天浪費掉努力這麼久的防堵措施。原PO不禁表示「台灣一開始的防疫真的有夠穩的領先世界一大堆國家完全沒話講。但現在看起來已經有境外感染危機了這是台灣人的個性嗎？覺得一開始贏就好了。」想請問大家有沒有覺得「台灣為何總喜歡只贏在起跑點」？
這讓許多人無奈表示「問那些扯後腿的人阿」、「因為一堆人死要錢視金錢比性命重要」表示和民族性並不太相關反到是一些人就還是在高峰期出國造成防疫缺口。但是也有人認為可能是後繼無力「一開始緊崩太久就鬆懈了」但也有人無奈指出疫情本來就沒辦法永遠擋住拖到這麼晚才爆發早已是奇蹟了。
尤其眾人直指一點完全在於「美日」2地出現很大防疫破口網友表示「當初別的國家提升對台灣旅遊警示結果自己不硬起來跟別人斷航就看這漏洞怎麼補」、「再不禁美日啊再讓台商趴趴走啊」。一致認為國際破口如何修正是未來關鍵。
今（17日）中央疫情指揮中心也終於做出決定擴大疫情警戒範圍其中全歐洲、全亞洲都被列入第三級警告不僅提升了對日本的旅遊疫情建議美國3州也列入管制。自受疫情建議管制地返台民眾今起都要實施居家檢疫。</t>
  </si>
  <si>
    <t>疫情臺灣表示開始防疫無奈完全境外全球民眾國家造成列入覺得</t>
  </si>
  <si>
    <t>台灣無奈起跑點一開始民族性</t>
  </si>
  <si>
    <t>臺灣無奈民族性起跑開始</t>
  </si>
  <si>
    <t>預先蘇貞昌在即鬆綁振興防疫準備經濟</t>
  </si>
  <si>
    <t>行政院長蘇貞昌今（28）日在行政院會表示若至6月7日前均無新冠肺炎本土新增病例國內防疫規範措施將鬆綁下階段將陸續推出各種刺激消費、活絡商圈、帶動國旅等振興措施及加速公共建設請各部會合作預做準備在</t>
  </si>
  <si>
    <t>措施行政院表示日前建設加速肺炎本土新增振興活絡陸續推出國旅病例刺激消費帶動國內規範防疫</t>
  </si>
  <si>
    <t>行政院長蘇貞昌今（28）日在行政院會表示若至6月7日前均無新冠肺炎本土新增病例國內防疫規範措施將鬆綁下階段將陸續推出各種刺激消費、活絡商圈、帶動國旅等振興措施及加速公共建設請各部會合作預做準備在後疫情時代爭取更好經濟成績。
蘇貞昌表示新冠肺炎疫情衝擊甚钜台灣疫情在超前部署、眾人齊力下獲得控制經濟所受衝擊相對較小2020年首季經濟成長率154％穩居亞洲四小龍之首在世界各國中也名列前茅。同時在發現金、助貸款、減負擔3路並進下1個月來已合計紓困約950萬人。
蘇貞昌指出美國商業環境風險評估公司5月公佈「投資環境風險評估報告」台灣投資環境穩定不僅為亞洲第1、且居全球第3僅次於瑞士、挪威顯示台灣民主防疫成為世界典範國際對投資環境也更具信心皆是未來台灣經濟發展的重要利基。
蘇貞昌表示國內已連續46天無本土新增病例若至6月7日、滿4個潛伏期無本土新增病例將採取「邊境風險嚴管國內鬆綁」的方式擴大開放國內民眾過正常生活。在此之前請各部會審慎盤點相關鬆綁工作、並預先作業採取一致標準並預先做好聯繫。
蘇貞昌指出目前旅宿業預訂興旺請交通部針對前置車輛、遊覽車、鐵路、公路及高鐵車票等事前盤點。若6月7日起開始有展演與表演文化部要有預先售票等作法。民間社團可能出遊、有宮廟集會場所等請內政部與相關部會預先公告與安排。
蘇貞昌進一步指出面對第三階段的「振興」將陸續宣佈刺激消費、活絡商圈、帶動國旅等措施振興券原則要讓大家「好領、好用、好刺激」要求各部會腳步齊一、好好規畫說明並聽取相關產業意見及互動、做足準備。</t>
  </si>
  <si>
    <t>蘇貞昌臺灣經濟預先國內相關環境指出鬆綁疫情表示振興措施風險投資世界盤點刺激新增病例</t>
  </si>
  <si>
    <t>行政院蘇貞昌新冠肺炎防疫鬆綁</t>
  </si>
  <si>
    <t>肺炎蘇貞昌防疫鬆綁行政院</t>
  </si>
  <si>
    <t>退出行動全球通訊大廠大會疫情害怕取消</t>
  </si>
  <si>
    <t>根據《路透社》報導即便這幾日新冠肺炎的疫情有減緩的趨勢全球對於新冠病毒的恐懼仍未消散。一年一度的世界電信業界的盛事「全球行動通訊大會」今年預計於2月24到27日在巴塞隆納舉辦。各大廠商因擔心疫情紛</t>
  </si>
  <si>
    <t>全球疫情巴塞隆納舉辦肺炎預計今年大會通訊行動一年一度盛事消散趨勢減緩仍未恐懼電信業世界對於病毒廠商擔心</t>
  </si>
  <si>
    <t>根據《路透社》報導即便這幾日新冠肺炎的疫情有減緩的趨勢全球對於新冠病毒的恐懼仍未消散。一年一度的世界電信業界的盛事「全球行動通訊大會」今年預計於2月24到27日在巴塞隆納舉辦。各大廠商因擔心疫情紛紛宣佈不參加主辦單位「GSMA全球電信協會」本週三討論過後宣佈本屆大會取消。
西班牙衛生當局及巴塞隆納市政府都表示照常舉辦沒有問題GSMA仍然取消活動的原因是許多廠商都受到旅遊禁令的影響無法前來或是因恐懼疫情而放棄參展預期廠商和參觀者的數量都會大幅度減少。
最關鍵的是幾間指標性大廠的意願這幾天陸續宣佈退出的大廠有：英國跨國電信公司「沃達豐」(Vodafone)、英國電信集團(BT)、德國電信公司(Deutsche Telekom)、芬蘭行動電話製造商「諾基亞」(Nokia)、美國晶片巨擘「英特爾」(Intel)、社群網站龍頭「臉書」、大陸手機製造商「Vivo」、美國電腦網路系統商「思科系統公司」(Cisco)、意法半導體(STMicroelectronics)、法國電信大廠「Orange集團」等。
巴塞隆納市長阿達·科洛(Ada Colau)向各廠商喊話希望大家冷靜不要過度害怕疫情市政府和西班牙衛生部都已經準備好了「沒有取消的理由」。世界衛生組織(WHO)也幫西班牙背書強調如期舉辦沒有問題。然而官方的保證仍然無法消彌廠商的恐懼在主要幾個大咖退出之後本屆的「全球行動通訊大會」也只能取消。</t>
  </si>
  <si>
    <t>廠商疫情取消巴塞隆納恐懼宣佈行動全球大廠舉辦大會沒有美國集團製造商gsma西班牙退出無法市政府仍然通訊問題英國</t>
  </si>
  <si>
    <t>cdc警告變調民眾疫苗大戰散播delta</t>
  </si>
  <si>
    <t>美國疾病管制與預防中心（CDC）內部文件顯示Delta變種新冠病毒正在美國迅速蔓延似乎引發更嚴重的疾病並像水痘一樣容易傳播。據CNN新聞網30日報導《華盛頓郵報》（The Washington Post）取得的CDC未公開的幻</t>
  </si>
  <si>
    <t>cdc疾病美國postwashington華盛頓郵報the報導新聞網cnn傳播內部容易檔變種顯示delta水痘中心病毒正在嚴重迅速蔓延引發</t>
  </si>
  <si>
    <t>疫苗美國cdc接種病毒顯示變種病例delta民眾報導拜登傳染給守則感染口罩如今要求聯邦</t>
  </si>
  <si>
    <t>DeltaCDC疫苗新冠肺炎美國</t>
  </si>
  <si>
    <t>疫苗肺炎cdcdelta美國</t>
  </si>
  <si>
    <t>光復節今年建黨疫情不怕表演</t>
  </si>
  <si>
    <t>韓聯社報導專門經營赴北韓旅遊業務的高麗旅行社（Koryo Tour）今天援引北韓內部消息稱北韓今年仍將舉行大型團體操表演迎接8月的光復節和10月的建黨75週年紀念日。團體操表演最多動員10萬人用來展現制度優越性</t>
  </si>
  <si>
    <t>表演團體操動員用來舉行今年旅遊援引業務koryo旅行社今天高麗tour紀念日經營迎接展現專門建黨光復節制度</t>
  </si>
  <si>
    <t>韓聯社報導專門經營赴北韓旅遊業務的高麗旅行社（Koryo Tour）今天援引北韓內部消息稱北韓今年仍將舉行大型團體操表演迎接8月的光復節和10月的建黨75週年紀念日。
團體操表演最多動員10萬人用來展現制度優越性和吸引遊客。北韓2013年9月推出團體操《阿裡郎》後又於2018年推出《光輝祖國》去年推出《人民的國家》《戰無不勝的社會主義》。
大型團體操通常要提前6個月排練但北韓全力封境限行防控新冠肺炎疫情能否順利排練仍是未知數。</t>
  </si>
  <si>
    <t>團體操推出排練表演順利能否肺炎防控疫情展現用來動員旅遊人民制度koryo旅行社國家業務</t>
  </si>
  <si>
    <t>北韓團體光復節建黨排練</t>
  </si>
  <si>
    <t>光復節團體建黨排練</t>
  </si>
  <si>
    <t>熄燈啟臣響應確診抗議無聲政府</t>
  </si>
  <si>
    <t>台灣本土疫情死亡率超過世界平均值前衛生署長楊志良發起「熄燈一分鐘喚醒陳時中」活動邀民眾於6日晚上8點一起熄燈一分鐘。國民黨主席江啟臣今也響應此活動貼出熄燈照片「這一分鐘是無聲的抗議、是悲痛的</t>
  </si>
  <si>
    <t>熄燈活動超過世界平均值衛生死亡率署長楊志良貼出發起響應喚醒陳時中主席國民黨一起江啟臣民眾晚上照片疫情無聲本土</t>
  </si>
  <si>
    <t>台灣本土疫情死亡率超過世界平均值前衛生署長楊志良發起「熄燈一分鐘喚醒陳時中」活動邀民眾於6日晚上8點一起熄燈一分鐘。國民黨主席江啟臣今也響應此活動貼出熄燈照片「這一分鐘是無聲的抗議、是悲痛的默哀也是寧靜的鼓舞！」
江啟臣表示這一分鐘是對政府無聲的抗議。新冠肺炎疫情爆發的一年多以來眾人沒有吝嗇給執政黨掌聲。全力配合防疫甚至對自己做出更高標準的要求。人民努力支撐起來的緩衝期卻沒有看到政府做好各項的工作整備彷彿天真的為只要靠圍堵就可以撐過病毒的威脅。
江啟臣指出政府疏失造成的防疫破口不但迄今找不到人負責連會議記錄都付之闕如。疫情爆發後從篩檢量能、醫療量能、到疫苗數量都沒有到位…。這空白而浪費的一年我們用無聲來抗議。
對於不幸離世的國人江啟臣說這一分鐘是無限的哀悼。高於國際平均值的致死率每天兩位數增加的死亡數字是一個個家庭的沉痛。在足夠的疫苗到達前還要有多少生命的逝去還要有多少悲傷跟來不及說的告別！「當執政黨的立委為了友邦贈送的疫苗乾杯是否也將逝世國人無法完成的精彩人生還有家屬的眼淚同時一飲而盡了呢？數百位國人的離世我們用黑暗來哀悼。」
對於在第一線奮戰的醫護這一分鐘也是寧靜的鼓舞。江啟臣表示醫護人員的辛苦是汗水、是淚水更是與家人的分隔、與染疫風險的搏鬥。日以繼夜的工作持續消耗的精力都是為了守護我們共同的健康。防疫對於醫護人員來說不只是戰爭更是負重前行的舉步維艱。我們希望所有國人同胞都能夠透過各種方式支援醫護人員力挺防疫工作在疫情艱困下我們一起探尋人性的光輝保留繼續奮鬥的氣力。守護我們家園的醫護我們用寧靜來鼓舞。</t>
  </si>
  <si>
    <t>防疫疫情國人疫苗工作沒有熄燈政府醫護人員江啟臣對於無聲抗議平均值一起執政黨守護爆發哀悼活動寧靜</t>
  </si>
  <si>
    <t>熄燈一分鐘江啟臣新冠肺炎台灣</t>
  </si>
  <si>
    <t>江啟臣肺炎熄燈臺灣</t>
  </si>
  <si>
    <t>航空展搶手紀念品新加坡特殊</t>
  </si>
  <si>
    <t>受新冠肺炎疫情擴大影響亞洲最大的新加坡航空展規模縮水部分參展代表與軍事迷還戴口罩觀展參展業者也提供軍火月曆等文宣紀念品其中以色列航太公司贈送的口罩最搶手。新加坡航空展採取嚴格的安全檢查措施確</t>
  </si>
  <si>
    <t>口罩參展航空展新加坡疫情擴大嚴格影響採取亞洲肺炎紀念品文宣以色列月曆軍火提供搶手公司贈送代表業者縮水觀展安全</t>
  </si>
  <si>
    <t>受新冠肺炎疫情擴大影響亞洲最大的新加坡航空展規模縮水部分參展代表與軍事迷還戴口罩觀展參展業者也提供軍火月曆等文宣紀念品其中以色列航太公司贈送的口罩最搶手。
新加坡航空展採取嚴格的安全檢查措施確保與會參展業者與貿易代表安全今年的重點項目包括如何防範2019年冠狀病毒疾病。
中央社報導凡參展代表與媒體搭乘接駁車前往展場前都必須通過體溫檢測儀檢查上I’m COOL！貼紙認證回程搭接駁車抵達轉運站時仍要通過耳溫槍檢查。
展場在早上登記入口處發放口罩供參展代表與媒體記者自由取用。以色列航太公司（IAI）也在會場中贈送印有以公司標章包裝的口罩原是要讓參展代表使用但反而成為今年最為特殊的紀念品非常搶手。</t>
  </si>
  <si>
    <t>參展代表口罩檢查展場安全今年以色列贈送業者新加坡紀念品航空展公司媒體搶手疫情擴大影響肺炎亞洲貼紙cool</t>
  </si>
  <si>
    <t>新冠肺炎 新加坡航空展紀念品口罩搶手</t>
  </si>
  <si>
    <t>航空展新加坡紀念品肺炎口罩搶手</t>
  </si>
  <si>
    <t>接種群體年底免疫達標大陸</t>
  </si>
  <si>
    <t>大陸26日公佈新增11例新冠肺炎確診病例均為境外輸入山東更出現一名「復陽」案例。疫苗施打情況方面據統計大陸過去一個月日均疫苗接種率約416萬劑次大陸衛健委預計今年底前有望達成全民8成接種疫苗的</t>
  </si>
  <si>
    <t>大陸疫苗接種肺炎確診病例境外輸入山東出現有望達成今年底預計案例衛健施打情況方面</t>
  </si>
  <si>
    <t>大陸26日公佈新增11例新冠肺炎確診病例均為境外輸入山東更出現一名「復陽」案例。疫苗施打情況方面據統計大陸過去一個月日均疫苗接種率約416萬劑次大陸衛健委預計今年底前有望達成全民8成接種疫苗的群體免疫目標。
據瞭解出現在山東省煙台市芝罘的「復陽」（治癒後又陽性）個案王姓男子為一名赴英國留學的19歲男子曾於2月25日自英國出發經芬蘭轉機後2月26日抵達上海在隔離期間被診斷為確診病例。治癒返回芝罘區健康監測期間核酸檢測均無感染直到本月25日王男根據疫情防控規定接受覆查時核酸檢測顯示為陽性。目前該名王姓患者的全部接觸者已接受隔離核酸檢測均無感染患者居住的小區、涉及車輛和場所等核酸檢測同樣無感染。
大陸疫情方面26日公佈新增11例境外輸入病例分別為雲南3例、上海和四川各2例江蘇、福建、廣東和陝西各一例無新增疑似或死亡病例截至目前大陸累計90599人確診其中4636人死亡。
大陸疫苗接種狀況方面據大陸國家衛健委官網消息截至23日全大陸31省區市累計報告接種新冠病毒疫苗近22億劑次在過去一個月累計新增接種13億劑次日均接種逾416萬劑次大陸衛健委預計若大陸要達到今年全國80%人口接種疫苗的群體免疫目標還需要112億人接種新冠疫苗目前距離該目標尚有9億人的差距以按過去一個月的日均接種速度估算還需約7個月時間有望在今年底前達標。</t>
  </si>
  <si>
    <t>大陸接種疫苗病例核酸檢測目前確診方面累計過去新增日均衛健目標治癒出現患者感染隔離</t>
  </si>
  <si>
    <t>大陸疫苗衛健委接種目標</t>
  </si>
  <si>
    <t>疫苗衛健接種目標大陸</t>
  </si>
  <si>
    <t>副作用整晚混打az急診嚴重</t>
  </si>
  <si>
    <t>混打疫苗效果好但副作用恐會更大。對此兒科急診醫師吳昌騰分享昨天完成混打疫苗唯一不舒服的感覺應該是「手舉高會疼痛」尤其到了晚上更明顯但聽說混打會像被卡車輾過去一樣因此他也提早備好藥物與開水</t>
  </si>
  <si>
    <t>混打疫苗提早過去高會應該疼痛尤其卡車醫師感覺舒服急診吳昌騰晚上完成昨天分享</t>
  </si>
  <si>
    <t>混打疫苗效果好但副作用恐會更大。對此兒科急診醫師吳昌騰分享昨天完成混打疫苗唯一不舒服的感覺應該是「手舉高會疼痛」尤其到了晚上更明顯但聽說混打會像被卡車輾過去一樣因此他也提早備好藥物與開水結果整晚過去卡車都沒來但第二劑的痛感確實比第一劑更明顯有同事混打後發燒、全身痠痛而請假。
吳昌騰今在臉書發文表示昨天混打AZ＋莫德納疫苗一開始其實沒有特別的感覺除了注射部位疼痛之外唯一感覺不舒服的就是「手沒有辦法舉高」當手舉超過耳朵以上的高度就會有疼痛的感覺而這個感覺到了晚上更加明顯。
吳昌騰指出他晚上睡覺的時候還在床邊擺好開水與普拿疼想說可能會出現被卡車輾過的感覺結果一晚過去卡車都沒有來。不過他認為第二劑莫德納打完以後痛的感覺的確比第一劑AZ還要明顯很多。
吳昌騰透露他今天去上班的時候聽到急診室的同仁表示有接受混打疫苗的同事中已有2名護理師請假因為出現發燒與全身痠痛的症狀真的無法來上班。
貼文引起網友討論「說像被卡車輾過的人實在令人很想吐槽是有相關經驗嗎？」、「還是想混打只是不知道到時候有沒有得選擇」、「我四周的人基本上都沒事大家不知道從什麼時候開始傳訛兩次卡車啊」。</t>
  </si>
  <si>
    <t>混打感覺卡車沒有疫苗時候明顯昌騰過去疼痛上班晚上出現az表示</t>
  </si>
  <si>
    <t>混打吳昌騰AZ疫苗新冠肺炎</t>
  </si>
  <si>
    <t>az疫苗吳昌騰肺炎混打</t>
  </si>
  <si>
    <t>關鍵川普過早時中直下場美版</t>
  </si>
  <si>
    <t>雖然美國總統川普誓言近期就要重啟國家經濟不過素有「美版陳時中」的國家過敏與傳染病研究院（NIAID）主任佛奇12日透過視訊在參議院聽證會上表示當前美國追蹤與監控病毒的能力還不夠如果沒有準備好就重啟國門</t>
  </si>
  <si>
    <t>國家美國透過參議院主任聽證會近期表示當前過敏niaid傳染病時中研究院追蹤監控病毒能力不夠</t>
  </si>
  <si>
    <t>雖然美國總統川普誓言近期就要重啟國家經濟不過素有「美版陳時中」的國家過敏與傳染病研究院（NIAID）主任佛奇12日透過視訊在參議院聽證會上表示當前美國追蹤與監控病毒的能力還不夠如果沒有準備好就重啟國門疫情復發的風險極高屆時恐招致「不必要的折磨與死亡」。
據《紐約時報》以及美國有線電視新聞網報導（CNN）就在川普宣稱「我們已度過那個時刻且我們戰勝了它（病毒）」的後一日佛奇（Anthony Fauci）向美國參議院「健康教育勞工和退休金委員會」表示美國還沒有控制住疫情根本還沒脫離險境；且重啟國家經濟過早的話仍缺乏必要能力以便遏止不可避免的突增病例。
佛奇與美國疾管中心主任雷德菲爾德（Robert Redfield）一同警告在各級學校新的學期展開前疫苗仍不會問世再樂觀也需要1至2年。此外美國仍缺乏足夠追蹤與監控新冠病毒傳播的基礎建設而全球其他部分地區一旦疫情存在病毒肯定會接觸到美國本土。他強調在面對不可預測且致命的疾病時必須保持「寧願過於謹慎也不要冒險犯錯」的重要性。
佛奇表示如果在秋季之前美國沒有好好應對疫情的話毫無疑問將會再次出現群聚傳染導致美國疫情復發的風險極高。他也希望在秋季前美國的應對能力已足夠「但如果沒有將會造成很多問題」。
事實上佛奇的專業意見川普政府內對此早有雜音。先前由民主黨掌控的眾議院撥款委員會先前邀請佛奇赴國會聽證但遭白宮從中作梗稱「他正忙著防疫出席只會適得其反」不過共和黨掌控的參院邀請佛奇作證時白宮則同意放行。外界認為白宮只是擔心佛奇又與川普「唱反調」。
此外針對如何安全地重啟美國國門美國公衛專家其實早已備好計畫美國CDC曾擬定17頁的「重啟美國國門方針」其中包括了對商業、學校、教會以及其他公共場所在疫情仍存的情況下應如何運作不過卻被告知這份報告「恐怕永遠無法正式問世」因為各地疫情情況不一白宮不願對外提供重啟國門特定環節的相關細節準則。
佛奇9日曾表示由於他和確診者有低風險接觸出於謹慎將進行「改良版」隔離除了在家中遠距離辦公、持續配戴口罩並每天進行病毒檢測故此次聽證會採視訊連線。</t>
  </si>
  <si>
    <t>美國疫情白宮川普表示沒有國門病毒能力風險國家進行主任謹慎學校</t>
  </si>
  <si>
    <t>新冠肺炎武漢肺炎新型冠狀病毒COVID-19佛奇</t>
  </si>
  <si>
    <t>肺炎冠狀武漢病毒covid-</t>
  </si>
  <si>
    <t>今天分流客人攤販明天要來嘉義</t>
  </si>
  <si>
    <t>嘉義市政府鼓勵民眾依身分證字號尾數單、雙號分流到傳統市場買菜嘉義市共和攤販協會理事長陳志全坦言出入口有10多個很難強制管制倒是攤商向客人道德勸說「今天多買些明天不要來」比較有用今天人流約減少</t>
  </si>
  <si>
    <t>今天嘉義有用身分比較字型大小尾數明天雙號強制管制出入口倒是坦言陳志全分流理事長勸說協會道德</t>
  </si>
  <si>
    <t>嘉義市政府鼓勵民眾依身分證字號尾數單、雙號分流到傳統市場買菜嘉義市共和攤販協會理事長陳志全坦言出入口有10多個很難強制管制倒是攤商向客人道德勸說「今天多買些明天不要來」比較有用今天人流約減少了3、4成。
嘉義市政府建設處督促嘉義市共和市場自治會在市場出入口的車阻欄杆上各攤商攤位上建置QRCode、簡訊實聯制條碼方便消費者掃描鼓勵市民依身分證字號尾數單、雙號分流採購、配合實聯制、全程戴口罩、一次買好買滿、買完就走、不聊天不逗留、勤洗手等。
陳志全指出共和市場目前有近300位會員攤商已協助完成簡訊實聯制或手寫登記並請攤商協助向顧客宣導市府推行的「分流採購」措施。
陳志全說共和市場是街道型菜市場出入口多達10多個難強制管制進出的人流不過連日來透過攤商主動向顧客勸導「今天多買一些明天不要來」漸有效果今天上菜市場的人約減少3、4成還有攤商教顧客掃瞄簡訊實聯制條碼、QRCode有8成客人會配合掃瞄。
市府建設處表示市府已協助轄內傳統市場建置簡訊實聯制建議民眾依身分證字號尾數單、雙數分流採買單號每週三、五、日雙號每週二、四、六以降低人潮聚集的染疫風險初一、十五或假日還會加強宣導防疫措施籲請大家配合共同防疫。</t>
  </si>
  <si>
    <t>市場共和分流今天陳志全出入口配合簡訊雙號顧客協助嘉義宣導市府菜市場人流措施客人採購</t>
  </si>
  <si>
    <t>新冠肺炎台灣攤商簡訊實聯制身分證字號</t>
  </si>
  <si>
    <t>簡訊臺灣身分肺炎字型大小</t>
  </si>
  <si>
    <t>臺灣執行長證實提供疫苗bnt來自德國歐洲工廠</t>
  </si>
  <si>
    <t>上海復星醫藥發出公告子公司復星實業分別與台積電、鴻海、永齡基金會及裕利醫藥簽約將提供共1000萬劑BNT疫苗給台灣。德國BNT首席執行長證實這批疫苗符合台灣要求在歐洲工廠生產直接出貨給台灣。根據外媒報</t>
  </si>
  <si>
    <t>臺灣醫藥疫苗bnt發出公告子公司分別複星實業台積電直接工廠永齡基金會歐洲裕利要求簽約符合證實提供生產執行長首席</t>
  </si>
  <si>
    <t>上海復星醫藥發出公告子公司復星實業分別與台積電、鴻海、永齡基金會及裕利醫藥簽約將提供共1000萬劑BNT疫苗給台灣。德國BNT首席執行長證實這批疫苗符合台灣要求在歐洲工廠生產直接出貨給台灣。
根據外媒報導BNT首席執行長Ugur Sahin表示「我們很高興看到復星醫藥與BioNTech共同研發的疫苗能為台灣疫情防控發揮積極作用。我們將與合作夥伴緊密合作早日為台灣提供安全有效的疫苗維護生命健康、幫助生活早日回到正軌；這批新冠疫苗由歐洲工廠所生產。」
負責洽購的台積電、鴻海也紛紛發布重訊台積電指出捐贈金額不超過美金175億元受贈對象為行政院衛生福利部疾病管制署「本捐贈因屬重大天然災害所為急難救助之公益性質捐贈將提本公司董事會追認」。
鴻海也與永齡基金會共同捐贈金額同樣不超過美金175億元其中鴻海負責其中的105億元、永齡約7000萬元疫苗同樣捐給衛福部疾管署。</t>
  </si>
  <si>
    <t>疫苗臺灣捐贈醫藥台積電永齡早日同樣共同bnt工廠提供執行長首席負責歐洲超過生產金額基金會衛生管制</t>
  </si>
  <si>
    <t>BNT疫苗鴻海台積電永齡</t>
  </si>
  <si>
    <t>台積電疫苗bnt永齡</t>
  </si>
  <si>
    <t>照顧老闆魔術nba員工</t>
  </si>
  <si>
    <t>魔術版德沃斯宣佈拿出200萬美元來照顧NBA魔術、安利中心、發展聯盟球隊以及太陽熊冰球隊等大約1800位因為新冠肺炎疫情影響而停擺的員工。德沃斯表示團隊背後的員工都是我們的家人我們很榮幸能在這段艱困時期為那</t>
  </si>
  <si>
    <t>德沃斯員工魔術榮幸家人大約冰球隊肺炎太陽球隊疫情照顧聯盟影響發展中心nba安利</t>
  </si>
  <si>
    <t>魔術版德沃斯宣佈拿出200萬美元來照顧NBA魔術、安利中心、發展聯盟球隊以及太陽熊冰球隊等大約1800位因為新冠肺炎疫情影響而停擺的員工。
德沃斯表示團隊背後的員工都是我們的家人我們很榮幸能在這段艱困時期為那些受到布利影響的人提供幫助。
除了德沃斯外魔術球員也決定伸出援手包含武切維奇、阿隆戈登、富爾茲、艾薩克、奧古斯丁、卡特威廉斯、阿努米等球星也提供各種金錢幫助在停賽期間的工作人員。</t>
  </si>
  <si>
    <t>魔術德沃斯提供影響幫助員工金錢太陽冰球隊球隊榮幸大約維奇阿隆戈登家人以撒段艱聯盟發展</t>
  </si>
  <si>
    <t>魔術NBA新冠肺炎德沃斯武切維奇</t>
  </si>
  <si>
    <t>肺炎德沃斯nba維奇魔術</t>
  </si>
  <si>
    <t>採購疫苗bnt證實進行台積電簽約法定程式</t>
  </si>
  <si>
    <t>1千萬劑輝端BNT進口台灣不再只聞樓梯響鴻海與台積電今日雙雙證實積極努力許久採購BNT疫苗已正式進入簽約程式惟因「簽約當事人有多方一旦程式完備即對外進行公告」。永齡基金會執行長劉宥彤也表示：「</t>
  </si>
  <si>
    <t>bnt程式簽約基金會永齡公告進行臺灣不再完備樓梯一旦執行長多方台積電今日證實積極努力採購疫苗正式</t>
  </si>
  <si>
    <t>1千萬劑輝端BNT進口台灣不再只聞樓梯響鴻海與台積電今日雙雙證實積極努力許久採購BNT疫苗已正式進入簽約程式惟因「簽約當事人有多方一旦程式完備即對外進行公告」。永齡基金會執行長劉宥彤也表示：「待有進一步消息一定會正式對外界說明」
上周即傳出鴻海、永齡基金會與台積電採購德國BNT案可望簽約但皆未見相關單位證實11日淩晨網路瘋傳大陸官媒新華社當天的報導指出永齡與台積電已和BNT疫苗代理商上海復星醫藥正式簽訂銷售協議並會依「正常商業規則和程式」提供疫苗。但第一時間並未看到新華社刊登文稿。
傳聞鴻海、永齡基金會與台積電是在9日深夜和復星醫藥簽訂mRNA新冠疫苗銷售協議。
今日上午鴻海與台積電雙雙指出因簽約當事人有多方許多檔要由各方法務確認但確實正在進行簽約的法定程式一旦程式完備即對外進行公告。
據瞭解簽約對象除鴻海、台積電等採購企業外包括復星、我政府與德國BNT原廠。簽約內容包括總採購量與金額至於出貨時間與分批出貨量將在簽約後另行確認。
採購BNT疫苗最早由鴻海在5月下旬新冠疫情本土確診案量增加時提出要採購500萬劑的捐贈政府計畫並於6月1日由鴻海創辦人郭台銘夫人曾馨瑩代表永齡基金會鴻海教育基金會執行長汪用和代表鴻海共同遞件申請採購。
但這項申請案卻卡在政府要求須有原廠授權書在郭台銘向總統府喊話後6月18日進總統府面見總統台積電私下努力採購BNT疫苗500萬劑規畫也浮上枱面加計鴻海、永齡基金會兩大企業集團共計採購1000萬劑。</t>
  </si>
  <si>
    <t>採購簽約bnt疫苗台積電永齡基金會正式政府程式新華社郭台銘進行證實原廠確認</t>
  </si>
  <si>
    <t>新冠肺炎台灣簽約台積電鴻海</t>
  </si>
  <si>
    <t>臺灣簽約台積電肺炎</t>
  </si>
  <si>
    <t>疫苗網友亮相吸入式奶茶全球</t>
  </si>
  <si>
    <t>全球首款可吸入式新冠疫苗在「2021第五屆海南國際健康產業博覽會」亮相觀眾可現場體驗。對於吸入式新冠疫苗的使用方法網友稱姿勢好像喝奶茶。據瞭解吸入式新冠疫苗與肌肉注射使用了同種疫苗其制劑配方未改變</t>
  </si>
  <si>
    <t>疫苗吸入式使用博覽會亮相觀眾好像姿勢產業健康海南現場網友國際體驗方法對於肌肉注射製劑配方</t>
  </si>
  <si>
    <t>疫苗臨床肌肉注射免疫試驗接種全球研究資料發表使用吸入式採用水準國際不良反應開展陳薇院士團隊</t>
  </si>
  <si>
    <t>新冠疫苗霧化吸入式大陸新冠肺炎</t>
  </si>
  <si>
    <t>吸入式大陸疫苗肺炎</t>
  </si>
  <si>
    <t>嚴峻疫情險種肺炎</t>
  </si>
  <si>
    <t>台灣本土新冠肺炎疫情持續嚴峻截至6月21日止已累積有14005例確診個案並有549人不幸病逝。面對此次疫情來得又急又快確實讓人措手不及先前民眾搶買「防疫保單」大爆單、接續有產險業者宣佈停售商品……都在</t>
  </si>
  <si>
    <t>疫情業者肺炎產險持續接續嚴峻截至保單防疫累積措手不及先前民眾不幸面對宣佈病逝</t>
  </si>
  <si>
    <t>台灣本土新冠肺炎疫情持續嚴峻截至6月21日止已累積有14005例確診個案並有549人不幸病逝。面對此次疫情來得又急又快確實讓人措手不及先前民眾搶買「防疫保單」大爆單、接續有產險業者宣佈停售商品……都在在顯示了絕大多數人面對疫情時感到焦慮、不安的心情。本周小花平臺保險專題從個人保障面的觀點出發提出建議：在個人保單中有哪些險種能在不幸罹患新冠肺炎時立即啟動理賠給付？
首要選擇、實支實付型醫療險
首先實支實付型醫療險是必不可少的！小花平臺保險顧問指出新冠肺炎依照輕重症差異採行的治療方式各有不同目前市面上的住院醫療險大致分為「住院日額」和「實支實付」以及兼具兩者特性、部分理賠可以二選一的「實支實付轉日額」類型。
一般來說「日額給付」和「實支實付」定義簡單明瞭「日額給付」是指按照住院天數給付固定額度與實際在醫院裡花了多少治療費用沒有關係；而「實支實付」則是在醫院進行必要的自費治療項目時花多少、保險公司就依照比例限額給付。
至於「實支實付轉日額」顧名思義是指實支實付沒用到、改用日額理賠給付方式；也就是說當保戶住院後如果評估沒有太多雜費或是其它支出時可以考慮選擇以「日額給付」方式改為領取依天數計算的定額保險金「看哪個划算就選擇哪個！」</t>
  </si>
  <si>
    <t>實支給付疫情保險肺炎住院理賠方式保單選擇不幸治療沒有醫療醫院平臺面對天數</t>
  </si>
  <si>
    <t>醫療險 實支實付日額理賠新冠肺炎疫情</t>
  </si>
  <si>
    <t>理賠實支肺炎醫療疫情</t>
  </si>
  <si>
    <t>就業市場重傷工作疫情</t>
  </si>
  <si>
    <t>疫情美國重創顯見補助失業工作丟掉請領超過累計確診顯示死亡資料突破全球星期人數跨過大關受到百業蕭條波及衝擊市場就業</t>
  </si>
  <si>
    <t>失業美國疫情人數請領經濟學家資料下降持續以來補助救濟金受到波及肺炎寫下失業人數新增平均接近</t>
  </si>
  <si>
    <t>美國疫情就業市場新冠肺炎</t>
  </si>
  <si>
    <t>市場就業疫情肺炎美國</t>
  </si>
  <si>
    <t>全身急降血小板bnt衛生局高雄男回應</t>
  </si>
  <si>
    <t>高雄林姓男子在臉書「爆料公社」社群發文稱自己日前接種BNT疫苗後皮膚局部出現血疹隨後更有血便、牙齦出血等症狀緊急送醫後查出是血栓及血小板低下所引起高市府衛生局表示個案有風濕免疫相關疾病病史</t>
  </si>
  <si>
    <t>風濕公社發文個案表示衛生局日前市府接種引起低下bnt疫苗血小板血栓出現皮膚局部查出</t>
  </si>
  <si>
    <t>高雄林姓男子在臉書「爆料公社」社群發文稱自己日前接種BNT疫苗後皮膚局部出現血疹隨後更有血便、牙齦出血等症狀緊急送醫後查出是血栓及血小板低下所引起高市府衛生局表示個案有風濕免疫相關疾病病史經過治療血小板已增加2萬以上狀況持續改善目前仍住院中。
林男發文指出他於10月17日施打BNT後發生嚴重不良反應2天後身體局部出現血疹22日血疹遍佈全身並有血便丶牙齦出血等症狀緊急送急診後經查血栓及血小板低下正常人體血小板15萬以上他前3天1000後2天2000輸了4包血小板還是立即降回1000結果就雙手大出血他表示「幸好出血點不在腦和內臟不然可能已享年」。
高市府衛生局表示經查個案有風濕免疫相關疾病病史長期門診追蹤。10月17日打完BNT疫苗後隔日全身多處出血點包括口腔、頸部、腹部、下肢等出現自發性瘀斑10月22日自行至高醫急診經醫師建議入院治療個案住院經處置後血小板已增加2萬以上狀況持續改善目前仍住院中。</t>
  </si>
  <si>
    <t>血小板bnt出現表示發文出血點個案住院急診治療以上經查全身疫苗血栓低下局部緊急病史市府</t>
  </si>
  <si>
    <t>新冠肺炎台灣BNT血疹血小板</t>
  </si>
  <si>
    <t>臺灣bnt肺炎血小板</t>
  </si>
  <si>
    <t>肺炎荒唐確診王儲戴安娜查理斯</t>
  </si>
  <si>
    <t>新冠肺炎疫情肆虐全球今日又有重磅消息傳出英國克萊倫斯宮（Clarence House）證實現年71歲的英國王儲查爾斯親王（Charles Philip Arthur George）確診而妻子卡蜜拉則是逃過一劫沒有感染。身為英國王儲查爾</t>
  </si>
  <si>
    <t>英國王儲肆虐全球今日重磅疫情消息傳出感染妻子確診克萊倫斯逃過一劫georgearthur沒有philip證實現年charles親王</t>
  </si>
  <si>
    <t>新冠肺炎疫情肆虐全球今日又有重磅消息傳出英國克萊倫斯宮（Clarence House）證實現年71歲的英國王儲查爾斯親王（Charles Philip Arthur George）確診而妻子卡蜜拉則是逃過一劫沒有感染。身為英國王儲查爾斯感情世界一直是外界關注焦點而他最有名的一段情史就是與前妻戴安娜、現任妻子卡蜜拉的三角戀情。
年輕時期的查爾斯曾和多位名女人傳出緋聞包括前英國駐西班牙大使之女喬治安娜羅素、第八代威靈頓公爵之女喬治安娜羅素甚至還有戴安娜王妃莎拉斯賓塞。
查爾斯的花心更是連前妻都認證戴安娜生前廚師曾出版過一本回憶錄書中聲稱戴安娜認為不管自己還是卡蜜拉都是被查爾斯利用的女兒罷了她甚至認為前夫從沒對感情專一過總是在四處獵豔他天性如此也無法控制。
其實查爾斯的現任妻子卡蜜拉一直以來都被視為毀掉查爾斯、戴安娜婚姻的罪魁禍首即便兩人結婚逾15年卡蜜拉仍不受英國人民歡迎。她在1971年邂逅了查爾斯王子不過這段身分地位懸殊的愛情一直被英國女王伊莉莎白二世反對後來卡蜜拉1973年改嫁他人查爾斯也在1981年娶了戴安娜。
只是查爾斯、卡蜜拉婚後仍舊藕斷絲連即便在與戴安娜的婚禮上查爾斯還是找尋著卡蜜拉的身影讓戴安娜事後回想婚禮當天心碎表示這是她人生最慘的一天她永遠忘不了卡蜜拉在她婚禮的模樣。
「我的婚姻裡有3個人是有點太擠了。」在婚姻中飽受折磨的戴安娜終於在1996年與查爾斯正式宣佈離婚結束15年婚姻之後卡蜜拉也終於守得雲開見月明在2005年扶正嫁給查爾斯王子成為英國史上最不受歡迎的王室成員康沃爾公爵夫人殿下。</t>
  </si>
  <si>
    <t>查理斯戴安娜英國婚姻一直婚禮妻子甚至傳出歡迎認為終於王子不受前妻王儲喬治安羅素肆虐</t>
  </si>
  <si>
    <t>查爾斯王子查爾斯王儲卡蜜拉戴安娜戴安娜王妃</t>
  </si>
  <si>
    <t>王儲戴安娜查理斯王子王妃</t>
  </si>
  <si>
    <t>足球隊出新瓦倫西亞西甲</t>
  </si>
  <si>
    <t>歐洲最高水準的西甲足球聯賽因為新冠疫情已先停賽兩輪但真正復賽的時間遙遙無期尤其是西甲「蝙蝠軍團」瓦倫西亞今天宣佈該隊的球員與隊職員共有35％驗出新冠肺炎陽性反應堪稱全世界目前受疫情衝擊最深的運</t>
  </si>
  <si>
    <t>疫情西甲目前足球聯賽全世界陽性反應堪稱肺炎職員宣佈球員今天瓦倫西亞複賽出新軍團蝙蝠共有尤其真正遙遙無期時間</t>
  </si>
  <si>
    <t>歐洲最高水準的西甲足球聯賽因為新冠疫情已先停賽兩輪但真正復賽的時間遙遙無期尤其是西甲「蝙蝠軍團」瓦倫西亞今天宣佈該隊的球員與隊職員共有35％驗出新冠肺炎陽性反應堪稱全世界目前受疫情衝擊最深的運動團隊。
瓦倫西亞前一天回報5人確診新冠包括阿根廷後衛加萊（Ezequiel Garay）、法國後衛曼加拉（Eliaquim Mangala）都中鏢未料才隔一天就爆衝到全隊3成5感染新冠病毒。
「目前所有的案例都沒有症狀均進行居家隔離並持續接受醫療評估也按計畫進行自主訓練。」瓦倫西亞官方聲明表示。
西班牙新冠確診人數即將破萬是疫情重災區之一但瓦倫西亞為何成為重中之重可能原因是2月19日他們在歐冠16強首回合作客米蘭的聖西羅球場對決義甲球隊亞特蘭大當時歐洲疫情還不嚴重聖西羅湧入44236名觀眾。上周第2回合轉戰瓦倫西亞主場比賽則採閉門進行。
如今義大利是大陸以外最嚴重的新冠疫區只是以2月19日作客米蘭來看也早就超過新冠病毒可能的14天潛伏期。是否因為瓦倫西亞此前並未全面進行病毒篩檢現在才查出來？抑或是瓦倫西亞的狀況未必與作客義大利有關而是西班牙疫情的嚴重程度超乎想像恐怕更令人憂心。</t>
  </si>
  <si>
    <t>瓦倫西亞疫情進行嚴重病毒作客目前聖西羅西班牙西甲米蘭可能大利後衛確診歐洲eliaquim曼加拉mangala都中</t>
  </si>
  <si>
    <t>瓦倫西亞西甲聯賽新冠肺炎新冠疫情亞特蘭大</t>
  </si>
  <si>
    <t>肺炎西甲聯賽亞特蘭大疫情瓦倫西亞</t>
  </si>
  <si>
    <t>防疫深化兩岸透視新聞敵意</t>
  </si>
  <si>
    <t>新冠肺炎爆發後蔡政府在防疫之際透過仇恨語言、歧視手段順勢打了一場「抗中保台」之戰藉機強化反中牌的正當性。只是疫情過後當各國逐漸從相互指責的激情回歸至理性常軌眼前這場「大內宣」的反中聖戰</t>
  </si>
  <si>
    <t>政府防疫之際透過仇恨語言爆發歧視手段順勢回歸激情相互指責理性逐漸中保過後常軌大內疫情眼前只是</t>
  </si>
  <si>
    <t>新冠肺炎爆發後蔡政府在防疫之際透過仇恨語言、歧視手段順勢打了一場「抗中保台」之戰藉機強化反中牌的正當性。只是疫情過後當各國逐漸從相互指責的激情回歸至理性常軌眼前這場「大內宣」的反中聖戰因為兩岸鴻溝的加深即使現在贏了面子未來可能輸更多。
過去4年兩岸沒好事就罷了過去4個月蔡政府打著防疫之名在陸美對抗大局裡扮演嗆陸急先鋒讓台海出現沒有必要的紛擾與危機。
定名新冠 卻執意用歧視性名稱
首先是言語上的挑釁。當世衛組織（WHO）將傳染病定名為2019冠狀病毒病（COVID-2019）簡稱新冠肺炎蔡政府卻獨步全球帶頭使用「武漢肺炎」背後隱含的歧視不言可喻。
在疫情爆發初期儘管陸方未對外求援口罩蘇貞昌卻主動下達出口禁令；儘管救人之前本該先自救但蘇貞昌刻意喊得很大聲背後隱含的敵意對岸聽在耳裡難道沒有感覺？
接著是區分敵我的兩套標準最荒謬的莫過於把台人所在地區分為2種階級。只要人在大陸特別是武漢即使早已解除封城禁令卻仍透過「註記」禁止台人自行返台遲至近期才全數接回；反觀病例數更多的歐美台人即使已感染仍能自行返台。
註記在陸台人 歐美返台不設限
當美國總統川普為轉移防疫不利的責任一面「甩鍋」大陸與WHO一面標榜台灣是模範生以台灣刺激大陸台灣也樂得被美利用政府這麼做除有「拉美抗中」效忠意義也順勢激化內部的仇中意識。所謂大外宣說穿了是操弄輿論的大內宣。
整體來說從若有似無的敵意到鐵錚錚的攻勢蔡政府硬是把防疫工作操作成反中聖戰讓兩岸陷入更深的敵意螺旋；期間所造成的實質損害及更為破碎的互信基礎預料都將在疫情結束後慢慢出現後遺症。
更令人悲觀的是台灣到底賺到什麼？除了口惠實不至的「WHA空頭支票」還有嗎？各國政要的推特留言與臉書1個讚難道值得台灣如此搏命演出？這場獨角戲若堅持演下去最後恐將只剩台灣孤零零站在兩岸鴻溝的一邊被賣了還幫忙數鈔票。</t>
  </si>
  <si>
    <t>臺灣政府防疫兩岸疫情敵意大陸返台蘇貞昌難道肺炎鴻溝台人沒有順勢出現</t>
  </si>
  <si>
    <t>大陸肺炎敵意返台兩岸</t>
  </si>
  <si>
    <t>肺炎兩岸返台敵意大陸</t>
  </si>
  <si>
    <t>兩劑疫苗az效力接種</t>
  </si>
  <si>
    <t>healthengland顯示估計資料接種足夠兩劑沒有阿斯特捷利康目前astrazeneca提醒疫苗public決定性阻止出現效力症狀</t>
  </si>
  <si>
    <t>疫苗接種英國結果武器沒有阿斯特狀態保存全球捷利康肺炎資料國家healthengland估計public生活</t>
  </si>
  <si>
    <t>新冠肺炎疫苗全球AZ阿斯特捷利康</t>
  </si>
  <si>
    <t>疫苗全球az肺炎阿斯特捷利康</t>
  </si>
  <si>
    <t>理由提前高端疫苗</t>
  </si>
  <si>
    <t>食品藥物管理署今宣佈首批高端疫苗265萬劑已完成檢驗封緘作業最快傍晚放行前衛生署長楊志良怒批疫苗研發是科學而非政治應該照正規程式進行主張停止高端的EUA（緊急使用授權）並提出5大理由讓高端從預</t>
  </si>
  <si>
    <t>高端疫苗宣佈提出授權使用緊急eua作業傍晚放行正規停止應該主張進行完成程式衛生署長政治楊志良科學</t>
  </si>
  <si>
    <t>食品藥物管理署今宣佈首批高端疫苗265萬劑已完成檢驗封緘作業最快傍晚放行前衛生署長楊志良怒批疫苗研發是科學而非政治應該照正規程式進行主張停止高端的EUA（緊急使用授權）並提出5大理由讓高端從預約平臺下架。
楊志良今（2）日稍早於個人臉書表示新冠肺炎疫情未來必將流感化疫苗年年都要接種為了長遠之計著想台灣亟需國產疫苗國人也應該要支持、力挺「這點殆無疑義」但疫苗研發是科學而非政治應該按照正規程式進行取得主管機關的許可名正言順地為國人健康把關。
楊志良主張停止高端疫苗的EUA並提出5大理由將其從疫苗預約平臺下架。第一全球沒有任何民主國家非專業的政府領導人可介入疫苗審核及授權楊志良認為5月時高端臨床二期報告尚未出爐但總統蔡英文就宣稱7月可開打「這不是政治介入什麼才是？」話已出口大家自然全力配合卻也讓高端失掉其正當性。
第二目前已無EUA的必要。楊志良說EUA是在國家有緊急的公衛狀況且沒適切、已獲准及可用的替代品下才可經充分審查程式後緊急使用授權但台灣目前的選擇很多也就是已有可用替代品根本沒有緊急授權高端疫苗的必要。
第三高端疫苗沒有獲得EUA的資格。楊志良直言目前所有獲得EUA的疫苗皆是通過人體實驗到第三期高端卻連完整的二期都未完成且審查會議委員人選、過程、審查意見、價格全被蓋牌「如何讓人民信服？」
第四高端自吹品質優良與Novavax疫苗同等級但其中仍有不同。楊志良表示兩者使用抗原蛋白質來源不同Novavax用秋行軍蟲高端則是用倉鼠。另外Novavax是使用專利奈米顆粒技術聚合棘蛋白形成奈米顆粒之後再與佐劑Matrix-M混合讓多個抗原蛋白聚合形成奈米顆粒以提高免疫反應「但高端根本無此技術」。
楊志良接著表示Novavax第三期實驗完成三萬受試者至今仍未獲得美國FDA的EUA高端「又有何資格通過EUA？」第五食藥署於6月10日自行制定有高度爭議的EUA標準並通過高端疫苗的EUA「完全是為高端量身訂做」。
最後楊志良說相信台灣仍有正直法官因此提出訴願停止高端的EUA並向高端喊話「繼續努力成為獲得完全認證的疫苗。」</t>
  </si>
  <si>
    <t>高端疫苗eua楊志良novavax使用完成表示緊急授權獲得臺灣目前程式沒有顆粒停止審查</t>
  </si>
  <si>
    <t>高端疫苗國產疫苗新冠疫苗EUA緊急使用授權</t>
  </si>
  <si>
    <t>疫苗eua緊急使用授權高端</t>
  </si>
  <si>
    <t>醫院感性壓力備感發文護理待在家裡雙和</t>
  </si>
  <si>
    <t>雙北市疫情持續嚴峻至4日止兩市確診數達7769例新北市雙和醫院護理師4日在臉書社團感性發文被歧視、排擠、醫院暴力每天都在發生踏進醫院前心裡有著莫名的壓力又偷流了多少眼淚？能夠回家看到家人是無比的奢</t>
  </si>
  <si>
    <t>醫院回家能夠眼淚壓力到家莫名心裡暴力排擠雙和歧視社團發文護理感性</t>
  </si>
  <si>
    <t>雙北市疫情持續嚴峻至4日止兩市確診數達7769例新北市雙和醫院護理師4日在臉書社團感性發文被歧視、排擠、醫院暴力每天都在發生踏進醫院前心裡有著莫名的壓力又偷流了多少眼淚？能夠回家看到家人是無比的奢侈她呼籲民眾抱怨不便時請多想想麻煩待在家裡好好做好防疫少責怪、多鼓勵。
基層護理師在「我是中和人」臉書社團發文說自己擔任護理師第5年發生新冠肺炎雙和醫院內科加護病房就變成了重症新冠肺炎專責病房大家庭裡的每個成員每天暴露在危險之中。
看著新聞裡的民眾抱怨不能出門玩耍「試問我們何嘗不是想要好好待在家？」現在能夠回家看到家人是無比的奢侈被歧視、排擠、醫院暴力每天都在發生每每踏進醫院前心裡沈重有著莫名的壓力又偷流了多少眼淚？
基層護理師說人力不足資源有限的狀況下大家還是撐著疲憊身軀幫病人治療著苦中作樂大概是最好的形容詞；無數的臉部壓傷破皮、脫下兔寶寶連內褲都濕了。
她呼籲當你在抱怨時請想想醫護人員只是想在8個小時裡喝一口水、上一次廁所麻煩待在家裡好好做好防疫少責怪、多鼓勵最後更期盼在疫情過後大家能夠真正重視護理人力的問題大家都能夠平安渡過難關。
留言一出吸引近萬名網友回應紛紛向她們表達感謝之意更有網友說響應說「我們都會乖乖在家防疫不亂跑一起加油戰勝這病毒！」</t>
  </si>
  <si>
    <t>護理醫院能夠抱怨好好防疫在家發生病房網友雙和民眾疫情呼籲肺炎基層想想社團</t>
  </si>
  <si>
    <t>新冠肺炎台灣護理師醫院能夠</t>
  </si>
  <si>
    <t>護理臺灣肺炎醫院能夠</t>
  </si>
  <si>
    <t>旅行遣返肺炎飛機不便同機</t>
  </si>
  <si>
    <t>和鑽石公主號新冠肺炎復呈陽性病例同機台灣團赴以色列遭遣返產險業者表示若遇到上述旅行不順遂情事投保旅行不便險賠不賠？因各產險保單契約規定不一然多半都無法獲得理賠補償但仍可以跟保險公司申請退回</t>
  </si>
  <si>
    <t>產險旅行肺炎補償理賠陽性獲得病例無法同機臺灣多半保險不一規定契約以色列遇到遣返表示</t>
  </si>
  <si>
    <t>和鑽石公主號新冠肺炎復呈陽性病例同機台灣團赴以色列遭遣返產險業者表示若遇到上述旅行不順遂情事投保旅行不便險賠不賠？因各產險保單契約規定不一然多半都無法獲得理賠補償但仍可以跟保險公司申請退回旅平險保費。
因新冠肺炎疫情持續向各國蔓延打亂了不少人今年出國旅遊計劃即使勉強成行變數也大增如航班被改或者取消或提前等增多產險業者表示近期保戶詢問旅行不便險理賠問題多由於產險公司都依保險契約理賠因此能獲理賠補償者並不多。 以3月2日傳出國內某旅行社「以色列旅遊團」11人於2/28出發至以色列由於搭乘班機上有一名以色列人確診新冠肺炎（COVID-19）導致該旅遊團11名旅客在以色列相關單位要求下搭乘同日晚間班機離境返回台灣。依照我國規定全團11人皆列為「與確診者接觸者」須居家隔離14天。
類似此一案例多數產險業者都「不予理賠」多半產險公司不予理賠因是「政府命令」屬於保單「不保條款」或者「不符合該公司相關理賠規定」等所以不予理賠；部份產險雖有放寬理賠規定但需要有實際消費的收據。
若用「以色列團遭要求離開以國」為例國泰產險表示原班機若正常起降如因以色列檢疫之規定遣返同班機乘客此種情形屬於該公司旅程延誤承保範圍可申請之項目有額外產生之（1）交通費、（2）膳食費及（3）住宿費用。另遣返班機若起飛或降落時間較原預定時間延誤達3小時以上則可於檢附航空公司開立之延誤證明及實際搭乘之登機證後申請班機延誤項目。新光產險說若保戶有額外產生交通費或住宿費者則給付額外支出之費用。
以國旅行團遭遇情事雖不符合該公司理賠規定但富邦產險表示若客戶於此時決定取消旅程已經投保的旅平險則可向產險公司申請退費。</t>
  </si>
  <si>
    <t>產險公司理賠班機以色列規定延誤表示申請肺炎遣返搭乘業者額外臺灣費用取消實際屬於旅程旅行要求</t>
  </si>
  <si>
    <t>理賠班機申請以色列遣返</t>
  </si>
  <si>
    <t>以色列班機遣返申請理賠</t>
  </si>
  <si>
    <t>輕鬆ol上班在家悲慘防疫現況</t>
  </si>
  <si>
    <t>武漢爆發新冠肺炎(COVID-19)後為了防止疫情擴大不少企業宣佈員工可在家上班原以為這樣會變得較輕鬆能省下通勤時間晚點起床但沒想到卻是噩夢的開始。大陸一名上班族日前曝光實況表示由於沒有打卡上下班</t>
  </si>
  <si>
    <t>肺炎表示實況covid-曝光防止日前疫情上班族大陸擴大開始企業宣佈噩夢員工卻是想到沒有在家起床上班以為晚點時間</t>
  </si>
  <si>
    <t>武漢爆發新冠肺炎(COVID-19)後為了防止疫情擴大不少企業宣佈員工可在家上班原以為這樣會變得較輕鬆能省下通勤時間晚點起床但沒想到卻是噩夢的開始。大陸一名上班族日前曝光實況表示由於沒有打卡上下班反而比到公司上班還累網路上更是怨聲載道。
綜合陸媒報導一名在北京工作的OL楊樂表示由於為了防疫因此從2月3日開始她便在家辦公但沒想到比在公司更辛苦「就是從睜開眼到閉上眼都可能有人找」吃飯或午休時間都難以休息在家工作的上班時間簡直超過10小時「在家好像大家都忽略了這個時間上下班時間也被模糊了」。
在內蒙古從事社群運營的上班族阿離也透露從大年初五後就開始居家工作雖然很適應這種上班方式因為能夠靈活安排時間也可以減少焦慮感但最重要的問題就是下班時間太模糊「居家辦公弱化了生活與工作的邊界感覺沒有下班、週末這樣的概念你可能隨時都要打開電腦工作」。
阿離提到普通上班時間為上午10點至晚上7點左右但若遇緊急事件有時甚至要連上12小時「昨天晚上8點左右接到工作通知大約工作到淩晨5點」有24小時待命的感覺工作量也多出一倍。由於大陸疫情嚴重又面臨延期復工的狀況其中有55%企業採取在家上班的方式。對此律師楊偉偉表示在法定工作時間外接緊急工作而延後下班員工可保留相關證據向公司申請加班費。</t>
  </si>
  <si>
    <t>工作時間上班在家公司表示小時開始疫情就是大陸阿離上班族辦公沒有感覺員工企業可能下班模糊居家上下班</t>
  </si>
  <si>
    <t>新冠肺炎武漢肺炎工作加班</t>
  </si>
  <si>
    <t>武漢肺炎工作加班</t>
  </si>
  <si>
    <t>口罩查驗進口邊境抽查</t>
  </si>
  <si>
    <t>新冠肺炎疫情持續半年各國的口罩產能提升也導致進口量增加。根據食藥署統計今年光是上半年進口的醫用口罩就比去年全年多出約700萬片隨著口罩政策開放越來越多民眾購買進口口罩食藥署決定7月7日起將醫</t>
  </si>
  <si>
    <t>口罩進口持續決定產能提升政策進口量導致增加全年開放去年疫情購買上半年統計光是今年越來越</t>
  </si>
  <si>
    <t>新冠肺炎疫情持續半年各國的口罩產能提升也導致進口量增加。根據食藥署統計今年光是上半年進口的醫用口罩就比去年全年多出約700萬片隨著口罩政策開放越來越多民眾購買進口口罩食藥署決定7月7日起將醫用口罩納入邊境查驗的項目進入台灣時都需要抽查合格才能通關。
食藥署醫粧組研究員王兆儀表示隨著新冠疫情持續升溫各國大量業者投入醫用口罩生產全球醫用口罩產能大增。根據統計醫用口罩今年上半年進口量已突破5400萬片已超過去年全年的進口量（4700萬片）。目前進口台灣的口罩以大陸居多佔近7成其次是菲律賓（15％）及義大利（57％）。
隨著口罩政策開放民眾所使用的口罩已經不只是台灣製的實名制口罩。過去進口醫用口罩只需檢附報告並在每2、3年做一次後市場抽查為加強管控食藥署近期修訂「輸入藥物邊境抽查檢驗辦法」將醫用口罩正式納入邊境抽查檢驗。
王兆儀表示輸入醫用口罩除須有醫療器材許可證外尚須符合抽查檢驗規定依「一般醫用口罩」、「外科手術口罩」、「外科手術D2防塵口罩」不同口罩類別進行細菌過濾效率、壓差、次微米過濾效率、呼吸氣阻抗等對應檢驗項目。
此外同報驗義務人、品目、廠牌、產地之醫用口罩進口的前3批須逐批檢驗皆合格後採每10批隨機抽一批的抽批檢驗如抽批檢驗有不合格者會回到加強管理的逐批檢驗。經檢驗合格產品才能通關否則就要全數退運7月7日起上路。</t>
  </si>
  <si>
    <t>口罩檢驗抽查進口臺灣合格進口量邊境項目加強輸入儀錶通關全年產能去年才能納入今年統計</t>
  </si>
  <si>
    <t>口罩檢驗抽查新冠肺炎邊境</t>
  </si>
  <si>
    <t>抽查肺炎檢驗口罩邊境</t>
  </si>
  <si>
    <t>大學文化陽性</t>
  </si>
  <si>
    <t>臺北市文化大學爆出有4名住宿學生確診校方緊急匡列造冊快篩臺北市政府也緊急啟動機動快篩隊到文化大學替學生做篩檢北市聯合醫院總院長特助劉嘉仁指出部分同學篩檢出有陽性而機動隊成員都很優秀提早在下</t>
  </si>
  <si>
    <t>學生緊急文化大學成員機動隊陽性出有同學部分劉嘉仁指出確診院長聯合醫院造冊住宿校方北市匡列</t>
  </si>
  <si>
    <t>感染學生同學文化疫情陽性大學臺北市表示現在今天完成指出</t>
  </si>
  <si>
    <t>文化大學同學篩檢陽性13人</t>
  </si>
  <si>
    <t>同學陽性大學文化</t>
  </si>
  <si>
    <t>保護力才疫苗bbc牛津新失望</t>
  </si>
  <si>
    <t>阿斯特捷利康製藥公司（AstraZeneca）與牛津大學共同開發的新冠疫苗第三階段臨床試驗初步結果出爐疫苗保護力達70%不過當調整至適當劑量時疫苗保護力可達90%。此外儘管牛津疫苗的有效性不及莫德納、輝瑞等疫</t>
  </si>
  <si>
    <t>疫苗保護astrazeneca牛津大學有效性共同開發階段公司臨床結果出爐劑量力達不及牛津製藥試驗力可達初步調整適當莫德納捷利康輝瑞阿斯特</t>
  </si>
  <si>
    <t>阿斯特捷利康製藥公司（AstraZeneca）與牛津大學共同開發的新冠疫苗第三階段臨床試驗初步結果出爐疫苗保護力達70%不過當調整至適當劑量時疫苗保護力可達90%。此外儘管牛津疫苗的有效性不及莫德納、輝瑞等疫苗但牛津疫苗相對便宜且一般冰箱即可冷藏保存。針對疫苗保護力才70%BBC評論直言：失望。
綜合英國廣播公司（BBC）、英國《太陽報》（The Sun）報導阿斯特捷利康製藥公司與牛津大學共同開發的新冠疫苗第三階段大規模臨床試驗結果今（23）日出爐結果顯示疫苗能夠防止70%的志願者出現新冠症狀也就是保護力達70%。
BBC指出牛津新冠疫苗的成果同時揭示「勝利」與「失望」儘管此款疫苗的保護力不如美國生技大廠莫德納公司（Moderna Inc）或美國藥廠輝瑞（Pfizer）與德國BioNTech聯手開發的疫苗這2支疫苗保護力高達90%以上不過它也較便宜且一般冰箱就可保存BBC因此指出牛津疫苗一旦獲得主管機關許可在對抗疫情上仍能扮演重要角色。
一共有超過2萬名志願者參與牛津新冠疫苗第三階段大型臨床試驗一半試驗者在英國另一半在巴西初步結果顯示整體而言牛津疫苗的保護力為704%施打2劑疫苗的志願者中有30人染新冠施打假疫苗的志願者有101人染疫。
研究顯示如果志願者連續施打2劑「高」劑量（或稱「全」劑量疫苗）兩劑中間間隔一個月保護力只有62%但是如果志願者先施打「低」劑量疫苗（或稱「半」劑量疫苗）一個月後再施打全劑量疫苗保護力高達90%。
研究團隊目前尚不清楚確切原因不過推測人體免疫系統是以漸進、有效的方式啟動。兩組實驗的平均保護力為70%。
牛津疫苗使用一種經過弱化的、讓黑猩猩生病的普通感冒病毒作為載體儘管保護力不如莫德納及輝瑞疫苗不過牛津疫苗可以在一般冰箱溫度下保存因此更方便運送至世界各地BBC指出即便70%的保護力相對來說「令人失望」不過一個月以前疫苗效力若超過50%就已經被視為「巨大成功」。
英國政府已經提前下訂1億劑牛津疫苗足夠讓5千萬人接種。</t>
  </si>
  <si>
    <t>疫苗保護牛津志願者bbc劑量失望輝瑞保存指出公司英國冰箱莫德納研究超過施打一般美國結果顯示</t>
  </si>
  <si>
    <t>牛津大學新冠疫苗新冠肺炎70%保護力</t>
  </si>
  <si>
    <t>肺炎疫苗保護牛津大學</t>
  </si>
  <si>
    <t>國內汽油油價國際商情調整</t>
  </si>
  <si>
    <t>受累新冠肺炎確診病例攀升打擊引發市場對經濟前景擔憂抵消減產及油品庫存下滑的利多消息致國際油價區間向下整理而依據國內浮動油價調整機制經考量亞鄰最低價條件後預估下周汽油、柴油不調整下周油價仍</t>
  </si>
  <si>
    <t>油價確診病例攀升打擊引發市場經濟前景肺炎擔憂抵消減產油品庫存下滑預估利多消息最低價條件國際調整機制考量區間</t>
  </si>
  <si>
    <t>受累新冠肺炎確診病例攀升打擊引發市場對經濟前景擔憂抵消減產及油品庫存下滑的利多消息致國際油價區間向下整理而依據國內浮動油價調整機制經考量亞鄰最低價條件後預估下周汽油、柴油不調整下周油價仍維持92無鉛汽油每公升222元、95無鉛汽油237元、98無鉛汽油257元、超級柴油為每公升196元；實際調幅待中油、台塑石化本周日(9/27)公佈為準。(商品行情網)</t>
  </si>
  <si>
    <t>油價汽油柴油確診病例周日攀升石化打擊引發台塑市場經濟前景中油肺炎擔憂抵消減產公佈油品庫存調幅下滑實際利多消息</t>
  </si>
  <si>
    <t>國際油價無鉛汽油汽油下周新冠肺炎確診</t>
  </si>
  <si>
    <t>汽油肺炎油價國際確診</t>
  </si>
  <si>
    <t>落去蔡英文宣示產能日產口罩</t>
  </si>
  <si>
    <t>總統蔡英文今日視察不織布大廠敏成她宣示口罩國家隊達到日產1000萬片的目標未來還要挑戰日產2000萬片這對整個國家的民心士氣其實是很有用的不僅是提供了口罩也證明台灣的團隊可以一直挑戰這種極限。</t>
  </si>
  <si>
    <t>總統 蔡英文 今日 視察 不織布 大廠 敏 成 她 宣示 口罩 國家隊 達到 日產 1000萬 片 的 目標 未來 還要 挑戰 日產 2000萬 片 這 對 整個 國家 的 民心 士氣 其實 是 很 有用 的 不僅 是 提供 了 口罩 也 證明 臺灣 的 團隊 可以 一直 挑戰 這種 極限</t>
  </si>
  <si>
    <t>口罩挑戰日產不織布大廠團隊宣示臺灣證明國家隊視察達到士氣民心國家可以提供有用未來還要其實今日目標一直蔡英文</t>
  </si>
  <si>
    <t>總統蔡英文今日視察不織布大廠敏成她宣示口罩國家隊達到日產1000萬片的目標未來還要挑戰日產2000萬片這對整個國家的民心士氣其實是很有用的不僅是提供了口罩也證明台灣的團隊可以一直挑戰這種極限。
蔡英文表示她去看過口罩供應鏈最前端的口罩製造商、走過製造機械的機械團隊在產線組裝上的努力也去不織布的原料供應商。這次到敏成公司看的則是口罩中一個最核心的材料也就是「熔噴不織布」。
她希望口罩國家隊在完成防疫之後還要繼續維持更希望整個供應鏈都能維持台灣優質生產包括醫療、國軍都會採用國內生產的政策政府也會檢討公共部門的需求讓口罩國家隊可以維持需求。
蔡英文也要求疫情結束後要再一次盤整國家在戰略及民生的需求上要一定程度能夠掌握自己生產的能量。相信這點經濟部長沈榮津已經開始作業她也請醫療與公共衛生部門開始盤整所需要的戰略與民生基本物資需求。希望在這段期間全心投入疫情的同時就已經在為國家戰略與民生物資的整備進行盤點的工作。
口罩國家隊達到日產1000萬片的目標蔡英文覺得很不可思議她宣示未來還要挑戰日產2000萬片。蔡英文認為這對整個國家的民心士氣其實是很有用的不僅是提供了口罩也證明台灣的團隊可以一直挑戰這種極限。
對台灣人民來說是一個很重要台灣精神的展現它有韌性、能夠突破障礙然後一直去承受不同程度的挑戰這就是我們整個國家隊所展現出來給人民的一種能量。蔡英文要感謝私人部門的團隊還有公務部門的團隊在這一次都竭盡所能、團結一致而且無私的一起來度過這個國家最困難的一段時間。</t>
  </si>
  <si>
    <t>總統 蔡英文 今日 視察 不織布 大廠 敏 成 她 宣示 口罩 國家隊 達到 日產 1000萬 片 的 目標 未來 還要 挑戰 日產 2000萬 片 這 對 整個 國家 的 民心 士氣 其實 是 很 有用 的 不僅 是 提供 了 口罩 也 證明 臺灣 的 團隊 可以 一直 挑戰 這種 極限 蔡英文 表示 她 去 看 過 口罩 供應 鏈 最 前端 的 口罩 製造商 走過 製造 機械 的 機械 團隊 在 產 線 組裝 上 的 努力 也 去 不織布 的 原料 供應商 這次 到 敏成 公司 看 的 則 是 口罩 中 一個 最 核心 的 材料 也 就 是 熔 噴 不織布 她 希望 口罩 國家隊 在 完成 防疫 之後 還 要 繼續 維持 更 希望 整個 供應 鏈 都 能 維持 臺灣 優質 生產 包括 醫療 國軍 都會 採用 國內 生產 的 政策 政府 也 會 檢討 公共部門 的 需求 讓 口罩 國家隊 可以 維持 需求 蔡英文 也 要求 疫情 結束 後 要 再一 次 盤整 國家 在 戰略 及 民 生 的 需求 上 要 一定 程度 能夠 掌握 自己 生產 的 能量 相信 這 點 經濟部長 沈榮津 已經 開始 作業 她 也 請 醫療 與 公共 衛生部門 開始 盤整 所 需要 的 戰略 與 民生 基本 物資 需求 希望 在 這 段 期間 全心投入 疫情 的 同時 就 已經 在 為 國家 戰略 與 民生 物資 的 整備 進行 盤點 的 工作 口罩 國家隊 達到 日產 1000萬 片 的 目標 蔡英文 覺得 很 不可思議 她 宣示 未來 還要 挑戰 日產 2000萬 片 蔡英文 認為 這 對 整個 國家 的 民心 士氣 其實 是 很 有用 的 不僅 是 提供 了 口罩 也 證明 臺灣 的 團隊 可以 一直 挑戰 這種 極限 對 臺灣 人民 來說 是 一個 很 重要 臺灣 精神 的 展現 它 有 韌性 能夠 突破 障礙 然後 一直 去 承受 不同 程度 的 挑戰 這 就 是 我們 整個 國家隊 所 展現出 來 給 人民 的 一 種 能量 蔡英文 要 感謝 私人 部門 的 團隊 還有 公務 部門 的 團隊 在 這 一 次 都 竭盡所能 團結 一致 而且 無私 的 一起 來 度過 這個 國家 最 困難 的 一段時間</t>
  </si>
  <si>
    <t>口罩蔡英文國家國家隊團隊需求臺灣挑戰不織布生產希望維持戰略一直能夠日產已經能量醫療程度</t>
  </si>
  <si>
    <t>新冠肺炎COVID-19武漢肺炎新型冠狀病毒敏成</t>
  </si>
  <si>
    <t>肺炎武漢covid-病毒冠狀敏成</t>
  </si>
  <si>
    <t>引爆可能嚴重疫情糧食警告聯合國危機</t>
  </si>
  <si>
    <t>聯合國秘書長古特雷斯9日警告新冠肺炎疫情過後的經濟衰退可能觸發全球50年來最嚴重的糧食危機對過百萬名兒童及成年人造成長遠影響促請各國政府迅速行動以阻止災難。古特雷斯表示雖然主要農作物收成狀況</t>
  </si>
  <si>
    <t>古特雷斯警告災難阻止迅速行動肺炎疫情政府促請影響經濟衰退長遠可能造成觸發成年人全球兒童危機糧食嚴重表示農作物收成</t>
  </si>
  <si>
    <t>聯合國秘書長古特雷斯9日警告新冠肺炎疫情過後的經濟衰退可能觸發全球50年來最嚴重的糧食危機對過百萬名兒童及成年人造成長遠影響促請各國政府迅速行動以阻止災難。
古特雷斯表示雖然主要農作物收成狀況良好各方亦致力避免出口禁令及貿易保護主義行為但民眾尚未真正感受到新冠肺炎及經濟衰退帶來最嚴重的影響。他表示：「就算在糧食充裕的國家我們也會發現食物供應鏈有被擾亂的風險。」據報受到新冠肺炎影響今年約有5000萬人面臨陷入赤貧但長期影響更為嚴重例如兒童可能因營養不良而終身受害。
古特雷斯提出一項「三點計劃」以修復全球糧食系統並避免進一步破壞。內容包括在受災最嚴重的地區提供援助各國政府優先考慮保護糧食供應鏈加強社會保護讓兒童和孕婦獲得足夠營養等。
據聯合國當天發布的報告目前全球農作物的產量及供應良好但很多農民無法工作而且在封鎖令下收割及運送進度都被迫減慢糧食價格因此上漲導致部分地區的人民買不起糧食。</t>
  </si>
  <si>
    <t>影響糧食兒童全球古特雷斯嚴重肺炎供應避免農作物政府地區表示可能經濟衰退聯合國保護進度運送被迫收割減慢導致</t>
  </si>
  <si>
    <t>糧食危機古特雷斯聯合國新冠病毒</t>
  </si>
  <si>
    <t>古特雷斯聯合國危機糧食病毒</t>
  </si>
  <si>
    <t>預購點名黃捷回應葉匡時</t>
  </si>
  <si>
    <t>新冠疫情衝擊百工百業高市府近日發起「暖心相守寄未來運動」鼓勵消費者以「小錢多點」預購方式協助社區鄰裡商家周轉救急目前有351家店響應推出促銷優惠。昨高雄市長韓國瑜拋磚引玉率先認購5000元後今（3</t>
  </si>
  <si>
    <t>抛磚引玉百工韓國瑜百業市長高雄市府近日優惠發起促銷推出回應相守率先衝擊未來目前運動救急鼓勵周轉消費者</t>
  </si>
  <si>
    <t>新冠疫情衝擊百工百業高市府近日發起「暖心相守寄未來運動」鼓勵消費者以「小錢多點」預購方式協助社區鄰裡商家周轉救急目前有351家店響應推出促銷優惠。昨高雄市長韓國瑜拋磚引玉率先認購5000元後今（31）日副市長葉匡時也加入行列自掏腰包15萬元採購冰品、食品並發送慰勞防疫第一線人員。特別的是葉匡時還特別點名3名高市在野黨議員接棒希望防疫紓困不分藍綠。
經發局長伏和中指出市府發起「暖心相守寄未來運動」這是種社會運動目的是有部分攤商、店家反映目前缺乏營運周轉金因此比照坊間寄杯、預購的商業模式鼓勵店家拋出預購優惠為誘因消費者能以行動支持。
葉匡時今晚到鳳山「ICE＋」冰店採購5000元的冰品送給鳳山區裡幹事感謝他們擔任防疫第一線工作人員。葉匡時表示另外也請三民、左營區的區長代為預購這兩區各5000元商品給裡幹事因為這3區工作最為繁重。
葉匡時指出此次活動除了支持我高雄的新創企業與在地型農也希望防疫紓困不分藍綠不分族群不分性別大家一起努力他特別點名高市時代力量議員黃捷、民進黨議員李喬如、高閔琳3人一同響應。</t>
  </si>
  <si>
    <t>葉匡時預購防疫議員特別目前里幹事指出優惠高雄市長採購冰品店家支持消費者市府不分回應運動鼓勵希望發起</t>
  </si>
  <si>
    <t>新冠肺炎高雄韓國瑜葉匡時黃捷</t>
  </si>
  <si>
    <t>韓國高雄肺炎葉匡時黃捷</t>
  </si>
  <si>
    <t>病例輸出日本臺灣法國確診</t>
  </si>
  <si>
    <t>中央流行疫情指揮中心今(7)日表示我國近期陸續接獲日本及法國官方透過國際衛生條例國家對口(IHR National Focal Point)通報自我國入境日本及法國之民眾檢出COVID-19陽性。指揮中心指出日本通報檢出陽性個案</t>
  </si>
  <si>
    <t>日本我國中心通報法國指揮陽性國家條例對口衛生ihrnational國際透過focal官方表示近期point陸續covid-入境指出</t>
  </si>
  <si>
    <t>中央流行疫情指揮中心今(7)日表示我國近期陸續接獲日本及法國官方透過國際衛生條例國家對口(IHR National Focal Point)通報自我國入境日本及法國之民眾檢出COVID-19陽性。
指揮中心指出日本通報檢出陽性個案共3人1人為本國籍(案1)、2人為日本籍(案2、案3)均為男性年齡介於50多歲至60多歲。案1無症狀離台前3日內(9月30日)採檢結果為陰性10月2日入境日本時檢出抗原陽性；案2無症狀除10月2日入境檢出抗原陽性外分別於10月3日、5日進行核酸檢驗結果均為陰性；案3為船員7月自菲律賓出港個案9月17日出現胸痛症狀9月18日自我國港口入境送醫並收治住院9月25日出院後前往防疫旅館檢疫至10月2日期間均無疑似症狀10月3日入境日本時檢出抗原陽性10月4日再次進行核酸檢驗結果為陰性。3名個案之在台接觸者共匡列74人應採檢34人核酸及血清抗體檢驗均為陰性。
指揮中心表示法國通報檢出陽性個案共1人為法國籍20多歲男性今年2月入境我國9月30日離境10月1日入境法國時採檢10月2日檢出核酸陽性。個案在台期間至離境迄今均無症狀衛生單位已匡列個案在台期間之接觸者共9人其中採檢3人核酸及血清抗體均為陰性。
中央流行疫情指揮中心指揮官陳時中表示案例469比利時籍三月有症狀一直把此案列為不明七月底要出國的時候驗出來時間很長國內最長81天都還驗得到518案在菲律賓發病當地治療陰性過一段時間回來10/3採檢又是陽性最近發現這樣的案子越來越多專家認為發病後傳染力會漸漸降低提醒國人口罩要配戴好勤洗手還是要做。
對於這次台灣出境到日本有3人被驗出陽性。陳時中認為這顯示出現在都有這樣檢驗不一的情況就像案一沒有症狀案二也沒有症狀10月2日入境日本時抗原陽性但10/3、5日PCR都是陰性。
對於頻頻發生台灣輸出個案陳時中表示和法國往來這段時間少因此情況不清楚但整體來看相關檢驗都有不相符的情形各國都會根據不同的方式都會有不同的檢疫措施都要進一步瞭解才能釐清但都把所有個案都當成是本土個案在台灣會進行接觸史的疫情調查。
日本是檢驗抗原陽性但核酸檢驗卻是陰性是否代表日本採用抗原來採驗會容易有偽陰偽陽狀況出現？專家小組召集人張上淳表示抗原敏感性一定不會很理想流感多年來使用快篩敏感性也只有六到七成新冠肺炎來看再好的敏感性也不會超過八九成他們內部自認敏感和特異性覺得不錯但台灣的專家小組對此有保留之前我們也有到日本被檢出陽性但一週後以pcr重複檢測都是陰性因此我們認為偽陽的狀況機率大不少委員都抱持是偽陽。</t>
  </si>
  <si>
    <t>陰性日本陽性個案症狀檢驗抗原法國表示入境臺灣敏感我國專家認為</t>
  </si>
  <si>
    <t>台灣輸出新冠肺炎確診</t>
  </si>
  <si>
    <t>輸出肺炎臺灣確診</t>
  </si>
  <si>
    <t>職員淪陷代表處確診首例駐外肺炎</t>
  </si>
  <si>
    <t>新冠肺炎肆虐全球歐洲多個國家淪為重災區我駐法國代表處一位職員日前確診為「新冠肺炎」該名確診職員在同辦公室的同仁即刻進行居家隔離14天。據瞭解這是我國在全球駐外館處出現的第一位確診患者。上月底</t>
  </si>
  <si>
    <t>確診全球職員肺炎出現我國駐外居家瞭解隔離進行即刻淪為國家同仁法國歐洲多重災區代表處辦公室日前肆虐患者上月</t>
  </si>
  <si>
    <t>新冠肺炎肆虐全球歐洲多個國家淪為重災區我駐法國代表處一位職員日前確診為「新冠肺炎」該名確診職員在同辦公室的同仁即刻進行居家隔離14天。
據瞭解這是我國在全球駐外館處出現的第一位確診患者。上月底駐洛杉磯臺北經濟文化辦事處因為同棟大樓傳出確診病例改為異地辦公。
外交部證實駐法國代表處一位職員因出現若干症狀憑醫囑於4月23日接受採檢進行居家隔離之後於4月27日確診為「新冠肺炎」。目前該職員持續居家隔離但已無任何症狀後續須經當地醫生依據規定專業判斷後才能返處上班。
駐法國代表處已即依據外交部前擬定的緊急應變計畫進行相關因應措施包括與該名確診職員在同辦公室的同仁即刻進行居家隔離14天該處並已全面消毒辦公室及公共區域等。
外交部指出駐法國代表處自3月下旬起實施遠距工作及分組分流上班持續正常運作提供當地台僑服務及協助。由於法國疫情持續蔓延若駐法國代表處近日再有確診案例發生為維護駐外同仁健康及防疫需求外交部屆時將酌情暫時關閉該處領務櫃檯並隨時對外公佈相關發展。</t>
  </si>
  <si>
    <t>確診代表處外交部職員駐法持續隔離進行居家辦公室當地同仁依據上班法國全球出現症狀駐外相關肺炎櫃檯</t>
  </si>
  <si>
    <t>駐法代表處外交部法國武漢肺炎</t>
  </si>
  <si>
    <t>武漢法國代表處外交部駐法肺炎</t>
  </si>
  <si>
    <t>位數死亡確診德國防疫</t>
  </si>
  <si>
    <t>義大利COVID-19（簡稱武漢肺炎）死亡率突破6%已超越中國大陸成為全世界最高但同樣在歐洲德國死亡率僅僅015%德國做對了哪些事？德國並沒有對疫情免疫確診數持續上升但一直到3月9日才出現第一起死亡病</t>
  </si>
  <si>
    <t>死亡率德國一直武漢持續上升肺炎確診免疫出現疫情沒有突破成為中國超越大陸全世界同樣最高歐洲簡稱對了</t>
  </si>
  <si>
    <t>義大利COVID-19（簡稱武漢肺炎）死亡率突破6%已超越中國大陸成為全世界最高但同樣在歐洲德國死亡率僅僅015%德國做對了哪些事？
德國並沒有對疫情免疫確診數持續上升但一直到3月9日才出現第一起死亡病例計算至3月12日確診1966人僅3人死亡這期間義大利死亡人數已倍數成長德國鄰國法國死亡率也破2%。此外德國四周共9國是歐洲鄰國最多的國家在多國疫情夾攻中德國的低死亡率讓人好奇。
根據彭博全球健康指數（Bloomberg Global Health Index）德國人健康程度並沒有領先鄰國能有效控制疫情國際媒體分析有3大原因：
1 篩檢速度快
德國不愧是科技大國全境廣泛分佈能檢測病毒的實驗室並且從1月開始各地的實驗室就有充分的病毒資訊和設備進行檢測。德國甚至有餘裕將自家病毒檢測方法提供給其他國家因此光是檢測速度就遙遙領先歐洲其他國家。
2 醫療保險制度健全
美國政府直到近幾日才思考對全民提供免費篩檢但在此之前全美有2750萬人沒有健保許多人無力自費篩檢導致大量未驗出的案例如同未爆彈。德國情況則完全不同德國醫療保險健全篩檢費用由保險負擔讓德國在篩檢上能積極主動比其他國家更能及早行動。
3 輕症比例高
義大利之所以死亡率高有一說是因為義大利人口老化有60%人口超過40歲老年人口佔比全歐最高高齡族群正是最容易產生重症的一群。相反地德國確診病例中較多是上班族德國官方表示大約80％患者都是輕症。
「佛系抗疫」能過關嗎？
不過德國真的萬無一失嗎？也不盡然。德國抗疫政策被當地華人稱作「佛系抗疫」截至目前為止都不提倡人人戴口罩也沒有像義大利、瑞士等國祭出封城或旅遊禁令德國聯邦衛生部僅僅「建議」民眾不參加人數超過1000人的公共活動並沒有採取較強硬的手段。
根據《德國之聲》報導德國華人圈批評德國疫情策略其實只是「拖延」甚至害怕德國成為下一個義大利更有網友呼籲趕緊「儲備3個月的糧食」。
德國總理梅克爾更已預言德國60～70％的人會感染武漢肺炎必須和病毒長期作戰。德國是否還能以低死亡率作為歐洲抗疫標竿確實還言之過早。
資料來源：Business Insider、德國之聲</t>
  </si>
  <si>
    <t>德國死亡率沒有大利疫情國家歐洲鄰國檢測病毒確診最高提供死亡</t>
  </si>
  <si>
    <t>德國義大利死亡率歐洲國家</t>
  </si>
  <si>
    <t>歐洲大利死亡率德國國家</t>
  </si>
  <si>
    <t>自稱病毒羅琳作者哈利波特痊癒</t>
  </si>
  <si>
    <t>據外媒報導《哈利·波特》的作者JK羅琳在自己的推特自稱自己在過去的兩個星期中經歷了所有的症狀但現在已經痊癒。她還向網友推薦自己當醫生的丈夫告訴她的呼吸法完全不要錢但是對該病症造成的呼吸困難療</t>
  </si>
  <si>
    <t>作者要錢完全羅琳呼吸告訴丈夫自稱過去醫生星期推薦網友經歷痊癒症狀現在已經哈利·波特病症報導造成</t>
  </si>
  <si>
    <t>據外媒報導《哈利·波特》的作者JK羅琳在自己的推特自稱自己在過去的兩個星期中經歷了所有的症狀但現在已經痊癒。她還向網友推薦自己當醫生的丈夫告訴她的呼吸法完全不要錢但是對該病症造成的呼吸困難療效非常顯著。
根據北京日報引述外媒報導JK羅琳小說改編的電影《神奇動物在哪裡3》的拍攝工作也因為新冠肺炎疫情而中斷。羅琳說自己治療期間一直聽從醫生丈夫的建議緩解呼吸系統症狀並把女王醫院的You Tube視頻鏈接分享給網友。</t>
  </si>
  <si>
    <t>羅琳症狀醫生丈夫網友報導youtube醫院造成病症呼吸困難要錢療效女王工作非常拍攝完全動物顯著肺炎</t>
  </si>
  <si>
    <t>羅琳哈利波特新冠肺炎新冠病毒台灣</t>
  </si>
  <si>
    <t>肺炎哈利波特臺灣羅琳病毒</t>
  </si>
  <si>
    <t>接種疫苗免費台打美女痛哭後悔烏克蘭</t>
  </si>
  <si>
    <t>全球受新冠肺炎籠罩世界各國都在拚疫苗覆蓋。一名現居台灣的烏克蘭正妹Tanya表示自己因為害怕打疫苗會產生不良反應所以一直都沒有接種直到台灣開放在台外國人施打後她才打了第一劑疫苗雖然打疫苗的副作</t>
  </si>
  <si>
    <t>疫苗臺灣肺炎籠罩世界開放外國人施打烏克蘭覆蓋表示害怕接種沒有一直tanya產生不良反應才打</t>
  </si>
  <si>
    <t>全球受新冠肺炎籠罩世界各國都在拚疫苗覆蓋。一名現居台灣的烏克蘭正妹Tanya表示自己因為害怕打疫苗會產生不良反應所以一直都沒有接種直到台灣開放在台外國人施打後她才打了第一劑疫苗雖然打疫苗的副作用讓她非常後悔但她仍感謝台灣讓她有機會打疫苗。
YouTube頻道《不要鬧工作室》昨（5）日上傳最新影片中來自烏克蘭的正妹Tanya指出烏克蘭的新冠疫苗接種率很低逾25%的烏克蘭人到現在都還沒打過任一劑疫苗因為烏克蘭流傳打疫苗會導致不孕甚至是讓政府有機會植入晶片到他們體內。
Tanya說自己害怕接種後產生的副作用所以從未想過要打疫苗且一開始台灣疫苗量不足所以她並不擔心這個問題但台灣開始獲得更多疫苗時更大方地讓在台外國人也能接種她反覆思考好幾個禮拜後決定相信台灣政府一次「因為台灣防疫成功讓大家都很安全」。
Tanya表示她打了一劑疫苗幾個小時後開始感到暈眩、肌肉痠痛及發燒本來以為吃止痛藥可以緩解不適但卻起不了任何作用她連續燒了兩天又感受到不明電流通過她的指尖「從那刻起我後悔打疫苗了」。她去了醫院檢查醫師替她抽血確定沒有血栓並開藥給她服用並建議她還是要打第二劑。
Tanya忍不落淚說其實自己並不喜歡去醫院若要去醫院還要台灣的朋友陪同再加上自己沒有健保就必須自費看診雖然現在還不確定自己是否要打第二劑但她仍感謝台灣讓她有機會打疫苗因為自己並沒有做任何事就得到免費的疫苗「謝謝台灣讓我們在這段時間安全的過日子」。</t>
  </si>
  <si>
    <t>疫苗臺灣沒有接種tanya烏克蘭開始現在確定外國人機會醫院產生後悔副作用</t>
  </si>
  <si>
    <t>疫苗新冠疫苗台灣烏克蘭新冠肺炎</t>
  </si>
  <si>
    <t>烏克蘭臺灣肺炎疫苗</t>
  </si>
  <si>
    <t>台南南化山裡接送長輩小時接種來回專車疫苗</t>
  </si>
  <si>
    <t>新冠肺炎AZ疫苗85歲以上長輩接種第3天台南南化區公所派專車至關山、玉山裡接送4位長輩至北安宮前接種站施打疫苗來回車程就要一個半小時今日北安宮注射站共有北寮、玉山、關山裡40人完成施打。南化區長徐全立表</t>
  </si>
  <si>
    <t>施打南化疫苗長輩北安接種完成以上關山裡玉山專車共有小時關山注射區公所台南今日山裡車程接送</t>
  </si>
  <si>
    <t>新冠肺炎AZ疫苗85歲以上長輩接種第3天台南南化區公所派專車至關山、玉山裡接送4位長輩至北安宮前接種站施打疫苗來回車程就要一個半小時今日北安宮注射站共有北寮、玉山、關山裡40人完成施打。
南化區長徐全立表示關山裡有10幾位85歲以上長輩超過一半以上大多籍在人不在原先調查有6位願意施打的長輩因交通不便只有1位有家人願意接送出來打針另一位臥病在床無法坐輪椅因此變無意願施打剩下4位元全部同意統一由日照專車載出來。
今日日照專車7：45由南化公所出發至關山裡接長輩原訂4人要來施打的長輩其中一位臨時變卦不願意出來最後只接送關山裡3位及玉山裡1位長輩出來接種疫苗。
徐全立表示後續如果開放75歲以上長輩接種公所也會調查關山裡長輩若人數增加非一車次可以處理的話考慮直接安排至關山瑞峰國小在地施打以及是否順便針對無法下床民眾入宅施打的評估做最好的貼心安排。</t>
  </si>
  <si>
    <t>長輩施打關山裡接種疫苗以上南化打的出來無法接送專車願意調查北安今日安排公所徐全立山裡表示日照考慮處理</t>
  </si>
  <si>
    <t>新冠肺炎台灣關山長輩施打</t>
  </si>
  <si>
    <t>關山肺炎臺灣長輩施打</t>
  </si>
  <si>
    <t>長者大馬陰性驚人變種變化</t>
  </si>
  <si>
    <t>馬來西亞一名70多歲長者日前因接觸過新冠確診者、加上身體不適一共進行了2次PCR核酸檢測、1次抗原快篩3次病毒檢測結果都呈現陰性不料卻突然昏迷暴斃醫生解剖後證實死因為新冠肺炎指出長者的肺部受損嚴重</t>
  </si>
  <si>
    <t>長者指出肺炎結果病毒檢測呈現陰性確診抗原不料檢測核酸突然pcr昏迷進行不適一共死因醫生身體</t>
  </si>
  <si>
    <t>馬來西亞一名70多歲長者日前因接觸過新冠確診者、加上身體不適一共進行了2次PCR核酸檢測、1次抗原快篩3次病毒檢測結果都呈現陰性不料卻突然昏迷暴斃醫生解剖後證實死因為新冠肺炎指出長者的肺部受損嚴重當地官員推測和變種新冠有關。
綜合馬來西亞《星洲日報》、《東方日報》報導大馬衛生總監丹斯裡諾希山18日指出當地許多感染變種新冠的患者並沒有出現發燒、咳嗽、嗅覺、味覺失常等典型症狀倒是有關節痛、疲倦、食慾不振等症狀更奇怪的是病毒檢測結果居然呈現陰性但實際上這些患者病情已經很危急「新變種病毒迅速擴散到肺部」「儘管透過X光片發現有肺炎症狀但是很多病人沒有發燒。」
馬來西亞地方議員餘深恩隨後分享一則從民眾那裡接獲的類似案例他昨（19）日晚間在臉書發布貼文指出中部萬撓地區一名70多歲長者日前因為密切接觸過新冠確診者因此去做了PCR核酸檢測當時結果為陰性長者在隔離10天後第2度做了PCR核酸檢測結果同樣為陰性。
2天後這名長者身體開始感到不適因此又做了抗原快篩結果同樣為陰性。
這名長者後來突然陷入昏迷、不省人事送醫後不治身亡醫生解剖後顯示死者肺部受損嚴重證實死因為新冠肺炎解剖結果讓家屬難以接受因為先前3次病毒檢測結果都是陰性現在家屬們也集體接受病毒檢測。
餘深恩受訪時指出他是在大馬衛生總監丹斯裡諾希山18日宣佈變種新冠難檢測的當天獲得這則消息他表示相信這名長者可能是感染了變種病毒才會3次檢測結果都呈現陰性也讓他感慨變種病毒的可怕。
丹斯裡諾希山說新變種病毒不僅傳播速度快還和高死亡率相關呼籲民眾保持警惕及自律。
目前馬來西亞一共檢測出南非變種病毒「B1351」、英國變種病毒「B117」和印度變種病毒「B16171」等3種變種新冠。</t>
  </si>
  <si>
    <t>變種長者結果陰性檢測病毒馬來西亞指出病毒檢測症狀肺部肺炎民眾解剖呈現深恩pcr患者丹斯里諾希山發燒核酸</t>
  </si>
  <si>
    <t>#新冠肺炎#全球變種新冠馬來西亞陰性病毒檢測</t>
  </si>
  <si>
    <t>變種馬來西亞全球陰性肺炎病毒檢測</t>
  </si>
  <si>
    <t>全球打劫網路攻擊</t>
  </si>
  <si>
    <t>2020年全球受到新冠肺炎疫情衝擊在工廠停工與學校停課的情況下帶動視訊開會、遠距上班、遠距教學等需求快速暴增但也讓全球駭客有機可乘。根據以色列資安大廠Check Point發布的訊息顯示全球與新冠肺炎相關的</t>
  </si>
  <si>
    <t>全球肺炎帶動情況快速停課學校停工工廠疫情衝擊大廠check有機可乘以色列point發佈</t>
  </si>
  <si>
    <t>2020年全球受到新冠肺炎疫情衝擊在工廠停工與學校停課的情況下帶動視訊開會、遠距上班、遠距教學等需求快速暴增但也讓全球駭客有機可乘。根據以色列資安大廠Check Point發布的訊息顯示全球與新冠肺炎相關的網路攻擊在2月分時每週尚低於5000起但4月下旬已激增至單周超過20萬次。
Check Point近期發布《網路攻擊趨勢：2020年中報告》揭露犯罪、政治和以國家為目標的網路攻擊分子如何趁虛而入利用新冠肺炎疫情及其相關主題發起針對包括政府、工業、醫療、服務供應商、關鍵基礎設施和消費者等部門的攻擊。
舉例來說隨著疫情加劇各國積極搜集疫情相關情報或破壞競爭對手的防疫工作全球的「國家級的網路攻擊」強度加劇甚至擴展到了醫療和人道主義組織其中針對世衛組織攻擊的數量就暴增五倍。
此外疫情期間企業將資料快速遷移至公有雲導致針對敏感雲端工作負載和資料下手的攻擊增加。駭客也利用雲端基礎設施來儲存惡意軟體攻擊中使用的惡意負載。1月間Check Point研究人員在微軟公有雲Microsoft Azure中發現了業界首個嚴重漏洞讓駭客有機會破壞其他Azure使用者的資料和應用程式顯示公有雲並非完全安全。
報告指出隨著各國5、6兩個月逐漸鬆綁防疫規定駭客進一步擴大新冠肺炎疫情相關的攻擊。與3月和4月相比6月底全球所有類型的網路攻擊增加了34％。
另一分報告也指出疫情帶動遠距辦公連帶也讓資安挑戰增加。超過86％受訪企業表示公司轉向大規模居家辦公模式是疫情期間最大的IT挑戰其中最大的安全問題則是維護員工VPN輸送量並確保遠端存取安全。
隨著全球封鎖禁令逐漸解除企業工作的方式也正在轉向「新常態」。例如75％的受訪者表示雖然封城令放寬但全球員工平均每週仍有四天要居家辦公僅有29％的公司會在員工的家用電腦上部署終端安全防護更只有不到四成的公司有執行合規檢查顯示居家辦公仍存在許多資安死角威脅。
面對此一趨勢資安業者建議後疫情時代企業需要使用全面端到端的安全架構才能確保員工家用電腦和行動裝置到企業資料中心的連線安全無虞並有效防止網路攻擊造成的大規模損失。</t>
  </si>
  <si>
    <t>攻擊疫情安全全球網路企業員工資料辦公顯示相關工作checkpoint肺炎報告</t>
  </si>
  <si>
    <t>安全攻擊肺炎駭客資料</t>
  </si>
  <si>
    <t>攻擊肺炎資料安全</t>
  </si>
  <si>
    <t>肺炎疫苗專利大陸誕生</t>
  </si>
  <si>
    <t>大陸新冠肺炎疫苗研發再有進展大陸軍事科學院軍事醫學研究院團隊與藥廠康希諾聯合研發、名為Ad5-nCoV的新冠肺炎疫苗已被官方授予專利權同時這也是大陸第1個獲得專利的新冠肺炎疫苗。第一財經報導大陸國家知</t>
  </si>
  <si>
    <t>大陸疫苗肺炎研發藥廠團隊財經研究院希諾軍事醫學聯合軍事科學院專利權官方授予ad獲得進展-ncov專利報導國家</t>
  </si>
  <si>
    <t>大陸新冠肺炎疫苗研發再有進展大陸軍事科學院軍事醫學研究院團隊與藥廠康希諾聯合研發、名為Ad5-nCoV的新冠肺炎疫苗已被官方授予專利權同時這也是大陸第1個獲得專利的新冠肺炎疫苗。
第一財經報導大陸國家知識產權局公告由軍事科學院軍事醫學研究院成員陳薇率領的團隊與康希諾生物在3月18日聯合申請的Ad5-nCoV疫苗專利已在8月11日被授予專利權。</t>
  </si>
  <si>
    <t>大陸疫苗專利肺炎研發ad研究院軍事醫學軍事科學院團隊希諾聯合-ncov專利權授予成員公告率領陳薇國家智慧財產權局報導生物官方</t>
  </si>
  <si>
    <t>聯合新冠肺炎疫苗專利大陸軍事科學院</t>
  </si>
  <si>
    <t>肺炎疫苗專利大陸軍事科學院聯合</t>
  </si>
  <si>
    <t>肺炎少康歧視武漢惡劣羞辱蘇貞昌</t>
  </si>
  <si>
    <t>中廣董事長趙少康日前批行政院長蘇貞昌稱「武漢肺炎」是歧視讓兩岸難對話行政院秘書長李孟諺受訪時回擊強調非歧視是一開始發現疾病時約定俗成的名稱勿過度渲染。對此趙少康今（23）日接受媒體聯訪時直批</t>
  </si>
  <si>
    <t>少康媒體日前接受行政院長對話武漢行政院對此肺炎歧視蘇貞昌兩岸渲染秘書長李孟名稱約定俗成過度受訪</t>
  </si>
  <si>
    <t>中廣董事長趙少康日前批行政院長蘇貞昌稱「武漢肺炎」是歧視讓兩岸難對話行政院秘書長李孟諺受訪時回擊強調非歧視是一開始發現疾病時約定俗成的名稱勿過度渲染。對此趙少康今（23）日接受媒體聯訪時直批一開始叫叫就算了現在還這樣根本是惡意羞辱比歧視更惡劣。
記者詢問國民黨一向被認為是內鬥內行要怎麼促進黨內團結及兩岸和睦？趙少康表示攘外必先安內黨內和諧很重要所以才一直講不會對中常委施壓江啟臣要連任黨主席也祝他選舉順利很希望國民黨內部可以團結意志、力量才可以集中兄弟同心其利斷金。
至於兩岸之間趙少康說「喊一聲兄弟保百歲平安」不要搞得劍拔弩張本是同根生相煎何太急他也強調以後會提出完整的兩岸主張。
記者追問如何恢復兩岸互信？趙少康提到蔡英文換了陸委會主委邱太三比較會笑不知道會不會使兩岸稍微轉機但最重要的還是蔡英文的態度是不是真的想談是不是真的想兩岸之間進行溝通眼前最簡單就是蔡英文命令蘇貞昌不要再講「武漢肺炎」了不能唱黑白臉蔡英文在那邊疫情疫情陳時中說Covid-19蘇貞昌這時候幹嘛還要講「武漢肺炎」。
李孟諺日前表示要趙少康勿過度渲染不要誇大強調沒有歧視的意思是一開始發現疾病時約定俗成的名稱就像日本腦炎、非洲豬瘟等請外界勿過度渲染。
對此趙少康直批現在已經很多地方都有了「開始叫叫也就算了人家現在都不叫了為什麼你還叫呢？」就是惡意、羞辱故意汙名化人家是比歧視更惡劣、更糟糕百倍的羞辱蔡英文不能叫蘇貞昌改嘛？如果連這個都做不到還談什麼兩岸和諧。</t>
  </si>
  <si>
    <t>兩岸少康蔡英文蘇貞昌歧視強調不要肺炎開始武漢羞辱現在國民黨兄弟重要</t>
  </si>
  <si>
    <t>趙少康歧視蔡英文蘇貞昌新冠肺炎</t>
  </si>
  <si>
    <t>蔡英文蘇貞昌歧視少康肺炎</t>
  </si>
  <si>
    <t>相遇觀點天鵝全球蕭條近在眼前</t>
  </si>
  <si>
    <t>國際油價崩盤、新冠肺炎疫情蔓延這兩隻黑天鵝同時出現造成美股利空壓境道瓊指數今天暴跌2013點史上首度單日暴跌逾2000點3大指數跌幅也都超過7%創2008年全球金融海嘯爆發以來最糟表現延續11年的牛市瀕</t>
  </si>
  <si>
    <t>指數最糟暴跌肺炎以來疫情爆發蔓延海嘯金融全球天鵝出現造成表現超過股利跌幅</t>
  </si>
  <si>
    <t>國際油價崩盤、新冠肺炎疫情蔓延這兩隻黑天鵝同時出現造成美股利空壓境道瓊指數今天暴跌2013點史上首度單日暴跌逾2000點3大指數跌幅也都超過7%創2008年全球金融海嘯爆發以來最糟表現延續11年的牛市瀕臨終結。
全球金融市場腥風血雨除疫情影響之外主要也因石油輸出國家組織（OPEC）上週未能與以俄羅斯為首的夥伴達成減產共識沙烏地阿拉伯隨後放棄支撐油市閃電宣佈多數外銷油品大降價並揚言增產導致國際油價今天狂跌24%創1991年波灣戰爭爆發以來最慘單日跌勢。
國際油價暴瀉所帶來的連鎖反應是導致世界各地股市連環崩盤加上全球疫情愈來愈嚴峻又一場金融風暴正在集結、又一次經濟危機已在門外徘徊！兩隻黑天鵝一起出現我們真的開始要擔心經濟大蕭條將會乍現眼前。</t>
  </si>
  <si>
    <t>全球疫情油價國際經濟導致今天以來指數爆發出現天鵝共識沙烏地減產阿拉伯達成隨後夥伴放棄為首</t>
  </si>
  <si>
    <t>新冠肺炎CONID-19武漢肺炎新型冠狀病毒黑天鵝</t>
  </si>
  <si>
    <t>肺炎武漢conid-冠狀病毒天鵝</t>
  </si>
  <si>
    <t>病毒比對是否確診變種英國</t>
  </si>
  <si>
    <t>中央流行疫情指揮中心今(2)日公佈國內新增6例境外移入COVID-19確定病例分別為美國2例、菲律賓2例、英國及印尼各1例。截至目前共累計808例確診案例。其中英國入境男子Ct值僅18代表病毒量高指揮中心將做病毒基</t>
  </si>
  <si>
    <t>中心指揮英國病毒代表病例確診男子ctcovid-確定新增國內公佈案例境外入境目前累計</t>
  </si>
  <si>
    <t>中央流行疫情指揮中心今(2)日公佈國內新增6例境外移入COVID-19確定病例分別為美國2例、菲律賓2例、英國及印尼各1例。截至目前共累計808例確診案例。其中英國入境男子Ct值僅18代表病毒量高指揮中心將做病毒基因序列比對確認個案是否感染變種病毒。
指揮中心發言人莊人祥表示案804為英國籍30多歲男性去(2020)年12月30日來台工作持有登機前3日內核酸檢驗陰性報告。個案入境後至集中檢疫所檢疫自述12月28日起即有輕微鼻塞症狀但自覺為英國天氣寒冷所致12月31日進行採檢今日確診。衛生單位已掌握個案接觸者2人均為一同入境之英國籍同事採檢結果均為陰性列為居家隔離。
案805為本國籍20多歲女性長期於美國就學去年12月30日入境持有登機前3日內核酸檢驗陰性報告。入境後入住防疫旅宿進行居家檢疫當日晚間出現喉嚨不適症狀12月31日由衛生單位安排就醫採檢於今日確診。衛生單位已掌握個案接觸者共18人其中6人列居家隔離12人列自主健康管理。
案806為美國籍40多歲女性去年12月24日來台工作入境時無不適症狀持有登機前3日內核酸檢驗陰性報告。個案於12月29日居家檢疫期間出現全身倦怠、嗅覺異常及腹瀉等症狀12月30日由衛生單位安排就醫採檢於今日確診。由於個案可傳染期間已單獨進行居家檢疫且就醫時接觸之相關人員均有適當防護無須匡列接觸者。
案807、808均為菲律賓籍30多歲女性移工去年12月18日來台且均持有登機前3日內核酸檢驗陰性報告。入境後前往集中檢疫所進行檢疫入境迄今均無症狀12月31日檢疫期滿前採檢並於今日確診。由於2名個案均無症狀且檢疫期間未與他人接觸故無匡列接觸者。
案809為印尼籍20多歲男性船員去年12月17日來台持有登機前3日內核酸檢驗陰性報告。個案入境後入住防疫旅宿進行居家檢疫入境迄今均無症狀1月1日進行自費採檢今日確診。衛生單位已掌握個案接觸者共6人均列為自主健康管理。
指揮中心統計截至目前國內累計808例確診案例分別為713例境外移入56例本土病例36例敦睦艦隊、2例航空器感染及1例比利時工程師；另1例江蘇台商(案530)移除為空號。確診個案中7人死亡、686人解除隔離、115人住院隔離中。</t>
  </si>
  <si>
    <t>個案入境症狀檢疫確診英國居家指揮中心接觸進行美國去年陰性女性今日感染</t>
  </si>
  <si>
    <t>指揮中心國內境外移入暴增新冠肺炎</t>
  </si>
  <si>
    <t>境外國內中心指揮肺炎</t>
  </si>
  <si>
    <t>疫苗坦言網友az不敢打完順利貼心阿緯回應</t>
  </si>
  <si>
    <t>新冠肺炎疫情肆虐全球何時能施打疫苗成為全民關注議題藝人阿緯五月初自費申請施打第一劑AZ疫苗近來更成功施打完第二劑對此他坦言相當感謝醫護人員的付出才能有效率施打疫苗。阿緯五月初和太太以「保護自</t>
  </si>
  <si>
    <t>疫苗施打阿緯五月肆虐全球坦言對此打完相當感謝醫護人員成功疫情付出成為近來才能全民藝人有效率az議題關注申請自費</t>
  </si>
  <si>
    <t>新冠肺炎疫情肆虐全球何時能施打疫苗成為全民關注議題藝人阿緯五月初自費申請施打第一劑AZ疫苗近來更成功施打完第二劑對此他坦言相當感謝醫護人員的付出才能有效率施打疫苗。
阿緯五月初和太太以「保護自己也保護家人」的想法下自費申請施打第一劑AZ疫苗打完發燒到38度左右但隔天睡醒就沒事了至於太太則是吃完退燒藥後早早休息夫妻倆因為施打後增加不少安全感隨後公司營運主管也前往接種疫苗更鼓勵門市同仁施打如今疫情爆發全民排隊等疫苗的狀況下還有機會打到第二劑讓他坦言相當珍惜也謝謝醫護人員辛苦付出才能讓所有人有效率施打疫苗。
阿緯強調每支疫苗都有不同副作用跟保護力都是依照個人體質不同有所變化只要接種疫苗都能有效降低重症及死亡風險如今Delta病毒傳播力道強不好好戴口罩又喜歡群聚的人特別容易感染若沒有保護力都得特別小心總之排到疫苗就帶著感恩的心去打保護自己也保護家人。
對此網友紛紛留言：「五月初沒有被洗腦AZ是強烈有副作用而不去接種就值得讚賞了」、「打完兩劑疫苗更有抵抗力恭喜了」但也有網友詢問：「新聞說有些人打了結果死了害我都不敢打該怎麼辦？」阿緯則是回應：「施打前瞭解自己是否有慢性疾病跟醫生確認後就可以施打了死亡比例很少也都是高年齡者跟慢性病不在這範圍可以安心施打」。
★《中時新聞網》提醒您：因應新冠肺炎疫情疾管署持續加強疫情監測與邊境管制措施 如有疑似症狀請撥打：1922專線或 0800-001922 並依指示配戴口罩儘速就醫同時主動告知醫師旅遊史及接觸史以利及時診斷及通報。</t>
  </si>
  <si>
    <t>疫苗施打保護疫情阿緯接種打完口罩五月az死亡如今可以沒有</t>
  </si>
  <si>
    <t>阿緯AZ疫苗新冠肺炎發燒</t>
  </si>
  <si>
    <t>疫苗肺炎az阿緯發燒</t>
  </si>
  <si>
    <t>員工新聞傳給家中麻醉親友台大</t>
  </si>
  <si>
    <t>台大醫院昨日新增1名確診案例外傳該案身分為麻醉護理師醫院也在昨日證實關閉開刀房進行清消並把接觸者召回採檢。台大醫院企業工會今表示完全同理感控人員的辛勞但不可否認的是事發當下仍有許多員工直到</t>
  </si>
  <si>
    <t>昨日台大醫院當下事發不可否認辛勞人員完全表示身分工會麻醉外傳企業案例接觸護理召回</t>
  </si>
  <si>
    <t>台大醫院昨日新增1名確診案例外傳該案身分為麻醉護理師醫院也在昨日證實關閉開刀房進行清消並把接觸者召回採檢。台大醫院企業工會今表示完全同理感控人員的辛勞但不可否認的是事發當下仍有許多員工直到新聞報導前都對院內疫情一無所知宛如無頭蒼蠅擔憂是否還能返家、家人需不需要立即採檢。
台大醫院企業工會表示過去院方對於院內疫情總是抱持「你不知道就是你不需要知道」的態度工會完全同理感控人員的辛勞但不可否認的是事發當下仍有許多員工直到新聞報導前都對院內疫情一無所知在錯愕之中懊悔與擔憂傳染給家中親友。
對此工會建議儘管對於感控、防護平時已做足準備在完成調查以前院方仍可在確保不違法與員工隱私的前提下對院內員工概述現況同時公告相關匡列準則否則恐令員工宛如無頭蒼蠅一般擔憂是否還能返家、家人需不需要立即採檢。
根據「COVID-19疫情醫療照護工作人力短缺之應變處置建議」已接種2劑疫苗達14天且與確診者有過密切接觸的醫療人員在第一次PCR陰性以後可返回工作崗位但需自主健康管理21天並且每3日接受採檢但工會表示上述規定應僅適用於三級警戒下「人力短缺」的醫療機構本次病毒是否屬於高傳染力變異株仍是未知數工會認為此次密切接觸者應予匡列並應安排居家辦公或以公假方式暫緩上班例如刀房雖關閉有密切接觸者不該調度支援其他單位亦應避免接觸免疫低下的病人。
工會表示我們很遺憾得知本次暫時關閉的單位仍有同仁被要求以「事假」或「特休假」等「自己的假」辦理請假這不僅有違法之疑慮更是對於無可避免之執業風險受害者的落井下石要提醒相關單位調派員工支援應考量其能力與專業屬性並確保其在完善監督、訓練下執行較不熟悉的醫療業務。
工會認為台大面對此類議題應更積極主動並且站在保護員工、支持員工的立場攜手防疫工會也願做院方與員工之橋梁只可惜疫情至今院方甚少在事發當下將工會視為能夠共患難且交換資訊的夥伴。我們在照顧患者時總是希望能夠讓患者知道治療處置之原因而非父權式的「你照我說的就對了」態度同理可證員工心理的感受而我們也期待看見台大好的轉變從現在開始。另工會也衷心期盼確診的同仁早日康復。</t>
  </si>
  <si>
    <t>工會員工疫情院方表示院內關閉醫療對於單位確診密切接觸知道是否擔憂匡列處置確保違法</t>
  </si>
  <si>
    <t>台大醫院麻醉護師員工家人</t>
  </si>
  <si>
    <t>麻醉醫院員工家人台大</t>
  </si>
  <si>
    <t>網友民進否認陳時中顛倒是非</t>
  </si>
  <si>
    <t>沒有民進影響社區今日再次重申陳時中諷刺至極顛倒是非網友炮轟所謂部長政策衛福</t>
  </si>
  <si>
    <t>社區沒有影響民進機組員所謂事件網友政策負責感染諷刺富特至極只是華航</t>
  </si>
  <si>
    <t>3+11陳時中新冠肺炎破口</t>
  </si>
  <si>
    <t>潘政琮返台好手保護高球寶島旅美</t>
  </si>
  <si>
    <t>新冠肺炎疫情近日在歐美延燒美國西維吉尼亞州今天傳出首位確診病例美國50州全部淪陷台灣旅美高爾夫好手潘政琮透過臉書粉專表示留在家防疫比搭乘長途飛機來的安全他跟太太會先留在美國把資源留給台灣、守</t>
  </si>
  <si>
    <t>美國留在臺灣近日歐美延維吉尼亞透過潘政琮好手疫情表示傳出今天防疫搭乘高爾夫飛機安全病例太太</t>
  </si>
  <si>
    <t>新冠肺炎疫情近日在歐美延燒美國西維吉尼亞州今天傳出首位確診病例美國50州全部淪陷台灣旅美高爾夫好手潘政琮透過臉書粉專表示留在家防疫比搭乘長途飛機來的安全他跟太太會先留在美國把資源留給台灣、守護寶島家園。
潘政琮寫道：「『今天的分離是為了明天我們還能互相擁抱。』懇請僑胞決定返台時想想您親愛的朋友與家人台灣沒有這麼大的能量與空間防疫！這麼多人搭機返台灣反而會非常危險！我們還在美國讓我們一起保護台灣！#我ok台灣優先#在美國待在家裡也能好好防疫」
潘政琮並說PGA美巡賽目前到今年5月17日前的比賽都取消他會持續鍛鍊、隨時準備疫情過去賽事重新開打他也考慮這段期間拍教學影片回饋球迷歡迎球迷留言告訴他想學什麼或是希望他透過影片或直播哪種方式教學。</t>
  </si>
  <si>
    <t>臺灣美國防疫潘政琮透過疫情今天留在影片教學球迷近日希望想學歐美延過去準備返台期間決定今年</t>
  </si>
  <si>
    <t>美國高爾夫潘政琮防疫搭機</t>
  </si>
  <si>
    <t>潘政琮高爾夫防疫美國</t>
  </si>
  <si>
    <t>吊橋琉璃週一免費入場山川攝影</t>
  </si>
  <si>
    <t>受新冠肺炎疫情影響屏東山川琉璃吊橋遊客數減少為了行銷推廣吊橋美景並鼓勵體驗原住民族文化與歷史屏東縣政府決定5月起至年底每週一開放攝影愛好者及結婚新人免費入場拍攝也歡迎民眾在防疫期間到戶外、</t>
  </si>
  <si>
    <t>吊橋民眾歡迎拍攝疫情免費入場新人結婚影響愛好者防疫攝影開放年底山川美景琉璃鼓勵起至體驗決定縣政府原住民族文化歷史肺炎</t>
  </si>
  <si>
    <t>受新冠肺炎疫情影響屏東山川琉璃吊橋遊客數減少為了行銷推廣吊橋美景並鼓勵體驗原住民族文化與歷史屏東縣政府決定5月起至年底每週一開放攝影愛好者及結婚新人免費入場拍攝也歡迎民眾在防疫期間到戶外、空曠處舒展身心。
山川琉璃吊橋去年遊客數為21萬3545人次不到開放之初2016年69萬5214人次的1/3。今年新冠肺炎肆虐吊橋雖位於戶外空曠區仍受到疫情影響年初迄今遊客數僅5萬9416人與去年同期相比約減少1成5。
縣府交通旅遊處長黃國維指出吊橋固定週一為休息日開放給攝影愛好者及婚紗攝影拍攝需要付費。不過現在正值疫情期間縣府決定5月起免費開放攝影開放時間為每週一上午9時至下午4時希望更多人宣傳吊橋之美。有意者於拍攝日前3天提出申請相關資訊可參考屏東縣政府交通旅遊處官網。
縣府評估吊橋最適宜的年旅遊人次為30餘萬人既不影響旅遊品質又能維持營運成本。去年的旅遊人次偏少縣府將在水門轉運站完工後提升接駁功能串聯屏北地區景點並在吊橋三地門端另闢一條坡度較緩的友善步道方便遊客進出。</t>
  </si>
  <si>
    <t>吊橋縣府開放旅遊遊客拍攝影響疫情攝影期間去年戶外減少空曠縣政府交通決定肺炎琉璃愛好者山川友善</t>
  </si>
  <si>
    <t>遊客數肺炎拍攝攝影吊橋</t>
  </si>
  <si>
    <t>攝影肺炎遊客拍攝吊橋</t>
  </si>
  <si>
    <t>社區肺炎來勢洶洶執著傳播鴕鳥透視心態作祟新聞</t>
  </si>
  <si>
    <t>日前臺灣出現第一例無法確定感染源的白牌車司機染新冠肺炎且是首例死亡疫情指揮中心一開始認為新冠肺炎已進入社區傳播後來又以感染源仍在確認為由收回；才過幾天又出現第二例無感染源病例指揮中心仍不願鬆口</t>
  </si>
  <si>
    <t>感染中心指揮肺炎出現無法確定疫情才過病例死亡司機進入收回後來社區首例認為</t>
  </si>
  <si>
    <t>日前臺灣出現第一例無法確定感染源的白牌車司機染新冠肺炎且是首例死亡疫情指揮中心一開始認為新冠肺炎已進入社區傳播後來又以感染源仍在確認為由收回；才過幾天又出現第二例無感染源病例指揮中心仍不願鬆口是社區傳播。
政府死守「社區傳播」不願說出口只是鴕鳥心態不僅白白錯失防疫時間民眾摸不著頭緒會更慌。
鄰近大陸新冠肺炎主要疫區台灣防疫一開始即高規格對待才能有今天的防疫成績也延緩社區出現感染病例。但此後台灣的防疫步調似乎走得有些尷尬明明有了社區感染案例疫情中心僅定調為「零星的社區感染」而非社區傳播。事實上無論是社區傳播還是社區感染重點在於「社區」二字即由境外感染案例進入、找不到源頭的本土感染。
如果政府只是執著「零社區」大可不必。17年前SARS剛發生時台灣曾因保持三零即「零社區、零死亡、零輸出」自滿但沒多久即破功之後歷經和平封院等慘痛教訓殷鑑不遠。
已出現新冠肺炎社區傳播的新加坡表示如果感染人數持續增加政府將鼓勵新冠肺炎輕症去看家庭醫師醫院則收治、隔離重症病患顯示星國政府對輕症病患不再隔離圍堵；專家認為新冠肺炎可能如流感一般冬天就來報到民眾應以面對流感心態因應新冠肺炎更要教導民眾如何平常心看待新冠肺炎。
由於新冠肺炎多是輕症加上無症狀即會傳染台灣進入社區傳播是無可避免的。重要的是如何銜接進入下一波防疫政府應清楚向民眾說明做了哪準備？尤其是如何守住醫療院所不要發生院內感染？民眾要如何配合？全民都在等政府帶領面對即將或是已經到來的社區感染傳播。</t>
  </si>
  <si>
    <t>感染社區政府肺炎民眾防疫臺灣傳播進入出現中心發生面對只是心態流感隔離死亡</t>
  </si>
  <si>
    <t>社區感染肺炎執著武漢肺炎新冠肺炎</t>
  </si>
  <si>
    <t>執著武漢肺炎社區感染</t>
  </si>
  <si>
    <t>停課學校以下啟動高中高市教學</t>
  </si>
  <si>
    <t>因應新冠肺炎疫情高雄市府今（2）日召開防疫會議後決議一旦達到停課標準將針對高中以下學校啟動遠距教學。另也將推出「防疫計程車」最快這周上路而高市現有近千位居家檢疫及居家隔離者市府將準備2、3000</t>
  </si>
  <si>
    <t>防疫市府居家疫情高雄高市現上路召開肺炎會議決議達到高中以下停課計程車學校標準一旦推出教學隔離</t>
  </si>
  <si>
    <t>因應新冠肺炎疫情高雄市府今（2）日召開防疫會議後決議一旦達到停課標準將針對高中以下學校啟動遠距教學。另也將推出「防疫計程車」最快這周上路而高市現有近千位居家檢疫及居家隔離者市府將準備2、3000份居家隔離包。
高雄市長韓國瑜表示如果疫情持續擴散教育局相關所屬的每一個學生受教權不能夠受到影響因此請教育局立刻規畫高中以下的學生遠距教學欠缺不足的部分未來若碰到颱風等重要災害就可以實施遠距教學。
教育局長吳榕峯指出除盤點現有的教材外目前已與3家出版社接觸其中1家已談妥另兩家正在接洽所用教材可供上網學習。再者是網路部分也與中華電信洽談中目前35萬名高中以下的學生中有27萬人沒有網路可用市府將排除萬難提供學習資源給學生。
衛生局長林立人表示目前已請交通局協助招募「防疫計程車」未來協助居家檢疫或居家隔離對象假設除了發燒或有呼吸道症狀以外等身體狀況需要到院將提供防疫計程車載送初步需要個位元數的車輛最快這周可以啟動。
民政局長曹桓榮則指出高市各類活動特別是宗教若在室內100人以上、室外1000人以上會建議暫緩「能延期就延期能夠暫停就暫停」若不得已必須辦理希望配合衛生局給大家的8項防疫措施。另針對宗教團體的平安宴、羅漢餐或者大鍋飯必須共同餐食的部分希望改為提供個人便當或個人餐飲避免群聚感染的可能。</t>
  </si>
  <si>
    <t>防疫學生部分提供市府教學居家目前計程車高中希望以下教材疫情隔離教育局指出需要表示高雄可以學習網路</t>
  </si>
  <si>
    <t>新冠肺炎高雄市政府韓國瑜防疫高雄</t>
  </si>
  <si>
    <t>高雄市政府肺炎韓國防疫</t>
  </si>
  <si>
    <t>告終列車四散武漢全境</t>
  </si>
  <si>
    <t>大陸湖北省武漢市因新冠肺炎而封城歷經76天後終於在今（8日）0時正式解封。武昌火車站緩緩開出載客列車於0時50分載442名乘客10個多小時後將抵達廣州預計今日將有5萬5千人搭乘火車離開武漢。省委書記、省新</t>
  </si>
  <si>
    <t>離開火車肺炎搭乘封城歷經終於小時正式解封武昌緩緩火車站列車開出載客乘客分載武漢今日預計</t>
  </si>
  <si>
    <t>大陸湖北省武漢市因新冠肺炎而封城歷經76天後終於在今（8日）0時正式解封。武昌火車站緩緩開出載客列車於0時50分載442名乘客10個多小時後將抵達廣州預計今日將有5萬5千人搭乘火車離開武漢。省委書記、省新冠肺炎疫情防控指揮部指揮長應勇7日主持召開省防控指揮部會議指出要始終把人民群眾生命安全和身體健康放在第一位保持突發公共衛生事件一級應急回應不變交通管控解除不等於防控措施解除打開城門不等於打開家門。
中共中央機關報《人民日報》客戶端昨特別以鬥大的圖配標語提醒武漢就要「解封」風險仍存在民眾不應放鬆。大陸國家衛健委週二（7日）上午公佈大陸過去一日新確新冠肺炎確診病例共32宗全部為境外輸入全日無新增死亡病例。
應勇強調控管社區和重點人群防控外防輸出、嚴防輸入。要繼續強化社區管控加快形成以物業、志願者、網格員為主體的常態化防控隊伍嚴格執行人員進出「社區身份必問、資訊必錄、體溫必測、口罩必戴」守牢社區第一道防線繼續做好群眾生活必需品保供穩價工作。
要嚴格管控公共場所實施限制開放清單管理。要進一步加強重點人群流調和防控對治癒出院患者實行隔離觀察、複診複檢、跟蹤隨訪等全流程健康管理；對複陽病人加強跟蹤管理和醫療救治；開展無症狀感染者的監測預警、篩查甄別、隔離管理、醫療救治對其密切接觸者實施相關醫學管理切實阻斷傳播途徑。要對重點人群和特殊場所人員全部進行流調和核酸檢測。
應勇也強調解除通道管控後仍要宣導「非必要不外出」同時嚴格健康碼管理實行人員憑健康碼「綠碼」安全有序流動。要繼續加強發熱門診管控強化閉環管理。要加強與外省（區、市）聯防聯控精准對接第一入境口岸所在地隔離結束後來鄂人員資訊確保納入社區管控。
綜合陸媒報導乘客需遲證明健康的「綠碼」確認身分、測量體溫才能搭乘火車；負責人表示預計武漢今日共有276班列車將開往上海、深圳、成都、福州、南寧等地。
武漢解封引起大陸多間媒體現場報導央視更以「好久不見」為題在公路、機場等處利用5G、AI、無人車等設備進行全天候直播。武漢各地霓紅燈亮起雖是深夜但卻活力滿滿。大陸網友也紛紛表示「早上好啊！武漢」、「武漢回來了！好激動啊」、「歡迎回來」、「武漢加油」、「全國人民都期待這一刻的到來」、「武漢終於甦醒了」。</t>
  </si>
  <si>
    <t>武漢管理防控大陸社區人員管控健康隔離應勇肺炎加強人群重點解封群眾列車乘客人民解除進行</t>
  </si>
  <si>
    <t>武漢解封武漢肺炎新冠肺炎大陸</t>
  </si>
  <si>
    <t>肺炎解封武漢大陸</t>
  </si>
  <si>
    <t>時中疫苗臺灣再來疫情國外秋冬</t>
  </si>
  <si>
    <t>國際疫情持續嚴峻但不少學者憂心今年秋冬疫情再次席捲來時國內民眾恐怕沒有疫苗可用。對此中央流行疫情指揮中心指揮官陳時中表示已經編列135億元的疫苗經費包含投入最基本的不管是國內廠商或是向國外</t>
  </si>
  <si>
    <t>疫情疫苗國內基本今年秋冬包含投入經費再次席捲來時已經陳時中表示指揮官中心指揮民眾恐怕沒有流行中央對此可用學者嚴峻</t>
  </si>
  <si>
    <t>國際疫情持續嚴峻但不少學者憂心今年秋冬疫情再次席捲來時國內民眾恐怕沒有疫苗可用。對此中央流行疫情指揮中心指揮官陳時中表示已經編列135億元的疫苗經費包含投入最基本的不管是國內廠商或是向國外購買都有相當經費的準備若還有不足則會動用52億元的預備金有充分的經費可以在疫苗上競爭。
陳時中表示疫苗國內有三家疫苗走得比較快也都提出人體第一期臨床試驗另一家沒有接下來要看他臨床試驗的順暢不代表開始實驗就會成功急不得總得要有效、安全才可以他強調法規上只要達到一定程度的有效性不管是加速審查或是緊急授權使用製造就可以來做。
對於廠商的鼓勵明天開始會公佈獎勵辦法讓廠商在後續臨床試驗時可以更安心在財務上會予以支援對於國內廠商可以在國內使用盡力加速
國外購買方面陳時中說也積極尋求國際組織或是個別單一國家學術單位都有目前都在洽談中。
至於疫苗第三期的經費中疫苗經費也編列135億元經費來做最基本的不管是國內廠商或是生產後的國外購買都有相當經費的準備還有不足52億元的預備金有充分的經費可以在疫苗上競爭。</t>
  </si>
  <si>
    <t>可以國內疫苗廠商經費疫情試驗臨床陳時中購買沒有國外開始加速表示國際對於使用</t>
  </si>
  <si>
    <t>經費疫苗陳時中135億元</t>
  </si>
  <si>
    <t>經費陳時中疫苗</t>
  </si>
  <si>
    <t>強森首相早班車今日新聞復工</t>
  </si>
  <si>
    <t>小編精選《中國時報》5件不可不知大事帶讀者掌握今天（27日）新聞重點。【1】英首相強森 今日復工英國首相辦公室發言人昨天證實英國首相強森（Boris Johnson）治療加休養整整超過3周後27日將重返工作崗位比</t>
  </si>
  <si>
    <t>英國首相不可不知大事周後超過讀者掌握整整今天休養治療中國時報boris新聞johnson復工重點今日強森首相證實昨天發言人</t>
  </si>
  <si>
    <t>小編精選《中國時報》5件不可不知大事帶讀者掌握今天（27日）新聞重點。
【1】英首相強森 今日復工
英國首相辦公室發言人昨天證實英國首相強森（Boris Johnson）治療加休養整整超過3周後27日將重返工作崗位比原定時間提早。他缺席期間的代理人外務大臣拉布說強森「迫不及待」全面復工而強森的復出有助於「提振政府與英國的士氣」。
【2】只禁酒店舞廳 KTV成大漏洞
錢櫃KTV昨發生大火造成5死慘劇除暴露出業者只為賺錢輕忽公安罔顧人命的老問題另也凸顯政府在防疫嚴峻期間雖對全台酒店、舞廳祭出「停業令」卻對KTV網開一面政府若不重視防疫管控難保KTV會形成防疫破口。
【3】川普推特預測 新冠奇蹟般結束
美國總統川普首度缺席疫情新聞發布會。25日透過推特直接宣告疫情簡報玩完了！川普25日推文說：「不入流媒體（Lamestream Media）只問充滿敵意的問題又拒絕正確報導實情或事實那開白宮新聞記者會又有什麼意義？他們得到破紀錄收視率美國民眾卻只接收到假新聞。根本不值得花時間和精力。」川普還在推特稱新冠開始於一個中國人將會奇蹟般結束。
【4】人大常委會議在京召開 全國兩會擬朝視訊規畫
第13屆人大常委會第17次會議26日下午在北京登場會議審議關於13屆全國人大三次會議召開時間的決定草案之議案預計29日將公佈13屆全國人大三次會議召開時間屆時大陸全國兩會開會日期也將隨之揭曉預料可望在23或24日開幕。會議採取全視訊或是現場出席與視訊出席相結合方式舉行在西方國家究責聲浪不斷下北京刻意低調避免各國忙著防疫的同時給予外界高調舉辦會議觀感。
【5】愷樂道歉文被批沒誠意 明天停工《娛百》
羅志祥（小豬）與周揚青9年情斷女方23日以「千字分手信」指控小豬劈腿約炮、多人運動、與旗下女藝人有長期不正當的男女關係線索直指愷樂周揚青甚至爆料愷樂有男友還出軌小豬轟愷樂「在外裝純情私下當p友」；繼羅志祥25日淩晨道歉後愷樂同日深夜11點多終於打破沉默以32字向周揚青道歉間接默認所有指控。</t>
  </si>
  <si>
    <t>會議防疫ktv時間川普政府周揚青強森道歉召開問題舞廳期間北京</t>
  </si>
  <si>
    <t>強森KTV愷樂川普新冠肺炎</t>
  </si>
  <si>
    <t>川普ktv強森肺炎</t>
  </si>
  <si>
    <t>鐵道馬拉松新北確定萬金石延期</t>
  </si>
  <si>
    <t>繼國際級賽事萬金石馬拉松確定停辦原定4月19日登場的新北市鐵道馬拉松接力賽考量新冠肺炎疫情持續延燒新北市觀光局今晚逐一發送email給報名跑者宣佈活動確定延期辦理全力防堵疫情蔓延延期時間待定。新北</t>
  </si>
  <si>
    <t>新北確定疫情馬拉松延期蔓延報名email停辦宣佈活動發送全力辦理逐一今晚觀光局原定肺炎考量接力賽登場</t>
  </si>
  <si>
    <t>繼國際級賽事萬金石馬拉松確定停辦原定4月19日登場的新北市鐵道馬拉松接力賽考量新冠肺炎疫情持續延燒新北市觀光局今晚逐一發送email給報名跑者宣佈活動確定延期辦理全力防堵疫情蔓延延期時間待定。
新北市觀旅局長張其強表示今年鐵道馬共5600位跑者報名共分7隊原定4月19日登場經過相關單位再三評估在無法確定讓每個人跑得健康、玩得開心的情況下最終決定延期辦理希望跑者保留資格等疫情紓緩、恢復比賽後一起開跑但也可選擇依規定退費。</t>
  </si>
  <si>
    <t>疫情確定新北延期鐵道馬拉松辦理登場原定報名開跑一起選擇比賽恢復開心資格</t>
  </si>
  <si>
    <t>萬金石馬拉松新北市鐵道馬拉松接力賽新北市觀旅局長張其強新冠肺炎新型冠狀病毒</t>
  </si>
  <si>
    <t>新北張其強局長肺炎馬拉松接力賽冠狀鐵道病毒萬金石</t>
  </si>
  <si>
    <t>困難鐵腕人流管制必要一連景點</t>
  </si>
  <si>
    <t>五一連假即將來民眾宅在家悶太久出遊情況憂心成防疫口台中市長盧秀燕28日強調適當出遊固然有益身心但防疫更重要她已授權相關首長、區長民眾若不接受適當疏散指揮必要的時候得關閉景點。盧秀燕今日在</t>
  </si>
  <si>
    <t>民眾適當出遊防疫盧秀燕時候在家指揮必要疏散接受首長相關區長授權重要情況憂心將來台中市長身心</t>
  </si>
  <si>
    <t>五一連假即將來民眾宅在家悶太久出遊情況憂心成防疫口台中市長盧秀燕28日強調適當出遊固然有益身心但防疫更重要她已授權相關首長、區長民眾若不接受適當疏散指揮必要的時候得關閉景點。
盧秀燕今日在市政會議中表示台中市受到敦睦艦隊確疹案例衝擊度過驚滔駭浪的一周大家疲奔命的應變跟善後將疫情適當的控制住本周又有更大的挑戰因為這禮拜要開始五一的連假那連續假日有相當多的民眾可能會出遊可能因疫情兩個多月大家想出外走走很多民眾會利用連續假日來出遊。
盧秀燕呼籲市民朋友還有外地的遊客防疫也要做台中市配合行政院長蘇貞昌的政策「鼓勵大家多在家休息小心出門不要去人擠人」出遊固然有益身心但是防疫更重要。
台中市府提出重要景點甚至包括宮廟規畫人潮影像現況可供查閱大家在出門時候可能要看看這些即時的影像如果人太多了盡量避免前往如果你到現場重要景點或是場域或者是相關公共場域進行人流管制。
盧秀燕指出人流管理就是適當的出入如果景點人數管制已經額滿「很抱歉就沒有辦法再去了」但如果大家人擠人沒有辦法疏散的情形民眾硬要進去造成人流管制困難她今日在首長會議已授權局處、區長等等相關的首長必要的時候得關閉景點。
她強調有時候民眾沒有辦法接受適當疏散指揮造成壅擠不利於疫情在連假期間如有碰到這種狀況的話授權主管可以關閉景點疫情期間造成不方便要請大家多多的體諒台中市為守護我們市民朋友的健康這些管制措施一定要做。</t>
  </si>
  <si>
    <t>景點民眾台中適當出遊疫情盧秀燕管制防疫重要造成授權關閉可能影像相關首長沒有辦法人流</t>
  </si>
  <si>
    <t>景點盧秀燕五一連假管制出遊</t>
  </si>
  <si>
    <t>一連盧秀燕管制景點出遊</t>
  </si>
  <si>
    <t>敬老爭取議員出遊開心長輩台鐵區間車</t>
  </si>
  <si>
    <t>「長輩的福利不能等！」台中市敬老愛心卡由搭乘中部5縣市客運增加搭乘4家國道客運至臺北、高雄；市議員沈佑蓮17日為全市近46萬持有敬老愛心卡長輩請命爭取可搭乘台鐵區間車讓長輩開心坐火車到處散心。交通局說</t>
  </si>
  <si>
    <t>長輩搭乘敬老愛心火車客運開心到處區間車台鐵臺北議員沈佑蓮高雄全市爭取持有請命中部散心增加台中</t>
  </si>
  <si>
    <t>「長輩的福利不能等！」台中市敬老愛心卡由搭乘中部5縣市客運增加搭乘4家國道客運至臺北、高雄；市議員沈佑蓮17日為全市近46萬持有敬老愛心卡長輩請命爭取可搭乘台鐵區間車讓長輩開心坐火車到處散心。交通局說敬老愛心卡擴及台鐵涉及程式更新及經費分攤將持續與台鐵溝通。
社會局指出台中市目前老人及身心障礙者持有敬老愛心卡截至今年7月底累計發卡數為45萬9776張。受到新冠肺炎衝擊長輩足不出戶。沈佑蓮說眾多長輩不習慣搭乘客運車的顛簸及勞頓希望能搭台鐵火車到中西部各縣市就近旅遊。
沈佑蓮說前立委沈智慧任內曾多次為長輩建言希望市府及中央能讓敬老愛心卡增加搭乘台鐵區間車；受到新冠肺炎衝擊影響長輩在家已悶太久了；爭取敬老愛心卡可搭乘台鐵區間車讓長輩在後疫情時代可開心坐火車到處散散心身體就健康。
78歲的張老太太說新冠肺炎疫情期間她們老人家都嚇得不敢出門怕被感染；希望政府能夠讓敬老愛心卡增加搭乘台鐵區間車她們可搭較平穩的火車到就近旅遊景點散心身體自然就健康減少看病及健保費的支出。
市府表示依交通局針對中市旅次預測及成長比例推估每年補助搭乘台鐵所需經費約1172萬8984元；針對台鐵搭乘優惠部分敬老愛心卡擴及台鐵涉及程式更新、設備調整及經費分攤等作業市府將持續與台鐵再溝通。</t>
  </si>
  <si>
    <t>台鐵長輩敬老搭乘愛心市府沈佑蓮希望火車區間車肺炎經費散心交通局疫情增加台中就近健康持有身體</t>
  </si>
  <si>
    <t>台鐵愛心長輩火車肺炎</t>
  </si>
  <si>
    <t>火車台鐵長輩愛心肺炎</t>
  </si>
  <si>
    <t>老家嘉義溪口確診開車自行曾去夫妻大林臺北全聯</t>
  </si>
  <si>
    <t>嘉義縣截至目前為止僅1例本土確診個案嘉義縣長翁章梁28日直播時表示有2名臺北的確診個案案7022及7023曾與萬華朋友接觸26日自行開車南下溪口老家空屋自行就醫採檢2人昨天雙雙確診足跡為大林的全聯縣府</t>
  </si>
  <si>
    <t>確診個案自行嘉義昨天就醫本土南下開車接觸直播臺北足跡朋友縣長表示萬華翁章梁</t>
  </si>
  <si>
    <t>嘉義縣截至目前為止僅1例本土確診個案嘉義縣長翁章梁28日直播時表示有2名臺北的確診個案案7022及7023曾與萬華朋友接觸26日自行開車南下溪口老家空屋自行就醫採檢2人昨天雙雙確診足跡為大林的全聯縣府目前已完成個案老家及全聯清消。
翁章梁表示該夫妻的萬華朋友電話通知他們他已確診兩人因曾與該朋友接觸害怕北部醫療資源不足26日下午2點左右自行回到溪口老家空屋下午3點自行開車至某醫院做採檢離開後至大林全聯採買全程皆有配戴口罩昨天確診。
趙紋華指出這兩案的足跡相對單純在全聯採買時是由妻子下車採買丈夫在車上等全程都有戴口罩提醒大家若曾有熱區活動史外出一定要戴好口罩等防護措施並注意自己的健康狀況。
翁章梁強調雙北疫情嚴峻大家都呼籲儘量不要移動站在兩夫妻的立場沒有不對但站在防疫立場這樣不太好僅管再怎麼小心病毒還是難防幸好目前掌握的足跡還算單純。</t>
  </si>
  <si>
    <t>確診口罩翁章梁個案全聯自行採買足跡朋友老家夫妻目前大林昨天表示萬華立場開車接觸全程</t>
  </si>
  <si>
    <t>新冠肺炎台灣嘉義全聯足跡</t>
  </si>
  <si>
    <t>臺灣嘉義肺炎全聯足跡</t>
  </si>
  <si>
    <t>證實張上淳國內肺炎症狀水泡類似情況</t>
  </si>
  <si>
    <t>繼嗅、味覺異常後國際上又出現腳指出現水泡的新冠肺炎疑似癥狀中央流行指揮中心專家諮詢小組召集人張上淳今證實國內確實有感染個案出現水泡癥狀只是目前還不確定是否也同樣位在腳趾。張上淳表示因為病人一</t>
  </si>
  <si>
    <t>出現症狀張上淳國際同樣確定是否指出異常目前召集人專家小組證實國內</t>
  </si>
  <si>
    <t>繼嗅、味覺異常後國際上又出現腳指出現水泡的新冠肺炎疑似癥狀中央流行指揮中心專家諮詢小組召集人張上淳今證實國內確實有感染個案出現水泡癥狀只是目前還不確定是否也同樣位在腳趾。
張上淳表示因為病人一般都被關在負壓隔離病房中所以若非主動回報通常不會特別觀察到病患是否出現水泡這種異常狀況但在國際上有報告陸續出現後也特別提醒第一線人員多加注意確實有發現部分患者有水泡的癥狀但並不確定是否都長在腳上。
先前也有國外研究指出新冠肺炎也會造成結膜炎的癥狀張上淳解釋由於國內還沒有確診個案出現結膜炎癥狀因此目前還沒做相關的分泌物病毒培養測試至於國外曾進行測試的國家有些報告指出結膜分泌物有病毒但有些則沒有因此仍有待釐清。
至於唾液能不能拿來當作檢體進行新冠病毒的篩檢？張上淳指出臺灣在SARS期間就已驗證過用「漱口水」採集喉嚨分泌物這樣的方式的確可做PCR目前也有部分醫院採用但單用唾液檢驗靈敏度則有待驗證。
事實上臺大醫院收治全國第2例新冠肺炎確診者的時候就曾用「漱口水」進行檢驗讓確診者含著生理食鹽水漱口並觸及後半喉嚨部位採集分泌物的確得到陽性結果。
張上淳解釋之所以採用漱口水法是由於喉嚨、鼻咽試紙採集方式可能會造成受檢者咳嗽或乾嘔有一定的機會造成飛沫因此發出通知讓醫院可用漱口水法作為替代的檢驗方式。
不過單用唾液檢驗的方式可不可行？張上淳強調漱口水法的檢體中除了喉嚨分泌物外一定會包含大量唾液「單用唾液也是個方式但是敏感度還需要驗證。」</t>
  </si>
  <si>
    <t>張上淳分泌物症狀出現方式漱口指出唾液喉嚨檢驗確診是否病毒驗證採集目前水法肺炎特別一定</t>
  </si>
  <si>
    <t>張上淳癥狀出現漱口水喉嚨</t>
  </si>
  <si>
    <t>出現症狀口水喉嚨張上淳</t>
  </si>
  <si>
    <t>侯友宜口罩隨時解封病毒新北</t>
  </si>
  <si>
    <t>全國連續六天本土＋0。中央流行疫情指揮中心今（5）日公佈國內無新增本土病例。針對逐步放寬的防疫政策與行業復業侯友宜於今日的防疫記者會指出一切均遵照中央指引但也呼籲市民面對新型態防疫生活仍需隨時</t>
  </si>
  <si>
    <t>防疫中央本土流行面對疫情市民公佈中心國內指揮指引呼籲行業宜於政策今日放寬病例記者會逐步遵照</t>
  </si>
  <si>
    <t>全國連續六天本土＋0。中央流行疫情指揮中心今（5）日公佈國內無新增本土病例。針對逐步放寬的防疫政策與行業復業侯友宜於今日的防疫記者會指出一切均遵照中央指引但也呼籲市民面對新型態防疫生活仍需隨時戴口罩病毒才不會到。
侯友宜於今日的記者會上已連續多日零確診謝謝市民朋友這段時間保持的低度活動讓疫情逐漸穩定針對視聽歌唱業與資訊休閒業於5日正式受理申請復業侯友宜表示業者需遞交申請書、防疫計畫、從業人員疫苗接種清冊與證明且須於現場貼示核准公文並配合公安消防稽查。
針對昨日中央公佈餐飲場所鬆綁侯友宜說包括內用不限制隔板、內用放寬桌菜與自助餐取餐方式、便利商店茶葉蛋等熟食自行夾取等一切以中央公告為主但地方上的細則仍盼請市民配合把防疫做到位侯友宜強調要安全的新型態生活模式最重要的是「隨時戴口罩病毒不會到」倘若無法保持社交距離口罩就是最好的防護不僅保護自己也保護他人其餘中央公告鬆綁項目地方將會逐一討論完畢後即公佈。</t>
  </si>
  <si>
    <t>防疫中央侯友宜市民公佈口罩疫情配合放寬保持鬆綁複業生活本土公告地方連續今日記者會</t>
  </si>
  <si>
    <t>新北侯友宜KTV復業疫情</t>
  </si>
  <si>
    <t>侯友宜複業新北ktv疫情</t>
  </si>
  <si>
    <t>留學生輸入境外家長權衡利弊外交部</t>
  </si>
  <si>
    <t>大陸外交部副部長羅照輝今表示截至目前境外輸入確診個案中有90％持中國護照其中40％為中國留學生。他強調防止輸入病例為當前主要任務希望留學生和家長認真權衡利弊才作出正確選擇。針對新冠病毒源頭他指出</t>
  </si>
  <si>
    <t>輸入留學生選擇中國表示正確作出截至目前境外權衡利弊認真羅照輝家長確診個案希望任務強調當前防止病毒部長</t>
  </si>
  <si>
    <t>大陸外交部副部長羅照輝今表示截至目前境外輸入確診個案中有90％持中國護照其中40％為中國留學生。他強調防止輸入病例為當前主要任務希望留學生和家長認真權衡利弊才作出正確選擇。針對新冠病毒源頭他指出病毒源頭是科學問題需聽取專業科學意見強調中方採取最全面、最嚴格措施應對疫情。
羅照輝指出中國至今已派出7批醫療專家組赴伊朗、伊拉克、義大利、塞爾維亞和柬埔寨參與新冠肺炎疫情救援工作並對83個國家及世衞、非盟等國際組織提供緊急援助包括檢測試劑、口罩等醫療物資。
對於中方如何確定抗疫援助方案國家國際發展合作署副署長鄧波清說主要考慮幾個因素包括當地疫情嚴重程度、醫療衞生條件、醫療物資缺乏程度；有關國家向中方提出的具體要求和需要；中方在充分保障國內抗疫需要的前提下盡力妥善制定援助方案包括物資品種數量、雙方職責分工等。他稱對於曾支持和幫助大陸抗擊疫情的友好國家及地區中方時刻銘記在心一定會及時回報。</t>
  </si>
  <si>
    <t>中方疫情國家包括醫療物資援助中國輸入強調對於留學生指出方案國際大陸需要科學程度源頭病毒表示截至</t>
  </si>
  <si>
    <t>副作用猝死最重高端</t>
  </si>
  <si>
    <t>高端疫苗昨正式開打台大小兒感染科醫師李秉穎今天表示疫苗會出現最重大的副作用是過敏性休克但幾十萬人去打頂多就出現一位而已且伴隨著接種人數增加未來肯定會出現猝死、嚴重過敏的狀況但只要不良事件</t>
  </si>
  <si>
    <t>出現疫苗嚴重猝死台大小兒感染醫師肯定李秉穎未來休克過敏性接種今天人數增加表示副作用頂多伴隨</t>
  </si>
  <si>
    <t>出現疫苗事件高端一定副作用不能不良可能發生率打完表示背景狀況</t>
  </si>
  <si>
    <t>高端疫苗副作用新冠肺炎過敏性休克猝死</t>
  </si>
  <si>
    <t>肺炎過敏性副作用休克疫苗猝死高端</t>
  </si>
  <si>
    <t>市農業局傳染恐慌狗貓病源肺炎污染感染</t>
  </si>
  <si>
    <t>新冠肺炎在世界各地肆虐疫情仍非常嚴峻。日前香港因傳出由新冠肺炎確診患者家中寵物犬口、鼻檢驗出新冠肺炎弱陽性反應消息隨即引發社會大眾與犬貓飼主恐慌行政院農委會與高雄市政府農業局共同呼籲目前並沒有</t>
  </si>
  <si>
    <t>肺炎農業局市政府高雄農委會行政院共同恐慌大眾社會引發非常嚴峻隨即消息日前疫情陽性反應肆虐香港傳出寵物</t>
  </si>
  <si>
    <t>新冠肺炎在世界各地肆虐疫情仍非常嚴峻。日前香港因傳出由新冠肺炎確診患者家中寵物犬口、鼻檢驗出新冠肺炎弱陽性反應消息隨即引發社會大眾與犬貓飼主恐慌行政院農委會與高雄市政府農業局共同呼籲目前並沒有證據顯示犬、貓會感染新冠病毒該檢驗結果應屬環境病原「汙染」而非犬隻「感染」請大家不要恐慌。
為因應新冠肺炎疫情並維護護人畜健康與動物福利動保處規劃「公私協力」作法期望在兼顧民眾安全與動物福利的原則下妥善照護犬、貓。目前已規劃新冠肺炎確診患者飼養共居犬貓照護措施及檢驗原則而針對獨居確診個案動保處與社團法人台灣愛狗人協會組成照護隊以協助獨居個案照護犬貓社團法人高雄市獸醫師公會高振庸理事長表示公會可提供寵物健康諮詢與相關協助共同守護市民與毛小孩的健康。
衛生局通報確診個案有共居犬貓在有親友可協助照護情形下由動保處提供相關防疫衛教訊息(飼養人須經常保持良好衞生習慣包括與動物或其食物及物品接觸前後洗手以及避免親吻動物並保持家居環境清潔衞生；身體不適者應避免與動物接觸如發現寵物的健康狀況出現變化應盡快尋求獸醫師的意見); 而確診個案若為獨居者將由動保處的照護隊每日會同員警或裡長共同前往患者住居協助照護。若犬貓表現出特異症狀再由動保處協助採樣送農委會家畜衛生試驗所檢驗。
農業局長吳芳銘再次呼籲目前並無證據顯示犬、貓會感染新冠病毒請家中有飼養毛小孩的民眾切勿恐慌毛小孩是家中的一份子千萬不要任意棄養飼養者與犬貓接觸前後應以肥皂水洗手確保人畜健康農業局動保處已規劃相關檢驗及照護措施隨時可啟動大家同心協力共同守護市民與毛小孩的健康。</t>
  </si>
  <si>
    <t>動物保處檢驗協助確診肺炎共同健康寵物個案飼養恐慌接觸相關家中規劃目前患者小孩</t>
  </si>
  <si>
    <t>心冠肺炎COVID-19狗貓感染專家病源汙染</t>
  </si>
  <si>
    <t>狗貓感染covid-肺炎專家病源污染</t>
  </si>
  <si>
    <t>護理隔離在家求助無門空氣不到訊息確診崩潰</t>
  </si>
  <si>
    <t>疫情爆發全台醫療量能緊繃許多確診者隔離在家出現無法及時就醫的窘迫情況；1名確診女子因為在家中陸續出現胸悶、心跳加速甚至氣喘差點「吸不到空氣」等症狀撥打1922卻屢遭轉接等待最後才被政府立案但</t>
  </si>
  <si>
    <t>確診出現等待轉接症狀空氣最後不到差點氣喘甚至醫療加速心跳隔離在家無法</t>
  </si>
  <si>
    <t>疫情爆發全台醫療量能緊繃許多確診者隔離在家出現無法及時就醫的窘迫情況；1名確診女子因為在家中陸續出現胸悶、心跳加速甚至氣喘差點「吸不到空氣」等症狀撥打1922卻屢遭轉接等待最後才被政府立案但拖延之下仍擔心自己等不到就醫了無助之下只好在網路上求助護理師。
由1名護理師所經營的臉書粉專「厭世小護士的美食日記」日前在淩晨突然收到1名確診女子的私訊該女子提及她是名PCR陽性患者目前隔離在家陸續出現胸悶、呼吸不順、心跳加速等症狀「我幾乎10個症狀中9個」但女子無奈地說打去1922問能否提供醫療幫助對方卻不斷轉接電話而始終得沒有回應最後她只能在網路上求助。
該女子說她對於政府目前醫療SOP很失望「第一次知道新聞上說的踢皮球是真的我越來越悶吸不到空氣他們才說要幫我立案」但她仍是擔心等不到治療了；臉書貼文則提及全台醫療量能不足已成事實但仍要建立起有就醫需求民眾的求救SOP並宣導清楚的確診者衛教「看著她的文字著急害怕、求助無門（所以）只能和一位網路上的陌生人求助？」
該粉專最後表示若遇到呼吸喘、胸悶、只能小口呼吸等「可怕的主訴」建議可以直接撥打119；許多網友則留言說「這種情況真的很慌亂能夠體會對方的無助」、「全台醫護人員雖然很辛苦中央疫情的接線人員應該至少充足吧」、「看了好難過希望她可以撐過去」。
★中時新聞網關心您：網路訊息無法確知真假如遇類似情況請打119求助。</t>
  </si>
  <si>
    <t>女子確診醫療就醫情況最後求助網路上全台呼吸可以出現無法症狀sop真的無助只能</t>
  </si>
  <si>
    <t>新冠肺炎台灣求助護理師空氣</t>
  </si>
  <si>
    <t>求助臺灣肺炎護理空氣</t>
  </si>
  <si>
    <t>上課陳時中回台可能澳門月中</t>
  </si>
  <si>
    <t>澳門表示陳時中已經學生關心三月是否打算開放流行中央評估指揮指揮官疫情民眾可以中心三月中預計今天台?困擾課程耽誤學界</t>
  </si>
  <si>
    <t>可以表示已經澳門疫情觀察課程可能開放三月中評估沒有相關陳時中補上啟動維護關心至少受教是否</t>
  </si>
  <si>
    <t>澳門陳時中十四天三月中上課</t>
  </si>
  <si>
    <t>上課三月中陳時中澳門</t>
  </si>
  <si>
    <t>發高燒猝死男子送驗桃園</t>
  </si>
  <si>
    <t>新冠肺炎疫情持續延燒法務部制訂「法醫相驗解剖通報SOP」以降低風險桃園市一名年約30多歲的男子上週六在工作中突然昏倒緊急送醫仍宣告不治檢警調查發現他生前連續發燒多日不敢大意高規格由法醫採取檢</t>
  </si>
  <si>
    <t>法醫持續法務部制訂大意疫情sop降低風險解剖桃園男子上周通報在工作中突然發燒不敢昏倒連續緊急</t>
  </si>
  <si>
    <t>新冠肺炎疫情持續延燒法務部制訂「法醫相驗解剖通報SOP」以降低風險桃園市一名年約30多歲的男子上週六在工作中突然昏倒緊急送醫仍宣告不治檢警調查發現他生前連續發燒多日不敢大意高規格由法醫採取檢體送往法醫研究所等待化驗結果出爐。
臺北醫師、女子猝死遭疑染新冠肺炎所幸最後都排除法務部因此制訂「法醫相驗解剖通報SOP」以降低風險並兼顧家屬權益。桃園一名30餘歲男子上週六在工作中昏倒檢警詢問家屬發現他高燒多日雖然並非疾病管制署通報或是需居家檢疫、隔離的案例但仍不敢大意立即啟動防疫流程。
桃檢指出授權第一線法醫跟檢察官針對有疑慮的案例採取「先檢驗、後相驗」方式。據瞭解該案已由法醫採取咽喉等部位的檢體徵得家屬同意後將遺體暫時冰存靜候化驗結果出爐。
檢警指出若化驗結果為陽性即通報衛生單位後續處辦針對個案接觸史疫調、採驗若確認是陰性、無感染就按照原程式完成相驗釐清確切死因。</t>
  </si>
  <si>
    <t>法醫通報家屬採取結果化驗案例指出不敢大意肺炎出爐發現在工作中桃園法務部昏倒上周男子制訂</t>
  </si>
  <si>
    <t>桃園男子猝死發高燒檢警</t>
  </si>
  <si>
    <t>發高燒猝死男子桃園</t>
  </si>
  <si>
    <t>中生確診外婆北市新北</t>
  </si>
  <si>
    <t>新北市長侯友宜今（13日）下午主持疫情說明會他表示新北市新增1確診個案為居隔陰轉陽性個案與幼兒園群聚感染無關這個個案是臺北某國中學生確診後匡列的長輩之一是確診學生的外婆居住在板橋區CT值3</t>
  </si>
  <si>
    <t>確診個案新北居住外婆學生下午主持疫情說明會表示中學生臺北新增板橋長輩幼稚園匡列感染陽性無關陰轉居隔侯友宜</t>
  </si>
  <si>
    <t>新北市長侯友宜今（13日）下午主持疫情說明會他表示新北市新增1確診個案為居隔陰轉陽性個案與幼兒園群聚感染無關這個個案是臺北某國中學生確診後匡列的長輩之一是確診學生的外婆居住在板橋區CT值3746目前已匡列3位接觸者居家隔離。
針對幼兒園群聚侯友宜表示今日是幼兒園群聚PCR篩檢一周出現8幼童、9老師PCR確診後當時判斷跟Delta有關係市府立即擴大匡列採檢少數個案陰轉陽性這段時間根據相關規定也進行了2採、3採也有採出陰轉陽性個案因此仍需要戒慎恐懼不可輕忽新北市也會跟桃園、臺北等地持續合作控制疫情。</t>
  </si>
  <si>
    <t>個案確診新北陽性陰轉幼稚園臺北匡列pcr表示侯友宜疫情ct目前板橋下午居住外婆</t>
  </si>
  <si>
    <t>幼兒園群聚松山國中爺爺新冠肺炎台灣</t>
  </si>
  <si>
    <t>爺爺山國肺炎幼稚園臺灣</t>
  </si>
  <si>
    <t>幼稚園停辦新北delta課後</t>
  </si>
  <si>
    <t>板橋幼兒園爆發群聚感染Delta因應疫情升溫新北市教育局今晚表示依教育部規定新北公立幼兒園9日起停辦跨班級課後留園至9月底請學校儘速通知家長並妥善溝通。教育局指出鼓勵家長課後時段將幼兒接回自行照</t>
  </si>
  <si>
    <t>課後新北家長幼稚園時段感染鼓勵因應妥善delta通知疫情學校升溫月底教育班級表示今晚教育部</t>
  </si>
  <si>
    <t>板橋幼兒園爆發群聚感染Delta因應疫情升溫新北市教育局今晚表示依教育部規定新北公立幼兒園9日起停辦跨班級課後留園至9月底請學校儘速通知家長並妥善溝通。
教育局指出鼓勵家長課後時段將幼兒接回自行照顧如家長因故無法提前接回請園方安排人力協助家長提供基本照顧惟仍遵循不跨班原則降低各班間交互感染之風險。
★《中時新聞網》提醒您：因應新冠肺炎疫情疾管署持續加強疫情監測與邊境管制措施 如有疑似症狀請撥打：1922專線或0800-001922並依指示配戴口罩儘速就醫同時主動告知醫師旅遊史及接觸史以利及時診斷及通報。</t>
  </si>
  <si>
    <t>家長疫情感染新北因應課後照顧接回幼稚園接觸史及旅遊以利醫師告知主動監測邊境肺炎就醫管制提醒您</t>
  </si>
  <si>
    <t>Delta停辦課後留園新北幼兒園</t>
  </si>
  <si>
    <t>課後新北停辦delta幼稚園</t>
  </si>
  <si>
    <t>老闆娘感染家族小姑娘幾乎基隆確診</t>
  </si>
  <si>
    <t>中央流行疫情指揮中心下午公佈本土確診病例基隆已累積79例今增13例、校正回歸3例市長林右昌表示其中7例與小姑娘小吃店員工有關有6例是小姑娘小吃店老闆娘（案5772）的家人包括妹妹、父親、姐夫、姪女等</t>
  </si>
  <si>
    <t>小吃店小姑娘中心下午包括公佈本土家人確診病例基隆老闆娘指揮妹妹回歸累積林右昌表示員工疫情父親校正市長</t>
  </si>
  <si>
    <t>中央流行疫情指揮中心下午公佈本土確診病例基隆已累積79例今增13例、校正回歸3例市長林右昌表示其中7例與小姑娘小吃店員工有關有6例是小姑娘小吃店老闆娘（案5772）的家人包括妹妹、父親、姐夫、姪女等。
自從小姑小吃店女員工（案3835）確診後病毒持續擴散迄今總計傳給12人包括其兒子、小吃店老闆娘、男性友人、消費者等其中老闆娘與家人同住家族有6人今天紛紛中標。
由於女員工（案3835）不願確實交待足跡導致疫調不斷碰壁市府更跨局處合作組成專案進行調查今天查出女員工不只在小姑娘上班也曾跨店至金水灣陪坐但感染源至今仍不明讓衛生單位相當擔心。
林右昌表示小吃店老闆娘的家人幾乎確診他認為小姑娘這一案的傳播力量相當大並再次呼籲曾到過小姑娘、金水灣消費的市民一定要主動和衛生單位聯繫市府一定會保護大家的個資也希望盡早阻絕這條病毒傳播鏈。</t>
  </si>
  <si>
    <t>小姑娘小吃店員工確診老闆娘家人市府相當金水今天一定衛生單位包括林右昌表示中心下午公佈本土指揮</t>
  </si>
  <si>
    <t>老闆娘小吃店小姑娘確診新冠肺炎</t>
  </si>
  <si>
    <t>小姑娘確診小吃店老闆娘肺炎</t>
  </si>
  <si>
    <t>死亡藍委疫苗政府</t>
  </si>
  <si>
    <t>國內外購、美日外援新冠疫苗逐步進入台灣近期開始陸續施打因目前疫苗施打率不佳以及有不少長輩施打AZ疫苗後猝死。這讓國民黨立委陳以信看不下去直言這波日本AZ疫苗施打後已有342位國人不幸離世他多次呼</t>
  </si>
  <si>
    <t>疫苗施打az外援國人逐步進入臺灣近期開始陳以信看不下去國民黨直言不幸長輩猝死日本陸續</t>
  </si>
  <si>
    <t>疫苗政府受害者cdc死亡施打家屬陳以信az通報舉證責任日本調查質疑萬分案例原因必須</t>
  </si>
  <si>
    <t>新冠肺炎AZ疫苗陳時中台灣陳以信</t>
  </si>
  <si>
    <t>az疫苗陳時中肺炎臺灣陳以信</t>
  </si>
  <si>
    <t>老婦擴散不和肺炎老伴離婚</t>
  </si>
  <si>
    <t>新冠肺炎疫情導致人心惶惶但原本要離婚的一對夫妻卻因此而挽回感情因為防疫期間大家都在忙著抗疫老太太決定不給政府添亂撤回離婚告訴。這名7旬的老太太看到許多家庭因為感染新冠肺炎導致家庭成員悲歡離</t>
  </si>
  <si>
    <t>離婚老太太導致肺炎防疫期間挽回感情原本夫妻都在忙人心惶惶決定感染家庭政府撤回看到告訴疫情添亂家庭成員</t>
  </si>
  <si>
    <t>新冠肺炎疫情導致人心惶惶但原本要離婚的一對夫妻卻因此而挽回感情因為防疫期間大家都在忙著抗疫老太太決定不給政府添亂撤回離婚告訴。
這名7旬的老太太看到許多家庭因為感染新冠肺炎導致家庭成員悲歡離合於是她有感而發想到珍惜「團圓」的意義所以選擇繼續容忍丈夫不離婚了。
據陸媒《新京報》報導原告是一名70餘歲的老太太年前她起訴與老伴吵架一輩子現在子女都已成家經過慎重考慮後她決定要離婚並分割房產全案先由調解委員會進行調解。
起初調解員與被告的丈夫籍雙方子女溝通時丈夫並不願離婚他承認2人常吵架但如今雙方年紀都大了也一起經歷過許多風雨所以不想鬧到法院子女也表示父母在一起幾十年了肯定是有感情的也不希望雙方分開但他們仍尊重父母的意願。
然而老太太表示早些年她就想離婚但因為子女只好吞忍如今就是年紀大了想任性一回。老太太原本堅定離婚的念頭但經由調解員告知丈夫和子女的想法內心有些動搖如今疫情嚴重老太太決定不給法院添麻煩於是委託律師撤回離婚告訴。
更多 CTWANT 報導</t>
  </si>
  <si>
    <t>離婚老太太子女丈夫決定雙方如今調解感情原本年紀疫情父母法院表示一起撤回導致告訴報導肺炎珍惜團圓</t>
  </si>
  <si>
    <t>行程曝光秘密新加坡艦隊不入竟是敦睦</t>
  </si>
  <si>
    <t>海軍敦睦艦隊訪問帛琉後已有29名官兵感染新冠肺炎。外界質疑是否有「機密任務」根據國防部今天公佈活動資料艦隊一度進入南海、靠近新加坡東方海域附近。專家認為艦隊只有經過印尼新加坡但卻未停靠很有可</t>
  </si>
  <si>
    <t>艦隊新加坡官兵感染肺炎外界質疑是否機密任務印尼國防部公佈活動東方資料今天認為附近海域一度</t>
  </si>
  <si>
    <t>海軍敦睦艦隊訪問帛琉後已有29名官兵感染新冠肺炎。外界質疑是否有「機密任務」根據國防部今天公佈活動資料艦隊一度進入南海、靠近新加坡東方海域附近。專家認為艦隊只有經過印尼新加坡但卻未停靠很有可能是為了開拓新航道。
《亞太防務雜誌》總編鄭繼文接受《三立新聞台》專訪時指出：第23天我敦睦艦隊經過印尼、新加坡但因疫情關係並未停靠。他分析說很有可能是為了美國的「印太戰略」佈局開拓新航道。
根據國防部今天公佈的敦睦艦隊「安全回報資料」艦隊自3月15日離開帛琉後改為向西南方繞過菲律賓南方西裡伯斯海（Celebes Sea）、蘇祿海進入南海。3月27日航經新加坡以東、婆羅洲以西海域且接近赤道幾乎是在南海的南緣出沒。隨即向東北方航行經過南沙群島太平島與東沙島進行操演4月9日回航左營港。</t>
  </si>
  <si>
    <t>艦隊新加坡南海敦睦海域進入印尼航道開拓資料國防部停靠可能公佈今天進行太平東沙島南沙群島航行北方</t>
  </si>
  <si>
    <t>敦睦艦隊航程帛琉新加坡新冠肺炎</t>
  </si>
  <si>
    <t>新加坡航程艦隊肺炎敦睦</t>
  </si>
  <si>
    <t>以色列擴散疫情出現首例確診</t>
  </si>
  <si>
    <t>停泊在日本橫濱港的鑽石公主號爆發大量新冠肺炎病例以色列衛生當局今天證實一名以色列婦人下船返國後被驗出對新冠肺炎呈陽性反應成為以色列首位確診感染肺炎的案例。《中央社》引述路透和《以色列時報》（Th</t>
  </si>
  <si>
    <t>以色列肺炎鑽石公主爆發引述案例婦人中央下船返國病例感染確診首位成為陽性反應路透證實今天橫濱當局</t>
  </si>
  <si>
    <t>停泊在日本橫濱港的鑽石公主號爆發大量新冠肺炎病例以色列衛生當局今天證實一名以色列婦人下船返國後被驗出對新冠肺炎呈陽性反應成為以色列首位確診感染肺炎的案例。
《中央社》引述路透和《以色列時報》（The Times of Israel）報導以色列衛生當局發出聲明指出：「在衛生部中央實驗室進行的檢疫過程中發現一名從日本鑽石公主號返國的乘客（對新冠肺炎）呈陽性反應。」
「實驗室正在確認這項檢疫結果其餘回國的旅客今天皆呈陰性。這名患者正接受隔離並受到監管這並非在以色列境內發生的案例。」</t>
  </si>
  <si>
    <t>以色列肺炎中央檢疫今天返國實驗室鑽石當局衛生案例公主日本陽性反應並非監管受到the時報接受隔離israel報導路透患者陰性</t>
  </si>
  <si>
    <t>新冠肺炎武漢肺炎新型冠狀病毒NCP以色列</t>
  </si>
  <si>
    <t>肺炎武漢冠狀ncp病毒以色列</t>
  </si>
  <si>
    <t>奇異包括足跡旅店交友華泰特殊名品桃園</t>
  </si>
  <si>
    <t>桃園特殊交友圈釀2家6人染疫讓桃園2日確診數再度居全國之冠桃園市府也公佈足跡包括中壢奇異果共用旅店、國泰世華大湳分行、大樹藥局內壢二店、711中壢興榮珍門市、華泰名品城、自由聯盟中壢中正店呼籲足跡重</t>
  </si>
  <si>
    <t>中壢桃園足跡市府國泰華大分行中正大樹旅店共用華泰公佈聯盟包括奇異名品局內門市</t>
  </si>
  <si>
    <t>桃園特殊交友圈釀2家6人染疫讓桃園2日確診數再度居全國之冠桃園市府也公佈足跡包括中壢奇異果共用旅店、國泰世華大湳分行、大樹藥局內壢二店、711中壢興榮珍門市、華泰名品城、自由聯盟中壢中正店呼籲足跡重疊者要自我健康管理。
桃園2日新增5起本土案例都位於八德為昨新增確診者中壢區60多歲女性的家屬因小兒子為特殊交友圈接觸者而染疫市府也公告2家庭關係圖包括昨確診婦人的兒子、婦人的哥哥、嫂嫂、哥嫂的2外孫小兄弟檔5人。
5人都是確診者接觸者5人(案15799、案15800、案15801、案15802、案15803)累計確診921人目前居家隔離人數229人。</t>
  </si>
  <si>
    <t>中壢確診桃園包括兒子足跡市府新增接觸特殊交友婦人分行華大國泰大樹華泰旅店局內</t>
  </si>
  <si>
    <t>桃園特殊交友圈染疫新冠肺炎台灣</t>
  </si>
  <si>
    <t>交友特殊肺炎桃園臺灣</t>
  </si>
  <si>
    <t>疫苗診所新北市衛生局簽約北市</t>
  </si>
  <si>
    <t>新冠疫苗開打臺北市已與基層診所合作但新北市目前只有20家責任醫院與29區衛生所協助開打新北市衛生局長陳潤秋指出目前已與203家基層診所簽約但中央對於新冠疫苗的冷鏈與流感疫苗規定不同所以必須要更嚴</t>
  </si>
  <si>
    <t>目前新北基層疫苗診所不同規定流感疫苗必須冷鏈對於醫院責任衛生所中央協助簽約指出衛生局長</t>
  </si>
  <si>
    <t>新冠疫苗開打臺北市已與基層診所合作但新北市目前只有20家責任醫院與29區衛生所協助開打新北市衛生局長陳潤秋指出目前已與203家基層診所簽約但中央對於新冠疫苗的冷鏈與流感疫苗規定不同所以必須要更嚴謹。
被問到新冠疫苗冷鏈與流感疫苗都是2到8度C但新北流感疫苗診所有600多家卻只有203家可以簽約中間落差為何陳潤秋指出中央對新冠疫苗比較小心除了2到8度C的冷鏈技術還要有持續的監測功能所以特別小心。
陳潤秋說如果有新的診所願意加入會協助購置建置相關設備這次因為分區、分裡、分時段施打目前以社區接種站醫院與衛生所施打為主而每一劑疫苗有100元施打費中央公告另外補助1人40元掛號費。</t>
  </si>
  <si>
    <t>疫苗診所目前中央新北冷鏈流感疫苗協助小心簽約指出施打醫院衛生所基層相關建置</t>
  </si>
  <si>
    <t>新冠肺炎台灣新北診所衛生局</t>
  </si>
  <si>
    <t>臺灣新北肺炎診所衛生局</t>
  </si>
  <si>
    <t>《股利-其他》基士德擬配息45元現金殖利率高達957％</t>
  </si>
  <si>
    <t>現金利率高達股利</t>
  </si>
  <si>
    <t>基士德-KY(6641)2019年EPS為679元董事會決議每股配發現金股利45元以昨日收盤價計算現金殖利率高達957%。新冠肺炎疫情蔓延全球基士德大陸工廠已在今年2月10日開工不過受供應商、客戶及物流廠商復工程度</t>
  </si>
  <si>
    <t>現金客戶供應商開工今年物流利率配發工廠高達決議大陸肺炎董事會疫情蔓延eps全球廠商收盤價</t>
  </si>
  <si>
    <t>基士德-KY(6641)2019年EPS為679元董事會決議每股配發現金股利45元以昨日收盤價計算現金殖利率高達957%。
新冠肺炎疫情蔓延全球基士德大陸工廠已在今年2月10日開工不過受供應商、客戶及物流廠商復工程度不一使得2月業績受到影響。目前大陸疫情已經明顯緩和預估3月起公司業績將逐步恢復正常。
展望全年度營運基士德首季業績雖然受疫情影響但疫情控制後預期官方將推出刺激經濟方案以減輕經濟成長趨緩壓力加上2020年是大陸十三五計畫收官之年包含生態文明建設在內的經建計畫須有執行成果基士德將力拼全年業績不致受到影響。
基士德去年合併營收為1992億元年增率666%；稅後淨利為227億元年增率631%EPS為679元。</t>
  </si>
  <si>
    <t>大陸疫情影響業績現金受到eps經濟年增率配發利率壓力高達加上決議推出建設客戶</t>
  </si>
  <si>
    <t>基士德EPS現金股利高殖利率新冠肺炎</t>
  </si>
  <si>
    <t>現金股利利率eps肺炎</t>
  </si>
  <si>
    <t>中心組合陳時中指揮解析網友</t>
  </si>
  <si>
    <t>針對網友歸納「中央流行疫情指揮中心」召開記者會的出席人員組合可以預知可能發生的事情指揮官陳時中把出席人員組合的情況做了說明並且盛讚網友的歸納是「滿正確」。有網友整理出指揮中心召開記者會的「先發輪</t>
  </si>
  <si>
    <t>網友組合人員出席中心指揮歸納召開記者會可能整理發生盛讚事情疫情指揮官陳時中說明可以情況正確流行中央</t>
  </si>
  <si>
    <t>針對網友歸納「中央流行疫情指揮中心」召開記者會的出席人員組合可以預知可能發生的事情指揮官陳時中把出席人員組合的情況做了說明並且盛讚網友的歸納是「滿正確」。
有網友整理出指揮中心召開記者會的「先發輪值表」列出7種開會組合包括只要指揮官陳時中單獨出場代表沒有新增案例；如果「陳時中加上張上淳」代表有新增案例的機會大增。
其實網友是從以往的記者會出席組合進行歸納例如「陳時中加上石崇良」是「醫事人員被限制」的政令、「陳時中加上外交部」是提升旅遊警示、「陳時中加上潘文忠」代表學校疫情有關、「陳時中加上王美花」是與口罩政策等。陳時中認為這是網友從後往前的歸納。
陳時中解釋主要是大家想要問的問題總要先把專家找好才能把問題一次確實的回答有時候大家問的問題圍大未能準備完全但基本上是把發生的問題找一些有關的人員準備好一次在記者會得到答案就會有這樣的結果所以網友的歸納是滿正確的。</t>
  </si>
  <si>
    <t>網友時中人員加上組合記者會歸納問題陳時中出席代表發生疫情有關準備指揮官案例召開中心指揮才能</t>
  </si>
  <si>
    <t>新冠肺炎武漢肺炎新型冠狀病毒台灣陳時中</t>
  </si>
  <si>
    <t>肺炎武漢冠狀病毒臺灣陳時中</t>
  </si>
  <si>
    <t>擴大美玉領域gogolook</t>
  </si>
  <si>
    <t>新創公司Gogolook宣佈攜手可疑訊息查證機器人美玉姨共同防範通訊軟體上的潛在詐騙威脅並幫助民眾第一時間查證可疑訊息。美玉姨將於19日推出全新版本擴大比對台灣事實查核平臺Cofacts真的假的、台灣事實查核中</t>
  </si>
  <si>
    <t>可疑訊息查證美玉臺灣事實查核比對攜手擴大版本推出詐騙威脅説明通訊民眾防範第一時間共同機器人宣佈真的假</t>
  </si>
  <si>
    <t>新創公司Gogolook宣佈攜手可疑訊息查證機器人美玉姨共同防範通訊軟體上的潛在詐騙威脅並幫助民眾第一時間查證可疑訊息。美玉姨將於19日推出全新版本擴大比對台灣事實查核平臺Cofacts真的假的、台灣事實查核中心以及MyGoPen查核資料庫並新增陌生電話號碼識別、陌生LINE帳號查詢以及個資帳密安全性檢查等三大功能。
Gogolook表示公司長期深耕防詐產業從電信防詐出發跨足金融科技防詐領域更在美玉姨的加入後將服務範圍拓展至可疑訊息的防治。隨著世界各地相繼面臨可疑訊息的危害Gogolook將複製Whoscall在各國防詐的成功經驗在不同地區中打造專屬的可疑訊息查證機器人服務解決各地因可疑訊息而產生的信任問題。
通訊軟體逐漸成為大眾日常溝通的主要管道通訊軟體中流傳的可疑訊息也成為詐騙潛在的溫床。可疑訊息查證機器人美玉姨自2018年由台灣工程師徐曦獨立開發透過連接真的假的聊天機器人API將「真的假的Cofacts」社群所累積的查核資料發送給美玉姨的使用者。今年的好友數已突破30萬人次年度累積回覆量更超過142億次最高近1900萬次的單月回覆量則是發生在新冠肺炎疫情期間。
隨著使用者持續增加衍生出不同類型的可疑訊息為了能提供更完善的聊天機器人服務美玉姨於今年加入Gogolook防詐聯盟的行列。
Gogolook指出美玉姨的加入不僅能將防詐服務實踐於通訊軟體領域更能整合多元的防詐應用場景並累積研發能量強化Gogolook防詐產業鏈的佈局。</t>
  </si>
  <si>
    <t>可疑gogolook美玉訊息累積機器人通訊服務查核臺灣查證真的假使用者不同加入</t>
  </si>
  <si>
    <t>全新防詐Gogolook可疑美玉</t>
  </si>
  <si>
    <t>美玉可疑gogolook</t>
  </si>
  <si>
    <t>李彥秀暴力事件開車亞裔仇恨上路中指</t>
  </si>
  <si>
    <t>美國亞特蘭大按摩館日前發生槍擊案導致8人死亡其中有6人為亞裔女姓該事件揭開了亞裔的仇恨犯罪的冰山一角在當地引發關注甚至遊行抗議；對此國民黨副秘書長李彥秀近日才自美國回台她在臉書表示這幾天在</t>
  </si>
  <si>
    <t>美國亞裔才自發生日前槍擊案近日李彥秀秘書長國民黨對此抗議仇恨遊行犯罪甚至關注引發冰山一角當地回台導致死亡女姓事件揭開</t>
  </si>
  <si>
    <t>美國亞特蘭大按摩館日前發生槍擊案導致8人死亡其中有6人為亞裔女姓該事件揭開了亞裔的仇恨犯罪的冰山一角在當地引發關注甚至遊行抗議；對此國民黨副秘書長李彥秀近日才自美國回台她在臉書表示這幾天在美的感受表示身為亞裔女性相當深刻感受到當地仇恨亞裔的狀況「開車在路上被比中指都是家常便飯。」
李彥秀今(24)日在臉書發文指出她在美國的這段期間除了感受到國情不同對於防疫作法的差異之外也深刻感受到亞裔族群疫情期間在美國的艱難處境。「駕著車在路上被比中指對我來說已經是家常便飯。」
李彥秀表示因為新冠肺炎的緣故針對亞裔社區的仇恨暴力案件從美國、英國、德國、法國到澳洲都有大幅增加卻是被刻意漠視。無法解決病毒這個共同的敵人只能訴諸暴力對付其他族裔的心態實在令人沮喪。
而這個狀況中受到最大影響的就是身在國外的僑胞們。李彥秀表示她這段期間也在能力以及防疫許可範圍內儘量關心當地僑界的好友更直接感受到疫情期間僑務工作推展的困境。她指出僑務工作應該不分黨派更不應該有過多政治的計算除了基層僑務工作在第一線的辛苦努力也希望透過這篇文章可以提醒蔡英文總統華僑對於總統有更多的期待希望蔡總統所帶領的政府能夠給予僑界更多的關懷。</t>
  </si>
  <si>
    <t>亞裔美國李彥秀感受期間表示當地仇恨僑務工作暴力狀況總統希望對於防疫指出僑界路上深刻疫情應該</t>
  </si>
  <si>
    <t>李彥秀亞裔美國新冠仇恨</t>
  </si>
  <si>
    <t>亞裔美國仇恨李彥秀</t>
  </si>
  <si>
    <t>政策後市看淡</t>
  </si>
  <si>
    <t>新冠肺炎疫情爆發以來身處風暴中心的陸股反而較全球股市相對抗跌。法人指出陸股擁有估值相對低、政策作多火力全開二大優勢目前看來大陸疫情流行高峰已經過去加上復工率逐步上升東部和南部地區多數省份工業</t>
  </si>
  <si>
    <t>疫情東部上升逐步爆發復工以來加上身處過去中心已經風暴反而南部高峰全球股市對抗流行法人指出擁有相對</t>
  </si>
  <si>
    <t>疫情大陸復工經濟指數相對本益比表示目前近期情況工業法人恢復觀察訂單</t>
  </si>
  <si>
    <t>大陸政策作多肺炎滬深疫情</t>
  </si>
  <si>
    <t>肺炎政策疫情大陸</t>
  </si>
  <si>
    <t>有望戶外侯友宜新北</t>
  </si>
  <si>
    <t>連續三天本土＋0！中央流行疫情指揮中心今（2）日公佈國內無新增本土病例。新北市長侯友宜表示新北市的疫情目前相對穩定只要防疫擺在最優先將可逐漸鬆綁。侯友宜說新北市一切還是以防疫為最大優先只要防疫</t>
  </si>
  <si>
    <t>新北疫情本土侯友宜防疫優先中心公佈指揮國內病例擺在逐漸鬆綁目前穩定相對流行</t>
  </si>
  <si>
    <t>連續三天本土＋0！中央流行疫情指揮中心今（2）日公佈國內無新增本土病例。新北市長侯友宜表示新北市的疫情目前相對穩定只要防疫擺在最優先將可逐漸鬆綁。
侯友宜說新北市一切還是以防疫為最大優先只要防疫落實疫情守好、守穩當然一定要讓民眾能盡快回到新型態的安全生活所以現階段疫情相對穩定我們也逐漸朝鬆綁的方向走。戶外只要能夠保持適當的距離加上通風良好在郊外有適當的環境我們可以逐漸來鬆綁。
針對柯文哲稱打2劑疫苗就可脫口罩侯友宜指出有專家說過戴上口罩等同打了第三劑口罩具有最重要的防護功效雖然打了2劑但戴上口罩更能增強防護力再加上國內現階段疫苗覆蓋率仍不到6成不要忘了很多國家疫苗覆蓋率已達6成、8成但面對變種病毒疫情仍舊肆虐因此口罩還是具有保護力的。
針對雙鐵員工搶打疫苗衛生局長陳潤秋指出考量中央與醫院的預掛系統並沒有連動新北會在現場經嚴格檢核確認身分並嚴格把關。</t>
  </si>
  <si>
    <t>疫情疫苗口罩新北鬆綁逐漸侯友宜國內加上現階段指出防疫中央適當本土具有覆蓋率相對穩定</t>
  </si>
  <si>
    <t>口罩疫苗侯友宜新北新冠肺炎</t>
  </si>
  <si>
    <t>新北侯友宜疫苗口罩肺炎</t>
  </si>
  <si>
    <t>隔離記者音樂家採訪人情冷暖</t>
  </si>
  <si>
    <t>澳洲籍音樂家布萊特狄恩(Brett Dean)2月23日至3月2日訪台並進行2場演出回澳後確診感染新型冠狀病毒肺炎留下了145名接觸者須接受居家隔離其中包括因公採訪的8名記者目前得知將被隔離至3月11日。中央流行疫情</t>
  </si>
  <si>
    <t>隔離dean確診感染得知冠狀病毒肺炎目前留下採訪接觸因公包括接受居家訪台進行演出brett名記者中央音樂家</t>
  </si>
  <si>
    <t>澳洲籍音樂家布萊特狄恩(Brett Dean)2月23日至3月2日訪台並進行2場演出回澳後確診感染新型冠狀病毒肺炎留下了145名接觸者須接受居家隔離其中包括因公採訪的8名記者目前得知將被隔離至3月11日。
中央流行疫情指揮中心5日晚間大動作加開記者會公告澳洲籍音樂家布萊特狄恩確診及來台接觸史迪恩演出前曾召開過記者會共有7名記者參與另有3名記者專訪10人中2人為外籍人士且已離境剩下的8名台灣記者目前正接受居家隔離。
一名藝文線記者表示他就是採訪澳洲音樂家布萊特狄恩記者會中的7位記者之一。他還原5日晚間迪恩確認感染後到目前接受隔離的狀況。
原本國家交響樂團(NSO) 5日晚上告訴他「因為音樂廳場地寬敞防疫人員去看過認為記者只要自主健康管理出門戴口罩早晚量體溫即可。」6日等到上午11點都沒有疾管局連絡即繼續每日的採訪行程「結果下午疾管局來電說為保險起見記者雖距音樂家很遠還是要隔離於是馬上趕回家裡接受隔離。」
該記者表示還好澳洲音樂家回去才確診從接觸起15日計算剩下沒幾天而已。「目前身體都還好正常也沒有咳嗽或發燒就乖乖在家足不出戶5天。」不過他也嘆人情冷暖「所有官方如文化部等根本沒聯絡毫不關心平常就是要開記者會才會聯絡。」
這幾日因狄恩確診藝文產業受到衝擊演出活動紛紛取消藝文線記者也被困在家中要到12日才能解禁目前檯面上已無藝文活動記者會「有也大都是取消演出的新聞。」
不過記者每日接觸人成為感染高風險群再加上此次確診對象為公眾人物受訪者令不少媒體公司上緊防疫發條要求記者加強自我健康管理採訪須戴上口罩；也有大企業老闆早已閉關拒絕任何面對面採訪僅接受電訪。深怕一個不小心整間公司淪陷一但有員工確診大多數人便將接受隔離公司作業即面臨停擺危機。
更多 CTWANT 報導</t>
  </si>
  <si>
    <t>記者確診隔離接受採訪記者會目前接觸演出音樂家公司感染防疫布萊特狄恩聯絡管局口罩迪恩</t>
  </si>
  <si>
    <t>新冠肺炎武漢肺炎新型冠狀病毒台灣記者</t>
  </si>
  <si>
    <t>肺炎武漢冠狀病毒臺灣記者</t>
  </si>
  <si>
    <t>曝光主因良心搬離有錢閃電葛民輝</t>
  </si>
  <si>
    <t>去年因新冠肺炎疫情衝擊演藝圈不少人生計都受到影響大牌如「星爺」周星馳傳出抵押豪宅換現金盼能以此度過難關54歲曾演出電影《小小賭聖》的港星葛民輝最近則傳出搬離每月月租13萬港幣（約47萬台幣）的豪宅</t>
  </si>
  <si>
    <t>傳出疫情衝擊演藝圈生計受到肺炎影響度過難關以此演出電影賭聖搬離現金港幣葛民輝</t>
  </si>
  <si>
    <t>去年因新冠肺炎疫情衝擊演藝圈不少人生計都受到影響大牌如「星爺」周星馳傳出抵押豪宅換現金盼能以此度過難關54歲曾演出電影《小小賭聖》的港星葛民輝最近則傳出搬離每月月租13萬港幣（約47萬台幣）的豪宅主因是當老闆的他不願砍員工只好從自己下手開源節流全家改去住比較便宜的飯店。
去年因疫情重創影視產業作品停拍、資金無法回流讓許多演藝人都叫苦連天去年中傳出周星馳將山頂超級豪宅「天比高」給銀行抵押貸款疑似財務出問題曾和他合拍《逃學威龍》的黃一山則代為回應表示星爺房產很多光是目前住的也都價值超過20億他只是拿出其中一間房產抵押還錢不用擔心周星馳的經濟狀況「他會繼續住豪宅因為瘦死的駱駝比馬大。」
67歲「阿B」鍾鎮濤去年也透露前半年幾乎零收入他清楚不只他經濟吃緊不少樂手和幕後工作人員也沒工作便會邀樂手私下來幫忙錄新歌讓大家有些工作做提前為將來做準備十分貼心。而香港演藝人協會會長古天樂去年也發起支援計畫安排讓每位幕前幕後演藝人員能領約3萬5千多元台幣的救助金希望可以稍稍解除一點困境。
《東網》報導葛民輝先前工作觸角多不僅做電台主持人、當演員還是自家潮牌的老闆但因疫情去年收入也苦哈哈還有傳言指他業績呈直線下滑但他沒打算炒員工魷魚也不減薪傳聞他近日從月租約47萬台幣的豪宅搬出目前帶著家人搬到飯店住寧願自己先過苦一點的日子也不願拖員工下水感人行徑被網友讚是有良心老闆、善良富人。</t>
  </si>
  <si>
    <t>去年疫情工作抵押員工台幣傳出周星馳葛民輝房產樂手經濟</t>
  </si>
  <si>
    <t>豪宅葛民輝疫情周星馳新冠肺炎</t>
  </si>
  <si>
    <t>疫情周星馳葛民肺炎</t>
  </si>
  <si>
    <t>疫情侵蝕達爾費力業績</t>
  </si>
  <si>
    <t>新冠肺炎疫情延燒影響消費力道達爾膚(6523)3月營收7950萬元年減135%首季營收183億元年減29%。達爾膚3月營收7950萬元呈年減表現主因大陸轉投資公司營收不再併入合併報表若排除此因素則較去年呈正</t>
  </si>
  <si>
    <t>達爾影響消費排除因素疫情力道報表合併併入不再公司轉投資主因大陸表現肺炎去年</t>
  </si>
  <si>
    <t>新冠肺炎疫情延燒影響消費力道達爾膚(6523)3月營收7950萬元年減135%首季營收183億元年減29%。
達爾膚3月營收7950萬元呈年減表現主因大陸轉投資公司營收不再併入合併報表若排除此因素則較去年呈正成長。達爾膚表示雖新冠肺炎疫情延燒影響消費力道但因3月臺灣實體通路推出專業醫美節活動拉貨力道提升以及網購消費持續增強挹注3月份營收。
達爾膚指出將持續掌握網路消費宅經濟趨勢著力於電商平臺操作與線上溝通以減緩疫情影響。4月中將推出DRWU明星商品玻尿酸保濕系列全新升級同時藉由專業醫美形象結合代言人與網路名人的推薦分享提升消費者的品牌忠誠度及回購率蓄積未來營運的成長動能。</t>
  </si>
  <si>
    <t>消費達爾影響提升網路推出疫情持續專業成長力道蓄積平臺操作忠誠度排除</t>
  </si>
  <si>
    <t>新冠肺炎疫情達爾膚3月營收首季營收</t>
  </si>
  <si>
    <t>達爾疫情肺炎首季</t>
  </si>
  <si>
    <t>生魚片器官</t>
  </si>
  <si>
    <t>生魚片前陣子才造成北京恐慌疑似掀起另一波新冠疫情引起人心惶惶日前又傳出一名中年男子因愛吃生魚片引起腹瀉到醫院檢查才發現肝臟經然已經被寄生蟲啃掉一半！星島日報報導浙江省杭州市1名55歲的謝姓男</t>
  </si>
  <si>
    <t>引起生魚片星島日報寄生蟲已經經然報導肝臟發現恐慌北京掀起檢查疫情人心惶惶日前醫院中年男子</t>
  </si>
  <si>
    <t>生魚片前陣子才造成北京恐慌疑似掀起另一波新冠疫情引起人心惶惶日前又傳出一名中年男子因愛吃生魚片引起腹瀉到醫院檢查才發現肝臟經然已經被寄生蟲啃掉一半！
星島日報報導浙江省杭州市1名55歲的謝姓男子日前在四川做酸菜魚為求鮮嫩口感魚片只燙了幾十秒就吃沒想到之後開始腹痛、腹瀉、疲勞、食慾不振撐了4個月後又出現畏寒、發熱等症狀才趕緊就醫檢查不料醫師驚見他的肝臟左葉已被寄生蟲吃光變成1個約20公分大的膿球還長了許多腫瘤。
手術時醫師發現男子肝臟囊壁上的腫瘤裡竟爬滿無數個肝吸蟲蟲卵。根據謝姓男子表示四川當地有生吃或半生吃魚片的習慣醫師判斷可能就是這個習慣釀成病因。醫生指出雖然感染初期可能沒有病症但寄生蟲繁殖力驚人每次可產上千顆卵並存活20至30年若置之不理除了會引起腹痛、腹瀉、消化不良、營養不良、疲倦乏力等症狀甚至可能會侵蝕肝臟造成肝膽道內結石、肝硬化甚至肝癌。</t>
  </si>
  <si>
    <t>肝臟寄生蟲可能引起男子腹瀉醫師腫瘤日前症狀造成腹痛發現謝姓甚至檢查四川習慣生魚片掀起恐慌</t>
  </si>
  <si>
    <t>生魚片鮭魚生鮭魚寄生蟲細菌感染</t>
  </si>
  <si>
    <t>寄生蟲鮭魚感染細菌生魚片</t>
  </si>
  <si>
    <t>停課標準全班匡列者delta確診全校宣佈北市</t>
  </si>
  <si>
    <t>新北幼兒園群聚案基因定序確定是Delta北市副市長蔡炳坤8日表示關於北市校園Delta病毒停課指引如校園有師生出現Delta病毒的確診個案原則上將進行全校停課14天並進行全校消毒若有確診病例的接觸者出現該</t>
  </si>
  <si>
    <t>delta確診病毒校園停課北市出現基因全校確定進行原則個案師生市長蔡炳坤表示病例消毒指引幼稚園</t>
  </si>
  <si>
    <t>新北幼兒園群聚案基因定序確定是Delta北市副市長蔡炳坤8日表示關於北市校園Delta病毒停課指引如校園有師生出現Delta病毒的確診個案原則上將進行全校停課14天並進行全校消毒若有確診病例的接觸者出現該班級會啟動1至5天的預防性停課幼兒園則是全園啟動1至5天預防性停課且採用遠距線上學習。
臺北市長柯文哲表示因新北幼兒園案北市已有7所學校預防性居隔247人、停課643人其中包括4所幼兒園、3所國小另外還有2名跟新北幼兒園有關的家長分別在士林、內湖區的職場上班北市要做疫調隔離匡列目前已匡列、居隔12人並做場域消毒。
蔡炳坤說如校園有師生出現Delta個案原則上將進行全校停課14天但也須依據防疫醫生會議作最後決定。
蔡炳坤說學校要落實防疫作為要做校安通報教育局衛生局等督促清消班上若有確診的師生啟動14天居家隔離；因新北幼兒園影響北市目前有4個幼兒園、3所小學預防性停課經衛生局疫調會對病例接觸者開出居隔通知書。
蔡炳坤說學校若有居隔個案或感染源不明的高風險傳染者經教育局同意班級啟動1至5天預防性停課幼兒園則是全園1至5天預防性停課停課期間採線上教學教育局會視疫情變化需要啟動停課預防性居隔的Delta第二圈接觸者若5天後採檢陰性則解隔。</t>
  </si>
  <si>
    <t>停課幼稚園北市delta預防啟動蔡炳坤教育局新北確診學校接觸居隔個案師生防疫衛生局出現隔離</t>
  </si>
  <si>
    <t>新冠肺炎台灣停課Delta北市</t>
  </si>
  <si>
    <t>停課肺炎臺灣delta北市</t>
  </si>
  <si>
    <t>南市口罩兒童加入銷量衛生所</t>
  </si>
  <si>
    <t>新冠肺炎導致各地瘋搶口罩繼口罩販售實名制6日上路後為方便社區民眾就近購買口罩台南市37區衛生所從16日起也加入販售口罩的行列吸引大批民眾排隊搶購。不過直到中午販賣結束台南市準備近萬片口罩成人</t>
  </si>
  <si>
    <t>口罩民眾結束台南販賣中午導致直到搶購排隊吸引就近購買行列方便衛生所南市社區上路</t>
  </si>
  <si>
    <t>新冠肺炎導致各地瘋搶口罩繼口罩販售實名制6日上路後為方便社區民眾就近購買口罩台南市37區衛生所從16日起也加入販售口罩的行列吸引大批民眾排隊搶購。不過直到中午販賣結束台南市準備近萬片口罩成人口罩被搶購僅剩100多片但兒童口罩卻賣出不到一半還剩下1000多片銷售率只有45％。
市府衛生局指出台南市37區的衛生所口罩每一區衛生所各準備250片口罩合計9250片；其中兒童口罩合計有1850片。從上午10點開賣直到12點結束市區的衛生所幾乎被搶購一空僅少數偏鄉衛生局沒賣完。經統計各衛生所共賣出成人口罩7276片兒童口罩834片總體銷售率達88％共計服務4055人次。
衛生局認為儘管是第一天開賣但在衛生所事先規畫民眾動線下有效疏解人潮讓大家都能順利買到口罩。部分衛生所還建議民眾自備環保袋分裝口罩在自我防疫之餘更能減塑愛地球。至於日後的販賣時段則由各區衛生所決定並公告時間讓民眾知悉。
衛生局長陳怡再次呼籲口罩的使用時機應著重在「看病、陪病、探病的時候要戴有呼吸道症狀者應戴口罩有慢性病者外出建議戴口罩」健康民眾及一般學生無須戴口罩請民眾將口罩留給需要的人讓資源發揮最大效用。</t>
  </si>
  <si>
    <t>口罩民眾衛生所衛生局兒童販賣結束直到建議銷售率搶購成人南市準備資源導致看病</t>
  </si>
  <si>
    <t>口罩衛生所民眾兒童肺炎</t>
  </si>
  <si>
    <t>衛生所民眾兒童口罩肺炎</t>
  </si>
  <si>
    <t>隊伍變更排隊大增數量口罩原因</t>
  </si>
  <si>
    <t>口罩實名制30上路民眾可購買量從原先7天3片大幅上升到14天9片但9日上路後不少人發現排隊隊伍反而變得更長忍不住詢問為何口罩數量變得充足後排隊人潮不減反增隊伍變得更長引起熱烈討論也有人點現</t>
  </si>
  <si>
    <t>上路排隊隊伍口罩引起民眾購買量大幅原先上升數量反而熱烈充足發現人潮不減忍不住詢問討論</t>
  </si>
  <si>
    <t>口罩實名制30上路民眾可購買量從原先7天3片大幅上升到14天9片但9日上路後不少人發現排隊隊伍反而變得更長忍不住詢問為何口罩數量變得充足後排隊人潮不減反增隊伍變得更長引起熱烈討論也有人點現實原因。
有網友在PTT八卦版PO文詢問為什麼14天9片口罩上路後排隊人潮反而變得更長家住鄉下的他發現到藥局排隊的人變得更多好奇為何數量充足後似乎更多人買不到口罩PO文貼出後引起熱烈討論。
有鄉民指出因為9日禮拜四可以開始一次買9片導致許多人禮拜三之前都不去買就變成大家都擠在這兩三天買造成隊伍變長也有人說「排隊領3倍激發出許多人排隊意願」、「第一波人數多正常啦大家都會有衝第一波的心態下周就不會了」。
還有其他人指出手機預購無法購買兒童口罩導致家長們為了幫孩子買口罩還是必須乖乖去排隊；除此之外還是有許多長輩不懂得如何用手機或是不想付7元運費導致排隊人潮有增無減更有鄉民抱怨教了自己媽媽3次APP預購方法媽媽用完就忘隔周又要重新教教到想吐血。</t>
  </si>
  <si>
    <t>排隊口罩導致上路隊伍人潮預購指出鄉民手機po熱烈詢問引起發現</t>
  </si>
  <si>
    <t>口罩排隊隊伍數量實名制30</t>
  </si>
  <si>
    <t>排隊數量隊伍口罩</t>
  </si>
  <si>
    <t>疫苗難道猝死數字長者李明依炮轟</t>
  </si>
  <si>
    <t>AZ疫苗15日正式開打不過施打三日卻頻傳長輩施打疫苗後多人猝死案件雖然大多具有慢性疾病但正式死因還有待衛福部釐清對此藝人李明依在臉書感嘆「最終難道都只剩下數字？」沒想到貼文一出馬上又遭到網友出</t>
  </si>
  <si>
    <t>正式疫苗施打文一想到數字剩下難道馬上最終感歎李明依藝人對此衛福部有待死因疾病具有大多</t>
  </si>
  <si>
    <t>AZ疫苗15日正式開打不過施打三日卻頻傳長輩施打疫苗後多人猝死案件雖然大多具有慢性疾病但正式死因還有待衛福部釐清對此藝人李明依在臉書感嘆「最終難道都只剩下數字？」沒想到貼文一出馬上又遭到網友出征砲轟。
李明依昨（17日）在臉書曬出電視新聞截圖只見新聞標題寫道「有無打AZ死亡率差不到0006%」讓她不禁擔憂表示：「所以家裡有80歲以上的長者到底子女們要不要帶她們去施打疫苗？？？最終難道都只剩下數字」更呼籲：「家裡長輩自己做決定子女尊重」但也不忘喊話：「第一線醫護人員辛苦了我們都在等適合的疫苗」。
此番言論一岀立刻遭網友痛批：「所有疫苗都有風險這就是為什麼民間團體不可以自己進口疫苗還是要有政府把關」、「這是機率跟醫學不然都不要打每天關在家裡不用出門絕對不會染疫最安全」、「有疫苗可以選擇不打個人選擇不同承擔風險也不同」、「有疫苗也罵沒疫苗也罵」對此她也撂下狠話反擊：「要加入討論可以故意謾罵及人身攻擊的恕我直接封鎖你們也不必費事留言。」
5月時因電力供需失衡再度發生大規模停電當時李明依在臉書砲轟政府：「要不要坦承透明誠實面對現狀直球對決這樣我們人民也能全然信任然後完全配合」但此番言論＿多數人都不買單讓她遭到網友留言圍剿。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苗家裡網友可以李明依施打務必留言長輩正式對此言論遭到防疫</t>
  </si>
  <si>
    <t>李明依疫苗長者死亡新冠肺炎</t>
  </si>
  <si>
    <t>死亡長者疫苗李明依肺炎</t>
  </si>
  <si>
    <t>時中喊話表情</t>
  </si>
  <si>
    <t>第一批武漢包機返台的台商今天終於解除14天的隔離生活除1名確診新冠肺炎並持續住院治療中外其餘的246位身體狀況良好。中央流行疫情指揮中心記者會公佈一段影片2位小孩用奶音大喊「謝謝阿中部長！(讓我們的家人</t>
  </si>
  <si>
    <t>謝謝今天終於大喊解除隔離生活小孩確診影片公佈記者會中心肺炎指揮持續疫情住院治療阿中台商中外流行中央良好身體狀況</t>
  </si>
  <si>
    <t>第一批武漢包機返台的台商今天終於解除14天的隔離生活除1名確診新冠肺炎並持續住院治療中外其餘的246位身體狀況良好。中央流行疫情指揮中心記者會公佈一段影片2位小孩用奶音大喊「謝謝阿中部長！(讓我們的家人可以順利返台回家)謝謝你們」讓最近宣佈疫情都相當緊繃的陳時中一聽到忍不住露出微笑了。
指揮中心也在例行記者會前公佈台商感謝信看版貼滿隔離台商和家人對第一線防疫人員的感謝還有小朋友親筆畫圖「戰勝病毒」以背上有著天使翅膀的防疫人員拿著大型針筒對抗冠狀病毒感謝防疫人員辛苦。
陳時中在這次新冠肺炎防疫一舉一動成為國人關注焦點尤其先前哽咽落淚後更是引來大批網友關切要他適度休息「趕快去睡覺」。這次收到首批武漢包機返台者的感謝想必對陳時中來說是鼓勵而他也難得露出笑容。面對解除隔離者的感謝陳時中回應媒體詢問心情如何？他表示「這只是職責所在。」</t>
  </si>
  <si>
    <t>感謝防疫陳時中隔離台商人員返台疫情公佈謝謝指揮中心病毒露出解除肺炎包機武漢何?適度休息先前關切</t>
  </si>
  <si>
    <t>陳時中阿中部長笑了新冠肺炎台灣</t>
  </si>
  <si>
    <t>部長阿中肺炎陳時中臺灣</t>
  </si>
  <si>
    <t>疫苗致命恐怖感染出國風險紛紛台人</t>
  </si>
  <si>
    <t>台灣疫情嚴峻不少民眾為此赴美國施打疫苗。新加坡防疫醫師林韋地認為無論去哪裡打疫苗坐飛機本身就是一個超高風險的行為因為你不可能知道機上哪個乘客是變種病毒帶原者呼籲盡量留在家裡等待能施打疫苗的</t>
  </si>
  <si>
    <t>疫苗施打為此赴美國儘量留在新加坡呼籲家裡防疫原者醫師病毒認為變種乘客機上知道行為高風險飛機民眾等待</t>
  </si>
  <si>
    <t>台灣疫情嚴峻不少民眾為此赴美國施打疫苗。新加坡防疫醫師林韋地認為無論去哪裡打疫苗坐飛機本身就是一個超高風險的行為因為你不可能知道機上哪個乘客是變種病毒帶原者呼籲盡量留在家裡等待能施打疫苗的機會。
林韋地昨（8）日在個人臉書表示基本上不建議為了打疫苗坐飛機跑到國外去無論是去美國打莫德納、輝瑞／BNT或是嬌生還是去大陸接種科興或是國藥因為搭乘飛機本身就是一個超高風險的行為。
林韋地進一步分析所有人在密閉空間裡群聚除非本身有私人飛機可另當別論不然你根本不可能知道機上哪乘客可能是變種病毒株的帶原者即便全程佩戴口罩潛在的風險還是很高去機場的途中、登機的過程抵達目的地後到住處再去打疫苗全程都有被感染的風險。
林韋地說登機前72小時的PCR陰性證明不代表一定沒有感染因為有偽陰性和潛伏期的可能若不幸染疫要在當地隔離、治療可能會有許多麻煩及額外費用再加上施打疫苗也需要時間發揮效力有些疫苗要等三至四個星期才能施打第二劑才能擁有完整的保護力。
因此林韋地呼籲有意要出國接種疫苗的民眾現階段還是盡量留在家裡等待本地接種疫苗的機會會來得安全特別是年長者要更加注意。
★《中時新聞網》提醒您：因應新冠肺炎疫情疾管署持續加強疫情監測與邊境管制措施 如有疑似症狀請撥打：1922專線或 0800-001922 並依指示配戴口罩儘速就醫同時主動告知醫師旅遊史及接觸史以利及時診斷及通報。</t>
  </si>
  <si>
    <t>疫苗施打飛機可能疫情接種醫師口罩陰性登機感染呼籲林韋地韋地風險民眾全程機會</t>
  </si>
  <si>
    <t>新冠肺炎林韋地疫苗出國民眾</t>
  </si>
  <si>
    <t>疫苗林韋地肺炎出國民眾</t>
  </si>
  <si>
    <t>瑞典上半年拖累防疫死亡數新高</t>
  </si>
  <si>
    <t>瑞典國家統計當局今天宣佈全國上半年登記的死亡人數達5萬1405人比去年同期暴增15％（6500人）更創下瑞典自1869年以來1到6月的最高紀錄（55431）當時該國遭逢大規模饑荒。新冠疫情正是死亡人數創紀錄的元兇</t>
  </si>
  <si>
    <t>死亡人數瑞典今天宣佈正是全國疫情上半年饑荒遭逢當時紀錄最高登記創下以來當局去年同期統計國家</t>
  </si>
  <si>
    <t>瑞典國家統計當局今天宣佈全國上半年登記的死亡人數達5萬1405人比去年同期暴增15％（6500人）更創下瑞典自1869年以來1到6月的最高紀錄（55431）當時該國遭逢大規模饑荒。
新冠疫情正是死亡人數創紀錄的元兇。瑞典以佛系防疫追求群體免疫的方式來因應疫情因此在疫情於春天在歐洲炸裂後該國並未像大多數國家採取鎖國或封城等方式防堵病毒擴散。瑞典反倒強調國民的個人責任酒吧、餐館、美容院和學校都照常開放。
儘管採取較寬鬆的措施但據統計首都斯德哥爾摩到4月底只有73％民眾身上帶有新冠抗體遠遠不及群體免疫所需要的70％到90％。
6月初瑞典新冠死亡人數突破4500現在升至5802。政府的公衛部門遭批完全不知道疫情對養老院的衝擊不清楚疾病在養老院的傳播影響有多大導致大量死亡。</t>
  </si>
  <si>
    <t>瑞典疫情死亡人數採取方式群體統計免疫國家養老院美容院餐館酒吧責任學校照常傳播個人開放國民影響</t>
  </si>
  <si>
    <t>瑞典佛系防疫新冠肺炎疫情群體免疫</t>
  </si>
  <si>
    <t>肺炎防疫疫情群體瑞典免疫</t>
  </si>
  <si>
    <t>開放北市機構探視疫情</t>
  </si>
  <si>
    <t>日前因新北幼兒園為Delta感染臺北市9月8日起緊急取消長照機構探視。近日疫情趨緩對於何時恢復訪客探視北市衛生局今表示中央有公文提到北北基桃從10月1日開始可開放訪客探視。衛生局專委歐佳齡表示中央</t>
  </si>
  <si>
    <t>探視衛生局中央表示感染臺北市緊急取消delta機構開始近日疫情開放對於恢復北市</t>
  </si>
  <si>
    <t>日前因新北幼兒園為Delta感染臺北市9月8日起緊急取消長照機構探視。近日疫情趨緩對於何時恢復訪客探視北市衛生局今表示中央有公文提到北北基桃從10月1日開始可開放訪客探視。
衛生局專委歐佳齡表示中央指揮中心評估北市處於中風險縣市中央有公文提到北北基桃從10月1日開始可以開放訪客探視但可能是因為假日關係還沒收到正式公文週一會將公文轉給醫療機構作為遵循。
至於八大行業解封歐指出八大行業主要是經濟部主管北市會參考經濟部指引訂定北市相關指引。
★《中時新聞網》提醒您：因應新冠肺炎疫情疾管署持續加強疫情監測與邊境管制措施 如有疑似症狀請撥打：1922專線或 0800-001922 並依指示配戴口罩儘速就醫同時主動告知醫師旅遊史及接觸史以利及時診斷及通報。</t>
  </si>
  <si>
    <t>探視北市疫情公文中央表示八大行業指引經濟部衛生局接觸史及旅遊醫師告知主動感染就醫以利口罩</t>
  </si>
  <si>
    <t>探視北市開放訪客公文</t>
  </si>
  <si>
    <t>開放北市探視公文</t>
  </si>
  <si>
    <t>疫苗開放時中</t>
  </si>
  <si>
    <t>臺北市長柯文哲表示指揮中心6月11日宣佈開放長者施打疫苗但隔天就是端午連假的開始痛批指揮中心太晚告知假設再發生一次就要慢兩天打指揮中心認為這樣的威脅是否恰當？中央流行疫情指揮中心指揮官陳時中表</t>
  </si>
  <si>
    <t>指揮中心疫情施打宣佈疫苗流行長者開放恰當中央是否發生端午威脅認為假設開始告知</t>
  </si>
  <si>
    <t>臺北市長柯文哲表示指揮中心6月11日宣佈開放長者施打疫苗但隔天就是端午連假的開始痛批指揮中心太晚告知假設再發生一次就要慢兩天打指揮中心認為這樣的威脅是否恰當？
中央流行疫情指揮中心指揮官陳時中表示施打疫苗的事上大家不要意氣用事應該依照量能為市民做最好的服務像是7月1日起莫德納疫苗的分配指揮中心也都有讓大家都知道。
媒體追問指揮中心昨日三級警戒延長要大家多忍耐但網路上卻出現「全台陪雙北一起延長」的聲音柯文哲批是政治攻擊與認知作戰。
陳時中說我們面對的是病毒病毒稍不注意就會流竄希望大家把份內工作做好相信疫情就會控制得比較好延長是要控制疫情而非讓大家都陷在其中一方面圍堵疫情另一方面未來降級警戒卻又出現疫情的話到時也能及時控制現階段對中央地方都是緊張嚴肅的時候希望大家一起努力。</t>
  </si>
  <si>
    <t>指揮中心疫情疫苗延長控制中央施打出現希望警戒柯文哲一起表示時中作戰市民應該</t>
  </si>
  <si>
    <t>指揮中心延長疫情開放疫苗</t>
  </si>
  <si>
    <t>中心疫情延長開放疫苗指揮</t>
  </si>
  <si>
    <t>初期執行降級陳時中明年</t>
  </si>
  <si>
    <t>自5月中旬疫情爆發以來民眾出入公共場所都須實施實聯制國民黨立委蔣萬安今日在立法院質詢衛福部長陳時中時指出11月疫情警戒可能會降到一級到時實聯制是否還會持續？陳時中表示實聯制預計實施到明年中但</t>
  </si>
  <si>
    <t>陳時中疫情實施民眾出入公共場所預計法院質詢衛福部長國民黨指出警戒可能以來降到到時表示是否持續</t>
  </si>
  <si>
    <t>降級疫情陳時中需要警戒目前持續可能個案萬安現在措施啟動時候確實</t>
  </si>
  <si>
    <t>實聯制疫情警戒新冠肺炎台灣</t>
  </si>
  <si>
    <t>警戒疫情肺炎臺灣</t>
  </si>
  <si>
    <t>防疫概念不退交投疫情歐美</t>
  </si>
  <si>
    <t>美國新增確診人數再創高已超過96萬人全球累計確診超296萬人全球防疫需求大增口罩、不織布、清潔用品、監測體溫的額溫槍、耳溫槍、快篩試劑等需求大幅增加包括台康生技（6589）、康那香（9919）等13檔防疫</t>
  </si>
  <si>
    <t>需求確診防疫全球溫槍再創增加包括大幅超過試劑監測清潔用品不織布口罩大增人數台康生體溫累計新增</t>
  </si>
  <si>
    <t>美國新增確診人數再創高已超過96萬人全球累計確診超296萬人全球防疫需求大增口罩、不織布、清潔用品、監測體溫的額溫槍、耳溫槍、快篩試劑等需求大幅增加包括台康生技（6589）、康那香（9919）等13檔防疫概念股交投熱絡。
在新冠肺炎尚未有解藥的情形下防疫需求大增寶齡富錦及台康生技在3月成立的新冠肺炎快篩試劑聯盟上周宣佈成功開發檢測快篩試劑股價連續拉出第三根漲停板價。
不織布大廠康那香與口罩廠商恆大股價也收漲停並拉出連續第二根漲停板價法人觀察漲勢有向化工股三芳、紡纖股遠東新、聚紡等低階防疫概念股延伸。
國泰證期經理蔡明翰指出美國新冠肺炎疫情在睽違二周後單日新增確診人數又再次創高導致全球新增確診人數同步創高顯示目前疫情高點未至疫情將持續幹擾股市因此引導資金再次流入防疫族群。
不過各國仍施行隔離政策以控制疫情因此蔡明翰預期疫情高點將落於第二季防疫族群操作仍以短線為主須留意個股流動性。
兆豐投顧董事長李秀利指出防疫需求除帶旺口罩、不織布、清潔用品、監測體溫的額、耳溫槍等直接受惠產業外原本沒有生產的廠商也因應此一需求開闢產業第二曲線對企業的貢獻度值得觀察。
法人分析導光板大廠茂林-KY近日致贈75個插管防護箱給台大醫院各院區在為病患插管過程中都可降低飛沫、血液、嘔吐物等感染風險。
電子代工廠金寶則在菲律賓、泰國和美國等廠區設立醫療用口罩和呼吸機生產線預計5月開始量產可望月產200萬片醫療用口罩與1000套醫療用呼吸機同時還有3D列印防護罩、防疫機器人等多項防疫產品。
隆達除屬mini LED題材外因近期推出多款UVC LED新品也搭上防疫列車。此外由科技部領軍結合中鋼與廣達旗下光碟機大廠廣明等兩大集團資源進軍新冠肺炎檢測領域僅需採集一滴血12分鐘就能完成篩檢。
法人認為企業因應防疫需求積極發展產業第二曲線在後新冠疫情時代可能為企業開闢新的商機。</t>
  </si>
  <si>
    <t>防疫需求疫情口罩肺炎大廠法人產業美國確診企業試劑全球再次族群不織布人數指出插管檢測</t>
  </si>
  <si>
    <t>防疫概念股口罩醫療用美國企業</t>
  </si>
  <si>
    <t>概念醫療美國口罩防疫企業</t>
  </si>
  <si>
    <t>盤勢權王解析加把勁盤後</t>
  </si>
  <si>
    <t>台股今在美股上週五收紅激勵加上護國神山台積電(2330)力撐穩盤指數早盤雖一度翻黑但隨即拉高甚至站上12700點關卡、收復5日線並持續朝向月線靠攏指數最高上漲逾90點惟尾盤漲幅收斂終場收漲3929點、</t>
  </si>
  <si>
    <t>指數激勵漲幅加上上漲山台積收紅收斂收復關卡甚至站上拉高隨即盤雖</t>
  </si>
  <si>
    <t>台股今在美股上週五收紅激勵加上護國神山台積電(2330)力撐穩盤指數早盤雖一度翻黑但隨即拉高甚至站上12700點關卡、收復5日線並持續朝向月線靠攏指數最高上漲逾90點惟尾盤漲幅收斂終場收漲3929點、報在1264723點、成交量為203874億元短線須留意台股是否可以站回月線若無法站回月線大盤恐轉入月線至季線的區間震盪。
權值股今以護國神山台積電最受關注美系外資上調目標價上看「5」字頭今開高震盪終場收漲082%站回月線股王大立光(3008)早盤後股價翻紅午盤漲幅拉大終場收漲169%、收在3605元鴻海(2317)則整場多弱勢震盪於盤下下跌約07%聯發科(2454)持續深陷華為風暴中開低走低終場收跌逾3%報在585元面板雙虎友達(2409)、群創(3481)早盤衝高後盤中漲幅收斂雙雙收漲約06%聯電(2303)則因最近一次買回105萬張庫藏股將轉讓予員工預計9月開放主管認購庫藏股每股認購價約16元今股價收漲逾35%。
電子股今為盤面資金主流落後補漲、下半年營運具題材族群搶鏡新冠肺炎疫帶動NB、chromebook以及平板等需求暢旺MOSFET(金氧半場效電晶體)需求暢旺動能預計將一路延伸到至少年底富鼎(8261)攻上漲停尼克森(3317)一度大漲6%大中(6435)、傑力(5299)等漲幅也都在3%~4%之間強勢震盪；網通股智邦(2345)突破盤整區間帶量大漲逾7%智易(3596)收盤也大漲逾5%。
分析師表示目前市場持續關注美中貿易談判進度以及紓困方案加上美國大選相關議題等都是投資人關心的焦點台股中長線在上週四的長黑K影響下月線微幅下彎多方架構轉弱短線上指數較可能在長黑K的上半部區間振盪整理台股將持續受國際市場消息波動影響投資人在挑選投資標的時應留意另外以往美股大選前一向是震盪格局今年又加入美國對大陸科技業的制裁國內電子業難免受到波及因此加權指數若無法站回月線大盤就轉入月線至季線的區間來回建議持續避開法人減碼、高檔轉弱、線型偏空股短打聚焦中大型藍籌電子與業績回溫傳產股等。</t>
  </si>
  <si>
    <t>持續震盪區間指數漲幅終場回月線美國投資人漲逾加上預計庫藏一度留意電子</t>
  </si>
  <si>
    <t>台積電大立光鴻海聯發科面板雙虎</t>
  </si>
  <si>
    <t>聯發面板台積電雙虎</t>
  </si>
  <si>
    <t>出口洗手口罩限制明起搶購南韓人龍</t>
  </si>
  <si>
    <t>新冠肺炎在南韓不斷蔓延也在當地掀起「口罩荒」。南韓政府25日宣佈週三（26日）淩晨零時起限制口罩、乾洗手等防疫用品出口期限至4月30日為止。南韓食品醫藥品安全處處長李義表示政府決定週三起「原則上」</t>
  </si>
  <si>
    <t>南韓口罩政府週三不斷蔓延決定掀起表示處處長安全醫藥品食品洗手期限出口防疫限制用品當地宣佈淩晨</t>
  </si>
  <si>
    <t>新冠肺炎在南韓不斷蔓延也在當地掀起「口罩荒」。南韓政府25日宣佈週三（26日）淩晨零時起限制口罩、乾洗手等防疫用品出口期限至4月30日為止。
南韓食品醫藥品安全處處長李義表示政府決定週三起「原則上」禁止口罩出口出口量限制在當日產量10％以內並規定產量一半以上的口罩必須優先供應給南韓郵政等公共營運商。所有生產商必須每日向政府通報產量及國內運輸情況若同一筆交易涉及1萬個口罩也必須呈報。
在疫情重災區的大邱市已經出現口罩短缺情況。連鎖超市E-Mart週一在大邱分店出售口罩引來超長人龍排隊搶購。報導指E-Mart優先在大邱、慶北售賣212萬個口罩沒想到大邱分店開賣前就已經大排長龍繞了好幾圈開賣短短2小時就出售了48萬個達到當日販售限制。E-Mart隨即宣佈規定每位客人限買30個以讓更多民眾買到口罩。</t>
  </si>
  <si>
    <t>口罩南韓政府限制e-mart必須產量出口出售優先宣佈規定情況當日已經分店週三不斷蔓延</t>
  </si>
  <si>
    <t>口罩大邱南韓乾洗手 新型冠狀病毒</t>
  </si>
  <si>
    <t>南韓洗手冠狀口罩病毒</t>
  </si>
  <si>
    <t>週二馬來西亞產量棕櫚油商情</t>
  </si>
  <si>
    <t>料產量增週二馬來西亞棕櫚油走低；因馬來西亞棕櫚油局(BMD)估計6月棕櫚油產量將增加加上因新冠肺炎影響以致原油價格下跌進而令馬來西亞棕櫚油價格收低。另外最大食用油進口國印度因新冠肺炎削弱食品服務業</t>
  </si>
  <si>
    <t>棕櫚油馬來西亞肺炎產量印度食用油進口價格增加下跌影響加上原油價格bmd估計週二削弱走低食品</t>
  </si>
  <si>
    <t>料產量增週二馬來西亞棕櫚油走低；因馬來西亞棕櫚油局(BMD)估計6月棕櫚油產量將增加加上因新冠肺炎影響以致原油價格下跌進而令馬來西亞棕櫚油價格收低。
另外最大食用油進口國印度因新冠肺炎削弱食品服務業的需求量讓棕櫚油需求量跟著下降以及美國因氣候炎熱乾燥影響大豆產量豆油期貨價格下跌都是使棕櫚油價格走低的原因。
9月交割棕櫚油跌32馬幣或134％報每噸2359馬幣；芝加哥期交所豆油下跌113％；大連期交所豆油跌124％棕櫚油跌095％。(商品行情網)</t>
  </si>
  <si>
    <t>棕櫚油產量下跌馬來西亞豆油影響價格肺炎需求量馬幣期交所下降氣候炎熱美國食用油削弱進口乾燥印度食品交割</t>
  </si>
  <si>
    <t>棕櫚油馬來西亞產量豆油新冠肺炎</t>
  </si>
  <si>
    <t>豆油產量馬來西亞肺炎棕櫚油</t>
  </si>
  <si>
    <t>刊登國際研究成果學術期刊抗冠關注中醫大</t>
  </si>
  <si>
    <t>中央研究院院士、中國醫藥大學校長洪明奇帶領的抗冠科研團隊將靶向治療癌症的策略與觀念應用於新冠肺炎治療研究找到了抑制冠狀病毒複製的核心蛋白酶研究成果刊登於8月份國際學術期刊《美國癌症研究雜誌》受</t>
  </si>
  <si>
    <t>癌症研究治療大學校長明奇帶領抗冠醫藥科研美國團隊刊登學術期刊研究成果蛋白酶核心月份複製病毒國際策略抑制肺炎找到於新冠中國</t>
  </si>
  <si>
    <t>中央研究院院士、中國醫藥大學校長洪明奇帶領的抗冠科研團隊將靶向治療癌症的策略與觀念應用於新冠肺炎治療研究找到了抑制冠狀病毒複製的核心蛋白酶研究成果刊登於8月份國際學術期刊《美國癌症研究雜誌》受到國際學術與醫療機構關注。
中國醫大校長洪明奇及教授陳曄帶領新冠肺炎病毒研究醫療團隊將靶向治療癌症的策略與觀念應用於新冠肺炎（CoronavirinaeCoV）的治療研究在上千種小分子化合物中初步篩選出能夠有效抑制新冠病毒主要蛋白酶活性的廣譜型抑制劑GC376陳曄並利用國家同步輻射研究中心的尖端設備解析出此藥物與病毒主要蛋白酶的複合體3D立體結構。
中國醫大這項研究成果發表在8月29日最新出刊的《美國癌症研究雜誌》「American Journal of Cancer Research」並被選為當期的封面受到國際學術領域重視。
洪明奇表示新冠病毒的複製及成熟需要透過主要蛋白酶對病毒多肽pp1ab／pp1a進行切割以產生病毒複製所需的核心蛋白酶；抑制劑GC376能夠模擬新冠病毒主要蛋白酶的受質並與其活性位點緊密地結合從而有效地抑制病毒的複製。</t>
  </si>
  <si>
    <t>病毒研究蛋白酶抑制癌症明奇國際治療複製肺炎中國醫大研究成果受到學術帶領雜誌美國有效gc核心團隊能夠於新冠pp大學校長</t>
  </si>
  <si>
    <t>研究病毒蛋白酶新冠癌症</t>
  </si>
  <si>
    <t>病毒蛋白酶研究癌症</t>
  </si>
  <si>
    <t>警示升至返台旅遊前往不要居家非必要檢疫</t>
  </si>
  <si>
    <t>韓國疫情瀕失控中央流行疫情指揮中心昨天宣佈韓國旅遊疫情即刻提升至第三級警告（Warning）。中央流行疫情指揮中心指揮官陳時中宣佈自2月27日零時起自韓國入境的本國籍人士須進行14天居家檢疫並呼籲還滯</t>
  </si>
  <si>
    <t>韓國疫情宣佈流行中央指揮中心居家須進行人士國籍入境檢疫陳時中提升即刻指揮官旅遊呼籲警告warning昨天失控</t>
  </si>
  <si>
    <t>韓國疫情瀕失控中央流行疫情指揮中心昨天宣佈韓國旅遊疫情即刻提升至第三級警告（Warning）。中央流行疫情指揮中心指揮官陳時中宣佈自2月27日零時起自韓國入境的本國籍人士須進行14天居家檢疫並呼籲還滯留在韓國的民眾儘速在27日前返國非必要不要前往旅遊。指揮中心同時也宣佈疫情建議第一級與第二級國家入境的旅客入境14天內需自主健康管理。
自韓入境外國人 今起居家檢疫
陳時中表示韓國近期病例數大幅增加達763例且爆發教會及醫院大型群聚已進入社區傳播階段當地的大邱市、慶尚北道清道郡也被指定為特別管理地區鑒於國人至當地感染的風險提高指揮中心宣佈即日起提升旅遊疫情建議至第三級警告。
針對自韓國入境台灣的防疫措施也加嚴其中2月25日零時起自韓國入境的外籍人士需進行14天居家檢疫不得外出；本國籍人士於2月25日、26日自韓國入境者須落實14天自主健康管理盡量不要外出；另自27日零時起入境的本國籍人士則實施14天居家檢疫。
陳時中說以上周為例自韓國入境人數約有1500人已經較先前慢慢減少他也提醒若是在居家檢疫限制期間之前自韓國返台者同樣建議自主健康管理、少出門且自高風險區域回來的人最好還是要戴口罩。
日列警示邊緣區 將視疫情處置
至於日本為何沒有提升旅遊疫情警示？陳時中表示日本目前從北海道到沖繩都有案例「還在警示的邊緣區」目前不管是日本、義大利、新加坡、泰國、伊朗等相關國家視疫情變化做相關處置。
指揮中心也宣佈即日起自義大利、泰國、伊朗等第一級旅遊疫情建議國家及日本、韓國等第二級旅遊疫情建議國家的所有入境旅客在入境後14天內應落實相關自主健康管理措施期間應避免外出。若有症狀需就醫時也應主動配戴醫療口罩並告知看診醫師旅遊史、職業史、群聚史、居住史（TOCC）等資訊。</t>
  </si>
  <si>
    <t>韓國入境疫情旅遊管理居家檢疫指揮中心健康日本自主宣佈建議外出警示相關當地提升口罩國家</t>
  </si>
  <si>
    <t>陳時中檢疫韓國武漢肺炎新冠肺炎</t>
  </si>
  <si>
    <t>韓國肺炎武漢檢疫陳時中</t>
  </si>
  <si>
    <t>麻將確診高雄染</t>
  </si>
  <si>
    <t>國內新冠肺炎疫情持續延燒高雄28日新增1例本土個案該確診者與日前確診的案5888按摩師互有關連由於該按摩師染疫前後曾到鳳山瑞竹街牌間打麻將與牌友互相傳染牌友再到立信街牌間傳染給28日確診的民眾目前</t>
  </si>
  <si>
    <t>確診按摩師疫情持續高雄肺炎新增本土前後傳染給友再山瑞日前互有關連個案</t>
  </si>
  <si>
    <t>國內新冠肺炎疫情持續延燒高雄28日新增1例本土個案該確診者與日前確診的案5888按摩師互有關連由於該按摩師染疫前後曾到鳳山瑞竹街牌間打麻將與牌友互相傳染牌友再到立信街牌間傳染給28日確診的民眾目前麻將群聚案已有13人確診高雄本土確診共累計44例。
經高市府疫調發現28日公佈的確診者案7010是50多歲男子與鳳山賭場群聚案相關由於案7010曾於立信街牌間與跟按摩師交互傳染案6365有相同足跡經衛生局匡列採檢後確診目前與相關牌間有關的接觸者共匡列583人。
衛生局指出案7010在24日出現咳嗽流鼻水症狀26日採檢、27日確診（CT值15）傳播能力相當高其足跡包含5月21至25日上午8點50分至9點曾至鳳山區Mr裡歐歐式早餐5月21、24日中午12點至12點15分曾到鳳山區文龍東路的新宿便當。</t>
  </si>
  <si>
    <t>確診山區按摩師足跡衛生局高雄相關麻將目前傳染本土疫情</t>
  </si>
  <si>
    <t>新冠肺炎台灣高雄按摩師麻將群聚</t>
  </si>
  <si>
    <t>高雄臺灣肺炎按摩師麻將</t>
  </si>
  <si>
    <t>業者疫苗觀光留學藝人富商瞄準</t>
  </si>
  <si>
    <t>近來日本部分民眾等不及政府主導的新冠病毒疫苗施打已有觀光業者推出前往美國紐約施打疫苗的「海外疫苗團」。就連紐約市長也先前自己上陣宣傳「觀光客疫苗施打解禁」並曾在自身twitter表示「歡迎各國前來紐約打</t>
  </si>
  <si>
    <t>疫苗施打等不及表示政府主導twitter解禁民眾病毒歡迎紐約市先前觀光客宣傳上陣前往推出觀光業部分前來</t>
  </si>
  <si>
    <t>近來日本部分民眾等不及政府主導的新冠病毒疫苗施打已有觀光業者推出前往美國紐約施打疫苗的「海外疫苗團」。就連紐約市長也先前自己上陣宣傳「觀光客疫苗施打解禁」並曾在自身twitter表示「歡迎各國前來紐約打疫苗」此舉受到高度倚賴觀光業的紐約當地民眾歡迎另也有短期語言留學加入此「商機」行列。
一對以此為目的赴美的50多歲日本人夫妻向日媒表示「在日本等打疫苗不知道要等到什麼時候搞不好今年之內還排不到。」一名駐美記者表示在5月中旬日本電視台相關報導後3天內就有約150名經濟寬裕者與藝人預約「接種旅行」。
申辦該業務的旅行社表示「想要儘速打到疫苗的人數超乎預期」這些人的共同特徵是必須出現多種場合、並與不特定多數人接觸者。不僅有個人報名也接受「團體接種」若成團從日本搭機出發總費用有機會壓到約30萬日圓上下（約台幣7萬5000元左右）抵達後不用隔離搭乘接待專車直奔專用場地施打接種的是只需一次便完成的嬌生公司（J＆J）所產疫苗。
隔離中「留學」
另外更有語言留學業者將疫苗施打結合短期語言學校基本以8星期的語言課程加上接受2回接種期間可申請延長而所謂語言課程即為隔離期間中參加現場課程線上部分結束後後再參加面對面的課程。近日日媒「Ameba News」也報導泰國也開始同樣的服務在原本的赴美旅遊行程中加入打疫苗內容據瞭解已有5家旅行社開展此業務。</t>
  </si>
  <si>
    <t>疫苗施打接種表示課程語言日本隔離赴美報導加入民眾接受觀光業歡迎期間部分</t>
  </si>
  <si>
    <t>接種留學觀光打疫苗藝人</t>
  </si>
  <si>
    <t>觀光留學疫苗接種藝人</t>
  </si>
  <si>
    <t>疫情醫院耽誤新光病情</t>
  </si>
  <si>
    <t>2021台灣醫療科技展2日開幕新光醫院今年以「卓越體驗永續新光」主題推出6大展區特別規畫「健康達人講座」新光醫院副院長洪子仁帶頭開講面對Omicron的威脅呼籲大眾給醫界時間不要太害怕也提醒民眾別</t>
  </si>
  <si>
    <t>新光醫院害怕不要時間開幕大眾呼籲威脅omicron面對開講帶頭主題永續特別推出洪子仁展區院長健康達人講座</t>
  </si>
  <si>
    <t>新光醫院疫情今年醫療確診時間檢查傳播洪子仁不要健康臺灣董事長院長omicron出現</t>
  </si>
  <si>
    <t>健檢病情洪子仁新光疫情</t>
  </si>
  <si>
    <t>疫情新光洪子仁病情健檢</t>
  </si>
  <si>
    <t>透過經驗醫院臨床智慧肺炎傳遞</t>
  </si>
  <si>
    <t>員榮醫療體系員榮醫院推動國際醫療不遺餘力自2016年開始跨海到蒙古義診但礙於疫情關係2020年開始停擺今年員榮醫院改用視訊設備透過最先進的5G智慧眼鏡遠距傳遞臨床照護經驗並持續為當地民眾診療及醫師教</t>
  </si>
  <si>
    <t>開始醫院員榮醫療當地持續經驗臨床傳遞眼鏡民眾智慧先進透過設備國際改用</t>
  </si>
  <si>
    <t>員榮醫療體系員榮醫院推動國際醫療不遺餘力自2016年開始跨海到蒙古義診但礙於疫情關係2020年開始停擺今年員榮醫院改用視訊設備透過最先進的5G智慧眼鏡遠距傳遞臨床照護經驗並持續為當地民眾診療及醫師教學工作共同照顧兩國民眾的健康。
日前員榮醫院以新冠肺炎臨床照護研討為題與台中榮民總醫院及多家蒙古國立醫院透過視訊方式交流新冠肺炎患者的臨床經驗由於蒙古目前新冠肺炎疫情仍相當嚴峻因此這次的視訊交流會議對於蒙古來說非常重要。
與會的那拉罕醫學中心院長LBaigal表示台灣醫療水準高透過交流讓蒙古醫師提升照顧新冠肺炎病患的知識與能力欽葛爾泰地區醫院院長TsLkhagva也說感謝員榮舉辦這次交流會議也樂見台蒙醫療交流能持續且緊密。
員榮醫療體系副院長塗川洲表示與會有蒙古４家醫院及醫學中心超過30名專責醫師由於新冠肺炎持續在各國發威變種病毒株難以捉摸醫療照護是最重要的一道防線希望透過交流強化彼此對於新冠肺炎疫情的掌握、與相關併發症治療的能力。
塗川洲強調從去年開始因疫情關係無法前往蒙古實施義診但從去年9月起就改採5G智慧眼鏡實施演劇醫療技士指導幫助遠在數千裡外的蒙古國民病毒不分國籍、距離也希望能把員榮所秉持的「專業、愛心、視病猶親」理念透過科技傳遞到蒙古為病患解除痛苦。</t>
  </si>
  <si>
    <t>蒙古醫療肺炎交流透過醫院員榮疫情院長開始持續醫師能力病毒實施去年希望重要傳遞塗川洲</t>
  </si>
  <si>
    <t>透過新冠肺炎臨床員榮醫院蒙古</t>
  </si>
  <si>
    <t>臨床肺炎員榮醫院蒙古透過</t>
  </si>
  <si>
    <t>嚴峻宣佈西雅圖疫情緊急狀態</t>
  </si>
  <si>
    <t>據美國有線電視新聞網（CNN）報導自華盛頓州後西雅圖3日也宣佈為了因應新冠病毒而進入緊急狀態。市長德爾坎（Jenny Durkan）在聲明中表示政府將在數日內宣佈在進入緊急狀態後所採取的相關行動。由於鄰近的華盛</t>
  </si>
  <si>
    <t>宣佈緊急狀態進入西雅圖採取後所華盛頓州因應聲明durkan表示jenny政府日內德爾坎市長病毒相關報導行動cnn鄰近美國有線電視新聞網</t>
  </si>
  <si>
    <t>據美國有線電視新聞網（CNN）報導自華盛頓州後西雅圖3日也宣佈為了因應新冠病毒而進入緊急狀態。市長德爾坎（Jenny Durkan）在聲明中表示政府將在數日內宣佈在進入緊急狀態後所採取的相關行動。
由於鄰近的華盛頓州金恩郡（King County）已出現21起確診並且全美9死病例中有8人出自於金恩郡讓華盛頓州成為全美唯一出現死亡病例的州。對此華盛頓州已於2日宣佈緊急狀態並準備買下一家旅館隔離病患而華盛頓州內的柯克蘭（Kirkland）以及雷德蒙德（Redmond）也宣佈緊急狀態。
隨著鄰近地區接連宣佈緊急狀態德爾坎表示在未來幾天內西雅圖市將與金恩郡、華盛頓州的衛生單位以及其他地方民選首長協調行動。根據緊急狀態的公告聲明市長在承租與借用上有權力省略常規所需的規範與程式、即時調整使用與否城市內設施以及必要時改變既定活動以防範新冠病毒傳播。</t>
  </si>
  <si>
    <t>華盛頓州緊急狀態宣佈金恩郡出現病例聲明行動進入德爾坎市長全美表示使用調整城市即時內設程式必要規範</t>
  </si>
  <si>
    <t>新冠病毒新冠肺炎武漢肺炎緊急狀態西雅圖</t>
  </si>
  <si>
    <t>武漢肺炎緊急狀態病毒西雅圖</t>
  </si>
  <si>
    <t>時中新北增設指導侯友宜</t>
  </si>
  <si>
    <t>台灣本土疫情持續爆發昨天新增267例本土個案短短9天以來確診人數累積1291人中央流行疫情指揮中心今(20)日公佈國內新增295例286例本土；9例境外移入；確診個案中新增1例死亡(案2683)。今天再新增286例以</t>
  </si>
  <si>
    <t>新增本土疫情個案確診中心指揮流行中央累積人數以來死亡爆發持續公佈國內昨天境外今天臺灣</t>
  </si>
  <si>
    <t>新增比較新北個案可以開始昨天確診陽性率沒有本土增加臺北市疫情累積數字</t>
  </si>
  <si>
    <t>新冠肺炎台灣陳時中新北快篩</t>
  </si>
  <si>
    <t>陳時中臺灣新北肺炎</t>
  </si>
  <si>
    <t>行為直擊民眾風雲重症首日降級再起</t>
  </si>
  <si>
    <t>今日是全國疫情警戒降二級第一天胸腔暨重症醫師黃軒指出一早看到不少人過馬路或等紅綠燈時都拉下口罩叼著菸令他直搖頭「才降級鬆動的行為就馬上出現了」提醒民眾仍要戴好口罩、徹底洗手及保持安全距離不</t>
  </si>
  <si>
    <t>口罩警戒胸腔洗手重症徹底醫師黃軒指出一早看到疫情馬路仍要提醒出現馬上民眾行為鬆動紅綠燈降級搖頭</t>
  </si>
  <si>
    <t>今日是全國疫情警戒降二級第一天胸腔暨重症醫師黃軒指出一早看到不少人過馬路或等紅綠燈時都拉下口罩叼著菸令他直搖頭「才降級鬆動的行為就馬上出現了」提醒民眾仍要戴好口罩、徹底洗手及保持安全距離不僅能有效預防社區傳播也可防止疫情再延燒。
黃軒今（27）日稍早於個人臉書粉專《黃軒醫師 Dr Ooi Hean》表示一早走在路上看到不少行人過馬路時邊走邊抽菸甚至是等紅綠燈時也接下口罩叼著菸看得他直搖頭大呼才降級就有不少鬆動的行為出現了。
黃軒表示根據英國劍橋大學最新研究出現症狀前或80%以上群眾佩戴口罩代表病毒感染力的R值就會減少甚至是小於1因此證明佩戴口罩可減緩傳播疾病若配合相關隔離措施可預防新冠肺炎疫情再起。
黃軒說解封並不代表能躲過新冠肺炎的刀鋒事實上病毒在全球幾乎都是未清零的狀況但為了經濟發展仍陸續解封宛如走在刀劍的尖峰上病毒風雲恐隨時再起。
黃軒強調疫情下許多人都認為「太悶了、都悶壞了該解放了」但降級絕對不是鬆懈防疫仍需落實戴好口罩、徹底洗手及保持安全距離最後則是接種疫苗他提醒唯有全民配合才能抗疫成功。
★《中時新聞網》提醒您：因應新冠肺炎疫情疾管署持續加強疫情監測與邊境管制措施 如有疑似症狀請撥打：1922專線或 0800-001922 並依指示配戴口罩儘速就醫同時主動告知醫師旅遊史及接觸史以利及時診斷及通報。</t>
  </si>
  <si>
    <t>口罩疫情黃軒醫師病毒降級肺炎出現症狀提醒措施解封代表配合表示一早佩戴甚至傳播</t>
  </si>
  <si>
    <t>疫情警戒黃軒降級新冠肺炎疫情</t>
  </si>
  <si>
    <t>疫情黃軒降級警戒肺炎</t>
  </si>
  <si>
    <t>進京隔離日本地區</t>
  </si>
  <si>
    <t>3月3日北京市新型冠狀病毒肺炎疫情防控工作新聞發布會上北京市政府副祕書長陳蓓表示北京調整境外人員入境隔離政策凡是從韓國、義大利、伊朗、日本等疫情嚴重國家經北京口岸入境的均需居家或集中隔離14天。</t>
  </si>
  <si>
    <t>疫情入境北京肺炎防控工作新聞口岸發佈會北京市政府秘書長陳蓓表示國家伊朗大利韓國凡是隔離政策調整日本境外人員嚴重病毒冠狀</t>
  </si>
  <si>
    <t>3月3日北京市新型冠狀病毒肺炎疫情防控工作新聞發布會上北京市政府副祕書長陳蓓表示北京調整境外人員入境隔離政策凡是從韓國、義大利、伊朗、日本等疫情嚴重國家經北京口岸入境的均需居家或集中隔離14天。
陸媒報導3月2日湖北外新增11例確診病例7例來自浙江均為義大利輸入病例。當日@人民日報發表微博稱「嚴防境外輸入」。
「嚴防境外輸入」日漸成為大陸一個重要的議題。世衛組織總幹事譚德塞2日表示中國的新冠肺炎病例數量在持續下降在過去24小時內中國境外報告的病例數幾乎是中國境內的9倍。
早在2月26日譚德塞表示「昨天（25日）中國以外的新增病例報告數量首次超過了中國的新增病例數量。」當日寧夏中衛市公告該市確診1例境外輸入型新冠肺炎病例緊急尋找密切接觸者。之後北京、廣東和浙江等多次相繼出現了境外輸入病例。
同日中共中央政治局常務委員會召開的會議上提到「要壓實屬地責任實施更嚴格的管理措施防止外部傳染源輸入。」
報導稱在地方政府相應的舉措上寧夏報告首例境外輸入型新冠肺炎病例的第二天（2月27日）寧夏回族自治區黨委書記陳潤兒主持召開「境外新冠肺炎疫情輸入防控專題會議」並做了部署。3月2日寧夏再度提到「嚴防境外輸入風險」。
其他出現境外輸入病例的省分均進行了相關部署。3月2日北京市委常委會會議暨北京新冠肺炎疫情防控工作領導小組第三十六次會議提到要「嚴格入境管理成立應對小組加強工作力量統一協調調度有針對性地落實防疫措施。來自或去過疫情嚴重國家的入境人員到京後居家或集中觀察14天。」
廣東也有了新舉措。據廣東省衛健委消息針對新冠肺炎疫情在海外呈現擴散態勢廣東正全面加強入境健康管理對來自或去過離境國家疫情嚴重地區的人員入境廣東後一律需接受居家或集中醫學觀察14天。
在疫情形勢出現新變化的這段時間「嚴防境外疫情輸入」的不僅是上述幾個省分。3月1日吉林省委書記巴音朝魯到了長春龍嘉機場調研指導疫情防控和外防輸入工作情況。廣西與山東也陸續實施入境人員疫情防控相關舉措。</t>
  </si>
  <si>
    <t>疫情輸入境外病例入境肺炎廣東北京防控人員中國工作寧夏管理提到集中會議舉措居家來自表示嚴防報告出現</t>
  </si>
  <si>
    <t>中國嚴防肺炎北京輸入</t>
  </si>
  <si>
    <t>肺炎嚴防中國北京輸入</t>
  </si>
  <si>
    <t>過多死亡紐約市畫面曝光</t>
  </si>
  <si>
    <t>新冠肺炎在美疫情重災區的紐約市9日共有518人死亡總數更突破5千大關。而據《紐約郵報》指出當地太平間已不堪負重市政府不得不動用無人島在島上挖埋葬過多屍體的壕坑無奈讓死者盡快下葬。報導指出紐約市</t>
  </si>
  <si>
    <t>指出紐約市疫情重災區共有死亡總數無奈死者屍體儘快過多埋葬島上動用不得不市政府突破負重大關紐約不堪</t>
  </si>
  <si>
    <t>新冠肺炎在美疫情重災區的紐約市9日共有518人死亡總數更突破5千大關。而據《紐約郵報》指出當地太平間已不堪負重市政府不得不動用無人島在島上挖埋葬過多屍體的壕坑無奈讓死者盡快下葬。
報導指出紐約市長新聞秘書戈德斯坦（Freddi Goldstein）表示數十年來在布朗克斯區的哈特島（Hart Island）用來埋葬無家屬認領的屍體之處「我們未來數日將繼續使用這座無人島用來埋葬近期在新冠病毒疫情中不幸過世但符合上述資格的死者」。紐約市醫學檢驗官員也表示無家屬認領的屍體將暫時安放在停屍間超過14天就符合公墓安葬條件。
報導稱事實上紐約市長白思豪（Bill de Blasio）在本周初曾表示紐約市正考慮將哈特島作為臨時埋葬場但一再避免正式公佈。然而《紐約郵報》藉由無人機空拍拍到悚然一幕─將近十多位的承包商人員正將一批批棺材埋葬在島上壕溝內。根據空拍照片顯示至少超過40座棺材埋在剛挖的壕坑內死者名字草草刻在棺材上。
此外以往在哈特島進行埋葬遺體的工作向來皆由監獄囚犯執行但因正值疫情爆發期間紐約監獄發言人表示為配合社會封鎖政策所有囚犯的勞動服務已全面暫停。</t>
  </si>
  <si>
    <t>紐約市埋葬表示紐約棺材死者疫情哈特屍體囚犯指出符合超過郵報報導監獄島上用來認領</t>
  </si>
  <si>
    <t>新冠肺炎新冠疫情新冠病毒武漢肺炎COVID-19</t>
  </si>
  <si>
    <t>武漢病毒肺炎疫情covid-</t>
  </si>
  <si>
    <t>職業可用明年參賽資格報名取消東馬</t>
  </si>
  <si>
    <t>新冠肺炎疫情持續延燒除了中國大陸之外許多國家也有確診病例傳出而外界目前預估日本可能會是下一波爆發的地點不過東京奧委會仍然表示要如期舉辦東京奧運不過其他的體育賽事可能就沒有這麼好運了。原本預定在</t>
  </si>
  <si>
    <t>可能東京持續中國大陸之外國家疫情確診體育賽事病例傳出奧運外界如期目前舉辦預估仍然奧會日本地點爆發</t>
  </si>
  <si>
    <t>新冠肺炎疫情持續延燒除了中國大陸之外許多國家也有確診病例傳出而外界目前預估日本可能會是下一波爆發的地點不過東京奧委會仍然表示要如期舉辦東京奧運不過其他的體育賽事可能就沒有這麼好運了。
原本預定在3月1日舉辦的東京馬拉松主辦單位表示因為新冠肺炎影響因為影響東京奧運的積分所以留下2百名職業跑者進行比賽不過其餘的參賽者都將被取消資格。
東京馬拉松組委會表示為了保護眾多參賽者的安全決定取消大眾跑者的參賽權不過參賽資格將可以延續至明年使用但是參賽時還是要繳交報名費而今年比賽的報名費及慈善賽捐款將不予退還。
這也讓許多參賽者不滿要求主辦單位退回報名費用不過這舉動大概是徒勞無功因為在官網的規章當中有明確規定若因為不可抗拒因素導致賽事取消將不予退還報名費用不過有購買今年紀念衣服的跑者仍會收到物品。
更多 CTWANT 報導</t>
  </si>
  <si>
    <t>東京報名取消參賽者表示可能主辦單位資格比賽費用奧運參賽舉辦不予退還馬拉松肺炎收到中國</t>
  </si>
  <si>
    <t>出院感人康復po肺炎脫線老伴</t>
  </si>
  <si>
    <t>86歲資深藝人脫線(本名：陳炳楠)曾演出《總鋪師》、《大佛普拉斯》等電影農曆年前驚傳因感冒引起肺炎整整住院一個月令粉絲好擔心。不過他今（27日）終於透過臉書報平安「天公保庇我康復出院了。」脫線在</t>
  </si>
  <si>
    <t>演出天公平安書報大佛普拉斯透過電影終於農曆年前擔心康復陳炳楠感冒粉絲引起肺炎</t>
  </si>
  <si>
    <t>86歲資深藝人脫線(本名：陳炳楠)曾演出《總鋪師》、《大佛普拉斯》等電影農曆年前驚傳因感冒引起肺炎整整住院一個月令粉絲好擔心。不過他今（27日）終於透過臉書報平安「天公保庇我康復出院了。」
脫線在臉書報平安透露自己因感冒引起肺炎還幽默表示：「不是武漢的免驚我不會傳染是很多老人最怕的肺部感染。」但他也因為肺積水喘氣困難而無法入睡狀況差到險插管整整住院一個月。
如今終於康復出院脫線除了感謝辛苦的醫護人員還有最辛苦的老婆「我住院一個月她也陪我住院一個月忍耐我壞脾氣身體不適的壓力昏迷的語無倫次未來我會更加珍惜自己身體妳自己身體也愛顧賀。」一番真情告白令人感動。</t>
  </si>
  <si>
    <t>住院身體終於整整出院康復脫線肺炎引起感冒書報平安辛苦演出我會語無倫次未來大佛昏迷壓力不適普拉斯無法</t>
  </si>
  <si>
    <t>脫線肺炎脫線老婆新冠肺炎武漢肺炎</t>
  </si>
  <si>
    <t>老婆肺炎脫線武漢</t>
  </si>
  <si>
    <t>等級假期調防機票北京</t>
  </si>
  <si>
    <t>今天（29日）下午北京市宣佈公共衛生應急回應級別下調至二級這意味著大陸國內低風險地區進京出差、返京人員不再要求居家隔離14天北京「五一」出行的需求應聲上漲。據「去哪兒網」平臺資料顯示消息發佈的半</t>
  </si>
  <si>
    <t>平臺衛生應急回應上漲級別應聲下調需求出行意味著北京大陸國內隔離居家風險要求北京市資料地區不再人員進京出差返京</t>
  </si>
  <si>
    <t>今天（29日）下午北京市宣佈公共衛生應急回應級別下調至二級這意味著大陸國內低風險地區進京出差、返京人員不再要求居家隔離14天北京「五一」出行的需求應聲上漲。
據「去哪兒網」平臺資料顯示消息發佈的半小時內「去哪兒網」機票搜索量迅速攀升北京出發機票預訂量較上一時段暴漲15倍度假、酒店等其他旅遊產品搜索量也上漲3倍。
據「去哪兒網」資料顯示截至目前北京至成都、重慶、上海、杭州、長沙成為預訂量最多的5個航線深圳、昆明、廣州、西安、廈門、三亞也成為預訂量大漲的熱門目的地。
「去哪兒網」旅遊專家表示目前北京出港航班還有大量1折左右特價機票但未來價格將可能出現大幅上升有「五一」出行計畫的遊客需儘快購票。
此前京津冀地區健康狀態互認之後北京「五一」期間至京津冀地區的高鐵車票預定應聲上漲多條高鐵線路車票快速售罄。</t>
  </si>
  <si>
    <t>北京地區預訂量上漲出行旅遊成為應聲京津車票目前機票搜索顯示資料衛生應急回應級別下調北京市意味著大陸國內</t>
  </si>
  <si>
    <t>北京機票五一新冠肺炎武漢肺炎</t>
  </si>
  <si>
    <t>機票肺炎北京武漢</t>
  </si>
  <si>
    <t>停業診所被迫衛生局病例確診謠傳</t>
  </si>
  <si>
    <t>高市3位民眾參加土耳其團旅行返臺確診感染新冠肺炎其中有1位民眾去了一間位在鳳山五甲的診所雖然衛生局後來出面澄清該名個案並未進入診所內可是診所還是遭到網路霸淩歧視診所為此自行貼公告休診到4月6日</t>
  </si>
  <si>
    <t>診所民眾公告自行歧視返台旅行確診感染個案出面肺炎後來衛生局五甲間位鳳山土耳其遭到進入</t>
  </si>
  <si>
    <t>高市3位民眾參加土耳其團旅行返臺確診感染新冠肺炎其中有1位民眾去了一間位在鳳山五甲的診所雖然衛生局後來出面澄清該名個案並未進入診所內可是診所還是遭到網路霸淩歧視診所為此自行貼公告休診到4月6日甚至連診所醫護人員小孩也被要求請假14天；高市衛生局簡任技正潘炤穎痛批這根本不是在防疫而是獵巫！
3名前往土耳其旅行的團員回到高雄後被確診感染新冠肺炎但卻有人搶在高市衛生局公告他們的足跡史之前在網路上點名了一些地方其中包含1名民眾去過的診所；不過衛生局當天就已經出面說明的確有名患者是到該診所就醫但他並未進入診所裡頭因此不需要匡列這間診所裡頭的醫護人員也沒有要求他們要自主健康管理。
沒想到現在卻傳出了該診所醫護理人員有念幼稚園的小孩竟遭到同班同學家長們聯合要求請假在家14天另診所也不堪網路流言困擾貼出公告表示「本診所未曾讓疑似武漢肺炎確診患者進入診治但避免太多困擾自3月19日停診並於4月6日恢復看診」等同診所停業14天。
高雄市政府衛生局防疫診所土耳其旅遊團新冠肺炎</t>
  </si>
  <si>
    <t>診所衛生局公告土耳其肺炎進入民眾要求高市確診小孩患者遭到防疫旅行困擾出面高雄請假網路醫護人員</t>
  </si>
  <si>
    <t>診所衛生局肺炎網路新冠肺炎</t>
  </si>
  <si>
    <t>衛生局網路肺炎診所</t>
  </si>
  <si>
    <t>台中展現生活持續盧秀燕建設決心</t>
  </si>
  <si>
    <t>台中市長盧秀燕5日在市議會進行施政總報告「逐步完善各項重大建設要給市民更好的生活！」盧秀燕說市府積極推動各項政策包括市民期盼已久的水湳國際會展中心、台中綠美圖、捷運綠線將於今年底通車營運等；今</t>
  </si>
  <si>
    <t>市民盧秀燕台中今年底議會施政報告國際會展中心進行逐步完善重大已久建設期盼包括各項政策市府推動積極生活</t>
  </si>
  <si>
    <t>台中市長盧秀燕5日在市議會進行施政總報告「逐步完善各項重大建設要給市民更好的生活！」盧秀燕說市府積極推動各項政策包括市民期盼已久的水湳國際會展中心、台中綠美圖、捷運綠線將於今年底通車營運等；今年PM25濃度及空品不良天數雙雙呈現改善趨勢等展現階段性成果市府致力打造「富市台中、新好生活」。
台中市議會今日召開第3屆第3次定期會第2次會議。盧秀燕指出今年是嚴峻且備受挑戰的1年隨著新冠肺炎疫情擴散檢驗市府平時的防疫整備秉持「防疫工作超前部署」的決心；台中市率全國之先將疫情應變指揮中心由3級提升為2級今年2月更將防疫中心提升為一級開設每日召開疫情會報掌握疫情做最嚴謹準備。
盧秀燕表示台中要積極展現執行力符合市民期待除了防疫工作積極應變市政工作也不停歇市府持續以8大核心價值及12大發展策略啟動台中變革逐步落實「富市台中、新好生活」的城市願景。
盧秀燕說重大建設方面繼去年開工的水湳國際會展中心及台中綠美圖之後市府成功推動「大智路貫通計畫」將於今年8月完工通車貫通大台中火車站前後站其他包括水湳新地標「科湳愛琴橋」通車、長春運動中心完工、南山截水溝工程施工等逐步完善重大建設。
交通運輸發展上市民期待已久的捷運綠線工程進度已達9104％年底將通車營運未來會繼續延伸捷運綠線、興建捷運藍線及橘線完善軌道路網；加上結合市政路開闢、東豐快速道路復工等道路工程、各大轉運中心的建置以及公車綿密路網、智慧交通等運輸系統的整合為城市打造交通任意門。
盧秀燕說市府落實「前店、後廠、自由港」的台中富市3經濟發展策略為台中經濟注入活水包括豐富運動產業園區及潭子聚興產業園區開工、台中巨蛋位址所在的14期重劃區完工等吸引更多業界投資台中目前民間投資台中金額達4430億元包含麗寶樂園OUTLET二期、東區LaLaport購物中心、Costco北台中店動工等約可創造7500個就業機會。
在空品改善上盧秀燕指強調市府透過「藍天白雲行動」計畫落實24項精進對策包括要求中火減煤減碳、推動燃煤工業鍋爐111年全面退場、電動公車倍增等已展現成果台中市去年PM25平均濃度為每立方米177微克相較107年改善11微克；另外去年空品不良發生天數為44天相較於107年減少16天雙雙呈現改善趨勢。
社會福利政策上盧秀燕說除去年7月提前恢復老人健保補助讓全市超過25萬名長輩享有福利並布建1257處社區照顧服務據點、9家失智共照中心及32家失智社區據點落實長照服務。
為推動友善育兒環境市府落實「公托公幼倍增計畫」公托倍增方面去年先後開辦東區、梧棲及北區3家社區公共托育家園今年初更開辦大裡托嬰中心；公幼倍增方面109學年度中市公共化幼兒園規劃增設88班以上增班數歷年最多。</t>
  </si>
  <si>
    <t>台中市府盧秀燕中心落實去年包括推動市民通車今年防疫疫情完工倍增社區改善完善方面展現</t>
  </si>
  <si>
    <t>富市台中新好生活8大核心價值12大發展策略台中</t>
  </si>
  <si>
    <t>台中核心價值生活策略發展</t>
  </si>
  <si>
    <t>警告who死亡全球世界傳人</t>
  </si>
  <si>
    <t>《中時新聞網》精選5件不可不知的國際大事帶讀者掌握今（11）日的國際新聞重點。【1】	WHO指台電郵裡未寫「人傳人」指揮中心反駁世界衛生組織（WHO）世衛表示去年12月31日收到台灣所發電郵內容提及媒體報導指</t>
  </si>
  <si>
    <t>who國際不可不大事內容精選發電傳人指揮中心臺灣反駁世界衛生組織收到去年世衛表示新聞台電重點</t>
  </si>
  <si>
    <t>疫情who美國死亡經濟川普表示世界衛生組織中心病例國際肺炎政治化世衛全球臺灣指揮爆發定奪低於</t>
  </si>
  <si>
    <t>WHO武漢肺炎新冠肺炎新型冠狀病毒COVID-19</t>
  </si>
  <si>
    <t>肺炎冠狀病毒武漢whocovid-</t>
  </si>
  <si>
    <t>經濟工作組成立美國川普</t>
  </si>
  <si>
    <t>據美國有線電視新聞網（CNN）報導在美國當地時13日美國總統川普在白宮的新冠肺炎疫情記者會上表示白宮將於美國時間14日宣佈成立一個經濟工作組包括一個或多個委員會聚焦未來幾周內能夠指導美國經濟重</t>
  </si>
  <si>
    <t>美國經濟白宮能夠聚焦未來委員會周內總統包括肺炎記者會工作組川普表示成立宣佈時間當地指導疫情報導cnn美國有線電視新聞網</t>
  </si>
  <si>
    <t>據美國有線電視新聞網（CNN）報導在美國當地時13日美國總統川普在白宮的新冠肺炎疫情記者會上表示白宮將於美國時間14日宣佈成立一個經濟工作組包括一個或多個委員會聚焦未來幾周內能夠指導美國經濟重新啟動。
川普在會上表示「你們可能聽說過我們還成立了一個委員會；實際上委員會不只一個這些委員會擁有全國最傑出的人物各個領域最成功的人士我們將在明天宣佈它們的成立。」
報導還提到特朗普表示行政團隊已經就美國部份地區經濟重啟進行討論預計很快就能夠付諸實行。
川普說「我們將很快敲定全新的、非常重要的指導方針為州長們提供其所在地重啟所需的訊息；政府的復甦計畫將讓美國人對恢復生活產生信心。」
據瞭解白宮幕僚長馬克梅多斯將擔任該工作組的主席川普女兒伊凡卡也會在組織中發揮作用。</t>
  </si>
  <si>
    <t>美國川普表示經濟白宮成立委員會能夠報導很快伊凡卡女兒主席成功工作擔任州長指導方針人士瞭解信心</t>
  </si>
  <si>
    <t>美國川普經濟白宮新冠肺炎</t>
  </si>
  <si>
    <t>白宮經濟川普肺炎美國</t>
  </si>
  <si>
    <t>外出不肯戴口罩！村民遭反綁教訓「你不活百姓還想活」</t>
  </si>
  <si>
    <t>教訓口罩村民百姓外出</t>
  </si>
  <si>
    <t>新冠肺炎（COVID-19俗稱武漢肺炎）疫情持續延燒截至2月18日大陸地區已出現超過72萬起確診病例累積死亡人數達到1870起各省紛紛實施「封閉式管理」嚴格限制民眾出入並要求配戴口罩日前在河南有名男</t>
  </si>
  <si>
    <t>肺炎配戴要求疫情出入持續民眾限制嚴格截至管理大陸俗稱口罩封閉式實施地區紛紛達到出現人數超過確診病例武漢</t>
  </si>
  <si>
    <t>新冠肺炎（COVID-19俗稱武漢肺炎）疫情持續延燒截至2月18日大陸地區已出現超過72萬起確診病例累積死亡人數達到1870起各省紛紛實施「封閉式管理」嚴格限制民眾出入並要求配戴口罩日前在河南有名男子外出時未戴口罩遭到防疫人員反綁在牆柱上對他一陣破口大罵。
最近在大陸瘋傳一段影片畫面中可以看到1名男子被牢牢綁在柱子上面前站著1位身穿防護衣的工作人員對著他大聲痛斥：「忘戴了？你還想活嗎」、「你不活人家老百姓還活呢」。這段畫面曝光後立刻引起一陣熱議事後官方也證實影片內容確屬事實。
此事發生在河南省濮陽當地官員表示遭到綑綁的是一名靖某男子由於他每天外出都不戴口罩且多次出入檢查口時不服防疫人員勸告直到13日靖某再度不戴口罩出門防疫人員因此對他進行教育但坦承做法確實不適當將會對其進行檢討公安也介入調查。
更多 CTWANT 報導</t>
  </si>
  <si>
    <t>口罩人員防疫影片大陸畫面進行遭到出入外出男子肺炎疫情介入持續俗稱武漢人數</t>
  </si>
  <si>
    <t>喊話信心爆炸大點疫情一月臺灣必可黃秋生</t>
  </si>
  <si>
    <t>新冠肺炎影響全球一年多時間台灣原本在國際間是出了名防疫頂尖但連日確診人數大爆炸民眾開始瘋搶糧食口罩深怕會面臨封城窘境；香港資深藝人黃秋生去年曾為了工作來台居留數月近期再度抵台慘遇疫情升溫他</t>
  </si>
  <si>
    <t>全球時間再度臺灣近期原本居留國際工作去年出了名防疫黃秋生確診藝人影響人數香港窘境爆炸封城民眾面臨</t>
  </si>
  <si>
    <t>新冠肺炎影響全球一年多時間台灣原本在國際間是出了名防疫頂尖但連日確診人數大爆炸民眾開始瘋搶糧食口罩深怕會面臨封城窘境；香港資深藝人黃秋生去年曾為了工作來台居留數月近期再度抵台慘遇疫情升溫他也透過臉書列4大要點拜託大家一起遵守更信心喊話「一月內必可控」立刻被大票網友推爆分享。
黃秋生近期因工作再度來台灣居留日前剛結束隔離14天沒想到卻碰上新冠確診人數大爆發大臺北地區更進入三級防疫但他今（15）日稍早也在臉書發文認為台灣上下一心對抗疫情還是有機會控制住的。
黃秋生列出4大重點「盡量不外出不自私不恐慌物資充足盡量自我隔離」做好這幾項一個月內必定可控制住疫情。
在黃秋生發文半小時左右就被上萬網友推爆並分享不少人更感謝他真心愛台灣「感恩黃大哥對台灣的信任」、「台灣加油沉住氣應戰」、「我們2週就會搞定了一起加油」、「不聽話的做成叉燒包」、「感謝秋生哥的呼籲大家一起抗疫」、「沒問題的要對台灣有信心」。</t>
  </si>
  <si>
    <t>臺灣黃秋生一起疫情隔離感謝防疫發文儘量人數確診加油居留控制分享近期信心網友</t>
  </si>
  <si>
    <t>黃秋生台灣新冠肺炎疫情隔離14天</t>
  </si>
  <si>
    <t>肺炎臺灣疫情黃秋生隔離</t>
  </si>
  <si>
    <t>動能明年業績</t>
  </si>
  <si>
    <t>八貫(1342)將於明(29)日召開上市前業績發表會並將於11月底前掛牌上市看好在三大動能加持下將帶動明年業績持續上攀。八貫近三年營運表現優異2017至2019年每股稅後盈餘分別為349元、379元及308元；今年上半</t>
  </si>
  <si>
    <t>業績上市優異表現營運看好三大持續明年動能帶動掛牌召開月底發表會分別</t>
  </si>
  <si>
    <t>八貫(1342)將於明(29)日召開上市前業績發表會並將於11月底前掛牌上市看好在三大動能加持下將帶動明年業績持續上攀。
八貫近三年營運表現優異2017至2019年每股稅後盈餘分別為349元、379元及308元；今年上半年雖有新冠疫情影響公司獲利仍亮眼稅後淨利089億元年增率213％EPS為144元；累計前三季營收為1160億元亦創下歷年最佳成績。以目前出貨排程來看預期第四季將因歐美醫療及戶外訂單出貨暢旺業績可望向上攀升展望明年八貫在航太輕量化新產品通過認證、跨足家居型醫療產品以及戶外產品轉單效益的三大動能加持下將持續帶動公司整體營運成長。
八貫為全球少數同時擁有TPU(熱可塑性聚氨酯彈性體）二次、三次加工技術及產能的機能性布料大廠不但可提供客戶從開發設計至終端產品生產製造的一站式服務出貨前每件產品皆經過嚴謹的檢測主攻與生命安全有關的醫療、戶外及航太救生等高階利基型市場；因高階產品需要通過多項嚴格的認證故有生命週期長、且不輕易更動供應商的特性公司目前握有明確且長期穩定的訂單因應既有的產品以及新產品增加的產線成品組件產能已滿載因此進行擴廠新廠規劃預計明年第一季進行搬廠認證可望於第二季進入量產未來業績動能無虞。
今年因新冠疫情而大幅帶動八貫各式醫療級氣墊床及機能性布料的出貨成長加上第三季戶外產品出貨已恢復疫前水準若依產品銷售類別佔比前三季營收比重分別為：醫療43％、戶外44％、航太救生9％工業4％其中醫療佔比年增12個百分點目前美國區醫療產品平均毛利率為35％樂觀預期全年營收獲利將有望挑戰新高。
八貫憑藉TPU之高效研發與優勢製程持續多元發展以續積未來成長動能尤其以醫療、戶外及航太救生三大產品為營運主軸包括醫療應用從醫院高端醫療床延伸至居家照護目前居家照護市場規模是醫療產品產值的6倍公司所研發醫療所需之機能性布料將可擴張應用至新領域。在戶外產品部分公司研發持續朝向輕量、複合式布料發展同時三次加工成品亦有持續升級趨勢加上美中貿易轉單效益原有客戶已明顯提升明年之下單數量。
此外八貫佈局航太救生領域將開花結果其中航空救命筏頂蓬機能性布料、航空逃生滑梯等已於今年通過認證雖因疫情而遞延出貨然年底前將小量出貨未來可望逐步放量。目前在手訂單能見度高且航空逃生滑梯朝向更輕量化發展八貫不僅掌握新產品的訂單亦可有週期性機能性布料升級潮航太救生產業之出貨可望倍數成長。
產能上八貫已斥資近4億元在宜蘭龍德工業區興建占地3千坪新廠區並導入智慧化高周波產線擴增成品組件產能預計明年第二季正式量產醫療床及露營睡墊產能預計增加33000床、管材/其他產品產能預計增加144000pcs以期增添新成長動能。</t>
  </si>
  <si>
    <t>產品醫療布料目前公司戶外明年持續機能性產能認證成長業績訂單動能可望</t>
  </si>
  <si>
    <t>八貫TPU新冠肺炎航太救生熱可塑性聚氨酯彈性體</t>
  </si>
  <si>
    <t>救生肺炎可塑性tpu聚氨酯彈性體</t>
  </si>
  <si>
    <t>升溫疫情專欄醫療期貨錢景俏股價指數</t>
  </si>
  <si>
    <t>就全美疫情來看新增病例速度已放緩不過歐洲恐又再度失控許多城市出現「反口罩」、「反防疫限制」示威使得疫情持續惡化歐洲新冠肺炎確診人數突破400萬人逾20萬人死亡。儘管新冠肺炎的疫苗研發已進入</t>
  </si>
  <si>
    <t>疫情肺炎新增病例失控再度放緩歐洲恐速度示威使得確診持續惡化歐洲新來看口罩出現城市防疫疫苗限制死亡</t>
  </si>
  <si>
    <t>就全美疫情來看新增病例速度已放緩不過歐洲恐又再度失控許多城市出現「反口罩」、「反防疫限制」示威使得疫情持續惡化歐洲新冠肺炎確診人數突破400萬人逾20萬人死亡。
儘管新冠肺炎的疫苗研發已進入第三階段人體試驗不過在疫苗問世之前生技醫療類股仍為市場主流帶動了整體醫療防疫概念股的成交量因此生技類股市場有避險及資金運用需求日益增加的情況。
所以臺灣期貨交易所於今年6月8日上市「臺灣生技期貨」及「臺灣永續期貨」其中臺灣生技期貨成分股涵蓋上市及上櫃新藥研發、醫材及藥品製造等指標股票可表彰台灣整體生技醫療產業的表現也符合現今市場聚焦產業另外還有波動性高的特點有潛在避險及交易需求。
臺灣生技期貨契規模約23萬而保證金為新台幣21000元槓桿約為11倍因此臺灣生技期貨的最大優勢在於門檻低、操作彈性高交易人可以較低資金成本進行交易及避險提升資金效率。
以技術面來看臺灣生技期貨3日呈現開高走低格局本周一度攻上所有均線之上不過無法有效站上3日再次回測月線支撐維持上有壓下有撐的走勢在站穩月線之前短線建議投資人先以中性區間看待臺灣生技期貨。
期貨交易為高槓桿的保證金交易有高度的投資風險投資人應衡量自我的投資能力適度作加減碼並設定停損機制以利有效控制投資風險。</t>
  </si>
  <si>
    <t>臺灣期貨市場交易避險投資研發有效醫療疫情之前防疫肺炎來看投資人疫苗整體上市產業杠杆需求</t>
  </si>
  <si>
    <t>肺炎臺灣生技歐洲疫情</t>
  </si>
  <si>
    <t>臺灣歐洲肺炎疫情</t>
  </si>
  <si>
    <t>支票美國政府驚見救濟金金額開箱</t>
  </si>
  <si>
    <t>美國因受到新冠肺炎疫情重擊不僅死亡人數破10萬確診人數也破180萬是全球之最失業率也高達20%為了救經濟政府在3月底通過2萬億美元經濟刺激法案成為美國歷史上最大規模的經濟紓困方案美籍YouTuber莫彩</t>
  </si>
  <si>
    <t>經濟美國人數疫情肺炎規模法案歷史成為失業率紓困死亡月底政府刺激全球方案</t>
  </si>
  <si>
    <t>美國因受到新冠肺炎疫情重擊不僅死亡人數破10萬確診人數也破180萬是全球之最失業率也高達20%為了救經濟政府在3月底通過2萬億美元經濟刺激法案成為美國歷史上最大規模的經濟紓困方案美籍YouTuber莫彩曦(Hailey)近日終於收到這筆救濟金她也拍影片開箱見證這難得的經驗。
莫彩曦收到美國財政部寄來的支票上面有警告若想偷政府的錢或濫用支票會被罰1萬元美金和進監獄10年而她們會2個月後才收到支票原來是川普想把自己的簽名印在上面所以才會要重新印刷而因為她和老公adam是夫妻所以它們總共拿到2400元美金(約台幣71000)。
而這個支票就是要刺激經濟所以不少人都會用在房租費或生活費上畢竟現在美國狀況很不好大家都很辛苦莫彩曦希望這筆錢能真正花在最好的地方能刺激經濟也幫助別人所以她們希望網友能提供意見。
不少粉絲看到後也都建議她們可以去幫助一些當地小店或是幫助一些弱勢族群也可以多多幫助服務業因為美國很多服務業都失業多消費才能維持底層人民生活。</t>
  </si>
  <si>
    <t>經濟支票美國收到刺激幫助莫彩上面希望政府可以才能人數疫情肺炎消費</t>
  </si>
  <si>
    <t>莫彩曦YouTuber支票美國新冠肺炎</t>
  </si>
  <si>
    <t>支票美國youtuber莫彩肺炎</t>
  </si>
  <si>
    <t>行業完整延長指引警戒曝光</t>
  </si>
  <si>
    <t>國內疫情雖趨緩但考量仍有零星不明感染源之本土病例中央流行疫情指揮中心宣佈二級警戒延長至10月4日根據二級警戒指引包括酒店、KTV、舞廳及遊藝場所等2大類別仍須關閉後續將視疫情發展做滾動式修訂。</t>
  </si>
  <si>
    <t>疫情警戒發展考量包括酒店ktv中心零星舞廳後續指揮流行遊藝場不明中央類別感染本土病例關閉</t>
  </si>
  <si>
    <t>疫情場所酒店警戒沒有停業關閉原本小姐本土ktv表示包括指引視聽指揮舞廳類別中心開放延長</t>
  </si>
  <si>
    <t>二級警戒八大行業酒店小姐二級警戒指引疫苗</t>
  </si>
  <si>
    <t>警戒小姐酒店行業指引八大疫苗</t>
  </si>
  <si>
    <t>市府觀光業勞資衝擊困境疫情</t>
  </si>
  <si>
    <t>新冠肺炎疫情升高台中市累計已有3家業者通報無薪假勞工局仍在審核中目前觀光旅遊業還撐住沒有通報無薪假觀光旅遊業表示盡量讓員工休春節上班的補假與特休假因應疫情後生意反彈勞工局已擬定「協助觀</t>
  </si>
  <si>
    <t>疫情勞工旅遊業觀光通報升高台中累計反彈因應休假上班春節員工生意家業儘量</t>
  </si>
  <si>
    <t>新冠肺炎疫情升高台中市累計已有3家業者通報無薪假勞工局仍在審核中目前觀光旅遊業還撐住沒有通報無薪假觀光旅遊業表示盡量讓員工休春節上班的補假與特休假因應疫情後生意反彈勞工局已擬定「協助觀光旅遊業因應疫情策略及作為」組成「無薪假訪視輔導小組」力挺勞資因應疫情困境。
勞工局長吳威志強調事業單位如因疫情影響致業務緊縮營運困難依勞動部「因應景氣影響勞雇雙方協商減少工時應行注意事項」經與勞工協商同意實施無薪假目前勞工局尚未接獲觀光旅遊業者通報無薪假。
市府表示目前有包括塑膠、建材與機械製造等3家業者通報無薪假員工人數計66人但需經是否高階主管減薪勞資協商同意等條件才會通過無薪假審核目前還在審核階段。
疫情持續延燒對觀光旅遊業的企業營運造成衝擊為預先因應疫情衝擊勞資關係及勞動權益勞工局18日邀集台中市18個觀光業公會、協會、工會等代表整合勞動部勞動力發展署中彰投分署、觀光旅遊局等資源向觀光業者說明因應疫情協助措施傾聽業者心聲。
台中市旅館商業同業公會理事長鄭生昌說 勞工局整合相關資源協助業者面對困境為業者加油打氣。
勞動部勞動力發展署中彰投分署科長蕭盈潔表示勞工局與分署密集合作為事業單位提供服務事業單位若經勞工局通報實施無薪假會提供充電再出發計畫協助。
此外事業單位若未實施無薪假可善用「企業人力資源提升計畫」及「小型企業人力提升計畫」提升勞工技能。
吳威志說為提早因應、輔導業者勞工局組成「無薪假訪視輔導小組」並整合勞工局大量解僱預警機制、資遣通報輔導、勞資爭議調解、職業訓練、就業媒合諮詢及勞工權益基金等資源成為勞資雙方面對疫情困境最堅實的後盾。</t>
  </si>
  <si>
    <t>勞工疫情因應通報觀光旅遊業協助業者勞資輔導台中單位目前整合事業困境勞動部資源表示協商計畫影響員工</t>
  </si>
  <si>
    <t>新冠肺炎新型冠狀病毒台灣台中市旅遊業</t>
  </si>
  <si>
    <t>病毒臺灣冠狀台中肺炎旅遊業</t>
  </si>
  <si>
    <t>確診肺炎以外全球大陸世衛組織</t>
  </si>
  <si>
    <t>世界衛生組織3月7日公佈的最新資料顯示大陸以外新冠肺炎確診病例已逾兩萬例達2萬1114例。世衛組織每日疫情報告顯示截至歐洲中部時間7日10時（北京時間7日17時）中國以外新冠肺炎確診病例較前一日增加3633例</t>
  </si>
  <si>
    <t>顯示以外病例肺炎確診大陸中部歐洲截至資料世衛組織疫情報告時間中國最新北京時間日公增加世界衛生組織</t>
  </si>
  <si>
    <t>世界衛生組織3月7日公佈的最新資料顯示大陸以外新冠肺炎確診病例已逾兩萬例達2萬1114例。
世衛組織每日疫情報告顯示截至歐洲中部時間7日10時（北京時間7日17時）中國以外新冠肺炎確診病例較前一日增加3633例達2萬1114例；死亡病例則較前一日增加78例達413例。
全球新冠肺炎確診病例較前一日增加3735例突破10萬、達10萬1927例；死亡病例則較前一日增加106例達3486例。報告顯示過去24小時內哥倫比亞、秘魯、多哥、梵蒂岡報告首例確診病例</t>
  </si>
  <si>
    <t>顯示病例確診報告肺炎以外增加大陸秘魯中部多哥哥倫比亞歐洲梵蒂岡截至小時過去資料死亡時間</t>
  </si>
  <si>
    <t>病例肺炎增加10新冠</t>
  </si>
  <si>
    <t>肺炎病例增加</t>
  </si>
  <si>
    <t>長文專訪介紹中職記者</t>
  </si>
  <si>
    <t>中職領先全球開打吸引國內外媒體爭相報導2日美國權威報紙《紐約時報》特別派記者至桃園球場採訪當日正好是樂天桃猿隊史千勝今日以長篇幅刊登中職以無觀眾方式在疫情期間順利開打也提到中職近期將開放觀眾</t>
  </si>
  <si>
    <t>中職觀眾記者桃園球場特別採訪紐約時報當日報紙權威樂天桃美國報導史千勝爭相吸引今日國內外媒體提到篇幅</t>
  </si>
  <si>
    <t>中職領先全球開打吸引國內外媒體爭相報導2日美國權威報紙《紐約時報》特別派記者至桃園球場採訪當日正好是樂天桃猿隊史千勝今日以長篇幅刊登中職以無觀眾方式在疫情期間順利開打也提到中職近期將開放觀眾進場。
《紐約時報》派記者至台灣採訪介紹中職在空無一人的球場內進行比賽用播報員的說法這是全球唯一正在進行的體育比賽在新冠肺炎疫情下中職正帶給世界希望。
在觀眾席上的是假人而不是真的球迷球場內隨處可見酒精每個人都盡量保持距離甚至球員不能隨地吐痰、吐瓜子而所有教練和球員都異口同聲表示現在還能比賽相當幸運。報導中採訪到中信兄弟總教練丘昌榮「就算沒有球迷我們仍知道有很多人在關注我們。」
同時也採訪到今年「世界全壘打王」朱育賢「紙板觀眾一開始會覺得有點奇怪但當紙板觀眾增加我們把這當作另類行銷手法。」不過沒有球迷的確讓球員難以提高腎上腺素桃猿總教練曾豪駒也說「少了一點能量不像真正的比賽那麼刺激。」
目前台灣疫情已趨緩在記者採訪時就已有開放球迷進場的消息台灣抗疫有成獲得世界關注兄弟投手教練佛斯特也感到驕傲「在疫情之前很多人沒聽過台灣的中職但現在即使是ESPN也會報導我的美國朋友也很嫉妒台灣還能進行比賽。」
此外《紐約時報》也採訪到了樂天啦啦隊女孩倪暄她像紐時說因為關心疫情所以希望透過應援來為世界帶來正面能量。當晚是桃猿隊史千勝有些球迷在球場外為球隊歡呼而現在球迷真的能進場了8日開始確定每場最多能開放一千人。</t>
  </si>
  <si>
    <t>球迷疫情中職採訪臺灣教練世界觀眾球場比賽球員現在報導進行進場紐約時報開放記者能量開始</t>
  </si>
  <si>
    <t>中職紐約時報開打新冠肺炎</t>
  </si>
  <si>
    <t>紐約時報中職肺炎</t>
  </si>
  <si>
    <t>員工路廠確診大興北京停工停產百事</t>
  </si>
  <si>
    <t>北京爆發新一輪新冠疫情百事公司大中華區集團通報大興區磁魏路的廠房出現8位確診公司並已第一時間啟動應急方案採取停產停工、封存產品、環境消毒及隔離87名密切接觸者。大陸疾控中心6月16日已對工廠內外環境</t>
  </si>
  <si>
    <t>環境疫情百事公司大中華集團中心通報大興區大陸廠房出現確診密切接觸公司第一時間隔離啟動應急消毒</t>
  </si>
  <si>
    <t>北京爆發新一輪新冠疫情百事公司大中華區集團通報大興區磁魏路的廠房出現8位確診公司並已第一時間啟動應急方案採取停產停工、封存產品、環境消毒及隔離87名密切接觸者。
大陸疾控中心6月16日已對工廠內外環境進行塗抹取樣結果均呈陰性並已對食堂、更衣室、車間、洗手區、廁所流水線、工作區等進行兩次全面的環境消毒。百事表示會嚴格遵守疫情防控政策保障食品生產安全全面保障消費者權益。
據《北京青年報》報導百事公司第一時間啟動應急預案採取停產停業、產品封存、環境消殺、人員隔離等措施；已經對產品及廠區環境進行了全方位取樣調查目前測試產品安全同時保證新發地疫情後的產品均已封存。
百事公司處置情況如下：
一是迅速停產停工啟動應急預案。6月15日首例病例確診。當日早八點立即停止生產做全廠消殺封閉所有庫存禁止外運。成立應急處置前方指揮部統籌協調相關工作。
二是全面開展人員核酸檢測6月15日全部員工居家隔離6月16日進行全員核酸檢測6月20日轉運480人到集中隔離點隔離這480人核酸檢測結果均為陰性。同日對所有員工共同居住人員全部落實居家隔離觀察。
三是配合政府進行擴大流調範圍。深入分析病例流調報告。截至6月20日18時已追查到密切接觸者87名全部落實集中隔離措施。
四是做好環境檢測與消殺。6月16日區疾控中心對工廠內外環境進行塗抹取樣結果均陰性。6月15日和20日對食堂、更衣室、車間洗手區、廁所、流水線工作區等兩次進行全面環境消殺。
五是嚴格遵守疫情防控政策保障食品生產安全全面保障消費者權益。</t>
  </si>
  <si>
    <t>進行環境隔離疫情百事公司全面應急產品檢測人員封存確診啟動處置病例生產核酸陰性已對取樣消毒結果措施</t>
  </si>
  <si>
    <t>百事公司北京新冠肺炎大陸大興區磁魏路</t>
  </si>
  <si>
    <t>肺炎大陸大興區北京百事公司</t>
  </si>
  <si>
    <t>足跡運到巨蛋確診公佈西門北市江子翠</t>
  </si>
  <si>
    <t>臺北市今公佈2例確診者足跡案16078、案16095皆為新北市個案28日確診而案16078感染源為家戶感染案16095感染源尚待釐清個案曾搭乘的捷運已完成清消。北市衛生局指出案16078、案16095曾在25日中午12點搭乘</t>
  </si>
  <si>
    <t>確診個案搭乘感染完成足跡新北公佈北市衛生局指出臺北市家戶中午</t>
  </si>
  <si>
    <t>臺北市今公佈2例確診者足跡案16078、案16095皆為新北市個案28日確診而案16078感染源為家戶感染案16095感染源尚待釐清個案曾搭乘的捷運已完成清消。
北市衛生局指出案16078、案16095曾在25日中午12點搭乘捷運從板橋站到臺北小巨蛋站並在下午1點22分從捷運臺北小巨蛋站搭到府中站。另外26日兩人曾在下午2點搭乘捷運從江子翠到西門站並在下午4點搭乘捷運從西門站返回江子翠站。</t>
  </si>
  <si>
    <t>搭乘確診個案下午西門感染巨蛋臺北足跡完成公佈中站</t>
  </si>
  <si>
    <t>臺北小巨蛋新冠肺炎台灣足跡臺北市</t>
  </si>
  <si>
    <t>肺炎巨蛋臺灣足跡臺北市臺北</t>
  </si>
  <si>
    <t>pro更新支援hziphone光學</t>
  </si>
  <si>
    <t>期待蘋果(Apple Inc)下半年即將發表的新 iPhone 嗎？雖然因為新冠肺炎(COVID-19)疫情影響業界傳聞蘋果頗有可能延後發表新機但是相關傳聞仍舊止不住。知名 YouTuber 再度分享了對 iPhone 12 Pro(暫定名稱)系列的</t>
  </si>
  <si>
    <t>傳聞發表iphone蘋果分享再度下半年youtuber知名止不住covid-疫情仍舊影響相關新機延後可能inc即將肺炎proapple暫定</t>
  </si>
  <si>
    <t>期待蘋果(Apple Inc)下半年即將發表的新 iPhone 嗎？雖然因為新冠肺炎(COVID-19)疫情影響業界傳聞蘋果頗有可能延後發表新機但是相關傳聞仍舊止不住。知名 YouTuber 再度分享了對 iPhone 12 Pro(暫定名稱)系列的預測其中關於相機還有螢幕更新率的看法令人感到興奮！
在先前預測 iPhone 12 Pro 系列可能有全新的海軍藍顏色此外主相機畫素、電量都有望全升級後YouTube EverythingApplePro 頻道發表的最新影片指出iPhone 12 Pro 系列也就是 4 款新 iPhone 中的高階 61 吋、67 吋螢幕的款式預計將支援 120Hz 螢幕更新率。而且可能採用 iPad Pro 之中的 ProMotion 自動適應更新率技術可根據需要自動在 60Hz~120Hz 之間動態切換。
而為了要適應更高的螢幕更新率還有支援 5G 的特性新 iPhone 配備更大的電池是勢在必行。該影片再度指出螢幕最大的 67 吋新款 iPhone 預計電池電量為 4400 mAh。若成真將是蘋果有史以來最大電量的機種。作為參考在此之前電量最高的 iPhone 是 iPhone 11 Pro Max 電量 3969 mAh。
在新冠肺炎疫情影響下蘋果會否改進當前 Face ID 臉部辨識的技術在配戴口罩下能夠有更好的解鎖效率或者是導入螢幕下指紋解鎖技術是今年新 iPhone 被關注的焦點之一。對此EverythingApplePro 頻道認為 Face ID 相關元件(TrueDepth相機系統)尺寸變小因此螢幕頂端佔據的「瀏海」區域也有望縮小。此外Face ID 預計將支援更寬的視角讓使用者解鎖的角度(臉部與手機之間的角度範圍)能夠更大。
主攝影鏡頭部分長焦鏡頭支援的光學變焦預計從 2 倍升級到 3 倍能夠在不降低相片品質的前提下拍到更遠的景物。除此之外iPhone 12 Pro 系列在低光源環境下的拍攝效果也有望提升並且升級防手震的性能。在增加光學雷達掃描儀(LiDAR)的預測下主鏡頭的自動對焦預計也將更快速更準確。在此之前該頻道預測過 iPhone 12 Pro 主相機預計升級到 6400 萬畫素(目前是 1200 萬畫素)並且三顆鏡頭都有望支援夜間模式(目前 iPhone 11 Pro 系列中只有主鏡頭、長焦鏡頭支援超廣角鏡頭並不支援)。
包含蘋果知名分析師─天風國際分析師郭明錤、摩根大通(JPMorgan)、美國銀行等都曾經預測 iPhone 12 系列受到疫情影響可能延後發表或者分兩波推出。今年果粉們在何時才能親自入手新機一償宿願以目前時間點來看仍充滿諸多變數。</t>
  </si>
  <si>
    <t>iphonepro蘋果支援預計預測升級鏡頭發表有望相機可能電量目前更新能夠頻道faceid</t>
  </si>
  <si>
    <t>iPhone 12 Pro爆料EverythingAppplePro120Hz螢幕更新率</t>
  </si>
  <si>
    <t>everythingapppleprohz更新proiphone</t>
  </si>
  <si>
    <t>查?陳時中政風關鍵主因</t>
  </si>
  <si>
    <t>陳時中政風調查少年返台意外發現症狀主動確診肺炎個案衛福部長今天清楚廣播節目</t>
  </si>
  <si>
    <t>政風症狀陳時中爭議事實調查出來時中病人單位清楚沒有就醫指揮</t>
  </si>
  <si>
    <t>陳時中政風處新冠肺炎彰化縣指揮中心</t>
  </si>
  <si>
    <t>肺炎指揮政風陳時中中心</t>
  </si>
  <si>
    <t>速度丹麥病例擴散前所未見歐洲</t>
  </si>
  <si>
    <t>北歐國家丹麥也難逃新冠肺炎的疫情肆虐本週三公佈累積病例數字達到514例代表在短短兩天之內就暴增了10倍數量。衛生部長Magnus Heunicke說:這是歐洲前所未見的新冠肺炎疫情擴散速度。丹麥政府宣佈從本週五(</t>
  </si>
  <si>
    <t>疫情肺炎擴散之內倍數代表衛生部長達到magnus數字heunicke病例累積公佈週三歐洲前所未見肆虐速度</t>
  </si>
  <si>
    <t>北歐國家丹麥也難逃新冠肺炎的疫情肆虐本週三公佈累積病例數字達到514例代表在短短兩天之內就暴增了10倍數量。衛生部長Magnus Heunicke說:這是歐洲前所未見的新冠肺炎疫情擴散速度。
丹麥政府宣佈從本週五(13日)起關閉各級學校兩周包含所有室內文化機構、圖書館、休閒設施。托兒中心從下週一起也關閉兩周並建議私人機構、協會及宗教團體一樣關閉兩周。針對醫院、療養院、其他醫療機構將實施更嚴格的限制。公部門非必要職位的職員在未來幾天內將開始在家辦公。原本1000人以上的活動取消現在改為100人以上的活動就必須取消。
丹麥是歐洲第2個對新冠肺炎的疫情實施封鎖的國家。</t>
  </si>
  <si>
    <t>關閉肺炎疫情實施取消丹麥以上活動非必要部門數字職位職員代表之內未來病例達到</t>
  </si>
  <si>
    <t>友人公審漏洞防疫歐陽靖日本相當抱歉</t>
  </si>
  <si>
    <t>新冠肺炎肆虐藝情攀升日本持續傳出相關病例旅居日本女星歐陽靖日前在臉書透露日本機場檢疫鬆散從大陸抵達日本機場的旅客未經檢測可直接出關沒想到此舉卻讓到日本旅遊的友人遭到網路霸淩讓她深感抱歉。</t>
  </si>
  <si>
    <t>日本機場攀升持續網路旅居女星遭到友人歐陽靖透露旅遊直接肆虐旅客出關未經檢測想到傳出</t>
  </si>
  <si>
    <t>日本網友歐陽靖旅遊臺灣口罩表示感到友人疫情抱歉隔離民眾至於壓力po</t>
  </si>
  <si>
    <t>歐陽靖新冠肺炎新冠狀病毒武漢肺炎日本</t>
  </si>
  <si>
    <t>肺炎病毒武漢日本歐陽靖</t>
  </si>
  <si>
    <t>疫情宣佈破產出現旅館</t>
  </si>
  <si>
    <t>日本愛知縣的觀光旅館「富士見莊」宣佈破產成為日本首家因受新冠肺炎疫情影響宣佈破產的旅館。東京商工調查指出位於愛知縣蒲郡市西浦溫泉的「富士見莊」設立於1956年可眺望三河灣的景觀以及新鮮的魚貝類是其最</t>
  </si>
  <si>
    <t>宣佈破產愛知縣富士日本新鮮景觀河灣眺望設立指出位於調查蒲郡東京旅館影響商工疫情溫泉西浦肺炎</t>
  </si>
  <si>
    <t>日本愛知縣的觀光旅館「富士見莊」宣佈破產成為日本首家因受新冠肺炎疫情影響宣佈破產的旅館。
東京商工調查指出位於愛知縣蒲郡市西浦溫泉的「富士見莊」設立於1956年可眺望三河灣的景觀以及新鮮的魚貝類是其最大賣點2005年的業績高達5億5千萬日圓（約台幣1億5千268萬元）但之後業績不振2013年8月起資金調度困難問題開始浮現。
該旅館近年來靠大批大陸旅行團入住而維持營業但2020年1月受到新冠肺炎疫情的影響大陸觀光團相繼取消預約又正值春節長假期間對業績是一大打擊由於旅館經營前途難料於是決定營業至2月21日後關門大吉。
旅館的資本額為9600萬日圓（約台幣2千665萬元）至於負債有多少則還要清算。</t>
  </si>
  <si>
    <t>旅館業績營業台幣宣佈破產日圓愛知縣富士影響疫情肺炎日本負債至於預約正值取消調度資金新鮮</t>
  </si>
  <si>
    <t>旅館破產業績富士見莊新冠肺炎</t>
  </si>
  <si>
    <t>富士業績破產旅館肺炎</t>
  </si>
  <si>
    <t>夏春湧開玩笑臺灣人陳時中真有種疫情</t>
  </si>
  <si>
    <t>國內近日頻出現外籍人士返國後確診包括日本女留學生、泰籍移工、比利時工程師等人。這些案例在台灣及國外採檢結果兩樣情引起民眾疑慮但中央流行疫情指揮官陳時中仍認為台灣不用普篩。對此名經紀人夏春湧忍不</t>
  </si>
  <si>
    <t>臺灣外籍人士返國對此確診包括日本不用留學生泰籍移出現認為比利時疫情工程師流行陳時中中央經紀人疑慮民眾指揮官引起</t>
  </si>
  <si>
    <t>國內近日頻出現外籍人士返國後確診包括日本女留學生、泰籍移工、比利時工程師等人。這些案例在台灣及國外採檢結果兩樣情引起民眾疑慮但中央流行疫情指揮官陳時中仍認為台灣不用普篩。對此名經紀人夏春湧忍不住痛批陳時中真有種敢用恐怖的疫情和台灣人開玩笑。
夏春湧在臉書上表示不能不說陳時中有夠厲害一個人就把台灣搞的「陰盛陽衰」並質疑「他到底是牙醫師？還是魔法師？」他指出前段時間曾寫過一篇文章分析並指陳時中就是讓817頂禮膜拜的「時神」。
夏春湧批評「我不知道支持他說法的是不是腦子進水我只能說他們的智商一定有問題」。他分析一個讓全世界都束手無策的病毒怎麼到了台灣就「陽」光不起來了？難道台灣是一個至「陰」之地嗎？難道台灣人的血液都是「陰」性的嗎？怎麼所有老外一到台灣都「陰」了一離開就「陽」了？老天啊！太神奇了！
夏春湧質疑已經有多少專家學者一致建議台灣必須進行一次普篩而蔡政府和陳時中卻抵死不從難道他們有神功護體？並直言「我只知道他們不願意讓蔡政府破功更不想陳時中『被確診』！」用這麼恐怖的疫情和台灣人開玩笑蔡政府真敢陳時中真有種。對於他們利用疫情製造假像和幻想升官發財夏春湧說下場保證是「一場遊戲一場夢一場新冠一場空」。
對於陳時中和政府的態度夏春湧認為老天有眼病毒無限當第二波疫情爆發的時候陳時中的「陰」謀就會露出馬腳他的「陽」謀就會真相大白到時候台灣就不會是「陰盛陽衰」了而是「陽」光照耀我眼睛病毒照耀我心靈欺騙的故事太多只有這個最「陰」「時神」啊！你就剉著等吧！</t>
  </si>
  <si>
    <t>陳時中臺灣疫情政府夏春湧病毒確診臺灣人分析難道質疑對於老天知道</t>
  </si>
  <si>
    <t>陳時中夏春湧台灣人開玩笑臉書</t>
  </si>
  <si>
    <t>臺灣人開玩笑夏春湧陳時中</t>
  </si>
  <si>
    <t>高鐵臺灣干擾疫情新低</t>
  </si>
  <si>
    <t>新冠肺炎疫情延燒對交通觀光業衝擊開出第一槍台灣高鐵（2633）公佈3月營收2377億元年減4成月減13％創下2010年10月以來新低；累計今年首季營收僅96億元比去年同期衰退1838％單季營收6年新低罕見跌</t>
  </si>
  <si>
    <t>新低交通觀光業衝擊開出疫情臺灣高鐵公佈單季以來今年首季累計肺炎創下去年同期衰退罕見</t>
  </si>
  <si>
    <t>新冠肺炎疫情延燒對交通觀光業衝擊開出第一槍台灣高鐵（2633）公佈3月營收2377億元年減4成月減13％創下2010年10月以來新低；累計今年首季營收僅96億元比去年同期衰退1838％單季營收6年新低罕見跌破百億關卡。
受到疫情影響國人出遊意願大減台灣高鐵載客率明顯下滑成為宅經濟發酵下的受累族群3月營收2377億元較去年同期減少4028％、也低於2月的2733億元為9年半新低。
累計第一季來看台灣高鐵雖然接連有跨年、春節及228連假等節慶加持原先市場看好營收有機會刷新單季新高但卻因1月底新冠肺炎疫情爆發商務、返鄉、旅遊需求同步縮減導致載運量逐月減少首季營收也驟降至96億元比去年同期的11762億元減少1838％為近6年單季新低業績意外「旺季不旺」。
因應政府防疫政策台灣高鐵4月清明連假期間採全車對號座據瞭解共計6天疏運期間共載運743萬人次旅客售票幅度約達7成且自18日起調整短期班表週末離峰時段取消41班車次勞動節連假也維持全車對號座車票販售。</t>
  </si>
  <si>
    <t>臺灣高鐵新低疫情單季全車對號減少首季去年同期累計肺炎載運期間旅客售票幅度疏運</t>
  </si>
  <si>
    <t>台灣高鐵新低單季新冠肺炎月營收</t>
  </si>
  <si>
    <t>單季肺炎新低高鐵臺灣</t>
  </si>
  <si>
    <t>內需零售單車抗跌疫情</t>
  </si>
  <si>
    <t>大立光釋出智慧型手機景氣不明的保守展望再加上美國國民兵因鎮壓民眾多人確診新冠肺炎疫情等的衝擊台股11日多殺多啟動終場重挫18439點所幸盤面上內需的零售通路、自行車、遊戲產業等個股抗跌躍為盤面多</t>
  </si>
  <si>
    <t>盤面智慧手機景氣遊戲保守產業展望自行車加上通路釋出美國國民兵零售鎮壓內需民眾確診肺炎疫情衝擊</t>
  </si>
  <si>
    <t>大立光釋出智慧型手機景氣不明的保守展望再加上美國國民兵因鎮壓民眾多人確診新冠肺炎疫情等的衝擊台股11日多殺多啟動終場重挫18439點所幸盤面上內需的零售通路、自行車、遊戲產業等個股抗跌躍為盤面多頭交易重心。
德信證券自營部副總吳文彬說新冠肺炎疫情雖然趨緩但未完全消失近期美國再新增新冠肺炎的確診案例主要是美國總統川普日前動員國民兵鎮暴民眾示威但不幸卻傳出已多人確認感染新冠肺炎病毒衝擊亞洲股市及美股電子期貨盤。
11日台股盤面上抗跌的有內需零售通路統一超物流業者宅配通遊戲股網龍及自行車產業股巨大、美利達等隱形眼鏡品牌廠晶碩其中巨大11日最高達274元創波段高點終場漲幅421％美利達漲幅435％自行車產業表現最整齊。
統一投顧董事長黎方國表示新冠肺炎疫情改變民眾通勤習慣自行車需求爆發歐美政府為了減緩交通擁擠鼓勵民眾騎乘自行車通勤自行車熱潮今後兩年將存在於歐美中三大市場台股自行車業者將迎來黃金時代巨大及美利達業績水漲船高。</t>
  </si>
  <si>
    <t>自行車民眾肺炎美國盤面產業巨大美利達疫情業者國民兵終場抗跌遊戲通路衝擊零售確診內需智慧手機</t>
  </si>
  <si>
    <t>盤面上美國肺炎內需抗跌</t>
  </si>
  <si>
    <t>內需肺炎抗跌面上美國</t>
  </si>
  <si>
    <t>防疫措施最新大學紓困肺炎延至</t>
  </si>
  <si>
    <t>大考中心12日證實大學指定科目考試（指考）確定延期至7月3日～5日舉行這是史上頭一回大學指考因疫情延期。另陸配子女「有條件」返台引發國人反彈衛福部長陳時中12日宣佈考量防疫周全與社會觀感政策將轉彎</t>
  </si>
  <si>
    <t>大學延期社會周全防疫考量宣佈觀感陳時中部長國人衛福引發返台反彈條件指定子女陸配科目考試頭一回疫情考因政策證實舉行</t>
  </si>
  <si>
    <t>大考中心12日證實大學指定科目考試（指考）確定延期至7月3日～5日舉行這是史上頭一回大學指考因疫情延期。另陸配子女「有條件」返台引發國人反彈衛福部長陳時中12日宣佈考量防疫周全與社會觀感政策將轉彎不准陸配子女入境。
中央流行疫情指揮中心12日表示新冠肺炎（COVID-19）國內仍維持18名確診。據統計部分民眾在居家檢疫期間未遵守規定外出亂跑已有9人遭罰共62萬元；另有居家隔離者3人被罰26萬元開罰總金額已達88萬元。指揮中心說目前還有409位居家隔離者18萬位居家檢疫者。
陸委會主委陳明通11日曾表示收到很多台商、陸配陳情政策決定只要符合「小孩未成年」、「大陸親人無力照顧」且「父母在台」者就可申請專案返台。但不到24小時陳時中宣佈考量疫情控制、保護國民健康、國人優先及社會觀感撤回陸委會開放陸配子女入境措施。
陳時中說這些陸配子女尚未取得本國國籍而很多台商都還無法返台且清明節將至每日將會新增5千人要居家檢疫或隔離14天就有7萬人況且不時還有被隔離者會「趴趴走」指揮中心擔心屆時社區管制量能不足恐成防疫缺口。 陳時中強調陸配子女出生時的國籍是可以選擇的「既然當初已選擇了國籍現在就必須承擔」因此商請陸委會撤銷原決定。
另大考中心昨決定把原訂7月1～3日舉辦指考延到7月3～5日舉行主要考量週六、日學校不用上課較容易借到場地。2003年SARS期間指考僅取消部分科目非選擇題減少人工閱卷但並未延期考試。
至於菲律賓宣佈菲國人禁赴中港澳臺影響菲籍移工來台及我國製造業人力調度。過去我國曾3度凍結菲勞來台未來是否祭出凍結菲勞反制勞長許銘春表示「還在評估中」希望對方可釋出善意協調否則可能會採取一些措施手段。</t>
  </si>
  <si>
    <t>中心配子居家國人表示疫情返台陸委會考量延期指揮國籍決定檢疫防疫宣佈政策部分台商</t>
  </si>
  <si>
    <t>陳時中延期社會觀感居家陸配子女</t>
  </si>
  <si>
    <t>社會延期居家觀感陳時中配子</t>
  </si>
  <si>
    <t>飯店取消真心敬佩女星</t>
  </si>
  <si>
    <t>台灣疫情仍嚴峻全台三級警戒目前延長至6/28當局也積極呼籲民眾端午別返鄉平時非必要不要外出餐飲業也全面停止內用改外帶、外送或宅配女星陸明君就在網路上看到許多知名大飯店甚至星級餐廳推出冷凍餐點</t>
  </si>
  <si>
    <t>甚至全台飯店警戒知名看到目前網路上延長陸明君女星當局餐廳積極嚴峻外帶呼籲民眾返鄉平時</t>
  </si>
  <si>
    <t>台灣疫情仍嚴峻全台三級警戒目前延長至6/28當局也積極呼籲民眾端午別返鄉平時非必要不要外出餐飲業也全面停止內用改外帶、外送或宅配女星陸明君就在網路上看到許多知名大飯店甚至星級餐廳推出冷凍餐點覺得經濟實惠想買回家不料被富尪一句話點醒讓她斷了訂購念頭並對老公說：「真心敬佩你」。
陸明君在臉書發文表示看見星級餐廳推出的冷凍餐點經濟實惠讓她撿便宜主婦魂被燃起就拿了菜單給老公點菜沒想到老公看了沉默3秒後開口：「老婆如果妳真的想幫助人的話可不可以先選那些小本經營的店家有財團撐住的一時半刻倒不了的等疫情過後再去享用。先買那些小商家的吧！我們粗茶淡飯就好」。
老公一番話讓陸明君瞬間醒悟對老公升起一股崇拜之心：「OMG!！老公我敬佩你！真心敬佩你」坦言自己就只想到貪小便宜「但你的智慧與憐憫在這麼小的心思上讓我瞬間清醒！！謝謝你！有一顆溫暖的心」。
因為點餐事件陸明君悟出道理「雖然我們能力不足但可以選擇有能力的做」也在留言區歡迎網友們提供小本店家或小農店家名單「讓我們知道你需要幫助！！」並且把名單分享出去在疫情期間共體時艱這個防疫生活中的夫妻日常讓人感覺很有愛。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老公陸明君疫情防疫店家可以務必敬佩瞬間口罩餐廳實惠真心專線推出經濟</t>
  </si>
  <si>
    <t>陸明君老公新冠肺炎台灣星級餐廳</t>
  </si>
  <si>
    <t>肺炎老公臺灣餐廳陸明君</t>
  </si>
  <si>
    <t>批發市場農委會防疫不解指引降級處理</t>
  </si>
  <si>
    <t>中央流行疫情指揮中心5月中旬時將全國升為三級警戒其中在批發市場接連傳出群聚並要求出現確定病例的市場營運應降載行政院宣佈7月27日起「降級不解封」但農委會副主委黃金城今天表示在7月27日的降級措施中</t>
  </si>
  <si>
    <t>降級中心月中全國升為警戒批發市場接連傳出指揮表示要求出現確定病例市場今天營運主委農委會不解行政院宣佈</t>
  </si>
  <si>
    <t>中央流行疫情指揮中心5月中旬時將全國升為三級警戒其中在批發市場接連傳出群聚並要求出現確定病例的市場營運應降載行政院宣佈7月27日起「降級不解封」但農委會副主委黃金城今天表示在7月27日的降級措施中不包括批發市場仍要依「批發市場防疫管理措施建議指引」規定辦理。
但農委會提及農委會輔導休閒農場、森林育樂教育場域、漁港垂釣區與娛樂漁船於落實防疫指引及安全管理前提下提供國人安心防疫遊憩場域增加國人戶外遊憩及紓壓放鬆選擇。
農委會提供休閒農場相關指引要求入場實聯制、量體溫、全場及各別室內空間人流總量管制與社交距離維持、場域環境清潔消毒等全場及室內人流管制分別降為承載量6成及5成仍須注意勿邊走邊吃、公共淋浴或通舖住宿不開放確保場域安全並避免造成傳播感染。
至於森林遊樂區部分農委會說明27日起開放部分自然步道、林道、17處國家森林遊樂區、3處平地森林園區、4處林業文化園區與臺北植物園、福山植物園戶外場域但包括阿里山林業鐵路、太平山蹦蹦車與烏來台車、山屋營地、通舖型住宿設施自然教育中心、生態教育館、自然保護區域等場域仍不開放。
農委會指出各類漁港垂釣區及娛樂漁業漁船將於27日起開放漁港垂釣區採總量管制及單一出入口依垂釣區範圍訂定最大容納人數且以100人為上限、以白天定時開放為原則、實施實聯制、全程禁止飲食及垂釣區定期清消；漁樂漁業漁船之搭載人員總數降載至乘客定額6成實施實聯制、全程禁止飲食及每航次結束須全船設施與救生衣清消。</t>
  </si>
  <si>
    <t>農委會開放垂釣區森林指引管制防疫自然漁船漁港批發市場中心要求林業提供通鋪包括設施</t>
  </si>
  <si>
    <t>降級不解封農委會批發市場場域垂釣</t>
  </si>
  <si>
    <t>批發市場不解農委會垂釣降級</t>
  </si>
  <si>
    <t>未來出院才能累計解除國內隔離</t>
  </si>
  <si>
    <t>中央流行疫情指揮中心表示目前國內已累計9人出院其餘病況穩定。指揮中心指揮官陳時中表示為避免出院後復發未來需3採陰才能解除隔離。昨日國內新增8例疑似個案目前累計通報2094個案含34名確診(今日新增案</t>
  </si>
  <si>
    <t>國內出院中心目前累計表示指揮新增個案才能解除隔離未來昨日復發避免陳時中穩定指揮官病況</t>
  </si>
  <si>
    <t>中央流行疫情指揮中心表示目前國內已累計9人出院其餘病況穩定。指揮中心指揮官陳時中表示為避免出院後復發未來需3採陰才能解除隔離。
昨日國內新增8例疑似個案目前累計通報2094個案含34名確診(今日新增案33、34)、2037名排除餘隔離檢驗中(18名初驗陰性、其餘待檢驗)。確診個案中1名死亡、9名出院(案8、11、17於昨日出院)、其餘個案持續住院中。
針對案27相關群聚事件指揮中心截至目前已掌握接觸者817人並採檢182人其中5人陽性(案28至32)、170人陰性其餘檢驗中。另鑽石公主號返台國人中2月25日後送1人二採結果陰性已返回集中檢疫所；其餘18人無疑似症狀持續於集中檢疫所密切觀察健康情形。
依據大陸疾控中心通報及各省市區衛生健康委員會公佈資料大陸全部31省市區(不含港澳特別行政區)累計確診78824例較前日新增327例其中7952例重症2788例死亡。
國際間累計4193例確診病例分佈49個國家/地區；病例數以韓國1766例、日本鑽石公主號687例(含本國籍5例)、義大利650例、伊朗245例及日本213例為多；病例中69例死亡其中伊朗26例、義大利17例、韓國13例、鑽石公主號4例、日本4例、香港2例、法國2例、菲律賓1例。
指揮中心提醒民眾應落實手部衛生並做好咳嗽禮節。自國外入境時如有發燒、咳嗽等不適症狀應主動通報機場及港口檢疫人員並配合防疫措施；返國後14天內如出現疑似症狀可撥打免付費防疫專線1922(或0800-001922)依指示戴口罩儘速就醫並請務必告知醫師旅遊史、職業別、接觸史及是否群聚(TOCC)以及時診斷通報。</t>
  </si>
  <si>
    <t>中心通報確診指揮累計症狀出院防疫個案目前接觸衛生陰性新增大陸死亡健康</t>
  </si>
  <si>
    <t>排水溝環境消毒肺炎廢油垃圾</t>
  </si>
  <si>
    <t>好噁啊！伸港鎮中興路上中興運動公園附近的排水溝浮著廢油、垃圾散發惡臭讓人走過都湧起一陣陣的嘔吐感不禁質疑新冠肺炎衝擊環境都大消毒了公園旁的排水溝卻塞成這樣太恐怖了。中興公園平常多人去運</t>
  </si>
  <si>
    <t>公園中興排水溝不禁嘔吐質疑肺炎都湧走過附近惡臭衝擊散發環境廢油垃圾都大恐怖路上消毒</t>
  </si>
  <si>
    <t>好噁啊！伸港鎮中興路上中興運動公園附近的排水溝浮著廢油、垃圾散發惡臭讓人走過都湧起一陣陣的嘔吐感不禁質疑新冠肺炎衝擊環境都大消毒了公園旁的排水溝卻塞成這樣太恐怖了。
中興公園平常多人去運動近日下雨排水溝水位漲起浮現髒汙的原形讓許多深感無奈「這就是我們生活的環境？」只會噴灑消毒排水的髒汙都不清水溝堵了也不理這樣的環境就不會汙染嗎？
「這樣的水溝要清了吧！」賴清美表示接到民眾抱怨到現場一看真得嚇一跳排水溝近200公尺應該是堵塞最近又下雨水位上漲呼籲相關單位盡速處理要是雨勢不停溝水漲出來溢流到路面、住家豈不要大遭殃衛生安全堪慮啊。</t>
  </si>
  <si>
    <t>排水溝環境公園中興髒汙水位下雨消毒水溝運動遭殃不停雨勢出來處理</t>
  </si>
  <si>
    <t>排水溝環境消毒公園水位</t>
  </si>
  <si>
    <t>消毒環境公園排水溝水位</t>
  </si>
  <si>
    <t>確診增為護理醫院桃園國軍</t>
  </si>
  <si>
    <t>桃園市長鄭文燦20日指出國軍桃園總醫院發生院內感染事件累積13人染疫包括2加護病房護理師、2護理師親友（其中1人列案於新竹縣）、4病患和5看護。衛生局長王文彥強調最先確診的89歲病患是指標個案曾在加護病</t>
  </si>
  <si>
    <t>桃園國軍醫院發生院內感染事件指出累積包括護理看護衛生局長最先新竹確診指標</t>
  </si>
  <si>
    <t>桃園市長鄭文燦20日指出國軍桃園總醫院發生院內感染事件累積13人染疫包括2加護病房護理師、2護理師親友（其中1人列案於新竹縣）、4病患和5看護。衛生局長王文彥強調最先確診的89歲病患是指標個案曾在加護病房受2染疫護理師照料轉到普通病房後釀同病房另3病患和5看護確診疫情侷限在加護病房跟1病室且目前其他人都陰性會視全院採檢結果決定是否有必要全院清零週二前停止門急診。
王文彥說89歲病患（案14010）是最早出現症狀她5月29日到6月11日曾在加護病房由2位染疫護理師專責照料11日轉到普通病房和她同一個病房的另外3個病室3位病人和5個看護也於20日確診。
王文彥說目前國軍桃園總醫院疫情侷限在加護病房跟1間病房目前ICU採檢63人、病房採檢90餘人結果都是陰性已擴大到全院採檢並針對6月11日後出院的病患也全部採檢將視採檢結果若有必要會全院清零在報告出來前該醫院停止門急診、病患只出不進。
王文彥也說2位護理師1位沒有症狀、1位在6月11日有發燒但她8日打第一劑AZ疫苗有可能是疫苗引起發病日很難訂定最早有症狀的是89歲病人因此將最先確診的2護理師、護理師弟弟和89歲病人4個人都採血從抗體調查染疫前後和之間的關係。
鄭文燦說桃園新增16例確診個案其中9個都是國軍桃園總醫院群聚事件包括4病人、5看護都在同一個病房804醫院群聚累積13人市府全力協助疫調跟採檢目前已經完成環境採檢全院共1083位包括593位醫護人員跟490位元行政人員全部採檢病人加上陪病家屬302人也必須要採檢之前已採檢280人務必完成全院採檢計畫出院病人也要追蹤。
「全部採檢是必要的！」鄭文燦說醫院群聚感染一定要用最高標準處理醫院防疫等級也要落實基本規範他也宣佈即起3天醫院降載、停止門診急診務必醫院清零後才能恢復正常營運北區指揮官黃玉成、加上桃園市衛生局團隊會全力協助國軍桃園總醫院的院內感染事件。
鄭文燦也提到大部分醫院有把看護列進優先接種範圍因應這次有看護確診已要求所有醫院只要在醫院值勤的看護都要納入優先接種名單強調第一類施打範圍本來就包括醫療院所的非醫事人員雖然看護有流動性但任何醫院的合約委外看護人員一定要在值勤前完成接種讓醫院保護力更強。
鄭文燦強調病患已經實施入院前篩檢計畫至於該起院內感染事件如何確認傳染路徑是專業問題相信中央流行疫情指揮中心會做專業判斷市府會協助桃園總醫院以最高、最嚴格標準迅速防堵群聚感染事件。</t>
  </si>
  <si>
    <t>醫院看護桃園病人確診病房全院鄭文燦包括感染護理事件目前</t>
  </si>
  <si>
    <t>國軍桃園總醫院804醫院看護全院採檢病患</t>
  </si>
  <si>
    <t>看護全院醫院桃園國軍</t>
  </si>
  <si>
    <t>黃偉哲帶頭天壇法會祈福</t>
  </si>
  <si>
    <t>新冠肺炎疫情持續升溫台南首廟天壇22日舉辦消災祈福法會台南市長黃偉哲率局處首長、區長和30多家廟宇共同參與面對25日開學在即他強調市府正與專家學者研商比中央更嚴格的停課標準避免出現學校依規定上課</t>
  </si>
  <si>
    <t>台南避免出現標準停課嚴格持續中央升溫學校專家學者市府強調在即天壇開學區長首長面對參與共同廟宇</t>
  </si>
  <si>
    <t>新冠肺炎疫情持續升溫台南首廟天壇22日舉辦消災祈福法會台南市長黃偉哲率局處首長、區長和30多家廟宇共同參與面對25日開學在即他強調市府正與專家學者研商比中央更嚴格的停課標準避免出現學校依規定上課家長卻不敢讓小孩上學的窘境。
新冠肺炎來勢洶洶天壇廟方人員12日向主祀神明「玉皇上帝」請示舉辦「消災祈禳大法會」連獲9個聖筊22日請出廟內供奉的「張天師」、「普化天尊」與「太乙真人」坐鎮請來百年歷史的經文社員念誦3部經書為社會祈福祈求別讓疫情進入社區。
面對下週二開學黃偉哲表示幸好教育部決定延後2周開學有充分準備防疫物資的時間他說中央有停課標準但台南正在研商比中央更嚴格的停課標準目前還是會先遵循中央標準近日會盡快與防疫中心、校方、家長討論停課標準。
黃偉哲表示俗話說「要人也要神」除了努力盡人事也要聽天命上天的保佑也是人民企盼希望藉由法會讓大眾安心、期望疫情早日解除。</t>
  </si>
  <si>
    <t>標準停課黃偉哲開學台南疫情法會防疫祈福家長面對表示舉辦天壇中央肺炎</t>
  </si>
  <si>
    <t>肺炎比中央祈福天壇台南</t>
  </si>
  <si>
    <t>中央祈福天壇台南肺炎</t>
  </si>
  <si>
    <t>傳播社區肺炎首例病源不明三藩市</t>
  </si>
  <si>
    <t>一名在沙加緬度郡（Sacramento County）接受治療的索拉諾郡（Solano County）居民從未接觸新冠肺炎病患但卻染病可能成為第一宗人傳人的社區傳播病例。據KTLA 5電視台26日報導疾病管制與預防中心（CDC）週三宣</t>
  </si>
  <si>
    <t>county預防管制疾病報導電視臺solanoktla病例居民傳播社區從未中心接觸宗人成為肺炎可能染病sacramento</t>
  </si>
  <si>
    <t>一名在沙加緬度郡（Sacramento County）接受治療的索拉諾郡（Solano County）居民從未接觸新冠肺炎病患但卻染病可能成為第一宗人傳人的社區傳播病例。
據KTLA 5電視台26日報導疾病管制與預防中心（CDC）週三宣佈加州公共衛生局（California Department of Public Health）證實就目前所知這名病患沒有經由旅遊或是和新冠肺炎病患密切接觸而暴露在遭病毒感染的危險下。
不過加州公共衛生局強調由於該州的健保系統很強因此大眾感染新冠肺炎的風險很低。就在這項宣佈前不久美國總統川普指派副總統彭斯（Mike Pence）負責領導白宮防控新冠肺炎。
據川普說美國對可能的威脅有十分、十分萬全的準備。不過、CDC已警告美國確診病例達60宗後社區傳染在美已無可避免並呼籲企業和學校做好關閉的準備。而舊金山也宣佈、為了防控新冠病毒而進入緊急狀態。</t>
  </si>
  <si>
    <t>宣佈肺炎美國社區病例衛生局加州cdc準備可能county防控川普總統solanosacramento接受居民報導索拉諾疾病</t>
  </si>
  <si>
    <t>武漢肺炎新型冠狀病毒全球舊金山加州</t>
  </si>
  <si>
    <t>冠狀全球病毒三藩市肺炎武漢加州</t>
  </si>
  <si>
    <t>政策趨向利多觀盤中資股陸港</t>
  </si>
  <si>
    <t>新冠肺炎病毒全球蔓延中國境外確診個案大增。其中伊朗義大利韓國等國新增確診病例以及死亡人數急劇上升不少中東和歐洲國家亦因而出現首宗確診。新冠肺炎有機會變成全球大流行對於全球經濟前景的憂慮加劇</t>
  </si>
  <si>
    <t>確診全球肺炎上升中東人數死亡急劇病例歐洲新增變成韓國國家大利伊朗機會個案出現經濟境外蔓延中國</t>
  </si>
  <si>
    <t>疫情經濟中國預計市場確診美國非常近日肺炎相對股市國家全球加上成交增長受到影響穩定</t>
  </si>
  <si>
    <t>溫和美國中國美股肺炎</t>
  </si>
  <si>
    <t>肺炎中國溫和美國</t>
  </si>
  <si>
    <t>國內再增2例境外移入國際間新冠肺炎疫情不斷升溫指揮中心發言人莊人祥今（20日）下午2時舉行記者會說明。今天再增2例確診指揮中心統計國內累計611例確診分別為519例境外移入55例本土病例36例敦睦艦隊</t>
  </si>
  <si>
    <t>指揮中心確診境外國內下午舉行肺炎莊人祥記者會發言人疫情不斷升溫國際說明今天本土分別</t>
  </si>
  <si>
    <t>國內再增2例境外移入國際間新冠肺炎疫情不斷升溫指揮中心發言人莊人祥今（20日）下午2時舉行記者會說明。
今天再增2例確診指揮中心統計國內累計611例確診分別為519例境外移入55例本土病例36例敦睦艦隊及1例不明；另1例(案530)移除為空號。確診個案中7人死亡。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TOCC)以供及時診斷通報。
指揮中心再次提醒民眾應持續做好手部衛生與咳嗽禮節；外出若無法與他人保持社交距離請全程佩戴口罩。自國外入境時如有發燒、咳嗽等不適症狀應主動通報機場及港口檢疫人員並配合防疫措施；返國後應落實居家檢疫如出現疑似症狀請務必聯繫衛生局或各縣市關懷中心並依指示就醫切勿搭乘大眾運輸工具；就醫時請務必告知醫師旅遊史、職業別、接觸史及是否群聚(TOCC)以供及時診斷通報。</t>
  </si>
  <si>
    <t>中心指揮確診檢疫症狀咳嗽通報務必民眾就醫國外境外入境國內落實接觸史及是否居家</t>
  </si>
  <si>
    <t>下單辦法柯文哲支持試驗中央疫苗說法</t>
  </si>
  <si>
    <t>台灣本土疫情嚴峻中央有意採購二期臨床試驗尚未解盲的國產疫苗引發外界疑慮臺北市長柯文哲說他支持台灣疫苗與本土生技產業但感染已滲透整個北市人流管制撐不了多久建議購買國際認證疫苗擋一下比較好</t>
  </si>
  <si>
    <t>疫苗本土臺灣認證國際不了購買管制建議人流北市採購滲透有意臨床中央感染試驗尚未產業引發外界疑慮臺北市</t>
  </si>
  <si>
    <t>台灣本土疫情嚴峻中央有意採購二期臨床試驗尚未解盲的國產疫苗引發外界疑慮臺北市長柯文哲說他支持台灣疫苗與本土生技產業但感染已滲透整個北市人流管制撐不了多久建議購買國際認證疫苗擋一下比較好至於還沒三期試驗就要人民接種柯則酸「我們是醫學院教授我們沒有辦法支持目前中央很多說法。」
北市府下午舉行防疫記者會媒體問及台灣國產疫苗尚在第二期試驗階段但中央似乎想加速通過緊急使用授權（EUA）彌補國內疫苗不足現況也強調國外3大上市疫苗通過EUA時也都僅完成二期試驗。
柯文哲表示這題過去一周已有諸多討論是非對錯大家心理有數他雖然支持台灣疫苗與本土生技產業但疫情狀態與1年前不同如今邊境的防線已破病毒更從萬華向外延伸滲透整個臺北市雖然市府花很大力氣用停課停夜市等管制勉強維持現況但要思考能撐多久？
柯認為在疫苗尚未開打前只要鬆懈確診數就會飆升倘若國際上有可認證的疫苗只要價格合理就可買來施打先擋一下趁疫情還在雙北肆虐前先行防堵否則再過三周就會慢慢擴散到全台灣與其搞到遍地烽火不如在此階段盡可能滅火才是正確做法。
話鋒一轉柯也針對外界對國產疫苗的疑慮再嗆中央「我很抱歉我們還是科學家我們還是醫學院的教授我們實在是沒有辦法支持目前的中央很多說法。」也說政府不該只著眼在本土生計和疫苗產業上畢竟疫情是整個台灣的問題戰略邏輯要清楚。
至於基隆市長林右昌說地方自購疫苗將造成貧富對立、撕裂社會一事柯文哲則說「那如果這樣的話中央趕快疫苗進來看怎麼解決我不想再討論了是非對錯大家都有數。 」</t>
  </si>
  <si>
    <t>疫苗中央試驗臺灣疫情柯文哲支持本土階段管制產業現況至於市府滲透臺北市eua尚未</t>
  </si>
  <si>
    <t>新冠肺炎台灣國產疫苗疫苗柯文哲</t>
  </si>
  <si>
    <t>疫苗肺炎臺灣柯文哲</t>
  </si>
  <si>
    <t>價格桔梗衝擊疫情</t>
  </si>
  <si>
    <t>新冠肺炎本土疫情爆發後至今不見趨緩台灣花卉產業受重傷嘉義縣新港鄉是台灣洋桔梗主要產地之一每年11到4月初出口到日本4月後開始內銷原先價格穩定但本土疫情爆發後需要花卉的活動停擺花市價格重挫</t>
  </si>
  <si>
    <t>臺灣花卉價格疫情爆發本土桔梗新港鄉開始重傷嘉義活動內銷產業原先需要穩定</t>
  </si>
  <si>
    <t>新冠肺炎本土疫情爆發後至今不見趨緩台灣花卉產業受重傷嘉義縣新港鄉是台灣洋桔梗主要產地之一每年11到4月初出口到日本4月後開始內銷原先價格穩定但本土疫情爆發後需要花卉的活動停擺花市價格重挫每把（10枝）掉到2、30元花農苦不堪言。
新港的洋桔梗海內外都聞名每年冬天日本無法生產洋桔梗時會從台灣進口洋桔梗其中新港的洋桔梗約占出口2成新港鄉農會供銷部主任陳銘仁指出新港鄉的洋桔梗外銷採定價契作生產風險由貿易商承擔因此受疫情影響較少。
嘉義縣新港鄉花卉產銷班第6班班長也是花農的林惠振說外銷部分4月出就已結束換內銷接續上場因國內所有活動幾乎停擺花價掉到每把2、30元一箱花約有10至12把將成本、運費、紙箱等扣一扣僅剩約50元勉強可以買一個便當。
林惠振種植約8分地的洋桔梗預計下周要開始剪花有人問他價格這麼差要不要考慮自己擺攤賣？林惠振苦笑大約20天可以收1分地可剪2萬6000枝左右的花等於是2600把這麼大量的花自己根本賣不了且現在街上人也少了還是必須送到花市拍賣。
洋桔梗苗價相對較高且需4個月前預訂林惠振坦言當初沒人料到本土疫情會大爆發產銷班現在約有26個班員這個時節正在剪花的有7、8家大家都苦不堪言對花農來說每把花價要130元以上才有獲利現在的價錢大家都虧損很多。</t>
  </si>
  <si>
    <t>桔梗疫情林惠振新港鄉現在花農花卉價格臺灣爆發本土可以分地生產外銷內銷</t>
  </si>
  <si>
    <t>洋桔梗重挫林惠振價格新港鄉</t>
  </si>
  <si>
    <t>林惠振桔梗價格新港鄉</t>
  </si>
  <si>
    <t>全錄攪局放棄收購肺炎惠普</t>
  </si>
  <si>
    <t>受到新冠肺炎疫情衝擊經營狀況全錄（Xerox）宣佈撤回對個人電腦及印表機大廠惠普（HP）高達350億元（約新台幣1兆500億元）的收購案。根據外媒《彭博社》的報導隨著肺炎疫情帶來的不確定性增加全錄將放棄收購惠</t>
  </si>
  <si>
    <t>全錄疫情肺炎增加確定性印表機大廠電腦個人惠普撤回hp高達宣佈xerox台幣收購案彭博社帶來經營報導狀況衝擊</t>
  </si>
  <si>
    <t>受到新冠肺炎疫情衝擊經營狀況全錄（Xerox）宣佈撤回對個人電腦及印表機大廠惠普（HP）高達350億元（約新台幣1兆500億元）的收購案。
根據外媒《彭博社》的報導隨著肺炎疫情帶來的不確定性增加全錄將放棄收購惠普。這場自去年11月揭開序幕的350億元現金加股票敵意收購終於畫下句點。雖然惠普在第一時間已經拒絕這項併購但是一直沒讓全錄放棄併購的念頭直到新冠肺炎疫情造成市場動盪全錄在經濟條件上無法負擔此併購而喊停。
全錄指出現有的市場環境條件對全錄持續推動HP公司的收購並沒有幫助因此該將撤回收購HP的提議。全錄在聲明提到兩家公司合併有長期財務和策略上的好處數個月來的拖延已損及支援這項交易的HP股東利益考量員工、客戶、合作夥伴及其他人的健康、安全、福祉及疫情因應措施下決定中止這個計畫。
更多 CTWANT 報導</t>
  </si>
  <si>
    <t>全錄hp疫情惠普收購肺炎並購公司撤回條件放棄報導市場中止決定措施因應合作夥伴客戶福祉安全健康員工考量</t>
  </si>
  <si>
    <t>惠普全錄HP放棄併購</t>
  </si>
  <si>
    <t>全錄hp放棄並購惠普</t>
  </si>
  <si>
    <t>何不崩潰防疫漏洞檢查確診隔離出來</t>
  </si>
  <si>
    <t>「到底有誰可以幫助我們這種小市民。」一名女子表示日前老公有一點咳嗽本以為是小感冒但隔日起床出現發燒症狀趕緊到醫院做快篩及PCR檢驗結果都是陽性確診入住集中檢疫所解隔離返家前又再次做採檢沒</t>
  </si>
  <si>
    <t>再次小市民表示日前隔離返家老公檢疫所咳嗽集中入住發燒出現以為趕緊症狀醫院確診陽性感冒</t>
  </si>
  <si>
    <t>「到底有誰可以幫助我們這種小市民。」一名女子表示日前老公有一點咳嗽本以為是小感冒但隔日起床出現發燒症狀趕緊到醫院做快篩及PCR檢驗結果都是陽性確診入住集中檢疫所解隔離返家前又再次做採檢沒想到又是陽性確診令她崩潰喊「為什麼已經確診的人沒有檢查就放出來」。
該名女子昨（13）日於個人臉書指出5月20日晚間老公一回到家就透露自己有咳嗽狀況當天在家全程戴口罩但不認為染疫只是單純感冒未料隔日一早起床老公卻出現發高燒症狀看了醫生仍未退燒只好再到和平醫院快篩並做PCR檢驗結果都是陽性CT值高達16顯示病毒量高、傳染力強老公直接被送到集中檢疫所女網友說老公確診當下她不斷告訴自己要冷靜並帶著婆婆一起去快篩及做PCR檢驗還好結果都是陰性。
6月1日老公從檢疫所解隔離但因為家裡有未滿1歲的寶寶因此自費讓老公去防疫旅館進行10+7隔離為求謹慎返家前讓老公再去採檢一次快篩結果為陰性但PCR結果仍未出爐老公返家後她透露自己每天像柯南般觀察老公身體狀況全家戰戰兢兢地戴著口罩、避免接觸。
又過了幾天晚間她催促老公主動利用「健保快譯通」App查看檢驗結果沒想到又是陽性確診且CT值26當天晚上老公又住進集中檢疫所全家人也再次進行14天居家隔離令她崩潰大喊「為什麼已經確診的人沒有檢查就放出來不知道有多少人跟我老公一樣的狀況」若是沒有檢查到處跑這些病毒可能就在身邊「對我們全家來說真的是一個夢魘到底有誰可以幫助我們這種小市民」？
最後她呼籲10天解隔離的病患應該都要再採檢這對台灣來說都是防疫破口希望生活可以快點恢復正常讓大家能夠平安健康。
對此中央流行疫情指揮中心之專家諮詢小組召集人張上淳回應過去因為大量個案的關係有做因應的調整那這些調整裡面都會根據國外的經驗、實際資料及實際做法做適當調整輕症去集中檢疫所或加強型的旅館裡10天以後就回家做7天的居家隔離所以有一個10+7。
張上淳說根據過去的經驗17天後是不再具有傳染力因此17天後民眾有某些因素自行做採檢還不是完全陰性的狀況專家認為基本上是不具有傳染力很像過去復陽的個案那復陽就不用擔心會具有傳染的狀況那地方政府發現陽性的狀況處理模式可能還沒有完全一致所以還是有接觸者需要居家隔離今天專家們傾向後17天後比較不需要擔心還會被傳染的問題但同時也會收集更多實證的資料讓民眾更放心目前暫時結論10+7不需要再做採檢若還是去做採檢結果為陽性是不用太擔心。
★《中時新聞網》提醒您：因應新冠肺炎疫情疾管署持續加強疫情監測與邊境管制措施 如有疑似症狀請撥打：1922專線或 0800-001922 並依指示配戴口罩儘速就醫同時主動告知醫師旅遊史及接觸史以利及時診斷及通報。</t>
  </si>
  <si>
    <t>老公隔離狀況檢疫所陽性傳染確診接觸口罩症狀疫情結果集中專家</t>
  </si>
  <si>
    <t>新冠肺炎確診快篩解隔離檢查</t>
  </si>
  <si>
    <t>確診肺炎隔離檢查</t>
  </si>
  <si>
    <t>才上明星確診橫山危機</t>
  </si>
  <si>
    <t>日本又一男星確診！傑尼斯男團「關8」成員橫山裕因出現喉嚨疼痛症狀且發燒到ˇ38度檢測後確認染新冠肺炎而2位經紀人也都是陽性所幸其他4名成員成員檢測結果是陰性。去年9月「關8」成員大倉忠義率先確診沒</t>
  </si>
  <si>
    <t>成員檢測確診傑尼斯男團大倉橫山經紀人肺炎確認疼痛喉嚨發燒症狀出現去年忠義陽性所幸陰性</t>
  </si>
  <si>
    <t>日本又一男星確診！傑尼斯男團「關8」成員橫山裕因出現喉嚨疼痛症狀且發燒到ˇ38度檢測後確認染新冠肺炎而2位經紀人也都是陽性所幸其他4名成員成員檢測結果是陰性。
去年9月「關8」成員大倉忠義率先確診沒想到現又有第2位成員染疫橫山裕3日上午發燒到38度且出現喉嚨疼痛症狀經檢測後確定中鏢公司也緊急安排其他人篩檢結果2位經紀人也被傳染呈現陽性反應。
而他5天前才出席日本跨年盛會《紅白歌唱大賽》當時參與的還有不少大咖歌手如福山雅治、米希亞、動漫歌姬LiSA等還有參加自家跨年演唱會接觸不少藝人疫情是否擴大也備受外界關注。
其實去年下半年開始傑尼斯就不斷傳出疫情「NEWS」加藤成亮、小山慶一郎、「Hey!Say!JUMP」伊野尾慧等都曾確診經紀公司多次消毒仍無法阻止旗下藝人中鏢。</t>
  </si>
  <si>
    <t>成員確診還有疫情公司傑尼斯去年經紀人結果藝人檢測橫山日本發燒出現症狀疼痛喉嚨福山雅治</t>
  </si>
  <si>
    <t>關8橫山裕傑尼斯新冠肺炎紅白歌唱大賽</t>
  </si>
  <si>
    <t>肺炎傑尼斯歌唱橫山大賽</t>
  </si>
  <si>
    <t>確定新北delta出爐餐飲取消基因</t>
  </si>
  <si>
    <t>板橋確診個案基因定序為Delta！新北市某日照中心今緊急通知所有學員、家屬有訊息指出新北市長侯友宜指示「板橋區有確診個案的基因定序結果是Delta」因應疫情升溫決議板橋日照服務暫停14天要求學員盡量不</t>
  </si>
  <si>
    <t>板橋新北日照學員delta基因暫停個案服務決議升溫緊急通知家屬訊息指出因應疫情中心市長侯友宜指示結果確診</t>
  </si>
  <si>
    <t>板橋確診個案基因定序為Delta！新北市某日照中心今緊急通知所有學員、家屬有訊息指出新北市長侯友宜指示「板橋區有確診個案的基因定序結果是Delta」因應疫情升溫決議板橋日照服務暫停14天要求學員盡量不要外出。
由於當初侯友宜曾指示新北只要有一例Delta餐飲內用就取消新北市內用恐於今天取消；另外公有場館包括運動中心、藝文場館等都將同步宣佈關閉。
新北市衛生局表示無法證實內容由於侯友宜今日下午前往該社區視察清空情形相關資訊由市長統一說明。</t>
  </si>
  <si>
    <t>新北侯友宜delta板橋中心市長學員日照場館指示取消基因相關情形視察社區前往新北市衛生局下午今日關閉宣佈同步內容證實</t>
  </si>
  <si>
    <t>Delta基因定序板橋新北市新冠肺炎</t>
  </si>
  <si>
    <t>新北板橋基因delta肺炎</t>
  </si>
  <si>
    <t>空姐孝遠驚呼剖腹產疫苗傷口</t>
  </si>
  <si>
    <t>台灣本土疫情爆發疫苗成為全民熱門議題藝人哈孝遠（小哈）的空服員太太「瑄瑄」近日接種疫苗透露施打後的身體變化坦言疼痛感直逼「剖腹產的傷口痛」。哈孝遠2018年迎娶漂亮的空姐妻「瑄瑄」夫妻倆育有一子</t>
  </si>
  <si>
    <t>疫苗孝遠空姐成為漂亮迎娶全民熱門變化坦言疼痛夫妻倆身體議題施打透露傷口近日剖腹產接種太太爆發藝人</t>
  </si>
  <si>
    <t>台灣本土疫情爆發疫苗成為全民熱門議題藝人哈孝遠（小哈）的空服員太太「瑄瑄」近日接種疫苗透露施打後的身體變化坦言疼痛感直逼「剖腹產的傷口痛」。
哈孝遠2018年迎娶漂亮的空姐妻「瑄瑄」夫妻倆育有一子樂於在社群平臺分享家庭生活羨煞不少網友。瑄瑄3日PO注射疫苗的心路歷程接種的品牌為莫德納她表示已經打完一個禮拜每天都很專注的觀察自己有沒有任何症狀第一天低燒373度第二天手超級痛她形容感覺很像「有種剖腹產的傷口痛」哈孝遠還不小心拍到正在疼痛的手讓瑄瑄理智線險斷「我一秒腳差點往他肚子踹下去！」
至於外界提到的強烈飢餓感瑄瑄沒有明顯感受到「好像還好耶我頂多吃了六顆水煎包。」文末她不忘向辛苦的醫護人員致謝「歲月靜好不過是有人替你負重前行謝謝第一線的醫護人員辛苦了。」
由於近期開放孕婦施打疫苗瑄瑄被網友猜測該不會肚皮再度有喜？根據《YAHOO新聞》報導瑄瑄表示自己是空服員在公司安排下施打莫德納疫苗七月底將再完成第二劑接種。打完疫苗後瑄瑄更覺得嫁對人了雖然哈孝遠不慎打痛她的手但三天包辦所有家事及照顧小孩還幫她洗澡因為手痛到抬不起來種種貼心的暖舉像是重新認識丈夫。
★《中時新聞網》提醒您：因應新冠肺炎疫情疾管署持續加強疫情監測與邊境管制措施 如有疑似症狀請撥打：1922專線或 0800-001922 並依指示配戴口罩儘速就醫同時主動告知醫師旅遊史及接觸史以利及時診斷及通報。</t>
  </si>
  <si>
    <t>疫苗孝遠施打疫情接種症狀醫護人員沒有疼痛表示打完網友莫德納空服剖腹產傷口接觸史及旅遊</t>
  </si>
  <si>
    <t>瑄瑄哈孝遠剖腹產新冠肺炎台灣</t>
  </si>
  <si>
    <t>剖腹產肺炎孝遠臺灣</t>
  </si>
  <si>
    <t>挑戰經濟本世紀</t>
  </si>
  <si>
    <t>新冠肺炎的疫情繼續擴散特別是中國大陸以外地區感染人數呈跳躍式增加。上周美國疫情惡化紐約州宣佈進入緊急狀態另外歐洲義大利情況也更加嚴峻已經大規模封鎖疫區。除中國以外目前全球受波及國家正好是10</t>
  </si>
  <si>
    <t>疫情中國以外繼續擴散歐洲義緊急狀態大利情況進入目前宣佈更加紐約州全球惡化美國特別嚴峻上周增加已經封鎖疫區人數大陸感染</t>
  </si>
  <si>
    <t>新冠肺炎的疫情繼續擴散特別是中國大陸以外地區感染人數呈跳躍式增加。上周美國疫情惡化紐約州宣佈進入緊急狀態另外歐洲義大利情況也更加嚴峻已經大規模封鎖疫區。除中國以外目前全球受波及國家正好是100國確診人數也突破10萬人涵蓋地區與感染人數遠遠超過2003年的SARS成為本世紀以來全球面臨的最大挑戰。
目前疫情仍在升溫尚未達到高峰但對全球經濟影響已經加深。中國大陸首當其衝不但出口下滑消費減緩經濟成長率不斷下修。更嚴重的是由於中國大陸是全球製造基地全球供應鏈已經產生缺口並衝擊到其他國家。新冠肺炎雖會加速跨國企業移出中國大陸但並非短期就可到位；眼前如何彌補供應鏈漏洞才是燃眉之急。
新冠肺炎對全球經濟已產生重大影響。原先預估今年全球經濟成長率有機會達到3%以上；但是在疫情爆發之後成長率已下修至約25%若疫情仍繼續蔓延今年能否保住2%都有很大的不確定性。
新冠肺炎疫情也造成全球股匯市大幅震盪由於對經濟前景悲觀美國聯準會上周在臨時會已經降息05%而上次緊急降息是在2008年雷曼兄弟破產未來預估仍會持續降息。美國經濟雖然近年來表現不錯但由於受到疫情影響已出現一些警訊。另外疫情已擴散至紐約州未來若是波及到全球最大金融市場紐約市對全球的衝擊更難以想像。
近年義大利經濟表現不佳金融體質更差在疫情衝擊下更是雪上加霜連帶影響歐盟的成長。目前歐盟的主要國家如德國及法國也受疫情所困可能自顧不暇未來歐元區的動向值得關注。
各國陸續推出一些提振經濟措施但似乎止不住經濟下跌頹勢。各國方案大致分為以下四類第一是防止疫情擴散措施包括調度防疫用品以及穩定民生物價。第二是針對直接受疫情影響的產業例如運輸零售餐飲及旅館等提供短期、直接類似現金的補助。第三則是針對其他受衝擊產業提供支援產業經營或促進出口等措施。第四則由降息及減稅等措施著手以改善營運的總體環境。
無論採取何種方式主要是提升消費及產業信心。因為疫情減緩遙遙無期經濟成長下滑而使消費者荷包縮水再加上擔心受到感染消費意願大幅降低。廠商則是考量供過於求不願意增加生產及投資而使提振措施成效大打折扣。
景氣提振措施可使經濟活動熱絡但疫情上升的風險也因而提高所以也必須有所權衡；此與以往因應金融風暴可以放手去做的情境有所不同。惟有在疫情可以明確控制市場信心逐漸恢復下全球經濟才有可能止跌回升。（作者為中華經濟研究院區域發展研究中心主任）</t>
  </si>
  <si>
    <t>疫情經濟全球措施影響中國已經衝擊大陸降息消費未來產業感染目前肺炎美國國家擴散</t>
  </si>
  <si>
    <t>降息肺炎中國大陸全球經濟產業</t>
  </si>
  <si>
    <t>中國全球大陸肺炎經濟產業降息</t>
  </si>
  <si>
    <t>帶頭受試者疫苗招募公開法律邊緣衛福部</t>
  </si>
  <si>
    <t>衛福部上週三大動作召開記者會公開招募新冠疫苗的臨床試驗受試者遭外界質疑有帶頭違法之虞立法委員蔣萬安今在衛環委員會質詢時指出食藥署曾明文規範臨床試驗受試者的招募原則需經人體試驗委員會核可後才能刊</t>
  </si>
  <si>
    <t>試驗委員會招募受試者臨床召開記者會公開立法委員萬安違法衛環動作質詢帶頭指出人體質疑</t>
  </si>
  <si>
    <t>衛福部上週三大動作召開記者會公開招募新冠疫苗的臨床試驗受試者遭外界質疑有帶頭違法之虞立法委員蔣萬安今在衛環委員會質詢時指出食藥署曾明文規範臨床試驗受試者的招募原則需經人體試驗委員會核可後才能刊登且不得用記者會、社群媒體、製作圖表廣發民眾的方式宣傳亦不能用設立報名截止日告知民眾欲報速從以免向隅根本是帶頭遊走法律邊緣。
蔣萬安指出上週三的記者會中衛福部不但宣佈招募人體試驗受試者平臺上線還製作圖表「因為有您疫苗有譜」的文宣放上社群媒體廣發有明顯的廣告嫌疑且人體試驗受試者平臺上還設有達標人數的倒數計時器全數文宣內容都未提及進行人體試驗的危險性與風險。
蔣萬安表示過去衛福部曾函文表示相關的人體臨床試驗招募必須經過人體試驗委員會核准後才能開始且招募廣告不得具「受試者將可獲得免費醫療或費用補助」等內容也不能用「名額有限」、「即將截止」或「立即聯繫」「以免向隅」等文字也不能用含有強制引誘鼓勵性質的圖表、圖片或符號。
蔣萬安批評但上周的衛福部記者會卻帶頭遊走法律邊緣未來若業者也比照辦理先設立受試者招募平臺網站再結合引誘性的圖表、文宣亂象恐會頻傳對此衛福部次長薛瑞元解釋上周所公佈的受試者平臺並不是「招募」受試者只是先詢問民眾的「意向」平臺已利後續藥廠開發疫苗的受試者招募。
薛瑞元強調新冠肺炎已是危及全世界的公共衛生議題有開發疫苗的迫切需求因此必須用個案來討論若就上周的記者會內容目前大致上都合乎法規但若委員對平臺上揭露的累積登記人數有意見可以再檢討。</t>
  </si>
  <si>
    <t>受試者招募試驗平臺記者會人體圖表上周衛福部疫苗萬安民眾不能內容帶頭委員會臨床人數向隅設立指出引誘</t>
  </si>
  <si>
    <t>衛福部新冠疫苗臨床試驗蔣萬安薛瑞元</t>
  </si>
  <si>
    <t>臨床試驗疫苗萬安衛福部薛瑞元</t>
  </si>
  <si>
    <t>一面不為人知唐鳳碩士台大震撼</t>
  </si>
  <si>
    <t>政務委員唐鳳榮登疫情期間「好評影響力排行」第一名勝過衛福部長陳時中在此次台灣防疫中扮演舉足輕重角色。曾與唐同台直播的台大碩士楊涵婷表示其有別傳統政治人物的謙沖自牧、誠懇細膩當時便震撼了自己而造</t>
  </si>
  <si>
    <t>細膩誠懇謙沖人物疫情政治好評傳統期間影響力有別排行表示當時勝過楊涵婷衛福部長陳時中碩士臺灣台大防疫直播同台扮演舉足輕重</t>
  </si>
  <si>
    <t>唐鳳楊涵婷天才臺灣自由民主震撼社會彭百顯吳統雄提出防疫活動相當傳統對談直播家庭</t>
  </si>
  <si>
    <t>唐鳳楊涵婷台灣全球大陸</t>
  </si>
  <si>
    <t>臺灣大陸楊涵婷唐鳳全球</t>
  </si>
  <si>
    <t>校園東海本學期升級謝絕防疫</t>
  </si>
  <si>
    <t>新冠肺炎疫情持續升溫為維護校園安全東海大學即日起謝絕訪客入校校方指出除每日固定進出的廠商外洽公者必須先由校內窗口提出申請此外路思義教堂的主日崇拜活動也改採網路直播方式舉辦。東海大學指出</t>
  </si>
  <si>
    <t>東海大學指出持續升溫維護校園安全即日起活動崇拜網路教堂路思義申請疫情提出窗口校內直播必須謝絕</t>
  </si>
  <si>
    <t>新冠肺炎疫情持續升溫為維護校園安全東海大學即日起謝絕訪客入校校方指出除每日固定進出的廠商外洽公者必須先由校內窗口提出申請此外路思義教堂的主日崇拜活動也改採網路直播方式舉辦。
東海大學指出疫情急速擴散校方因應疫情變化除配合政府防疫、也考慮師生健康即日起謝絕訪客進入、實施期限將視疫情發展再決定而因假日常有民眾到東海校園遊憩、散步或運動有感於遊客身分追蹤不易呼籲民眾改到公園休憩或運動。
除謝絕一般訪客進入校園東海強調與學校合作的廠商暫不在限制內另若是民眾有洽公需求者必須先由校內相關單位聯繫並提出申請藉此防堵防疫漏洞。
東海大學的路思義教堂相關活動也改變方式與半校方說路思義教堂從本月29日開始將停止進入教堂聚會主日崇拜活動改為主日當天上午10點、以網路直播方式舉行這項措施目前預定實施至4月26日之後將視疫情發展情況評估是否延續。
中興大學則表示目前尚未針對訪客部分進行管制因學校屬於開放式校園設計、出入口多在控管上難度較高。</t>
  </si>
  <si>
    <t>疫情校園民眾東海大學校方教堂路思義進入謝絕運動廠商目前學校防疫東海相關活動指出申請提出發展方式實施</t>
  </si>
  <si>
    <t>空頭全球股市蒸發</t>
  </si>
  <si>
    <t>由於擔心疫情在全球迅速蔓延美國股市反彈乏力道指和標普500指數再度收跌。根據摩根士丹利資本國際(MSCI)全球股指表現全球股市市值在過去四個交易日內蒸發33兆美元。大陸境內新增新冠肺炎感染病例數量首次被全</t>
  </si>
  <si>
    <t>全球肺炎新增境內蔓延大陸美國股市蒸發乏力反彈交易日道指感染過去指數市值再度全球股市表現股指摩根士丹利資本國際</t>
  </si>
  <si>
    <t>由於擔心疫情在全球迅速蔓延美國股市反彈乏力道指和標普500指數再度收跌。根據摩根士丹利資本國際(MSCI)全球股指表現全球股市市值在過去四個交易日內蒸發33兆美元。
大陸境內新增新冠肺炎感染病例數量首次被全球其他國家和地區超越。亞洲報告了數百個新增病例巴西證實了拉丁美洲的第一例感染這種新病毒也蔓延到了巴基斯坦、希臘和阿爾及利亞。全球食品集團雀巢暫停所有商務旅行直到3月15日。
美國衛生當局迄今已處理了59個病例其中大部分是從一艘在日本隔離數日的郵輪上撤回的美國人。但是總統川普指責經常批評他的有線電視頻道「用盡渾身解數讓(新冠肺炎疫情)看起來盡可能的糟包括令市場恐慌。」
目前已有約8萬人確診感染新冠肺炎近2800人死亡其中絕大多數在大陸。雖然嚴格的隔離措施有助於減緩疫情在大陸的傳播速度但在全球其他地方傳播速度正在加快。
世界衛生組織(WHO)表示大陸週二報告了412例新增病例而其他37個國家報告了459例。
然而世衛組織總幹事譚德賽週三在日內瓦建議各國外交官不要隨意使用「大流行」一詞世衛組織對該詞的定義為一種全球範圍傳播的新疾病。
譚德賽表示：「隨意地使用『大流行』這個詞沒有任何實際的好處但它在放大不必要的、不合理的恐懼和恥辱感以及導致系統癱瘓方面確有顯著的風險這也可能意味著我們無法再控制病毒但實際上我們是可以控制住病毒的。」他指出「這也可能意味著我們無法再控制病毒但事實並非如此。」</t>
  </si>
  <si>
    <t>全球大陸病例疫情感染肺炎新增美國傳播隔離病毒控制表示世衛組織報告譚德可能流行隨意使用無法</t>
  </si>
  <si>
    <t>大陸傳播蒸發新冠肺炎股市</t>
  </si>
  <si>
    <t>蒸發肺炎傳播股市大陸</t>
  </si>
  <si>
    <t>感染總理呼吸道斯洛伐克肺炎高燒緊急住院</t>
  </si>
  <si>
    <t>斯洛伐克總理彼得·佩萊格裡尼(Peter Pellegrini)上週末因為上呼吸道感染伴有高燒症狀緊急住院。斯洛伐克2月29日即將舉行國會選舉佩萊格裡尼這幾天原本安排了滿檔的競選行程包含電視辯論會都不得已取消</t>
  </si>
  <si>
    <t>斯洛伐克電視包含行程競選安排原本上週末pellegrini佩萊格裡尼上呼吸道感染選舉伴有國會辯論會高燒舉行症狀即將緊急住院peter彼得·佩萊格裡尼不得已總理取消</t>
  </si>
  <si>
    <t>斯洛伐克總理彼得·佩萊格裡尼(Peter Pellegrini)上週末因為上呼吸道感染伴有高燒症狀緊急住院。斯洛伐克2月29日即將舉行國會選舉佩萊格裡尼這幾天原本安排了滿檔的競選行程包含電視辯論會都不得已取消他說:「重要時刻身體背叛了我。」
即便位於東歐的斯洛伐克至今尚未傳出任何新冠肺炎的案例但上週義大利一夕之間暴增了超過200起病例難免引人聯想總理的病情是否跟新冠肺炎有關係。
佩萊格裡尼在他的個人臉書上澄清他已經好一段時間身體不舒服只是剛好現在病倒了。負責治療總理的醫院則未對他的病情有任何說明。
佩萊格裡尼所屬的社會民主黨(SME)表示雖然不確定總理何時會出院但一定會盡快回到岡位上全力競選連任。社會民主黨本屆的選情並不樂觀無獨有偶社會民主黨的黨主席裡斯·柯拉爾鮑(Boris Kollár)也因積勞成疾上周住院至今。</t>
  </si>
  <si>
    <t>總理佩萊格裡尼社會民主黨斯洛伐克競選身體病情上周肺炎住院不得已上呼吸道感染黨主席辯論會取消電視裡斯·柯拉爾鮑包含回到boris連任</t>
  </si>
  <si>
    <t>不封破百指揮確診中心回應雙北</t>
  </si>
  <si>
    <t>雙北確診個案要破百了外界關心是否短時間內要封城控制？陳時中表示每個階段要實施的措施要多強不是越強越好太強就撐不久就會提早潰堤怎樣叫做最適當要考慮很多場合的情況。國外實施各種情況可以參考</t>
  </si>
  <si>
    <t>實施情況破百外界關心提早考慮封城時間適當叫做國外太強場合階段表示是否</t>
  </si>
  <si>
    <t>雙北確診個案要破百了外界關心是否短時間內要封城控制？陳時中表示每個階段要實施的措施要多強不是越強越好太強就撐不久就會提早潰堤怎樣叫做最適當要考慮很多場合的情況。
國外實施各種情況可以參考像是直接封城會造成民眾和政府的對抗反而不利於全民防疫。聚會人流減少聚會減少口罩戴好公共措施是有效的很多國家人民不願意配合所以才需要這麼嚴格台灣的人民配合是好的昨天中午宣佈後其實整理街上人流就變少了八大也已經停了。
陳時中重申防疫大家的責任都有個人防疫新生活也要做好假訊息不要傳播聚會不要參加公共衛生是有效的手段。</t>
  </si>
  <si>
    <t>防疫封城聚會實施人流措施人民有效配合情況不要破百外界關心時間重申時中已經適當</t>
  </si>
  <si>
    <t>封城破百雙北陳時中新冠肺炎</t>
  </si>
  <si>
    <t>雙北陳時中破百封城肺炎</t>
  </si>
  <si>
    <t>大陸華仔肆虐巡演肺炎</t>
  </si>
  <si>
    <t>近來新冠肺炎肆虐劉德華（華仔）的「My Love Andy Lau World Tour」世界巡迴演唱會12日透過官網、臉書、微博及IG宣佈原定在3、4、5月分別將在上海、廣州、北京舉辦共9場演唱會全數延期；華仔上月已宣佈香港紅</t>
  </si>
  <si>
    <t>華仔演唱會宣佈肆虐劉德華mylove上月andylauworldtour全數世界原定分別巡迴延期ig上海微博肺炎北京舉辦廣州透過官網</t>
  </si>
  <si>
    <t>近來新冠肺炎肆虐劉德華（華仔）的「My Love Andy Lau World Tour」世界巡迴演唱會12日透過官網、臉書、微博及IG宣佈原定在3、4、5月分別將在上海、廣州、北京舉辦共9場演唱會全數延期；華仔上月已宣佈香港紅館12場演唱會皆取消日前再宣佈武漢3場演唱會也取消加上將延期的場次此套巡演已因疫情影響高達24場演出。
華仔所屬的台灣映藝表示「有新的消息會在官方平臺通知祈禱疫情早日受到控制、治療恢復健康、正常生活。謝謝。」而主辦單位也提到具體演出時間將根據實際情況另行通知「因延期造成的不便我們向每一位受到影響的歌迷朋友們深表歉意感謝各位朋友的理解、支持」至於已經購票的粉絲也可以選擇保留訂單、退票相關細節請留意各官方購票平臺。
第一時間公佈
台灣映藝先前曾證實華仔已申請到今年臺北小巨蛋檔期外傳是5月底共2周開唱預計唱4場演出亦是他暌違7年第3度攻蛋屆時將會引起一股搶票熱潮不過是否會受到新冠肺炎的影響？台灣映藝表示：「任何有確定的消息我們會第一時間在官網社交平臺公佈也會通知大家謝謝。」</t>
  </si>
  <si>
    <t>華仔演唱會受到演出影響延期宣佈平臺臺灣官網疫情官方第一時間公佈肺炎取消消息謝謝通知</t>
  </si>
  <si>
    <t>場演出肆虐肺炎延期場演唱會</t>
  </si>
  <si>
    <t>肺炎演唱會肆虐演出延期</t>
  </si>
  <si>
    <t>施打民眾疫苗撲空延期抱怨颱風連連</t>
  </si>
  <si>
    <t>中颱煙花行徑詭異且龜速也打亂了大家的許多因應準備其中也包括了疫苗施打作業今（23）日上午有一些宜蘭縣民陸陸續續前往溪北、溪南兩個疫苗接種中心要施打疫苗到了現場才得知因為颱風因素暫停施打兩天相當</t>
  </si>
  <si>
    <t>施打疫苗颱風詭異包括得知陸陸續續縣民現場宜蘭溪北前往上午作業打亂因應因素準備行徑</t>
  </si>
  <si>
    <t>中颱煙花行徑詭異且龜速也打亂了大家的許多因應準備其中也包括了疫苗施打作業今（23）日上午有一些宜蘭縣民陸陸續續前往溪北、溪南兩個疫苗接種中心要施打疫苗到了現場才得知因為颱風因素暫停施打兩天相當生氣抱怨政府怎麼沒有做好通知讓他們淋雨白跑一趟。
今天上午9點不到就開始有民眾陸陸續續冒雨走到設在宜蘭運動公園的宜蘭縣溪北疫苗接種中心卻發現大門深鎖也沒有工作人員還是經由記者告知這才知道今天沒有安排施打作業有人想轉往診所施打但有提供疫苗施打服務的診所早就預約額滿想要臨時要安排施打疫苗根本排不到。
一名撐著雨傘在雨中走了半個小時才抵達溪北疫苗接種中心的婦人說她的接種順序排在第十類第一次因為忘記時間沒有預約第二次接到通知時就趕快預約沒想到要打疫苗時接種中心卻沒開大吃一驚的婦人說自己完全不知道還問記者說「是因為颱風的關係嗎」？
另一名年輕的女子則是特別請假要施打疫苗結果卻因為遇到颱風導致疫苗施打作業延期感覺「有一點不方便」。
一名年約60多歲的中年男子發現今天疫苗接種中心沒開頓時滿臉不高興抱怨說政府都沒有個別通知讓他在下雨天特別跑一趟結果卻撲了個空當然感覺很麻煩、很不便民。
而宜蘭縣政府衛生局則是一上午詢問電話接不完不斷接到民眾的詢問電話衛生局長徐迺維也出面致歉並表示因為颱風的路徑變化莫測基於安全考量施打疫苗作業做了調整縣府之前先後透過第四台、臉書、通訊群組、發布新聞等方式告知縣民也有發簡訊通知但仍有民眾沒有收到簡訊這一點內部要再做檢討也有可能是子女代為預約接種疫苗但在接到延期通知時沒有轉告父母但無論如何對於撲空的民眾他深表歉意徐迺維也安撫民眾說這兩天預約的民眾名單都有記錄中央將會再發通知。</t>
  </si>
  <si>
    <t>疫苗施打沒有民眾通知接種預約颱風宜蘭作業中心接到溪北特別上午縣民今天結果陸陸續續</t>
  </si>
  <si>
    <t>新冠肺炎台灣施打疫苗作業疫苗接種</t>
  </si>
  <si>
    <t>施打疫苗臺灣肺炎作業接種</t>
  </si>
  <si>
    <t>戶外顯示強制證據專家口罩</t>
  </si>
  <si>
    <t>澳洲墨爾本封城2周後疫情趨緩11日正式解封不過仍維持室外須戴口罩等規定專家表示沒有證據顯示應該強制民眾在室外也戴上口罩認為風會吹散病毒只有近距離聊天時才要戴上口罩。澳洲維多利亞州在出現源自於</t>
  </si>
  <si>
    <t>口罩室外澳洲疫情正式解封病毒維持距離證據表示沒有聊天須戴顯示應該規定專家</t>
  </si>
  <si>
    <t>口罩戶外病毒指出傳播室外措施維州表示民眾澳洲室內顯示要求疫情墨爾本距離規定專家and證據</t>
  </si>
  <si>
    <t>#新冠肺炎#全球澳洲墨爾本維多利亞州戶外</t>
  </si>
  <si>
    <t>全球澳洲墨爾本肺炎維多利亞州戶外</t>
  </si>
  <si>
    <t>分析林濁水原因az臺灣代工防疫陳時中</t>
  </si>
  <si>
    <t>衛福部長陳時中昨10日在立院備詢時坦承AZ疫苗原廠曾找過台灣代工生產疫苗但因「有人不太喜歡這樣子」且AZ希望台灣至少代工3億劑我方則希望代工1億劑故最終破局。前立委林濁水分析現在台灣防疫被切成3個</t>
  </si>
  <si>
    <t>臺灣az代工疫苗希望立院現在備詢分析林濁水坦承原廠樣子生產喜歡陳時中最終防疫</t>
  </si>
  <si>
    <t>衛福部長陳時中昨10日在立院備詢時坦承AZ疫苗原廠曾找過台灣代工生產疫苗但因「有人不太喜歡這樣子」且AZ希望台灣至少代工3億劑我方則希望代工1億劑故最終破局。前立委林濁水分析現在台灣防疫被切成3個部分行政院長蘇貞昌負責紓困陳時中負責防疫行政至於疫苗的部分似乎沒人負責。
對於合作破局原因陳時中解釋不是我們不願意而是一方面「有人不太喜歡這樣子」另方面對方要求的數量對台灣而言是有困難會把整個生產線都佔滿尤其台灣又沒這麼大的消耗量。
陳時中更說談到最後台灣是希望幫忙AZ代工1億劑但對方希望至少3億劑「我們覺得有困難所以雙方最後在條件上沒談成。」
林濁水12日在臉書上表示現在看來台灣的防疫作戰被切成三塊由三方各司其權：「紓困─蘇貞昌；防疫行政─陳時中；疫苗─？？？」他還給出原因「外國運來疫苗陳時中到貨在飛機上才被告知；談代工『有人不喜歡』⋯」。
林濁水指出既然如此如今在野黨猛轟陳時中要為疫苗短缺下臺從憲法明文規定看沒有錯但是從實質的權力運作上依有權有責權責相符精神看就複雜了。
網友們也留言回應「沒有疫苗的政府將崩潰」、「華航諾富特這鍋執政黨也是一直甩。在野黨也樂得見縫插針大亂鬥」、「四塊─還有一塊是網路作戰」、「都沒發現時中開始說真話？受不了了？」。
林濁水還在另一篇貼文中指出這真奇怪聯亞可以都可製造到8億劑了陳時中為什麼說代工3億AZ台灣沒有能量只願做1億以致於破局。然後現在疫苗缺到恐怖？陳時中又說有人不喜歡這案子陳時中在訴苦嗎？如果是那麼為什麼這個連人氣王陳時中都擋不住？</t>
  </si>
  <si>
    <t>疫苗陳時中臺灣林濁水az沒有現在代工防疫希望指出作戰在野黨時中負責最後</t>
  </si>
  <si>
    <t>新冠肺炎台灣陳時中疫苗林濁水</t>
  </si>
  <si>
    <t>肺炎臺灣陳時中疫苗林濁水</t>
  </si>
  <si>
    <t>健康政策回溫疫情延宕</t>
  </si>
  <si>
    <t>日前粵港澳三地曾打算共同推動跨境「健康碼」來讓需要再三地流動的商務人士免於14日隔離檢疫香港食物及衞生局日前透露已大致完成但今早又傳出變數。香港食物及衞生局副秘書長陳偉基表示粵港澳三地政府共同商</t>
  </si>
  <si>
    <t>香港食物及衛生局日前共同需要再三流動健康商務人士推動打算隔離完成傳出檢疫變數透露大致</t>
  </si>
  <si>
    <t>日前粵港澳三地曾打算共同推動跨境「健康碼」來讓需要再三地流動的商務人士免於14日隔離檢疫香港食物及衞生局日前透露已大致完成但今早又傳出變數。
香港食物及衞生局副秘書長陳偉基表示粵港澳三地政府共同商討的政策框架已草擬完畢但目前因疫情未完全受控粵港澳政府處理跨境認證要非常小心。陳偉基還提到目前還沒到完全開放的時候。
香港立法會一個小組委員會在今早審議的幾條因應防疫而推行的附屬法條有議員關注跨境互認「健康碼」的籌備進度陳偉基回應目前粵港澳政府要非常小心、謹慎控制人流否則疫情防控可能會出現漏洞；他強調框架雖商量好但還「未到完全開放」的時候。
有議員提到健康碼申請收費高昂的問題稱消息指1000港元以上才能進行檢測陳表示香港的核酸檢測化驗費用比澳門及大陸高昂但認為當市場需求會增加競爭也會加大屆時價錢有機會下調。
該議員又要求港府放寬防疫措施食物及衞生局副局長徐德義回應因應本港疫情的發展過去推行的防疫措施目前正逐步放寬。</t>
  </si>
  <si>
    <t>目前健康疫情議員防疫陳偉基高昂完全香港食物及衛生局表示框架跨境回應因應檢測提到共同措施推行時候</t>
  </si>
  <si>
    <t>港澳香港新冠肺炎武漢肺炎新型冠狀病毒</t>
  </si>
  <si>
    <t>肺炎武漢香港冠狀港澳病毒</t>
  </si>
  <si>
    <t>感染者廣州全數病例死亡治癒出院</t>
  </si>
  <si>
    <t>據《廣州日報》報導廣州已不只連續19日實現零新增新冠肺炎確診病例7月8日上午最後6名確診患者從廣州醫科大學附屬市八醫院出院後本波廣州發生的新冠疫情所有感染病患已全部治癒實現清零。更重要的是在這波</t>
  </si>
  <si>
    <t>實現廣州確診清零廣州醫科大學附屬患者治癒醫院出院連續有感發生染病疫情肺炎新增最後上午病例重要</t>
  </si>
  <si>
    <t>據《廣州日報》報導廣州已不只連續19日實現零新增新冠肺炎確診病例7月8日上午最後6名確診患者從廣州醫科大學附屬市八醫院出院後本波廣州發生的新冠疫情所有感染病患已全部治癒實現清零。更重要的是在這波疫情至今無一例死亡廣州醫療部門完成了罕見的防疫績效。
廣州自5月以來爆發新一波新冠肺炎疫情此次疫情以Delta病毒株為主這種變異病毒傳播力強、發病快、重症率高、死亡率高在全球造成新冠疫情大流行以來最嚴重的災難目前仍持續困擾到上上百個國家。
《廣州日報》報導稱今天上午根據大陸國家衛生健康委新型冠狀病毒肺炎診療方案的出院標準經專家評估又有6名確診患者從廣州醫科大學附屬市八醫院出院。隨之廣州本輪本地疫情在新增確診者連續第19日清零後住院感染者亦全部治癒出現實現感染者清零！
截至今天廣州市本波新冠肺炎本土感染者累計報告153例本地感染者均為廣州廣州醫科大學附屬市八醫院收治。由於本輪疫情病毒傳播速度相對較快有基礎疾病的老年病例較多在院危重症患者數一度達10例之多但最終無一人死亡。</t>
  </si>
  <si>
    <t>疫情廣州肺炎感染者確診實現患者以來病毒傳播出院國家廣州醫科大學病毒附屬病例連續醫院治癒</t>
  </si>
  <si>
    <t>新冠疫情廣州感染者清零Delta</t>
  </si>
  <si>
    <t>感染者廣州疫情清零delta</t>
  </si>
  <si>
    <t>不再mwc風光</t>
  </si>
  <si>
    <t>世界行動通訊大會（MWC）24日將如期舉行惟新冠肺炎攪局包括英特爾、亞馬遜及愛立信等國際大廠紛紛宣佈退展後台灣兩大廠商聯發科（2454）與中華電（2412）11日也雙雙退出法人認為現階段復工情況比展覽更為</t>
  </si>
  <si>
    <t>現階段認為mwc法人退出如期舉行華電肺炎攪局包括英特爾復工亞馬遜廠商愛立信國際大廠紛紛臺灣宣佈</t>
  </si>
  <si>
    <t>mwc復工包括大廠不再疫情供應陣營朱成志發表紛紛相關退出認為狀況通訊現階段聯發廠商肺炎</t>
  </si>
  <si>
    <t>非蘋陣營重要肺炎風光現階段</t>
  </si>
  <si>
    <t>陣營重要肺炎風光現階段非蘋</t>
  </si>
  <si>
    <t>境外肺炎來自印度印尼</t>
  </si>
  <si>
    <t>衛福部長陳時中13日公佈國內新增4例境外移入COVID-19確定病例分別自印度（1例）、印尼（3例）入境。指揮中心表示案840為印度籍30多歲男性去（2020）年12月18日來台工作持有搭機前三日內檢驗陰性報告入境</t>
  </si>
  <si>
    <t>入境日內公佈國內持有工作新增境外男性印度籍病例確定covid-中心表示檢驗印尼分別印度指揮</t>
  </si>
  <si>
    <t>衛福部長陳時中13日公佈國內新增4例境外移入COVID-19確定病例分別自印度（1例）、印尼（3例）入境。
指揮中心表示案840為印度籍30多歲男性去（2020）年12月18日來台工作持有搭機前三日內檢驗陰性報告入境後至防疫旅館居家檢疫迄今無症狀；個案今（2021）年1月2日檢疫期滿後於住處自主健康管理至1月8日因公司要求1月11日至醫院自費採檢於今日確診。已掌握個案接觸者共一人列居家隔離。
案841、案842、案843均為印尼籍男性漁工年齡介於20多歲至30多歲分別於去年12月27日及12月30日來台工作皆持有搭機前三日內檢驗陰性報告入境後分別至防疫旅館與集中檢疫所檢疫迄今均無症狀。其中案841及842於今年1月11日檢疫期滿後搭乘專車至醫院自費採檢；案843則於1月12日進行檢疫期滿前採檢三人均於今日確診。已掌握案841及842之同車接觸者共五人因有適當防護列自主健康管理；案843因無症狀且檢疫期間未與他人接觸故無匡列接觸者。</t>
  </si>
  <si>
    <t>檢疫分別期滿接觸入境男性症狀個案印尼健康自主居家自費管理醫院迄今防疫</t>
  </si>
  <si>
    <t>無症狀檢疫期滿接觸者入境來台</t>
  </si>
  <si>
    <t>接觸期滿檢疫入境症狀</t>
  </si>
  <si>
    <t>疫苗老闆可能加錢藥師時中意識形態</t>
  </si>
  <si>
    <t>新冠肺炎疫情未歇疫苗被視為推動解封的希望而對於沒有透過大中華地區代理商上海復星醫藥購買指揮官陳時中表示是BNT主動聯繫。對此藥師林士峰認為陳時中要繞過大中華區總代理上海復興和德國原廠下單</t>
  </si>
  <si>
    <t>陳時中上海大中華疫苗視為推動解封疫情希望總代理對於沒有透過地區聯繫代理商主動bnt藥師林士峰對此表示繞過指揮官</t>
  </si>
  <si>
    <t>新冠肺炎疫情未歇疫苗被視為推動解封的希望而對於沒有透過大中華地區代理商上海復星醫藥購買指揮官陳時中表示是BNT主動聯繫。對此藥師林士峰認為陳時中要繞過大中華區總代理上海復興和德國原廠下單還是買得到疫苗但此舉屬於特殊需求通常要加價處理他更忍不住直言為了意識形態被加價陳時中還不被老闆電爆？
林士峰今(21日)在臉書上對商業模式進行分析指出假如我們自己去日本搬戴森吸塵器回國自用這是零售的行爲損及國內代理商的利益如果買到了機王通常不是搬回日本享受保固或者是加錢請國內的代理自費修理。假如我們自己去日本搬戴森吸塵器回國自用這個是零售的行爲這個損及國內代理商的利益如果買到了機王通常不是搬回日本享受保固或者是加錢請國內的代理自費修理。
接著林士峰表示陳時中意圖繞過大中華地區的代理商跟德國原廠商下單購買疫苗這樣有可能會損及上海復星的利益而且這個不是自用自然屬於批發行爲通常加錢「想繞過代理買算是特殊需求特殊需求通常需要加價處理」而最後應該還是買的到。
不過林士峰也說可是時中部長如果您是私人企業的採購爲了意識型態被加價「老闆還不電爆你」。
網友們也留言回應「以後誰敢跟你這個中華民國談生意凡事我想怎樣就怎樣。還真以為Taiwan NO1」、「哈哈真的覺得他被推上神壇就是為了到時可以拿來背鍋專用的大家的炮火都在轟他然後真正搞事的另有其人」「大費周章的目的是省錢但我們呢？」</t>
  </si>
  <si>
    <t>陳時中疫苗通常林士峰加價代理商上海繞過日本大中華代理國內購買表示自用下單加錢德國利益行為屬於地區</t>
  </si>
  <si>
    <t>陳時中疫苗BNT上海復興新冠肺炎</t>
  </si>
  <si>
    <t>復興上海bnt疫苗陳時中肺炎</t>
  </si>
  <si>
    <t>機構禁止探視</t>
  </si>
  <si>
    <t>因應新冠肺炎疫情升高台灣陷入第二波歐美境外移入案例的危機彰化縣衛生局超前部署率先全國宣佈19日起全縣住宿式長照、日間照護、身障機構等102家機構全面禁止探視避免疫病傳播風險。提供視訊 讓親友相見彰</t>
  </si>
  <si>
    <t>疫情升高臺灣機構陷入疫病傳播提供風險住宿歐美全縣境外宣佈肺炎全國案例率先部署危機超前</t>
  </si>
  <si>
    <t>因應新冠肺炎疫情升高台灣陷入第二波歐美境外移入案例的危機彰化縣衛生局超前部署率先全國宣佈19日起全縣住宿式長照、日間照護、身障機構等102家機構全面禁止探視避免疫病傳播風險。
提供視訊 讓親友相見
彰化縣傳染病防治流行疫情指揮中心針對「高風險場所感染控制及健康管理」超前部署特別針對縣內各類住宿式長照機構辦理機構分艙、分流教育訓練課程並建議機構提供視訊方式供家屬或親友探視。
彰化縣衛生局長葉彥伯表示國內新冠肺炎病例已破百例歐美亞洲的疫情入侵來勢洶洶目前國外已傳出多起長照機構群聚事件；長照機構的住民多為失能合併慢性病長者屬罹患重症或死亡之高風險族群必須嚴防群聚事件發生。
但若有特殊探視需求且經機構評估確有需要需提供健保卡、身分證確認14天內無國外旅遊史、且無傳染風險之虞仍可入內探視。
特殊需求 評估後放行
珍瑩老人養護中心董事長林亮暉指出疫情爆發初期就限制每天最多只受理2位院民家屬親友申請預約探視最多可2人前來需全程戴口罩、消毒並量測體溫在通風的公共區域會客時間30分鐘。中心照服員、護理師都配有公務手機不論臥床或坐輪椅院民都很方便與親友交談已提早宣導相信他們都能接受。
彰化縣內住宿式長照機構包括老人福利機構50家、護理之家40家、衛生福利部及退輔會所屬機構4家及產後護理之家8家共102家工作人員數3371人及住民6608人總計9979人。</t>
  </si>
  <si>
    <t>機構疫情探視親友提供護理高風險中心歐美風險國外老人</t>
  </si>
  <si>
    <t>視訊探視機構住宿式長照肺炎</t>
  </si>
  <si>
    <t>住宿機構探視肺炎</t>
  </si>
  <si>
    <t>產能全開臺灣支援尖點大陸</t>
  </si>
  <si>
    <t>受新冠肺炎影響各家業者都在想方設法讓產能運作順利其中PCB鑽針廠尖點科技（8021）表示除了成立「防疫應變小組」積極投入防疫作業以外目前台灣廠部份產能全開全力支援大陸地區需求。由於尖點在大陸生產</t>
  </si>
  <si>
    <t>產能尖點防疫影響家業想方設法大陸全力支援肺炎全開運作作業成立順利表示廠部以外科技目前pcb臺灣地區小組</t>
  </si>
  <si>
    <t>受新冠肺炎影響各家業者都在想方設法讓產能運作順利其中PCB鑽針廠尖點科技（8021）表示除了成立「防疫應變小組」積極投入防疫作業以外目前台灣廠部份產能全開全力支援大陸地區需求。
由於尖點在大陸生產據點為江蘇、河北、廣東、四川配合大陸地區各所在地政府機關發布之規定復工時間不一。唯復工初期因員工返崗人數不足產能利用率偏低三月份是否能恢復正常取決於疫情受控程度。
尖點一月受到農曆春節工作天數減少以及新冠肺炎疫情影響一月營收202億元較上月減少305％較去年同期減少206％。累計2019年營收達3006億元較前年減少84％不過尖點聚焦收斂策略一段時間調整長期營運表現不彰之子公司規模雖然營收規模下降但減虧效益確保了獲利表現去年第三季毛利率為327％是自2016年以來首度回到30％以上的毛利水準分別較第二季及前年同期增加64及42個百分點。
因應5G時代來臨由於5G技術所需的高頻率也為PCB製程帶來挑戰尖點已推出一系列應用於5G領域的鑽針對應5G產品使用的基板具高頻、厚板、高層數等特性以提供客戶更好的加工精度及孔壁品質需求。</t>
  </si>
  <si>
    <t>尖點產能減少大陸表現pcb疫情一月地區防疫復工影響需求肺炎規模加工客戶提供</t>
  </si>
  <si>
    <t>大陸肺炎規模疫情尖點</t>
  </si>
  <si>
    <t>疫情肺炎尖點規模大陸</t>
  </si>
  <si>
    <t>綏芬河歸零患者嚴峻武漢</t>
  </si>
  <si>
    <t>對比美國新冠肺炎疫持續升溫大陸官方26日則高調宣佈武漢在院的患者已經「歸零」且境外輸入確診病例已有近6成治癒出院。不過眼下黑龍江綏芬河市疫情仍舊嚴峻官方已要求市民非必要不得離市；而面對五一連假</t>
  </si>
  <si>
    <t>官方不得肺炎非必要市民持續要求升溫大陸離市嚴峻仍舊確診病例輸入疫情高調黑龍江武漢眼下綏芬河市已有近</t>
  </si>
  <si>
    <t>對比美國新冠肺炎疫持續升溫大陸官方26日則高調宣佈武漢在院的患者已經「歸零」且境外輸入確診病例已有近6成治癒出院。不過眼下黑龍江綏芬河市疫情仍舊嚴峻官方已要求市民非必要不得離市；而面對五一連假將至也有多地政府祭出「限行令」要求校園師生不得赴外地旅行。
大陸國家衛健委26日發布消息指湖北25日無新增確診病例且新增11例治癒出院病例無新增死亡病例。衛健委新聞發言人米鋒在同日下午國務院聯防聯控機制記者會上稱經過武漢和全國援鄂醫務人員的共同努力今日武漢所有在院新冠肺炎患者已歸零。
綏城設置市內碼 限制移動
但武漢疫情的趨緩並不代表危機解除當前面臨疫情境外輸入威脅的黑龍江綏芬河市在26日發布通告要求綏芬河市按照中風險地區管理全城畫定重點管控區嚴格實行「九嚴一保」管控措施並且市內人員將單獨設置「市內碼」以限制市民離市造成疫情擴散。
風景區恐人潮多 嚴加防範
公告指若綏芬河市民遇特殊情況需出市須向出城檢疫站出示3日內核酸檢驗陰性的證明且離開後必須在目的地實施14天集中隔離醫學觀察並進行2次核酸檢驗。
另外為因應「五一連假」大陸也有多地區要求校園師生不得到外地旅遊還有一部份地區宣佈五一假期期間學生不放假。如安徽省淮北市教育局在24日發布通告提到為嚴格管疫情要求所有市內師生在五一及端午連假不得出市旅遊。宣佈五一不放假的地區則有浙江杭州和安徽馬鞍山市等。
今年大陸五一假期長達5日按日前清明連假的經驗看來各大旅遊風景區仍可能聚集龐大人潮須嚴加防範。</t>
  </si>
  <si>
    <t>疫情要求武漢大陸地區市民病例宣佈發佈旅遊綏芬河市師生核酸檢驗風景區假期嚴格衛健官方</t>
  </si>
  <si>
    <t>日發布肺炎多地市民歸零</t>
  </si>
  <si>
    <t>肺炎發佈歸零市民</t>
  </si>
  <si>
    <t>台商曝光隔離便當根本人員吃不飽醫療</t>
  </si>
  <si>
    <t>新冠肺炎疫情持續升溫醫療人員的工作量也遽增有網友貼出醫療人員的便當同時對比了日前武漢台商包機返台後的便當這讓她忍不住感嘆「到底是醫院便當太可憐還是隔離所便當太豐盛」。原PO在《Dcard》發文表示</t>
  </si>
  <si>
    <t>便當醫療人員豐盛持續升溫醫院忍不住返台po工作量包機武漢日前同時對比網友貼出疫情到底感歎台商dcard</t>
  </si>
  <si>
    <t>新冠肺炎疫情持續升溫醫療人員的工作量也遽增有網友貼出醫療人員的便當同時對比了日前武漢台商包機返台後的便當這讓她忍不住感嘆「到底是醫院便當太可憐還是隔離所便當太豐盛」。
原PO在《Dcard》發文表示之前看到武漢返台台商在抱怨隔離所的便當於是就請男友傳了醫院的員工便當。沒想到照片一傳過來讓她震驚不已餐盒裡的白飯不但沒有裝滿主菜一塊肉擺在其中一小格子另外還有少量配菜。原PO留言「為我男友醫院的員工感到難過據說他們男生根本吃不飽還得抽空到樓下全家覓食」。
原PO更拿了日前武漢台商在隔離所的便當與男友的便當來做比較「到底是醫院便當太可憐還是隔離所便當太豐盛」。原PO還補充據說原本一個70塊漲到80塊而且男友絕對沒有把主菜拿掉。她也不忘請大家能夠稍微體諒吃不飽還要上戰場抗疫的醫護人員。</t>
  </si>
  <si>
    <t>便當po男友醫院吃不飽武漢醫療人員主菜沒有隔離據說台商員工日前返台豐盛持續還要到底升溫</t>
  </si>
  <si>
    <t>疫苗接種地區疫情病例激增美國</t>
  </si>
  <si>
    <t>美國疾病管制及預防中心（CDC）主任瓦倫斯基周16日警告美國過去一周確診病例增加7成而病歿人數則上升26％部分疫苗接種率低的地區疫情復燃。瓦倫斯基表示新冠變種病毒Delta仍持續在低接種率地區傳播沒接種</t>
  </si>
  <si>
    <t>瓦倫斯基接種美國地區cdc中心主任增加確診病例人數上升部分病毒變種表示疫苗delta持續</t>
  </si>
  <si>
    <t>美國疾病管制及預防中心（CDC）主任瓦倫斯基周16日警告美國過去一周確診病例增加7成而病歿人數則上升26％部分疫苗接種率低的地區疫情復燃。
瓦倫斯基表示新冠變種病毒Delta仍持續在低接種率地區傳播沒接種疫苗就面臨染疫風險。白宮疫情協調員齊茨指出全美過去一周逾40％新症來自阿肯色州、佛羅裡達州、路易斯安那州、密蘇裡州及內華達州而上述地區疫苗接種率偏低。
自6月22日起美國新增確診人數增加兩倍以上48州疫情升溫病歿人數亦同時攀升估計已陷入第4波疫情。美國16日通報單日新增逾7萬4000例確診比前一天突然飆升近3倍創4月中以來新高。
★《中時新聞網》提醒您：因應新冠肺炎疫情疾管署持續加強疫情監測與邊境管制措施 如有疑似症狀請撥打：1922專線或 0800-001922 並依指示配戴口罩儘速就醫同時主動告知醫師旅遊史及接觸史以利及時診斷及通報。</t>
  </si>
  <si>
    <t>疫情美國確診接種人數疫苗瓦倫斯基地區管制持續過去增加通報新增接觸史及旅遊告知醫師主動</t>
  </si>
  <si>
    <t>地區美國疫苗接種率瓦倫斯基確診</t>
  </si>
  <si>
    <t>接種疫苗瓦倫斯基美國確診地區</t>
  </si>
  <si>
    <t>藍色公路新北業者乘客</t>
  </si>
  <si>
    <t>新冠肺炎疫情延燒新北市藍色公路受到嚴重衝擊整體運量銳減8成以上每天營業額不到2000元台北航運公司不堪虧損已向新北市府申請取消平日航班僅留假日航班若疫情持續延燒恐引發骨牌效應。新北市交通局</t>
  </si>
  <si>
    <t>新北疫情航班以上銳減營業額運量整體臺北衝擊嚴重航運公司不堪受到虧損已向平日持續取消公路申請市府藍色</t>
  </si>
  <si>
    <t>新冠肺炎疫情延燒新北市藍色公路受到嚴重衝擊整體運量銳減8成以上每天營業額不到2000元台北航運公司不堪虧損已向新北市府申請取消平日航班僅留假日航班若疫情持續延燒恐引發骨牌效應。新北市交通局表示將全力協助業者紓困。
新北淡水河藍色公路目前總計有8條路線由5家業者經營以淡水地區航點最多、最密集。但新冠肺炎疫情爆發加上鑽石公主號郵輪事件民眾出遊意願大減淡水老街受到波及人潮銳減連帶影響在淡水碼頭、漁人碼頭經營的船運業者但為了航線營運權即使搭船人少還是要硬著頭皮出航。
台北航運副理蔡凱瑞說台航主要負責營運淡水老街到漁人碼頭航線平日一小時一班一天來回有14班假日則增加到每30分鐘一班一天來回約有26班。
蔡凱瑞說大概2月開始人潮就大幅度衰退人數跟去年同期比約少了8成以上甚至有時一天開下來營業額還不到2000元連成本都不夠真的快要撐不下去。
蔡凱瑞指出已向新北市交通局申請暫停平日航線只留週五、六、日等3天雖停駛平日航線但淡水碼頭跟漁人碼頭的相關規費每個月還是要10幾萬希望政府單位能夠協助減免或提供其他紓困方案。
新北市交通局運輸管理科長林詩欽指出上周收到台北航運申請已同意業者申請若有需要協助紓困市府將會全力協助。</t>
  </si>
  <si>
    <t>淡水新北航線平日申請臺北市交通局業者凱瑞協助疫情紓困漁人碼頭人潮受到銳減指出營運經營以上航運市府</t>
  </si>
  <si>
    <t>新北市交通局航運日航申請協助</t>
  </si>
  <si>
    <t>航運市交通局申請新北協助</t>
  </si>
  <si>
    <t>接種現身bnt張亞中莫德納原因</t>
  </si>
  <si>
    <t>國民黨主席選戰昨（25日）結束孫文學校總校長張亞中在這次黨魁選舉拿下6萬多票得票率3259%張亞中以「黃花崗革命剛剛結束」來形容自己的心情經過一夜沉澱他今天前往醫院施打BNT疫苗並說明為何自己接受BN</t>
  </si>
  <si>
    <t>結束張亞中bnt施打醫院前往今天沉澱孫文疫苗心情學校形容校長黨魁選舉得票率剛剛黃花崗革命說明拿下選戰接受</t>
  </si>
  <si>
    <t>國民黨主席選戰昨（25日）結束孫文學校總校長張亞中在這次黨魁選舉拿下6萬多票得票率3259%張亞中以「黃花崗革命剛剛結束」來形容自己的心情經過一夜沉澱他今天前往醫院施打BNT疫苗並說明為何自己接受BNT疫苗的原因以及下一步動向。
張亞中今（26日）接受媒體聯訪表示本來他在7月初可以打莫德納但是自己沒有打原因是因在5月底時自己接受大陸友人跟台商捐贈台灣500萬劑BNT疫苗和500萬劑的大陸國藥給政府並向政府申請過程中遭到阻擾等到7月初時政府仍未回應而自己基於負責任的態度就沒去打莫德納直到8月遭到政府的拒絕後事情就告一段落了。張稱一直到前幾天的時候政府有規定德國的BNT可以開始登記施打自己便去登記今天接受施打。
為何選擇BNT疫苗張亞中稱對他而言只要是有國際授權的疫苗自己都願意去打但是像高端這種沒有經過國際認證的沒有經過三期整個實驗完成的這種沒有經過科學認證的東西自己是不會去打的並強調只要是經過國際認證包括莫德納或是BNT自己都願意去接種。
對於記者詢問支持者喊要退黨支持並期望他能成立新政黨張亞中直言自己參選國民黨目的就是要救國家和兩岸不會為了個人利益而另成立新政黨滿足自己的慾望。他所希望的是國民黨能變得更壯大所以在這個前提之下自己才來救黨期望救黨之後救國因此不會另成立新的政黨他會留在國民黨內希望跟有志之士一起捍衛「我們應該捍衛的價值」。</t>
  </si>
  <si>
    <t>張亞中bnt政府接受疫苗政黨國民黨國際莫德納希望結束認證月初沒有遭到期望施打可以</t>
  </si>
  <si>
    <t>BNT張亞中國民黨黨主席選戰莫德納</t>
  </si>
  <si>
    <t>選戰國民黨張亞中黨主席莫德納bnt</t>
  </si>
  <si>
    <t>總理po夫人何晶新加坡延長網友</t>
  </si>
  <si>
    <t>新加坡新冠肺炎疫情緊張22日中午總確診人數破萬大關來到10141例。新加坡總理李顯龍宣佈「軟封城令」延長到6月1日。除此之外因為疫情關係從22日開始關閉飲料店、甜點店及點心店。消息一出讓當地人崩潰許多人</t>
  </si>
  <si>
    <t>疫情新加坡消息點心店飲料店關閉出讓緊張總理李顯龍宣佈來到延長大關人數中午確診開始當地人關係肺炎</t>
  </si>
  <si>
    <t>新加坡新冠肺炎疫情緊張22日中午總確診人數破萬大關來到10141例。新加坡總理李顯龍宣佈「軟封城令」延長到6月1日。除此之外因為疫情關係從22日開始關閉飲料店、甜點店及點心店。消息一出讓當地人崩潰許多人紛紛趕在店關門前手刀衝去買最後一杯珍奶。新加坡總理夫人何晶先是在臉書上轉發了一則有關「軟封城令」延長的感嘆本來只需再忍14天變成還要多等41天的心情她再轉發蛋糕店停店的消息2則「壞消息」令人看了既莞爾又想哭。
新加坡原先從4/7起到5/4實施為期28天的阻斷措施（Circuit Breaker）類似封城。總理李顯龍21日宣佈將這項阻斷措施再延長一個月到6/1止暫時關閉更多工作場所減少從事必要服務行業人員外出進一步限制人潮較多地點的人流。除此之外因為疫情關係從22日開始關閉飲料店、甜點店及點心店。
消息一出讓當地人崩潰許多人紛紛趕在店關門前手刀衝去買最後一杯珍奶甚至還因為排隊人潮太多至少要等上半小時的時間甚至疑似因為等餐等太久而爆肢體衝突。
新加坡總理夫人何晶也在臉書上轉發別人寫了有關封城令延長的感嘆「昨天睡前剩14天今天睡醒還有41天」14與41的數字剛好是十位數與個位數顛倒過來po文者似乎帶點無奈許多網友看了也回應「我要哭了」、「太經典了我喜歡！哈哈哈」、「會不會我們得習慣了這樣的居家生活？還一直無法擺脫？」、「昨天只不過是一場夢今天才是現實的」、「41天很快就會又變成剩14天的jiayou(加油)」。這也表達出了民眾期盼「解封」的一天快點到來不然大家待在家裡都快憋到瘋了。
何晶也轉發22日起飲料店、蛋糕店、甜點店及點心店等須關閉的消息許多網友也驚呼回應「有吃蛋糕才能讓我恢復理智呀！哭哭」、「只好自己在家做甜點了」還有不少人貼出製作點心的食譜教學影片。
到底新加坡人有多熱愛喝珍奶？吃甜食？何晶過去就常在臉書上發文轉發珍奶的文章其中一篇更是提到新加坡人喜愛珍奶到願意花時間排隊即使等了半小時才買到珍奶也不怨尤。</t>
  </si>
  <si>
    <t>新加坡轉發總理關閉消息蛋糕延長疫情書上還有人潮</t>
  </si>
  <si>
    <t>何晶封城延長6月1日珍珠奶茶</t>
  </si>
  <si>
    <t>珍珠封城延長奶茶何晶</t>
  </si>
  <si>
    <t>成大聯盟工業創新邁向</t>
  </si>
  <si>
    <t>國立成功大學結合產官學界10日宣佈在沙崙智慧產業創新園區組成創新聯盟受邀與會的行政院副院長陳其邁羨慕沙崙智慧產業園區有成大提供頂尖研發能量是發展「大南方計畫」的核心未來將帶領台灣邁向工業40時</t>
  </si>
  <si>
    <t>沙侖智慧產業園區創新帶領未來核心學界南方臺灣發展宣佈提供與會行政院院長有成陳其邁羡慕邁向</t>
  </si>
  <si>
    <t>國立成功大學結合產官學界10日宣佈在沙崙智慧產業創新園區組成創新聯盟受邀與會的行政院副院長陳其邁羨慕沙崙智慧產業園區有成大提供頂尖研發能量是發展「大南方計畫」的核心未來將帶領台灣邁向工業40時代的關鍵。
朝向綠能智慧科技前進
歸仁區沙崙部落原先在前臺南市長賴清德規畫為「沙崙綠能園區」在蔡英文總統啟動「大南方計畫」後一舉升級成「沙崙智慧產業園區」以成功大學提供學術領域。
成大校長蘇慧貞10日宣佈成立「沙崙智慧產業創新聯盟」包括中研院、工研院、交大學術單位進駐提供技術與學術研究發展智慧醫療、綠能減碳與智慧運輸目標是成為領導亞洲的綠能智慧科技實驗場域。其中智慧醫療已經在此次新冠肺炎防疫中展現成果。
台南市長黃偉哲稱沙崙智慧園區早在2016年即已定位是蔡英文「大南方計畫」中最接近成熟的方案未來將成為南台灣的動能引擎還會設置台南會展中心、三井outlet等生活機能單位是塊星光熠熠的土地。
陳其邁羨慕台南市有學術基礎雄厚的成大提供創新研發能量還稱讚成大主導的沙崙智慧產業創新聯盟是「大南方計畫」的核心未來將帶領台灣走向工業40時代。
陳其邁參觀示範版方艙
陳其邁在會後參觀成大自主研發的示範版方艙醫院每個病房都有標準的隔離措施他稱台灣已20多天無本土案例成大研發的方艙醫院更符合傳染病者的隔離空間但希望台灣不要用到。</t>
  </si>
  <si>
    <t>智慧沙侖成大臺灣台南園區陳其邁創新研發提供產業學術聯盟南方隔離單位成為醫療</t>
  </si>
  <si>
    <t>智慧產業聯盟大南方計畫陳其邁</t>
  </si>
  <si>
    <t>南方聯盟計畫產業陳其邁智慧</t>
  </si>
  <si>
    <t>醫師協會首度呼籲確診日本</t>
  </si>
  <si>
    <t>日本13日新冠肺炎（COVID-19）單日確診數首度突破2萬例「雅虎新聞」（Yahoo! News）報導東京都醫師協會會長尾崎治夫13日表示日本許多醫療單位已陷入緊繃狀態且全國大多數行政區域的疫情仍在升溫因此呼籲政</t>
  </si>
  <si>
    <t>日本疫情行政區域全國狀態確診covid-首度陷入突破單位新聞yahoo醫療news報導東京都醫師表示協會會長尾崎</t>
  </si>
  <si>
    <t>日本13日新冠肺炎（COVID-19）單日確診數首度突破2萬例「雅虎新聞」（Yahoo! News）報導東京都醫師協會會長尾崎治夫13日表示日本許多醫療單位已陷入緊繃狀態且全國大多數行政區域的疫情仍在升溫因此呼籲政府應向全日本統一發布「緊急事態宣言」。
尾崎治夫在13日下午2時（台灣時間下午1時）的記者會中表示目前不僅僅是以東京都為中心的首都圈、以大阪為中心的近畿圈、福岡、北海道、沖繩等熱點疫情已擴散到日本全境47個都道府縣的有效再生數（Effective reproductive number即Rt值）幾乎都大於1代表疫情只會愈演愈烈。
且日本醫療單位目前不僅要處理大量新冠肺炎或其他疾病的患者還要繼續維持疫苗接種等必要作業已陷入「緊繃」狀態。因此尾崎治夫認為政府可能需要從全國的角度展開防疫對策有必要全面發布「緊急事態宣言」。若無法辦到則應讓目前大量出現重症病患的40多歲和50多歲民眾優先接種疫苗並鼓勵採用遠距離工作等模式減少人與人之間的接觸。
尾崎治夫強調近期日本民眾對防疫政策的反應冷淡然而根據去年4月第一波疫情的經驗抑制人流對控制疫情來說是必要的因此呼籲政府修改對策進一步向民眾強調Delta變種病毒的危險之處。
「日本放送協會」（NHK）報導日本13日共有20293人確診是疫情爆發以來首次全國單日確診數突破2萬其中東京都便有5773人第二名則是同屬首都圈的神奈川縣有2281人確診。</t>
  </si>
  <si>
    <t>日本疫情目前東京都民眾尾崎必要全國確診政府報導防疫疫苗接種表示突破強調對策呼籲醫療單位</t>
  </si>
  <si>
    <t>新冠肺炎全球日本Delta東京都</t>
  </si>
  <si>
    <t>全球肺炎日本delta東京都</t>
  </si>
  <si>
    <t>司機史?老接觸食物鏈確診酒店端倪</t>
  </si>
  <si>
    <t>新冠肺炎（COVID-19）疫情延燒北市某知名酒店昨（8 日）驚傳一名女公關確診且出現發燒、流鼻水症狀症狀後仍持續上班衛生局上門稽查感染源時竟發現酒店內仍有不少客人北市府府副發言人戴于文事後緊急回應表</t>
  </si>
  <si>
    <t>酒店戴于文疫情發言人市府北市知名發燒出現確診公關症狀客人事後covid-上班衛生局稽查感染上門</t>
  </si>
  <si>
    <t>新冠肺炎（COVID-19）疫情延燒北市某知名酒店昨（8 日）驚傳一名女公關確診且出現發燒、流鼻水症狀症狀後仍持續上班衛生局上門稽查感染源時竟發現酒店內仍有不少客人北市府府副發言人戴于文事後緊急回應表示已針對接觸者後續的居家隔離進行協助同時依照完善的防疫SOP進行消毒但仍引起網友討論。
據瞭解這名女公關疑似出現症狀前有到酒店上班確診後衛生局前往酒店稽查時現場許多酒客見狀問發生什麼事得知有女公關確診當場臉色大變走人。據「自由時報」報導這位確診女公關所屬的經紀公司橫跨北市10家以上酒店如果消息屬實北市酒店業恐遭受嚴重打擊。
就有鄉民在ptt發文表示感覺這是高級酒店所屬的小姐其實要找出這位酒店小姐的接觸史很簡單因為店家為了小姐出事只要客人帶小姐出場都會留下個資點過她坐檯的人「一定有記錄」。
另一名鄉民透露「酒店食物鏈」：酒店經紀─酒店小姐—恩客」（企業主、老闆、CEO、業務）」台灣很多企業都在酒店喬事情看多少間公司開始改在家裡辦公大概可知端倪。</t>
  </si>
  <si>
    <t>酒店公關小姐確診北市公司接觸表示所屬症狀客人出現鄉民經紀稽查上班進行衛生局家裡疫情改在開始辦公</t>
  </si>
  <si>
    <t>確診女公關北市酒店症狀</t>
  </si>
  <si>
    <t>症狀確診酒店公關北市</t>
  </si>
  <si>
    <t>秘訣長壽肺炎戰勝牛奶威士卡英國</t>
  </si>
  <si>
    <t>英國一名106歲的女子在與新冠肺炎抗爭2次後感覺「比以往任何時候都健康」她透露自己的長壽秘訣就是「全脂牛奶和威士卡」。根據《每日郵報》報導住在默西賽德郡（Merseyside）聖海倫（St Helen’s）伊莉莎白閣</t>
  </si>
  <si>
    <t>肺炎st聖海倫抗爭merseyside感覺以往默西賽德時候都健康報導透露郵報長壽威士卡牛奶秘訣就是helen女子伊莉莎白</t>
  </si>
  <si>
    <t>英國一名106歲的女子在與新冠肺炎抗爭2次後感覺「比以往任何時候都健康」她透露自己的長壽秘訣就是「全脂牛奶和威士卡」。
根據《每日郵報》報導住在默西賽德郡（Merseyside）聖海倫（St Helen’s）伊莉莎白閣護理院（Elizabeth Court Care Home）的瑪麗·尼科爾森（Mary Nicholson）經歷了2次世界大戰和3次流感大流行近日更2度戰勝新冠肺炎慶祝了她的106歲生日。
瑪麗在新年前夜被檢測出Covid-19陽性但她表示在12日生日前及時克服病毒後她感覺比「以往任何時候都健康」。她透露她的長壽秘訣是喝全脂牛奶、奶油同時還喜歡在晚上喝一小杯威士卡。
瑪麗出生於1915年1月12日正值第一次世界大戰期間她經歷了2次世界大戰和1918年、1957年及1968年的流感。她在5歲時失去了母親5年後又失去了父親生活十分艱難。她的父親曾作為軍醫入伍卻被毒氣毒死回到英國後不久就去世了。
近日瑪麗再次戰勝了新冠肺炎後迎來了她的106歲生日。她表示「雖然還是有點咳嗽但我感覺好多了在因病毒而被隔離之後還能夠慶祝我感到非常高興同時也迫不及待和家人見面。我愛他們所有的人他們對我來說就是全世界。」瑪麗一直沒有結婚生子且由於新冠肺炎的限制她無法與家人見面但她說她很期待在新冠肺炎結束後與家人一起慶祝。
瑪麗今年68歲的侄女吉恩˙漢弗理斯（Jean Humphreys）形容她「非常獨立」同時也很幽默、很有愛心「她的生活並不輕鬆她這麼年輕就失去雙親還經歷了戰爭。但她堅持不懈努力工作她每天都在激勵著我。」吉恩透露瑪麗在家裡一直住到102歲她一個人生活非常獨立。
照顧瑪麗的工作人員簡恩（Jane）提到瑪麗在第一次染疫時他們以為要失去她了好在她二次感染又康復後才親眼見證她的身體很棒「她是一個戰士我想她的家人也會同意我的看法她一生都是這樣的。」簡恩問瑪麗「你106歲的秘訣是什麼？」瑪麗回答「一直保持警惕」簡恩則笑虧她「沒有男人和美食就是妳的秘訣不是嗎？」
更多 CTWANT 報導</t>
  </si>
  <si>
    <t>瑪麗肺炎失去生活經歷慶祝秘訣一直家人透露感覺威士卡表示吉恩非常世界大戰</t>
  </si>
  <si>
    <t>瑪麗新冠肺炎106長壽秘訣全脂牛奶</t>
  </si>
  <si>
    <t>長壽秘訣肺炎牛奶瑪麗</t>
  </si>
  <si>
    <t>囚犯充當屍體搬運工</t>
  </si>
  <si>
    <t>美國新冠肺炎疫情再度邁向可怕里程碑死亡人數於昨（18）日突破25萬人新冠死亡時間快轉每1分鐘就有至少1人喪命疫情嚴峻的德州艾爾帕索（El Paso）還得動用10台冷藏貨車充當行動停屍間讓囚犯充當屍體搬運工</t>
  </si>
  <si>
    <t>疫情死亡充當行動貨車冷藏動用paso囚犯el艾爾帕索德州嚴峻喪命可怕至少邁向里程碑人數再度</t>
  </si>
  <si>
    <t>美國新冠肺炎疫情再度邁向可怕里程碑死亡人數於昨（18）日突破25萬人新冠死亡時間快轉每1分鐘就有至少1人喪命疫情嚴峻的德州艾爾帕索（El Paso）還得動用10台冷藏貨車充當行動停屍間讓囚犯充當屍體搬運工。
美國有線電視新聞網（CNN）報導美國於昨日再度創下新紀錄新冠死亡人數在短短10個月內突破25萬人根據美國約翰霍普金斯大學（Johns Hopkins University）全球疫情統計自2月29日華盛頓州通報首例死亡案例以來至今全美已經有250426人喪命超過1151萬人染疫。
17日美國新增1707例死亡案例刷新6個月以來新紀錄CNN指出現在新冠病毒每1分鐘至少奪走1條美國人性命。
不過喬治華盛頓大學（George Washington University）教授芮納（Jonathan Reiner）表示情況只會變得更糟「昨天我們看到的可怕新冠死亡數字反映的只是3周以前的染疫數字」他說2至3周以前平均每日新增7萬至8萬例前一天則新增約155萬新病例所以現在一天新增1700人喪命代表3周後單日死亡人數可能會上升至3000人。
位於美國與墨西哥邊界的德州艾爾帕索郡是目前全美疫情最嚴峻的地區之一據當地政府官網統計艾爾帕索至今約有77萬人染疫、804人喪命其中約1000人住院英國廣播公司（BBC）報導艾爾帕索新冠病患爆量醫院負荷能力已達上限部分患者必須運送到其他城市治療。
當地的停屍間也不夠放當地政府已經調來10台冷藏貨車充當「行動停屍間」就停在法醫辦公室外頭上周已經處理超過150具遺體。
此外不只空間不夠人手也不足艾爾帕索郡轉而向當地囚犯請求支援穿著黑白條紋外衣的囚犯也被拍到用拖車搬運遺體、將遺體放上冷藏貨車的畫面。
當地官員表示這些囚犯都是罪刑較輕的犯人他們都是自願幫忙每小時獲得2美元（約新台幣57元）補助而且有提供他們防護措施。艾爾帕索法官莎瑪尼哥（Samaniego）無奈表示「沒有其他選擇了」。
CNN指出幾乎每一個州都走在錯誤方向上周高達47個州每天新增超過10%新病例只有夏威夷州新增病例數持續下降。
美國國家過敏與傳染病研究院（NIAID）主任佛奇（Anthony Fauci）昨日接受BBC專訪時表示「美國在非常危險的時期走在錯誤方向」他呼籲民眾要加倍注意公共衛生措施包括戴口罩、保持社交距離、遠離人群。</t>
  </si>
  <si>
    <t>美國艾爾帕索死亡表示新增囚犯疫情當地已經cnn喪命超過措施冷藏貨車人數bbc報導</t>
  </si>
  <si>
    <t>新冠肺炎死亡美國25萬人1分鐘</t>
  </si>
  <si>
    <t>美國死亡肺炎</t>
  </si>
  <si>
    <t>發燒天內回國就要早班車新聞</t>
  </si>
  <si>
    <t>小編精選《中國時報》5件不可不知大事帶讀者掌握今天（17日）新聞重點。【1】回國14天內發燒 就要採驗新冠肺炎（COVID-19）疫情日益嚴峻台灣更出現社區感染首例中央流行疫情指揮中心指揮官陳時中表示即起擴</t>
  </si>
  <si>
    <t>疫情不可不知陳時中大事指揮官讀者掌握中心今天指揮新聞中國時報重點回國天內發燒流行就要中央表示社區首例出現感染</t>
  </si>
  <si>
    <t>小編精選《中國時報》5件不可不知大事帶讀者掌握今天（17日）新聞重點。
【1】回國14天內發燒 就要採驗
新冠肺炎（COVID-19）疫情日益嚴峻台灣更出現社區感染首例中央流行疫情指揮中心指揮官陳時中表示即起擴大採檢標準民眾只要從國外回來不限任何國家14天內出現發燒、呼吸道症狀符合特定情況的肺炎病例就必須要接受採檢。
【2】遊客路線曝光 接觸者應自主管理
遭多國拒絕入境的漂流郵輪「威士特丹號」曾在2月4日停靠高雄港中央流行疫情指揮中心昨天公佈該船的旅遊路線呼籲當天曾前往九號碼頭、香蕉碼頭、高雄美術館等7地的民眾應14天自主健康管理若18日前有發燒、肺炎等症狀者應盡速就醫檢查。
【3】武漢醫院研究 病毒不會經眼結膜傳染
大陸國家衛健委專家組成員王廣發1月赴武漢工作後確診新冠肺炎有懷疑病毒透過眼結膜進入。對此武漢大學人民醫院研究團隊發表論文分析63名確診患者及4名疑似患者的結膜拭子樣本發現僅有1名確診患者呈陽性反應。論文指目前並無臨床證據顯示病毒可通過眼結膜途徑傳播。
【4】開學日忙防疫 校方戒慎恐懼
高中以下學校開學日從2月11日延至25日大型學校校長表示開學後學生進校門要先量額溫很擔心一早校門口大排長龍影響第一節上課；幼兒園園長也說依規定小朋友發燒、咳嗽就要隔離然後請家長帶回但若家長短時間無法到校怎麼辦？
【5】飯店破盤價 快來佔便宜
新冠肺炎疫情衝擊旅遊信心少了國際客源挹注飯店住房率腰斬於是轉向爭取國旅市場破盤價一個接著一個來。國人過往總會有「出國玩比在國內玩還便宜」的抱怨但如今半價、甚至3折以下的好飯店俯拾皆是就換我們來占一下飯店的便宜吧！</t>
  </si>
  <si>
    <t>肺炎飯店發燒結膜疫情確診病毒以下校門表示研究國家旅遊路線出現民眾盤價就要</t>
  </si>
  <si>
    <t>早班車新聞</t>
  </si>
  <si>
    <t>專家黏膜防線防疫</t>
  </si>
  <si>
    <t>新冠肺炎疫期延燒影響各行各業層面甚廣已有跨國營養品公司推出線上教學邀請國內外專家開辦免費線上營養講座。營養師表示皮膚和黏膜是人體的第一道防線均衡攝取4大營養素可降低疾病發生機率提升全民健</t>
  </si>
  <si>
    <t>發生疾病降低影響各行各業營養素層面攝取均衡防線人體黏膜皮膚營養品表示公司營養師</t>
  </si>
  <si>
    <t>新冠肺炎疫期延燒影響各行各業層面甚廣已有跨國營養品公司推出線上教學邀請國內外專家開辦免費線上營養講座。營養師表示皮膚和黏膜是人體的第一道防線均衡攝取4大營養素可降低疾病發生機率提升全民健康。
因應疫情美商賀寶芙將原訂的萬人年度會員大會延期並將重點轉向線上教學民眾可免費參加。賀寶芙營養師林若君表示皮膚和黏膜是人體第一道、也是最大的防護體皮膚、呼吸道以及腸道則是抵抗病原的最前線將直接影響疾病發生機率因此平時照顧好免疫系統對傳染病防禦尤其重要。林若君建議民眾均衡攝取下列4大營養素可提升自體防護力。
1、 維它命A、C、D、E、β-胡蘿蔔素和鋅：
維它命A和β-胡蘿蔔素能維護眼睛、鼻子、口腔、肺及胃腸道各處的黏膜健康鞏固免疫系統的第一道防線；維它命C、E則幫助維持細胞膜和呼吸道黏膜組織的完整性以阻擋外來病菌；維它命D的含量會影響呼吸道感染的機率；而攝取足量的鋅有助皮膚和黏膜的生成。
2、 優質蛋白質：
免疫系統需要蛋白質才能正常運作不僅是構成身體細胞、白血球和抗體的主要成份也是修補受損組織、黏膜修復和維持免疫機能的主角。
3、 益生菌：
免疫系統有70%是在腸道補充益生菌有助於調整腸道生態保護腸道黏膜進而提升自我保護力。
4、 綠茶：
茶葉能幫助身體免疫系統對抗感冒病毒、抑制病菌。其中以綠茶的兒茶素含量最高兒茶素能夠覆蓋在突起的粘膜細胞上防止病毒和粘膜結合。
2月22日的線上講座「認識新冠病毒加強防疫」將邀請台大食品科技研究所所長潘敏雄、賀寶芙榮譽科學長Steven Henig 博士期望藉由講師們在飲食保健與疾病預防領域的專業知識幫助民眾更有效提升自我免疫保護力。</t>
  </si>
  <si>
    <t>黏膜免疫系統提升賀寶芙影響病毒皮膚民眾幫助疾病呼吸道腸道攝取邀請健康綠茶林若君病菌免費</t>
  </si>
  <si>
    <t>新增破百確診本土死亡</t>
  </si>
  <si>
    <t>新冠肺炎本土疫情未歇國內繼連2日低於百例後今日再新增104名本土個案無境外移入。確診個案中新增24例死亡。指揮官陳時中說今日病例數比前2天多但是整體的趨勢往好的地方走。今日新增的104例本土病例為45</t>
  </si>
  <si>
    <t>本土今日新增個案病例疫情國內低於確診整體地方死亡陳時中指揮官境外</t>
  </si>
  <si>
    <t>新冠肺炎本土疫情未歇國內繼連2日低於百例後今日再新增104名本土個案無境外移入。確診個案中新增24例死亡。指揮官陳時中說今日病例數比前2天多但是整體的趨勢往好的地方走。
今日新增的104例本土病例為45例男性、59例女性年齡介於未滿5歲至80多歲發病日介於今年6月10日至6月22日。個案分佈以新北市45例最多其次為臺北市22例高雄市及新竹縣各9例桃園市7例苗栗縣4例基隆市3例宜蘭縣2例彰化縣、南投縣及屏東縣各1例。其中雙北地區以外縣市37例中28例為已知感染源5例關聯不明4例疫調中；相關疫情調查持續進行中。
至於今日新增的24例死亡個案為男性15位、女性9位年齡介於40多歲至80多歲發病日介於4月11日至6月14日確診日介於4月13日至6月16日死亡日介於6月13日至6月21日。
這波本土疫情（5月11日至6月21日）共累計公佈1萬2879名確診個案當中已有9041人解除隔離解隔離人數達確診人數702%。
去年至今國內共累計1萬4260例確診個案分別為1166例境外移入1萬3041例本土病例36例敦睦艦隊、2例航空器感染、1例不明及14例調查中；新增1例空號病例(案14228)累計101例移除為空號自
國內至今累計599例死亡病例其中591例本土個案居住縣市分佈為新北市301例、臺北市235例、基隆市19例、桃園市15例、彰化縣9例、臺中市4例、宜蘭縣及新竹縣各2例臺東縣、雲林縣、高雄市及花蓮縣各1例；另8例為境外移入。
指揮中心呼籲民眾應落實手部衛生、咳嗽禮節及佩戴口罩等個人防護措施減少不必要移動、活動或集會避免出入人多擁擠的場所或高感染傳播風險場域並主動積極配合各項防疫措施共同嚴守社區防線。
對於今日本土個案再次破百陳時中表示和端午節大型流動產生的後遺症關係相對低和群聚事件關係比較大不過還是要多做研判。</t>
  </si>
  <si>
    <t>個案本土今日病例確診新增感染疫情措施死亡國內關係累計陳時中東縣介於境外調查比較</t>
  </si>
  <si>
    <t>本土個案確診新冠肺炎解封台灣</t>
  </si>
  <si>
    <t>確診肺炎個案解封本土臺灣</t>
  </si>
  <si>
    <t>傷害川普關係作戲制裁林鄭高官</t>
  </si>
  <si>
    <t>美國總統川普近期對北京頻頻出手先後對大陸電信巨擘華為實施新制裁、又對涉及侵犯新疆人權的陸官員及政府部門實施制裁雖然看似他為了競選連任對北京來勢洶洶但據實際上川普對他的助手們透露他並不希望與北京</t>
  </si>
  <si>
    <t>北京實施制裁川普助手頻頻出手實際上來勢洶洶大陸電信巨擘華為連任侵犯競選看似政府部門涉及官員新疆人權近期透露</t>
  </si>
  <si>
    <t>美國總統川普近期對北京頻頻出手先後對大陸電信巨擘華為實施新制裁、又對涉及侵犯新疆人權的陸官員及政府部門實施制裁雖然看似他為了競選連任對北京來勢洶洶但據實際上川普對他的助手們透露他並不希望與北京加深緊繃關係並已排除再進一步對更高階的官員實施制裁。
據美國財經媒體報導川普私下透露不願在簽署「香港自治法」後再對北京實施制裁完全與數周以來一直在公眾面前從疫情到香港自由問題對陸開嗆的形象背道而馳。雖然「香港自治法」賦予行政部門制裁根據但並不意味川普政府必須要立即實施。
報導指出據兩名要求匿名人士透露在川普透露反對制裁更高階陸官員之前川普團隊早就將香港行政長官林鄭月娥以及大陸國務院副總理韓正列為制裁對象；不過即使川普不怎麼願意總統也可能未來決定實施其他對陸懲罰。
香港自治法給行政部門90天時間確認打壓異議政治份子的陸官員並予以制裁。據英國廣播公司報導受制裁的官員包括：新疆維吾爾自治區黨委書記陳全國、前政法委書記朱海侖、新疆政府副主席、公安廳黨委書記兼廳長王明山以及前公安廳黨委書記霍留軍。
隨後大陸也於13日宣佈對美制裁名單知名的反陸議員參議員魯比歐（Marco Rubio）、克魯茲（Ted Cruz）和眾議員史密斯（Chris Smith）以及國務院國際宗教自由無任所大使布朗貝克（Sam Brownback）都在名單中針對美方制裁做出象徵性報復。</t>
  </si>
  <si>
    <t>制裁實施川普香港官員北京大陸透露報導自治法國務院名單黨委書記新疆政府行政部門高階書記總統美國tedcruz克魯茲rubiomarco</t>
  </si>
  <si>
    <t>制裁川普實施陸官實施制裁</t>
  </si>
  <si>
    <t>制裁實施川普陸官</t>
  </si>
  <si>
    <t>全打衛福部不到疫苗生肖孤兒</t>
  </si>
  <si>
    <t>200萬劑輝瑞／BNT即將抵台疫情指揮中心宣佈將提供給12至17歲學生以及18歲以上有重大傷病的第九類民眾施打；另外也開放29歲以上民眾今起預約AZ疫苗消息一出引爆18、19歲族群怒火痛罵「任何廠牌疫苗都登記</t>
  </si>
  <si>
    <t>疫苗以上民眾疫情指揮中心宣佈痛駡提供族群怒火學生引爆消息重大傷病az預約即將施打開放</t>
  </si>
  <si>
    <t>200萬劑輝瑞／BNT即將抵台疫情指揮中心宣佈將提供給12至17歲學生以及18歲以上有重大傷病的第九類民眾施打；另外也開放29歲以上民眾今起預約AZ疫苗消息一出引爆18、19歲族群怒火痛罵「任何廠牌疫苗都登記了卻什麼都打不到」連高端都只能20歲以上生肖屬蛇、馬、羊的年輕人慘淪疫苗孤兒群起留言灌爆衛福部臉書。
實際到衛福部臉書粉專發現不少網友憤怒地在貼文底下留言「請問19歲什麼時候可以打到疫苗？高端開放20歲以上AZ、莫德納及這次的BNT都是以年紀大往下開放請問我們19歲是孤兒嗎？」、「為什麼18、19歲打不到說好的長幼有序為什麼到19、18歲的就又變成12至17歲?」、「基本上就是蛇、馬、羊這3個生肖的人沒疫苗啦」、「19歲真的是疫苗孤兒什麼都登記了但永遠打不到」。
留言中更有家長表示12至17歲的學生造冊打BNT後「請將剩餘的疫苗留給18至19歲的孩子這群孩子活該天生就那麼倒楣嗎？」從頭到尾都是疫苗孤兒永遠排在最後面「還是你們這些高官家裡沒有這些年齡層的孩子所以沒感覺？」
指揮官陳時中昨在疫情記者會中回應18至19歲的民眾可以打AZ或莫德納只是現在還沒排到做這樣的安排「非常痛苦」因為每個年齡層都有不同需要高年齡層的風險較高一般國家都會從高風險族群往下打。
陳時中說年輕族群在學校裡面有群聚風險有些是為了需要生活努力在工作的人有接觸較多人的風險所以折衷、犧牲打第二劑的人希望盡量把人口涵蓋做完整一點以這樣的方向做努力。
★《中時新聞網》提醒您：因應新冠肺炎疫情疾管署持續加強疫情監測與邊境管制措施 如有疑似症狀請撥打：1922專線或 0800-001922 並依指示配戴口罩儘速就醫同時主動告知醫師旅遊史及接觸史以利及時診斷及通報。</t>
  </si>
  <si>
    <t>疫苗疫情以上留言孤兒族群bnt開放年齡層az風險接觸不到民眾孩子請問努力可以學生</t>
  </si>
  <si>
    <t>生肖疫苗孤兒意願登記AZ莫德納</t>
  </si>
  <si>
    <t>孤兒意願登記az疫苗莫德納生肖</t>
  </si>
  <si>
    <t>檢測營運普生卡</t>
  </si>
  <si>
    <t>全球新冠肺炎疫情未歇檢測需求持續攀升普生 （4117）加速搶進新冠檢測商機17日公告「普生新冠肺炎核酸檢測試劑盒（4PCO052E）」暨「普生病毒核酸萃取試劑 （PUN012E）」之專案製造已取得衛福部核准；核准製</t>
  </si>
  <si>
    <t>檢測試劑核酸肺炎製造專案取得pun攀升需求持續加速普生衛福部疫情病毒pco</t>
  </si>
  <si>
    <t>全球新冠肺炎疫情未歇檢測需求持續攀升普生 （4117）加速搶進新冠檢測商機17日公告「普生新冠肺炎核酸檢測試劑盒（4PCO052E）」暨「普生病毒核酸萃取試劑 （PUN012E）」之專案製造已取得衛福部核准；核准製造期間至110年12月31日止限於國內中央主管機關或指定檢驗機構進行試驗。
普生指出目前出貨產品以核酸檢測試劑為主國家包括印度、印尼、墨西哥、馬來西亞等每月出貨量約落在10～20萬劑正在等待印度的政府大型標案該政府約釋出500～600萬劑且有當地、韓國等多家業者競標若順利取得標案營運有機會再成長。
各國對新冠肺炎檢測試劑產品仍保持高度需求普生旗下RT-PCR核酸試劑、抗原/抗體快篩試劑、以及ELISA血清抗原/抗體試劑持續進行台灣、美國、澳洲、加拿大等地申請認證強化海外市場佈局並提高竹科廠產能稼動率以滿足全球檢測所需。
伴隨新冠病毒檢驗試劑出貨拉抬普生8月營收5482萬元月增2622％、年成長31053％創歷史次高紀錄；前8月營收263億元年增5939％。
普生旗下三款新冠肺炎試劑產品進度上除GB SARS-CoV-2 Real-Time RT-PCR核酸檢測試劑已獲歐盟、印度、澳洲等認證以及台灣TFDA醫療器材專案製造核准許可批准持續供應印度、印尼試劑訂單需求並進行美國、加拿大、摩洛哥、墨西哥及奈及利亞認證申請中。
此外普生與中研院合作研發抗原/抗體快篩試劑正採取結合美國Danner Laboratory檢驗實驗室進行臨床試驗增加臨床試驗收案件數超過各國申請規範提高試劑檢測準確率。</t>
  </si>
  <si>
    <t>試劑檢測核酸印度進行普生申請需求持續檢驗認證美國肺炎製造產品提高墨西哥試驗專案取得</t>
  </si>
  <si>
    <t>抗體美國肺炎印度檢測</t>
  </si>
  <si>
    <t>美國肺炎檢測印度抗體</t>
  </si>
  <si>
    <t>害人返台按摩隔離氣炸韓批女星</t>
  </si>
  <si>
    <t>新冠肺炎持續除了日本南韓境內也大爆發而女星江泳錡上月不畏被隔離風險冒死為粉絲批貨還因體力不支在機場昏倒；返台後她想去做按摩卻被老闆拒絕。對此她的老公楊煥心疼發文「21日回國韓國才一級根</t>
  </si>
  <si>
    <t>日本心疼南韓楊煥境內老公對此拒絕爆發老闆女星江泳按摩上月想去持續發文不畏返台隔離昏倒風險機場</t>
  </si>
  <si>
    <t>新冠肺炎持續除了日本南韓境內也大爆發而女星江泳錡上月不畏被隔離風險冒死為粉絲批貨還因體力不支在機場昏倒；返台後她想去做按摩卻被老闆拒絕。對此她的老公楊煥心疼發文「21日回國韓國才一級根本不用自主管理更不用說隔離14天你們是在哈囉嗎？」
江泳錡上月赴南韓批貨全程皆有戴口罩但適逢南韓境內疫情爆發雖返台時間台灣對韓國是一級旅遊警戒仍飽受外界關注。她透露日前想要按摩卻被店家拒絕。店家表示「沒有隔離14天還要來想害我們喔不要來我們同事說會怕。」
對此江泳錡無奈地說「媒體跟無知真的會害死人相信比我晚從日韓回來的朋友最多也都是戴口罩出門而我們比他們早回來做的比他們更足。」她的老公楊煥也不捨愛妻被誤會發文寫道「你們工作人員沒有知識？21日回國韓國才1級跟本不用自主管理台灣就是有你們這些不瞭解政府防疫措施的人才搞得人心惶惶。」
楊煥氣憤指出「到底誰害誰？你們接觸的人才多吧？我們都沒說你們了我真的打從心裡拜託你們可以當個正常的台灣人嗎？好好配合政府防疫政令宣導好嗎？拜託別出來亂。」
更多 CTWANT 報導</t>
  </si>
  <si>
    <t>隔離南韓防疫返台政府回來發文真的上月沒有口罩境內對此楊煥</t>
  </si>
  <si>
    <t>南韓江泳錡楊煥新冠肺炎武漢肺炎</t>
  </si>
  <si>
    <t>楊煥江泳肺炎武漢南韓</t>
  </si>
  <si>
    <t>文解疫苗採購難題po女王網友</t>
  </si>
  <si>
    <t>台灣疫苗短缺民間團體欲捐疫苗但指揮中心態度謹慎引發外界質疑是否在阻擋疫苗進來。而華錦顧問董事長鍾瑩瑩又被稱作「錦鯉女王」近日在臉書上分享自己平日交易的流程以大白話來解釋疫苗採購可能遇到的難</t>
  </si>
  <si>
    <t>疫苗解釋指揮大白話交易中心平日分享流程書上近日態度女王引發被稱作謹慎瑩瑩外界質疑董事長是否顧問阻擋華錦</t>
  </si>
  <si>
    <t>台灣疫苗短缺民間團體欲捐疫苗但指揮中心態度謹慎引發外界質疑是否在阻擋疫苗進來。而華錦顧問董事長鍾瑩瑩又被稱作「錦鯉女王」近日在臉書上分享自己平日交易的流程以大白話來解釋疫苗採購可能遇到的難題貼文曝光後吸引了22萬人關注底下網友意見不同全戰翻。
鍾瑩瑩日前在臉書發文分享很多人在臉書私訊她其中的內容多是「我有很多錢」、「我想買錦鯉」、「願望清單一份」、「請給我報價」以及「什麼時候可以寄給我」。她看到之後通常會回覆說「麻煩提供給我資料我好給報價單。」
鍾瑩瑩表示而欲購買的客戶需提供的資料包括「進口國際機場及代號」、「本國營業執照影本」、「進口核准函影本」、「隔離檢疫飼養環境的照片」、「門店銷售環境照片 + google Maps定位」以及「目前已採購的錦鯉照片」。
鍾瑩瑩指出收到她的訊息後通常有80％的人已讀不回20％的人會繼續溝通。接著她就會追問詳細的航班資訊、是否有營業執照、有沒有進口核准函、隔離設備環境以及門店的狀況如何等細節更進一步的討論。
鍾瑩瑩說她這樣做並不是為了想要刁難買家只是需要瞭解對方的採購條件、運輸條件、飼養條件、銷售條件、專業經驗等她才能夠放心的將產品賣給他因為她不希望出狀況的時候千錯萬錯都是賣方的錯。而透過這樣一來一往的溝通有些人成為她長期合作的客戶有些是同行想看報價單有些則是詐騙集團來亂的。她最後也說「買一隻魚都這麼麻煩了以此類推⋯買戰略物資疫苗應該更難才對。」
貼文引發討論吸引22萬人朝聖「長知識了！同理在其他產業也是合理的」、「這樣舉例就懂了」、「一堆不懂的人在罵政府刁難」、「很精闢的說明」。但也有網友認為「魚不買可以買別的；疫苗不買會死人。兩者怎麼可以拿來比較」、「如果買方都能滿足您的要求但買方政府要求您提供原廠授權書呢？」
而鍾瑩瑩也在留言處回應她只是分享自身經驗而已只能說有些是並不容易但希望好人都一生平安。立意良善都值得肯定也歡迎大家理性討論、交流彼此的資訊。</t>
  </si>
  <si>
    <t>疫苗瑩瑩採購討論提供分享可以照片環境引發希望客戶網友</t>
  </si>
  <si>
    <t>新冠肺炎台灣疫苗採購難題</t>
  </si>
  <si>
    <t>疫苗肺炎臺灣採購難題</t>
  </si>
  <si>
    <t>組委會結合病毒抗議會徽侵權東奧</t>
  </si>
  <si>
    <t>2020東京奧運因為新冠肺炎疫情從原訂今年7月24日開幕延後到明年7月23日才正式展開「日本外國特派員協會」在4月份的刊物封面將東京奧運會徽與病毒示意圖結合象徵奧運受到疫情影響延期不過這個設計引起東奧</t>
  </si>
  <si>
    <t>疫情奧運東京影響受到正式原訂今年展開外國特派員日本協會象徵月份刊物封面奧運會徽示意圖肺炎結合病毒延期明年延後開幕</t>
  </si>
  <si>
    <t>2020東京奧運因為新冠肺炎疫情從原訂今年7月24日開幕延後到明年7月23日才正式展開「日本外國特派員協會」在4月份的刊物封面將東京奧運會徽與病毒示意圖結合象徵奧運受到疫情影響延期不過這個設計引起東奧組委會不滿要求撤下目前日本外國特派員協會也暫時關閉。
日本外國特派員協會的月刊《NUMBER 1 SHIMBUN》4月號以新冠肺炎為主題做了特輯並把東京奧運會徽結合病毒示意圖變成一個新圖案並在徽章下方寫著新冠肺炎病毒的英文「COVID-19」東奧組委會表示這個修改的會徽的動作侵犯著作權上周已要求日本外國特派員協會撤下。
日本外國特派員協會的官網今晚也暫時關閉點進協會網址畫面一片白只有「內部伺服器錯誤」的訊息。</t>
  </si>
  <si>
    <t>協會日本外國特派員肺炎病毒組委會東奧疫情東京要求示意圖奧運會徽結合奧運關閉暫時畫面網址內部撤下動作侵犯</t>
  </si>
  <si>
    <t>東京奧運新冠肺炎協會外國特派員</t>
  </si>
  <si>
    <t>肺炎協會奧運外國東京特派員</t>
  </si>
  <si>
    <t>病毒提到最先可能不要</t>
  </si>
  <si>
    <t>台灣到底有沒有通知世衛組織新冠肺炎會人傳人？秘書長譚德塞說沒有但疫情指揮官陳時中說病患有「隔離治療」公衛專業人員即能研判有「人傳人」的可能。而目前可以找到的資料最早提到「人傳人」的是香港醫師何栢</t>
  </si>
  <si>
    <t>傳人沒有患有通知隔離治療專業人員世衛組織提到資料肺炎德塞可以</t>
  </si>
  <si>
    <t>傳人治療臺灣何柏良表示who隔離病例當時報導沒有肺炎疫情香港傳染病發生武漢提到世界衛生組織</t>
  </si>
  <si>
    <t>新冠病毒人傳人譚德塞陳時中新冠肺炎</t>
  </si>
  <si>
    <t>德塞陳時中傳人病毒肺炎</t>
  </si>
  <si>
    <t>時中會分處理升溫疫情旅遊警示</t>
  </si>
  <si>
    <t>新冠肺炎疫情在全球擴散美國部分地區疫情也升溫。中央流行疫情指揮中心指揮官陳時中表示美國人口相對多其中有幾個州特別嚴重會分州處理旅遊警示。</t>
  </si>
  <si>
    <t>疫情美國全球相對人口地區表示指揮會分中心陳時中指揮官嚴重特別擴散升溫部分中央流行處理肺炎旅遊警示</t>
  </si>
  <si>
    <t>陳時中分州處理旅遊警示新冠肺炎</t>
  </si>
  <si>
    <t>警示旅遊處理陳時中肺炎</t>
  </si>
  <si>
    <t>肺炎首例患者法國通報蒙古人士</t>
  </si>
  <si>
    <t>蒙古今天表示一名在蒙古就業的法國籍人士確診感染在全球擴散開來的2019年冠狀病毒疾病（COVID-19武漢肺炎）為蒙古首起病例。蒙古國家緊急事務委員會（National Emergency Commision）發表聲明說這名患者從</t>
  </si>
  <si>
    <t>蒙古commisionemergencynational委員會法國事務緊急確診人士國家感染全球擴散發表病例冠狀病毒疾病武漢covid-蒙古首肺炎就業聲明</t>
  </si>
  <si>
    <t>蒙古今天表示一名在蒙古就業的法國籍人士確診感染在全球擴散開來的2019年冠狀病毒疾病（COVID-19武漢肺炎）為蒙古首起病例。
蒙古國家緊急事務委員會（National Emergency Commision）發表聲明說這名患者從法國來到蒙古中途在莫斯科轉機。
蒙古政府匡列這名患者曾接觸42人有密切接觸的另有120人。</t>
  </si>
  <si>
    <t>蒙古患者法國匡列冠狀病毒擴散全球疾病covid-確診武漢蒙古政府感染人士肺炎蒙古首轉機nationalemergency病例國家緊急commision事務</t>
  </si>
  <si>
    <t>蒙古患者國籍接觸武漢肺炎</t>
  </si>
  <si>
    <t>國籍武漢接觸患者蒙古肺炎</t>
  </si>
  <si>
    <t>南市公司把關洗手健康員警</t>
  </si>
  <si>
    <t>新冠肺炎疫情持續延燒為了防疫台南市安定區無患子生技公司捐贈4680瓶噴霧式乾洗手液給台南市警察局保護執勤員警健康安全同時也將捐贈安定區4所國中小200罐洗手乳讓小朋友勤洗手、健康跟著走。古寶無患子生</t>
  </si>
  <si>
    <t>健康安定區台南洗手捐贈持續疫情防疫員警勤洗手小朋友保護執勤公司噴霧式安全警察局</t>
  </si>
  <si>
    <t>新冠肺炎疫情持續延燒為了防疫台南市安定區無患子生技公司捐贈4680瓶噴霧式乾洗手液給台南市警察局保護執勤員警健康安全同時也將捐贈安定區4所國中小200罐洗手乳讓小朋友勤洗手、健康跟著走。
古寶無患子生技公司負責人王高榮表示新冠肺炎疫情發生後公司乾洗手液訂單大增但因原物料供給不及尤其瓶子與壓頭缺貨到處調貨仍無法滿足需求且還有不少廠商訂貨但公司仍排除萬難捐贈4680瓶噴霧式乾洗手液給台南市警察局19日由局長周幼偉代表接受。
王高榮強調防疫視同作戰希望讓第一線執勤的員警人手一瓶乾洗手液值勤時可隨時清潔手部避免感染病毒。
此外高中以下學校25日即將開學各學校嚴格防疫王高榮也決定回饋鄉裡捐贈安定區4所國中小每校50罐洗手乳幫助學校防疫大作戰讓學生在校勤洗手確保病菌不上身。
王高榮表示目前與防疫有關的產品都出現供貨與生產的壓力雖然公司催貨壓力不少但仍希望替防疫的工作奉獻一份心力也期許在大家共同努力下台灣能度過這次新冠肺炎危機。</t>
  </si>
  <si>
    <t>防疫公司洗手捐贈安定區學校台南表示王高榮健康勤洗手希望肺炎高榮員警執勤</t>
  </si>
  <si>
    <t>防疫公司洗手液乾洗手肺炎</t>
  </si>
  <si>
    <t>洗手防疫公司肺炎</t>
  </si>
  <si>
    <t>載到確診天才高鐵獨家曝光</t>
  </si>
  <si>
    <t>台灣新冠肺炎疫情今再添3例確診其中案599（本國籍女性）從菲律賓探親返國昨確認確診時她正搭乘高鐵南下。中央流行疫情指揮中心表示該女雖然上了高鐵無須匡列接觸者；不過整起事件最扯的是台灣高鐵公司竟</t>
  </si>
  <si>
    <t>疫情確診高鐵臺灣事件整起接觸匡列無須表示中心流行指揮中央國籍女性菲律賓探親返國搭乘</t>
  </si>
  <si>
    <t>台灣新冠肺炎疫情今再添3例確診其中案599（本國籍女性）從菲律賓探親返國昨確認確診時她正搭乘高鐵南下。中央流行疫情指揮中心表示該女雖然上了高鐵無須匡列接觸者；不過整起事件最扯的是台灣高鐵公司竟隔了1天才接獲通知幸好高鐵人員平常有落實清潔消毒工作才得以避免一場危機。
高鐵公司今發布聲明該列車已送回基地更換車廂空氣濾網、座位椅布；曾與案599接觸的組員也將進行14天自主健康管理。
高鐵公司沒說的是他們今天直到指揮中心召開記者會前4小時才接獲台南市衛生局通知「載到確診乘客」。高鐵公司如臨大敵立即將已經不知道跑了幾趟的700T列車開回烏日基地進行全面消毒。
據瞭解案599是11月13日搭上高鐵625次列車10點21分從臺北車站南下11點50分抵達嘉義當時坐在非商務車廂的對號座車廂。由於她警覺性高全程配戴口罩加上身旁沒有其他乘客指揮中心研判不需要匡列接觸者。
但相關單位為什麼拖到今天才告訴高鐵公司讓列車持續南來北往執行載運旅客任務。幸虧高鐵人員平時訓練有素每趟車班後徹底消毒否則案599經過的動線及區域豈不變成高危險傳染帶。</t>
  </si>
  <si>
    <t>高鐵公司確診消毒列車中心指揮接觸車廂疫情乘客進行基地人員今天通知匡列臺灣嘉義坐在</t>
  </si>
  <si>
    <t>高鐵確診新冠肺炎</t>
  </si>
  <si>
    <t>確診肺炎高鐵</t>
  </si>
  <si>
    <t>怨氣網友爆發</t>
  </si>
  <si>
    <t>中央流行疫情指揮中心今（28）日下午召開記者會指揮官、衛福部長陳時中表示今天國內共新增2例新冠肺炎確定病例其中第33例為北部30多歲男性、34例為50多歲女性。對此網友轟「日本到底禁不禁啦？」「菸粉還要</t>
  </si>
  <si>
    <t>中心到底日本下午網友對此召開記者會指揮官衛福部長陳時中指揮表示新增今天國內女性男性北部病例確定肺炎</t>
  </si>
  <si>
    <t>中央流行疫情指揮中心今（28）日下午召開記者會指揮官、衛福部長陳時中表示今天國內共新增2例新冠肺炎確定病例其中第33例為北部30多歲男性、34例為50多歲女性。對此網友轟「日本到底禁不禁啦？」「菸粉還要死撐嗎？」
根據中央社報導陳時中說第33例個案在2月17日至22日與另外21人跟團至日本大阪旅遊返台後於25日出現咳嗽、喉嚨癢情形因症狀持續於26日至醫院急診就醫採檢後返家27日醫院通報送驗今天確診。
陳時中指出目前個案已由衛生單位安排收治負壓隔離病房治療；依個案活動史研判於日本感染的可能性較高為境外移入個案；將持續追蹤第33例個案同旅行團團員、親友、職場等接觸者健康情形。
第34例個案有糖尿病、心血管疾病等慢性病史2月14日因低血糖、全身倦怠情形就醫並收治住院當時無呼吸道症狀21日起出現咳嗽、喉嚨痛及發燒症狀26日診斷有肺炎情形由醫院通報送驗於今天確診。
對此網友怒轟「日本到底禁不禁啦？」「不管啦去日本很安全」、「重外交輕防疫？」「零星啦不要怕相信黨」、「小英政績」「菸粉還要死撐嗎？」「台日友好誰敢破壞？」「洗到滿意度80趴差不多可以面對事實了吧？」「維穩喔？」「日本根本就是蓋牌！」</t>
  </si>
  <si>
    <t>個案日本情形今天症狀收治陳時中醫院就醫肺炎持續還要煙粉死撐對此中央出現網友確診不禁送驗通報咳嗽喉嚨到底</t>
  </si>
  <si>
    <t>新冠肺炎新冠病毒日本台灣全球</t>
  </si>
  <si>
    <t>日本病毒臺灣肺炎全球</t>
  </si>
  <si>
    <t>時中科興國藥考量護照國內疫苗eua北市</t>
  </si>
  <si>
    <t>疫苗接軌大陸護照who核發我國考量還要緊急採納今天部長國藥衛福原則主張臺北市效力世界衛生組織昨天柯文哲認可使用</t>
  </si>
  <si>
    <t>疫苗陳時中護照who大陸都還採納民眾地方日本春節才能eua柯文哲昨天數位認證接軌核發原則目前</t>
  </si>
  <si>
    <t>新冠肺炎台灣疫苗護照陳時中WHO</t>
  </si>
  <si>
    <t>疫苗臺灣護照肺炎陳時中who</t>
  </si>
  <si>
    <t>醫師深夜聰明死不認錯</t>
  </si>
  <si>
    <t>醫師孔繁錦是孔子第74代子孫因參加益智節目《金頭腦》獲得總冠軍被封為「全台灣最聰明醫師」。因為新冠肺炎（COVID-19）疫情爆發力挺藝人范範而對時任行政院長蘇貞昌開嗆「短視近利」。近日再度持一貫態度放話</t>
  </si>
  <si>
    <t>醫師再度近日近利短視參加子孫益智蘇貞昌節目行政院長時任一貫頭腦范範而獲得藝人冠軍力挺封為爆發疫情臺灣covid-</t>
  </si>
  <si>
    <t>醫師孔繁錦是孔子第74代子孫因參加益智節目《金頭腦》獲得總冠軍被封為「全台灣最聰明醫師」。因為新冠肺炎（COVID-19）疫情爆發力挺藝人范範而對時任行政院長蘇貞昌開嗆「短視近利」。近日再度持一貫態度放話讓兒子都看不下直接嗆自己父「死不認錯」！
在新冠肺炎蔓延初期蘇貞昌率先下令口罩禁出口政策讓藝人範瑋琪忍不住直批「狗官行徑」引起很大爭議。孔繁錦卻轉貼範瑋琪道歉新聞力挺表示「時間會證明蘇貞昌是短視政客。」認為範只是「措辭不當但蘇貞昌是大錯特錯」。
如今新冠肺炎疫情可說愈演愈烈讓風向倒在政府這邊各國口罩一片難求反倒是多國紛紛讚賞台灣的實名制政策蘇貞昌當時的禁令成了「先知」。也讓PTT網友忍不住開酸表示「口罩禁出口也一個多月了東南亞各國也開始紛紛跟進我們孔醫師所說的時間會證明到底證明瞭什麼？子彈飛夠久了嗎？」甚至有人留言「證明他不夠聰明」。
這讓沉寂已久的孔繁錦決定於6日再度發聲於個人臉書回應4點：
●管制口罩本身沒有錯錯的是說的方式與時機。
●由行政首長高調貼fb選在武漢封城的那一刻顯然這話衝著中國大陸司馬昭之心路人皆知。
●1/22說過口罩庫存才4500萬1/24再說產量每日才244萬明明就不夠還信心喊話不要囤口罩一定夠？簡直在提醒大家要買趕快！於是引爆搶購潮。之後的藥局實名刷卡配給制其實是在為他的捅婁衝康善後。
●聰明做法是先宣導民眾戴布口罩就好暗自調度運作少大聲嚷嚷被問到的時侯措辭溫和審慎。
同日過沒多久孔繁錦再度在臉書上抒發：
「兒子問我何苦？我說你猜用四個字成語？」兒子答「求仁得仁？沽名釣譽？愚公移山？唐吉軻德？」孔繁錦回「草船借箭。」
沒想到兒子直接在底下留言「死不認錯」四個字也讓整篇文被蓋起高樓不少網友前來朝聖這「大義滅親」之舉。而孔祥瑄則回應說「其他還可以觀望但他（孔繁錦）一挺範就被我們罵爆了。他現在假裝很深謀遠慮的樣子其實根本挺的時候連範講了什麼都不知道。」</t>
  </si>
  <si>
    <t>口罩孔繁錦蘇貞昌兒子聰明證明再度醫師肺炎其實回應不夠範瑋琪臺灣藝人</t>
  </si>
  <si>
    <t>孔繁錦蘇貞昌聰明醫師兒子</t>
  </si>
  <si>
    <t>醫師兒子聰明孔繁錦蘇貞昌</t>
  </si>
  <si>
    <t>死亡發病全縣肝癌年輕案例</t>
  </si>
  <si>
    <t>彰化縣COVID-19新冠肺炎本土疫情9日零確診但新增1名死亡案例為40出頭歲、女性肝癌患者發病67天後死亡是彰化縣今年以來累計13例新冠確診死亡案例中最年輕的一位。彰化縣衛生局長葉彥伯表示死亡案例年約</t>
  </si>
  <si>
    <t>死亡案例確診女性發病新增衛生局長本土疫情肺炎年輕今年以來累計表示肝癌患者</t>
  </si>
  <si>
    <t>彰化縣COVID-19新冠肺炎本土疫情9日零確診但新增1名死亡案例為40出頭歲、女性肝癌患者發病67天後死亡是彰化縣今年以來累計13例新冠確診死亡案例中最年輕的一位。
彰化縣衛生局長葉彥伯表示死亡案例年約40歲至44歲間是一名女性肝癌患者來自南彰化某大型醫院6樓6B病房群聚染疫確診者肝癌細胞已移轉至肺部、腦部治療期間Ct值一度高於30但轉至安寧病房後Ct值再度下降又轉入負壓隔離病房於8日病逝。
葉彥伯說死亡個案為彰化縣13例確診死亡案例中最年輕者今年5月底南彰化某醫院爆發院內感染後女子於6月2日確診、Ct值1518月8日死亡。彰化縣累計270人確診13人死亡其中來自水果盤商傳染鏈有5人死亡南彰化醫院群聚有6人染疫死亡；另2例死亡案例分別來自不同傳染鏈的家族群聚事件。
針對中央宣佈降二級後陸續解封彰化縣長王惠美臉書直播線上說明會上有網友留言質疑游泳池都開放了為何夾娃娃機台卻不能開放？亦有網友怒吼「快餓死了！」、「空燒3個月租金電費、稅金了都快死人了怎麼吃飯？」。
王惠美回應中央雖開放游泳池但烤箱、蒸氣室等等附設室內設備空間未開放；此外國家級遊樂場所開放戶外空間讓民眾可以去走一走但採行預約制針對娃娃機店部分一切仍須依照中央規定辦理。社區大學等仍先採線上授課是否恢復開課有待中央確實公佈細則指引再另行宣佈。</t>
  </si>
  <si>
    <t>死亡中央開放確診案例來自肝癌ct娃娃醫院南彰網友游泳池空間惠美轉至</t>
  </si>
  <si>
    <t>彰化縣死亡案例最年輕開放肝癌</t>
  </si>
  <si>
    <t>案例死亡年輕開放肝癌</t>
  </si>
  <si>
    <t>if德國微星設計電腦設備大獎</t>
  </si>
  <si>
    <t>msi產品微星if機殼設計德國sekirampg最新出色設計獎gs宣佈贏得榮獲電腦stealth大獎今日</t>
  </si>
  <si>
    <t>MSI微星(2377)今日宣佈其三款最新產品因出色的設計贏得了2020年德國iF設計大獎。微星榮獲2020德國iF設計獎的產品為：MSI GS66 Stealth電競筆電、MSI MPG SEKIRA 500X電競機殼、MSI MPG SEKIRA 500G多工電腦機殼。獲獎產品將於5月2至10日在德國柏林Cafe Moskau展出。
MSI微星科技行銷副總經理程惠正表示微星將持續為遊戲玩家、內容創作者和所有消費者提供最先進的前瞻設計。
至於新冠肺炎對微星的影響公司表示公司昆山廠和深圳廠目前的復工情況如何以及供應鏈是否有出現供貨吃緊情況目前公司不方便對這個議題發表意見。
MSI微星科技榮獲2020德國iF設計獎的產品為：MSI GS66 Stealth電競筆電、MSI MPG SEKIRA 500X電競機殼、MSI MPG SEKIRA 500G多工電腦機殼。獲獎產品將於5月2至10日在德國柏林Cafe Moskau展出。
MSI GS66 Stealth電競筆電以輕薄機身佐以強大效能靜音機箱中配備了300Hz超極速電競螢幕並以世界上最薄的風扇葉片成就三風扇冷卻設計再搭配999Whr長效電池及沈穩低調的黑色。
MSI微星MPG SEKIRA 500X電競機殼搭載四組可調燈效的ＡRGB風扇不僅可顯示數百萬種顏色更展現出玩家的獨特電競風格。配備雙面白金等級免工具可拆換的強化玻璃面板使MPG SEKIRA 500X看起來像是一個堅固的堡壘其上方搭載可抽換式的散熱器支架支援高達三組側向通風的水冷風扇為玩家激烈的馬拉松式電競戰場帶來極佳的散熱效果。
MSI微星MPG SEKIRA 500G是全球首款專為遊戲玩家和多工用戶設計的機殼。它的外觀設計有別於傳統電腦主打高貴時尚金屬風格黑色鋁合金面板經過金屬拉絲處理泛出細密的髮絲光澤再飾以玫瑰金邊框。MPG SEKIRA 500G它的Mid Tower機殼直追Full Tower容量可支援E-ATX大尺寸主機板、風扇和水冷排讓使用者能夠輕鬆直觀地建構怪物級電腦主機。</t>
  </si>
  <si>
    <t>微星msi設計風扇mpg機殼sekira產品公司配備德國支援水冷目前風格面板搭載黑色情況電腦遊戲表示</t>
  </si>
  <si>
    <t>微星程惠正2020 iF復工供應鏈</t>
  </si>
  <si>
    <t>復工程惠正微星if供應</t>
  </si>
  <si>
    <t>bnt鄉野傳說金槍不倒女網友az激動打完</t>
  </si>
  <si>
    <t>一名60多歲男子17日打完AZ疫苗後竟出現異常勃起10個小時直到隔天上午起床後才恢復正常引發討論不過有泌尿科醫師指出這樣的狀況不見得和AZ疫苗有關。而《醫生漫畫家阿毛》也在臉書用漫畫方式分享各種疫苗的</t>
  </si>
  <si>
    <t>疫苗az書用阿毛漫畫家醫生有關醫師討論小時引發不見得指出狀況起床上午直到出現異常</t>
  </si>
  <si>
    <t>一名60多歲男子17日打完AZ疫苗後竟出現異常勃起10個小時直到隔天上午起床後才恢復正常引發討論不過有泌尿科醫師指出這樣的狀況不見得和AZ疫苗有關。而《醫生漫畫家阿毛》也在臉書用漫畫方式分享各種疫苗的「鄉野傳說」其中BNT打完竟會讓人「罩杯升一級」讓女網友激動高喊：我只等BNT！
施打AZ疫苗後的常見副作用包括注射部位疼痛、疲倦、頭痛、肌肉痛等沒想到竟有男子日前打完疫苗後勃起10個小時沖冷水也沒用只好掛急診就醫。不過泌尿科程威銘19日在臉書表示這樣的狀況不見得和AZ疫苗有關指出這個狀態稱做「ischemic priapism」（缺血性陰莖異常勃起）若持續勃起、沒有血流進入陰莖陰莖會呈現缺氧狀態超過4個小時陰莖組織就會開始受傷壞死未來陽痿機會大增。
不只AZ其他疫苗也傳出各種奇特副作用臉書《醫生漫畫家阿毛》用漫畫方式呈現《傳說中的副作用》：「AZ：男人性慾爆棚；莫德納：變身萬磁王；BNT：罩杯升一級」。不過他也特別強調每支疫苗都有鄉野傳說有些很奇葩笑笑就好別信以為真。
眾多網友看完笑翻回應：「這樣應該會有效提升是施打率」、「若打了Az的男性遇到打了BNT的……」、「竟然如此！我只等BNT 謝謝」、「這促銷很到位！」、「AZ副作用改成女生的話應該很多老公願意出賞金X」、「三劑混打超能偽娘的誕生」。就連臉書粉專《雙寶爸的小宇宙｜兒童感染科 顏俊宇醫師》也現身回應：「我打AZ我是癱軟」。
★《中時新聞網》提醒您：因應新冠肺炎疫情疾管署持續加強疫情監測與邊境管制措施 如有疑似症狀請撥打：1922專線或 0800-001922 並依指示配戴口罩儘速就醫同時主動告知醫師旅遊史及接觸史以利及時診斷及通報。</t>
  </si>
  <si>
    <t>az疫苗bnt副作用醫師小時陰莖傳說就醫回應疫情持續施打打完狀態呈現</t>
  </si>
  <si>
    <t>新冠肺炎台灣新型冠狀病毒NCP疫苗</t>
  </si>
  <si>
    <t>臺灣冠狀肺炎病毒ncp疫苗</t>
  </si>
  <si>
    <t>確診警示旅遊數飆大關肺炎升到最高不要出國</t>
  </si>
  <si>
    <t>據《央視新聞》引述美國媒體報導截至美東時間19日上午11時左右美國新冠肺炎確診病例至少10259例死亡病例至少152例。美國國務院19日將旅遊警示提升至最高的第四級建議所有美國公民「避免出國旅行」。美國《全</t>
  </si>
  <si>
    <t>美國至少病例媒體建議最高報導提升截至旅遊美國國務院確診警示時間美東肺炎上午避免引述公民出國新聞旅行</t>
  </si>
  <si>
    <t>據《央視新聞》引述美國媒體報導截至美東時間19日上午11時左右美國新冠肺炎確診病例至少10259例死亡病例至少152例。美國國務院19日將旅遊警示提升至最高的第四級建議所有美國公民「避免出國旅行」。
美國《全國公共廣播電台》指出在新冠病毒確診病例數跨越10000大關是個重要里程碑儘管到目前為止病例仍集中在少數幾個州但目前所有50個州、哥倫比亞特區及波多黎各都發現患者感染的報告。
報導說最近幾天紐約州的疫情已超過加利福尼亞州和華盛頓州的疫情。紐約州已有3000例確診州長安德魯庫莫（Andrew Cuomo）週三在對記者說美國海軍醫療軍艦安適號(USNS Comfort)正準備派往到紐約以支援紐約收治大量湧入的新冠肺炎感染者。
目前美國為阻止病毒擴大傳播已有許多州下令關閉酒吧和餐館有些州則發布就地避難命令並要求民眾暫停旅行以避免疫情出現更大範圍的傳播。
據路透社報導美國國務院在網站上更新全球旅遊警示將其提升至最嚴重的第4級呼籲民眾「不要旅行」（do not travel）；在海外旅行的民眾若仍有班機情況下立即返國而在海外定居的僑民也應避免出國旅行。
該網站指出全球許多國家受到新冠病毒衝擊已實施邊境管制與強制隔離措施並在沒預先通知情況下就關閉邊界禁止非該國民眾入境加上許多國際航班取消、郵輪停航若民眾仍選擇出國旅遊不但旅行計畫可能遭打亂更可能被迫無限期滯留在海外。</t>
  </si>
  <si>
    <t>旅行民眾美國報導病例病毒旅遊海外確診避免出國疫情關閉情況傳播美國國務院目前網站</t>
  </si>
  <si>
    <t>az出爐預約以上bnt</t>
  </si>
  <si>
    <t>指揮中心今天公佈第13輪公費疫苗提供BNT、AZ第一劑及第二劑接種明天起開放預約首先是明早10點先開放BNT疫苗預約、下午2點開放AZ預約截止時間皆在4日中午12點5日開打。指揮中心表示本輪共開放4種族群預約AZ</t>
  </si>
  <si>
    <t>預約開放azbnt疫苗中心指揮表示截止公費提供明天接種中午時間公佈首先明早今天族群下午</t>
  </si>
  <si>
    <t>指揮中心今天公佈第13輪公費疫苗提供BNT、AZ第一劑及第二劑接種明天起開放預約首先是明早10點先開放BNT疫苗預約、下午2點開放AZ預約截止時間皆在4日中午12點5日開打。
指揮中心表示本輪共開放4種族群預約AZ及BNT疫苗兩種廠牌第1劑和第2劑皆有。BNT第一劑12歲以上都可預約接種第二劑則是10月8日前已接種第一劑BNT的18歲以上民眾；AZ部分想混打的民眾有福了AZ第1劑再度開放50歲以上民眾接種第二劑則是8月27日前已接種第一劑AZ的18歲以上民眾都可預約接種第二劑。
符合本輪資格的民眾今天下午2點起會陸續收到提醒簡訊。中央流行疫情指揮中心發言人莊人祥提醒請符合資格的民眾依照時間上網完成預約。
為了緩解大量預約人流第13輪採分流預約BNT將在明天上午10點起開放AZ則需等到下午2點兩種疫苗預約皆至11月4日中午12點止施打日程為11月5日至12日。
至於指揮中心11月計畫開放AZ混打mRNA疫苗是提供BNT與莫德納？莊人祥表示這兩款疫苗都在考量當中但還要考慮年底前的到貨量以及保留第二劑的施打數量並評估能否在年底完成才會考慮開放混打的疫苗數量因此BNT、莫德納都在混打的考量名單中。
同時第12輪疫苗接種進行中昨（1日）一共接種25萬1249劑目前疫苗人口涵蓋率7377％劑次人口比為10747（劑/每百萬人）第2劑人口涵蓋率為337％。</t>
  </si>
  <si>
    <t>疫苗預約bnt開放az接種民眾中心指揮以上提醒打的年底莊人祥表示完成考慮施打考量數量資格時間提供</t>
  </si>
  <si>
    <t>AZBNT第13輪接種預約</t>
  </si>
  <si>
    <t>接種azbnt預約</t>
  </si>
  <si>
    <t>境外南韓感染肺炎新增社會確診升高國際</t>
  </si>
  <si>
    <t>南韓新冠肺炎新增確診病例數再度升高韓國疾病管理本部週二宣佈新冠狀病毒感染病例新增125人較前一日的78人大幅增加主要因群聚感染與境外移入病例持續升高。目前累計確診病例達9786例。南韓新冠肺炎死亡病例新</t>
  </si>
  <si>
    <t>病例新增確診升高肺炎南韓大幅增加境外感染持續管理疾病週二宣佈本部韓國病毒感染再度</t>
  </si>
  <si>
    <t>南韓新冠肺炎新增確診病例數再度升高韓國疾病管理本部週二宣佈新冠狀病毒感染病例新增125人較前一日的78人大幅增加主要因群聚感染與境外移入病例持續升高。目前累計確診病例達9786例。
南韓新冠肺炎死亡病例新增4人累計死亡病例達162人。
在新增的125個病例中60例發生在大邱因一家醫院出現大規模院內感染。首都首爾市新增24例。
境外移入新增15例累計達518例。為了加強防控境外移入病例南韓將自週三起不分國籍對所有入境者實施為期兩周的強制隔離措施。</t>
  </si>
  <si>
    <t>病例新增境外感染南韓累計確診升高為期實施入境者國籍不分肺炎週三強制規模院內死亡</t>
  </si>
  <si>
    <t>南韓新冠肺炎新增確診病例</t>
  </si>
  <si>
    <t>新增肺炎確診病例南韓</t>
  </si>
  <si>
    <t>專家驚見問題魔鬼細節疫苗高端</t>
  </si>
  <si>
    <t>高端疫苗昨解盲是否可以為國人施打引起爭論台大醫院前副院長王明钜今在臉書分享中研院研究技師詹家琮的文章表示國產疫苗有2大問題除了只看受試者血液的抗體中和效力是不夠的再來就是疫苗二期試驗對象不</t>
  </si>
  <si>
    <t>疫苗就是再來可以是否國人不夠施打引起效力爭論台大醫院中和院長抗體王明钜血液受試者分享中研院研究問題</t>
  </si>
  <si>
    <t>高端疫苗昨解盲是否可以為國人施打引起爭論台大醫院前副院長王明钜今在臉書分享中研院研究技師詹家琮的文章表示國產疫苗有2大問題除了只看受試者血液的抗體中和效力是不夠的再來就是疫苗二期試驗對象不是現在流行的英國變種病毒讓他質疑「拿一年多前的結果作為對抗英國變種的疫苗取得緊急授權的依據真的好嗎？」
前臺大醫院副院長王明钜今（11日）在臉書發文表示高端疫苗臨床試驗二期結果昨解盲他分享中研院研究技師詹家琮的臉書貼文表示簡單來說魔鬼真的都藏在細節裡目前國產疫苗有兩大問題而這些問題必須釐清才能為國人施打。
王明钜指出只看打疫苗後受試者血液中「抗體中和效力」是不夠的因為人體的免疫反應很複雜抗體中和病毒上的一種蛋白質只是各種複雜免疫反應其中之一身體為對抗病毒還會有許多免疫反應。也因為這些免疫反應在每個人身上可能都不一樣所以才會有人感染了無症狀但有人感染後卻很快轉重症、甚至死亡。
王明钜解釋打疫苗以後身體除了抗體以外的免疫反應還會產生哪些免疫反應來對抗病毒這些是在二期試驗中看不到的必須藉由受試者身體的反映才能觀察到要看得應該是「人體的整體表現不只是簡單的中和性抗體的效價。」
王明钜也說目前的試驗結果是施打疫苗的3000、4000位受試者身上抽血所得到的抗體在二期試驗中來對抗的病毒並不是目前在台灣社區內流行的英國變種病毒更不是傳染率與死亡率更高的印度變種病毒而是一年多前出現的病毒株。
王明钜認為就算暫時不管「抗體中和效力試驗」是否可以代替人體的整體免疫的評估但至少抗體所對抗的病毒、抗體要來對抗的敵人應是目前流行的病毒應是當下要消滅的敵人而不是一年多前出現但現在根本不是台灣社區流行的病毒吧？
王明钜透露看完中研院專業技術人員的臉書他對國產疫苗的看法變得更保守。因為他這才知道原來這個二期試驗用來證明抗體可以有效殺敵的敵人竟然是一年多前的病毒株而不是現在流行的英國變種。
王明钜表示他可以理解二期試驗開始為受試者施打疫苗時台灣幾乎沒有疫情（至少表面上的確沒有）所以拿原本的病毒株作為假想敵很合理但明明台灣社區現在流行的全是英國株病毒如果拿一年多前的結果就要施打到人體、對抗台灣社區裡的英國變種病毒這樣OK嗎?
王明钜質疑拿一年多前的結果作為對抗英國變種的疫苗取得緊急授權的依據真的好嗎？而且在連主管機關都承認國產疫苗可能較難應付變種病毒的狀況下這樣真的OK嗎？</t>
  </si>
  <si>
    <t>疫苗病毒王明钜抗體試驗變種受試者臺灣免疫可以表示中和人體施打目前流行結果對抗英國反應身體</t>
  </si>
  <si>
    <t>新冠肺炎國產疫苗台灣解盲高端</t>
  </si>
  <si>
    <t>臺灣疫苗肺炎高端</t>
  </si>
  <si>
    <t>朝代戲院電影院暫停營業全台</t>
  </si>
  <si>
    <t>新冠肺炎疫情影響不少產業其中戲院也深受衝擊不少大片紛紛退檔現在一家老字號二輪戲院「朝代戲院」今率先宣佈自5月4日起要暫停營業3個月。「朝代戲院」在臉書上貼出暫停營業公告公告上指出因疫情影響</t>
  </si>
  <si>
    <t>戲院朝代暫停營業影響疫情公告產業紛紛深受衝擊大片現在宣佈貼出老字型大小一家率先肺炎書上指出</t>
  </si>
  <si>
    <t>新冠肺炎疫情影響不少產業其中戲院也深受衝擊不少大片紛紛退檔現在一家老字號二輪戲院「朝代戲院」今率先宣佈自5月4日起要暫停營業3個月。
「朝代戲院」在臉書上貼出暫停營業公告公告上指出因疫情影響同時也為了大家的安全朝代戲院自5月4日起暫停營業3個月但會視疫情狀況調整並利用這段期間進行裝修和設備提升待疫情趨緩會再提供大家更優質的服務。</t>
  </si>
  <si>
    <t>疫情戲院朝代暫停營業影響提升進行設備裝修期間利用調整紛紛產業狀況大片現在衝擊公告深受</t>
  </si>
  <si>
    <t>學校學生累計確診</t>
  </si>
  <si>
    <t>教育部今天公佈最新統計4月20日至6月4日傍晚各級學校合計405名學生確診武漢肺炎比昨天同一時間公佈的統計（377人）增加28人。教育部校安中心今天上午更新武漢肺炎（2019冠狀病毒疾病COVID-19）各級學校學生</t>
  </si>
  <si>
    <t>肺炎武漢統計公佈學校學生教育部更新今天上午中心病毒確診同一時間昨天傍晚增加疾病合計最新covid-今天</t>
  </si>
  <si>
    <t>教育部今天公佈最新統計4月20日至6月4日傍晚各級學校合計405名學生確診武漢肺炎比昨天同一時間公佈的統計（377人）增加28人。
教育部校安中心今天上午更新武漢肺炎（2019冠狀病毒疾病COVID-19）各級學校學生確診案例統計4月20日至6月4日傍晚5時30分學生確診數合計405名（395例本土個案、10例境外移入）。
以教育階段區分大專校院確診人數（146名）最多高中為65名、國中56名、國小94名、幼兒園44名。
行政院本月3日通過「紓困40」特別預算案教育部方案共新台幣2785億元其中孩童家庭防疫補貼（國小以下及身障生）每人1萬元大專生若經濟受影響也可申請紓困金及租金補貼。（編輯：陳政偉）1100605</t>
  </si>
  <si>
    <t>確診教育部紓困國小補貼統計學生武漢肺炎學校公佈合計經濟大專生申請影響以下教育</t>
  </si>
  <si>
    <t>新冠肺炎台灣學生確診</t>
  </si>
  <si>
    <t>學生臺灣肺炎確診</t>
  </si>
  <si>
    <t>宵禁疫情惡化肺炎擴大接種印度疫苗</t>
  </si>
  <si>
    <t>印度第二波新冠肺炎疫情持續惡化昨天單日新增病例再創紀錄新增3萬5886例創下102天新高紀錄。疫情嚴重的馬哈拉什特拉省和新德里計劃為更多人施打疫苗。根據統計印度昨天一天新增3萬5886例2019冠狀病毒疾病（C</t>
  </si>
  <si>
    <t>新增疫情昨天印度計畫新德里馬哈拉什特拉嚴重施打肺炎疫苗紀錄新高持續創下統計惡化創紀錄病例病毒疾病</t>
  </si>
  <si>
    <t>印度第二波新冠肺炎疫情持續惡化昨天單日新增病例再創紀錄新增3萬5886例創下102天新高紀錄。疫情嚴重的馬哈拉什特拉省和新德里計劃為更多人施打疫苗。
根據統計印度昨天一天新增3萬5886例2019冠狀病毒疾病（COVID-19新冠肺炎）病例創下102天以來的新高紀錄其中有60%需要治療的病例都來自印度疫情最嚴重的馬哈拉什特拉省（Maharashtra）。
此外統計顯示印度18個省市及中央直轄區的單日新增病例都創下今年1月以來新高紀錄這讓許多省市強化防疫措施。
其中被印度總理莫迪點名關切疫情的旁遮普省（Punjab）從昨晚對9個疫情嚴重的縣市實施延長宵禁2小時的措施省長辛赫（Amarinder Singh）呼籲民眾遵守規定。
馬哈拉什特拉省省政府雖然數度警告如果疫情惡化不排除全省再度實施全面封鎖措施但該省只在部份疫情嚴重縣市實施更嚴格的封鎖和收容措施。
馬哈拉什特拉省省長薩克雷（Uddhav Thackeray）希望中央政府能支持馬哈拉什特拉省為45歲以上的民眾施打新冠肺炎疫苗。
印度中央政府列入3億人疫苗接種計畫的群體中除醫療和第一線工作人員外只有60歲以上及罹患糖尿病等慢性綜合病症的高危險群列入首階段疫苗接種計畫。
同樣的新增病例不斷攀升的新德里市長克裡瓦爾（Arvind Kejriwal）今天與衛生廳相關官員開會討論疫情問題後呼籲中央政府擴大接種疫苗的群體以對抗第二波疫情。
印度斯坦時報（Hindustan Times）引述克裡瓦爾說只要中央政府許可新德里政府可在3個月為所有18歲以上市民接種疫苗。
此外北方省高灘布德納格（Gautam Buddh Nagar ）警方今天宣佈4月30日前禁止未經批准的示威活動及即將到來荷麗節（Holi）等節慶與宗教慶祝活動。
印度迄今累計新冠肺炎病例超過1147萬例居世界第2高死亡人數達到15萬9254人。</t>
  </si>
  <si>
    <t>疫情印度病例疫苗馬哈拉什特拉中央政府措施新增新德里接種以上嚴重肺炎今天紀錄活動實施呼籲創下省長</t>
  </si>
  <si>
    <t>疫情印度疫苗病例哈拉</t>
  </si>
  <si>
    <t>疫情病例哈拉印度疫苗</t>
  </si>
  <si>
    <t>疫情分廠百事北京停工</t>
  </si>
  <si>
    <t>百事食品公司在北京大興區磁魏路分廠20日驚傳有8人感染新冠肺炎其中2人曾到過新發地市場密切接觸者87名全部集中隔離；該廠除隨即宣佈關閉其餘480名員工立刻集中隔離篩檢檢驗結果皆為陰性。百事中國昨緊</t>
  </si>
  <si>
    <t>隔離集中百事陰性大興區分廠結果檢驗新發立刻密切接觸地市員工宣佈隨即北京</t>
  </si>
  <si>
    <t>百事食品公司在北京大興區磁魏路分廠20日驚傳有8人感染新冠肺炎其中2人曾到過新發地市場密切接觸者87名全部集中隔離；該廠除隨即宣佈關閉其餘480名員工立刻集中隔離篩檢檢驗結果皆為陰性。百事中國昨緊急發聲明表示染疫工廠並未生產可樂。此外北京昨日再有2地提升為高風險地區短短10天累計確診達227例蔓延10個區。
2確診案例 曾到過新發地
北京市疾控中心副主任龐星火表示傳出確診的8人為北京大興區孫村鄉磁魏路1號一食品公司的員工該廠隨即宣佈停產停工並採取產品封存、環境消毒和相關人員隔離等措施；目前該廠區其餘480名員工被轉往集中隔離點隔離並篩檢初步檢測結果顯示所有人均為陰性。
上述8名確診員工中有2位曾經到過新發地批發市場採購物品是一起與新發地市場相關聯的聚集性疫情。消息傳出後為避免民眾恐慌百事中國在官方微博發出聲明強調包括北京百事可樂飲料有限公司在內的生產可樂等飲料產品的各灌裝廠迄今為止並未發現任何新冠肺炎確診病例目前通報發生疫情個案的工廠只是位於北京大興區磁魏路1號的百事食品一個分廠該廠從未生產任何飲料產品。據瞭解該工廠主要生產樂事洋芋片。
百事公司大中華區集團事務部企宣總監樊志敏昨稱北京分廠監測到新發地批發市場輸入個案後立刻採取停產停業、產品封存、環境消毒殺菌、人員隔離等措施；目前測試產品安全同時保證新發地疫情後的產品均已封存。
10天累計227例 擴及10區
北京20日新增本地確診病例22例10天累計227例疫情擴及豐台、朝陽及大興等10個區而豐台區新村街道、大興區黃村（地區）鎮由中風險調整為高風險；截至昨日為止北京共有4個高風險區、37個中風險地區。
不過復旦大學附屬華山醫院感染科主任張文宏認為北京疫情仍不能認定為第2波疫情來臨所謂的第2波疫情必須要有非常顯著的波峰這次疫情應該是一次比較突然、小範圍的爆發；但他也坦言未來將爆發更多小規模且意想不到的疫情。</t>
  </si>
  <si>
    <t>疫情北京確診產品新發隔離生產百事員工工廠大興區地區分廠目前累計高風險封存中國爆發陰性傳出並未</t>
  </si>
  <si>
    <t>分廠新發地北京工廠疫情</t>
  </si>
  <si>
    <t>分廠工廠新發北京疫情</t>
  </si>
  <si>
    <t>喊話蔡力行收看繼續聯發導體努力</t>
  </si>
  <si>
    <t>聯發科(2454)今日舉辦股東會由董事長蔡明介、執行長蔡力行主持儘管今年全球爆發新冠肺炎但聯發科營運穩住陣腳上半年營收將相較去年同期會成長約10%蔡力行也說「聯發科上半年交出不錯成績也希望下半年</t>
  </si>
  <si>
    <t>聯發蔡力行上半年不錯蔡明介執行長交出主持相較董事長今年去年同期全球成長約股東會爆發肺炎穩住陣腳營運成績</t>
  </si>
  <si>
    <t>聯發科(2454)今日舉辦股東會由董事長蔡明介、執行長蔡力行主持儘管今年全球爆發新冠肺炎但聯發科營運穩住陣腳上半年營收將相較去年同期會成長約10%蔡力行也說「聯發科上半年交出不錯成績也希望下半年可以繼續」!
針對新冠肺炎對整體智慧機產業的衝擊蔡明介表示在疫情衝擊下的確對整體智慧型手機市場上半年造成不確定性最近比較穩定下來手機的整體銷售確實有減少只是手機在疫情的時候其實也是一個很重要的通訊產品這可說是一個新的趨勢。
蔡力行則指出今年的新冠肺炎對產業影響確實非常大尤其在大陸市場第一季出現非常大影響第二季後續也看到一些惟聯發科在如此的環境下還是表現相當不錯也反映在第一季財報、第二季財測整體預估上半年的營收和去年同期會成長約10%在如此辛苦的環境下可以做到如此主要是長年經營和產品組合加上和客戶密切合作今年是5G剛剛開始成長的一年聯發科搶在成長初期的時候就已經進入市場產品線豐富在高階、中階還有入門款都有很好的產品第一季5G晶片就已經出貨第二季則迎來高度成長聯發科對於5G的發展非常有信心。
除5G的看好外蔡力行進一步說今年4G全年在全球衰退相當多但是聯發科會保持很好的市佔率主要就是因為產品優異具有競爭力市占率會繼續提升至於其發產品上他坦言疫情確實造成影響但是居家辦公、遠端學習等相關需求就不錯整體來說「聯發科上半年交出不錯成績也希望下半年可以繼續」。</t>
  </si>
  <si>
    <t>聯發產品整體蔡力行上半年今年確實市場手機疫情影響不錯肺炎非常造成成長可以繼續相當</t>
  </si>
  <si>
    <t>聯發科蔡力行蔡明介5G AI</t>
  </si>
  <si>
    <t>蔡明介蔡力行ai聯發</t>
  </si>
  <si>
    <t>距離可能性口罩社交一定完全封城在家</t>
  </si>
  <si>
    <t>本土新冠肺炎炸鍋不斷全台三級警戒持續至6月14日儘管中央流行疫情指揮中心指揮官陳時中認為校正後確診數持平顯示疫情並未急遽惡化可由於也不見真正改善效果國人還是因此憂心忡忡擔心台灣升級四級警戒</t>
  </si>
  <si>
    <t>疫情警戒不斷國人憂心忡忡全台效果改善真正持續肺炎中央惡化流行急遽認為校正並未指揮中心顯示指揮官持平</t>
  </si>
  <si>
    <t>本土新冠肺炎炸鍋不斷全台三級警戒持續至6月14日儘管中央流行疫情指揮中心指揮官陳時中認為校正後確診數持平顯示疫情並未急遽惡化可由於也不見真正改善效果國人還是因此憂心忡忡擔心台灣升級四級警戒。據指揮中心規定四級警戒時民眾非必要不得外出在家也要保持社交距離或佩戴口罩不過目前未達四級警戒或封城規劃條件。
針對校正回歸案例陳時中日前表示5月21至28日相關案例數看起來正在減少臺北、新北件數皆往下掉代表前一段時間部分措施有發揮效果因此特別呼籲國人減少不必要外出聚會傳統、黃昏市場易有接觸史、足跡菜籃族人潮眾多時別前往金錢交易務必注意清潔衛生回家一定要先洗手。
此外根據《ETtoday新聞雲》報導還有行政院官員出面表示升至四級警戒不一定會完全封城除非連續14天平均每天新增100名本土案例且一半以上感染源不明這2項條件並存才有可能依指揮中心進行封城人民切勿提前恐慌目前這些條件都不存在。
又環保署先前也和民眾分享自製消毒水的方法以每10cc漂白水搭配500cc清水（比例1：50）均勻稀釋後即可做消毒使用。消毒時記得要戴口罩、手套避免刺激皮膚接著以拖把或抹布擦拭物品表面並停留待作用1至2分鐘最後用清水再擦拭乾淨即可。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警戒口罩條件務必案例指揮中心擦拭清水減少外出民眾一定效果疫情國人目前封城使用表示</t>
  </si>
  <si>
    <t>封城四級警戒社交距離新冠肺炎口罩</t>
  </si>
  <si>
    <t>距離社交警戒肺炎口罩封城</t>
  </si>
  <si>
    <t>強力蔡壁如疫情推動公衛肺炎師法立法</t>
  </si>
  <si>
    <t>國人對「公共衛生師」這個名詞都相當陌生民眾黨立委蔡壁如表示目前台灣在防疫上仍缺乏公共衛生師然而疫情期間公衛師角色相當重要她將在立法院全力推動「公共衛生師」立法。台灣的醫療擁有世界水準民眾應都</t>
  </si>
  <si>
    <t>衛生臺灣相當擁有醫療立法世界蔡壁如表示民眾黨目前防疫陌生角色衛師重要疫情缺乏全力期間推動法院</t>
  </si>
  <si>
    <t>國人對「公共衛生師」這個名詞都相當陌生民眾黨立委蔡壁如表示目前台灣在防疫上仍缺乏公共衛生師然而疫情期間公衛師角色相當重要她將在立法院全力推動「公共衛生師」立法。
台灣的醫療擁有世界水準民眾應都知道蔡壁如強調甚至對於這次新型冠狀病毒疫情大家也都對國家的公共衛生防疫有信心。在各國都陷入恐慌之際台灣的防疫可以說是相當優秀從這波疫情蔓延的速度也可看出公共衛生才是防堵病毒最重要的一道防線很可惜台灣較少人重視這一塊領域。
蔡壁如指出台大公衛所詹長權院長說美國在SARS期間準備了大量的公衛師因此她也期望台灣也能儘速通過《公衛師法》當沒有疫情時人們對於公衛師的存在與否或許無感可是一旦出現疫情「公衛師將扮演重要角色進入社區能有效防治疫情補足防疫可能出現的缺口」。
疫情不見停勢蔡壁如也呼籲重視《公衛師法》不只是為了這一波疫情更是為了長遠的未來考量。
更多 CTWANT 報導</t>
  </si>
  <si>
    <t>疫情臺灣蔡壁如衛生相當防疫衛師重要病毒重視對於師法出現公衛期間角色大公衛所</t>
  </si>
  <si>
    <t>公衛蔡壁如公共衛生台灣疫情</t>
  </si>
  <si>
    <t>疫情公衛蔡壁如衛生臺灣</t>
  </si>
  <si>
    <t>衝擊求職者回流疫情南進肺炎</t>
  </si>
  <si>
    <t>大陸新冠肺炎疫情持續也衝擊了台灣人西進求職的熱情。求職網站104人力銀行17日公佈一份報告顯示面對大陸工廠短期難以正常復工「目前在中國工作且有主動應徵」的轉職者中有63％的人向大陸職場說掰掰；離開大陸</t>
  </si>
  <si>
    <t>大陸求職持續衝擊臺灣人疫情銀行公佈報告顯示面對工廠難以正常工作應徵主動目前中國復工肺炎</t>
  </si>
  <si>
    <t>大陸新冠肺炎疫情持續也衝擊了台灣人西進求職的熱情。求職網站104人力銀行17日公佈一份報告顯示面對大陸工廠短期難以正常復工「目前在中國工作且有主動應徵」的轉職者中有63％的人向大陸職場說掰掰；離開大陸職場的人中有95％回流台灣其餘流向東協國家。該平臺預估受疫情陰影籠罩加上大陸工廠延後開工、面試大幅削弱求職者西進或續留意願回流台灣、南進東協成趨勢。
104人力銀行的這份報告以武漢封城的1月23日為比較分水嶺根據報告封城前兩週（1月10日至1月22日）「目前在中國工作且有主動應徵」的轉職者中不回中國、以及續回中國的比例各占一半；但封城後兩週（1月23日至2月8日）不回中國的比例升高到63％、續回中國的比例降到37％。
對此104獵才招聘暨人才經營事業群資深副總經理晉麗明指出大陸許多工廠延後開工企業用人祭出延後報到、延後面試、甚至延後招募加上大陸多處封城造成心理恐慌皆已大幅削弱求職者西進或續留意願。
晉麗明分析短期看新冠肺炎疫情讓台灣求職者對大陸職場與生活感到不安；長期而言近年大陸管理職已在地化全球企業逐漸將一般製造業轉移至東南亞因此人才回流台灣、轉往東協已成趨勢；在此時間點大陸企業徵才轉趨觀望是否調降薪資水準或調整福利將對大陸企業與求職者造成壓力。</t>
  </si>
  <si>
    <t>大陸企業臺灣中國求職者回流疫情工廠延後報告人才趨勢比例封城加上面試銀行</t>
  </si>
  <si>
    <t>大陸中國求職者延後台灣</t>
  </si>
  <si>
    <t>臺灣大陸中國求職者延後</t>
  </si>
  <si>
    <t>開放苗栗縣民眾解禁運動校園</t>
  </si>
  <si>
    <t>新冠肺炎疫情趨緩苗栗縣內國中小校園開放成各界關注焦點27日苗栗縣長徐耀昌宣佈30日起平日及假日重新開放校園戶外空間與場地讓社區民眾散步、運動但務必遵守校園門禁管理與防疫新生活運動規範。肺炎疫情爆</t>
  </si>
  <si>
    <t>校園運動開放疫情肺炎宣佈生活焦點民眾社區平日關注苗栗縣防疫假日務必散步遵守管理</t>
  </si>
  <si>
    <t>新冠肺炎疫情趨緩苗栗縣內國中小校園開放成各界關注焦點27日苗栗縣長徐耀昌宣佈30日起平日及假日重新開放校園戶外空間與場地讓社區民眾散步、運動但務必遵守校園門禁管理與防疫新生活運動規範。
肺炎疫情爆發迄今苗栗縣政府為維護學童健康安全全面暫停開放校園。但考量民眾對於休閒運動的需求且疫情逐漸緩和縣府決議重新開放校園。徐耀昌表示台灣已超過1個月無本土案例經全方面考量下30日開放校園戶外空間及場地民眾可利用清晨、傍晚、假日到校園運動但校園室內場地仍暫停開放。教育處指出平日開放時間將按照各校在疫情前規定原則以上學前、放學後為開放時間。
徐耀昌提醒因全國疫情持續延燒防疫不能鬆懈民眾到校園運動務必遵從各校校園門禁管理的規範及相關防疫公告內容並落實個人自主健康管理若有生病、發燒等情形應避免進入校園共同把關校園師生健康安全。</t>
  </si>
  <si>
    <t>校園開放疫情運動民眾徐耀昌健康防疫管理場地規範考量暫停平日重新假日時間肺炎戶外空間務必安全避免</t>
  </si>
  <si>
    <t>苗栗徐耀昌校園開放運動</t>
  </si>
  <si>
    <t>苗栗開放運動徐耀昌校園</t>
  </si>
  <si>
    <t>回應翻白眼小甜甜需要金援我會謝忻</t>
  </si>
  <si>
    <t>謝忻去年和人夫阿翔爆出婚外情事業一落千丈還被媒體拍到在咖啡廳打工被指經濟上可能有困難。不過小甜甜表示謝忻能借1萬塊給她財力方面應該沒問題謝忻也為金援小甜甜做出回應了。謝忻15日在IG貼出兩張和</t>
  </si>
  <si>
    <t>謝忻小甜甜婚外爆出事業一落千丈回應媒體拍到咖啡打工經濟可能應該問題財力困難表示阿翔</t>
  </si>
  <si>
    <t>謝忻去年和人夫阿翔爆出婚外情事業一落千丈還被媒體拍到在咖啡廳打工被指經濟上可能有困難。不過小甜甜表示謝忻能借1萬塊給她財力方面應該沒問題謝忻也為金援小甜甜做出回應了。
謝忻15日在IG貼出兩張和小甜甜的合照有趣的是她們一起丟下包袱對著鏡頭大翻白眼謝忻寫道：「妳有需要的時候我會幫妳但妳做錯事的時候我會指責妳。」短短的兩句話見證了兩人的閨密之情。
小甜甜日前自認演藝工作受到疫情影響新戲無限期停拍為了多賺點外塊還到路邊打零工一想到有10幾萬卡債、車貸與房貸每月需20萬生活費她喊話歡迎各種打工上門。</t>
  </si>
  <si>
    <t>謝忻小甜甜打工我會時候喊話無限期影響指責疫情受到包袱婚外一起需要</t>
  </si>
  <si>
    <t>謝忻小甜甜金援回應新冠肺炎</t>
  </si>
  <si>
    <t>金援回應小甜甜謝忻肺炎</t>
  </si>
  <si>
    <t>尚未終點保養疫情</t>
  </si>
  <si>
    <t>人類在感染新冠肺炎的病毒後會對肺部產生廣泛的損害尤其是重癥的情況下甚至會呼吸衰竭而死亡負責美國肺協會（ALA）的醫師亞伯特（Albert Rizzo）接受Inverse採訪探討如何保護肺部的問題。首先如果是沒有</t>
  </si>
  <si>
    <t>肺部肺炎病毒探討接受rizzoalbert亞伯特醫師採訪保護alainverse協會美國負責死亡呼吸衰竭產生甚至廣泛尤其情況重症</t>
  </si>
  <si>
    <t>人類在感染新冠肺炎的病毒後會對肺部產生廣泛的損害尤其是重癥的情況下甚至會呼吸衰竭而死亡負責美國肺協會（ALA）的醫師亞伯特（Albert Rizzo）接受Inverse採訪探討如何保護肺部的問題。
首先如果是沒有任何肺部疾病的人亞伯特認為最好是停止吸菸及電子菸而且避免到空氣不良的場所。另外配合適當的飲食及運動就能提高肺部的功能而且新冠肺炎對於擁有慢性病、三高的人殺傷力更強所以良好的生活習慣是保持健康的不二法門。
如果本來就有氣喘或肺部疾病的人最好則是少出門、保持社交距離、多洗手以及「沒洗完手最好不要碰臉部」等四個方針尤其是病毒可以長時間地存活在椅子及一些大眾交通工具上儘量不要外出是比較安全的方式。
亞伯特也認為這次新冠肺炎的病毒危機也是對大眾衛生系統的考驗不論是檢查是否感染、篩選可能感染人物以及給予適當的治療都是公衛系統需要面臨的問題而且未來說不定還有其他病毒出現只有打好眼前的仗未來才能有經驗地處理類似的問題。
更多 CTWANT 報導</t>
  </si>
  <si>
    <t>肺部病毒問題亞伯特最好適當肺炎感染未來保持尤其認為疾病工具大眾交通給予椅子都是公不良</t>
  </si>
  <si>
    <t>新冠肺炎亞伯特問題病毒肺部</t>
  </si>
  <si>
    <t>問題亞伯特肺炎病毒肺部</t>
  </si>
  <si>
    <t>華航廣播機長台人公主乘客鑽石接回</t>
  </si>
  <si>
    <t>新冠肺炎疫情在郵輪鑽石公主號上擴散所有乘客在船上隔離兩個禮拜期滿後終於在昨(21日)晚間由華航包機接回船上19名檢驗陰性的台籍遊客與1位醫生返台其中機場在機上的溫情廣播也讓乘客、網友感動不已。華航在臉</t>
  </si>
  <si>
    <t>乘客船上華航郵輪鑽石公主擴散疫情機上廣播機場返台溫情醫生遊客台籍隔離陰性終於禮拜檢驗期滿接回包機</t>
  </si>
  <si>
    <t>新冠肺炎疫情在郵輪鑽石公主號上擴散所有乘客在船上隔離兩個禮拜期滿後終於在昨(21日)晚間由華航包機接回船上19名檢驗陰性的台籍遊客與1位醫生返台其中機場在機上的溫情廣播也讓乘客、網友感動不已。
華航在臉書PO出了機長廣播影片機長在廣播中對乘客說：「這是來自機長的廣播我們預計會持續飛行與全世界一同渡過疫情請您一同做好防疫工作準備一同降落在美好的明天」華航小邊也在臉書表示：「We fly we fight We will all be fine」。
不少網友相當感動湧入留言「機長真男人」、「感謝華航」、「飛行人員真的辛苦了」、「聲音跟影片中的陽光一樣溫暖」、「有華航真好」。</t>
  </si>
  <si>
    <t>華航乘客機長廣播船上飛行網友疫情一同影片we郵輪鑽石公主陽光be擴散醫生fine陰性台籍遊客降落中的終於</t>
  </si>
  <si>
    <t>華航機長廣播乘客鑽石公主號</t>
  </si>
  <si>
    <t>乘客廣播鑽石機長華航公主</t>
  </si>
  <si>
    <t>搶購潮驚呼爆發食物末日必備</t>
  </si>
  <si>
    <t>新冠肺炎疫情昨在台灣一舉增加23例累計確診個案數破百例。連帶也讓部分民眾的預期心理擔憂封鎖國境可能會讓食物跟民生用品短缺昨夜包含全聯、好市多在內的各大連鎖賣場均出現搶購泡麵、罐頭、衛生紙等物品網</t>
  </si>
  <si>
    <t>搶購臺灣出現一舉增加連鎖罐頭全聯疫情包含昨夜連帶短缺用品民生擔憂食物部分民眾</t>
  </si>
  <si>
    <t>新冠肺炎疫情昨在台灣一舉增加23例累計確診個案數破百例。連帶也讓部分民眾的預期心理擔憂封鎖國境可能會讓食物跟民生用品短缺昨夜包含全聯、好市多在內的各大連鎖賣場均出現搶購泡麵、罐頭、衛生紙等物品網友也推薦大家應該購買囤四樣東西。
據網友Fant1408在批踢踢論壇發文表示「最近開始有人屯糧開始狂掃麵條雞蛋蔬菜吐司這是沒有意義的行為因為缺糧很明顯不會是短期內發生的事」。
原PO說在這種情況下應該思考的是如何儲存可以長期保存的三個月份糧食如果在美國當然沒問題但是台灣這種小房子冰箱怎麼可能放的下所以我推薦大家應該購買囤四樣東西第一「麵茶粉」。第二「高蛋白粉」。第三「膳食纖維」第四「綜合維他命」。
該網友認為這四樣不佔空間可同時有飽足感兼顧營養均衡。但還是要視個人需求和政府公佈的疫情發展採買勿輕信來源不名之社群平臺轉傳文章。</t>
  </si>
  <si>
    <t>網友應該臺灣疫情可能推薦東西購買開始來源均衡營養兼顧個人需求麵條</t>
  </si>
  <si>
    <t>賣場泡麵罐頭衛生紙屯糧</t>
  </si>
  <si>
    <t>衛生紙屯糧罐頭</t>
  </si>
  <si>
    <t>找事暫停工作阿妹名車</t>
  </si>
  <si>
    <t>新冠肺炎肆虐長達數月去年底開始休長假的張惠妹（阿妹）今年工作計畫全數暫緩新專輯進度也毫無下落她的經紀人陳鎮川27日表示：「妹目前完全靜下來新專輯連開案都還沒。」陳鎮川日前受邀代言名車他謙稱自</t>
  </si>
  <si>
    <t>專輯日前去年底開始長假張惠妹阿妹今年工作表示陳鎮川經紀人計畫下落</t>
  </si>
  <si>
    <t>新冠肺炎肆虐長達數月去年底開始休長假的張惠妹（阿妹）今年工作計畫全數暫緩新專輯進度也毫無下落她的經紀人陳鎮川27日表示：「妹目前完全靜下來新專輯連開案都還沒。」陳鎮川日前受邀代言名車他謙稱自己半開玩笑跟朋友說上半年演唱會都取消了「就找點好玩的事做做」廣告曝光後阿妹還沒看過陳鎮川笑說：「我哪好意思跟她討論會害羞啦。」
陳鎮川身兼填詞人、製作人、舞臺導演並擔任張惠妹、羅志祥、林憶蓮及艾怡良等天王天后的經紀人近年不少廠商邀約代言都被他婉拒今年初車商洽談合作好不容易才讓他點頭；陳鎮川說：「主要是產品的廣告文案比較回歸個人沒那麼像在賣東西的感覺不然我會覺得很糗。」
習慣在車裡聽音樂
他當年擔任《連環泡》編劇時買了人生第一部車「因為住北投交通不方便那時候買車貸款貸了不少」他喜歡在車上聽音樂、大聲唱歌抒發情緒「而且我開車很慢喜歡看沿途景色、路邊人事物。」他把車子視為房子、甚至避難所「因為我的工作跟音樂有關要聽得非常仔細但我必須在車子裡聽音樂才聽得進去這個習慣到現在還是這樣。」</t>
  </si>
  <si>
    <t>音樂陳鎮川張惠妹喜歡工作經紀人阿妹廣告車子擔任專輯代言習慣去年底</t>
  </si>
  <si>
    <t>代言工作肺炎名車音樂</t>
  </si>
  <si>
    <t>肺炎代言工作音樂名車</t>
  </si>
  <si>
    <t>傳染司機口罩台商關鍵</t>
  </si>
  <si>
    <t>新冠肺炎（COVID-19）疫情持續延燒日前臺灣第19例確診的白牌車司機也成為了台灣的第一起死亡案例中央流行疫情指揮中心也隨即掌握到一名浙江台商為感染源。對此有網友就覺得疑惑為何這名台商全程配戴口罩仍會</t>
  </si>
  <si>
    <t>台商疫情臺灣全程疑惑覺得持續網友對此感染配戴浙江日前掌握確診隨即中心指揮中央流行案例</t>
  </si>
  <si>
    <t>新冠肺炎（COVID-19）疫情持續延燒日前臺灣第19例確診的白牌車司機也成為了台灣的第一起死亡案例中央流行疫情指揮中心也隨即掌握到一名浙江台商為感染源。對此有網友就覺得疑惑為何這名台商全程配戴口罩仍會感染司機呢？
這名網友在PTT發文表示一般乘客在搭乘計程車的時候都會選擇後座與司機有一定的距離再加上他整個過程都有戴著口罩阻隔飛沫讓PO主實在想不透為何這名司機還是會不幸感染新冠肺炎也讓他開始懷疑起是否因為台商體內病毒數量很多那麼和他一起同住的家人染病的機率是否也更高。
此文一出引起了許多網友熱議紛紛留言：「口罩只是減少機率吧」、「全副武裝都有可能會得到」、「口罩也是有縫縫病毒量太高還是漏出去而且又密閉空間」、「戴口罩不是萬能好嗎洗手是重點」；也不少人指出了一個含有超高風險的關鍵行為「摸錢的時候我只想到這個」、「給錢的時候感染的吧！」、「手啊台商只要手上有病毒在車上亂摸或是給錢時有接觸都有可能」、「收錢的時候才是關鍵」、「因為錢上面有病毒摸了沒洗手就中」。</t>
  </si>
  <si>
    <t>口罩司機台商感染病毒網友時候臺灣疫情是否都有可能關鍵肺炎</t>
  </si>
  <si>
    <t>白牌車司機口罩PTT時事台灣</t>
  </si>
  <si>
    <t>司機口罩ptt時事臺灣</t>
  </si>
  <si>
    <t>發揮金山吸引選手馬拉松萬金石加油</t>
  </si>
  <si>
    <t>新北市萬金石馬拉松今（21日）開跑儘管賽前1名20多歲肯亞籍女選手採檢確診送醫但7500名跑者不受影響照常進行賽事金山警分局除負責沿線維安及交通疏導外各派出所也發揮巧思出動員警娃娃等替選手們加油打氣</t>
  </si>
  <si>
    <t>選手開跑員警賽前肯亞出動發揮派出所疏導馬拉松交通確診沿線負責分局送醫金山</t>
  </si>
  <si>
    <t>新北市萬金石馬拉松今（21日）開跑儘管賽前1名20多歲肯亞籍女選手採檢確診送醫但7500名跑者不受影響照常進行賽事金山警分局除負責沿線維安及交通疏導外各派出所也發揮巧思出動員警娃娃等替選手們加油打氣。
金山警分局表示賽事沿線野柳派出所結合員警娃娃、野柳地質公園女王頭娃娃與薆悅渡假酒店的海洋女王為挑戰馬選手加油。
大鵬派出所與中角派出所則結合在地名勝景點金山財神廟在賽道前由員警娃娃穿著財神爺裝束幫全馬參賽者打氣希望每一位參賽者都能順利完賽。
金山警分局長林詮峰指出賽事警力於淩晨4時即完成布崗維安勤務全程預計將超過10小時對同仁是體力上的一大考驗分局已備妥員警補給站與隨身補給品於賽前及賽中發給同仁補給品。
此外也特別訂製天燈造型的小鹽燈結合野柳景點女王頭造型的提袋並印上新北警局長阿仁哥「人民最大基層優先」的治安理念於賽後頒發給勤務中有特殊優良表現的同仁慰勉辛勞。</t>
  </si>
  <si>
    <t>員警金山娃娃選手同仁派出所賽事分局女王結合勤務賽前造型景點沿線新北補給品參賽者特殊開跑</t>
  </si>
  <si>
    <t>萬金石馬拉松新冠肺炎台灣派出所</t>
  </si>
  <si>
    <t>肺炎臺灣馬拉松萬金石派出所</t>
  </si>
  <si>
    <t>鬆綁入境旅客國家</t>
  </si>
  <si>
    <t>英國政府首波入境「免隔離國家」名單中台灣包含在內。另據政府高層透露日本、越南可望成為下一波對台鬆綁入境的國家。新冠肺炎疫情仍在蔓延台灣並未在歐盟「安全國家」旅客入境名單中。但是英國將台灣納入第一</t>
  </si>
  <si>
    <t>臺灣入境國家名單日本越南可望透露成為高層政府蔓延鬆綁隔離疫情包含並未肺炎旅客歐盟安全英國</t>
  </si>
  <si>
    <t>英國政府首波入境「免隔離國家」名單中台灣包含在內。另據政府高層透露日本、越南可望成為下一波對台鬆綁入境的國家。
新冠肺炎疫情仍在蔓延台灣並未在歐盟「安全國家」旅客入境名單中。但是英國將台灣納入第一波安全名單也就是說時台灣旅客10日入境英格蘭地區時可免除隔離14天的檢疫。未來會有哪些國家對台灣旅客進行入境鬆綁管制？據《東森新聞雲》報導政府高層透露下一波可望是台灣人最喜歡去觀光的日本和越南。
根據日媒報導日本政府最快7月中旬進行第二波放寬入境對象包括中國大陸、韓國及台灣。至於越南越南考慮對連續30天沒有社區病例的國家在7月底重啟國際航線優先名單中包括台灣越捷航空表示預計7月中要恢復台越定期航班。不過據越南民航局長丁越勝（ Dinh Viet Thang ）表示旅客入境後仍需自費到指定地點隔離14天。</t>
  </si>
  <si>
    <t>臺灣入境越南國家旅客名單隔離表示月中報導包括日本進行鬆綁政府安全透露高層可望病例航班民航自費</t>
  </si>
  <si>
    <t>國家台灣入境越南新冠肺炎</t>
  </si>
  <si>
    <t>越南入境臺灣肺炎國家</t>
  </si>
  <si>
    <t>肺炎臺灣人破的</t>
  </si>
  <si>
    <t>新冠肺炎疫情擴散台灣今天一天確診數大幅增加23例目前總計已達100例。對此民進黨立委王定宇感嘆台灣第一波防疫本來守很好但是這四天確診都跟出國旅遊有關會導致防疫破口出現必須遺憾的說「這個破口</t>
  </si>
  <si>
    <t>防疫臺灣確診擴散導致今天對此有關民進大幅出國增加旅遊黨立委都跟定宇感歎出現本來疫情總計</t>
  </si>
  <si>
    <t>新冠肺炎疫情擴散台灣今天一天確診數大幅增加23例目前總計已達100例。對此民進黨立委王定宇感嘆台灣第一波防疫本來守很好但是這四天確診都跟出國旅遊有關會導致防疫破口出現必須遺憾的說「這個破口是某些台灣人自己弄破的」！
王定宇在臉書發文表示各位台灣的國民面對中國的武漢肺炎我們第一波的防疫是成功且令人感動和尊敬的。但是現在開始的14天面對「武漢肺炎」已經全球爆發這四天來從一天增加確診6例、第二天8例、第三天10例到今天的23例這四天增加了47例其中46例都跟出國旅遊有關讓人扼腕和擔憂。
而這波危機是否是因為台灣國境關閉太遲所導致的？王定宇認為其實不是因為對外國人關閉國境是外國人不能進來而現在這46個病例都是台灣自己國人出國帶回來的很遺憾的說這個破口是某些台灣人自己弄破的！
王定宇指出從醫療資源來看這47個確診病例和接觸史代表什麼代表疫調官短時間內必須處理的量會破萬是否承受的起？代表我們1100床負壓病房現在空位僅剩400床是否承受的起？代表我們基層診所醫療機構面對可能傳染機會增大。代表我們全體醫療人員和資源是否能夠應付最壞的情況？代表社區感染的機率會增大。
王定宇呼籲接下來14天是台灣是否守得住武漢肺炎第二波攻勢的關鍵時刻該居家隔離的請確實隔離3月4日-15日從國外回來的台灣人有1萬多人除了已經有就醫紀錄的562人、有上呼吸道症狀的550人、他種肺炎12人、採撿中100多人其他的9千多人請跟鄉鎮市區公所聯絡。</t>
  </si>
  <si>
    <t>臺灣代表肺炎確診是否定宇面對防疫現在武漢出國增大導致增加回來臺灣人資源病例已經醫療必須</t>
  </si>
  <si>
    <t>王定宇台灣人新冠肺炎武漢肺炎新型冠狀病毒</t>
  </si>
  <si>
    <t>肺炎武漢臺灣人冠狀王定宇病毒</t>
  </si>
  <si>
    <t>淩晨澳門關閉再現部分疫情娛樂場所</t>
  </si>
  <si>
    <t>澳門連兩日共新增四例新冠肺炎確診病例為避免疫情擴大澳門新冠病毒感染應變協調中心5日宣佈澳門部分娛樂場所將於6日零時起關閉。受影響的場所包括電影院、劇院、室內遊樂場、遊戲機及電子遊戲室、網吧、桌球室</t>
  </si>
  <si>
    <t>澳門遊樂場室內劇院電影院包括場所影響遊戲機關閉宣佈肺炎中心確診應變協調避免疫情病例擴大病毒感染電子遊戲室</t>
  </si>
  <si>
    <t>澳門連兩日共新增四例新冠肺炎確診病例為避免疫情擴大澳門新冠病毒感染應變協調中心5日宣佈澳門部分娛樂場所將於6日零時起關閉。
受影響的場所包括電影院、劇院、室內遊樂場、遊戲機及電子遊戲室、網吧、桌球室、保齡球場、按摩院、美容院、健身房、健康俱樂部、卡拉OK場所、酒吧、夜總會、舞廳及歌舞廳等。
10月4日至今澳門新增4例新冠肺炎確診病例上述新增病例的感染源頭的調查仍在進行中。自疫情發生以來澳門累計確診病例增至72例。
為防止病毒在社區傳播澳門防疫部門已對新增病例的居住地、工作地以及近期曾到訪的地點列為紅、黃碼區實施管控。此外自4日晚間21時啟動第三次全民核酸檢測計畫7日21時結束。檢測範圍包括澳門居民、所有在澳門逗留的人士。</t>
  </si>
  <si>
    <t>澳門病例場所新增包括疫情確診檢測保齡球場按摩桌球室網吧美容院電子遊戲室健身房遊戲機健康遊樂場俱樂部室內卡拉劇院ok</t>
  </si>
  <si>
    <t>澳門關閉娛樂場所新冠肺炎場所</t>
  </si>
  <si>
    <t>娛樂場所關閉肺炎場所澳門</t>
  </si>
  <si>
    <t>指揮不明中心ct感染新北</t>
  </si>
  <si>
    <t>國內今天新增一例本土個案為新北60多歲男子染疫中央流行疫情指揮中心醫療應變組副組長羅一鈞表示該男子的職業是做工程10月16日發燒17日就醫採檢確診Ct值331由於個案接觸的人少感染源目前還在調查</t>
  </si>
  <si>
    <t>個案男子感染本土接觸ct確診新北職業表示醫療疫情中心指揮羅一鈞中央組長應變流行就醫</t>
  </si>
  <si>
    <t>國內今天新增一例本土個案為新北60多歲男子染疫中央流行疫情指揮中心醫療應變組副組長羅一鈞表示該男子的職業是做工程10月16日發燒17日就醫採檢確診Ct值331由於個案接觸的人少感染源目前還在調查但病毒量低後續採檢2次都是陰性可能是之前感染的案例現處在陰陰陽陽的階段判斷可能為舊案。
羅一鈞表示這名個案從事的是工務工作只接觸到1個朋友以及就醫接觸者其餘相關人員是自主健康管理和自我健康監測。個案是雙側腎臟發炎導致發燒和新冠肺炎沒關係。
對於個案的感染源羅一鈞表示目前疫調還在進行中等到個案回憶起更多線索才會有更多資訊警政協尋也在進行。這名個案曾在7月14日接種單劑莫德納確診時Ct值高、331後來2次採檢都是陰性病毒量低又迅速轉陰可能是染疫舊案處於陰陰陽陽階段。
今日新增的1例本土個案(案16451)為60多歲男性今年10月16日因出現發燒等症狀10月17日就醫並採檢檢驗結果陽性收治住院Ct值331IgG、IgM均為陽性後續採檢2次核酸檢測均為陰性。衛生單位已匡列接觸者12人其中4人列居家隔離、3人列自主健康管理、5人列自我健康監測將持續進行疫調及匡列以釐清感染源。</t>
  </si>
  <si>
    <t>個案感染接觸進行可能表示ct發燒就醫陰性男子羅一鈞階段健康本土</t>
  </si>
  <si>
    <t>本土確診發燒感染源新冠肺炎</t>
  </si>
  <si>
    <t>感染發燒確診本土肺炎</t>
  </si>
  <si>
    <t>疫情西班牙大利who跡象</t>
  </si>
  <si>
    <t>世界衛生組織(WHO)表示歐洲新冠疫情極為嚴重的國家義大利和西班牙近日出現疫情趨穩跡象此一現象説明先前採取的「社交隔離」等防控措施已開始生效但要使新增病例持續下降仍需持續加大疫情防控的力度。據《央</t>
  </si>
  <si>
    <t>疫情防控持續極為加大嚴重國家病例新增大利西班牙開始說明近日生效措施隔離出現社交採取先前跡象現象歐洲新</t>
  </si>
  <si>
    <t>世界衛生組織(WHO)表示歐洲新冠疫情極為嚴重的國家義大利和西班牙近日出現疫情趨穩跡象此一現象説明先前採取的「社交隔離」等防控措施已開始生效但要使新增病例持續下降仍需持續加大疫情防控的力度。
據《央視新聞》報導世衛組織衛生緊急項目負責人邁克爾里安(Michael J Ryan)在記者會上表示由於持續採取嚴格防控措施義大利和西班牙新增病例的曲線將逐漸平緩世衛組織也熱切期望兩國疫情能夠趨於穩定。
里安説義大利和西班牙都採取限制人員流動的措施其效果體現在新增病例曲線上需要一定時間因兩國目前疫情曲線實際上應是反映了至少兩周前狀況。他表示通過「社交疏離」措施每個確診病例的接觸者數量在明顯減少這意味著與兩周前相比處於感染風險的人數已大量減少。再加上持續對社區病例的檢測和隔離人們其實已能夠搶在病毒進一步擴散之前採取措施。
不過里安也強調光靠管控措施遠遠不夠還必須加倍努力推進公共衛生措施來壓制病毒因為病毒不會自動退卻。現在的問題是如何讓病例數下降這不僅是限制或放開人員流動的問題而是要讓病例數不僅穩定而且呈下降趨勢。
據義大利官方統計周日新增確診感染病例減少56%這已經是確診病例連續第3天呈下降趨勢。但西班牙週一新增新增849起武漢肺炎死亡病例累計死亡人數達8189人創單日新高死亡病例總數僅次於義大利居全球第2。</t>
  </si>
  <si>
    <t>病例措施疫情新增大利西班牙里安持續表示減少下降曲線防控確診採取衛生病毒世衛組織周前能夠人數死亡感染社交</t>
  </si>
  <si>
    <t>開始蘋概才剛業績野村</t>
  </si>
  <si>
    <t>野村證券調查發現蘋果iPhone第二季砍單20％科技產業分析師李佳伶指出經驗顯示蘋果砍單通常是一系列的動作未來幾個月仍須持續提防同時iPhone供應鏈上半年營運將低於預期第三季變數居高不下風險無法</t>
  </si>
  <si>
    <t>iphone蘋果變數預期低於上半年營運供應提防持續居高不下未來動作師李佳指出通常分析科技產業顯示經驗風險</t>
  </si>
  <si>
    <t>野村證券調查發現蘋果iPhone第二季砍單20％科技產業分析師李佳伶指出經驗顯示蘋果砍單通常是一系列的動作未來幾個月仍須持續提防同時iPhone供應鏈上半年營運將低於預期第三季變數居高不下風險無法輕忽。
受制於新冠肺炎侵擾野村上周開始觀察到蘋果對供應鏈砍單呼應了大立光在法說會上短線偏保守觀點。李佳伶不諱言蘋果本季砍單來得比預期稍早考量過往經驗蘋果砍單未來幾個月應會持續發生直到下單量與實際需求相符這次也不例外。
有鑑於此野村認為iPhone供應鏈受到蘋果砍單影響即便第二季彌補首季遭新冠肺炎疫情衝擊的損失上半年營收恐難達成財測預期。此外儘管市場對iPhone第三季訂單預期相當高但相比其他Android品牌智慧機砍單幅度下季iPhone出貨量實有很大不確定性假設新iPhone延遲一個月將使下半年新iPhone出貨量短少1500～2000萬支野村證券也已把2020年5G版iPhone整體出貨量由7000萬支降為6300萬支。
根據外資觀點來自蘋果營收占比較高（五成以上）的主要供應鏈包括：鴻海、和碩、可成、鎧勝-KY、玉晶光、TPK-KY、GIS-KY、臻鼎-KY、台郡、瑞儀等。法人說明iPhone第二季遭砍單對相關供應鏈應有程度不一衝擊若下半年新機發表時程不如預期影響可能更大這些個股中野村對TPK-KY、GIS-KY、瑞儀前景較為保守。
值得留意的是玉晶光約有九成營收來自蘋果長期也都是市場關注焦點摩根大通證券依舊對玉晶光市占提升題材富有信心、維持正向觀點但最新也指出鑒於肺炎疫情衝擊智慧機銷售需求比預期更為疲弱加上下半年新iPhone或將延遲面世罕見下修對玉晶光財務預期。
李佳伶提醒儘管蘋果iPhone部分訂單可能是推遲到第三季若將第二、三季訂單合併計算下修幅度不致那麼激烈然砍單狀況出現後通常會對供應鏈氣氛至少造成一～兩個月的負面效果現在應先避開iPhone產品占營收比重偏高的供應鏈廠商短期來講較專注於AirPod、iPad、高效能運算（HPC）的電子供應鏈是較佳選擇。</t>
  </si>
  <si>
    <t>iphone供應預期蘋果玉晶光野村觀點出貨量衝擊肺炎下半年訂單瑞儀</t>
  </si>
  <si>
    <t>蘋果肺炎iPhone野村蘋果</t>
  </si>
  <si>
    <t>蘋果肺炎iphone野村</t>
  </si>
  <si>
    <t>承諾全美復仇疫苗普選紐約州</t>
  </si>
  <si>
    <t>美國總統川普週五發表媒體稱他敗選後的首度公開談話他在白宮玫瑰花園先是大讚最近新冠疫苗研發獲得突破接著說除非紐約州長古莫（Andrew Cuomo）不擋路否則當地不會獲得疫苗。據CNBC新聞網和《紐約郵報》（Ne</t>
  </si>
  <si>
    <t>疫苗獲得發表媒體cnbc首度公開談話週五白宮玫瑰花園andrew先是大贊紐約州最近</t>
  </si>
  <si>
    <t>美國總統川普週五發表媒體稱他敗選後的首度公開談話他在白宮玫瑰花園先是大讚最近新冠疫苗研發獲得突破接著說除非紐約州長古莫（Andrew Cuomo）不擋路否則當地不會獲得疫苗。
據CNBC新聞網和《紐約郵報》（New York Post）13日報導川普承諾最快4月時政府將會在全美各地分發新冠疫苗。可是由於古莫不信任因此不會給紐約州。
「最快4月全美各地民眾都會得到疫苗除了像紐約州等地基於政治理由的地方外州長決定這麼說——而從政治上來說我認為不好從健康的觀點來看我認為很糟——但他想要在疫苗上慢慢來。」
古莫先前不斷貶低相關疫苗說在川普手下它已政治化並需要紐約州政府二度審核。就在美國輝瑞（Pfizer）大藥廠宣佈疫苗研發出現重大突破後古莫週一隨即發表評論說川普推出疫苗有「瑕疵」甚至說「我們不能讓這疫苗計畫按照川普和他政府設計的方式繼續下去」。而川普週五反唇相譏道「他不信任疫苗的來源這些來自全世界一流的公司、最棒的實驗室但他不信任是在這白宮在這政府治下的事實。」
不過古莫聞言隨即透過MSNBC回應道只要川普給紐約州疫苗他馬上就會分發。他強調政府一發疫苗紐約州就會著手分發絕不會有任何延誤並說川普說的話沒一句是真的。
然而古莫也坦承過去4年來他都直言不諱反對川普的許多政策並直指這次美國總統選舉川普在紐約州大輸而州檢察官也在調查這位白宮主人的逃稅案。古莫說川普對紐約州有意見喜歡把矛頭對準紐約那是他的問題也是他個人的信用問題。
另一方面紐約州檢察長詹樂霞（Letitia James）也發出聲明威脅如果政府一旦有了疫苗卻沒立刻給紐約州將為川普的政治報復行為控告這個「跛腳鴨」總統。</t>
  </si>
  <si>
    <t>疫苗川普紐約州政府白宮古莫政治信任分發紐約美國隨即發表研發總統獲得</t>
  </si>
  <si>
    <t>川普新冠肺炎疫苗紐約美國大選</t>
  </si>
  <si>
    <t>肺炎疫苗紐約美國川普大選</t>
  </si>
  <si>
    <t>懷特戰前熱門</t>
  </si>
  <si>
    <t>懷特（4108）搶搭新冠病毒列車正透過旗下「懷特精製黃耆多醣研究中心」開發抗病毒藥物的新適應症加上5月營收以1034萬交出月增9347％、年增4221％佳績11日激勵買盤搶進奔上漲停價2225元成交量也放大</t>
  </si>
  <si>
    <t>病毒懷特上漲盤搶進激勵加上適應症藥物精製中心列車研究開發透過</t>
  </si>
  <si>
    <t>懷特（4108）搶搭新冠病毒列車正透過旗下「懷特精製黃耆多醣研究中心」開發抗病毒藥物的新適應症加上5月營收以1034萬交出月增9347％、年增4221％佳績11日激勵買盤搶進奔上漲停價2225元成交量也放大至4545張順勢突破均線預期將可望挑戰前高2275元。
受惠大陸研究發現新冠肺炎患者經感染後體內負責免疫作用的T細胞以及表面的CD4+、CD8+等受體均受到肺部發炎影響而大幅降低。懷特認為旗下「癌因性疲憊症」藥物將有助於提升人體T細胞與其受體的數值目前正展開研究能開發出對抗新冠病毒的新適應症。</t>
  </si>
  <si>
    <t>研究懷特病毒藥物受體開發細胞盤搶進激勵上漲成交量放大適應症順勢突破均線</t>
  </si>
  <si>
    <t>新適應症受體T細胞病毒挑戰前高</t>
  </si>
  <si>
    <t>細胞病毒受體戰前適應症</t>
  </si>
  <si>
    <t>肺炎愚人節小時玩笑金在中</t>
  </si>
  <si>
    <t>新冠肺炎持續在全球蔓延今(1日)稍早34歲JYJ成員金在中在IG證實罹患新冠肺炎他PO出全黑圖片致歉說：「個人的行為對社會造成的影響有多大對因我而被感染的人感到抱歉」但稍後他又編輯文章稱是愚人節玩笑。</t>
  </si>
  <si>
    <t>肺炎文章編輯稍後抱歉感到感染影響造成社會行為個人致歉jyj成員金在中圖片ig</t>
  </si>
  <si>
    <t>저는 코로나19호 바이러스에 감염됐습니다 정부로부터 주변으로부터 주의 받은 모든 것들을 무시한 채 생활한 저의 부주의였습니다 개인의 행동이 사회 전체에 끼치는 영향이 얼아나큰지 저로 인해 또 감염됐을 분들에게 미안한 마음뿐입니다</t>
  </si>
  <si>
    <t>金在中發文肺炎開玩笑現在引來覺得樸有天金俊秀接受抱歉影響社會目前</t>
  </si>
  <si>
    <t>金在中韓國東方神起JYJ解約</t>
  </si>
  <si>
    <t>東方韓國jyj金在中解約</t>
  </si>
  <si>
    <t>前臺鬆綁隔離時間返台</t>
  </si>
  <si>
    <t>新冠疫情肆虐至今已2年各國疫苗覆蓋率逐漸上升疫情也逐步趨緩不少台灣民眾期盼何時可鬆綁邊境管制出國旅遊回來不用隔離14天對此台大前感染科醫師林氏璧推測台灣疫苗覆蓋率未達兩劑8成之前指揮中心應</t>
  </si>
  <si>
    <t>臺灣覆蓋率疫苗疫情兩劑至今回來不用隔離旅遊對此出國管制台大前邊境感染之前鬆綁醫師期盼民眾林氏逐漸</t>
  </si>
  <si>
    <t>新冠疫情肆虐至今已2年各國疫苗覆蓋率逐漸上升疫情也逐步趨緩不少台灣民眾期盼何時可鬆綁邊境管制出國旅遊回來不用隔離14天對此台大前感染科醫師林氏璧推測台灣疫苗覆蓋率未達兩劑8成之前指揮中心應不會貿然鬆綁邊境管制政策因此返台免隔離的規定最快應要等到明年第二季（4至6月）後才有可能。
林氏璧今天在臉書發文表示隨著各國Delta疫情趨緩疫苗覆蓋率逐漸提高美國、日本、新加坡、印尼、泰國和馬來西亞等國家都在計畫放寬邊境管理措施包括對於完整接種過2劑疫苗的旅客鬆綁限制希望可以在疫情與經濟之間取得平衡。
林氏璧指出這些邊境管制的細節各國都不太一樣每個國家認同的疫苗名單也不同。台灣因為守得很好所以將Delta擋在外面因此指揮中心在疫苗打到一定的覆蓋率之前應該不會鬆綁邊境管制措施估計至少國內要打到兩劑8成甚至更高才有可能。
林氏璧推測出國返台隔離14天的防疫政策應該要等到明年第二季以後才有可能鬆綁這個冬天只好繼續宅在家裡看日劇了。
林氏璧也說台灣距離開放國門還有一段時間在世界各國打開國門的時候我們可以好好觀察其實真的不用擔心打哪些疫苗不能去哪些國家這些政策各國都會滾動式調整還需要再多加觀察。</t>
  </si>
  <si>
    <t>疫苗鬆綁邊境臺灣覆蓋率疫情管制國家政策隔離可能可以不用delta打到措施之前應該指揮逐漸觀察推測兩劑</t>
  </si>
  <si>
    <t>邊境鬆綁林氏璧隔離14天疫苗覆蓋率</t>
  </si>
  <si>
    <t>林氏隔離鬆綁疫苗邊境覆蓋率</t>
  </si>
  <si>
    <t>龍山寺看護全面外籍消毒確診</t>
  </si>
  <si>
    <t>中央流行疫情指揮中心27日公佈確診的印尼籍外勞活動活動軌跡環保局今派員針對指定區域加強消毒包含臺北車站地下街和龍山寺附近周邊；另外臺北捷運公司也加強消毒頻率列車為8小時消毒一次公共區域包含加</t>
  </si>
  <si>
    <t>消毒加強區域包含中心公佈確診活動指揮派員印尼指定外勞附近龍山寺周邊公司地下街臺北捷運車站臺北軌跡疫情環保局小時頻率</t>
  </si>
  <si>
    <t>中央流行疫情指揮中心27日公佈確診的印尼籍外勞活動活動軌跡環保局今派員針對指定區域加強消毒包含臺北車站地下街和龍山寺附近周邊；另外臺北捷運公司也加強消毒頻率列車為8小時消毒一次公共區域包含加值機、按鈕等設備則為每4小時消毒一次。
新冠肺炎疫情擴大人心惶惶北市環保局對指定公共區域加強消毒今正逢228連假出入公共場所或逛街民眾增加環保局特別針對外籍看護曾到過的龍山寺周邊進行大消毒而晚上11點也將會對臺北市地下街進行封閉場域大消毒。臺北地下街合作社副理張慧芸指出地下街屬人潮較多公共場所因此每2到4小時都會以酒精加強擦拭消毒且每2星期在營業結束後也會封閉場域進行全面消毒。
萬華區清潔隊長林志芳指出平日就會針對景點公共區域特別消毒今天從龍山寺前方廣場廣州街開始消毒到西園街及捷運周邊都會全面消毒而日前也已完成國中、國小及公立幼稚園共227所消毒工作。
張慧芸指出整條臺北地下街長達1公里針對所有場域消毒需花費長達4小時的時間包括廁所、電梯等區域此外在重要出入口還裝設了共15台酒精機供民眾消毒使用；林志芳表示這次大消毒不只因確診案例曾到過周邊區域其實平時環保局就會定期大消毒落實防疫工作。</t>
  </si>
  <si>
    <t>消毒區域環保局小時周邊地下街加強龍山寺指出確診疫情臺北民眾公共場所進行特別酒精全面都會林志芳包含</t>
  </si>
  <si>
    <t>消毒區域地下街公共周邊</t>
  </si>
  <si>
    <t>周邊地下街區域消毒</t>
  </si>
  <si>
    <t>瓊又重恐怖</t>
  </si>
  <si>
    <t>新冠肺炎疫情持續升溫美國總統川普甚至預測全美最多將有24萬人被奪走性命。此一言論再度點燃市場恐慌情緒摜壓剛創下史上第二大季線跌幅的全球股市美股在4月第一個交易日全面重挫三大指數跌幅都超過4%。道瓊</t>
  </si>
  <si>
    <t>跌幅持續升溫美國總統川普甚至指數預測全美三大疫情性命言論再度全面點燃市場恐慌情緒交易日</t>
  </si>
  <si>
    <t>新冠肺炎疫情持續升溫美國總統川普甚至預測全美最多將有24萬人被奪走性命。此一言論再度點燃市場恐慌情緒摜壓剛創下史上第二大季線跌幅的全球股市美股在4月第一個交易日全面重挫三大指數跌幅都超過4%。
道瓊工業指數今天收盤重挫97365點跌幅444%收在2094351點。
標準普爾指數收盤重挫11409點跌幅441%收在24705點。
科技股那斯達克指數收盤重挫33952點跌幅441%收在736058點。
新冠疫情持續在美持續延燒根據約翰霍普金斯大學計算美國目前共有20萬3608例確診全球第一至少4361人不治。原本樂觀的川普如今也一改之前樂觀態度坦言未來2周會非常痛苦慘如地獄死亡人數可能在10萬至24萬人之間「大家要有心理準備」。受此言論影響市場恐慌情緒再起美股三大指數全倒。</t>
  </si>
  <si>
    <t>跌幅指數川普美國樂觀言論持續情緒三大市場恐慌收在收盤疫情非常痛苦周會未來坦言態度之前地獄</t>
  </si>
  <si>
    <t>新冠病毒新冠肺炎武漢肺炎全球美股</t>
  </si>
  <si>
    <t>肺炎武漢全球病毒</t>
  </si>
  <si>
    <t>死亡肺炎當局釋放伊朗囚犯</t>
  </si>
  <si>
    <t>伊朗今天通報過去24小時新增43起新冠肺炎死亡病例死亡總數達到237人；確診數新增595例全國累積7161例確診。另外有鑑於疫情持續擴散伊朗已釋放約7萬名囚犯。路透社報導根據伊朗司法部門的米桑（Mizan）新聞</t>
  </si>
  <si>
    <t>伊朗新增確診死亡報導路透社小時釋放擴散有鑒於疫情持續司法部門囚犯過去病例肺炎總數達到米桑通報全國累積</t>
  </si>
  <si>
    <t>伊朗今天通報過去24小時新增43起新冠肺炎死亡病例死亡總數達到237人；確診數新增595例全國累積7161例確診。另外有鑑於疫情持續擴散伊朗已釋放約7萬名囚犯。
路透社報導根據伊朗司法部門的米桑（Mizan）新聞網站司法部長萊希（Ebrahim Raisi）今天表示由於伊朗新冠肺炎疫情延燒當局已釋放約7萬名囚犯。
萊希說將在不影響社會安全的前提下「繼續釋放囚犯」。但他沒有表明被釋放的囚犯何時或是否需要回到監獄。
伊朗為全球目前新冠肺炎死亡病例數第3多的國家僅次於疫情起源地中國以及疫情最嚴重的歐洲國家義大利。
法新社報導伊朗衛生部發言人賈漢普爾（Kianoush Jahanpour）在記者會上說：「我們的同事證實伊朗境內新增595起病例使得伊朗截至9日午間累積達7161例確診。」
賈漢普爾表示伊朗2019年冠狀病毒疾病（COVID-19新冠肺炎）確診數增速逐漸下降但現在判斷疫情何時會得到控制「還為時過早」。
「又有43人不幸死於冠狀病毒疾病所以伊朗目前有237起死亡病例。」
伊朗官方指出首都德黑蘭所在地德黑蘭省有1945起病例仍是境內確診數最多的省份。確診數第2多的是位於德黑蘭南方的科姆省（Qom）有712例確診。</t>
  </si>
  <si>
    <t>伊朗確診疫情病例釋放囚犯肺炎新增萊希死亡德黑蘭報導國家表示普爾賈漢目前病毒疾病今天</t>
  </si>
  <si>
    <t>伊朗死亡囚犯疫情武漢肺炎</t>
  </si>
  <si>
    <t>疫情囚犯死亡武漢肺炎伊朗</t>
  </si>
  <si>
    <t>疫苗開放接種</t>
  </si>
  <si>
    <t>中央此波撥配莫德納疫苗南投縣將獲配撥2萬3800劑。南投縣疫情指揮中心今天表示將於7月3日至10日開放「74歲至85歲長者、原住民64歲至75歲者」接種接種地點為8家醫院、5大接種站、13鄉鎮市衛生所及3處衛星接種站</t>
  </si>
  <si>
    <t>接種鄉鎮莫德納中心疫苗疫情指揮開放表示今天衛生所衛星地點醫院原住民長者</t>
  </si>
  <si>
    <t>中央此波撥配莫德納疫苗南投縣將獲配撥2萬3800劑。南投縣疫情指揮中心今天表示將於7月3日至10日開放「74歲至85歲長者、原住民64歲至75歲者」接種接種地點為8家醫院、5大接種站、13鄉鎮市衛生所及3處衛星接種站場次、地點及時間將在29日公佈。
南投縣疫情指揮中心指出此次第四批疫苗配撥將採兩次配送7月1日配送分配量為1萬4000劑；7月8日配送9800劑。此次施打採造冊由各鄉鎮市戶政事務所造冊列印接種通知單各公所通知村裡鄰長即時發放符合接種民眾須攜帶健保卡、身分證及接種通知單依通知時間到指定地點接種。
接種地點在8家醫院、5大接種站、13鄉鎮市衛生所及3處衛星接種站至於接種場次、地點及時間預計在6月29日公佈。原86歲以上長者及原住民76歲以上者若前次接獲通知單未前往接種尚有意願接種者請於7月9日前向所轄裡鄰長登記將再列入下批次依序通知。
南投縣疫情指揮中心表示南投縣疫苗累積獲配送疫苗為4萬600劑接種人數3萬5795人完成率882％占全縣18歲以上人口比例85％。昨天第6類（75歲以上長者）接種38人累計接種數1萬3766人；但並無孕期婦女接種孕婦累計接種數41人。
因竹山鎮近期出現確診個案南投縣衛生局於6月25日、26日續辦2場次「竹山鎮新冠肺炎社區篩檢站」快篩總計篩檢522人快篩陽性1人再經核酸(PCR)檢測後結果陽性1人。</t>
  </si>
  <si>
    <t>接種通知單通知疫苗以上地點配送鄰長竹山鎮長者公佈造冊時間中心陽性疫情</t>
  </si>
  <si>
    <t>新冠肺炎台灣接種南投縣疫情指揮中心</t>
  </si>
  <si>
    <t>接種臺灣肺炎疫情指揮中心</t>
  </si>
  <si>
    <t>重症利大於弊行前疫苗注意長者</t>
  </si>
  <si>
    <t>新冠肺炎疫苗擴大開放給高齡長者優先施打近日卻傳出多起老人接種後猝死案件儘管科學證據顯示「利大於弊」仍引起不少國人擔憂。對此重症醫療醫師黃軒表示為了預防意外發生長者若要出門接種疫苗應謹守「</t>
  </si>
  <si>
    <t>長者接種疫苗擴大開放高齡出門擔憂國人對此引起重症優先醫療利大於弊施打醫師顯示黃軒證據預防近日表示科學案件傳出發生猝死意外</t>
  </si>
  <si>
    <t>疫苗老人接種不宜出門表示長者利大於弊科學對此黃軒不要人和爬上爬下地利死因天時醫學需要專家當然有關</t>
  </si>
  <si>
    <t>台灣新冠肺炎利大於弊疫苗接種</t>
  </si>
  <si>
    <t>肺炎利大於弊疫苗接種臺灣</t>
  </si>
  <si>
    <t>許淑華曝光可見蘇貞昌網路結論荒謬</t>
  </si>
  <si>
    <t>國內疫情持續延燒但已呈現趨緩行政院研擬推出5倍券來振興經濟不過據網媒昨所做的網路民調顯示83％網友認為發放現金對振興經濟較有幫助若能領取現金46％的網友將會在最短時間1個月內消費完畢。對此藍</t>
  </si>
  <si>
    <t>振興經濟網友現金呈現時間行政院消費推出網路</t>
  </si>
  <si>
    <t>國內疫情持續延燒但已呈現趨緩行政院研擬推出5倍券來振興經濟不過據網媒昨所做的網路民調顯示83％網友認為發放現金對振興經濟較有幫助若能領取現金46％的網友將會在最短時間1個月內消費完畢。對此藍委許淑華認為可見行政院長蘇貞昌擔心的「存起來」不僅多餘更是無視現況作出的荒謬結論。
許淑華今（12日）在臉書發文表示上週許多家庭過了個無助的父親節看不到盡頭的疫情讓市井小民必須咬著牙撐下去振興效益成為政府政治算計的公式面對堅持己見的蘇院長大家只想問一句既然振興券等於現金何不直接發現金？
對於發放5倍振興券許淑華指出不少民進黨的民意代表也持反對意見《Yahoo新聞》的網路民調顯示現金發放有46％網友表示會在最短時間1個月內消費完畢更有83％網友認為發放現金對振興經濟較有幫助可見蘇貞昌擔心的「存起來」不僅多餘更是無視現況作出的荒謬結論。
另外許淑華稱據媒體報導行政院打算請唐鳳政委設計振興券專用的APP來挽救人氣但額外增加的行政成本又要誰來買單？許淑華直言政府應普發現金不用多餘的行政流程及開發成本聽取民意才是負責任的「大有為政府」。</t>
  </si>
  <si>
    <t>振興許淑華現金政府行政院行政發放網友認為表示疫情經濟網路可見結論完畢幫助荒謬蘇貞昌消費顯示</t>
  </si>
  <si>
    <t>許淑華網友網路民調蘇貞昌5倍券</t>
  </si>
  <si>
    <t>網路蘇貞昌網友許淑華</t>
  </si>
  <si>
    <t>嚇死人拜登演說染病</t>
  </si>
  <si>
    <t>拜登14日在選舉人團確認勝選後的首場演說中頻頻咳嗽、清喉嚨讓民眾驚嚇他是否得了新冠肺炎他當天稍後證實正在和感冒搏鬥不過強調只是輕微感冒。14日全美各州選舉人團投票確認拜登勝選、入主白宮在正式確認勝</t>
  </si>
  <si>
    <t>確認感冒選舉人拜登是否驚嚇肺炎民眾喉嚨稍後證實當天正在咳嗽頻頻演說首場全美投票搏鬥</t>
  </si>
  <si>
    <t>拜登14日在選舉人團確認勝選後的首場演說中頻頻咳嗽、清喉嚨讓民眾驚嚇他是否得了新冠肺炎他當天稍後證實正在和感冒搏鬥不過強調只是輕微感冒。
14日全美各州選舉人團投票確認拜登勝選、入主白宮在正式確認勝選後的首場演說中拜登卻幾度講到聲音沙啞頻頻清喉嚨、咳嗽讓美國民眾「嚇壞了」擔心他是否得了新冠肺炎。
據福斯新聞（Fox News）報導在演說後和支持者的視訊中拜登認了「正在和感冒搏鬥」不過強調只是「輕微」感冒。
「感謝你我有一點感冒我很抱歉。」拜登說但他隨即話鋒一轉感謝民眾支持「但你看看你們做到了不是開玩笑的這次選戰就像當年我以29歲之姿參選參議員我相信一般老百姓能合力達成你們沒讓我們失望你們沒讓這個國家失望。」
另據美國版《太陽報》（The US Sun）報導拜登週一在演說中頻頻清喉嚨引發網友擔憂他的健康下滑有網友拜託他「喝點水吧喬你嚇壞我們了。」也有人建議他做一下新冠病毒檢測。
不過也有網友點出拜登是舊疾復發指出他本來就有胃食道逆流因此導致他「必須經常清喉嚨」。
福斯新聞指出近幾個禮拜以來拜登與副手賀錦麗（Kamala Harris）經常進行新冠病毒檢測拜登最近一次檢測是在11日檢測結果為陰性。</t>
  </si>
  <si>
    <t>拜登喉嚨演說感冒網友民眾支持經常頻頻報導感謝指出嚇壞福斯新聞病毒檢測確認肺炎</t>
  </si>
  <si>
    <t>拜登感冒演說咳嗽新冠肺炎</t>
  </si>
  <si>
    <t>演說咳嗽感冒肺炎拜登</t>
  </si>
  <si>
    <t>要來明天莫德納</t>
  </si>
  <si>
    <t>近日台灣有不少疫苗到貨獨缺莫德納疫苗讓很多7月已接種莫德納第一劑的民眾十分焦慮擔心第二劑遲遲打不到恐影響保護力據瞭解我自購的108萬劑莫德納疫苗將於明天（17日）到貨紓解國內的莫德納荒。此外明</t>
  </si>
  <si>
    <t>莫德納疫苗到貨遲遲民眾十分影響焦慮擔心保護明天瞭解國內接種臺灣</t>
  </si>
  <si>
    <t>近日台灣有不少疫苗到貨獨缺莫德納疫苗讓很多7月已接種莫德納第一劑的民眾十分焦慮擔心第二劑遲遲打不到恐影響保護力據瞭解我自購的108萬劑莫德納疫苗將於明天（17日）到貨紓解國內的莫德納荒。此外明天也會有自購的64萬劑AZ疫苗抵台。
我政府自購的505萬劑莫德納疫苗目前僅到貨150萬劑到貨率僅297%若再加上明天抵台的108萬劑到貨量終於衝破5成大關；另先前美國有捐贈我250萬劑莫德納疫苗救急8月29日還有捷克捐贈我3萬劑莫德納。
目前國內有300多萬人打完第一劑莫德納卻苦等不到第二劑的狀況引發民眾反彈昨天傳出臺大要做莫德納混打高端的臨床實驗更讓廣大莫粉氣炸中央流行疫情指揮中心指揮官陳時中昨在記者會上強調只要打過第一劑莫德納者都能打得到第二劑目前疫苗政策就是這樣安排盼民眾不用太過擔心。</t>
  </si>
  <si>
    <t>莫德納疫苗到貨民眾目前明天國內捐贈擔心指揮中心疫情指揮官陳時中流行中央氣炸莫粉記者會強調</t>
  </si>
  <si>
    <t>莫德納疫苗AZ到貨台灣</t>
  </si>
  <si>
    <t>臺灣az到貨莫德納疫苗</t>
  </si>
  <si>
    <t>法會改辦實體肺炎祈福</t>
  </si>
  <si>
    <t>新冠肺炎疫情嚴峻全球確診數超過72萬奪走3萬條以上人命美國確診已破14萬例「旺好運平臺」董事長許良源邀請「寰宇媽祖文化國際交流協會」理事長蔡詠鍀用「宅法會」模式辦理「百廟眾聖護蒼生為全球疫情祈</t>
  </si>
  <si>
    <t>確診全球疫情嚴峻辦理模式法會理事長協會國際交流文化媽祖寰宇超過邀請許良源董事長平臺好運人命</t>
  </si>
  <si>
    <t>新冠肺炎疫情嚴峻全球確診數超過72萬奪走3萬條以上人命美國確診已破14萬例「旺好運平臺」董事長許良源邀請「寰宇媽祖文化國際交流協會」理事長蔡詠鍀用「宅法會」模式辦理「百廟眾聖護蒼生為全球疫情祈福法會」希望祈福燈能照亮7天法會為世界疫情帶來光明希望。
本次法會共有206間宮廟參與超過7000人報名的「百廟眾聖護蒼生 為全球疫情祈福法會」主辦單位為配合政府集會指引以「科技宅法會」取代傳統拜拜避免群聚感染風險透過粉絲團、海內外直播平臺實況轉播法會科儀集結900萬名信眾於線上集體祝禱內政部部長徐國勇也透過錄影致詞並由前立法院長王金平獻上祈福燈。
法會已從今天開始舉行法會至4月5日為止今天就有近4萬粉絲透過直播平臺見證「科技宅法會」。</t>
  </si>
  <si>
    <t>法會透過平臺疫情祈福超過全球確診粉絲希望直播科技今天媽祖文化國際交流協會寰宇邀請嚴峻許良源理事長徐國勇</t>
  </si>
  <si>
    <t>法會疫情平臺全球直播</t>
  </si>
  <si>
    <t>疫情平臺直播法會全球</t>
  </si>
  <si>
    <t>仁愛醫院az台中翻版劑量主公遭殃</t>
  </si>
  <si>
    <t>台中屯區一家醫院也出現新冠疫苗接種劑量錯誤只是這回是AZ疫苗原本應打05CC卻只打01CC目前院方除召回受影響的40多人再補注射也成立專案小組進行關懷台中市衛生局也對該醫院接種公費疫苗進行停權處分。新北</t>
  </si>
  <si>
    <t>疫苗進行接種醫院cc台中影響召回院方目前注射成立應打專案小組原本回是az公費出現錯誤劑量衛生局</t>
  </si>
  <si>
    <t>台中屯區一家醫院也出現新冠疫苗接種劑量錯誤只是這回是AZ疫苗原本應打05CC卻只打01CC目前院方除召回受影響的40多人再補注射也成立專案小組進行關懷台中市衛生局也對該醫院接種公費疫苗進行停權處分。
新北市恩主公醫院將未稀釋的輝瑞／BNT疫苗注射於25名民眾身上台中9月29日也發生類似劑量錯誤的嚴重疏失；大裡仁愛醫院9月29日為40多名民眾接種AZ疫苗原本應接種05CC卻只接種01CC事後點算發現接種人次與剩餘劑量不符才發現是施打劑量不足。
院方也立即成立專案小組並於10月1日召回這40多名接種劑量不足者到院補接種不少接到通知的民眾抱怨「蛤又要多挨一針」有民眾憤而向媒體及相關單位投訴。
衛生局表示接獲民眾反映後衛生局已於10月2日派員前往釐清案發緣由依院方說明疑因交班人員訊息內容錯誤且未三讀五對所致造成約40位洗腎患者接種劑量不足發現異常後即依疾病管制署規定通知患者補接種除4位民眾因個人因素外其餘均已完成補打目前尚未有身體不良反應院方表示會成立專案小組持續追蹤患者施打後的狀況已徹底檢討改進杜絕類似情形發生。
而衛生局在稽查相關人員及瞭解作業流程後已對該院針對疫苗接種流程給予改善建議並要求院方提供檢討改善措施且加強院內人員訓練維護疫苗接種民眾權益。
因該院接種作業流程疏失影響民眾健康權益衛生局也已處以疫苗接種停權處分並責成該院提報異常事件檢討報告如經調查釐清有涉及違反傳染病防治法、醫療法或其他相關規定將依法辦理。</t>
  </si>
  <si>
    <t>接種民眾疫苗院方劑量衛生局醫院檢討人員相關患者錯誤成立專案小組台中流程表示cc施打召回注射</t>
  </si>
  <si>
    <t>AZ恩主公大裡仁愛醫院台中疫苗</t>
  </si>
  <si>
    <t>仁愛主公醫院台中az疫苗</t>
  </si>
  <si>
    <t>上市鹿茸酒期間金門</t>
  </si>
  <si>
    <t>金門戰地軍管36年意外保留純種台灣梅花鹿族群金酒公司採取土產鹿茸搭配精選高粱酒調和出20版的頂級「金門鹿茸酒」首批7萬瓶問世就吸引消費者注意進入詢問度超高的新品排行榜。金酒公司指出根據學術單</t>
  </si>
  <si>
    <t>金酒公司金門保留純種臺灣排行榜梅花鹿新品注意消費者吸引族群進入問世鹿茸酒高粱詢問精選調和搭配採取土產鹿茸意外</t>
  </si>
  <si>
    <t>金門戰地軍管36年意外保留純種台灣梅花鹿族群金酒公司採取土產鹿茸搭配精選高粱酒調和出20版的頂級「金門鹿茸酒」首批7萬瓶問世就吸引消費者注意進入詢問度超高的新品排行榜。
金酒公司指出根據學術單位研究證實台灣原生種梅花鹿自1969年就已絕跡只在金門外島還保有純種的台灣梅花鹿原因除金門無汙染環境條件外主因還在地屬四面皆海的離島加上長達36年的戰地政務軍管大幅降低與外界鹿隻雜交的機會。
金門本地飼養的梅花鹿長期食用金酒每天免費提供的酒糟帶來降低飼養成本經濟效益更因酒糟含有豐富的有機物質和營養成分進而加乘提升鹿隻品質產出金門頂級鹿茸。
金門酒廠過去即曾生產05公升裝酒精40度的金門鹿茸酒在2017世界食品品質評鑑大賞中大放異彩榮獲《金獎》的肯定。此次金門酒廠再次與金門養鹿協會合作研發推出03公升裝30度的新品金門鹿茸酒維持高品質的鹿茸來源和男女皆適飲的健康內涵。
金酒說明由金門酒廠酒體中心專業品酒師進行感官鑒定與把關精心挑選珍貴鹿茸及酒體調配完美的4比1差度比例的金門鹿茸酒呈現迷人的琥珀色口感溫和柔順入口後味蕾釋放出濃郁富含紮實、層次感的鹿茸香氣展現中華傳統漢方的優質特色。
由於鹿茸在藥補中是相當高貴的藥材和營養補給品有滋補強身、增強體力的功效目前適逢新冠肺炎疫情席捲全球金酒也希望這款新酒為消費大眾增強免疫力適量飲用帶來健康平安。
首批7萬瓶上市未稅單價新台幣350元將於金門地區、金酒公司門市及養鹿產銷班販售。</t>
  </si>
  <si>
    <t>金門鹿茸金酒鹿茸酒梅花鹿公司臺灣品質酒廠增強健康帶來降低新品飼養酒糟軍管</t>
  </si>
  <si>
    <t>新冠肺炎武漢肺炎疫情金門戰地</t>
  </si>
  <si>
    <t>肺炎武漢疫情金門戰地</t>
  </si>
  <si>
    <t>用餐麥當勞槍擊員工防疫受傷</t>
  </si>
  <si>
    <t>美奧克拉荷馬州一間麥當勞餐廳因防範新冠疫情實施限制措施不開放餐廳現場用餐卻遭2名不滿此一措施的女子連開數槍造成2名餐廳員工受傷。2名女子開槍後並未遠離在餐廳附近被警方逮捕。據美國《有線電視新聞網</t>
  </si>
  <si>
    <t>餐廳措施女子麥當勞餐廳防範警方附近疫情實施遠離限制並未逮捕開放受傷員工用餐現場不滿數槍連開開槍</t>
  </si>
  <si>
    <t>美奧克拉荷馬州一間麥當勞餐廳因防範新冠疫情實施限制措施不開放餐廳現場用餐卻遭2名不滿此一措施的女子連開數槍造成2名餐廳員工受傷。2名女子開槍後並未遠離在餐廳附近被警方逮捕。
據美國《有線電視新聞網》(CNN)）報導奧克拉荷馬州受疫情衝擊規定餐廳只提供外賣不設廳內用餐。該州奧克拉荷馬市一家麥當勞依循防疫規定要求2名坐在用餐檯上的女性顧客離開時卻引發該2顧客情緒失控其中一人甚至掏出手槍射擊致店內2名職員肩膀與腿部受到槍傷店內還有第3名員工在混亂中割傷及頭部所幸皆無生命危險。
當地警方表示職員上前要求坐在餐枱前的兩名疑犯離開時疑犯變得激動其中一人取出手槍向職員開槍分別擊中兩名職員的腳及肩膀傷勢都不會危及性命另有一名職員在混亂中頭部受輕傷。兩名疑犯開槍後逃逸在附近遭到逮捕。
報導指出近期美國此類因應防疫措施而發生衝突事件頻傳密西根州一家大型超商日前也發生保全拒絕未戴口罩的顧客入場竟遭到對方家屬開槍擊斃的事件。另一家商場則有男子被員工要求戴上口罩時竟把鼻涕擦在該員工衣服上。</t>
  </si>
  <si>
    <t>職員餐廳員工開槍措施一家要求用餐奧克拉荷馬顧客疑犯疫情警方防疫規定口罩肩膀手槍事件報導遭到坐在</t>
  </si>
  <si>
    <t>預言神童印度回歸快來正常好日子生活</t>
  </si>
  <si>
    <t>新冠疫情肆虐全球已多次精準預測國際大事的印度神童阿南德近期透露「好日子」即將到來他預測11月21日之後全球將脫離最壞的情況12月起經濟開始復甦各地情況也將逐漸好轉可望回歸正常生活。阿南德在近期</t>
  </si>
  <si>
    <t>全球預測阿南德情況近期精准好轉可望逐漸最壞回歸脫離國際大事印度神童之後到來透露好日子即將肆虐經濟復蘇開始</t>
  </si>
  <si>
    <t>新冠疫情肆虐全球已多次精準預測國際大事的印度神童阿南德近期透露「好日子」即將到來他預測11月21日之後全球將脫離最壞的情況12月起經濟開始復甦各地情況也將逐漸好轉可望回歸正常生活。
阿南德在近期發布的YouTube影片中指出今年9月至11月全世界將經歷最壞的時刻新一波疫情可能達到高峰不過11月21日後木星離開魔羯座前往水瓶座將逐漸回歸正常生活12月起經濟開始有復甦的趨勢。不過他也透露明年4月22日由於火星與土星相合有可能再度面臨危難激起一波動盪世界可能會發生巨變經濟要恢復穩定可能要等到2023年4月23日以後了。
阿南德2019年8月因精準預測新冠疫情而聲名大噪後來也陸續命中國際間的重要大事包括6月時曾預言印度、美國、日本及多數歐洲國家6月20日後將發生嚴重大事結果來自印度的Delta病毒肆虐國際間相繼發生英國延後解封、以色列加強防疫措施美國除了變種疫情之外又發生邁阿密大樓倒塌日本靜岡也爆發嚴重土石流。
接著阿南德又預言7月會更動盪不安甚至疫情恐將反撲果然法國與荷蘭政府相繼承認防疫出現漏洞因此擴大防疫措施阿南德還說7月21日後狀況會每況愈下果然7月後歐洲又面臨新一波疫情更慘的是阿富汗還傳出政變。
阿南德預料9月至11月將會是全世界最動盪不安的時期經濟及股市將在12月後逐漸回歸穩定但之後又會再經波瀾直到2023年4月以後才會好轉。</t>
  </si>
  <si>
    <t>阿南德疫情可能經濟發生日後大事印度國際預測防疫逐漸回歸相繼面臨嚴重美國透露日本果然預言措施</t>
  </si>
  <si>
    <t>印度神童阿南德好日子回歸正常生活經濟復甦</t>
  </si>
  <si>
    <t>回歸正常好日子生活阿南德神童經濟印度復蘇</t>
  </si>
  <si>
    <t>全關高雄舞廳酒店下令說話中央</t>
  </si>
  <si>
    <t>中央流行疫情指揮中心今（9）日所應下令為維護民眾健康即日起全國酒店及舞廳全面停業。曾經爆發確診新冠肺炎的台商到店找舞小姐的金芭黎舞廳業者今回應決定全面配合並遵照中央指示直到中央宣告可復業為</t>
  </si>
  <si>
    <t>全面舞廳中央中心所應民眾下令台商肺炎維護遵照健康配合確診小姐即日起爆發全國曾經酒店</t>
  </si>
  <si>
    <t>中央流行疫情指揮中心今（9）日所應下令為維護民眾健康即日起全國酒店及舞廳全面停業。曾經爆發確診新冠肺炎的台商到店找舞小姐的金芭黎舞廳業者今回應決定全面配合並遵照中央指示直到中央宣告可復業為止。
金芭黎舞廳總務阿德受訪時表示即日起老闆旗下所有的娛樂事業決定全面配合中央指示關閉一直到政府有關單位宣佈可以開業才會再復業一切等待中央命令至於今天已經報到上班的同仁等下也會告知解散。</t>
  </si>
  <si>
    <t>中央舞廳全面即日起複業決定配合指示同仁上班報到今天已經中心至於所應命令民眾下令可以維護等待</t>
  </si>
  <si>
    <t>中央舞廳酒店新冠新冠肺炎</t>
  </si>
  <si>
    <t>中央舞廳酒店肺炎</t>
  </si>
  <si>
    <t>送暖照顧透過獨居老人星展</t>
  </si>
  <si>
    <t>受新冠肺炎疫情影響獨居老人生活更形艱困星展銀行捐贈台灣2250萬元採購每袋價值500元的「星展暖心食袋」南投縣獨居老人也將受惠；南投縣長林明溱5日與政務委員唐鳳、台南市長黃偉哲等人透過視訊交流表達謝</t>
  </si>
  <si>
    <t>獨居老人透過黃偉哲市長疫情台南影響政務委員星展銀行捐贈臺灣生活採購價值林明溱縣長</t>
  </si>
  <si>
    <t>受新冠肺炎疫情影響獨居老人生活更形艱困星展銀行捐贈台灣2250萬元採購每袋價值500元的「星展暖心食袋」南投縣獨居老人也將受惠；南投縣長林明溱5日與政務委員唐鳳、台南市長黃偉哲等人透過視訊交流表達謝意。
林明溱指出南投縣人口老化程度居全台第3僅次於嘉義、雲林縣全縣列冊需關懷的獨居長者達2756人此次南投縣食物銀行獲贈的星展暖心食袋將優先分贈給這些獨居老人讓他們得到生活關懷與實質補給。
視訊會議由星展銀行台灣區總經理林鑫川主持並邀請供應暖心食袋的良品小農代表包括「友善大地」有機米、「社會網路」日曬關廟麵、「台灣好漁」魚鬆、「直接跟農夫買」焦鹽玉米棒及「茶籽堂」洗手乳等業者代表參與。
唐鳳、台灣食物銀行聯合會理事長方荷生都肯定星展銀行善用網路視訊提高防疫期的作業效率及分享精神；黃偉哲也肯定星展銀行採購小農產品關懷獨居老人同時也嘉惠受疫情衝擊的小農。</t>
  </si>
  <si>
    <t>獨居星展銀行臺灣老人關懷代表網路黃偉哲肯定採購食物銀行生活林明溱小農疫情</t>
  </si>
  <si>
    <t>獨居星展獨居老人老人銀行</t>
  </si>
  <si>
    <t>老人獨居星展銀行</t>
  </si>
  <si>
    <t>新北桃竹苗森林林務局升溫育樂疫情暫停本土開放</t>
  </si>
  <si>
    <t>配合中央流行疫情指揮中心110年5月15日宣佈臺北市與新北市提升新冠肺炎防疫警戒至第3級林務局新竹林區管理處前已於5月15日起至28日止暫停開放新北市及桃園市的森林育樂場域及自然步道因應新竹縣、苗栗縣也已提升</t>
  </si>
  <si>
    <t>新竹新北提升指揮中心因應步道宣佈自然管理處臺北市林區林務局警戒防疫疫情肺炎苗栗縣起至育樂已於桃園森林</t>
  </si>
  <si>
    <t>配合中央流行疫情指揮中心110年5月15日宣佈臺北市與新北市提升新冠肺炎防疫警戒至第3級林務局新竹林區管理處前已於5月15日起至28日止暫停開放新北市及桃園市的森林育樂場域及自然步道因應新竹縣、苗栗縣也已提升至準3級警戒因此一併擴大暫停開放。
林務局表示本次暫停開放場域有內洞、滿月圓、東眼山(含自然教育中心)、拉拉山、觀霧(含觀霧山莊)等5處國家森林遊樂區、烏來台車(含林業生活館)、內灣林業展示館、火炎山生態教育館及出入口位屬新北市、桃園市之自然步道；另插天山及火炎山自然保留區原已核准至5月28日區間之許可證一併廢止。</t>
  </si>
  <si>
    <t>自然新北中心新竹提升警戒開放暫停森林林務局步道一併桃園林業指揮國家遊樂區烏來</t>
  </si>
  <si>
    <t>新北市林務局新冠肺炎拉拉山台灣</t>
  </si>
  <si>
    <t>林務局肺炎拉拉山新北臺灣</t>
  </si>
  <si>
    <t>宿舍鳳科大安裝智慧滴水不漏防疫電梯</t>
  </si>
  <si>
    <t>2020年新冠肺炎疫情席捲全球該如何有效防疫成為各個單位的重要課題根據各國的社區防疫指引都提醒「電梯」是感染新型冠狀病毒風險最高的處所之一吳鳳科大在學生宿舍安裝智慧聲控電梯讓學生透過聲控或手勢「</t>
  </si>
  <si>
    <t>電梯防疫席捲全球有效成為智慧安裝社區科大學生宿舍吳鳳處所指引最高風險疫情病毒冠狀提醒感染各個單位重要課題肺炎學生</t>
  </si>
  <si>
    <t>2020年新冠肺炎疫情席捲全球該如何有效防疫成為各個單位的重要課題根據各國的社區防疫指引都提醒「電梯」是感染新型冠狀病毒風險最高的處所之一吳鳳科大在學生宿舍安裝智慧聲控電梯讓學生透過聲控或手勢「零接觸」防疫滴水不漏。
吳鳳科大校方指出防疫期間病毒殘留電梯按鈕容易成為接觸傳染源將智慧聲控系統應用於電梯減少接觸機會有助防疫。實際使用過的學生表示只要清楚說出樓層按鈕會馬上亮燈無需動手按電梯。
總務處則表示吳鳳是雲嘉地區唯一首推建置「智慧聲控電梯」的學校更在開學前針對學校宿舍大廳電梯加裝手勢型感應叫車與車箱內聲控控制樓層功能有效避免學生因接觸按鈕而產生的風險。</t>
  </si>
  <si>
    <t>電梯防疫接觸智慧按鈕學生有效成為手勢吳鳳表示樓層病毒風險學校席捲全球感應宿舍疫情大廳社區車箱</t>
  </si>
  <si>
    <t>電梯防疫新冠肺炎吳鳳科大</t>
  </si>
  <si>
    <t>肺炎吳鳳防疫科大電梯</t>
  </si>
  <si>
    <t>不良反應長者住院az台中</t>
  </si>
  <si>
    <t>台中市12日獲中央配發7萬3500劑疫苗開打3天驚傳4例在注射新冠肺炎後過世有3名逾80歲長者另1名為60歲腎臟癌末患者；施打站雖打氣不減卻現長者「緩打潮」市府統計較開打2天均日打7千多人今日僅5307人</t>
  </si>
  <si>
    <t>長者中央配發疫苗肺炎施打注射過世腎臟患者打氣不減</t>
  </si>
  <si>
    <t>台中市12日獲中央配發7萬3500劑疫苗開打3天驚傳4例在注射新冠肺炎後過世有3名逾80歲長者另1名為60歲腎臟癌末患者；施打站雖打氣不減卻現長者「緩打潮」市府統計較開打2天均日打7千多人今日僅5307人接種施打率驟降24％。
台中市衛生局長曾梓展表示統計全市因接種新冠疫苗出現不良反應通報共83案施打疫苗後有3人死亡並已通報中央以釐清死亡與疫苗的相關性；另1人為腎臟癌末及糖尿病患者醫師判定死因為重症引發急性呼吸衰竭與施打疫苗無關其他3案則住院。
曾梓展指出3例死亡個案後續將由衛生局協助家屬提出預防接種受害救濟申請收集相關病歷資料提送中央審議若確定因預防接種致死最高將給付600萬元救濟金；民眾接種疫苗後若出現不良反應請立即就醫可申請藥害救濟。</t>
  </si>
  <si>
    <t>疫苗施打中央接種預防接種死亡長者統計申請不良反應患者出現救濟腎臟</t>
  </si>
  <si>
    <t>新冠肺炎台灣不良反應長者緩打</t>
  </si>
  <si>
    <t>臺灣不良反應肺炎長者</t>
  </si>
  <si>
    <t>新冠肺炎疫情蔓延全球高雄市立小港醫院與神光晶片公司20日合作簽約首次公開發表針對新冠肺炎的定量快篩儀器「The ONE」從檢體採樣到快篩結果僅10至15分目前正與醫院合作臨床測試階段未來將可望申請專案量</t>
  </si>
  <si>
    <t>合作醫院肺炎未來測試階段臨床可望小港神光高雄公司全球簽約蔓延公開目前發表採樣one</t>
  </si>
  <si>
    <t>新冠肺炎疫情蔓延全球高雄市立小港醫院與神光晶片公司20日合作簽約首次公開發表針對新冠肺炎的定量快篩儀器「The ONE」從檢體採樣到快篩結果僅10至15分目前正與醫院合作臨床測試階段未來將可望申請專案量產。
神光晶片公司創辦人柯正浩研究團隊經多年研究開發出「光譜晶片」可用來分析物質成分、量測化學反應變化等現今新冠肺炎診斷方法主要使用核酸（RT-PCR）、抗原與血液抗體檢測此次發表的神光晶片是用血液抗體檢測用「合成抗原」檢測血液中是否有含抗體。
柯正浩指出「The ONE」定量快篩機透過領先全球的創新關鍵技術具有快、準、廣、即時等優勢從檢體採樣到快篩結果約10至15分鐘。
柯正浩提到該快篩機還能精確定量抗體（IgG／IgM）靈敏度為現有快篩測試100倍以上可排除大部分偽陰性誤判；加上掌上型大小便於攜帶利於擴大檢測場域；檢測結果以手機APP回傳雲端資料庫可即時掌握疫情。
小港醫院院長郭昭宏表示小港醫院與神光晶片合作已臨床實驗透過盲測初步驗證其準確性未來若取得政府驗證屆時新冠肺炎檢測方式將可比照流感快篩在15至20分鐘內就能篩檢出陽性病患。</t>
  </si>
  <si>
    <t>檢測抗體肺炎神光柯正浩合作醫院定量結果即時透過未來全球血液小港發表疫情公司</t>
  </si>
  <si>
    <t>抗體肺炎血液快篩定量</t>
  </si>
  <si>
    <t>肺炎血液定量抗體</t>
  </si>
  <si>
    <t>防疫歐洲失控大利關鍵</t>
  </si>
  <si>
    <t>新冠肺炎〈NCP〉的疫情持續延燒繼亞洲各國之後病毒也開始陸續進攻歐洲。義大利不但在昨天出現第二起死亡案例確診病例更是從29起暴增至79例使民眾人心惶惶政府更下令封鎖10座城鎮。對此就有網友在PTT發問</t>
  </si>
  <si>
    <t>疫情持續對此城鎮封鎖下令亞洲各國之後政府病毒人心惶惶民眾開始ncp陸續進攻歐洲增至更是</t>
  </si>
  <si>
    <t>新冠肺炎〈NCP〉的疫情持續延燒繼亞洲各國之後病毒也開始陸續進攻歐洲。義大利不但在昨天出現第二起死亡案例確診病例更是從29起暴增至79例使民眾人心惶惶政府更下令封鎖10座城鎮。對此就有網友在PTT發問想知道義大利有沒有可能成為歐洲破口？
日前有網友在PTT的「nCoV2019」板發文表示現在義大利的感染人數已經來到79人正式超越香港更可怕的是歐洲申根可以讓歐盟內各國人員到處趴趴走又指出「義大利北邊和法國東、德國南、比利時盧森堡連接的是西歐的重要工業區經濟命脈」讓他不禁猜想「如果整個西歐工業區得像之前大陸完全停工(消毒水、口罩備齊後)慢慢等待復工封鎖城市、邊境嚴格查哨管制西歐的經濟會不會遭受致命打擊?!」
文章曝光後引起熱議不少人紛紛留言表示「英國這時脫歐會不會是最好時機啊」、「絕對之後可能再破美國」、「應該早就爆了 德法都沒對境內做積極檢驗整個歐洲只有英國和義大利有在積極」、「WHO可以廢了」、「大城市比較可能啦其他地方不容易啦」其中也有知情人士點出「義大利大陸人多」和「鐵路」恐怕是引起失控的關鍵「鐵路都通一定失控」、「跟黑死病途徑很像」、「溫洲人在義大利有30萬人上下有個城市出生100人之中38人是溫洲後代大陸湖北之外就屬浙江溫洲最嚴重破口絕對是中」、「歐盟國境模糊 一國爆=全部爆」。</t>
  </si>
  <si>
    <t>大利大陸歐洲可能西歐溫洲之後封鎖可以歐盟表示積極引起絕對網友英國ptt</t>
  </si>
  <si>
    <t>指揮院前死亡中心疫情本土原因</t>
  </si>
  <si>
    <t>國內包含北投一家、內湖電視台記者等連續發生好幾起暴斃的案例染疫後就迅速病逝中央流行疫情指揮中心醫療應變組副組長羅一鈞表示5月11到6月7日以來共有35人是到院前死亡佔了118%。其中快樂缺氧是主因</t>
  </si>
  <si>
    <t>一家電視臺記者連續發生死亡院前案例迅速病逝中央流行疫情指揮中心表示</t>
  </si>
  <si>
    <t>國內包含北投一家、內湖電視台記者等連續發生好幾起暴斃的案例染疫後就迅速病逝中央流行疫情指揮中心醫療應變組副組長羅一鈞表示5月11到6月7日以來共有35人是到院前死亡佔了118%。其中快樂缺氧是主因。
中央流行疫情指揮中心今(9)日公佈國內新增275例COVID-19確定病例其中274例為本土個案另有1例境外移入個案。確診個案中新增25例死亡且有6人確診後二到三天內後就「快速死亡」1人死後確診。
羅一鈞表示新冠肺炎病程變化很快所以會有隱形缺氧的狀況到院前死亡或是在家中猝死的已經沒辦法調查之前出現過什麼症狀發生什麼身體的變化導致死亡目前專家研究顯示還是因為隱形缺氧導致因為不會有明顯前兆都是氧氣濃度很低緊急送醫時時間已晚。
羅一鈞表示本週針對家戶感染是調查匡列的重點希望確診個案都可以儘速到醫院內減少病程惡化的狀況今天看起來統計到前天確診病例中雙北確診病患沒有居家隔離都是安置在集中檢疫所或是醫院處理本週會這樣處理
至於快篩陽性羅一鈞說若量能足夠希望可以到加強版集中檢疫所或是加強版防疫旅館也會配發血氧機之前已經配發一千台今天會在配發一萬五千台希望篩檢站快篩陽性時可以拿一台血氧機回家在家中偵測血氧濃度小於等於94%就儘速送醫。</t>
  </si>
  <si>
    <t>確診死亡表示希望可以缺氧個案發生羅一鈞調查濃度變化導致病程</t>
  </si>
  <si>
    <t>羅一鈞到院前死亡快樂缺氧新冠肺炎台灣</t>
  </si>
  <si>
    <t>快樂缺氧死亡院前肺炎羅一鈞臺灣</t>
  </si>
  <si>
    <t>小組因應減緩疫情經濟市政府台南衝擊</t>
  </si>
  <si>
    <t>新冠肺炎持續延燒台南市長黃偉哲針對疫情造成外銷通路受阻、內需減少的經濟衝擊指示成立「台南市政府武漢肺炎疫情因應小組」超前部署以掌握中央紓困的相關方案才能即時媒合產業爭取中央補助期望減緩在地產</t>
  </si>
  <si>
    <t>中央疫情台南肺炎爭取產業即時才能方案相關紓困掌握市長減少內需部署經濟外銷黃偉哲通路受阻衝擊指示超前成立造成</t>
  </si>
  <si>
    <t>新冠肺炎持續延燒台南市長黃偉哲針對疫情造成外銷通路受阻、內需減少的經濟衝擊指示成立「台南市政府武漢肺炎疫情因應小組」超前部署以掌握中央紓困的相關方案才能即時媒合產業爭取中央補助期望減緩在地產業衝擊。
針對立即受影響產業黃偉哲指示以宅經濟、鄉野經濟、保健經濟三大主軸共同籌畫因應策略擬定共用經濟與隨選經濟整合台南店家於電商平臺建立「台南好物專區」讓台南好物一站購足並洽接外送平臺市民在家動動手指服務就來。
在農漁畜農產運銷方面台南鳳梨產銷已經受到衝擊台南市政府農業局將積極拓展外銷新市場建立多元行銷管道以刺激消費；觀光旅遊方面朝強化消費者信心多元戶外鄉野行程推動偏鄉經濟進行並協助媒合中小企業爭取中央相關紓困補助或貸款。
另外計程車司機的防疫物資交通部已同意每日配發公共運輸從業者口罩台南市計程車已經做好防疫準備是自由行旅客及市民移動的好選擇。
黃偉哲認為新冠肺炎情造成的經濟衝擊需要長期解決台南市各項因應計畫將採波段式逐步推動現階段將輔導產業強化內部職能、數位轉型等強化體質共同朝向開發新市場、新服務的目標前進。
行政院會今日也針對經濟內需型產業、農業、交通等3大類紓困、輔導及振興方案：觀光運輸產業分短中長期提出紓困、復甦及升級轉型計畫呼應內需型產業需求助業者渡難關農產品多元行銷、通路媒合、拓展外銷市場及紓困貸款。
黃偉哲表示台南市除配合中央的各項紓困振興措施也會積極媒合業者爭取中央補助或貸款申辦期待能減緩疫情對台南的產業衝擊。</t>
  </si>
  <si>
    <t>台南經濟產業紓困黃偉哲衝擊中央因應強化內需市場疫情貸款肺炎外銷市民方面服務平臺補助推動共同建立運輸</t>
  </si>
  <si>
    <t>經濟產業台南市衝擊中央</t>
  </si>
  <si>
    <t>南市衝擊中央產業經濟</t>
  </si>
  <si>
    <t>黃創收到感歎傲慢who</t>
  </si>
  <si>
    <t>中美為病毒發源地近日針鋒相對！傳出臺灣去年12月底就收到警示指新冠肺炎可能人傳人中央流行疫情指揮中心指揮官陳時中表示當時確實已蒐集到情報也擔心有人傳人可能性而去函WHO但WHO僅表示「收到了」。對此</t>
  </si>
  <si>
    <t>傳人表示收到近日針鋒相對傳出臺灣去年月底發源地who警示擔心情報蒐集肺炎確實當時陳時中可能指揮官中心</t>
  </si>
  <si>
    <t>中美為病毒發源地近日針鋒相對！傳出臺灣去年12月底就收到警示指新冠肺炎可能人傳人中央流行疫情指揮中心指揮官陳時中表示當時確實已蒐集到情報也擔心有人傳人可能性而去函WHO但WHO僅表示「收到了」。對此資深媒體人黃創夏認為若不是傲慢的「收到了」「全球就不會如今的驚嚇」。
陳時中昨指出他對台灣蒐集到的情報有信心因此台灣自去年12月30日就開始對武漢直航班機進行登機檢疫；1月2日就開設了應變中心。陳時中指出因為無法獲得公開透明的第一手資訊陳時中指當時便已警戒因此台灣1月20日宣佈指揮中心三級開設1月23日就看到武漢緊急宣佈封城。陳時中也提及當時已蒐集到情報擔心有人傳人可能性而去函WHO但WHO僅表示「收到了」。
對此黃創夏在臉書指出如果去年12月31日WHO接到台灣的預警不是傲慢的「收到了」而是「知道了立即處理」黃創夏直言「全球就不會如今的驚嚇」！</t>
  </si>
  <si>
    <t>臺灣收到陳時中指出去年黃創中心當時傳人表示who蒐集傲慢情報宣佈武漢指揮開設全球對此近日</t>
  </si>
  <si>
    <t>WHO陳時中黃創夏台灣新冠肺炎</t>
  </si>
  <si>
    <t>臺灣黃創陳時中who肺炎</t>
  </si>
  <si>
    <t>媽媽嬰兒車霰彈美國到底阿嬤</t>
  </si>
  <si>
    <t>在新冠肺炎（COVID-19）疫情引發的社會動盪之下美國民用槍械與彈藥的銷量自去年起猛烈增加且客群擴及原本並無太大意願購買武器的民眾；一間槍店店員便表示他最近遇到老年婦女和單親媽媽等顧客坦言此類情況「</t>
  </si>
  <si>
    <t>疫情婦女老年引發遇到社會動盪最近之下表示美國槍械店員彈藥銷量去年covid-媽媽民眾武器購買增加意願</t>
  </si>
  <si>
    <t>在新冠肺炎（COVID-19）疫情引發的社會動盪之下美國民用槍械與彈藥的銷量自去年起猛烈增加且客群擴及原本並無太大意願購買武器的民眾；一間槍店店員便表示他最近遇到老年婦女和單親媽媽等顧客坦言此類情況「前所未見」。
美國社會主義期刊《雅各賓》（Jacobin）特約編輯費南德茲（Belen Fernandez）10日投書「半島電視台」（Al Jazeera）稱美國人正瘋狂地武裝自己因而引發彈藥的「大饑荒」。各地槍店的彈藥被搶購一空甚至已影響執法機關；美國「國家執法槍械教練協會」（NLEFIA）執行董事烏斯騰伯格（Jason Wuestenberg）表示由於彈藥不足該協會已有部分教練被迫取消針對執法人員的培訓課程。
紐約州那努特（Nanuet）槍店「好人槍枝與彈藥」（Good Guys Guns &amp; Ammo）經理歐希利（Joe O&amp;apos;Healy）透露該店的彈藥銷量猛增10倍且已開始有老年婦女和單獨推著嬰兒車的單親媽媽來到店裡選購用於防身的霰彈槍等武器坦言此類情況「前所未見」。
費南德茲引述多家媒體指出美國民眾囤積武器和彈藥的原因包括疫情恐慌、社會動盪、犯罪率上升、對未知的恐懼、肉類不足、有更多時間打獵等；《比靈斯日報》（Billings Gazette）更表示據稱部份美國人正為「潛在的內戰做準備」。
費南德茲表示雖然美國總統拜登（Joe Biden）有意收緊槍枝管制但在該國彈藥製造商手裡握有價值達數十億美元的訂單之下相關問題顯然不太可能迅速獲得解決。</t>
  </si>
  <si>
    <t>彈藥美國表示費南德茲武器之下joe引發媽媽教練銷量不足疫情槍械協會老年婦女民眾社會動盪前所未見此類情況</t>
  </si>
  <si>
    <t>新冠肺炎全球美國社會動盪槍械</t>
  </si>
  <si>
    <t>全球美國肺炎社會動盪槍械</t>
  </si>
  <si>
    <t>通勤高鐵臺北確診活動竹市</t>
  </si>
  <si>
    <t>依據中央流行疫情指揮中心公佈新竹市23日新增2名COVID-19確診個案案4003、案4235。本土新增的案4003為30多歲女性校正回歸的案4235為30多歲男性兩人皆是出現症狀後採檢確診兩案總匡列人數為40人居家隔離。市</t>
  </si>
  <si>
    <t>確診新增指揮中心公佈新竹疫情人數男性出現症狀流行covid-校正回歸居家中央女性本土</t>
  </si>
  <si>
    <t>依據中央流行疫情指揮中心公佈新竹市23日新增2名COVID-19確診個案案4003、案4235。本土新增的案4003為30多歲女性校正回歸的案4235為30多歲男性兩人皆是出現症狀後採檢確診兩案總匡列人數為40人居家隔離。市長林智堅於下午公佈案4003、案4235與22日確診的案3863、3864共4案足跡。
本土新增的案4003為一名30多歲女性平日工作搭乘高鐵往返新竹市、臺北市21日發燒達38度就醫後PCR陽性確診目前全案匡列12人居家隔離。足跡包括9日11時30分至13時於新北市林口區言吾語火鍋店用餐17日8時57分至9時30分期間搭乘高鐵0610班次從新竹前往臺北16時11分至16時45分搭乘高鐵0841班次從臺北回到新竹。
校正回歸的案4235為一名30多歲男性14日曾回到臺北市萬華區家中16日出現喉嚨痛、發燒至38度18日喪失嗅覺就醫PCR陽性確診目前全案匡列28人居家隔離。足跡包括14日13時至13時30分曾到訪臺北市忠孝SOGO以及臺北市忠孝東路的高家涼麵當日14時至16時則回到萬華家中推估與萬華活動史有關聯。
另外竹市衛生局也公佈22日確診案3863、3864足跡兩人為曾前往桃園金沙酒店的案3340雙親兩人15日中午12時與案3340有家庭聚會當日15時40分到16時10分間曾至千百億彩券行。18日16時30分至17時30分曾到新竹市七伍宮拜拜足跡較單純都在新竹市。
目前市府已針對相關足跡地點消毒並提醒市民若曾到過確診個案足跡場所請持續自我健康監測若於6月4日前出現發燒、上呼吸道、腹瀉、嗅覺異常等症狀應配戴醫用口罩儘速就近就醫不得搭乘大眾運輸就醫時請主動告知接觸史相關疑慮請撥打1922。
★《中時新聞網》提醒您：因應新冠肺炎疫情疾管署持續加強疫情監測與邊境管制措施 如有疑似症狀請撥打：1922專線或 0800-001922 並依指示配戴口罩儘速就醫同時主動告知醫師旅遊史及接觸史以利及時診斷及通報。</t>
  </si>
  <si>
    <t>足跡新竹確診就醫症狀臺北市疫情出現分至回到搭乘公佈發燒相關目前監測接觸時至持續新增嗅覺當日</t>
  </si>
  <si>
    <t>新冠肺炎台灣足跡確診足跡</t>
  </si>
  <si>
    <t>足跡臺灣肺炎確診</t>
  </si>
  <si>
    <t>疫情許淑華市府年限態度北市令人擔憂</t>
  </si>
  <si>
    <t>臺北市政府跨年晚會副市長黃珊珊昨（29）日表示維持正常舉辦但府前廣場管制區人數上限為8萬人民眾入場採實聯制並需消毒、戴口罩、紅外線量體溫且一律禁止飲食。對此民進黨臺北市議員許淑華質疑北市跨</t>
  </si>
  <si>
    <t>黃珊珊議員臺北市表示民進維持對此正常飲食舉辦禁止一律體溫廣場管制區紅外線人數口罩上限消毒民眾</t>
  </si>
  <si>
    <t>臺北市政府跨年晚會副市長黃珊珊昨（29）日表示維持正常舉辦但府前廣場管制區人數上限為8萬人民眾入場採實聯制並需消毒、戴口罩、紅外線量體溫且一律禁止飲食。對此民進黨臺北市議員許淑華質疑北市跨年限8萬人真的控制得了嗎？改線上直播有這麼困難嗎？對於北市府的態度感到很擔憂就怕出現防疫破口。
許淑華昨在臉書表示近期確診個案1人為日前染疫紐籍機師的接觸者是本土感染引發民眾擔憂跨年到底要不要繼續辦各界議論紛紛中央上緊螺絲嚴謹看待北市府卻語出驚人認為「不希望把這個事情看得很嚴重」這樣真的OK嗎？而這樣的態度讓她非常擔憂呼籲北市府跨年活動改為「線上直播」避免人群聚集防疫考量為優先。
根據臺北捷運資料去年臺北市跨年周遭捷運運量高達3206萬人次今年市府打算在周邊做出入管控許淑華認為是一個非常大的工程這樣的人數流動非常可觀真的不能輕忽！
昨日觀傳局公佈人數總量部分管制區內從過去約11萬名觀眾將調整至上限8萬人。許淑華指出管制區「實聯制」並非8萬人每一個人都可確實登記有個萬一恐怕變成一個未爆彈？後果由誰承擔？且外圍人群流動就算擠爆擠滿根本無法控管是否也會成為防疫破口？
許淑華調閱資料此次跨年各單位預估協勤人數共動員5959人聘請大批人力控制人流管制真的能達到效果嗎？
北市府堅持舉辦跨年晚會許淑華尊重看待但為了疫情健康考量在敏感時期若改線上直播降低人群聚集能避免更多風險、讓台灣更好是否應該朝向這方向思考？
此外101宣佈取消高空跨年煙火派對周遭的微風南山、微風松高和新光三越舉辦的跨年市集及元旦於微風廣場舉行的迎新打鼓活動也跟著喊卡。許淑華說各團體表現防疫優先態度不讓人群聚集放棄商機為台灣疫情一起作戰值得讚許。</t>
  </si>
  <si>
    <t>許淑華市府人數防疫人群舉辦管制區態度擔憂臺北市非常直播微風聚集疫情是否真的民眾認為臺灣廣場看待流動</t>
  </si>
  <si>
    <t>許淑華跨年疫情臺北市政府新冠肺炎</t>
  </si>
  <si>
    <t>臺北市政府疫情許淑華肺炎</t>
  </si>
  <si>
    <t>男性申請威脅疫情留職停薪肺炎情況大增</t>
  </si>
  <si>
    <t>新冠肺炎疫情今年以來威脅全球而台灣疫情從1月底開始升溫從勞動部勞工保險局統計發現申請育嬰留職停薪的人數也從2月開始顯現特別是男性保險人以30至34歲的男性保險人為例年增58％。在金融業工作、小孩不</t>
  </si>
  <si>
    <t>開始疫情保險男性金融業月底特別顯現升溫勞動部今年以來統計發現勞工申請人數保險局留職停薪威脅全球臺灣工作</t>
  </si>
  <si>
    <t>新冠肺炎疫情今年以來威脅全球而台灣疫情從1月底開始升溫從勞動部勞工保險局統計發現申請育嬰留職停薪的人數也從2月開始顯現特別是男性保險人以30至34歲的男性保險人為例年增58％。
在金融業工作、小孩不到一歲的新手爸爸林先生表示太太去年已經請過育嬰留停原本自己沒有申請的計畫只是疫情爆發後每天通勤、工作時在銀行櫃台都要遇到不同的民眾很擔心沾染病毒回家、讓寶寶染病所以跟太太商量後毅然決然申請育嬰留停。
據勞保局統計今年2月申請育嬰留職停薪津貼初次核付的人數為7587人與去年同期相比暴增4587％而今年3月申請的人數也持續增加來到8041人雖較去年同期略減但在出生率下降的年代是罕見的連續月增。
從年齡層來看今年2月初次申請育嬰留停津貼的勞工集中在30至34歲總計有2964人其中男性有454人、女性有2510人。35至39歲的區間中也有417名男性、1754名女性勞工申請。值得注意的是30至34歲男性勞工的申請情況與去年同期相比年增5819％35至39歲也年增3946％30代男性申請的比例明顯增加。
育嬰留職停薪津貼可以維持是按照申請日前前6個月平均月投保薪資60％計算每一子女合計最長發給6個月。勞動部官員表示確實有些新手爸媽可能考慮到疫情因素前來申請育嬰留停津貼在有6成薪資津貼的情況下也能留在家中照顧幼兒、降低外出工作染病的風險。</t>
  </si>
  <si>
    <t>申請疫情工作津貼男性勞工人數去年同期今年太太留職停薪勞動部新手開始表示染病情況薪資</t>
  </si>
  <si>
    <t>新冠肺炎育嬰留職停薪津貼勞保局</t>
  </si>
  <si>
    <t>留職停薪肺炎津貼勞保局</t>
  </si>
  <si>
    <t>足跡確診海軍公佈原因高市添曝光</t>
  </si>
  <si>
    <t>高雄市長韓國瑜今（26）日早上主持防疫記者會他提到敦睦艦隊事件確診累計14例自主隔離有255位、自主健康管理3929位。昨新增1例確診個案市府卻未對外公佈足跡衛生局長林立人解釋這位確診個案的活動史</t>
  </si>
  <si>
    <t>確診個案自主早上主持防疫記者會提到敦睦解釋艦隊林立人事件公佈足跡衛生局長累計管理市府新增韓國瑜健康</t>
  </si>
  <si>
    <t>高雄市長韓國瑜今（26）日早上主持防疫記者會他提到敦睦艦隊事件確診累計14例自主隔離有255位、自主健康管理3929位。昨新增1例確診個案市府卻未對外公佈足跡衛生局長林立人解釋這位確診個案的活動史其實就是在先前公佈的39處地點之中相關密集接觸者也已匡列居家隔離。
衛生局簡任技正潘炤穎指出新增確診的這例敦睦艦隊實習生在4月18日入住檢疫所當時呈現核酸檢驗呈現陰性事後有返陽經第二次採檢4月25日確診這也是高市第14位敦睦艦隊 官兵生員確診案例同時是高市境外移入的第44例。
林立人提到過去市府針對敦睦艦隊330位居住高雄官兵做過疫調已經匡列自主健康管理對象這次新增的確診個案經追查行跡與前幾波公佈的39處地點有重複日前也已清消完畢因此沒有必要再重複處理而個案相關接觸者本來在還沒確定個案前
已自主健康管理後來也轉成密切接觸者需居家隔離14天。
林立人指出軍艦特殊疫情群聚雖然18日被集中隔離檢疫但依照傳統傳染病防治需觀察兩波潛伏期第一階段最危險是往後推14天至5月2日前民眾必須多加留意防範而最保險的是觀察至5月16日止。
針對「平安演習」綠營酸言酸語一下瞎扯「饑寒起盜心」或是誣指韓國瑜說「市民是強盜」等莫須有指控。韓國瑜強調平安演習目標清楚就是市民安居樂業希望疫情影響經濟疲弱下繼續維持良好治安因此有些人說法都是他們的偏見但這些故意扭曲說法對投入的警力、民力而言是不公平的。
另外針對51連假防疫措施潘炤穎指出各局處將針對51連假高風險場域提出必要討論預計明日防疫會後公佈相關管制計畫。韓國瑜也指示觀光局提早規畫因應希望風景區不要有過度擁擠情況。</t>
  </si>
  <si>
    <t>確診個案韓國瑜隔離公佈防疫敦睦艦隊林立人指出自主相關希望市民疫情新增演習健康必要平安日前</t>
  </si>
  <si>
    <t>新冠肺炎敦睦艦隊海軍高雄韓國瑜</t>
  </si>
  <si>
    <t>敦睦艦隊海軍肺炎高雄韓國瑜</t>
  </si>
  <si>
    <t>海軍確診高雄麥當勞最新用餐</t>
  </si>
  <si>
    <t>1名高雄市籍的敦睦艦隊染疫官兵4月17日晚間曾到台南市新營交流道附近的麥當勞用餐。餐廳直到24日才接獲通知緊急停業大消毒下午3點台南市政府環保局也進行戶外消毒。敦睦艦隊確診個案活動足跡「擠牙膏」市府衛</t>
  </si>
  <si>
    <t>台南消毒艦隊敦睦足跡活動個案確診戶外官兵直到餐廳用餐附近交流緊急晚間麥當勞通知市政府</t>
  </si>
  <si>
    <t>1名高雄市籍的敦睦艦隊染疫官兵4月17日晚間曾到台南市新營交流道附近的麥當勞用餐。餐廳直到24日才接獲通知緊急停業大消毒下午3點台南市政府環保局也進行戶外消毒。
敦睦艦隊確診個案活動足跡「擠牙膏」市府衛生局24日接獲通報指1名高雄市的確診個案曾於17日晚間7點到8點到新營區交流道附近的麥當勞用餐。
衛生局表示該餐廳接獲通知後24日立即暫停營業並請特約消毒公司進行全面清消後才營業下午3點環保局也進行戶外消毒但時隔確診個案的用餐時間已經超過1周。
衛生局疫情發現該餐廳的員工都有佩戴口罩桌椅採用梅花座隔開用餐距離客人離開後會先進行桌面消毒每整點再執行地面丶門把丶厠所等設備重點消毒。</t>
  </si>
  <si>
    <t>消毒用餐進行衛生局個案餐廳確診台南艦隊下午晚間敦睦通知附近高雄市麥當勞交流戶外環保局桌椅採用</t>
  </si>
  <si>
    <t>新冠肺炎武漢肺炎台南新營麥當勞敦睦艦隊</t>
  </si>
  <si>
    <t>肺炎武漢台南敦睦麥當勞艦隊</t>
  </si>
  <si>
    <t>修理韓國柯文哲高雄贊許罕見王浩宇</t>
  </si>
  <si>
    <t>中央流行疫情指揮中心今天宣佈台灣增2例境外移入新冠肺炎確診全台共有395人確診包含340境外移入、55例本土。疫情仍處緊張時期臺北市長柯文哲竟跑到高雄聚會佈局高雄市長補選。此舉惹怒桃園市議員王浩宇</t>
  </si>
  <si>
    <t>疫情境外高雄確診補選桃園柯文哲中心臺北市時期今天市長緊張宣佈臺灣聚會肺炎本土</t>
  </si>
  <si>
    <t>中央流行疫情指揮中心今天宣佈台灣增2例境外移入新冠肺炎確診全台共有395人確診包含340境外移入、55例本土。疫情仍處緊張時期臺北市長柯文哲竟跑到高雄聚會佈局高雄市長補選。此舉惹怒桃園市議員王浩宇他直問「防疫還是選舉優先？」並罕見讚許韓國瑜努力拼防疫凸顯柯文哲的失職。
王浩宇在臉書貼文以《防疫還是選舉優先？》為題指出不只是鄭文燦上週末六都市長（包含韓國瑜在內）都安排了許多防疫行程努力拼防疫。
王浩宇並以鄭文燦市長4月12日的行程為例指出：
8:00 桃園市政府防疫專案會議
9:30 訪視大湳市場防疫作為
10:30 視察仁海宮防疫措施
11:30 訪視安養機構視訊慰問長輩
14:00 視察台茂購物中心防疫措施
15:00 視察漁貨直銷中心防疫工作
王浩宇話鋒一轉提及柯文哲指「就在北市爆發知名酒店的女公關『J小姐』染病事件疫情調查的關鍵時刻擔任北市疫情指揮中心指揮官的柯文哲市長卻低調離開臺北到高雄參加民眾黨辦的室內的群聚活動為高雄市長補選佈局。」
王浩宇痛批：「這麼不負責任的市長還不能被檢討這哪招？」</t>
  </si>
  <si>
    <t>防疫市長王浩宇柯文哲中心疫情高雄視察包含北市桃園訪視措施指出鄭文燦優先選舉指揮境外行程補選努力確診染病</t>
  </si>
  <si>
    <t>防疫王浩宇柯文哲選舉新冠肺炎</t>
  </si>
  <si>
    <t>柯文哲選舉王浩宇防疫肺炎</t>
  </si>
  <si>
    <t>疫苗急診室護理會意中年</t>
  </si>
  <si>
    <t>國內新冠疫情持續延燒近日雖然本土確診數稍有趨緩民眾對於仍疫苗有迫切需求。急診醫師白永嘉分享一位中年男病患出車禍在急診間吵鬧對著醫護人員出氣。經過制止後白永嘉忍不住形容該男子不受控的行為超「</t>
  </si>
  <si>
    <t>白永嘉急診持續男子形容近日忍不住本土確診疫情制止出氣不受疫苗吵鬧醫護人員出車禍迫切</t>
  </si>
  <si>
    <t>國內新冠疫情持續延燒近日雖然本土確診數稍有趨緩民眾對於仍疫苗有迫切需求。急診醫師白永嘉分享一位中年男病患出車禍在急診間吵鬧對著醫護人員出氣。經過制止後白永嘉忍不住形容該男子不受控的行為超「疫苗」一旁的護理師馬上聽懂話中玄機。
新竹馬偕醫院急診外科部主任白永嘉日前在臉書表示一位騎車自摔的中年男子在急診室內對著護理師大小聲好不容易制止後白永嘉忍不住直呼「他真的超『疫苗』！」身旁的護理師先是愣了一下後便馬上明白他的意思。
白永嘉隨後解釋目前疫情嚴峻「疫苗」＝「每個人都想打」所以現在如果忍不住想罵人「就罵他疫苗吧！」白永嘉表示自以為拿健保卡繳掛號費就是大爺的人「疫情期間收斂一點別太『疫苗』喔。」
此文一出迅速被轉傳分享網友大讚「好幽默」、「這詞用得真貼切很順」、「急診室總是能看到一堆奇葩真的很想扁他一頓。醫生罵人怎麼這麼委婉」、「這個可以變流行語耶」、「罵的好疫苗---很欠打」、「原本也不懂意會後大笑」、「台灣好多被寵壞的病人」。</t>
  </si>
  <si>
    <t>疫苗白永嘉疫情急診護理忍不住急診室分享馬上真的表示罵人制止會後持續</t>
  </si>
  <si>
    <t>新冠肺炎台灣疫苗護理師急診室</t>
  </si>
  <si>
    <t>臺灣疫苗護理肺炎急診室</t>
  </si>
  <si>
    <t>沈富雄國人入境證明時中嚇破</t>
  </si>
  <si>
    <t>陳時中守成只能拍板嚇破下令十二月海外國人批評若無核酸完全結論檢測證明不得返國疫情外界肺炎</t>
  </si>
  <si>
    <t>沈富雄疫情疫苗老人肺炎陳時中經濟真面目沒有等於流感完全得了分析結論今年</t>
  </si>
  <si>
    <t>沈富雄陳時中新冠肺炎疫苗流感</t>
  </si>
  <si>
    <t>肺炎陳時中疫苗流感沈富雄</t>
  </si>
  <si>
    <t>確診學姊嚴重傷勢護理韌帶醫院雙和</t>
  </si>
  <si>
    <t>新北市雙和醫院62歲洪姓確診男子昨（31日）上午持水果刀砍傷病房內3名女護理師事後受傷護理師緊急送往急診室救治警方獲報後已立即將男子帶回。然有受傷護理師的學姊在IG透露其中一名20幾歲的護理師右手韌帶</t>
  </si>
  <si>
    <t>護理男子受傷洪姓確診上午水果刀警方病房立即醫院救治急診室緊急</t>
  </si>
  <si>
    <t>新北市雙和醫院62歲洪姓確診男子昨（31日）上午持水果刀砍傷病房內3名女護理師事後受傷護理師緊急送往急診室救治警方獲報後已立即將男子帶回。然有受傷護理師的學姊在IG透露其中一名20幾歲的護理師右手韌帶被砍斷身上還有多處刀傷不禁感嘆「要同仁以後怎麼繼續回到職場上」。
新北市雙和醫院洪姓確診男子昨天上午7時左右因不滿護理師未關心自己持水果刀砍傷病房內3名女護理師其中23歲施姓護理師腹部遭利器劃傷已第一時間送入開刀房治療而25歲陳姓護理師則是胸部、右手刀傷27歲蔡姓護理師為肚皮刀傷。
事後洪男遭警方迅速壓制；對此新北地檢署表示洪男罹患新冠肺炎隔離治療中視訊後檢方無法做後續強制處分也無法得知洪男犯案意圖因此洪男目前仍由警方戒護。新北市長侯友宜得知消息後立刻到醫院探視並給予每人10萬元慰問金不捨地說「這麼認真還受到傷害」。
「靠北護理師」IG粉專於31日晚間在限時動態PO文表示被確診男持刀攻擊的3名護理師有一人韌帶和神經被砍斷、一人氣胸、一人腹部受傷感嘆「現在不只要防新冠病毒還要防病人」。
有受傷護理師的學姊透露昨日受傷的23歲護理師右手韌帶被砍斷身上還有多處刀傷不禁感嘆「要同仁以後怎麼繼續回到職場上」。
★中時新聞網關心您：
不良行為請勿模仿！
拒絕暴力！請撥打113、110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護理洪男受傷新北警方無法刀傷男子醫院確診務必得知感歎治療關心</t>
  </si>
  <si>
    <t>新冠肺炎台灣護理師受傷韌帶</t>
  </si>
  <si>
    <t>護理臺灣肺炎受傷韌帶</t>
  </si>
  <si>
    <t>宣佈高官法國抵制進退北京冬奧說好</t>
  </si>
  <si>
    <t>「法國24」電視台（France 24）報導法國教育部長9日表示法國不會跟隨美國、澳洲、英國等國家的腳步對北京冬季奧運會進行外交抵制與該國先前聲稱希望整個歐盟「同進退」的態度相違背。法國教育部長布朗凱（Je</t>
  </si>
  <si>
    <t>法國教育部長違背不會跟隨歐盟態度進退美國希望英國聲稱先前國家澳洲抵制腳步外交北京冬季進行奧運會表示報導france布朗凱電視臺je</t>
  </si>
  <si>
    <t>「法國24」電視台（France 24）報導法國教育部長9日表示法國不會跟隨美國、澳洲、英國等國家的腳步對北京冬季奧運會進行外交抵制與該國先前聲稱希望整個歐盟「同進退」的態度相違背。
法國教育部長布朗凱（Jean-Michel Blanquer）告訴該國BFM電視台和RMC廣播電台法國不會對北京冬奧進行外交抵制雖然他本人不會出席但體育部長馬拉希尼亞努（Roxana Maracineanu）屆時將代表法國政府前往北京。
布朗凱強調須當心體育與政治之間的聯繫因為體育是一個「與世隔絕的世界」若讓其遭受政治幹預可能導致情勢失控最終毀掉所有競賽。不過他也表示法國會繼續譴責中國大陸侵犯人權的行為。
不過法國總統馬克宏（Emmanuel Macron）7日才在聲明稿中表示將與歐盟成員國協商尋求在是否外交抵制北京冬奧上採取一致的態度；而在布朗凱接受訪問的同時法國外交部長勒德里安（Jean-Yves Le Drian）則在記者會中重申外交抵制問題「將以歐洲層級處理」仍在尋求與歐盟的共同立場不清楚布朗凱是否提前洩漏法國政府的實際立場。
在美國政府6日宣佈對北京冬奧進行外交抵制後澳洲和英國已先後跟進紐西蘭也稱不會派官員出席但強調原因與新冠肺炎（COVID-19）全球疫情有關且早在10月就已向中國大陸通知此決定。除此之外南韓、日本等美國東亞盟友皆尚未正式表態與法國同為歐盟核心成員國的德國也表示歐洲須就是否外交抵制北京冬奧商定共同對策。</t>
  </si>
  <si>
    <t>法國北京抵制外交布朗凱歐盟表示體育冬奧是否政治美國強調出席進行中國大陸立場不會態度英國法國政府澳洲</t>
  </si>
  <si>
    <t>北京冬奧中國大陸歐盟法國外交抵制</t>
  </si>
  <si>
    <t>大陸歐盟中國法國冬奧外交北京抵制</t>
  </si>
  <si>
    <t>陳其邁家庭端午節減少移動</t>
  </si>
  <si>
    <t>高雄市1日新增一名肺炎確診案例為大寮家庭群聚案相關案例由於隔離確實無相關足跡及匡列對象。面對12日即將來臨的端午節連假陳其邁拜託市民盡量減少移動用視訊取代探親。高市今日新增一名個案為案862177</t>
  </si>
  <si>
    <t>案例新增相關探親移動高市取代儘量減少市民陳其邁確診端午節即將來臨足跡匡列對象面對今日肺炎隔離</t>
  </si>
  <si>
    <t>高雄市1日新增一名肺炎確診案例為大寮家庭群聚案相關案例由於隔離確實無相關足跡及匡列對象。面對12日即將來臨的端午節連假陳其邁拜託市民盡量減少移動用視訊取代探親。
高市今日新增一名個案為案862177歲男子為大寮家庭群聚案、案4743的父親感染來源為有萬華旅遊史的屏東案3037由於疫調確實、提前告知隔離因此無足跡及匡列對象。
陳其邁強調疫情趨勢已經逐步下降表示相關衛生措施有落實也有效用。但12至14日就是端午節連假陳其邁要求市民盡量減少移動盡量用視訊的方式取代探親。因為根據母親節的經驗看來很多感染都來自過節時的人口流動造成許多家庭群聚感染。
高雄長庚胸腔內科教授林孟志表示高市將設置5台高通量PCR儀器檢驗量可增加5000件（每天）11日前再建置10個社區快篩站預計可達43個據點規模。此外落實醫療降載、人員分艙分流針對高風險單位工作人員定期採檢另聘請專家啟動40家醫療院所做感染控制查核。
高市負壓及專責病房目前還有9成能量住宿型長照機構人員3天內全部完成快篩地區醫院病人、陪病家屬、員工均要快篩由23家專責醫院協助。
基層診所醫師9成已完成第一劑疫苗注射若診所人員7成施打疫苗醫師公會將會頒給「安心診所」標章可供民眾識別。
針對長照機構限制訪客探視、禁止院際人員支援交流、每日稽核防疫作為、新住民入住出院返回前均須經PCR檢測為陰性長照機構人員全面快篩檢測。
高市府針對四大醫學中及專責醫院的一線防疫醫護人員推出「暖心挺醫護20」計畫康橋商旅覺民館、禦宿商旅站前館共有238間房免費入住。
疫苗部分前兩批5萬8400劑已完成施打第三批2萬7千劑將再針對第一線醫療人員、警消、高風險（防疫旅館、防疫計程車）等人員施打。
針對國民黨前立委黃昭順疑似插隊打疫苗事件陳其邁再次強調「沒有特權、例外」陳其邁也呼籲醫院「珍惜人民的信賴」針對幫黃施打的大昌醫院市府和衛生局已經口頭和書面提出嚴厲警告。衛生局表示醫院是按名冊撥補疫苗接種過程也要過健保卡內控機制沒問題。
陳其邁也公佈5大快篩族群5月1日後有雙北旅遊史者；與串門子餐廳相關人（5月14日後曾前往用餐、工作者5月15日後曾與前者有接觸者）；5月12日起14天內出現3次或7天內出現2次呼吸道症狀者；住宿型長照機構照護及行政人員；地區醫院的住院病人、陪病家屬、院內員工及看護。</t>
  </si>
  <si>
    <t>人員陳其邁醫院疫苗感染相關防疫表示醫療專責完成診所機構日後家庭</t>
  </si>
  <si>
    <t>新冠肺炎台灣高雄陳其邁大寮</t>
  </si>
  <si>
    <t>高雄臺灣肺炎陳其邁</t>
  </si>
  <si>
    <t>號召告急鄭文燦血庫</t>
  </si>
  <si>
    <t>受到新冠肺炎疫情波及民間社團舉辦捐血活動大幅減少新竹捐血中心血庫安全儲備量不到4天桃園市長鄭文燦連續兩天到捐血中心加油打氣號召民眾挽起袖子捐血。他也說會協調社團以一定頻率持續舉辦捐血活動。擔</t>
  </si>
  <si>
    <t>社團中心舉辦疫情波及民間肺炎儲備活動血庫協調一定安全持續袖子頻率民眾號召加油打氣</t>
  </si>
  <si>
    <t>受到新冠肺炎疫情波及民間社團舉辦捐血活動大幅減少新竹捐血中心血庫安全儲備量不到4天桃園市長鄭文燦連續兩天到捐血中心加油打氣號召民眾挽起袖子捐血。他也說會協調社團以一定頻率持續舉辦捐血活動。
擔憂群聚感染
鄭文燦表示疫情影響民間社團捐血活動及人數銳減可是醫院血庫耗量是固定的目前新竹捐血中心血庫安全儲備量不到4天因此希望民眾發揮愛心踴躍捐血。他也會協調各社團固定舉辦捐血活動讓醫療院所無後顧之憂。
新竹捐血中心表示大約1個月前就開始受到疫情衝擊導致血庫的存量大幅減少。中心分析主要是民眾因疫情影響出門意願降低加上平常號召力強的社團、慈善團體等也擔心群聚感染減少舉辦捐血活動。
每小時消毒1次
不過新竹捐血中心強調捐血的場地會固定1小時消毒1次也會讓捐血人保持適當距離防疫措施相當完善。經過說明後也有部分社團承諾將會繼續舉辦捐血活動也盼民眾持續參加。
此外捐血中心也說血庫安全儲備量基本上是7天為宜目前只剩不到4天可以說是相當緊繃因此呼籲民眾踴躍捐血。不過因應疫情如果是3月19日起曾經出國民眾回國後暫緩捐血28天如果是曾被確診新冠肺炎而痊癒者、與確診病例密切接觸者也暫緩捐血28天。</t>
  </si>
  <si>
    <t>民眾疫情社團中心活動舉辦血庫新竹相當減少固定表示影響鄭文燦目前儲備感染</t>
  </si>
  <si>
    <t>安全儲備量血庫社團捐血中心</t>
  </si>
  <si>
    <t>血庫社團儲備中心安全</t>
  </si>
  <si>
    <t>隱匿前線醫官真相不可能船上</t>
  </si>
  <si>
    <t>新冠肺炎疫情在海軍磐石艦上爆發造成24人染疫網路上不少人質疑艦上醫官是否隱匿但肝膽腸胃專科醫師吳文傑臉書上表示「不可能有隱匿的情況」而醫護因為常常在第一線出事後也是第一個被檢討就盼大家能多</t>
  </si>
  <si>
    <t>隱匿海軍出事磐石一線常常檢討醫護情況爆發造成不可能文傑表示書上質疑醫師專科腸胃肝膽是否</t>
  </si>
  <si>
    <t>新冠肺炎疫情在海軍磐石艦上爆發造成24人染疫網路上不少人質疑艦上醫官是否隱匿但肝膽腸胃專科醫師吳文傑臉書上表示「不可能有隱匿的情況」而醫護因為常常在第一線出事後也是第一個被檢討就盼大家能多體諒。
吳文傑在臉書《吳文傑醫師的健康筆記》上透露自己曾在海軍醫務室服役過海軍官兵生活空間小這次船上疫情可能感染人數會比郵輪多。接著針對不少人認為醫官隱匿這點他表示哪些有症狀的人需要篩檢這說交給醫官決定「我是覺得很困難啦！最好是有感冒症狀就篩檢不然我覺得一定會漏掉」。
吳文傑認為船上不太可能有隱匿疫情的狀況畢竟醫官比誰更瞭解「如果一個人得到感染全艦官兵風險是會有多高」。常常第一線的醫師都在煩惱要不要篩檢若是篩檢病患的生活工作一定會受很大的影響檢查出來不是新冠後難保患者秋後算帳認為是看診醫師誤判。
吳文傑補充醫護常常是第一線出事後也常常是第一線被責怪檢討希望大家多多體諒不會有醫師要隱匿病情的尤其是海軍船上軍醫官這個機會真的是不大可能。</t>
  </si>
  <si>
    <t>醫師隱匿醫官文傑海軍船上疫情認為常常感染官兵一定體諒覺得檢討醫護</t>
  </si>
  <si>
    <t>逆轉金前勞動</t>
  </si>
  <si>
    <t>勞動基金投資今（1）日公佈今年上半年受到新冠肺炎疫情影響投資績效受創但隨著各國管制措施鬆綁、金融市場回升投資收益亦逐步回穩7月單月獲利1780億元 今年累計收益轉正整體勞動基金今年截至7月底累計</t>
  </si>
  <si>
    <t>投資今年收益基金累計勞動管制績效措施影響疫情肺炎受到鬆綁上半年金融市場回升公佈獲利逐步回穩單月</t>
  </si>
  <si>
    <t>勞動基金投資今（1）日公佈今年上半年受到新冠肺炎疫情影響投資績效受創但隨著各國管制措施鬆綁、金融市場回升投資收益亦逐步回穩7月單月獲利1780億元 今年累計收益轉正整體勞動基金今年截至7月底累計收益282億元。
勞動基金運用局指出新冠肺炎疫情自今年初快速蔓延全球金融市場呈現斷崖式下跌導致多元投資全球金融市場的勞動基金績效並不理想。
世界各國為振興受疫情創傷之經濟情勢紛紛持續擴大寬鬆貨幣政策以及財政刺激方案再加上主要經濟體逐漸放寬封鎖措施與疫苗藥物研發出現進展下全球經濟於7月重回成長步伐股票及債券市場亦大幅回升MSCI全球及台灣加權股價指數累計今年至7月底表現分別為-129%、557%。
勞動基金運用局依市場情勢審慎動態調整資產配置均衡佈局於國內外金融市場7月單月獲利1780億元爰今年截至7月底止整體基金規模為4兆4051億元累計收益為282億元收益率066%。</t>
  </si>
  <si>
    <t>全球金融市場今年基金投資勞動累計收益疫情措施經濟情勢月底績效回升獲利肺炎單月運用截至方案加上刺激</t>
  </si>
  <si>
    <t>勞動基金單月獲利新冠肺炎投資績效</t>
  </si>
  <si>
    <t>獲利肺炎單月投資基金勞動績效</t>
  </si>
  <si>
    <t>口罩大贊現場熱熱不錯陳時中</t>
  </si>
  <si>
    <t>國內口罩產量雖已提升但民眾仍僅能每兩周購買一次仍然必須樽節使用中央流行疫情指揮中心今天示範如何用電鍋乾蒸口罩殺菌呼籲民眾多加利用家中電鍋殺菌口罩延長使用壽命。馬上用電鍋乾蒸8分鐘後陳時中馬</t>
  </si>
  <si>
    <t>口罩民眾電鍋殺菌必須使用仍然購買中央流行提升疫情指揮中心今天示範用電馬上家中呼籲</t>
  </si>
  <si>
    <t>口罩電鍋使用民眾指揮中心細菌建議表示殺菌有效保存仍然</t>
  </si>
  <si>
    <t>現場示範乾蒸口罩電鍋陳時中</t>
  </si>
  <si>
    <t>口罩電鍋示範陳時中現場</t>
  </si>
  <si>
    <t>死亡確診累計解除隔離國內</t>
  </si>
  <si>
    <t>國內昨日新增375例新型冠狀病毒肺炎相關通報截至目前累計通報63713例(含62344例排除)其中432例確診包括346例境外移入55例本土病例及31例敦睦艦隊。確診個案中6人死亡324人解除隔離其餘持續住院隔離</t>
  </si>
  <si>
    <t>確診通報冠狀解除艦隊病毒肺炎相關死亡個案本土隔離敦睦病例目前截至新增包括境外累計持續昨日排除</t>
  </si>
  <si>
    <t>國內昨日新增375例新型冠狀病毒肺炎相關通報截至目前累計通報63713例(含62344例排除)其中432例確診包括346例境外移入55例本土病例及31例敦睦艦隊。確診個案中6人死亡324人解除隔離其餘持續住院隔離中。
4月20日及21日定點返台專案航班共有460名湖北返台民眾截至目前2人就醫治療中、2人陪同就醫其餘持續於集中檢疫所密切健康監測。至於敦睦艦隊(磐石艦)群聚事件截至目前掌握接觸者共1995人其中584人為居家隔離對象已採檢482人478人為陰性其餘檢驗中；1411人為自主健康管理對象。
指揮中心表示全球累計3381839例確診分佈於186個國家、地區；病例數以美國1120092例、西班牙215216例、義大利207428例、法國200137例及英國177454例為多；病例中238040例死亡以美國65364例、義大利28236例、英國27510例、西班牙24824例及法國24594例為多。
指揮中心提醒民眾平時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就醫通報中心截至目前確診檢疫症狀病例民眾健康居家接觸隔離艦隊敦睦指揮持續累計咳嗽死亡返台</t>
  </si>
  <si>
    <t>新冠肺炎就醫累計確診發燒</t>
  </si>
  <si>
    <t>肺炎累計就醫確診發燒</t>
  </si>
  <si>
    <t>發佈條款緊急命令霸王</t>
  </si>
  <si>
    <t>全球疫情發燒許多國家進行封城鎖國措施政府也禁止高中以下師生出國並對故意前往第三級疫區的人士開罰外界質疑缺乏法源依據指揮官陳時中昨搬出特別條例第7條的應變權作為回應。但國民黨立委費鴻泰認為沒</t>
  </si>
  <si>
    <t>進行封城鎖國國民黨措施回應政府作為應變禁止條例高中以下特別師生國家出國故意陳時中前往疫區指揮官</t>
  </si>
  <si>
    <t>全球疫情發燒許多國家進行封城鎖國措施政府也禁止高中以下師生出國並對故意前往第三級疫區的人士開罰外界質疑缺乏法源依據指揮官陳時中昨搬出特別條例第7條的應變權作為回應。但國民黨立委費鴻泰認為沒有法源就是獨裁國家建議蔡總統直接發布緊急命令這樣程式才完備。
根據特別條例第7條指揮官為防治控制疫情需要得實施必要之應變處置或措施被外界視為指揮官對於防疫作為的「霸王條款」。
陳時中表示禁止師生出國是為避免校內出現群聚感染由於新冠肺炎全球大流行外出旅遊的風險已相當高這對校園、社會的威脅很大因此決議高中以下不要出國。
至於故意前往加徵費用係依傳染病防治法第58條公佈姓名則是依特別條例第7、8條於法有據但在執行時會衡量是否為防疫的必要因此任何須動用第7條的都會非常謹慎。
不過人權律師、時力立委邱顯智指出大法官解釋曾指限制人民遷徙或人身自由都要有嚴格法律規範特別條例第7條的規範仍不明確受規範人無法理解應由行政院提出較具體的法規命令並送立法院審查《災害防救法》第5條也規定中央政府為達災害防救之目的採取的必要措施要送立法院報告。
時力立委陳椒華則表示疫情嚴峻確不適合出國但法律規範並不完備執政黨應盡快配合修正此外自疫區返國的人可能不遵守法律到處趴趴走執政黨對此應修法管制可能的災難。</t>
  </si>
  <si>
    <t>條例特別出國指揮官疫情法律規範必要執政黨防疫疫區完備措施外界國家應變作為表示</t>
  </si>
  <si>
    <t>發布緊急命令特別條例第必要肺炎指揮官</t>
  </si>
  <si>
    <t>特別必要條例肺炎緊急命令指揮官發佈</t>
  </si>
  <si>
    <t>發燒醫院現身門診真相全副武裝揭曉關曉彤</t>
  </si>
  <si>
    <t>大陸橫店影視城因新冠肺炎疫情影響全面停工半個月多直到上月13日起開始復工22歲女星關曉彤近來也準備開始拍戲但日前卻被拍到現身醫院的發燒門診意外掀起討論。關曉彤近日在媽媽的陪伴下前往橫店準備復工</t>
  </si>
  <si>
    <t>關曉彤開始準備復工橫店疫情肺炎影響全面停工直到上月發燒醫院現身門診意外掀起討論拍到媽媽近日陪伴日前拍戲</t>
  </si>
  <si>
    <t>大陸橫店影視城因新冠肺炎疫情影響全面停工半個月多直到上月13日起開始復工22歲女星關曉彤近來也準備開始拍戲但日前卻被拍到現身醫院的發燒門診意外掀起討論。
關曉彤近日在媽媽的陪伴下前往橫店準備復工拍戲卻有陸媒拍到母女倆和工作人員一行人現身醫院門診正好是發熱（發燒）門診因此引發外界猜測。
而據《新浪娛樂》求證關曉彤工作人員的說法對方則表示：「曉彤健康狀況良好圖是配合當地例行檢查。」</t>
  </si>
  <si>
    <t>門診復工開始橫店準備現身拍到發燒醫院拍戲良好疫情健康狀況表示肺炎方則影響說法彤工作人員全面關曉求證停工娛樂</t>
  </si>
  <si>
    <t>關曉彤新冠肺炎武漢肺炎COVID-19</t>
  </si>
  <si>
    <t>武漢肺炎關曉彤covid-</t>
  </si>
  <si>
    <t>林鴻明樂觀董座導體</t>
  </si>
  <si>
    <t>信驊(5274)在BMC(伺服器遠端管理晶片)領域持續坐穩高市占占比營收目前95%董事長林鴻明表示今年對於信驊營運樂觀看待目前看到第一季已經比去年第四季動能持平第二季應該也不錯面對半導體產能「缺」聲連連</t>
  </si>
  <si>
    <t>目前面對不錯應該持平導體管理領域持續已經高市看到占比營董事長今年林鴻明對於看待</t>
  </si>
  <si>
    <t>信驊(5274)在BMC(伺服器遠端管理晶片)領域持續坐穩高市占占比營收目前95%董事長林鴻明表示今年對於信驊營運樂觀看待目前看到第一季已經比去年第四季動能持平第二季應該也不錯面對半導體產能「缺」聲連連他表示信驊在晶圓上目前狀況還好比較緊張的是封測產能。
林鴻明表示以新台幣匯率28來預估今年信驊希望BMC產品營收有15%的成長新事業部的Cupola 360視訊晶片則有5%的成長他強調非BMC領域的成長不是來自於BMC產品出貨的減少而是兩者規模同步放大整體產品規模的放大且毛利率部分今年確定會比去年更好主要原因包含BMC產品的經濟規模成長與供應鏈的更具談判籌碼加上非BMC領域的成長目前B/B值(Book-to-Bill Ratio訂單出貨比)大於2。
林鴻明表示以現階段訂單狀況來說去年因為疫情關係自去年第四季就有很多大陸訂單都開始進來美系訂單則是穩定成長信驊今年會走出一個更靈活、更高附加價值的商業模式另外也看到BMC領域有走向OPEN BMC發展的趨勢信驊也在努力打造更多的商用模式。
談到業界普遍面臨的問題即半導體上游產能緊張林鴻明說已經晶圓來說因為信驊有一定的客戶做支撐所以目前看到的狀況是還好反倒是在封測上比較緊張以前2周的排程現在最長一度要到3個月是比較緊張的部分。
面對上游原料喊漲是否有漲價計畫林鴻明表示目前確實有和供應商討論價格現在狀況還好短期內沒有漲價計畫。
整體評估林鴻明表示今年攸關營運的幾大關鍵包括有匯率目前信驊都是以新台幣兌美元28來看再來就是供應鏈問題尤其是封裝。</t>
  </si>
  <si>
    <t>目前bmc表示成長林鴻明今年訂單狀況領域去年產品緊張看到產能比較供應規模問題現在還好</t>
  </si>
  <si>
    <t>信驊晶圓封測半導體BMC</t>
  </si>
  <si>
    <t>晶圓半導體bmc</t>
  </si>
  <si>
    <t>重新竹市開館</t>
  </si>
  <si>
    <t>因應新冠肺炎疫情新竹市政府為避免群聚感染保護親子們的健康3區的親子館自2月起就陸續減少課程並於3月底全面休館市府考量目前疫情狀況稍有趨緩決定14日起採分流且實名制入場重新開館。市府社會處長李季縈</t>
  </si>
  <si>
    <t>疫情市府開館新竹重新市政府入場避免保護感染分流全面決定目前月底考量狀況休館</t>
  </si>
  <si>
    <t>因應新冠肺炎疫情新竹市政府為避免群聚感染保護親子們的健康3區的親子館自2月起就陸續減少課程並於3月底全面休館市府考量目前疫情狀況稍有趨緩決定14日起採分流且實名制入場重新開館。
市府社會處長李季縈表示廣受大小朋友喜愛的新竹市3個親子館因新冠肺炎疫情影響於3月底起全面休館14日重新開放後將採分流措施每日入館分為3梯次分別為上午10點、下午1點半及3點半。
另東區及香山區親子館每次可以有50組親子北區親子館因場地較小每次入館為10組親子。想要預約入館的家長即日起可至新竹市托育資源中心親子館網頁https：／／wpcchccggovtw登記預約入館日期及時段。
李季縈指出各親子館開館前已全面進行消毒工作包含每日以稀釋漂白水清潔地板、擦拭設施設備及教玩具圖書並開起氣窗、大門、排風扇、空調使親子館室內保持通風再用紫外線消毒燈進行消毒以最高規格及安全的環境迎接大小朋友。
開館後也會持續進行工作人員及入館民眾健康管理工作人員每日上班均先清洗手部及量額溫服務親子的工作人員須全程佩戴口罩入館前所有親子除了實名制登記外都要進行手部消毒及量額溫落實各項防疫措施。</t>
  </si>
  <si>
    <t>進行消毒開館新竹全面工作人員疫情小朋友登記市府重新分流月底休館季縈</t>
  </si>
  <si>
    <t>通風專家建議關鍵感染監測二氧化碳濃度幼稚園</t>
  </si>
  <si>
    <t>新北市幼兒園爆發群聚第一波就驗出8名學童確診。台大醫師及學者指出雖然兒童感染新冠肺炎症狀較輕但12歲以下目前仍無疫苗可打一旦染疫恐怕對家庭及社會帶來極大影響；尤其不少幼兒園教室都是密閉空間應加</t>
  </si>
  <si>
    <t>幼稚園教室尤其影響極大學童帶來社會確診台大家庭醫師恐怕學者指出兒童一旦感染</t>
  </si>
  <si>
    <t>新北市幼兒園爆發群聚第一波就驗出8名學童確診。台大醫師及學者指出雖然兒童感染新冠肺炎症狀較輕但12歲以下目前仍無疫苗可打一旦染疫恐怕對家庭及社會帶來極大影響；尤其不少幼兒園教室都是密閉空間應加強二氧化碳濃度監測並落實通風換氣空氣傳播風險可降低9成。
台大醫院今天舉辦「幼兒園新冠病毒之Q and A」線上記者會」台大公衛學院教授詹長權於會中指出國內防疫一年多以來一直忽略了空氣傳播的風險當新冠病毒經由呼吸、說話、咳嗽或打噴嚏而散發出來大小從1到100微米都有如果是小於5微米的顆粒就可以在空氣中散播好幾個小時。
詹長權說過去我們定義「密切接觸」都是以2公尺為基準但如果是小於5微米的病毒顆粒很可能飄散超過2公尺甚止病毒排放者已經離開該空間時其他人再進入也可能被感染；尤其Delta變異株在上呼吸道的病毒量高達Alpha的1000倍通風更是現階段必須改善的防疫重點。
早在今年8月、新北幼兒園群聚發生前台大醫院環境及職業醫學部主任蘇大成團隊至北部2家幼兒園實際訪查發現有兩個共通點──沒有可通風的門窗且環境內塑膠製品多病毒恐長時間殘留。蘇大成指出幼兒園不像小學教室有獨立空間有些甚至開設在大樓內這樣的密閉空間是病毒傳播的高風險環境呼籲政府相關單位應加強查核。
台大環境及職業醫學部醫師陳宗延進一步說明監測結果：在幼兒園上課期間教室內二氧化碳濃度超過法定標準1000ppm甚至嚴重超標至1400、1500ppm。台大公衛學院副教授陳佳堃也指出二氧化碳濃度是確認通風好壞的指標但要保持室內通風不是開門開窗就可以最好再搭配排風扇等機械式換氣方式才能達到室內外空氣完全交換。
陳宗延建議如參考歐美的指引每人排風量應達到36到45CMH若以30坪空間容納20人為例每小時應換氣24到36次將整間教室的舊空氣以新鮮外部空氣取代。
如果業者難以評估通風效果陳宗延建議最簡單的方式就是監測二氧化碳濃度即使學童滿載時也要盡量控制在800ppm以下；若無法改善通風排氣系統至少應分艙分流減少學童容留人數和停留時間或考慮將學習活動改在戶外進行。</t>
  </si>
  <si>
    <t>通風幼稚園病毒空氣空間指出教室學童二氧化碳濃度環境換氣監測宗延ppm以下改善</t>
  </si>
  <si>
    <t>通風二氧化碳幼兒園新冠肺炎台灣</t>
  </si>
  <si>
    <t>幼稚園二氧化碳肺炎通風臺灣</t>
  </si>
  <si>
    <t>《興櫃股》法德藥代理利巴韋林吸入劑向陸NMPA申請緊急註冊</t>
  </si>
  <si>
    <t>向陸代理利巴韋林nmpa申請緊急註冊</t>
  </si>
  <si>
    <t>新冠肺炎疫情延燒目前尚沒有針對它的特異性藥物老藥新用成為短期內一種經濟和有效的療法開發策略。據大陸國家衛健委所公告「新型冠狀病毒肺炎診療方案」中提到患者在臨床診療上可採取利巴韋林作為抗病毒治療策</t>
  </si>
  <si>
    <t>肺炎病毒診療作為目前沒有利巴韋林異性藥物新用成為採取經濟有效療法開發臨床策略大陸國家衛健</t>
  </si>
  <si>
    <t>新冠肺炎疫情延燒目前尚沒有針對它的特異性藥物老藥新用成為短期內一種經濟和有效的療法開發策略。據大陸國家衛健委所公告「新型冠狀病毒肺炎診療方案」中提到患者在臨床診療上可採取利巴韋林作為抗病毒治療策略(建議與幹擾素或洛匹那韋/利托那韋合併使用)。
特殊學名藥大廠法德藥(4191)代理的利巴韋林吸入劑(Ribavirin for Inhalation Solution USP ANDA207366)可治療下呼吸道病毒感染是美國FDA唯一核准的學名藥吸入劑型效用更優於口服與注射劑型。法德藥正向大陸國家藥品監督管理局(NMPA)申請緊急註冊可望獲得加速審批也已經在大陸找到代理商為利巴韋林吸入劑上市銷售做好準備期能盡速供應新冠肺炎的治療需求。
法德藥為利巴韋林吸入劑的台灣與大陸地區總代理其所代理的利巴韋林凍乾粉吸入劑為專供霧化吸入使用目前利巴韋林在大陸僅有針劑並無吸入劑法德藥已向中國NMPA申請緊急註冊可望獲得加速審批提供新冠肺炎病患抗病毒藥物的另一選擇。為能以最快速度上市銷售法德藥已經找好大陸地區的代理商預先做好上市銷售的準備。
大陸國家衛健委所公告「新型冠狀病毒肺炎診療方案(試行第六版)」中提到新冠病毒患者在臨床診療上可採取利巴韋林作為抗病毒治療策略(建議與幹擾素或洛匹那韋/利托那韋合併使用)。從學理上也支援利巴韋林於新冠肺炎的治療應用在中國呼吸與危重監護雜誌2020年3月第19卷第2期-針對新型冠狀病毒感染患者的霧化吸入治療的建議中推薦具霧化專用劑型的利巴韋林霧化吸入治療法。同時利巴韋林亦被載明於美國化學會(American Chemistry Society ACS)推薦的候選療法報告中。</t>
  </si>
  <si>
    <t>利巴韋林大陸治療肺炎病毒銷售劑型使用上市患者藥物病毒感染策略目前中國冠狀療法診療</t>
  </si>
  <si>
    <t>法德藥新冠肺炎疫情老藥新用利巴韋林吸入劑</t>
  </si>
  <si>
    <t>新用肺炎疫情利巴韋林</t>
  </si>
  <si>
    <t>突圍黑馬麥寮jhvl史首冠</t>
  </si>
  <si>
    <t>109學年度JHVL男子組冠軍賽上演「黑馬傳奇」以複賽第6名踏進新莊體育館決賽圈的麥寮高中國中部不但先在6強決賽先後擊敗臺北市明湖國中與雲林縣馬光國中隊史首度闖進冠軍賽後今天更展現強悍霸氣以25比23、2</t>
  </si>
  <si>
    <t>上演今天黑馬賽後傳奇冠軍複賽闖進首度新莊體育館決賽圈麥寮冠軍賽中國林縣中部明湖國中</t>
  </si>
  <si>
    <t>109學年度JHVL男子組冠軍賽上演「黑馬傳奇」以複賽第6名踏進新莊體育館決賽圈的麥寮高中國中部不但先在6強決賽先後擊敗臺北市明湖國中與雲林縣馬光國中隊史首度闖進冠軍賽後今天更展現強悍霸氣以25比23、25比23、25比21扳倒傳統勁旅屏東縣新園國中笑納隊史第1座JHVL冠軍。
麥寮高中國中部教練陳信助表示決賽前夕全隊特別南下到新園國中移地訓練並與新園國中教練郭明香約定冠軍賽見沒想到一語成讖甚至在最後一戰甜蜜復仇刻下隊史嶄新里程碑。陳信助苦笑說：「真的很感謝新園國中與郭明香教練給我們的刺激不過從他們手裡拿走冠軍後我們下次恐怕沒辦法再去新園國中移地訓練了吧…。」
麥寮高中國中部是本屆JHVL男子組6強球隊中團隊平均身高最矮的一支隊伍早知道會面臨身材劣勢困境陳信助在108學年度選擇轉往乙級賽場磨練沒想到新冠肺炎疫情爆發後高中體總仍讓乙級聯賽「打好打滿」給了麥寮高中國中部滿滿的成長養分陳信助也強調雖然當時是在乙級賽場但他們的訓練與要求都是甲級規格最後才在「三年磨一劍」的累積下為麥寮高中國中部寫下JHVL的嶄新篇章。
這座JHVL冠軍不但是麥寮高中國中部隊史首冠也是陳信助生涯首座冠軍他透露：「我高中時期最好的成績只拿過亞軍後來拿過大專銀牌與雲林縣銀牌冠軍還真是頭一遭這座冠軍給了我很大鼓勵也有更多動力繼續深耕基層希望為麥寮高中培育更多人才。」
男、女子組冠軍都出爐後大會進行閉幕典禮也公佈本學年個人獎項男子組獲獎名單如下：
最佳舉球員：林祐廷（新園國中）
最佳自由球員：蔡濬任（馬光國中）
最佳邊線攻擊球員：王進寶（麥寮高中國中部）
最佳邊線攻擊球員：丁柏鈞（馬光國中）
最佳中間攔網球員：謝郾承（新園國中）
最佳中間攔網球員：紀宇憲（潭秀國中）
最佳對角攻擊球員：張廷翰（潭秀國中）
最佳潛力球員：吳育胺（麥寮高中國中部）
最有價值球員：王進寶（麥寮高中國中部）</t>
  </si>
  <si>
    <t>冠軍麥寮陳信助新園球員中國中部高中男子組jhvl教練最後冠軍賽賽場決賽訓練</t>
  </si>
  <si>
    <t>排球麥寮高中國中部新園國中球員</t>
  </si>
  <si>
    <t>中部新園麥寮高中球員排球</t>
  </si>
  <si>
    <t>黃暐瀚當初原因背後病毒中國禁用拜登攻擊</t>
  </si>
  <si>
    <t>美國新任總統拜登26日對聯邦政府下了一道命令要求官方機構不再使用「中國病毒」這樣的用語來稱呼新冠肺炎。對此資深媒體人黃暐瀚表示拜登此舉不是因為顧忌中共而是在乎被歧視的亞裔美國人想當初他這樣呼</t>
  </si>
  <si>
    <t>拜登美國亞裔一道政府命令要求機構官方不再聯邦使用中國病毒用語稱呼歧視肺炎對此中共在乎顧忌媒體黃暐瀚表示</t>
  </si>
  <si>
    <t>美國新任總統拜登26日對聯邦政府下了一道命令要求官方機構不再使用「中國病毒」這樣的用語來稱呼新冠肺炎。對此資深媒體人黃暐瀚表示拜登此舉不是因為顧忌中共而是在乎被歧視的亞裔美國人想當初他這樣呼籲時卻遭網軍舖天蓋地的攻擊。
對於拜登的舉動黃暐瀚今（29日）在臉書發文表示拜登不用「中國病毒」並不是怕大陸而是在乎被歧視的亞裔美國人。黃更回憶到他去年3月曾建議台灣最好不要使用「武漢肺炎」這類用語隨後立即遭受網軍猛烈攻擊媒體一篇又一篇痛批他是「中共同路人」。
黃暐瀚強調他自己也不是怕中共但擔心台灣將因此跟世界衛生大會（WHA）越來越遠都是為了自己好誰管中共生不生氣？如果美國不說「中國病毒」台灣不說「武漢肺炎」都可以緩和與大陸的關係雖然未必就成好友但至少不必急著要去當敵人。
在去年的國慶日上總統蔡英文的談話中就已將武漢肺炎改稱「新型冠狀病毒」11月川普敗選之後台灣指揮中心的記者會也逐漸不再使用「武漢肺炎」。黃暐瀚直言若國人覺得指揮中心現在避開「武漢肺炎」的用語對台灣是正確的事那就應該支持不要去罵酸一下差不多就夠了不要批評「對的事情」這是永遠不變的準則。</t>
  </si>
  <si>
    <t>肺炎臺灣武漢黃暐瀚病毒拜登美國中國用語中共使用去年不要大陸媒體指揮中心不再表示</t>
  </si>
  <si>
    <t>拜登黃暐瀚武漢肺炎中國病毒台灣</t>
  </si>
  <si>
    <t>武漢中國肺炎黃暐瀚病毒臺灣拜登</t>
  </si>
  <si>
    <t>確診賽娜公開賽羽球退出賽事泰國</t>
  </si>
  <si>
    <t>YONEX泰國羽球公開賽今天從32強賽事點燃戰火原本在參賽名單的印度前世界球後賽娜（Saina Nehwal）在最新一次的病毒採檢呈陽性反應在大會建議下退賽她的丈夫卡夏普（Parupalli Kashyap）也是這次參賽選手之一</t>
  </si>
  <si>
    <t>今天parupalli夏普賽事丈夫點燃戰火原本參賽名單建議印度大會前世陽性反應kashyap公開賽病毒賽娜</t>
  </si>
  <si>
    <t>3rd COVID test here in bangkok ? ?  The tournament starts tomorrow ? ?  #bangkok #Thailandopen #tournament #badminton pictwittercom/Lc5c7YZkQa
YONEX泰國羽球公開賽今天從32強賽事點燃戰火原本在參賽名單的印度前世界球後賽娜（Saina Nehwal）在最新一次的病毒採檢呈陽性反應在大會建議下退賽她的丈夫卡夏普（Parupalli Kashyap）也是這次參賽選手之一因為是密切接觸者也得退賽並前往醫院隔離而其他檢驗結果陰性的印度球員可以繼續參賽。
賽娜原訂今天要出戰馬來西亞選手琪索娜（Kisona Selvaduray）可惜在第三次病毒採檢收到確診的壞消息也奉送琪索娜直接晉級16強她的丈夫卡夏普也退賽赴醫隔離外媒並提到另一位印度男子選手普拉諾伊（HS Prannoy）也一度傳出確診不過後來官方證實他是陰性仍在參賽名單中將在明天出戰馬來西亞好手李梓嘉。
賽娜不久前透過社群網站分享接受檢測的影片她也展現出期待比賽的心情可惜首輪前夕確診無緣角逐冠軍世界羽聯BWF透露截至1月6日在設置的泡泡園區裡的824位與賽者的檢驗結果都是陰性而且在前往泰國前都要提出新冠肺炎檢測陰性的證明都是希望努力讓與會人員安全完成任務。</t>
  </si>
  <si>
    <t>陰性確診賽娜印度參賽可惜檢測今天選手泰國名單馬來西亞病毒出戰檢驗隔離前往</t>
  </si>
  <si>
    <t>羽球賽娜確診泰國羽球公開賽</t>
  </si>
  <si>
    <t>賽娜確診羽球公開賽泰國</t>
  </si>
  <si>
    <t>混打醫護人員試驗踴躍報名</t>
  </si>
  <si>
    <t>長庚醫院日前通過衛生福利部核准新冠肺炎疫苗第3劑混打計劃試驗對象為第一線醫護人員及航空機組人員人數共計400人。林口長庚醫院副院長邱政洵表示機組人員時間較難配合仍在邀請加入中醫護人員則非常踴躍</t>
  </si>
  <si>
    <t>機組人員長庚醫院加入邀請核准配合肺炎疫苗醫護人員混打計畫時間試驗對象線醫護人員表示航空邱政洵院長人數共計林口福利</t>
  </si>
  <si>
    <t>疫苗邱政洵試驗資料施打機組人員比較加強必須反應臺灣目前希望取得免疫可以表示包括看到開始</t>
  </si>
  <si>
    <t>新冠肺炎台灣第3劑施打試驗</t>
  </si>
  <si>
    <t>施打肺炎臺灣試驗</t>
  </si>
  <si>
    <t>鬱慕明中的專欄道路</t>
  </si>
  <si>
    <t>2020這一年註定是將來歷史上記載關鍵變動的一年。面對剛一開春就爆發的新冠肺炎美國從事不關己坐看好戲到後來疫情爆發不可收拾所謂「民主國家」的治理失能更反映在不斷攀高的確診數字還有國內經濟的嚴重衰</t>
  </si>
  <si>
    <t>爆發還有數位記載確診關鍵變動不斷反映面對國內剛一歷史開春治理國家民主所謂事不關己</t>
  </si>
  <si>
    <t>2020這一年註定是將來歷史上記載關鍵變動的一年。面對剛一開春就爆發的新冠肺炎美國從事不關己坐看好戲到後來疫情爆發不可收拾所謂「民主國家」的治理失能更反映在不斷攀高的確診數字還有國內經濟的嚴重衰退。陷入連任危機的川普卻只能用「假新聞」、「病毒會自己消失」來硬拗因為對他而言什麼都沒有比反中更來得重要似乎只要消滅中國（當然這也只是嘴炮）一切就能迎刃而解。
於是便有了蓬佩奧模仿昔日邱吉爾的「鐵幕」演講呼喚老掉牙的冷戰對抗想讓整個世界走回頭路。身為世界超強的美國像極了上個世紀二戰前夕的德國經濟低迷民粹橫行種族主義興起侵略殺氣瀰漫。在美國的挑撥下世界多個熱點都成火藥庫台灣更被國際多個機構認為是最危險的地方。
80年代以來全球化浪潮高漲人們開始習慣以「和平與發展」取代「戰爭與革命」。其中自由貿易打破了許多傳統藩籬使得各國之間能夠以合作化解對抗。然而自從冷戰結束後美國愈加狂妄自大放縱不事生產的資本遊戲大行其道過度消費更造就泡沬經濟從而造成金融危機。「美國優先」的心態使美國無法包容不同的政經制度和文明價值製造世界無止盡的動亂。
此外人類還面對更大的生存危機那就是像氣候異常、生態變遷、新型傳染病等不斷增加的自然災害。身為世界老大的美國不但無法領導世界因應這些新挑戰反而還繼續沉迷對抗。當今新時代需要的是和而不同、合作共榮就像中國致力一帶一路、消滅貧窮在外交上遵循不結盟、不爭霸將研發防疫的成果作為人類公共財共用這才是新時代的新思維。
台灣卡在中國大陸和美國兩大強權之間過去利用中美之間的戰略模糊得以兩面逢源都不得罪。但美國隨著自身實力下降也就愈加產生恐懼進而毫不遮掩地展現其貪婪、霸道的一面。無奈台灣從李登輝主政開始就走上「去中國化」的不歸路明明高度依賴大陸市場（蔡英文上任後對大陸貿易依存度不降反升）卻又和大陸在政治及情感上高度對立從而只能在中美衝突白熱化的當下被美國綁架賠上自己的發展命脈。
不論是民進黨「抗中保台」或者是國民黨「親美反共」都是舊時代的舊思維糾纏在上世紀國共統獨的意識形態。新時代的新思維應該回歸到「人民過好日子」只有這才是真正的普世價值。
我們應該學會尊重不同制度還原台灣硬被「祖國是日本」的李登輝去掉的中國本色儘早加入到中華民族的復興行列。當大陸扶助第三世界脫貧北斗衛星升空到位5G通訊獨步全球這些展現的都是新時代的大格局不是台灣自吹自擂的假民主、真民粹所能理解。
李登輝雖然過世了他的路線仍牢牢綁架台灣致使台灣人與大陸同胞心靈撕裂更要承受認同與現實巨大落差的煎熬。從當初的「戒急用忍」再到「兩國論」、「公投制憲」李登輝認為台灣可以不理會與大陸政經關係的本錢就是因為他和許多當時西方「中國崩潰論」的學者一樣都認為中共必倒臺、大陸必分裂。時至今日大陸不但沒有崩潰而且馬上要成為世界第一大經濟體。如果仍要堅持李登輝路線就只有準備好與大陸全面對抗別無他途至於勝敗結果大家都要承擔。
即將到來的新時代美國用盡一切連演都不演了就是要對付中國。中美激烈對抗的新格局下統獨所能模糊的空間必然愈來愈窄終至攤牌。這將是一個失去世界領袖風範的美國為保其霸主地位而無所不用其極的時代這也將是即將全面實現復興的中國大陸最後最艱險的一段路。
身在台灣的我們切莫再迷失於「抗中保台」的選舉口號唯有人民過上好日子那才是值得我們捍衛的真民主。至於靠「抗中保台」選上的蔡英文若再不改弦更張、懸崖勒馬必將被舊時代的瓦礫堆埋葬。不願陪葬的我們更要團結自救走出一條親陸、富台、強中的道路在新時代的浪潮中掌握航行的方向登上光明的坦途。
（作者為新黨榮譽主席）</t>
  </si>
  <si>
    <t>美國大陸時代臺灣中國世界對抗李登輝經濟民主認為</t>
  </si>
  <si>
    <t>美國台灣新時代大陸對抗</t>
  </si>
  <si>
    <t>時代臺灣大陸對抗美國</t>
  </si>
  <si>
    <t>處置費疫苗時中宣佈診所下週一發放基層</t>
  </si>
  <si>
    <t>疫苗基層中心指揮中央流行疫情涵蓋診所協助陳時中指揮官處置費院所至今仍未收入提高日前表示說明</t>
  </si>
  <si>
    <t>疫苗處置費獎勵撥付基層發放付給院所表示保署費用結算中央流行疫情指揮中心涵蓋診所協助</t>
  </si>
  <si>
    <t>疫苗處置費健保署疫苗陳時中新冠肺炎</t>
  </si>
  <si>
    <t>疫苗陳時中肺炎處置費</t>
  </si>
  <si>
    <t>打完az有效</t>
  </si>
  <si>
    <t>日前有女大生打完AZ疫苗後連吞6顆普拿疼仍止不住身爆痛引起許多人好奇詢問普拿疼一天最多可以吃幾顆？家醫科醫師許書華表示止痛退燒藥的主要成分是「乙醯胺酚」一般建議最大日劑量不超過4000毫克並且在黃</t>
  </si>
  <si>
    <t>az疫苗建議一般成分退燒藥乙醯胺止痛華表許書打完醫師劑量醫科引起可以</t>
  </si>
  <si>
    <t>日前有女大生打完AZ疫苗後連吞6顆普拿疼仍止不住身爆痛引起許多人好奇詢問普拿疼一天最多可以吃幾顆？家醫科醫師許書華表示止痛退燒藥的主要成分是「乙醯胺酚」一般建議最大日劑量不超過4000毫克並且在黃金1小時內服用最有效過量恐造成肝臟損傷甚至重症或死亡。
許書華在臉書《許書華醫師 陪妳寫日記》指出以325毫克的普拿疼計算一次1～2顆每4到6小時服用一次安全日劑量為8顆在24小時內不能超過12顆(3900毫克)；若為500毫克劑量最大安全日劑量為6顆在24小時內別超過8顆(4000毫克)；至於最高單位的650毫克劑量服用間隔需拉長到8小時最大安全日劑量為4顆24小時內不要超過6顆(3900毫克)。
許書華建議打疫苗後若出現發燒疼痛症狀再吃而且在黃金止痛一小時內適度服用正確劑量效果可達到8成以上若拖到後面已經非常疼痛或嚴重發炎才使用效果恐只剩下3成因此服用的劑量可能就必須再增加。
許書華也提醒普拿能不應與其他含有乙醯胺酚成分的藥品同時使用否則可能造成劑量過高問題服藥時不應飲酒或併服含酒精飲料避免加重藥品的肝毒性過量服用恐出現中毒症狀包括噁心、嘔吐、食慾不振、右上腹部疼痛嚴重中毒時皮膚可能會變黃及感到倦怠一定要馬上停藥、盡速就醫並在中毒後的8小時內給予解毒劑治療最有效。</t>
  </si>
  <si>
    <t>劑量服用小時許書華中毒疼痛可能超過不應藥品造成疫苗使用止痛嚴重醫師建議效果出現</t>
  </si>
  <si>
    <t>普拿疼打疫苗一天吃幾顆許書華黃金1小時</t>
  </si>
  <si>
    <t>疫苗許書華黃金小時</t>
  </si>
  <si>
    <t>肺炎羅智強館長正名陸委會</t>
  </si>
  <si>
    <t>陸委會副主委邱垂正14日以英文的「COVID-19」稱呼新型冠狀病毒所引發的肺炎並表示政府未來將致力於維護兩岸和平現狀。一再呼籲蔡英文總統別用「武漢肺炎」卻被1450出征、被批舔共的國民黨革實院長羅智強除肯</t>
  </si>
  <si>
    <t>肺炎英文國民黨covid-稱呼冠狀出征病毒引發武漢表示致力呼籲政府一再維護現狀兩岸和平未來總統蔡英文</t>
  </si>
  <si>
    <t>陸委會副主委邱垂正14日以英文的「COVID-19」稱呼新型冠狀病毒所引發的肺炎並表示政府未來將致力於維護兩岸和平現狀。一再呼籲蔡英文總統別用「武漢肺炎」卻被1450出征、被批舔共的國民黨革實院長羅智強除肯定陸委會的作法這解讀此為蔡總統和衛福部長陳時中轉彎的序曲並點名館長陳之漢「你說呢？」
羅智強今早在臉書發文說他呼籲蔡總統別用「武漢肺炎」卻被出征、被批舔共；然後許信良呼籲別用武漢肺炎、洪奇昌呼籲別用武漢肺炎、柯文哲呼籲別用武漢肺炎、黃偉哲呼籲別用武漢肺炎；現在陸委會也宣佈要維護兩岸和平不用武漢肺炎用covid-19這也是蔡英文和陳時中轉彎的序曲。
羅智強說理念的勝利從來屬於無畏無懼、堅持到底的人而時間終將站在道理的這一邊謝謝大家無畏1450張狂的洗板陪他一起堅強的守著這一份道理。館長你說呢？</t>
  </si>
  <si>
    <t>肺炎羅智強武漢呼籲陸委會無畏總統covid-道理蔡英文維護轉彎兩岸和平陳時中序曲館長出征一起終將張狂</t>
  </si>
  <si>
    <t>肺炎武漢肺炎武漢呼籲陸委會</t>
  </si>
  <si>
    <t>肺炎武漢呼籲陸委會</t>
  </si>
  <si>
    <t>用權證券股利蘋概永豐權王臺灣獲利</t>
  </si>
  <si>
    <t>全球籠罩在新冠肺炎的陰影下逾八個月疫情仍尚未緩解隨著時序進入秋冬各國專家紛紛擔心疫情再度惡化的可能。另2020美國總統大選在即再加上美國總統川普確診新冠肺炎以及川普宣佈已指示暫停紓困案協商一度</t>
  </si>
  <si>
    <t>疫情肺炎川普美國暫停指示宣佈紓困總統進入時序可能惡化陰影秋冬專家紛紛擔心再度緩解尚未在即</t>
  </si>
  <si>
    <t>全球籠罩在新冠肺炎的陰影下逾八個月疫情仍尚未緩解隨著時序進入秋冬各國專家紛紛擔心疫情再度惡化的可能。另2020美國總統大選在即再加上美國總統川普確診新冠肺炎以及川普宣佈已指示暫停紓困案協商一度影響美股走勢。市場接下來將聚焦在10月15日的美國總統選舉第二場辯論川普染疫後的狀況也為辯論會是否如期舉行增添變數。且本月美國企業財報陸續出爐企業是否提供樂觀的2021年營運展望會是左右美股走向的重要變數之一亦是投資人密切關注的重點。
日前因美國紓困法案暫停的影響使美股三大指數下跌台股一度受到幹擾但仍表現有撐。接下來市場預期蘋果將在10月13日推出新iphone12系列可望為相關供應鏈挹注成長動能；且今年推出的iphone將是蘋果首支5G手機對5G手機滲透率頗有助益5G題材有機會再度發酵。投資人若看好相關個股可考慮利用權證提前佈局利用小資金的權證商品放大獲利空間。在權證篩選上永豐金證券衍生商品部建議新手投資人以價內10％至價外20％附近且剩餘天數仍有60天以上的權證為主也可依據自身投資屬性篩選權證。提醒投資人進場前需謹慎評估承受風險的程度適時掌握停損停利！
永豐金證券向來積極推動權證市場為使投資人充分瞭解權證永豐金證券將於10/15（四）舉辦講座「權民開講：權證理財其實不難」由知名權證講師解析近期市場趨勢外並以淺顯易懂的方式講解權證商品知識鼓勵投資人善用權證提升投資效益。課程詳情及報名可至「永豐金理財網」學習講座頁面、經由「永豐金權證網」右上方連結進入或掃QR code進入。名額有限報名從速喔！</t>
  </si>
  <si>
    <t>投資人美國永豐進入市場川普證券是否疫情再度相關變數暫停一度理財總統肺炎</t>
  </si>
  <si>
    <t>蘋果權證川普肺炎暫停</t>
  </si>
  <si>
    <t>川普肺炎暫停蘋果</t>
  </si>
  <si>
    <t>足跡火鍋公佈最新衛生局列入</t>
  </si>
  <si>
    <t>彰化縣衛生局20日最新公佈確診個案公共場所活動史包括了正彰化肉圓、麻辣火鍋茶行和豆漿店等等又增加9個足跡。衛生局也強調看足跡也要比對時間這段時間內有到過這些地方出現身體不適症況就要去篩檢</t>
  </si>
  <si>
    <t>衛生局足跡不適症身體出現地方時間就要增加個案公共場所公佈活動確診最新豆漿店茶行火鍋包括</t>
  </si>
  <si>
    <t>彰化縣衛生局20日最新公佈確診個案公共場所活動史包括了正彰化肉圓、麻辣火鍋茶行和豆漿店等等又增加9個足跡。衛生局也強調看足跡也要比對時間這段時間內有到過這些地方出現身體不適症況就要去篩檢注意健康自主管理。
彰化縣衛生局強調公佈足跡不是獵巫標籤化考量確診者幾乎都是在密閉空間接觸同時間進行餐飲、聊天等成了高風險同時間內到過這些地方需要自我留意。
彰化縣衛生局長葉彥伯提供怎麼看足跡四大招
1確認地點、日期和時間。
2計算自主健康管理時間自足跡接觸日起加14天
314天內有狀況立即就醫。
4</t>
  </si>
  <si>
    <t>足跡接觸時間確診活動衛生局公佈地方健康自主管理強調就醫配合醫師就要空間密閉</t>
  </si>
  <si>
    <t>足跡時間彰化縣衛生局接觸史新冠肺炎</t>
  </si>
  <si>
    <t>接觸衛生局時間足跡肺炎</t>
  </si>
  <si>
    <t>確診竟是中心社會局市長管轄機構</t>
  </si>
  <si>
    <t>北市士林一間長照機構6月間發生47確診3死的群聚感染事件臺北市好政連線發起人林延鳳28日踢爆士林區某家社會局轄管的長照機構又有確診案例目前已知有2位住民及2位工作人員篩檢為陽性27日晚緊急將機構住民進行</t>
  </si>
  <si>
    <t>機構確診臺北市事件發起人感染林延鳳社會局林區陽性發生</t>
  </si>
  <si>
    <t>北市士林一間長照機構6月間發生47確診3死的群聚感染事件臺北市好政連線發起人林延鳳28日踢爆士林區某家社會局轄管的長照機構又有確診案例目前已知有2位住民及2位工作人員篩檢為陽性27日晚緊急將機構住民進行分流隔離安置作業北市防疫又見破口呼籲北市府不要隱匿盡快對外說明。
林延鳳接獲民眾陳情告知士林區某家社會局轄管的長照機構27日又有確診案例目前已知有2位住民及2位工作人員篩檢為陽性擔心有群聚感染狀況昨晚緊急將機構住民進行分流隔離安置作業正確數字仍待市府公佈。
「專案優先施打疫苗是否真落實？」林延鳳表示北市社會局先前對外宣佈針對轄管的103間長照機構工作人員及住民以施打新冠肺炎疫苗但截至7月15日止應施打工作人員有2498人實際施打為2344人住民應施打人數為5000人實際施打人數為4073人仍未施打疫苗工作人員與住民還有超過1000人以上這會變成長照機構發生感染的嚴重破口。
林延鳳說以這次發生確診的長照機構來看機構目前均並未開放家屬探視個案到底是去醫院就診感染或經由工作人員感染尚待北市衛生局做出完整疫調資料。
「北市府應積極管理別讓人民擔心受怕！」林延鳳呼籲北市府應盡快完成長照機構工作人員與住民的新冠疫苗施打作業若有遇到不願配合施打的對象應積極與家屬及當事人溝通協助施打並確實做好防疫管理作業否則長照機構確診事件不斷發生不僅是臺北市民恐慌全台人民也跟著擔心受怕。</t>
  </si>
  <si>
    <t>機構工作人員感染施打延鳳北市市府作業疫苗確診發生擔心家屬社會局對外積極</t>
  </si>
  <si>
    <t>長照機構工作人員新冠肺炎台灣林延鳳</t>
  </si>
  <si>
    <t>工作人員機構肺炎臺灣林延鳳</t>
  </si>
  <si>
    <t>解除分流管制竹縣</t>
  </si>
  <si>
    <t>新冠肺炎疫情已趨緩和新竹縣府交旅處日前召開觀光景點暨商圈防疫分流管制解除會議決議六福村、小叮噹主題樂園遵照中央疫情指揮中心及觀光局指示6月7日後解除人潮分流管制；內灣老街、北埔老街及湖口老街商圈則</t>
  </si>
  <si>
    <t>疫情管制分流解除緩和縣府新竹日前召開觀光中央遵照主題樂園指揮小叮噹景點中心觀光局人潮指示</t>
  </si>
  <si>
    <t>新冠肺炎疫情已趨緩和新竹縣府交旅處日前召開觀光景點暨商圈防疫分流管制解除會議決議六福村、小叮噹主題樂園遵照中央疫情指揮中心及觀光局指示6月7日後解除人潮分流管制；內灣老街、北埔老街及湖口老街商圈則自6月1日起提前解除人潮分流管制。
中央疫情指揮中心為防範新冠肺炎疫情出現社區感染對風景區進行人潮分流管制讓原本已受疫情影響的遊樂區更加雪上加霜像全國知名的六福村主題樂園假日入園旅客平均減少了8成。
內灣、北埔及湖口老街商圈除了一般親子家庭遊客外生意多靠遊覽車為主的阿公阿嬤團因疫情影響國內旅遊幾乎全斷業者都很樂見6月1日解除人潮分流管制。
縣長楊文科表示新冠肺炎疫情趨緩民眾可以多出門到戶外走走歡迎大家到新竹縣熱鬧的商圈消費但還是要做好自身防疫措施落實防疫新生活運動及防疫安心旅遊共同提升生活品質促進經濟發展。
交旅處長遊志祥表示目前新冠肺炎疫情趨緩中央疫情指揮中心推動防疫新生活運動交通部則推動防疫安心旅遊鼓勵民眾在落實個人衛生防護下也可多前往配合防疫措施的店家消費使民眾生活及產業經濟能在一定安全條件下逐步恢復正常。</t>
  </si>
  <si>
    <t>疫情防疫分流管制民眾人潮旅遊解除生活經濟新竹肺炎影響中央指揮中心落實消費主題樂園</t>
  </si>
  <si>
    <t>人潮肺炎中央疫情指揮中心分流疫情</t>
  </si>
  <si>
    <t>疫情中央指揮中心肺炎人潮分流</t>
  </si>
  <si>
    <t>員警爆滿驚見全是餐廳肺炎人頭</t>
  </si>
  <si>
    <t>因應新冠肺炎疫情澳洲自3月18日開始要求國民返國23日起要求各大娛樂場所歇業以來祭出多項防疫措施就是要民眾乖乖待在家中減少外出而餐廳也只可以外帶、禁止內用但是有一家餐廳被民眾爆料裡面坐了</t>
  </si>
  <si>
    <t>民眾餐廳要求疫情澳洲娛樂場所肺炎歇業以來祭出防疫措施一家就是乖乖禁止外帶外出開始家中減少</t>
  </si>
  <si>
    <t>因應新冠肺炎疫情澳洲自3月18日開始要求國民返國23日起要求各大娛樂場所歇業以來祭出多項防疫措施就是要民眾乖乖待在家中減少外出而餐廳也只可以外帶、禁止內用但是有一家餐廳被民眾爆料裡面坐了「好幾位顧客」警方前往查看差點沒嚇死。
澳洲昆士蘭一家歐式料理餐廳「Continental Cafe」因為受到肺炎影響認為店裡生意慘淡、實在太冷清老闆波唐斯（Beau Downs）於是向隔壁理髮廳借來沒在使用的假人頭放滿用餐的桌上看起來比較有「人氣」。
想不到老闆一個幽默舉動讓民眾以為店家違反規定私自營業因此向警方檢舉警方前往店裡一看發現都是假人頭也忍不住笑出來雖然老闆想法相當有創意不過大多民眾認為看起來毛毛的、有點詭異。
而將假人頭送給老闆波唐斯的理髮廳店長路克（Luke Reynolds）則稱讚對方此舉動認為波唐斯很會廢物利用。</t>
  </si>
  <si>
    <t>民眾老闆認為餐廳人頭唐斯澳洲警方肺炎舉動看起來一家店裡理髮廳前往要求疫情娛樂場所歇業以來祭出防疫措施</t>
  </si>
  <si>
    <t>澳洲新冠肺炎肺炎隔離防疫</t>
  </si>
  <si>
    <t>肺炎隔離防疫澳洲</t>
  </si>
  <si>
    <t>曝光高官行程立院</t>
  </si>
  <si>
    <t>觀光局內勤主管之子染疫事件目前該主管在家隔離而其上周行程曝光後竟然還包含立法院網友大驚立院慘了！中央流行疫情指揮中心日前公佈的案269是一名觀光局在桃園機場旅服中心工作的同仁且傳出因曾「接</t>
  </si>
  <si>
    <t>中心觀光局主管工作目前在家隔離上周曝光行程竟然包含立法網友機場立院中央桃園流行疫情指揮</t>
  </si>
  <si>
    <t>觀光局內勤主管之子染疫事件目前該主管在家隔離而其上周行程曝光後竟然還包含立法院網友大驚立院慘了！
中央流行疫情指揮中心日前公佈的案269是一名觀光局在桃園機場旅服中心工作的同仁且傳出因曾「接待」過從菲律賓返國的某部會官員之子而確診該兒子也確診是案例277。
資深媒體人周玉蔻更在臉書爆料案277男子的父親為觀光局官員兒子從疫區回台竟啟動機場貴賓接待3人一起喝咖啡？耍什麼小咖大官威啊？結果兒子變確診277機場接待確診269顕然這個官員兒子出了海關沒有繼續執行防疫措施爸爸帶兒子趴趴走害人家確診。
綜合媒體更報導該官員當天接機時並未請假就翹班出門幫兒子接機引起外界議論紛紛。對此觀光局副局長張錫聰還要再確認目前資料顯示在補請階段。
外傳該名官員上周有跟很多同仁開會一事經綜合媒體披露上週在交通部、觀光局裡開會並和觀光局長官同仁有近距離接觸其中上週五更與相關部會首長赴某立委協調會接受某立委陳情下午則是到交通部開會交通部長林佳龍當時也在場交通部也證實此事。
對此批踢踢網友大驚表示「這個弄到長官跟立委有染病危機會被拔嗎」、「可憐基層還確診有關係就沒關係唉唉」、「立院慘了」、「立委現在應該都人心惶惶吧」！</t>
  </si>
  <si>
    <t>兒子官員確診上周觀光局機場接待媒體開會交通部目前中心對此同仁局長立院</t>
  </si>
  <si>
    <t>確診官員兒子觀光局立法院</t>
  </si>
  <si>
    <t>觀光局兒子官員確診法院</t>
  </si>
  <si>
    <t>反向最糟歷史新高</t>
  </si>
  <si>
    <t>儘管美國新冠肺炎單日確診人數持續創新高加上市場預估即將登場的第二季財報季恐出現12年來最糟成績但仍無法抑制美股漲勢那斯達克指數10日再創新高。美國吉利德藥廠（Gilead Sciences）表示新冠肺炎藥物瑞德</t>
  </si>
  <si>
    <t>美國肺炎出現最糟成績季財報登場即將預估抑制市場加上漲勢那斯新高達克表示持續指數</t>
  </si>
  <si>
    <t>指數美國獲利肺炎確診企業案例超過業績可能市場持續金融全球新高那斯達克refinitiv</t>
  </si>
  <si>
    <t>上揚美國美股那指新冠肺炎</t>
  </si>
  <si>
    <t>美國上揚肺炎</t>
  </si>
  <si>
    <t>疫情防控升級內蒙古</t>
  </si>
  <si>
    <t>據大陸國家衛健委官網消息11月30日大陸報告新增確診新冠病例113例其中本土病例91例均在內蒙古呼倫貝爾市。截至12月1日6時30分內蒙古多地防控升級全大陸共有高風險地區6個、中風險地區12個。近日發現的新</t>
  </si>
  <si>
    <t>大陸內蒙古地區病例共有消息升級報告防控新增確診風險高風險截至呼倫貝爾市衛健本土發現近日</t>
  </si>
  <si>
    <t>據大陸國家衛健委官網消息11月30日大陸報告新增確診新冠病例113例其中本土病例91例均在內蒙古呼倫貝爾市。截至12月1日6時30分內蒙古多地防控升級全大陸共有高風險地區6個、中風險地區12個。近日發現的新冠變異病毒株Omicron香港昨日出現第4例確診患者來自奈及利亞。
中高風險12+6 分佈4省
在新增的確診新冠病例113例當中其中境外輸入病例22例（雲南8例四川5例廣東4例上海3例福建1例廣西1例）含3例由無症狀感染者轉為確診病例（均在四川）；本土病例91例（均在內蒙古呼倫貝爾市）。
據滿洲裡市新冠肺炎疫情防控指揮部1日發布的公告自2021年12月1日9時起將滿洲裡市3地包括：興華街道、紮賚諾爾區第三街道、第四街道調整為高風險地區並實施相應管控措施。
截至1日14時45分全大陸共有高風險地區6個、中風險地區12個。6個高風險地區均在內蒙古呼倫貝爾市12個中風險地區分佈在雲南省德宏州瑞麗市、遼寧省大連市、上海市浦東新區和青浦區、內蒙古自治區呼倫貝爾市和通遼市。
此外1日0時至14時內蒙古滿洲裡市報告新增確診病例12例其中滿洲裡市區新增8例紮賚諾爾區4例。截至目前滿洲裡市累計報告新冠肺炎確診病例142例其中滿洲裡市區106例紮賚諾爾區36例。
滿洲裡市啟動第4輪檢測
截至1日14時內蒙古滿洲裡市第3輪大規模核酸檢測已全部結束共採集樣本16萬4529人份篩查出陽性57例其中已確診17例另40例待臨床複核。1日上午8時滿洲裡市開展第4輪大規模核酸檢測工作截至14時已採集樣本13萬5472人份。對於逃避、欺瞞和拒不接受核酸檢測的個人造成疫情傳播擴散的將依法依規嚴肅追責問責。
香港特區政府衛生署衛生防護中心表示香港12月1日新增3例新冠肺炎確診病例均為輸入病例。此外稍早前1例輸入病例昨天證實驗出Omicron變種病毒香港至今累計確診4例感染Omicron病毒病例。</t>
  </si>
  <si>
    <t>確診滿洲里市病例截至內蒙古地區高風險檢測呼倫貝爾市大陸新增香港核酸omicron報告病毒疫情紮賚諾爾區分佈肺炎輸入人份</t>
  </si>
  <si>
    <t>香港內蒙古肺炎高風險確診病例</t>
  </si>
  <si>
    <t>高風險肺炎確診內蒙古病例香港</t>
  </si>
  <si>
    <t>良率升前景wifi導體新高</t>
  </si>
  <si>
    <t>立積(4968)今年營運不受疫情衝擊累計前三季已經賺贏去年全年隨著WiFi 6的良率提升佔營收比重增加法人看好11、12月營收仍有機會再創歷史新高立積今日股價逆勢剽悍一度大漲9%午盤後漲幅收斂但依舊持</t>
  </si>
  <si>
    <t>立 積 4968 今年 營運 不受 疫情 衝擊 累計 前 三 季 已經 賺 贏 去年 全年 隨 著 wifi 6 的 良率 提升 占營 收 比重 增加 法人 看好 1112 月 營 收 仍 有 機會 再創 歷史 新高 立 積 今日 股價 逆勢 剽悍 一度 大 漲 9 午 盤後 漲幅 收斂 但 依舊 持</t>
  </si>
  <si>
    <t>一度剽悍盤後逆勢衝擊累計已經疫情股價去年全年不受今日比重占營提升</t>
  </si>
  <si>
    <t>立積(4968)今年營運不受疫情衝擊累計前三季已經賺贏去年全年隨著WiFi 6的良率提升佔營收比重增加法人看好11、12月營收仍有機會再創歷史新高立積今日股價逆勢剽悍一度大漲9%午盤後漲幅收斂但依舊持穩在65%左右。
今年上半年全球因為疫情關係對於5G的布建力道放緩惟整體商機還在業界普遍認為僅為向後推遲1~2個季度隨著5G的動起來勢必帶動WiFi 6普及速度且WiFi 6的成長更快於5G對立積來說有著相當大的商機。
以立積今年營運表現來看並未受到疫情影響累計前三季營收為3711億元年增加9369%累計稅後純益為537億元年增270%每股稅後純益859元毛利率為3476%年減319個百分點其實立積光是今年上半年每股獲利366元就已經賺贏去年全年的313元。
立積專注於WiFi FEM產品是由PA(功率放大器)、LNA(低雜訊放大器)、SW(天線開關)整合而成 WiFi產品佔立積2019年度營收89%立積的FEM搭配全球各主要通訊晶片品牌廠出貨包含高通、博通、聯發科(2454)、瑞昱(2379)、Quantenna(已被ON Semi併購)、Celeno等立積主要的投片對象包括宏捷科(8086)、台積電(2330)、GLOBALFOUNDRIES、穩懋(3105)等合作的封裝廠包括江蘇長電、菱生面對現階段上游晶圓、封測等產能緊縮立積針對明年產能已經很有明確的規畫計畫成長在逾25%。
立積營收自今年5月首度突破4億元5~9月營收連續5個月創歷史新高9月營收更首度突破6億元只是10月因工作天數減少月減少12%但仍有531億元由於WiFi 6良率提升且佔營收比重增加故法人看好立積預估11、12月營收仍有機會再創歷史新高。</t>
  </si>
  <si>
    <t>立 積 4968 今年 營運 不受 疫情 衝擊 累計 前 三 季 已經 賺 贏 去年 全年 隨 著 wifi 6 的 良率 提升 占營 收 比重 增加 法人 看好 1112 月 營 收 仍 有 機會 再創 歷史 新高 立 積 今日 股價 逆勢 剽悍 一度 大 漲 9 午 盤後 漲幅 收斂 但 依舊 持 穩 在 65 左右 今年 上半年 全球 因為 疫情 關係 對於 5 g 的 布建 力 道 放緩 惟 整體 商機 還 在 業 界 普遍認為 僅 為 向後 推遲 1 2 個 季度 隨 著 5 g 的 動 起 來 勢必 帶動 wifi 6 普及 速度 且 wifi 6 的 成長 更 快於 5 g 對立 積 來說 有 著 相當 大 的 商機 以 立 積 今年 營運 表現 來看 並未 受到 疫情 影響 累計 前 三 季 營 收 為 3711億 元 年 增加 9369 累計 稅 後 純益 為 537億 元 年 增 270 每股 稅 後 純益 859 元 毛利率 為 3476 年 減 319 個 百分點 其實 立 積 光是 今年 上半年 每股 獲利 366 元 就 已經 賺 贏 去年 全年 的 313 元 立 積 專注 於 wifi fem 產品 是 由 pa 功率 放大器 lna 低 雜訊 放大器 sw 天線 開關 整合 而 成 wifi 產品 占立積 2019 年度 營 收 89 立 積 的 fem 搭配 全球 各 主要 通訊 晶 片 品牌 廠 出 貨 包含 高通 博通 聯發 科 2454 瑞 昱 2379 quantenna 已 被 on semi 並購 celeno 等 立 積 主要 的 投 片 物件 包括 巨集 捷 科 8086 台 積 電 2330 globalfoundries 穩 懋 3105 等 合作 的 封裝廠 包括 江蘇 長 電 菱 生 面對 現階段 上游 晶圓 封 測 等 產能 緊縮 立 積 針對 明年 產能 已經 很 有 明確 的 規 畫 計畫成 長 在 逾 25 立 積 營 收自 今年 5 月 首度 突破 4億 元 5 9 月 營 收 連續 5 個 月 創 歷史 新高 9 月 營 收 更 首度 突破 6億 元 只 是 10 月 因 工作 天數 減少 月 減少 12 但 仍 有 531億 元 由於 wifi 6 良率 提升 且 占營 收 比重 增加 故 法人 看好 立 積 預估 1112 月 營 收 仍 有 機會 再創 歷史 新 高</t>
  </si>
  <si>
    <t>wifi今年疫情已經累計商機全球包括產品歷史上半年增加fem</t>
  </si>
  <si>
    <t>立積穩懋宏捷科台積電高通</t>
  </si>
  <si>
    <t>台積電高通</t>
  </si>
  <si>
    <t>神父幼年若瑟探視天主教馬英九照顧</t>
  </si>
  <si>
    <t>天主教靈醫會呂若瑟神父日前發起募款活動盼救助新冠肺炎重災區的義大利家鄉短短6天募得15億元及相關醫療物資引起社會廣大議論。前總統馬英九今(2)日臉書發文表示他赴宜蘭探視呂神父向他表達敬意並透露</t>
  </si>
  <si>
    <t>神父若瑟探視日前宜蘭募款發起發文表示活動救助馬英九肺炎總統重災區議論大利社會家鄉</t>
  </si>
  <si>
    <t>天主教靈醫會呂若瑟神父日前發起募款活動盼救助新冠肺炎重災區的義大利家鄉短短6天募得15億元及相關醫療物資引起社會廣大議論。前總統馬英九今(2)日臉書發文表示他赴宜蘭探視呂神父向他表達敬意並透露自己從小即受天主教的照顧。
馬英九在臉書上說小時候家住萬華常跟著祖母到住家附近西園路天主堂時聆聽神父講道並領取奶粉、牛油、麵粉、玉米粉等救濟品可說是幼年即受天主教的照顧。
馬英九指出台灣過去曾接受外援隨著經濟不斷發展現在已有能力幫助他人在國際人道援助上屢不缺席。此次社會各界熱烈響應呂神父發起的活動大量捐款與物資湧入再次展現台灣已由「愛心輸入國」轉變為「愛心輸出國」也代表民眾對一生奉獻台灣神職人員們的深深感謝。
探視當天呂神父謝謝台灣感謝天主當年把他帶到這裡來。馬英九回應表示我們才要說謝謝神父謝謝你們到台灣來。
台灣與天主教會的淵源可追溯至西元1626年西班牙道明會士馬志烈(Bartolome Martinez)神父等人在基隆和平島建立第一座聖堂。如今天主教在台灣設立了許許多多的育幼、安老、身障等社福機構和醫療院所並深耕各級教育對於國人的醫療、教育及社會福利等方面貢獻良多。
馬英九特別提到尤其是天主教神父及修女們遠離家鄉與親人由世界各地千里迢迢來到台灣哪裡貧窮與落後就到哪去越是偏遠的地方越能看到他們的身影。他們日以繼夜地為這塊土地上的人民服務留下許多感人事蹟。</t>
  </si>
  <si>
    <t>神父臺灣馬英九天主教醫療家鄉物資表示活動探視發起謝謝感謝照顧教育愛心土地日以繼夜身影</t>
  </si>
  <si>
    <t>台灣馬英九天主教照顧呂若瑟</t>
  </si>
  <si>
    <t>天主教照顧馬英九若瑟臺灣</t>
  </si>
  <si>
    <t>基金主權看好壽險台開入市危機</t>
  </si>
  <si>
    <t>蘇花改通車後花蓮觀光、休閒養生產業前景看俏國內金融壽險、國外主權基金等不約而同在新冠肺炎疫情發生後於最近實地考察花蓮新地標台開新天堂樂園、洄瀾灣園區等周邊商業與旅館用地擬危機入市有意共同投</t>
  </si>
  <si>
    <t>危機用地旅館花蓮商業周邊觀光園區休閒入市產業養生前景樂園看俏國內金融壽險國外主權基金實地考察不約而同最近</t>
  </si>
  <si>
    <t>蘇花改通車後花蓮觀光、休閒養生產業前景看俏國內金融壽險、國外主權基金等不約而同在新冠肺炎疫情發生後於最近實地考察花蓮新地標台開新天堂樂園、洄瀾灣園區等周邊商業與旅館用地擬危機入市有意共同投資開發！台開董事長邱復生昨日證實將引進策略投資人。
打造觀光文創 還有生技園區
台開洄瀾灣特區總面積達80公頃其中35公頃為開心農場、水鳥花園、馬場、自行車道等生態環境。另可開發面積45公頃其中23公頃為新天堂樂園、旅館、商業用地、住宅用地及養生村等22公頃為光華樂活創意園區（工業區）。
台開指出現正由安泰銀行籌組25億聯貸案未來將配合工業局輔導與近來台商回流需求將「光華樂活創意園區」打造成觀光工廠、文創及生技等園區。
蘇花改通車後臺北到花蓮只要約25小時左右約與到台中開車時間相當台開透露當地觀光工廠需求增溫目前如立川漁場、乳製品業者等表示有意願進駐園區另有物流、影視、食品代工業、雲端產業也同樣表達高度進駐意願。園區建蔽率70％容積率300％最小單位1200坪每坪價格約65萬至8萬元起。
新天堂度假養生 花蓮異軍突起
至於「花蓮新天堂度假養生村」占地約3173坪總樓板面積14350坪地下一層地上10層樓高近50公尺中庭十米挑高、共734間房間分標準房與精品套房每間都是飯店級精裝修。樓層規畫上除3樓有寵物旅館3-9樓為住宿房間1-2樓則有醫療等複合式市集10樓養生俱樂部與全球知名酒店ibis品牌飯店合作24小時飯店級管理未來也將是AI智慧養生村目前施工進度約20％至25％間預計明年8月取得使照2022年農曆春節前營運。
新冠肺炎防疫時期花蓮異軍突起台開指出蘇花改的通車帶來車潮、人潮讓花蓮資產土地能見度大幅攀升也推升1、2月到訪台開新天堂樂園人潮高達70萬人次業績顯著提升。</t>
  </si>
  <si>
    <t>園區養生天堂觀光花蓮台開旅館樂園飯店開發工業房間人潮產業未來指出</t>
  </si>
  <si>
    <t>公頃台開新天堂旅館新天堂樂園</t>
  </si>
  <si>
    <t>旅館天堂台開樂園</t>
  </si>
  <si>
    <t>返台確診還原當年旅美</t>
  </si>
  <si>
    <t>新冠肺炎疫情擴及全球台灣不少旅居海外的民眾紛紛掀起一波返國潮且台灣近日新增的確診案例也幾乎都是境外移入其中案393與案384是一對夫妻兩人旅居美國30年期間久久才回來一次台灣現在卻爆出兩人返國前均</t>
  </si>
  <si>
    <t>臺灣返國全球旅居海外幾乎民眾爆出旅居紛紛確診案例美國新增期間回來近日久久現在疫情境外</t>
  </si>
  <si>
    <t>新冠肺炎疫情擴及全球台灣不少旅居海外的民眾紛紛掀起一波返國潮且台灣近日新增的確診案例也幾乎都是境外移入其中案393與案384是一對夫妻兩人旅居美國30年期間久久才回來一次台灣現在卻爆出兩人返國前均已出現症狀仍執意搭機返台讓同機乘客暴露在高風險之中引發爭議。更有不少網友好奇30年前的台灣是什麼樣子？對此就有旅遊粉專整理出7大要點神還原當時的狀況。
指揮中心昨（13日）公佈境內新冠肺炎新增5例確診其中案384、393為一對長住美國的夫妻兩人相隔1天搭機返台且男子在4月3日就已出現病症妻子則是自稱拉肚子症狀是喝牛奶導致。
消息一出引爆網友們的怒氣外界質疑兩人長年旅居國外一回台就有症狀對此指揮中心發言人莊人祥強調此案並非長年旅居國外但回國後確診的唯一個案並澄清回台後確診的隔離費用並非健保支應依法是由政府支應其餘醫療費用是自費或健保。
除了確診費用究竟由誰埋單引爆話題之外網友也紛紛好奇個案離開台灣30年究竟1989年12月31日以前的台灣是什麼樣子的？對此旅遊粉專「愛出國i-FLYtw」整理出7大要點直言案393於1990年到美國的時候正值青春年華跟現在大部分網友差不多年紀。
1、總統是李登輝
2、出國要向內政部入出境管理局申請許可
3、美元台幣匯率衝到1：26左右
4、股市12000點
5、還沒有全民健保（1995年3月才實施）
6、電腦不普及還停留在倚天DOS系統單色螢幕
7、電視只有華視、中視、台視三個頻道</t>
  </si>
  <si>
    <t>臺灣確診網友症狀美國旅居費用出國現在對此返國並非紛紛引爆新增中心</t>
  </si>
  <si>
    <t>旅美30年確診返台台灣</t>
  </si>
  <si>
    <t>臺灣旅美返台確診</t>
  </si>
  <si>
    <t>調配單備戰</t>
  </si>
  <si>
    <t>東南亞新冠肺炎添亂打亂光學鏡頭廠佳淩（4976）出貨進程在客戶生產及原物料供給都出現影響下致第三季訂單能見度受阻不過佳淩強調「訂單只是延後不會不見」為免客戶復工後急單湧現現已預先做好產線調</t>
  </si>
  <si>
    <t>客戶訂單預先添亂打亂湧現光學鏡頭廠佳做好肺炎復工出現不見生產影響物料</t>
  </si>
  <si>
    <t>東南亞新冠肺炎添亂打亂光學鏡頭廠佳淩（4976）出貨進程在客戶生產及原物料供給都出現影響下致第三季訂單能見度受阻不過佳淩強調「訂單只是延後不會不見」為免客戶復工後急單湧現現已預先做好產線調配以期將可能的影響降到最低。
佳淩4日舉行股東會佳淩董事長劉嘉彬樂看去年營運倒吃甘蔗強調隨著全球車市在去年下半年解凍佳淩營運也走出穀底順利轉虧為盈經統計去年光是光學鏡頭應用產品的年增率就達到六成。
今年車用市場續熱也帶動佳淩訂單持續滿載上半年營收913億元年增率10285％累計前五月自結稅後純益也達到3492萬元換算EPS 032元與去年上半年每股淨損067元相較可謂逆轉勝。
由於車用市場持續暢旺據悉今年第二季時佳淩客戶給的預測訂單已來到9、10月不料受新冠肺炎影響不單今年5月IC傳出缺料問題隨後6月又傳出越南疫情趨於嚴重到7月就連馬來西亞也陷入疫情佳淩坦言在疫情前景不明下客戶下單動作略顯遲滯部分原料也出現缺貨問題第三季的業績能否明顯好轉目前還要再觀察越南和馬來西亞兩國疫情的進展所幸第二季的營收基期不高僅437億元挑戰的壓力不大。
佳淩指出目前消費性產品的來料沒有問題只是客戶因疫情停工而延後拉貨此部分訂單仍會按既定計畫來生產只是不像之前得加班因應如此一來雖會為短期營收帶來負面影響但因加班減少反倒可以省下加班費對獲利來說也不啻是好事一件。至於車用鏡頭部分因為得搭配客戶的主要零組件一起出貨此部分的訂單遞延則是受累於客戶端缺料不過佳淩強調去年下半年新增的自動化產線目前仍如常運作只是稼動率由滿載略降至七、八成。</t>
  </si>
  <si>
    <t>客戶訂單去年疫情部分目前影響車用問題鏡頭今年強調只是營運</t>
  </si>
  <si>
    <t>肺炎佳淩調配產線訂單</t>
  </si>
  <si>
    <t>調配肺炎訂單</t>
  </si>
  <si>
    <t>專家馬虎動作改善防疫車內車上空氣</t>
  </si>
  <si>
    <t>下班順道載同事一程或許因為車內空氣不流通同事覺得有點頭暈。加上最近為防武漢肺炎蔓延儘量避免待在密閉空間因此同事伸手就要開窗但正值下班尖峰窗外瀰漫汽機車廢氣該開窗還是使用車內空調循環呢？◎</t>
  </si>
  <si>
    <t>同事車內下班最近武漢肺炎蔓延加上覺得頭暈或許流通儘量避免密閉空間廢氣窗外伸手汽機尖峰正值就要使用</t>
  </si>
  <si>
    <t>下班順道載同事一程或許因為車內空氣不流通同事覺得有點頭暈。加上最近為防武漢肺炎蔓延儘量避免待在密閉空間因此同事伸手就要開窗但正值下班尖峰窗外瀰漫汽機車廢氣該開窗還是使用車內空調循環呢？
◎車內空氣品質不佳 更可能成為武漢肺炎傳染高風險區
車子是密閉空間人與人間的距離小於1公尺在密閉空間的傳染風險也較高日前白牌司機受感染身亡恐怕就是一例。
除此之外車內空氣品質也不佳。刊登在《國際環境（Environment International）》期刊的新研究就顯示車子內裝如座椅、面板、踏墊等使用的阻燃劑可能致癌、不孕或胎兒發育不全而且待在車內的時間越長接觸的量越多。
該研究針對現今常用於阻燃劑的磷酸酯類有機化合物進行量測發現磷酸酯類有機化合物中的三磷酸酯（TDCIPP）量和待在車裡的時間成正比。「這些有機化合物會附著在灰塵上車內的人很難避免吸進或吃進肚子裡」研究者加州大學河濱分校環境毒物助理教授佛茲（David Volz）說。
美國生態中心（Ecology Center）科學家吉爾哈特（Jeff Gearhart）也指出來自皮革、染料、黏著劑、各種塑膠的揮發性化學物質約有50～100種可謂是「化學物質雞尾酒」。
◎車內4大空汙來源
對經常開車的人來說車內空氣品質攸關健康 台灣氣喘學會副祕書長、胸腔重症醫師蘇一峰表示車內空汙主要有4個來源：
●車輛內裝：包括皮革、染料、黏著劑、各項塑膠都是有機化合物和溶劑含有致癌物質苯、甲苯會導致肺癌、血癌、腎臟癌等而且隨著氣候漸暖如果車輛停在戶外直接曝曬高溫會增加揮發性有毒物質的濃度。
●車內佈置：有些人為了讓車內會擺放毛毯、絨毛玩具等這些都容易附著塵蟎和灰塵引發氣喘。另外許多駕駛會在車內放置芳香劑可能釋出甲醛等有毒物質。
●習慣不佳：如在車內吸菸、吃東西食物碎屑會產生異味、滋生黴菌、跟灰塵結合引發氣喘和呼吸道疾病。
●車外污染源：主要是粒狀污染物原因包括戶外空氣品質不佳、車多壅擠的尖峰時段和高速公路許多人認為汽車空調能過濾車內、外空氣因此車內空氣品質應該是相對好的但其實不然。其中原因在於汽車空調是吸引車外空氣在車內循環尤其是前車是柴油卡車這類重污染的車輛。
◎擺脫車內病毒和空汙 可以做3件事
面對車內空汙和防疫考量專家建議最好的方式是「開窗、戴口罩和勤換空調濾網」。
1 開窗
蘇一峰建議坐上車後先開窗10分鐘讓車內空氣流通降低車內有害物質的濃度尤其是經烈日曝曬過後的車子更該這樣做。如果車外空氣污染嚴重是否該開窗呢？高雄長庚醫院胸腔內科主治醫師王金洲認為和空汙比較武漢肺炎是急性的感染應以防疫為優先「建議開窗戴口罩雖然醫用平板口罩無法抵擋PM25但能過濾較大的空氣雜質也有一定的保護功效。」
2 戴口罩
衛生福利部南投醫院感染控制科主任廖嘉宏建議想防疫最好的方式是「開車窗、戴口罩」。至於車外循環的效果則因為每台車的換氣率不同不一定能充分將車內、外空氣交換他也不建議只開一扇的車窗「因為開窗會造成空氣流動在下風處的人可能會被上風處（靠開窗處）的傳染。」他說車內循環當然更糟。艷永華國際有限公司執行長、多所職校汽車科培育講師廖俊樺也指出開窗是營造半開放式的空間空氣流動下病毒量會降低減少感染風險能搭配口罩是最完整的保護。不過他也認為不管有無開窗若有防疫考量在車內的人都建議戴口罩。
3 勤換濾網
如果碰到某些情況不方便開窗例如外面下大雨則可使用外循環功能車外循環可以提供一些新鮮空氣、降低車內一氧化碳、二氧化碳和其他有毒化學物質的濃度但廖俊樺也提醒要勤換空調濾網如此可以增加車內換氣的效率。「一般是里程5000至10000公里就要更換濾網」蘇一峰說。
如果是接載陌生人或不確定是否有傳染風險的親朋好友除了戴口罩也可在乘客下車後清潔座椅、安全帶、手把等地方。廖俊樺強調目前車用空氣清淨機還沒有證據顯示可以降低空氣中的病毒量所以還是應保持車內通風。
◎除了空氣清淨機還可以這樣做
想防範武漢肺炎要戴口罩、開窗保持空氣流通、勤換濾網；如果是想改善車內空氣品質、降低毒物濃度除了可購買離子式或具備活性碳濾網的空氣清淨機來淨化空氣還要注意以下4個重點：
●不要用化學清潔劑清洗車內用清水即可。
●不要在車內抽菸即使開窗抽菸車內空氣還是會變差。
●保持車內環境乾淨用吸塵器清潔容易卡髒汙的地方如腳踏墊、座椅縫隙等。
●移除不必要的毛料裝飾物減少塵蟎和灰塵。</t>
  </si>
  <si>
    <t>車內空氣口罩車外品質迴圈感染建議降低可能傳染可以濃度武漢肺炎</t>
  </si>
  <si>
    <t>車內開窗空氣戴口罩循環</t>
  </si>
  <si>
    <t>空氣口罩車內迴圈</t>
  </si>
  <si>
    <t>疫苗高端少康呼籲蔡英文</t>
  </si>
  <si>
    <t>總統蔡英文明（8月23日）要打高端疫苗資深媒體人趙少康表示之前坊間盛傳蔡英文已經打了疫苗自己是完全不相信這件事還跟人爭得面紅耳赤因此他呼籲如果蔡英文想破偷打疫苗謠言就請蔡英文公開抽血檢查</t>
  </si>
  <si>
    <t>蔡英文疫苗謠言偷打高端表示呼籲面紅耳赤之前少康完全相信媒體盛傳已經</t>
  </si>
  <si>
    <t>總統蔡英文明（8月23日）要打高端疫苗資深媒體人趙少康表示之前坊間盛傳蔡英文已經打了疫苗自己是完全不相信這件事還跟人爭得面紅耳赤因此他呼籲如果蔡英文想破偷打疫苗謠言就請蔡英文公開抽血檢查抗體。
趙少康今（22日）在臉書發文表示之前坊間盛傳蔡英文4月已經在AIT打了兩劑BNT疫苗還有立委告訴他連立法院的司機都在gossip（八卦）碎嘴這件事說得活靈活現不知道是不是總統府司機傳給立法院司機的閒話還說明天蔡英文打的會是生理食鹽水。
對於這項傳言趙少康稱自己是完全不相信蔡英文會幹這種事的為此還跟好幾個朋友辯得面紅耳赤但沒有證據也辯不出什麼結果為了遏止謠言蔡英文可以考慮在明天注射高端疫苗前先公開抽血檢驗有無新冠肺炎病毒的抗體如果沒有抗體就證明謠言不可信也會增加蔡英文的公信力。
趙少康直言大家都知道蔡英文是高端疫苗最頂級的推銷員一年多來多次率領前副總統陳建仁、衛福部長陳時中等人卯足了勁替高端宣傳掛保證激勵高端的市值從30億膨脹到700億。雖然鼓動了不少支持者追隨跟進但開放三輪至今只有60萬人預約登記實在還是太少。
對此趙少康認為蔡英文有責任也有義務在9月6日也就是在823打了高端疫苗的14天後公開抽血檢查抗體確認疫苗的效果。如果有效可以大大增加大家的信心鼓勵人民群起而注射高端；如果沒效也可以提高大家的警惕甚至立刻停止施打無效的疫苗以免出現防疫破洞。這是蔡英文能為高端疫苗效果做的最好示範也是粉碎各種亂七八糟傳言最好的機會。
針對外界謠傳蔡英文偷打輝瑞疫苗傳聞總統府發言人張惇涵6月13日嚴正表示這是不折不扣的謠言蔡總統、賴副總統目前皆未接種疫苗。張惇涵強調總統、副總統願授權由中央流行疫情指揮中心調閱相關接種紀錄公佈於國人以昭公信。也請有心人士停止造謠呼籲社會各界勿以訛傳訛避免觸法。</t>
  </si>
  <si>
    <t>疫苗蔡英文高端少康總統謠言可以抗體表示停止接種司機呼籲抽血公開</t>
  </si>
  <si>
    <t>蔡英文高端疫苗趙少康新冠肺炎抗體</t>
  </si>
  <si>
    <t>少康疫苗肺炎高端蔡英文抗體</t>
  </si>
  <si>
    <t>力阻社評病毒</t>
  </si>
  <si>
    <t>新冠病毒不僅威脅全人類健康因各國相繼「鎖國防疫」全球陷入「封鎖悖論」亦即為防止新型冠狀病毒擴散各國對外關閉邊境對內封城或嚴格限制外出雖產生防疫效果卻造成經濟及社會活動停滯付出慘重的經濟</t>
  </si>
  <si>
    <t>防疫病毒經濟造成效果人類產生相繼外出健康限制鎖國社會活動對內嚴格邊境關閉對外擴散全球陷入冠狀防止封鎖悖論威脅</t>
  </si>
  <si>
    <t>新冠病毒不僅威脅全人類健康因各國相繼「鎖國防疫」全球陷入「封鎖悖論」亦即為防止新型冠狀病毒擴散各國對外關閉邊境對內封城或嚴格限制外出雖產生防疫效果卻造成經濟及社會活動停滯付出慘重的經濟損失形成悖論。隨著歐、美疫情擴大世界經濟前景漸趨悲觀野村全球市場研究公司分析指出若疫情無法有效控制全球經濟不僅「V型」復甦無望甚至可能陷入「L型」的長期衰退。
3月下旬以來日本各大城市接連的外出「自肅」（自我約束）勸告造成餐旅及百貨銷售等內需大幅萎縮安倍首相在參議院答詢時指出新冠病毒疫情「堪稱日本戰後從未經歷過的國難」並稱「已設想最壞的情況」。此警告除針對疫情更帶有對日本經濟的憂心。4月1日日銀（央行）公佈日本大型製造業景氣判斷指數（DI）為負8是7年來首度由正轉負且預測第2季為負11日本景氣持續惡化。無獨有偶美國國會4月2日發布今年第2季的GDP預測為負28%此為史上最大的負成長數字。為避免日本經濟失速安倍內閣將推出超過「華爾街金融風暴」時規模前所未見的緊急經濟對策。
然而全球各自為政的救市措施不足以使人類安度此二戰結束後的最大危局何況疫情中美、中爭論不休甩鍋對方互指為新冠病毒禍源美國總統川普以「中國病毒」指稱此病毒《華爾街日報》亦口不擇言稱「中國是真正的亞洲病夫」。美國將疫病汙名化的前現代做法迎合美國社會的種族主義並升高「中國威脅論」的聲量試圖幹擾中國的國際參與弱化其影響力。疫情中的美、中較勁不僅平添全球防疫的破口更釀成經濟危機。
新加坡總理李顯龍呼籲互相指責無濟於事美、中及各國須合作對抗新冠病毒且希望美國在此事上扮演領導角色因美國擁有資源、科學、影響力、軟實力以及令人信服且成功處理這些問題的經驗不僅是為美國自身的利益亦有利於更多國家的更大好處。
誠如李顯龍總理所言美國較中國應負更大的國際責任與義務但美國哈佛大學教授奈伊認為川普囿於狹隘的「美國第一」缺乏對欲望的克制偏向短期「零和收益」的政治操作未意識到「合作」與「淩駕」的辯證關係忽略體系及同盟的重要性。「川普外交」不利於防疫等國際權力間的「正和博弈」令美國在新冠肺炎全球擴散下付出慘痛代價。
《日本經濟新聞》評論指出「封殺新冠病毒全球政治需要對表」歐、美及中、日等亞洲主要國家須共商清晰的路線圖並構築全球政治的頂層設計構架其間美、中需要互信需要尋求共存。北京須做中、美共識構築的主動者共揚人性的良善重建交流及合作信心。
G20集團領袖於3月底舉行視訊峰會承諾將盡可能減少疫情對世界經濟造成破壞並共同投入疫苗及藥品的研發但美、中兩國的態度為能否獲致具體成果的關鍵。G20視訊峰會後川、習隨即通電但雙方合作依舊有口無心爭拗不斷即使川普有心與習近平維持互動關係卻不容易撼動美國反中的深層結構美國與歐洲的矛盾與互疑也隨著疫情惡化而深化G20峰會聯合公報多邊合作宣示可能淪為紙上談兵。
全球大流行的新冠肺炎不應加深美、中的新仇舊恨彼此怨懟而應是雙方捐棄文化偏執及成見尋求合作的契機。瘟疫當前美、中若能放下偏見與爭執共同抗疫將可緩解雙邊關係的緊張引領國際社會走向合作使新冠病毒對各國的傷害降到最低否則歷史將記上我們犯下的錯誤。「部落主義」的他我劃分、相互攻伐將使人類錯失戰勝新冠病毒的機會分崩離析的國際社會更難以收拾全球經濟的危局「部落主義」是當前人類比新冠肺炎更嚴重的病毒。</t>
  </si>
  <si>
    <t>美國全球經濟病毒疫情日本合作國際中國防疫川普造成政治社會中的人類指出</t>
  </si>
  <si>
    <t>旺報社評大陸經濟美國新冠</t>
  </si>
  <si>
    <t>大陸經濟美國社評</t>
  </si>
  <si>
    <t>疫苗肺炎年底大陸上市</t>
  </si>
  <si>
    <t>大陸當前積極研發新型冠狀病毒肺炎病毒滅活疫苗在美國總統川普於30日淩晨宣佈美國暫停與世界衛生組織（WHO）的關係後大陸國資委同日稍後表示大陸研發的肺炎疫苗預計最快在今年底或明年初上市。香港信報30日</t>
  </si>
  <si>
    <t>大陸肺炎美國研發病毒明年初上市今年底總統宣佈預計暫停國資疫苗世界衛生組織關係who表示香港川普淩晨冠狀活疫苗同日</t>
  </si>
  <si>
    <t>疫苗大陸上市臨床完成活疫苗肺炎美國國資表示研發預計病毒驗證不良反應發生率程度充分生物製品有效性研究所武漢</t>
  </si>
  <si>
    <t>大陸研發滅活疫苗大陸國資委生物製品</t>
  </si>
  <si>
    <t>大陸國資活疫苗研發生物製品</t>
  </si>
  <si>
    <t>幫忙店員識字拒絕都得肺炎阿嬤進</t>
  </si>
  <si>
    <t>台灣疫情升至三級警戒舉凡進入店家都得實施實聯制。近日一名超商店員表示一名阿嬤說要繳費卻不會使用實聯制只好教對方用手寫沒想到對方竟嗆「我不會」甚至大聲嗆店員「你們都會得肺炎」。該名超商員工</t>
  </si>
  <si>
    <t>舉凡進入都會店員店家方竟都得想到警戒實施繳費對方阿嬤表示商店只好近日</t>
  </si>
  <si>
    <t>台灣疫情升至三級警戒舉凡進入店家都得實施實聯制。近日一名超商店員表示一名阿嬤說要繳費卻不會使用實聯制只好教對方用手寫沒想到對方竟嗆「我不會」甚至大聲嗆店員「你們都會得肺炎」。
該名超商員工昨（23）日於臉書社團《爆料2公社》抱怨平日上班已經很忙最近因應疫情升溫還要查核每個客人有無落實實聯制。近日遇到一名想要繳費的阿嬤他向對方表示要完成實聯制才可以進入店裡阿嬤卻以「我不會」回應。
原PO表示阿嬤因為沒有智慧型手機只能使用手寫實聯制他也願意一步一步教導結果阿嬤卻不斷跳針喊「我不認識字我不會寫啊」。原PO說阿嬤已不是第一次來店裡之前明明有自己填寫成功的經驗他只好要阿嬤回家請家人幫忙繳費豈知阿嬤一聽直接爆氣怒嗆「你們都會得到肺炎」。
原PO無奈地說店員其實都很願意幫忙如果我們都幫忙寫真的會沒完沒了教會他們才是最重要的況且現在走到哪都需要實聯制並呼籲大家教進入超商完成實聯制後可以主動示出給店員看「可幫助你我省下很多時間」。
貼文曝光後網友也發表自身意見「不歧視老人是有些老人真的很歡」、「這位阿嬤的口德好差」、「建議家人該幫老人家刻印章蓋一下就好」、「辛苦了 只能說什麼人都有」、「其實不只是老人家這幾天出現很多狀況也有很多中年人甚至是年輕人」。
★《中時新聞網》提醒您：因應新冠肺炎疫情疾管署持續加強疫情監測與邊境管制措施 如有疑似症狀請撥打：1922專線或 0800-001922 並依指示配戴口罩儘速就醫同時主動告知醫師旅遊史及接觸史以利及時診斷及通報。</t>
  </si>
  <si>
    <t>阿嬤疫情店員肺炎進入繳費po主動表示因應老人家家人</t>
  </si>
  <si>
    <t>新冠肺炎台灣實聯制超商</t>
  </si>
  <si>
    <t>藝人劉尚謙擔心公園擴散疫情便當</t>
  </si>
  <si>
    <t>新冠肺炎疫情持續延燒有愛心團體擔心這段期間在艋舺公園周遭的街友乏人照料19日下午在公園附近發送愛心便當資深藝人劉尚謙也擔任志工協助發送劉表示這次活動是朋友發起的他覺得很有意義所以來參加希望</t>
  </si>
  <si>
    <t>愛心發送公園覺得發起持續朋友活動表示很有意義疫情團體協助擔心期間擔任</t>
  </si>
  <si>
    <t>新冠肺炎疫情持續延燒有愛心團體擔心這段期間在艋舺公園周遭的街友乏人照料19日下午在公園附近發送愛心便當資深藝人劉尚謙也擔任志工協助發送劉表示這次活動是朋友發起的他覺得很有意義所以來參加希望給社會送暖送愛心。
發起活動的朱品臻表示這次預計發送600個便當和礦泉水她本身是嫁來台灣的越南外配因緣際會做生意有一些獲利為了回饋社會這3年多來她都會進行一些公益活動。
她表示這次來艋舺公園是想到疫情期間街友可能乏人關注所以準備便當和飲料希望他們可以飽餐一頓朱的義舉果然吸引大批人潮許多人接過便當後立刻跑到公園角落大快朵頤有街友就開心表示：「好久沒有吃到排骨了～」</t>
  </si>
  <si>
    <t>便當公園表示愛心發送希望疫情社會期間發起活動持續開心因緣際會生意果然義舉</t>
  </si>
  <si>
    <t>愛心便當熱心公益劉尚謙艋舺公園新冠肺炎</t>
  </si>
  <si>
    <t>劉尚謙公益公園熱心便當愛心肺炎</t>
  </si>
  <si>
    <t>港澳開學返校無法教學</t>
  </si>
  <si>
    <t>受新冠肺炎疫情影響國內多所大學將在明天開學花蓮慈濟大學共有16名大陸港澳學生因過年返鄉無法返臺上課校方開學前啟動安心就學方案透過網路遠距教學讓大陸港澳學生開學上課時「一個學生也不能少」確保</t>
  </si>
  <si>
    <t>開學學生大陸大學港澳疫情影響國內肺炎方案透過安心就學啟動網路校方上課返台教學返鄉無法過年共有上課時</t>
  </si>
  <si>
    <t>受新冠肺炎疫情影響國內多所大學將在明天開學花蓮慈濟大學共有16名大陸港澳學生因過年返鄉無法返臺上課校方開學前啟動安心就學方案透過網路遠距教學讓大陸港澳學生開學上課時「一個學生也不能少」確保學習不中斷。
慈大教資中心劉哲文主任表示大家都以為線上教學門檻很高其實只要一台手機就可以他還親自示範如何在PPT裡錄音提供給授課老師參考上課前護理系老師江錦玲也將影片、簡報掛上網讓同學可以事先預習並用臉書與在香港學生連線。
開學前慈大數位教學組與大陸港澳不同地區的同學約測試瞭解同學所在地的網路品質沒問題以及可使用軟體像是台灣一般常用的臉書Facebook、通訊軟體Line在大陸地區無法使用必須改利用we chat等透過視訊同步討論上課內容。
未來內外科護理學」每週上課將利用手機以臉書私密社團直播班上7位同學自願輪流協助錄影港生曹曉穎說感謝學校的安排照顧到回不來的學生現在一星期只能出門一、兩次但因為有線上教學就好像在台灣和同學上課一樣。
家住在福建的生科系學生鄭琪萱表示這幾天已經可以外出活動了但還是很渴望能回到規律的生活大一有很多必修課學校這邊一直與她聯繫協助她選課並安排遠距教學也希望這波疫情趕快結束大家一起加油恢復原來的生活。</t>
  </si>
  <si>
    <t>學生上課同學教學開學大陸可以港澳疫情學校表示協助安排透過網路利用手機使用無法臺灣</t>
  </si>
  <si>
    <t>需求外資電視評等智慧目標價導體</t>
  </si>
  <si>
    <t>亞系外資針對聯詠(3034)出具最新研究報告指出在疫情衝擊下智慧型手機和電視相關出貨前景轉趨保守故一舉將聯詠評等持有調降至減碼目標價由193元下修到144元。亞系外資指出聯詠的智慧型手機和電視相關產品占</t>
  </si>
  <si>
    <t>指出手機電視外資智慧相關前景目標價保守一舉元下持有評等修到最新研究報告</t>
  </si>
  <si>
    <t>亞系外資針對聯詠(3034)出具最新研究報告指出在疫情衝擊下智慧型手機和電視相關出貨前景轉趨保守故一舉將聯詠評等持有調降至減碼目標價由193元下修到144元。
亞系外資指出聯詠的智慧型手機和電視相關產品占營收合計高達70%只是由於新冠肺炎疫情衝擊預期下半年需求前景不佳尤其OLED滲透率低於預期加上智慧型手機需求放緩恐拖累聯詠2020年OLED驅動IC和TDDI兩大成長動能表現恐拖累聯詠業績決定調降聯詠評等由中立的「持有」調降至賣出的「減碼」目標價由193元下修到144元另外亞系外資也預估聯詠今年第二季營收將季增4%第三季營收將季減14%決定調降2020年、2021年每股盈餘預估降幅分別為19%、21%分別為1202元、1302元。
亞系外資指出預估聯詠2020年OLED驅動IC與TDDI營收將分別年增24%及年減8%低於先前預估的年增123%、年增5%而iPhone SE新機推出後反應熱烈將帶動消費趨勢轉往中低階智慧型手機恐不利於OLED螢幕滲透率提高以及手機零組件升級。</t>
  </si>
  <si>
    <t>手機oled智慧預估指出前景預期需求疫情衝擊分別滲透外資低於拖累</t>
  </si>
  <si>
    <t>聯詠新冠肺炎智慧型手機OLED驅動ICTDDI</t>
  </si>
  <si>
    <t>手機肺炎智慧oled驅動ictddi</t>
  </si>
  <si>
    <t>宜縣救護車鎖定壓艙</t>
  </si>
  <si>
    <t>新冠肺炎疫情兇猛17年前SARS疫情爆發時由中央統一採購的負壓救護車因早已超過使用年限全部報廢因應隨時可能升溫的疫情宜蘭縣消防局長徐松奕表示已備妥方案並與醫療器材供應商約定一旦發生緊急狀況必</t>
  </si>
  <si>
    <t>疫情約定供應商器材醫療方案爆發一旦表示徐松奕中央採購局長救護車統一早已超過使用年限報廢因應宜蘭</t>
  </si>
  <si>
    <t>新冠肺炎疫情兇猛17年前SARS疫情爆發時由中央統一採購的負壓救護車因早已超過使用年限全部報廢因應隨時可能升溫的疫情宜蘭縣消防局長徐松奕表示已備妥方案並與醫療器材供應商約定一旦發生緊急狀況必須立即提供至少2套可裝設在救護車上的「負壓艙」防止疫情蔓延並保護救護人員安全。
自從17年前因SARS疫情由中央撥發的2輛負壓救護車過了使用年限報廢後宜蘭縣就再也沒有負壓救護車裝備如今遭逢新冠肺炎疫情消防局不敢掉以輕心立即實施任務編組在溪南、溪北兩個區域分別指定一組專責救護人員專組人員在執行載送疑似新冠肺炎患者時都必須穿戴隔離衣、手套、面罩身上防護衣物接縫處另以膠帶纏繞避免救護人員執勤時受感染。
徐松奕指出雖然目前中央還沒有進一步明確指示但消防局已鎖定有如一個小帳蓬並可裝設在救護車上的「負壓艙」每套「負壓艙」設備要價20多萬元目前只有雲林縣購置以目前宜蘭縣狀況雖然尚未達到需要緊急添購負壓艙的程度但消防局已向醫療器材供應商談妥一旦有需求至少能購得2套「負壓艙」投入防疫。
至於負壓救護車徐松奕說由於中央並未對負壓救護車訂出標準因此即使地方政府有意自行添購或接受民間捐贈也沒有標準可循恐衍生不必要的困擾建議還是由中央統一執行較為適當。</t>
  </si>
  <si>
    <t>疫情救護中央救護車壓艙人員沒有宜蘭徐松奕目前肺炎必須立即標準至少一旦統一執行</t>
  </si>
  <si>
    <t>消防局SARS疫情肺炎徐松奕負壓</t>
  </si>
  <si>
    <t>疫情徐松奕肺炎sars</t>
  </si>
  <si>
    <t>過程肺炎詭異曝光寒意升起</t>
  </si>
  <si>
    <t>新冠肺炎確診病例在全台持續攀升而林口長庚紀念醫院兒童一般醫學科主治醫師吳昌騰在臉書分享了一個新加坡案例他坦言讀完他的診療經過後「一股寒意在心中升起」更形容新冠肺炎病毒是一個「奸巧敵人」。吳昌</t>
  </si>
  <si>
    <t>肺炎病毒吳昌騰主治醫師醫學科分享一般新加坡兒童醫院案例紀念坦言攀升林口長診療過後持續寒意全台心中形容</t>
  </si>
  <si>
    <t>新冠肺炎確診病例在全台持續攀升而林口長庚紀念醫院兒童一般醫學科主治醫師吳昌騰在臉書分享了一個新加坡案例他坦言讀完他的診療經過後「一股寒意在心中升起」更形容新冠肺炎病毒是一個「奸巧敵人」。
吳昌騰臉書《來講兒科急診的543-吳昌騰醫師》提到新加坡一名6個月大的寶寶染病過程寶寶的媽媽在1/29出現發燒、喉嚨痛症狀2/3住院當天鼻咽拭子SARS-CoV-2陽性。而爸爸也在2/1出現相同症狀被住院隔離。
吳昌騰說明寶寶雖然無症狀但免於感染的機率很小2/4寶寶被收住院後都沒有出現症狀因此醫師並未照胸部X光、胸部CT但寶寶入院後採集的鼻咽標本經過檢測證實診斷為新冠肺炎感染且病毒載量高。
接著吳昌騰補充寶寶入院第2天血液病毒檢測陽性但大便和同一天的尿樣呈陰性。住院期間出現過一次發燒未用藥但一小時後體溫又正常。且寶寶每天咽拭子查新型冠狀病毒都是陽性直到第17天終於轉陰性。當中第八天尿檢正常但隨後在糞便中驗出病毒陽性弔詭的是寶寶一直沒有消化道症狀直到2/22出院。
吳昌騰提到兒童普遍症狀較輕微甚至無症狀這個寶寶幾乎是無症狀感染但可怕的是該寶寶從開始到住院16天每天的鼻咽拭子一直持續陽性同時病毒載量還較高仍然可以排病毒。
吳昌騰坦言看完這故事一股寒意在心中升起同時他也提醒醫界新冠肺炎病毒真的是一個「奸巧敵人」鼓勵大家要一起加油對抗病毒。</t>
  </si>
  <si>
    <t>寶寶病毒症狀陽性住院出現昌騰吳昌騰肺炎感染兒童陰性正常持續醫師提到新加坡坦言</t>
  </si>
  <si>
    <t>新冠肺炎武漢肺炎COVID-19新型冠狀病毒全球</t>
  </si>
  <si>
    <t>肺炎武漢covid-冠狀病毒全球</t>
  </si>
  <si>
    <t>清晨硬拼小時驚人</t>
  </si>
  <si>
    <t>新冠肺炎疫情全球肆虐但台灣此前控制得不錯直到近日境外移入確診數不斷增加引發民眾警覺各地又掀口罩搶購潮資深媒體人狄志為今天因緣巧合下加入戰局po文透露睡少少起大早去知名連鎖超市搶購口罩被眼前</t>
  </si>
  <si>
    <t>口罩全球肆虐臺灣此前控制連鎖不錯直到知名近日大早境外少少疫情透露確診po不斷戰局加入增加引發</t>
  </si>
  <si>
    <t>新冠肺炎疫情全球肆虐但台灣此前控制得不錯直到近日境外移入確診數不斷增加引發民眾警覺各地又掀口罩搶購潮資深媒體人狄志為今天因緣巧合下加入戰局po文透露睡少少起大早去知名連鎖超市搶購口罩被眼前的景象驚呆。
狄志為今(8/13)一早在臉書po文表示知名連鎖超商美廉社今起開放預購口罩全台共700多家店搶5萬盒一盒259元一人限購5盒而他本無意加入搶購潮只是「我三點半睡六點起床叫老大上學想想不如來排排看會不會太瘋狂」嘴上說著瘋了狄志為卻乾脆加碼挖老婆起來一起衝。
夫妻倆趕到店面前不過清晨6點半眼前景象讓他們直呼「OMG」因為算一算排隊人數已經來到40多人狄志為表示昨天有問了一下店員店員說這是全台同時開放搶購「機器刷得過就買得到刷不過就是沒了」讓他不禁幻想先前中了彩捲、發票又抽到動滋卷的狄家三口是否能延續運氣也搶到口罩？
狄志為想起前副總統陳建仁的提醒「接下來1家一個人至少得準備三個月的口罩」讓全台民眾再陷入搶購口罩的輪迴也堅定了自己的搶購決心但結果相當可惜「排了半天這次運氣不好白跑ㄧ趟！媽咪的叻！差三個人」一問之下才知頭香4點就來排了還有人專業到帶小椅子來排讓他大嘆：「我怎麼也會跟風來排呢？」。</t>
  </si>
  <si>
    <t>口罩搶購狄志為全台運氣搶購潮加入表示狄志景象眼前po開放知名</t>
  </si>
  <si>
    <t>狄志為美廉社口罩搶購新冠肺炎</t>
  </si>
  <si>
    <t>口罩搶購狄志為肺炎</t>
  </si>
  <si>
    <t>國家部分cdc疫情步入肺炎大利後塵</t>
  </si>
  <si>
    <t>目前新冠肺炎在歐洲擴散歐洲疾病預防管制中心（ECDC）示警疫情正朝向社區性傳播發展確診案例也不斷攀升若持疫情持續惡化擔憂其他國家也會出現類似像義大利與中國大爆發的情形應立即採取相對防疫措施保護</t>
  </si>
  <si>
    <t>疫情歐洲採取應立即情形爆發管制中心中國ecdc擴散大利相對類似出現疾病朝向社區性發展確診傳播案例國家</t>
  </si>
  <si>
    <t>目前新冠肺炎在歐洲擴散歐洲疾病預防管制中心（ECDC）示警疫情正朝向社區性傳播發展確診案例也不斷攀升若持疫情持續惡化擔憂其他國家也會出現類似像義大利與中國大爆發的情形應立即採取相對防疫措施保護最脆弱的人群。
據《中央社》報導歐洲疾病預防管制中心表示針對歐洲對抗防疫措施預期病例將會持續增長重要的是透過減少傳播機會與加強醫療衛生系統來保護免疫力差容易感染的人群免於受到嚴重的疾病和致命傷害。
歐洲疾病預防管制中心公佈2019年新冠肺炎最新疫情報告包括歐盟（EU）27國、英國及冰島、挪威等國全出現疫情累計確診2萬2105例、死亡943例其中義大利最為嚴重病例計1萬2462例、死亡827例。
德國總理梅克爾（Angela Merkel）11日表示在病毒傳播同時免疫力較差的人們較易感染再加上沒有治療方法下「大約會有6成到7成人口染病」重點放在減緩傳播速度。
德國也建議取消聚集人數在1000人以上的聚會包含足球賽、商展等大型活動。比利時政府也同樣建議禁止超過1000人的室內大型集會。
義大利全境封鎖後又進一步下令除了食品與藥局外全國商家全部關閉；奧地利則宣佈禁止義大利航班與火車入境；斯洛維尼亞也將在與義大利邊境實施控管措施。
荷蘭表示只要有感冒、咳嗽、喉嚨痛或發燒症狀者都應待在家中、取消100人以上的活動包括博物館、音樂廳及體育競賽等公共場所及所有大專院校提供遠距教學課程。
更多 CTWANT 報導</t>
  </si>
  <si>
    <t>大利傳播疫情表示歐洲措施疾病包括管制中心保護禁止預防人群持續出現感染免疫力以上確診防疫取消嚴重</t>
  </si>
  <si>
    <t>義大利歐洲新冠肺炎預防管制中心</t>
  </si>
  <si>
    <t>肺炎歐洲大利預防管制中心</t>
  </si>
  <si>
    <t>不一民怨標準陳時中解封各縣市</t>
  </si>
  <si>
    <t>中央流行疫情指揮中心宣佈7月13日起微解封但各縣市政府做法不一民眾看得霧煞煞對此指揮官陳時中回應適度放鬆是在整體疫情判斷之下強度太強違規的事情就多防疫疲乏會及早出來反而強度就不好；所以在</t>
  </si>
  <si>
    <t>疫情強度中心宣佈不一做法市政府解封回應適度放鬆出來疲乏整體防疫判斷之下事情違規太強指揮</t>
  </si>
  <si>
    <t>中央流行疫情指揮中心宣佈7月13日起微解封但各縣市政府做法不一民眾看得霧煞煞對此指揮官陳時中回應適度放鬆是在整體疫情判斷之下強度太強違規的事情就多防疫疲乏會及早出來反而強度就不好；所以在這兩者取得平衡相信地方政府都會從中做取決。
新北市政府宣佈中央公佈的指引很難做到餐飲業仍不開放內用；新竹市長林智堅也宣佈市內12座公有市場維持禁止內用校園操場也不對外開放；雲林縣也表示學校操場暑假期間無法進行實聯制及清消暫不對外開放；高雄市長陳其邁則表示以戶外場所優先開放室內管制強度需要再研議。
陳時中表示有些人覺得太緊有些人又覺得太鬆這是兩難的情況鬆綁的部分是屬於指引個地方整府可以因應疫情和民情做出最適切的判斷沒有所謂同調不同調的問題在三級範圍內可以做出彈性應用。</t>
  </si>
  <si>
    <t>表示宣佈強度疫情市政府地方判斷指引開放市長對外開放操場可以做出中央覺得同調不一回應做法適度</t>
  </si>
  <si>
    <t>微解封強度各縣市標準民怨</t>
  </si>
  <si>
    <t>解封強度標準各縣市民怨</t>
  </si>
  <si>
    <t>科技打擊合作肺炎不實資訊微軟</t>
  </si>
  <si>
    <t>微軟、臉書、推特與Alphabet旗下的穀歌等美國科技公司今天發表聯合聲明說他們正在合作消除平臺上關於疫情的不實訊息。路透社報導這些公司也包含領英公司（LinkedIn Corp）、Reddit與YouTube。聯合聲明說他們</t>
  </si>
  <si>
    <t>公司聯合聲明alphabet穀歌美國科技報導疫情路透社訊息不實平臺linkedin消除今天合作corp發表reddit包含</t>
  </si>
  <si>
    <t>公司疫情資訊聯合聲明合作美國病毒美國科技報導肺炎今天武漢不實平臺病例重要最新全球機構alphabet醫療保健政府</t>
  </si>
  <si>
    <t>公司科技合作美國肺炎</t>
  </si>
  <si>
    <t>美國肺炎公司合作科技</t>
  </si>
  <si>
    <t>全球限制疫區日本入境</t>
  </si>
  <si>
    <t>「鑽石公主號」郵輪幾乎每天都爆出30例以上新冠肺炎確診病例導致日本境內總確診數不斷飆升日本政府的防疫能力也遭質疑包括吉裡巴斯在內目前全球已經有4個國家限制日本人入境。日本讀賣新聞今（13）日報導</t>
  </si>
  <si>
    <t>日本確診爆出以上國家肺炎全球已經幾乎目前吉裡巴斯包括質疑能力防疫日本政府入境限制</t>
  </si>
  <si>
    <t>「鑽石公主號」郵輪幾乎每天都爆出30例以上新冠肺炎確診病例導致日本境內總確診數不斷飆升日本政府的防疫能力也遭質疑包括吉裡巴斯在內目前全球已經有4個國家限制日本人入境。
日本讀賣新聞今（13）日報導由於新冠肺炎疫情延燒太平洋島國吉裡巴斯已經自10日起限制日本人入境要求欲前往吉裡巴斯的日本人先在沒有出現2019年冠狀病毒疾病（COVID-19）疫情的國家待滿14天才能入境成為全球第4個限制日本人入境的國家。
不只吉裡巴斯此前薩摩亞、密克羅尼西亞及吐瓦魯等3個太平洋島國都已陸續祭出類似旅遊限制措施。
值得注意的是外國觀光客也開始避開到日本旅遊。香港《南華早報》報導部分旅客在取消赴日行程時也要求航空公司、郵輪公司退回費用。
停靠在橫濱港的鑽石公主號今日再新增44確診病例全船3711人中這艘船總計目前確診病例數已來到218人。由於船上人數眾多日本政府遲遲無法決定讓所有人接受病毒檢疫鑽石公主號儼然成為「病毒方舟」最新消息是日本擬讓80歲以上老人、慢性病患者、艙房內沒有窗戶的乘客優先受檢、下船。</t>
  </si>
  <si>
    <t>日本吉裡巴斯確診病毒限制國家入境病例公主沒有鑽石日本政府以上旅遊目前疫情報導島國成為太平洋要求郵輪</t>
  </si>
  <si>
    <t>往事年前眾人高雄群</t>
  </si>
  <si>
    <t>高雄市仁武區爆發家庭群聚感染13人陸續確診由於指標個案曾在三峽恩主公醫院就醫一度引爆高雄槓新北疫調不實。個案被公佈足跡後位在高雄市新興區的西服店透過臉書發表聲明揭露一段20多年前的往事「充滿濃</t>
  </si>
  <si>
    <t>個案高雄市揭露聲明發表家庭爆發透過西服店感染新興區陸續確診就醫一度引爆醫院高雄指標足跡三峽主公</t>
  </si>
  <si>
    <t>高雄市仁武區爆發家庭群聚感染13人陸續確診由於指標個案曾在三峽恩主公醫院就醫一度引爆高雄槓新北疫調不實。個案被公佈足跡後位在高雄市新興區的西服店透過臉書發表聲明揭露一段20多年前的往事「充滿濃濃洋蔥」。
該名個案今年60多歲平常在桃園工作5月24日住進恩主公醫院動手術6月22日確診；這段期間他因返回高雄造成家庭群聚家人又跑去上班再傳染給同事導致共13人染疫。
高雄市政府公佈其足跡分別去過CS Kingsman紳士西裝西服店及勾勾手自助婚紗店店員快篩全為陰性目前自主管理中。CS Kingsman陳姓負責人在臉書PO出聲明呼籲民眾不要責怪指標個案「團結一起度過這波疫情才是最重要的」。
陳姓負責人透露個案於6月19日由女兒陪同到店裡做西裝只因女兒想替爸爸圓夢。原來父親20多年前結婚時沒拍婚紗一直以來不無遺憾貼心的女兒希望爸爸能一圓夢想才會帶他來製作西服。
負責人強調這對父女是當天最後一組顧客依規定量體溫也無異樣「經過此事件希望大家不要帶著批評仇視的角度去責怪誰」他認為發生這種事大家都不樂見遇到了該面對還是要面對。</t>
  </si>
  <si>
    <t>個案負責人高雄女兒希望婚紗責怪不要爸爸確診西裝西服店cskingsman指標家庭足跡聲明醫院公佈</t>
  </si>
  <si>
    <t>高雄仁武家庭群聚恩主公醫院疫調</t>
  </si>
  <si>
    <t>主公家庭醫院仁武高雄</t>
  </si>
  <si>
    <t>電價一口氣機會團體工商</t>
  </si>
  <si>
    <t>經濟部即將在3月中召開電價審議委員會電價已連續三次未調整但國際原油跌至每桶50多美元近期又遇上新冠肺炎（COVID-19）疫情肆虐知情官員透露4月起新電價維持「連四凍」可能性很大有不調漲空間。不過目前</t>
  </si>
  <si>
    <t>電價可能性連續維持國際原油調整近期不調遇上新透露知情肺炎covid-肆虐疫情官員審議委員會</t>
  </si>
  <si>
    <t>經濟部即將在3月中召開電價審議委員會電價已連續三次未調整但國際原油跌至每桶50多美元近期又遇上新冠肺炎（COVID-19）疫情肆虐知情官員透露4月起新電價維持「連四凍」可能性很大有不調漲空間。不過目前電價平穩基金僅剩225億元若下半年電價面臨調漲壓力將無銀彈可平抑電價。
對於電價可能「連四凍」工商團體幾乎「鬆一口氣」更指現在漲電價會讓全民困擾希望政府要傾聽民間聲音甚至呼籲連今年基本工資都不要調漲。
全國商業總會理事長賴正鎰表示電價調整將會影響物價現在台灣遇上疫情觀光等相關產業損失慘重若是現在漲電價是「雪上加霜」期望政府因應民間需求暫時不要調整電價。
經濟部將於3月中召開「電價費率審議委員會」敲定今年4月起的新電價。據瞭解由於中美貿易戰於去年趨緩國際油價一度漲至每桶68美元帶動能源成本攀高。惟近來因新冠肺炎影響能源價格持續下跌截至2月下旬西德州、北海布蘭特及杜拜原油每桶已跌至50至60美元之間讓電價上漲壓力減小。
知情人士透露由於調整電價會連帶影響物價目前疫情蔓延任何事都要以防疫為最優先且近期國內產業與台商回報經濟情勢受疫情影響嚴峻此時不宜再調高電價加重國人負擔。
值得注意的是2019年台電全年稅前虧損147億元經濟部決議提撥412億元電價穩定基金挹注台電讓稅前盈餘達265億元較2018年盈餘減少35億元台電累計虧損也降為758億元。
經濟部2018～2019年連三次以電價穩定基金彌補台電虧損2020年初電價平穩基金已見底僅剩225億元近期國際能源價格下跌但若未來全球景氣回升帶動產業復甦能源需求大增電價將有上漲壓力屆時已無銀彈可平抑電價最終恐仍會反映在民生用電上。</t>
  </si>
  <si>
    <t>電價疫情影響調整產業近期台電虧損現在經濟部基金壓力帶動國際今年下跌目前能源價格</t>
  </si>
  <si>
    <t>調漲肺炎台電新電價每桶</t>
  </si>
  <si>
    <t>台電肺炎電價</t>
  </si>
  <si>
    <t>受損資料驚人高?醫危險川普關鍵</t>
  </si>
  <si>
    <t>美國總統川普確診新冠肺炎住院四天後就出院引發各界關注重症暨胸腔醫師黃軒則引述國際研究分析其恢復後出現肺功能障礙的機率若川普是輕症將有425%的機率出現肺功能障礙、重症則有756%的可能性並羅列出</t>
  </si>
  <si>
    <t>重症川普出現障礙功能住院肺炎出院引發關注胸腔引述醫師黃軒國際確診研究分析恢復</t>
  </si>
  <si>
    <t>症狀黃軒川普患者嚴重重症呼吸器發燒咳嗽出現功能組別住院確診出院肥胖障礙研究國際</t>
  </si>
  <si>
    <t>川普新冠肺炎確診肺受損機率</t>
  </si>
  <si>
    <t>確診肺炎受損川普</t>
  </si>
  <si>
    <t>步道自然遊樂區森林解封防疫範圍考量縮減</t>
  </si>
  <si>
    <t>13日起防疫微解封林務局表示經與部落社區協調決定戶外場域開放範圍縮減太平山森林遊樂區、鎮西堡巨木群步道等仍暫停開放松雪樓、奧萬大山莊等住宿人數則降載5成。林務局今天表示經與當地部落社區協調</t>
  </si>
  <si>
    <t>開放林務局表示部落社區協調解封鎮西遊樂區森林人數住宿木群步道平山山莊暫停松雪樓縮減今天</t>
  </si>
  <si>
    <t>13日起防疫微解封林務局表示經與部落社區協調決定戶外場域開放範圍縮減太平山森林遊樂區、鎮西堡巨木群步道等仍暫停開放松雪樓、奧萬大山莊等住宿人數則降載5成。
林務局今天表示經與當地部落社區協調開放戶外場域縮減為91條自然步道、53條林道、14處國家森林遊樂區、3處平地森林園區及4處林業文化園區。
林務局指出室內展示教育場館、軌道設施（阿里山林業鐵路、太平山蹦蹦車與烏來台車）、山屋與通舖型住宿設施以及自然保護區域（包含自然保護/留區與野生動物保護區）仍暫不開放。
對照8日公佈預計開放120條自然步道、81條林道、17處國家森林遊樂區林務局說明當時也附帶說明各步道場域開放需與當地相關部落社區協調尊重在地意願並視各地疫情管制狀況動態調整。
林務局表示近日與部落社區協商加上部分縣市政府、區（鄉）公所依據傳染病防治法第37條第1項第6 款公告其境內旅遊景點、步道、園區等持續暫停開放至7月26日所以做了調整。
林務局表示13日起仍暫停開放鎮西堡巨木群步道、桶後越嶺步道、紅石步道等54條自然步道大鹿林道本線、雙龍林道、延平林道等28條林道以及太平山、內洞及觀霧等3處國家森林遊樂區。
林務局預計微解封後北部首選一日遊的國家森林遊樂區為鄰近雙北及桃園市的東眼山及滿月圓此外還有大雪山、阿里山以及高屏民眾喜愛的藤枝此園區採預約制13日起一整週預約幾乎已滿。
林務局提醒13日起開放的各森林育樂場域將實施遊客人數總量管制森林遊樂區入園人數降為原承載量的4成到達人數上限後將採一出一進大雪山莊、松雪樓與奧萬大山莊住宿人數也降載5成。
為落實人潮分流奧萬大入園人數上限為800人、阿里山3000人武陵農場則每天限400台小型車進入入園遊客須量體溫額溫攝氏375度以上者婉拒入園。
入園者須全程佩戴口罩避免戶外10人、室內5人以上群聚且需維持室外1公尺、室內15公尺社交距離。用餐方面如遊客於場域內有飲食需求應配合疫情指揮中心指示在與不特定對象保持社交距離可暫時取下口罩飲食用餐完畢即應佩戴口罩。</t>
  </si>
  <si>
    <t>開放林務局森林遊樂區步道自然人數園區阿里山遊客室內表示社區部落國家口罩疫情用餐</t>
  </si>
  <si>
    <t>森林遊樂區松雪樓新冠肺炎台灣防疫</t>
  </si>
  <si>
    <t>松雪樓肺炎遊樂區臺灣防疫森林</t>
  </si>
  <si>
    <t>首季淨利同期業績</t>
  </si>
  <si>
    <t>鈺齊-KY(9802)第一季合併營收為新台幣2773億元年增76%創歷史同期新高毛利率238%較去年同期揚升42個百分點營業利益比去年同期成長358%達新台幣356億元歸屬於母公司稅後淨利為新台幣354億元EPS</t>
  </si>
  <si>
    <t>台幣去年同期合併歸屬於毛利率淨利母公司營業揚升同期百分點利益新高歷史-ky</t>
  </si>
  <si>
    <t>鈺齊-KY(9802)第一季合併營收為新台幣2773億元年增76%創歷史同期新高毛利率238%較去年同期揚升42個百分點營業利益比去年同期成長358%達新台幣356億元歸屬於母公司稅後淨利為新台幣354億元EPS 202元亦分別較去年同期大幅成長725%及507%首季營收、營業利益、稅後淨利共創歷史同期新高。
鈺齊大陸、越南及柬埔寨首季產能占比分別為277％、432％、291％非大陸產能占比已逾7成而柬埔寨產能更首度超越大陸。另關於銷售地區(品牌客戶指定目的地)大歐洲首季營收及比重分別達到新台幣123億元及444%而大美洲市場則是逐年開發有成首季已達新台幣103億元(371%)多品牌接單策略對產品組合優化、營運規模擴增以及銷售地區分散確可產生多元正面效果。
全球新冠肺炎(COVID-19)疫情導致大陸各廠區延後開工而減少2月及3月的總產量而且自三月中下旬過後隨著全球疫情急速惡化品牌客戶下單態度及拉貨動能轉趨保守當前國際情勢不確定因素仍高故未來數月營運展望仍需視全球疫情控管程度及終端消費市場表現而定。</t>
  </si>
  <si>
    <t>大陸台幣疫情全球首季品牌分別營運客戶地區銷售去年同期柬埔寨淨利利益營業同期歷史</t>
  </si>
  <si>
    <t>鈺齊首季稅後淨利EPS新冠肺炎</t>
  </si>
  <si>
    <t>淨利eps首季肺炎</t>
  </si>
  <si>
    <t>人中累計死亡確診韓再增</t>
  </si>
  <si>
    <t>(18：06更新)韓國死亡病例增至8例。第8例死亡病例是與清道大南醫院有關的人員被移送至慶北大學醫院接受治療過程中死亡。該患者並未計入當天下午的確診患者人數中。好消息是有4例患者解除隔離（第9、13、15、20例</t>
  </si>
  <si>
    <t>18 06 更新 韓國 死亡 病例 增至 8 例 第 8 例 死亡 病例 是 與 清道 大南 醫院 有關 的 人員 被 移送 至 慶 北 大學 醫院 接受 治療 過程 中 死亡 該 患者 並未 計入 當天 下午 的 確診 患者 人數 中 好 消息 是 有 4 例 患者 解除 隔離 第 91315 20 例</t>
  </si>
  <si>
    <t>患者死亡醫院病例人員大學有關大南清道確診接受並未人數治療過程移送當天下午計入消息韓國增至解除</t>
  </si>
  <si>
    <t>(18：06更新)韓國死亡病例增至8例。第8例死亡病例是與清道大南醫院有關的人員被移送至慶北大學醫院接受治療過程中死亡。該患者並未計入當天下午的確診患者人數中。好消息是有4例患者解除隔離（第9、13、15、20例）治癒病例增至22人。使用體外呼吸器的病危重患者有2人14人正在接受吸氧治療。
（16：36更新）韓國今（24）日下午再增加70確診病例累計境內確診數上升至833人加上上午宣佈新增的161起病例韓國單日就增加了231起新病例。
韓國今日也出現第7例死亡病例；此外韓國軍隊下午在新增2名士兵確診累計軍營至今已有13人感染新型冠狀病毒部隊7500人遭到隔離。
韓聯社報導韓國今日上午宣佈截至當地時間上午9時韓國新冠肺炎確診案例較前一日下午4時再增加161例。
韓國衛生當局表示上午確診的161人中有129人與大邱市新天地教會相關其餘32人感染來源仍在調查。
《韓國前鋒日報》（Korea Herald）23日曾報導大邱市衛生官員擔憂當地確診數恐持續攀升目前已有超過1200名新天地教會教徒出現症狀。
此外韓國今日也出現第7例死亡案例死者是一名62歲男性和慶尚北道清道郡大南醫院有關。清道郡大南醫院日前爆出群聚感染包括9名醫護人員在內等110人已證實染上新冠病毒。
另外韓國國防部今日下午指出軍隊再新增2名士兵確診加上上午8時證實11名士兵染疫累計韓國部隊至今共有13名軍人確診較前一日增加4人。韓聯社稍早報導指出韓國各軍種感染人數分別為陸軍8人、海軍1人、空軍1人、海軍陸戰隊1人。
報導寫道上午新增的4例軍人病例中3人來自京畿道陸軍部隊1人來自大邱陸軍部隊有關當局推測這4人是在軍營內被其他確診者感染。
由於部隊一旦出現交叉感染很容易演變成集體感染韓國國防部人士表示新增的4例和確診者有過密切接觸目前都已被隔離至於是否有交叉感染情形出現還有待流行病學調查。
韓國軍隊出現新冠肺炎疫情最初是由於一名在濟州島服役的海軍士兵前往大邱度假之後返回部隊於20日確診。截至24日韓國軍隊一共有7500人受到隔離。</t>
  </si>
  <si>
    <t>確診韓國感染部隊病例出現上午下午報導新增患者死亡軍隊士兵隔離今日增加醫院累計陸軍</t>
  </si>
  <si>
    <t>明派侯友宜人家族群金山進駐</t>
  </si>
  <si>
    <t>新北市今日確診者有65人新北市長侯友宜15日表示新北已連續3天人數在百人以下但絕對不要放鬆今天金山有出現6例是因為家族群聚市府明日將派出機動快篩隊呼籲有疑慮的金山區民眾一起出來快篩希望把冷區</t>
  </si>
  <si>
    <t>新北出來連續人數以下絕對市府一起今天明日族群金山出現派出不要放鬆疑慮金山區民眾呼籲</t>
  </si>
  <si>
    <t>新北市今日確診者有65人新北市長侯友宜15日表示新北已連續3天人數在百人以下但絕對不要放鬆今天金山有出現6例是因為家族群聚市府明日將派出機動快篩隊呼籲有疑慮的金山區民眾一起出來快篩希望把冷區的個案採取堅壁清野精準打擊。
侯友宜說今天比以往少新店10例跟昨天差不多三重9例其中金山6例最特殊主要是1例確診後因為家族群聚又造成6例。
侯友宜說為有效控制住明天將派出金山機動快篩隊呼籲金山地區有疑慮的全部快篩。
侯友宜說對於金山、汐止、三峽與淡水個案數少的區一定要採取堅壁清野模式而熱區則是要採取圍堵壓制才能夠有效把疫情控制下來。
確診數字降溫侯友宜說大家絕對不要放鬆新北目前為止確診個案5780人是全國最高還是要提醒大家病毒隱藏在看不到的地方唯有不斷廣篩才能精準打擊。</t>
  </si>
  <si>
    <t>侯友宜金山確診個案採取新北今天有效控制堅壁清野絕對不要放鬆族群疑慮精准派出打擊</t>
  </si>
  <si>
    <t>侯友宜金山家族群聚快篩新冠肺炎</t>
  </si>
  <si>
    <t>族群金山侯友宜肺炎</t>
  </si>
  <si>
    <t>自動交大啟用守門員防疫</t>
  </si>
  <si>
    <t>自己先做好防疫安全才能保護人民！交通警察大隊增設「自動測溫除菌門」民眾申請交通事故資料及辦理計程車審驗事宜以及執勤同仁都要經過這道門殺菌多一層防護的保障大大降低感染風險每位同仁都說讚」。考</t>
  </si>
  <si>
    <t>交通同仁安全才能保護人民員警大隊風險防疫增設自動感染民眾防護申請保障大大降低事故資料辦理殺菌道門審驗</t>
  </si>
  <si>
    <t>自己先做好防疫安全才能保護人民！交通警察大隊增設「自動測溫除菌門」民眾申請交通事故資料及辦理計程車審驗事宜以及執勤同仁都要經過這道門殺菌多一層防護的保障大大降低感染風險每位同仁都說讚」。
考量目前正值防疫緊要關頭包含實聯制、量體溫、噴酒精外增設「UVC（短波長紫外線）自動測溫除菌門」同時兼具除菌與體溫量測功能運用高科技節省人工量測體溫所需的人力與時間更避免接觸造成感染。
測溫功能採用非接觸式紅外線測溫儀器檢測時間小於1秒誤差小於03℃。當體溫超過375度時就會自動出現警報及閃紅燈警示；另外除菌消毒方面採用UVC除菌燈管照射2至3秒後可達到9成以上的消毒成效。
交通警察大隊大隊長陳松寅再三囑咐員警在執行防疫勤務務必做好自身安全防護保護自身健康與安全才有能力保護人民大家胼手胝足共同來防止「新冠肺炎」疫情擴散。</t>
  </si>
  <si>
    <t>防疫交通體溫自動保護安全感染同仁防護增設人民消毒uvc功能員警大隊採用防止共同胼手胝足小於</t>
  </si>
  <si>
    <t>新冠肺炎台灣除菌測溫自動</t>
  </si>
  <si>
    <t>臺灣肺炎自動</t>
  </si>
  <si>
    <t>中藥治癒進軍歐美清冠</t>
  </si>
  <si>
    <t>新冠肺炎全球延燒大陸、南韓投入中藥療法台灣中醫團隊也研發獨家中藥方「臺灣清冠一號」經研究可阻斷新冠病毒感染、抑制細胞激素風暴出現5月已完成中藥廠非專屬授權最快7月進軍歐美。不過專家諮詢小組召</t>
  </si>
  <si>
    <t>臺灣專家歐美進軍授權中藥廠完成出現風暴大陸激素南韓細胞療法中醫投入團隊中藥獨家抑制中藥方</t>
  </si>
  <si>
    <t>中醫治療研究重症中藥醫院實證臨床國家服用副作用投入指引痊癒發燒表示研究所中醫藥陰性團隊阻斷</t>
  </si>
  <si>
    <t>治療指引進軍歐美肺炎輕症陰性</t>
  </si>
  <si>
    <t>肺炎歐美進軍指引陰性治療</t>
  </si>
  <si>
    <t>新冠肺炎產險理賠 已逾3000案</t>
  </si>
  <si>
    <t>產險理賠肺炎</t>
  </si>
  <si>
    <t>金管會保險局24日公佈今年到3月23日為止關於新冠肺炎產險業共有3281件理賠案理賠金額共2896萬多元主要是信用卡綜合保險、旅行業責任險中的旅遊不便條款啟動即民眾規劃出國時旅行目的地仍未被公佈為</t>
  </si>
  <si>
    <t>公佈理賠出國時規劃肺炎產險民眾啟動條款信用卡綜合不便保險旅遊中的責任險行業今年旅行共有金額</t>
  </si>
  <si>
    <t>金管會保險局24日公佈今年到3月23日為止關於新冠肺炎產險業共有3281件理賠案理賠金額共2896萬多元主要是信用卡綜合保險、旅行業責任險中的旅遊不便條款啟動即民眾規劃出國時旅行目的地仍未被公佈為第三級且在公佈前就已刷卡、投保旅綜險等相關保單產險公司就會理賠班機取消或行程被取消、縮短的損失平均每件約8千多元。
現在全球都被列入新冠肺炎疫情的第三級旅遊警告區旅行綜合險或旅遊不便險若在宣佈前投保就「必賠」宣佈後投保也沒有用因此國內產險業全面停售旅行綜保險即民眾現在要出國、出差也無法投保旅綜險或旅遊不便險。也就是說出發前24小時行程因新冠肺炎因素被取消或縮短的損失目前已無保單可理賠。且由於旅行社4月底前也不出團因此旅行業責任險亦已沒有投保的情況。
保險局表示產險業的旅行綜合險都含有旅遊延誤、行李延誤或遺失、旅遊縮短或活動取消等旅遊不便險的部分其中行程在24小時前被取消或縮短造成被保險人已先支付的旅遊費用損失旅遊不便險會理賠。不過大部分的保單都會有「疫區」除外條款即已被宣佈第三級的地區被保險人仍執意前往行程被取消或縮短的損失保單不理賠為免有爭議現在產險公司都已停售旅綜險。
由於新冠肺炎疫情擴大現在全球都已被公佈為第三級警告區域若民眾現在投保旅綜險將無法理賠。目前所有產險公司已無法銷售含旅行不便在內的保單如旅行綜合險、旅行業責任險等。
至於刷卡送的信用卡綜合保險仍是有效但是仍是要看理賠條款。旅行不便的部分若刷卡去的地方是第三級被取消行程或縮短行程的損失是不賠但旅行平安險部分的人身保障等還是有效。</t>
  </si>
  <si>
    <t>旅行旅遊理賠產險不便取消現在投保縮短保單行程損失肺炎條款公佈公司宣佈</t>
  </si>
  <si>
    <t>旅遊肺炎縮短取消理賠</t>
  </si>
  <si>
    <t>肺炎取消縮短旅遊理賠</t>
  </si>
  <si>
    <t>健身房消基會扣繳月費完整部分開放解封才能收費</t>
  </si>
  <si>
    <t>中央流行疫情指揮中心5月中旬宣佈全國三級警戒一直到7月13日宣佈微解封包括健身中心等做好防疫規範就可以開放民眾進場但有消費者向消基會反映認為健身房無法提供包括淋浴等服務但卻有健身房已開始扣款對此</t>
  </si>
  <si>
    <t>中心包括健身房宣佈月中全國服務民眾進場開放可以消費者消基會反映提供規範無法認為防疫解封做好健身開始指揮</t>
  </si>
  <si>
    <t>中央流行疫情指揮中心5月中旬宣佈全國三級警戒一直到7月13日宣佈微解封包括健身中心等做好防疫規範就可以開放民眾進場但有消費者向消基會反映認為健身房無法提供包括淋浴等服務但卻有健身房已開始扣款對此消基會認為「降級不解封」或是「微解封」仍受到政府的管制措施之下應等待會員能夠無礙使用健身中心內各種健身器材、選擇各式課程時才是恢復正常營運與收費的時機並呼籲消費者應快篩陰性才能入場運動。
消基會近期接到投訴指出7月中旬微解封後健身中心宣稱仍有健身器材可使用因此正常收月費。
消基會董事長黃怡騰說7月13日微解封政府仍要求健身中心不得開放淋浴間等設備並且要求要人流管制「這樣就算開放了嗎？」
消基會秘書長徐則鈺指出先前宥於政府要求停業不可歸責於消費者因此大多健身中心均未繼續扣款7月13日後微解封後如果消費者持續使用繼續扣繳月費當然沒有問題但如果有消費者可能仍有疑慮不願使用時應可以認為健身中心無法提供完整服務不能向未使用的消費者收費。
消基會呼籲健身中心因為政府尚未同意完全解封開放消費者使用之前即應延續三級警戒階段時的做法即消費者無須辦理請假手續、業者不能無故收繳月費等待會員能夠無礙使用健身中心內各種健身器材、選擇各式課程時才是恢復正常營運與收費的時機。
此外黃怡騰指出政府主管機關貿然開放健身中心十分不妥當務之急只有全面的、快速的為年輕人接種疫苗並輔以進行PCR或一般快篩檢測陰性才准進場才是終結健身中心被迫停止營業的最佳良方在此之前任何不同程度的解封企圖都不是最佳的辦法。</t>
  </si>
  <si>
    <t>中心健身消費者消基會解封使用開放政府月費要求指出認為才是月中陰性不能收費管制進場繼續包括可以黃怡騰</t>
  </si>
  <si>
    <t>新冠肺炎台灣健身中心消費者消基會</t>
  </si>
  <si>
    <t>臺灣健身中心肺炎消費者消基會</t>
  </si>
  <si>
    <t>衛生局下午確診新增公佈最新足跡</t>
  </si>
  <si>
    <t>彰化縣衛生局20日下午再次公佈確診個案公共場所活動史包括了溪湖的五星級平價鍋物、嬉遊郵局、員林高中和墊腳石圖書等文化廣場衛生局強調看足跡也要比對時間這段時間內有到過這些地方出現身體不適症況就</t>
  </si>
  <si>
    <t>衛生局出現地方時間身體下午足跡再次確診強調公佈個案公共場所活動文化廣場包括溪湖平價圖書嬉遊郵局高中和</t>
  </si>
  <si>
    <t>彰化縣衛生局20日下午再次公佈確診個案公共場所活動史包括了溪湖的五星級平價鍋物、嬉遊郵局、員林高中和墊腳石圖書等文化廣場衛生局強調看足跡也要比對時間這段時間內有到過這些地方出現身體不適症況就要去篩檢注意健康自主管理。
彰化縣今天再添加6人確診彰化累計確診個案達到64例彰化衛生局上午公佈9個足跡後下午再公佈最新8個足跡其中溪湖郵局佔了兩個時段提醒民眾注意。
彰化縣衛生局強調公佈足跡不是獵巫標籤化考量確診者幾乎都是在密閉空間接觸同時間進行餐飲、聊天等成了高風險同時間內到過這些地方需要自我留意。
彰化縣衛生局長葉彥伯也提供怎麼看足跡四大招
1確認地點、日期和時間。
2計算自主健康管理時間自足跡接觸日起加14天
314天內有狀況立即就醫。
4</t>
  </si>
  <si>
    <t>足跡接觸時間確診公佈衛生局郵局溪湖活動注意強調地方健康個案自主管理下午</t>
  </si>
  <si>
    <t>新冠肺炎台灣足跡溪湖彰化</t>
  </si>
  <si>
    <t>臺灣足跡肺炎溪湖</t>
  </si>
  <si>
    <t>行銷直播農夫鳳梨</t>
  </si>
  <si>
    <t>高雄大樹區金鑽鳳梨進入盛產期卻遇上新冠肺炎外銷通路受挫國內一日農夫活動也因民眾宅在家受影響農業局長吳芳銘為挽救情勢首度走進鳳梨園區開直播與網紅高鈞鈞、高雄市議員邱於軒及臺北市議員遊淑慧、侯</t>
  </si>
  <si>
    <t>鳳梨議員高鈞鈞金鑽邱於軒直播進入盛產期園區肺炎遇上新外銷通路受挫走進國內農夫活動民眾首度在家</t>
  </si>
  <si>
    <t>高雄大樹區金鑽鳳梨進入盛產期卻遇上新冠肺炎外銷通路受挫國內一日農夫活動也因民眾宅在家受影響農業局長吳芳銘為挽救情勢首度走進鳳梨園區開直播與網紅高鈞鈞、高雄市議員邱於軒及臺北市議員遊淑慧、侯漢廷聯手行銷大樹鳳梨。
直播中吳芳銘介紹了鳳梨相關產品例如有機鳳梨果乾、鳳梨蔭醬、鳳梨酥等也讓大家試吃新鮮的鳳梨；看到鳳梨果乾與新鮮鳳梨懸殊的體積差異讓侯漢廷驚訝表示：「太奢侈了可以這樣吃嗎？」而邱於軒則是吃完現削鳳梨後立馬表示：「我相信下一個會更甜可以再削一個！」
一行人歡樂的採果氣氛讓網友們直呼想到現場一同採摘線上觀看直播有4400餘人直播後2天總觀看人次達7萬多吳芳銘說希望透過鳳梨採果體驗的直播傳達給全球華人朋友來高雄一探高雄農村的魅力！
「高雄一日農夫」農村體驗品牌深植人心遊客客源多元全國各地都有遊客參與、港澳星馬及東南亞國外旅客也會慕名而來吳芳銘鼓勵大家走出戶外呼吸新鮮空氣及到鳳梨園採收鳳梨但因正值新冠肺炎防疫期間為防群聚感染3月份起改不搭遊覽車前往而由報名遊客自行前往。
首批開放報名今、明2天名額就有超過5成、66人參加下週六、日開放120位名額想參加民眾要趁早農業局盼藉由改變活動模式能讓遊客安心又能體驗採果樂趣。</t>
  </si>
  <si>
    <t>鳳梨直播吳芳銘遊客體驗采果侯漢廷肺炎活動民眾可以表示名額邱于軒農夫高雄開放參加</t>
  </si>
  <si>
    <t>直播一日農夫邱於軒開直播肺炎</t>
  </si>
  <si>
    <t>直播農夫邱于軒肺炎</t>
  </si>
  <si>
    <t>疫苗臺灣世堅最後應該打完人物政治</t>
  </si>
  <si>
    <t>行政院長蘇貞昌日前在立院接受質詢時拿「訂冷凍雞腿」比喻採購疫苗引發各界批評。臺北市議員王世堅直言現在疫情高漲使用這種不當比喻很輕率並指蘇揆的一言一行神明和人民都看在眼裡王世堅更表示自己</t>
  </si>
  <si>
    <t>比喻王世堅接受質詢人民冷凍雞一言一行神明立院蘇揆採購輕率疫苗臺北市議員現在直言引發不當使用批評高漲疫情</t>
  </si>
  <si>
    <t>行政院長蘇貞昌日前在立院接受質詢時拿「訂冷凍雞腿」比喻採購疫苗引發各界批評。臺北市議員王世堅直言現在疫情高漲使用這種不當比喻很輕率並指蘇揆的一言一行神明和人民都看在眼裡王世堅更表示自己會等到全台灣2300萬人打完疫苗後再施打並呼籲政治人物們這麼做他指出現在疫情延燒成這樣政治工作做到這種程度那政治工作者應該最後施打。
王世堅11日在中視政論節目《庶民大頭家》中表示「我宣佈我拒絕打疫苗我期待我自己我也呼籲所有政治工作者大家都退出甚麼任何第2類施打第幾優先通通退出」他認為最沒資格打疫苗的、應該在全國2300萬人都打了疫苗之後在打的就是政治工作者。
王世堅指出當你從事政治的時候你已經跟人民報告我們是要來報效國家、服務人民現在弄到這邊有疫情、那邊有疫情每天都有國人過世如果政治做到這種程度政治工作者應該最後一個施打「我要求我自己我拒絕施打疫苗我要在2300萬人都打了之後還有剩再給我我也呼籲所有政治工作者應該這麼做不要再說他是第2優先、第幾、很重要」。
王世堅認為 我們國家少掉政治工作者還有人會來替代國家不會斷掉並指出這3、4個月來蘇貞昌溫和很多但他有帶一點嘻笑怒罵的態度不是說每一個答詢都要用比喻讓大家聽懂這個不好人命關天現在疫情高漲全民都百分之百在關注這件事情這是很嚴肅的一件事以後國會答覆不要再以任何不當的比喻這樣太過輕率。
雖然王世堅對蘇揆的態度轉變表示肯定但他也呼籲蘇揆他做的一個決定、下的政策包括紓困其實選民都在看王世堅希望蘇貞昌團隊能注意這點「你每個一動作、每一句話背後都有神明和人民在看」。</t>
  </si>
  <si>
    <t>疫苗政治工作者王世堅比喻現在政治疫情蘇貞昌呼籲指出應該表示國家世堅人民蘇揆施打態度</t>
  </si>
  <si>
    <t>新冠肺炎台灣王世堅疫苗蘇貞昌</t>
  </si>
  <si>
    <t>王世堅肺炎臺灣疫苗蘇貞昌</t>
  </si>
  <si>
    <t>蘇貞昌適當時機追加準備對外公佈疫苗</t>
  </si>
  <si>
    <t>行政院長蘇貞昌今日召開擴大防疫會議指揮中心建議12-17歲青少年應續接種第2劑BNT疫苗並建議已完成2劑基礎劑者在完成第2劑疫苗接種的6個月後依序接種追加之第3劑蘇裁示相關規劃請指揮中心於適當時機對</t>
  </si>
  <si>
    <t>接種指揮建議中心疫苗擴大完成防疫會議規劃相關召開bnt青少年追加今日依序應續蘇貞昌基礎適當行政院長</t>
  </si>
  <si>
    <t>行政院長蘇貞昌今日召開擴大防疫會議指揮中心建議12-17歲青少年應續接種第2劑BNT疫苗並建議已完成2劑基礎劑者在完成第2劑疫苗接種的6個月後依序接種追加之第3劑蘇裁示相關規劃請指揮中心於適當時機對外公佈。
指揮中心指出目前已連續24日沒有本土病例而國內疫苗接種人口涵蓋率第1劑為7768％、第2劑為5424％劑次人口比為13193（劑／每百人）目前共已施打約30889萬人次預估接種涵蓋率到了12月中第1劑可接近8成、第2劑可超過6成。
指揮中心表示有關各地方政府即將舉辦之歲末或跨年大型活動為因應國際間新變異株Omicron主辦單位除應遵守地方政府大型活動相關防疫規定外亦應遵守指揮中心所公告之相關指引規範。
指揮中心指出有關春節返鄉專案部分為因應新型Omicron變種病毒已將南非、波劄那、納米比亞、賴索托、史瓦帝尼及辛巴威等6國列為「重點高風險國家」加強入境檢疫隔離措施。
蘇貞昌說有關地方政府所舉辦的大型歲末、跨年活動請指揮中心盡速告知防疫指引而學生接種第2劑疫苗及第3劑疫苗接種時間也請指揮中心於適當時機對外公佈。</t>
  </si>
  <si>
    <t>指揮中心接種疫苗防疫有關相關地方政府omicron因應目前大型活動蘇貞昌指出建議指引遵守涵蓋人口歲末舉辦辛巴威列為</t>
  </si>
  <si>
    <t>新冠肺炎台灣指揮中心第3劑適當時機</t>
  </si>
  <si>
    <t>臺灣指揮肺炎中心適當時機</t>
  </si>
  <si>
    <t>工廠分流宿舍桃園</t>
  </si>
  <si>
    <t>桃園市長鄭文燦昨宣佈「固安計畫」守住移工「馬其諾防線」今起700個宿舍工廠5天內完成分艙分流檢查並針對移工普篩12個聯合快篩站1站1醫院負責會跟工業區廠聯會合作另外141家大型工廠和宿舍則採機動入廠篩</t>
  </si>
  <si>
    <t>工廠宿舍宣佈安計工業區聯會合作馬其諾檢查分流天內防線完成鄭文燦醫院</t>
  </si>
  <si>
    <t>桃園市長鄭文燦昨宣佈「固安計畫」守住移工「馬其諾防線」今起700個宿舍工廠5天內完成分艙分流檢查並針對移工普篩12個聯合快篩站1站1醫院負責會跟工業區廠聯會合作另外141家大型工廠和宿舍則採機動入廠篩檢部分大工廠有健檢合約醫院已經起跑務必確保疫情下企業能穩定經營。
鄭文燦說桃園是外籍移工最大的基地有116萬名外籍移工有9萬名產業型移工12萬家工廠數也冠全國挑戰大因應竹苗外籍移工確診事件要建立高科技帶的移工防線推出「固安計畫」。
鄭文燦說今起針對700間僱用或安置50人以上的移工工廠和宿舍由勞動部和勞動局5天完成分艙分流檢查禁止跨廠區不轉換工作地點、不跨生產線宿舍共同生活區域停止不同工廠移工要分區、分流、分時段用餐、住宿、沐浴和盥洗強調用餐一定要一人一隔板也要確保移工減少外出以防疫安全為唯一的考量。
桃園針對移工也祭出篩檢計畫鄭文燦說桃園和12家醫院合作準備12個快篩站1醫院負責1站每站每日篩檢能量達300至500人都有設置醫療跟行政站長負責和工業區的廠聯會和各廠家協調若快篩試劑呈陽性反應立刻執行PCR核酸檢測確診者由防疫計程車送到防疫旅館進行後續醫療。
141家雇用100位以上移工的工廠或大型移工宿舍市府也會以機動篩檢方式媒合醫院診所入廠篩檢鄭文燦也說部分大型工廠有外勞健檢合約醫院已展開篩檢工作他提到桃園外籍移工多長年來已經有一套完善的管理制度但在疫情下要確保企業穩定經營一定要提高防疫標準每一個企業面對防疫、面對災害、面對環境的變遷展現韌性不管大型或中小企業都調整得很快希望移工篩檢計畫盡快完成掌握9萬移工的染疫風險。
鄭文燦說5月以來桃園有2起移工群聚感染事件包括16例工廠移工、2例看護共18人沒有社區群聚的現象都已掌握風險、擴大採檢桃園防線守的辛苦要嚴防雙北熱區不至於擴散到桃園、也要建立桃竹苗高科技帶的移工防線他強調雙北疫情爆發5周來桃園確診數落在10到20個之間不容易沒有樂觀的本錢希望確保每一顆球不漏接持續守住桃園。</t>
  </si>
  <si>
    <t>桃園工廠鄭文燦宿舍醫院防疫確保防線確診外籍疫情分流完成希望沒有</t>
  </si>
  <si>
    <t>新冠肺炎台灣移工工廠篩檢</t>
  </si>
  <si>
    <t>臺灣肺炎工廠</t>
  </si>
  <si>
    <t>總理西班牙確診高官肺炎</t>
  </si>
  <si>
    <t>新冠肺炎襲擊歐洲政壇多位政要及高級官員傳出感染新冠肺炎。西班牙政府週三(25日)表示副總理卡爾沃(Carmen Calvo)接受新冠病毒檢測結果為陽性。根據路透社報導西班牙政府表示這是卡爾沃第二次接受檢測第</t>
  </si>
  <si>
    <t>西班牙政府表示卡爾沃接受肺炎政要政壇高級官員歐洲報導傳出路透社病毒檢測感染總理結果陽性calvocarmen週三襲擊檢測</t>
  </si>
  <si>
    <t>新冠肺炎襲擊歐洲政壇多位政要及高級官員傳出感染新冠肺炎。西班牙政府週三(25日)表示副總理卡爾沃(Carmen Calvo)接受新冠病毒檢測結果為陽性。
根據路透社報導西班牙政府表示這是卡爾沃第二次接受檢測第一次被驗出陰性反應但測試結果難以判斷於是她昨天再度接受篩檢這次的結果呈現陽性。
政府聲明中強調生於1957年的卡爾沃自從2018年6月起擔任西班牙副總理至今並身兼兼總理府、議會關係與平等大臣。現在健康情況良好正在醫院接受治療。</t>
  </si>
  <si>
    <t>接受卡爾沃結果陽性總理西班牙政府表示肺炎健康大臣現在平等良好情況西班牙擔任關係議會總理府生於強調測試判斷政府</t>
  </si>
  <si>
    <t>確診不明ct感染小港高雄</t>
  </si>
  <si>
    <t>高雄4日新增1例本土確診個案該確診者案10472居住於小港區3日出現症狀因此到院就醫、篩檢後採檢結果呈陽性反應目前感染源尚未找到而中央流行疫情指揮中心公佈的確診者案10261也曾到過高雄高市府在防疫</t>
  </si>
  <si>
    <t>確診高雄陽性反應感染目前尚未找到中央流行就醫疫情指揮症狀中心出現公佈居住小港結果</t>
  </si>
  <si>
    <t>高雄4日新增1例本土確診個案該確診者案10472居住於小港區3日出現症狀因此到院就醫、篩檢後採檢結果呈陽性反應目前感染源尚未找到而中央流行疫情指揮中心公佈的確診者案10261也曾到過高雄高市府在防疫記者會上公佈2人的相關疫調資料及足跡。
根據高市府衛生局疫調顯示案10472是居住在小港區的20多歲男性自5月31日開始有發燒、頭痛、頭暈、咳嗽等症狀6月3日至自行到醫院就醫並採檢PCR檢驗結果為陽性且CT值僅17具有高傳播風險感染源至今不明目前隔離治療中包含家人在內總共匡列47名接觸者。
高市府衛生局表示在對案10472的疫調過程中因為確診個案回憶足跡的進度不如預期所以到目前為止詳細的疫調結果還未完成包括感染源及是否到過相關的高傳染風險地區都必須再進一步釐清目前得知他曾在5月31日中午、6月1日晚間到過7-ELEVEN大坪頂門市也曾在5月31日下午到50嵐光明新厝店買飲料。
而新北確診者案10261是50多歲男性居住於新北市長期在北部擔任裝潢工人曾於5月28日與友人開車返回屏東家鄉行經高雄時到彌陀友人家作客吃飯停留時間約1小時隨後便開車回到屏東共匡列7位接觸者。</t>
  </si>
  <si>
    <t>確診目前結果感染市府高雄友人公佈相關居住風險開車症狀足跡新北個案男性</t>
  </si>
  <si>
    <t>新冠肺炎台灣 疫調5月確診者</t>
  </si>
  <si>
    <t>臺灣肺炎確診</t>
  </si>
  <si>
    <t>還有停賽緊急球員nba薪水</t>
  </si>
  <si>
    <t>NBA緊急停賽之後球員的荷包也可能遭受重大打擊。他們的合約幾乎都是保證支付但依據現行勞資協議資方遭遇「不可抗力」時不必支薪包括戰爭、自然災害、恐怖攻擊、流行病。這一次的新冠肺炎已被宣告為全球大流</t>
  </si>
  <si>
    <t>球員荷包肺炎可能流行病遭受重大攻擊打擊恐怖合約自然災害戰爭幾乎包括之後不必保證支付不可抗力依據</t>
  </si>
  <si>
    <t>NBA緊急停賽之後球員的荷包也可能遭受重大打擊。他們的合約幾乎都是保證支付但依據現行勞資協議資方遭遇「不可抗力」時不必支薪包括戰爭、自然災害、恐怖攻擊、流行病。這一次的新冠肺炎已被宣告為全球大流行老闆大概不用付錢了。
美媒《福斯財經》分析一般全職NBA球員的工時是這樣算的：每季平均為926場比賽包括例行賽82場、表演賽5場、季後賽56場。每停賽1場就扣除1場的薪資。簡言之假設聯盟本季就此「腰斬」球員大概會損失25%年薪。
如果NBA在30天後復工直接打季後賽球員就少掉18場例行賽的薪資。聯盟以前雖然也有過封館的縮水球季那時至少能安心打完季後賽。目前最好的情況還是打完整個球季端看美國政府是否能控制疫情。</t>
  </si>
  <si>
    <t>球員nba大概包括球季打完聯盟停賽例行薪資季後肺炎流行病攻擊全球遭遇恐怖資方</t>
  </si>
  <si>
    <t>NBA停賽薪水季後賽例行賽</t>
  </si>
  <si>
    <t>季後薪水停賽nba例行</t>
  </si>
  <si>
    <t>民間全都忍不住回應政府不快</t>
  </si>
  <si>
    <t>鴻海與台積電宣佈完成各500萬劑的BNT疫苗簽約採購行政院發言人羅秉成昨（12日）舉行記者會表示政府全力支持捐贈單位全力奉獻才能在完成這項重要的捐贈案。對此台灣民意基金會董事長游盈隆認為常聽到政府</t>
  </si>
  <si>
    <t>完成捐贈政府bnt疫苗基金會董事長簽約行政院民意採購發言人羅秉成臺灣對此舉行重要記者會表示全力支援全力單位宣佈遊盈隆才能奉獻台積電</t>
  </si>
  <si>
    <t>鴻海與台積電宣佈完成各500萬劑的BNT疫苗簽約採購行政院發言人羅秉成昨（12日）舉行記者會表示政府全力支持捐贈單位全力奉獻才能在完成這項重要的捐贈案。對此台灣民意基金會董事長游盈隆認為常聽到政府官員說如何協助民間企業購買疫苗這件事看似小事但卻透露出蔡政府相關官員自覺或不自覺的倨傲心態希望政府要有所警惕才是。
遊盈隆今（13日）在臉書發文表示有件事自己如鯁在喉不吐不快。那就是蔡政府對鴻海、永齡、台積電、慈濟等民間企業、基金會或宗教團體主動出錢出力對外洽購疫苗一事的態度。
游盈隆直言蔡政府相關官員經常掛在嘴邊的話「政府會『協助』辦理相關法律檔」等的話語聽久了坦白講很不舒服。為什麼？因為疫苗嚴重短缺本是政府的施政缺失和民間企業、基金會或宗教團體無關。
當有民間企業、基金會或宗教團體看情況緊急紛紛主動跳出來「協助政府」對外買疫苗時遊盈隆認為政府感謝都來不及怎麼可以主客易位反過來口口聲聲「協助鴻海」、「協助台積電」、「協助慈濟」彷彿忘了疫苗採購是政府的責任和義務即便民間企業或團體對外洽購疫苗仍須政府同意、授權和辦理相關法律檔但這不應混淆政府與私部門的份際。
遊盈隆稱大家很少或沒有聽到政府感謝鴻海、台積電的「協助」比較常聽到的是政府官員說「如何如何協助鴻海、台積電和慈濟」這件事表面上看似乎是小事但卻透露出蔡政府相關官員自覺或不自覺的倨傲心態希望政府相關官員能有所警惕才是。</t>
  </si>
  <si>
    <t>政府疫苗協助相關官員企業民間基金會台積電對外完成表示慈濟捐贈採購感謝主動認為</t>
  </si>
  <si>
    <t>遊盈隆BNT鴻海民間企業蔡政府</t>
  </si>
  <si>
    <t>民間企業bnt遊盈隆政府</t>
  </si>
  <si>
    <t>指揮後天台?中心疫苗澄清az並非事實</t>
  </si>
  <si>
    <t>下一波疫苗要來了？有消息指出新一批AZ疫苗可能會在明、後2天將送抵台灣指揮中心稍早澄清疫苗到貨資訊並非事實中央流行疫情指揮中心指揮官陳時中在例行記者會再次重申目前正在多方洽詢中國產疫苗目前進展</t>
  </si>
  <si>
    <t>疫苗指揮中心目前az多方可能重申再次記者會天將例行陳時中並非資訊指揮官到貨臺灣事實疫情流行中央</t>
  </si>
  <si>
    <t>下一波疫苗要來了？有消息指出新一批AZ疫苗可能會在明、後2天將送抵台灣指揮中心稍早澄清疫苗到貨資訊並非事實中央流行疫情指揮中心指揮官陳時中在例行記者會再次重申目前正在多方洽詢中國產疫苗目前進展順利至於下波疫苗什麼會來來了之後會報告。
根據統計台灣向國際洽購的疫苗共有1981萬劑分別是向COVAX平臺訂購的476萬劑、逕自向廠商購買的AZ購買1000萬劑以及向莫德納採購的505萬劑。此外國產疫苗也預計購買2000萬劑。
國內目前取得的2批AZ疫苗分別是直接洽購的117萬劑以及自COVAX所分配1992萬劑將分別在5月底以及6月15日到期而有消息指出新一批AZ疫苗可能會在明、後兩天送抵台灣陳時中再次澄清目前正在多方洽詢中國產疫苗目前進展也相當順利至於這波疫苗什麼會來來了之後會再和大家報告。</t>
  </si>
  <si>
    <t>疫苗目前az臺灣分別澄清指揮中心陳時中covax購買再次消息指出進展至於順利可能</t>
  </si>
  <si>
    <t>新冠肺炎台灣疫苗AZ陳時中</t>
  </si>
  <si>
    <t>疫苗肺炎臺灣az陳時中</t>
  </si>
  <si>
    <t>體壇去世教練肺炎足球病逝西班牙</t>
  </si>
  <si>
    <t>新冠肺炎疫情持續肆虐歐洲已經成為重災區許多體育選手都遭到感染而在西班牙出現了第一位體壇人士因為新冠肺炎死亡的案例死者是在馬拉加當地擔任教練的Francisco Garcia當時除了新冠肺炎之外他還患有白</t>
  </si>
  <si>
    <t>肺炎重災區體育選手成為已經遭到歐洲感染擔任當地馬拉加肆虐教練西班牙持續francisco死者當時出現garcia體壇人士案例死亡之外疫情</t>
  </si>
  <si>
    <t>新冠肺炎疫情持續肆虐歐洲已經成為重災區許多體育選手都遭到感染而在西班牙出現了第一位體壇人士因為新冠肺炎死亡的案例死者是在馬拉加當地擔任教練的Francisco Garcia當時除了新冠肺炎之外他還患有白血病。
根據美國《ESPN》報導才21歲的Francisco Garcia因為出現呼吸道症狀所以被送醫治療後來被確診為新冠肺炎而在過程中他還被發現患有另外一種不明疾病最後診斷為白血病而他在西班牙當地時間的周日過世。
他所任教的球隊也在臉書上發文表示悼念之意「Atletico PortadaAlta足球隊要向Francisco Garcia及其家人表達最深的哀悼之意你總是在我們需要你的時候挺身而出雖然很艱難但我們仍會在聯賽中繼續為你而戰而且永遠不會忘記你。」
西班牙當地新冠肺炎疫情是越來越嚴重至17日上午確診人數已經到達9942例已經快要突破一萬人大關且已經累計有342人死亡當局雖然已經採取相關措施但疫情似乎仍然停不下來繼續發展而總理Pedro Sanchez日前也表示「會保護公民並讓生活機能得到滿足並盡可能減少疫情大流行。」
更多 CTWANT 報導</t>
  </si>
  <si>
    <t>疫情已經肺炎當地franciscogarcia西班牙表示確診白血病繼續出現死亡報導盡可能減少需要時候總是滿足得到</t>
  </si>
  <si>
    <t>新冠肺炎FranciscoGarcia西班牙21歲</t>
  </si>
  <si>
    <t>garciafrancisco肺炎西班牙</t>
  </si>
  <si>
    <t>標準中央黃珊珊開設北市</t>
  </si>
  <si>
    <t>中央流行疫情指揮中心公佈確診地圖北市7例居冠臺北市長柯文哲稱若社區感染到群聚程度北市就開設一級應變中心；黃珊珊則說標準不是北市訂是按中央標準而訂中央若一級開設、北市就開北市現在還是「應變</t>
  </si>
  <si>
    <t>北市中心開設中央應變柯文哲公佈社區臺北市確診感染地圖程度標準黃珊珊指揮疫情</t>
  </si>
  <si>
    <t>中央流行疫情指揮中心公佈確診地圖北市7例居冠臺北市長柯文哲稱若社區感染到群聚程度北市就開設一級應變中心；黃珊珊則說標準不是北市訂是按中央標準而訂中央若一級開設、北市就開北市現在還是「應變小組」要升「應變中心」是要依中央認定才能升級的。
黃珊珊表示其實北市本身早訂下的規定只要是第4級的衛生局就可以開應變小組但現在已拉到府的等級所以由她來當指揮官要到應變中心才是市長當總指揮但中央也沒有升到一級還是衛服部也還不到行政院因為這是有分級制度。
她說北區的總指揮官是臺北市立聯合醫院副總院長璩大成他也是北市應變小組的主要成員所以中央跟地方的資訊都有在一起要升級會配合中央升級自27日起她跟衛生局長黃世傑也每天在晨會向柯市長報告相關疫情。
她統計24日止北市居家隔離新增9人而先前217名居家隔離者全部解列；居家檢疫者有3044人解列1092人其中10人有症況（6人就醫、4人未就醫）；違反居家隔離、檢疫規定並遭罰者有63人其中4人罰7萬、1人罰6萬、其餘皆罰1萬；17日至今增加的社區監測通辦採檢者有867人市府已把20個超前部署方案給各局處準備。
對於鑽石公主號的旅客被安置在陽明山檢疫所隔離黃珊珊僅說「要問中央。」</t>
  </si>
  <si>
    <t>北市中央應變中心隔離黃珊珊升級居家社區小組指揮官規定市長疫情開設現在</t>
  </si>
  <si>
    <t>新冠肺炎新型冠狀病毒台灣一級應變中心黃珊珊</t>
  </si>
  <si>
    <t>病毒冠狀臺灣應變肺炎中心黃珊珊</t>
  </si>
  <si>
    <t>鑽石公主防疫氣炸得意大臣難怪會失控</t>
  </si>
  <si>
    <t>新冠肺炎疫情擴散有防疫大國的日本卻成為大陸以外疫情最慘重國家之一政府防疫措施也引發民怨其中鑽石公主號事件更是引起軒然大波。日本厚生勞動省副大臣橋本岳在推特貼出一張照片反擊質疑聲浪表示政府有做</t>
  </si>
  <si>
    <t>日本防疫疫情政府照片聲浪貼出橋本嶽反擊擴散質疑大臣勞動厚生公主鑽石軒然大波引起更是事件民怨引發措施以外大陸</t>
  </si>
  <si>
    <t>新冠肺炎疫情擴散有防疫大國的日本卻成為大陸以外疫情最慘重國家之一政府防疫措施也引發民怨其中鑽石公主號事件更是引起軒然大波。日本厚生勞動省副大臣橋本岳在推特貼出一張照片反擊質疑聲浪表示政府有做好防疫但照片曝光後引起譁然日本網友痛罵官員根本腦殘難怪會變毒船。
日本神戶大學醫院感染科專家岩田健太郎曾公佈影片揭發鑽石公主號防疫措施相當糟糕引發國際關注影片如今也下架橋本嶽則在推特抨擊岩田登船無正當性更揚言將回報厚生勞動省進行懲處。
昨(20日)橋本嶽在推特上貼出鑽石公主號內部檢疫照片得意表示政府有做好防疫措施但透過照片可以看到鑽石公主號兩扇門雖然區分為「清潔通道」、「不潔通道」但中間沒有任何保護措施且兩扇門根本相連還通往同一個空間根本沒有任何意義。
日本網友看到照片後憤怒灌爆橋本推特痛罵「腦殘嗎？」、「你自爆了白癡」、「官員無能難怪控制不住疫情」、「天佑日本」、「日本還有救嗎」、「還岩田教授公道」、「病毒進腦了？」、「病毒是會乖乖排隊？」、「難怪會變毒船」。
事後橋本驚覺大事不妙趕緊刪除照片但早已被網友備份瘋傳網路。</t>
  </si>
  <si>
    <t>日本照片防疫公主鑽石岩田疫情網友橋本嶽措施根本政府影片兩扇門沒有看到引起官員厚生勞動難怪會</t>
  </si>
  <si>
    <t>鑽石公主號岩田健太郎推特照片橋本嶽</t>
  </si>
  <si>
    <t>岩田照片公主橋本嶽鑽石</t>
  </si>
  <si>
    <t>cdc透露嚴重實際到底確診最高疫情</t>
  </si>
  <si>
    <t>先前曾多次稱「疫情很快過去」、「美國防疫工作很好」的美國總統川普在睽違數月的疫情記者會上一改先前樂觀態度坦承新冠疫情在美國在好轉前恐會更加惡化。不過就在川普態度轉變前幾小時美疾病管制與預防中心（</t>
  </si>
  <si>
    <t>疫情美國態度川普先前小時過去轉變很快疾病總統樂觀惡化記者會更加好轉坦承工作防疫</t>
  </si>
  <si>
    <t>cdc確診疫情美國實際態度統計川普起碼先前恐怕防疫研究人民口罩報告報導估計</t>
  </si>
  <si>
    <t>新冠肺炎武漢肺炎新型冠狀病毒CDC實際</t>
  </si>
  <si>
    <t>肺炎武漢冠狀cdc病毒實際</t>
  </si>
  <si>
    <t>文苑疫情開幕無懼</t>
  </si>
  <si>
    <t>嘉義縣最大連鎖酒店「長榮文苑」去年底試營運出師不利遇上新冠肺炎雖住房率持續受影響下滑1日長榮文苑仍照時程開幕同步推出優惠住房專案、抽獎等活動先搶一波清明連假觀光潮未來再結合故宮南院等周邊景</t>
  </si>
  <si>
    <t>住房文苑結合未來觀光清明連故宮連鎖酒店活動抽獎專案優惠推出出師不利肺炎同步去年底</t>
  </si>
  <si>
    <t>嘉義縣最大連鎖酒店「長榮文苑」去年底試營運出師不利遇上新冠肺炎雖住房率持續受影響下滑1日長榮文苑仍照時程開幕同步推出優惠住房專案、抽獎等活動先搶一波清明連假觀光潮未來再結合故宮南院等周邊景點推套裝行程。
長榮文苑2019年12月21日試營運占緊鄰故宮南院的地利之便初期平均住房率至少5成餐廳逢假日更是一位難求沒想到蜜月期就碰上新冠肺炎且隨疫情延燒住房率明顯下滑即使面臨旅遊業大海嘯長榮文苑仍決定照既定計畫於1日開幕。
為歡慶飯店開幕長榮文苑至30日止推出平日住房優惠和用餐抽獎等活動最大獎是年底前不限次數免費享用飯店午餐另預訂用餐顧客姓名有長、榮、文、苑其中1字還能參加抽抽樂在多項好康助攻下長榮文苑連假前兩天訂房率升到5、6成水準。
長榮文苑指出接下來會隨疫情發展調整營運模式包括多元供餐、錯開用餐時間或關閉部分樓層等另內部也在研議因應社交距離的具體作法未來則打算和南院、東石鄉、布袋鎮一帶休閒業者合作推體驗遊程想辦法把因疫情取消出國轉為國內旅遊的消費者吸引上門。嘉義縣政府文化觀光局長許有仁表示許多民宿、旅館業者反映受疫情衝擊生意慘淡考量近日居家檢疫民眾激增已有專門提供親友住宿的安心旅館出現在中央相關補助未出爐前文觀局已在評估研議是否透過預算調整補助親友安心旅館住宿費既提高親友投宿意願減少感染風險也協助旅宿業者度過這波寒冬。</t>
  </si>
  <si>
    <t>文苑住房疫情用餐南院營運親友觀光研議業者調整補助未來故宮飯店</t>
  </si>
  <si>
    <t>抽獎開幕肺炎住房率研議</t>
  </si>
  <si>
    <t>肺炎開幕住房研議抽獎</t>
  </si>
  <si>
    <t>全聯確診台中門市以為誤會停業</t>
  </si>
  <si>
    <t>台中今傳出確診者3日晚間曾到全聯梧棲文化店購物、5日再去全聯清水鰲峰店目前個案皆無症狀仍在疫調中並已通知環保局進行環境清消。全聯表示依循中央流行疫情指揮中心指示採取高規格防疫措施梧棲文化店、</t>
  </si>
  <si>
    <t>全聯梧棲文化通知環保局晚間症狀指揮疫情中心指示採取進行環境流行中央依循表示</t>
  </si>
  <si>
    <t>台中今傳出確診者3日晚間曾到全聯梧棲文化店購物、5日再去全聯清水鰲峰店目前個案皆無症狀仍在疫調中並已通知環保局進行環境清消。全聯表示依循中央流行疫情指揮中心指示採取高規格防疫措施梧棲文化店、清水鰲峰店已收到通知閉店清消預計明天恢復營業。
結果複驗結果出爐這5人僅1人確診個案也沒去過這兩家全聯門市。
全聯補充針對政府公佈確診者到過的門市皆會使用高規格專業食安級清消作業即清消SOP中第二道增用紫外燈室內殺菌第三道用漂白水進行賣場擦拭採高規格防疫措施另門市平常消毒也會因應人流提升頻率平均每2小時就消毒一次包含收銀區、手推車、提籃等讓消費者可安心購物。</t>
  </si>
  <si>
    <t>全聯確診規格門市消毒進行通知個案梧棲防疫措施清水文化購物提籃手推車</t>
  </si>
  <si>
    <t>全聯清消新冠肺炎台灣消毒</t>
  </si>
  <si>
    <t>肺炎臺灣消毒全聯</t>
  </si>
  <si>
    <t>流行納米比亞盧安達出現非洲病例</t>
  </si>
  <si>
    <t>星期六有兩個非洲國家通報新冠肺炎的案例納米比亞與盧安達出現了確診病患至今已累計19個非洲國家出現新冠肺炎。根據路透社報導納米比亞衛生部長尚古拉(Kalumbi Shangula)在記者會表示該國境內今天首度通報有</t>
  </si>
  <si>
    <t>出現納米比亞通報非洲國家肺炎記者會境內表示shangulakalumbi古拉衛生部長報導至今確診累計路透社盧安達案例今天首度星期六</t>
  </si>
  <si>
    <t>星期六有兩個非洲國家通報新冠肺炎的案例納米比亞與盧安達出現了確診病患至今已累計19個非洲國家出現新冠肺炎。
根據路透社報導納米比亞衛生部長尚古拉(Kalumbi Shangula)在記者會表示該國境內今天首度通報有新冠肺炎的確診病例一對西班牙夫婦3月11日入境國內後兩人的冠狀病毒檢測都呈陽性且隨即展開隔離。
東非國家盧安達的衛生部同一天證實境內出現首起新冠肺炎病例這名患者是一名印度公民3月8日從孟買抵達盧安達。這名男性患者入境時沒有任何症狀但3月13日前往一處醫療院所就診時被檢驗出新冠病毒。
非洲的案例為各大洲中最少的但許多國際醫療專家皆表示資訊的不透明讓人難以一窺非洲疫情的真實狀況。
上週二剛果民主共和國宣佈確診首例但該名病患的實際身分卻跟第一時間公佈的大有出入。一開始剛果衛生部官員告訴記者該名病患是一名比利時人在機場入境剛果時被驗出病毒隨即送往金夏沙的醫院隔離治療。後來經過查證衛生部又改口說該名病患是一名剛果國民從法國返回入境時沒有任何症狀兩天後身體不適自行聯繫醫療中心確診之後被送往東部的城市N&amp;apos;djili隔離。
不只是此案例往年的伊波拉疫情就有跡象顯示非洲的疫情資料並不準確國際醫療專家對非洲的真實疫情感到憂心。</t>
  </si>
  <si>
    <t>非洲醫療確診入境疫情隔離盧安達案例衛生部剛果肺炎出現表示境內隨即患者病毒專家國際</t>
  </si>
  <si>
    <t>最壞-ky美食</t>
  </si>
  <si>
    <t>瑞信證券指出美食-KY（2723）受惠優化成本與產品升級的結構性利多以及重啟經濟的循環性層面利多2022～2023年獲利年複合成長率將是極為強勁的25％初次納入研究範圍給予「優於大盤」投資評等推測合理股價估</t>
  </si>
  <si>
    <t>利多評等-ky投資受惠大盤優化優於給予成本範圍產品升級研究結構性納入初次推測強勁層面極為美食獲利複合成長率經濟</t>
  </si>
  <si>
    <t>瑞信證券指出美食-KY（2723）受惠優化成本與產品升級的結構性利多以及重啟經濟的循環性層面利多2022～2023年獲利年複合成長率將是極為強勁的25％初次納入研究範圍給予「優於大盤」投資評等推測合理股價估值200元。同時內需消費族群也搶搭五倍券行情題材熱度高。
瑞信證券近期對台股非電族群關注度大提升台股策略分析師許忠維日前才開啟網家基本面研究給予「優於大盤」投資評等非科技研究團隊最近又將美食-KY納入研究範圍此外在零售產業中瑞信定調將在後新冠肺炎疫情時期獲得營運反彈契機除青睞網家、美食-KY外亦同步看好統一超與寶雅。
在新冠肺炎大流行之後美食-KY營運出現結構性轉變加快毛利復甦節奏並採取多項措施來提升門市店面獲利能力包括：淘汰非生產性店面、改善成本結構以及推出新店面型態。
儘管美食-KY美國店面2020年下半年的同店銷售表現不亮眼但在上述努力下大陸與美國事業的毛利率均恢復得比預期快。
值得注意的是因新冠肺炎疫情在美食-KY主要市場有捲土重來態勢2021年的同店銷售復甦力道備受考驗市場對後市仍存有擔憂。
所幸隨成本結構優化美食-KY積極提高產品價值與拓展數位平臺加上其具備經濟規模優勢使美食-KY大陸市場的同店銷售在後新冠肺炎疫情時期加速回溫瑞信看好接下來迎來週期性復甦2022年獲利表現將會更好盛讚美食-KY是重啟經濟的主要受惠者之一。
考量同店銷售增長更快瑞信預期美食-KY集團的營業利益率將從2021年的72％進步為2022年的84％儘管在瑞信的估計中假定美食-KY台灣事業體2022年的營收只能恢復到疫情前的75％水準然僅是如此偏保守預期台灣市場便將貢獻2022年總獲利增長的28％；再加上大陸與美國市場獲利能力提高料將推動美食-KY於2022年獲利大彈升。</t>
  </si>
  <si>
    <t>-ky美食獲利瑞信市場銷售復蘇研究疫情大陸預期店面經濟肺炎族群成本提升看好營運恢復事業結構性</t>
  </si>
  <si>
    <t>同店銷售提高瑞信肺炎獲利</t>
  </si>
  <si>
    <t>瑞信肺炎提高銷售獲利</t>
  </si>
  <si>
    <t>才能口罩大眾運輸網友林佳龍</t>
  </si>
  <si>
    <t>新冠肺炎疫情蠢動！交通部長林佳龍今天視察台鐵與高鐵板橋車站後表示所有搭乘大眾運輸乘客必要戴口罩才能搭車並呼籲全體民眾配合不要防疫讓有缺口。但消息一出網友嘩然表示異議！交通部長林佳龍是在今(31)晚</t>
  </si>
  <si>
    <t>表示交通部長林佳龍蠢動今天異議全體民眾呼籲配合搭車不要才能防疫口罩視察必要台鐵消息缺口乘客鐵板橋運輸網友大眾</t>
  </si>
  <si>
    <t>新冠肺炎疫情蠢動！交通部長林佳龍今天視察台鐵與高鐵板橋車站後表示所有搭乘大眾運輸乘客必要戴口罩才能搭車並呼籲全體民眾配合不要防疫讓有缺口。但消息一出網友嘩然表示異議！
交通部長林佳龍是在今(31)晚視察台鐵、高鐵板橋車站的防疫措施後宣佈4月1日針對所有的大眾運輸要求大家戴口罩才搭車大家要配合讓清明連假時不要有防疫缺口出現。目前高鐵的12站均開始量測體溫也設有紅外線的體溫量測儀；台鐵今天起在全部的239車站執行量測體溫另包括1298個郵局、公路系統包括高速公路的服務區、公路客運的轉運站動起來要求乘客量體溫、戴口罩。
雖然交通部是有備而來但對照先前中央流行疫情指揮中心表示搭乘通氣量足夠的大眾運輸（如公車、捷運、高鐵）不用擔心不戴口罩會被感染因此身體健康者從事戶外活動、搭乘通氣量足夠的大眾運輸時不需要戴口罩請把口罩留給真正需要的人（如有慢性病者、有呼吸道症狀者）與醫療、防疫人員才能讓防疫發揮最大效用。
而今口罩仍實施實名制限購狀態並非充分提供需要者。所以林佳龍一宣佈搭大眾運輸「要求乘客戴口罩」網民反酸表示：「開始緊張了放了一堆的人進來了都不篩檢」、「我願意戴啊~~~但是請讓我一天最少有一片口罩 ~~產能剛剛逐漸提昇就開始強制了 2週9片都還沒開始」、「我ok你先領現在不ok了？」、「不是叫健康的人不要帶嗎------誰能自認為健康呢 ------保護自己和別人不是都很重要嗎」。</t>
  </si>
  <si>
    <t>口罩防疫表示開始大眾運輸林佳龍台鐵搭乘要求車站疫情乘客高鐵交通部長體溫測體溫今天才能</t>
  </si>
  <si>
    <t>戴口罩大眾運輸高鐵台鐵口罩</t>
  </si>
  <si>
    <t>口罩高鐵運輸大眾台鐵</t>
  </si>
  <si>
    <t>防疫對壘中派點到為止</t>
  </si>
  <si>
    <t>彰化縣衛生局日前因進行精準普篩與中央流行疫情指揮中心槓上雙方就入境普篩與否至今仍舊各執一詞今台灣微生物學會召開新冠病毒檢測研討會「順時中」、「逆時中」兩派人馬首度交鋒順時中代表由疾管署副署長莊</t>
  </si>
  <si>
    <t>代表日前進行精准時中研討會病毒檢測召開微生物學臺灣中央中心流行指揮各執一詞仍舊疫情</t>
  </si>
  <si>
    <t>彰化縣衛生局日前因進行精準普篩與中央流行疫情指揮中心槓上雙方就入境普篩與否至今仍舊各執一詞今台灣微生物學會召開新冠病毒檢測研討會「順時中」、「逆時中」兩派人馬首度交鋒順時中代表由疾管署副署長莊人祥領軍逆時中代表則有台大公衛學院教授詹長權、陳秀熙出席莊人祥致詞時表示今天堪稱是防疫界的八二三砲戰但仍希望雙方人馬能純就學術面討論點到為止就好。
指揮中心專家諮詢小組成員、長庚大學新興病毒感染研究中心主任施信如在會中提到新冠疫情全球已有兩千三百萬人染病死亡人數也超過八十萬人當中有不少國家的經濟受到衝擊因此國際上開始有人提出免疫護照的概念盼能逐步恢復國際間的往來提振經貿活動。
她提到免疫護照最重要的關鍵在於檢驗結果以及體內抗體的保護時間有多長目前雖然無法確認感染後具有抗體的人究竟會不會受到二度感染但從今年一二月份感染新冠病毒的確診者中來看大部分到現在都擁有中和抗體因此康復者在半年後都不會被感染的可能性是有的。
不過施信如也指出新冠病毒的變化速度快從國外文獻已可得知感染族群已從高齡長者下降到二十至三十歲成年人現在更發現小孩也會遭受感染而且重症與死亡個案也不再限於高齡青壯、嬰幼兒等也都有可能。
至於臨床表現上新冠病毒的症狀也越來越多元施信如說除一般的發燒、咳嗽、喉嚨痛等呼吸道症狀外現在更演變為嗅覺、味覺異常更有文獻提到有侵犯到神經的可能而根據長庚收治的重症患者也發現新冠病毒甚至會引起血栓。
她強調目前世界上仍無證據顯示感染後的抗體保護為終生有效同時也發現有感染者始終無法得到中和抗體這些都是未來推出免疫護照有待克服的問題。</t>
  </si>
  <si>
    <t>感染抗體免疫中心護照提到病毒現在發現國際莊人祥</t>
  </si>
  <si>
    <t>防疫八二三砲戰莊人祥逆時中彰化</t>
  </si>
  <si>
    <t>莊人祥防疫</t>
  </si>
  <si>
    <t>裁員大學澳洲撐不住不來工作留學生</t>
  </si>
  <si>
    <t>新冠肺炎疫情重創澳洲教育事業國際學生不來財務缺口擴大澳洲大學爆大規模裁員潮今年以來已經有超過11萬名大學教職員失業這還不包括臨時員工及兼職員工。英國《衛報》（The Guardian）報導新冠肺炎疫情</t>
  </si>
  <si>
    <t>澳洲大學員工theguardian報導失業教職員肺炎疫情超過重創已經教育事業國際裁員學生不來財務缺口擴大英國兼職</t>
  </si>
  <si>
    <t>澳洲大學學生已經國際疫情員工指出學校裁員of入境失業節省支出缺口財務人數報導the教育聯盟事業導致australian</t>
  </si>
  <si>
    <t>澳洲大學留學生裁員11萬新冠肺炎</t>
  </si>
  <si>
    <t>留學生裁員大學肺炎澳洲</t>
  </si>
  <si>
    <t>一場世紀瘟疫──新冠肺炎在全世界已經奪去近490萬人的性命約等於台灣20%的人口而全球染疫人數等於台灣10倍人口已達2億3千萬人疫情能否平息還得看今年秋冬是否大幅感染而定。同時得過新冠肺炎卻幸運逃過死</t>
  </si>
  <si>
    <t>肺炎人口臺灣全世界大幅是否感染秋冬今年已經平息能否等於全球疫情性命約等於</t>
  </si>
  <si>
    <t>一場世紀瘟疫──新冠肺炎在全世界已經奪去近490萬人的性命約等於台灣20%的人口而全球染疫人數等於台灣10倍人口已達2億3千萬人疫情能否平息還得看今年秋冬是否大幅感染而定。同時得過新冠肺炎卻幸運逃過死劫的人及其家屬也多數面臨身心靈巨大的後遺症值得國人注意。
發表在權威期刊《刺胳針（The Lancet）》的中國研究發現1700名從新冠肺炎痊癒的人有76%的人至少出現一種後遺症並持續6個月之久。最常見的症狀包括疲倦、肌肉無力、睡眠障礙、焦慮和沮喪肺部功能傷害、腎功能下降的現象。感染程度愈嚴重後續的症狀會持續愈久有個最新名詞叫「長新冠」。
我在美國常遇到新冠肺炎的倖存者一位曾任癌症病房的護士姐姐、爸爸及祖父都因新冠過世她染疫已過1年仍會高度緊張、失眠、氣喘、疲倦至今還不能回去工作。才28歲的她說身體和心理覺得像82歲。BBC記者露西亞當斯在去年3月染疫今年1月回去工作不久居然再度染疫「我今年44歲。但我的身體卻像一個80多歲的老人。大多數日子裡我從疼痛中醒來然後帶著疼痛入眠。」他們是典型的長新冠患者。
我國控制新冠肺炎得當（除了疫苗及藥品準備匱乏外）大約是世界少數最成功的國家之一但此冠冕不是沒有代價的政府在疫調及隔離做得徹底是主因。因為對防疫的迫切需要政府某些危害隱私及人權的措施民眾不願置喙連人權協會都少有批評再加上媒體推波助瀾大幅報導患者隱私使新冠患者及家人受到再度或三度、四度傷害恐將造成許多人成為永遠的長新冠患者。
例如入境要隔離14天現在一定要住防疫旅館很多旅館防疫措施比家裡還差實在沒道理。有公寓只因兩人確診就要求該棟樓所有居民都得到防疫場所住14天對此媒體及鄉民都少有批評聲量。中央疫情指揮中心及縣市政府公佈患者足跡的作法也侵害了個人隱私歐洲、美國都沒有採取這種作法非不能也乃不為也否則被疫調的民眾告政府是可以告到政府破產的。
而媒體更是罔顧新聞倫理將確診者冠以各種外號如葡萄家族、跑趴男、獅子王、K歌王等更大幅報導去過萬華茶室的人極盡諷刺能事讓確診者彷彿被烙上一個恥辱標誌猶如霍桑所寫的《紅字》通姦的人必須終生戴著一個紅色的A字一樣。
確診者的家人也受到很大歧視甚至在第一線抗疫的醫生及護理人員的子女在學校都受到歧視令人深深遺憾。多位醫生出面呼籲政府要促成醫院對長新冠的重視進行3R：正視（recognition）、研究（research）、復健（rehabilitation）而且越早進行越好。
西方國家目前是一面防疫一面開放經濟今年初就已開始對後新冠患者展開援助措施對患者增加病假天數民營企業也得遵守。他們不單認為同島一命更是全世界一命大家都得負責任；並鼓勵長新冠者接受心理諮商成立支持團體以獲得身心靈的療癒。這值得台灣學習。</t>
  </si>
  <si>
    <t>患者肺炎確診政府防疫大幅媒體受到措施今年臺灣研究疲倦心理後遺症</t>
  </si>
  <si>
    <t>染疫家人後遺症肺炎確診</t>
  </si>
  <si>
    <t>後遺症家人肺炎確診</t>
  </si>
  <si>
    <t>浮筒清淤自行車道渡口</t>
  </si>
  <si>
    <t>新北市新店渡碼頭去年受米塔颱風衝擊淤積嚴重影響人力擺渡營運水利局今年2月起封閉周圍浮筒自行車牽引道進行渡船碼頭周邊清淤工程如今工程順利完工浮筒自行車牽引道也於11日重新開放提供民眾更舒適的休</t>
  </si>
  <si>
    <t>碼頭牽引自行車浮筒提供工程開放去年重新塔臺衝擊淤積嚴重影響人力擺渡民眾營運水利局今年封閉周圍進行</t>
  </si>
  <si>
    <t>新北市新店渡碼頭去年受米塔颱風衝擊淤積嚴重影響人力擺渡營運水利局今年2月起封閉周圍浮筒自行車牽引道進行渡船碼頭周邊清淤工程如今工程順利完工浮筒自行車牽引道也於11日重新開放提供民眾更舒適的休憩空間。
新店渡船始於1881年間因早期碧潭吊橋尚未興建是進入灣潭等山區的交通樞紐連結新店溪兩岸的重要工具如今新店渡碼頭為新店溪流域僅存的人力擺渡渡口更是全台唯一人力擺渡深具新店地方文化特色。
水利局表示市府2019年9月興建完成全台唯一浮筒自行車牽引道成功串連了青潭地區與碧潭風景區的生活與休憩空間藉此更延伸了碧潭觀光動線也成為新店觀光的一大特色提供單車族一條安全的行駛路線。
米塔颱風去年侵襲造成新店渡口嚴重淤積影響全台唯一人力擺渡營運與浮筒自行車牽引道使用水利局今年2月起開始進行清淤與浮筒牽引道檢修改善工程關閉浮筒自行車牽引道。
水利局表示如今清淤工程順利完工人力擺渡已可正常營運浮筒自行車牽引道於昨日重新開放使用開放時間為上午6時至晚間10時僅提供行人與自行車牽引使用。
水利局強調重新開通後民眾又可騎著自行車沿途欣賞新店溪風景來到浮筒自行車牽引道感受不同的風景但由於正值新冠肺炎防疫期間呼籲民眾注意自身健康防護保持戶外安全社交距離佩戴口罩、勤洗手。</t>
  </si>
  <si>
    <t>自行車牽引浮筒水利局人力擺渡民眾碧潭提供新店溪安全碼頭使用全台如今清淤重新興建工程營運渡船開放塔臺觀光</t>
  </si>
  <si>
    <t>牽引道營運水利局新店新店溪</t>
  </si>
  <si>
    <t>水利局營運牽引新店溪</t>
  </si>
  <si>
    <t>感化走向等於az兩劑肺炎專家</t>
  </si>
  <si>
    <t>Omicron變異株蔓延世界各國國內也有3例境外移入個案而英國即使疫苗覆蓋率高Omicron感染數仍然突破3000人且出現全球首例死亡病例。目前對於Omicron的科學證據仍不足國內專家分析應該不至於變成「大魔王」</t>
  </si>
  <si>
    <t>omicron國內應該分析專家不足境外個案不至於首例全球出現英國證據疫苗覆蓋率對於病例目前死亡突破科學</t>
  </si>
  <si>
    <t>Omicron變異株蔓延世界各國國內也有3例境外移入個案而英國即使疫苗覆蓋率高Omicron感染數仍然突破3000人且出現全球首例死亡病例。目前對於Omicron的科學證據仍不足國內專家分析應該不至於變成「大魔王」程度尤其台灣多數人剛打完疫苗抗體濃度高Omicron的危害應該不會比英國嚴重。
台灣科技媒體中心今（15）日邀請中興大學獸醫病理生物學研究所所長吳弘毅、長庚大學新興病毒感染研究中心主任施信如召開線上記者會分析目前科學研究對Omicron變異株的最新狀況。
吳弘毅指出變種病毒一定會持續產生但包括Omicron在內應該不會變成大魔王的程度因為病毒變異只是為了生存如果致病力太強感染者快速死亡對於病毒傳播反而不是有利的。
目前已知Omicron有超過30個變異點。施信如分析變異點越多不代表免疫逃脫情況越嚴重而是要看變異的位置以Omicron來說確實有幾個重要的變異點；而目前各國突破性感染情況增加但台灣多數人剛打完疫苗抗體濃度高應該不會比英國嚴重。
兩位專家皆認為新冠肺炎未來將走向「流感化」。吳弘毅提出思考方向：各國是否可以制定一個每年打疫苗的時機就像流感疫苗每年統一開打讓全世界的抗體趨勢比較一致。
國內原優先開放醫護人員等高風險族群施打第三劑近來開放全民滿5個月皆可追加接種。施信如表示贊同但她提醒每個人對於疫苗的反應不同有些人抗體產生很高現在打第三劑反而不好如果可以先透過簡單的檢測方式先瞭解每個人的抗體就可以把疫苗用在需要的人身上。
她也提到mRNA疫苗是新的疫苗無法得知有哪些長期副作用；目前有研究發現打完疫苗後心肌炎相關因數會增加但是否導致疫苗副作用目前尚未被證實；未來一旦被證實代表有些人可能需要避開mRNA疫苗而改成蛋白質疫苗這些還需要全球科學家繼續努力。
牛津大學團隊最新發表的研究指出接種兩劑AZ疫苗25周後對於Omicron的保護力幾乎等於零BNT較高。吳弘毅認為不能說AZ完全沒有效果疫苗接種後25周是很長的時間抗體本來就會下降；施信如也提醒該研究是在實驗室中將血清和Omicorn混合無法得知在人體實際預防重症的效果。
針對有醫師指稱「打兩劑AZ等於沒打」施信如認為AZ在全球疫情爆發時幫助很大已經完成階段性任務；但AZ產生的中和抗體比較低是事實不是說AZ的壞話而是瞭解它有極限性未來第三劑勢必要改打別的疫苗。</t>
  </si>
  <si>
    <t>疫苗omicron抗體az研究目前變異施信如對於國內全球未來接種認為分析產生可以需要應該</t>
  </si>
  <si>
    <t>新冠肺炎台灣OmicronAZ流感化</t>
  </si>
  <si>
    <t>臺灣omicron肺炎az感化</t>
  </si>
  <si>
    <t>肺炎張圖證明甚於民眾心情流感</t>
  </si>
  <si>
    <t>（國人健康力指標變動趨勢。圖／中大台經中心提供）新冠肺炎疫情重大打擊全球的方方面面？在台灣民眾可能不這樣想。今（25）日和2月消費者信心指數（CCI）同步公佈的國人健康力指標顯示民眾對自己健康感到樂觀</t>
  </si>
  <si>
    <t>民眾健康指標國人肺炎疫情重大提供中心打擊全球消費者方方面面信心臺灣中大可能指數cci同步趨勢變動</t>
  </si>
  <si>
    <t>民眾健康臺灣疫情指數調查指標中心成效防疫國家下降表示發生上月感染社區樂觀中大全球偏向</t>
  </si>
  <si>
    <t>指標調查調查結果健康樂觀</t>
  </si>
  <si>
    <t>調查樂觀健康指標調查結果</t>
  </si>
  <si>
    <t>潘孟安醫院通鋪消息謠傳離譜網路</t>
  </si>
  <si>
    <t>立委周春米26日在臉書指稱有網友在網路上陳述屏東體育館在做大通鋪臨時醫院她趕緊請助理到館內拍照澄清協助闢謠；屏東縣長潘孟安也痛斥「這是惡意假消息假得太離譜」已經報請警局全力偵辦並強調目前屏東</t>
  </si>
  <si>
    <t>指稱網友已經報請全力離譜網路上假消息惡意陳述助理趕緊醫院館內痛斥</t>
  </si>
  <si>
    <t>立委周春米26日在臉書指稱有網友在網路上陳述屏東體育館在做大通鋪臨時醫院她趕緊請助理到館內拍照澄清協助闢謠；屏東縣長潘孟安也痛斥「這是惡意假消息假得太離譜」已經報請警局全力偵辦並強調目前屏東無新冠肺炎確診個案不需過度恐慌。</t>
  </si>
  <si>
    <t>個案確診指稱肺炎網友離譜已經報請網路上假消息惡意全力陳述助理</t>
  </si>
  <si>
    <t>新冠肺炎武漢肺炎COVID-19台灣潘孟安</t>
  </si>
  <si>
    <t>武漢肺炎covid-臺灣潘孟安</t>
  </si>
  <si>
    <t>肺炎全球風險上調非常宣佈世衛</t>
  </si>
  <si>
    <t>世界衛生組織（WHO）祕書長譚德塞2月28日宣佈將新冠肺炎疫情全球風險從「高」上調至「非常高」。不過他仍強調全球仍有機會控制疫情。譚德塞說過去幾天全球新冠肺炎病例和受疫情影響國家的數量持續增加這現象</t>
  </si>
  <si>
    <t>疫情全球德塞肺炎國家影響數量病例宣佈機會控制過去強調上調持續風險秘書長非常增加who</t>
  </si>
  <si>
    <t>世界衛生組織（WHO）祕書長譚德塞2月28日宣佈將新冠肺炎疫情全球風險從「高」上調至「非常高」。不過他仍強調全球仍有機會控制疫情。
譚德塞說過去幾天全球新冠肺炎病例和受疫情影響國家的數量持續增加這現象令人憂心。
譚德塞表示一些國家出現相互關聯的疫情發展但多數病例仍可追蹤到密切接觸者並未發現病毒在社區自由傳播證據。他強調控制疫情的關鍵是阻斷病毒傳播鏈。如果採取強有力的行動盡早發現病例、對病人進行隔離和護理、追蹤密切接觸者「我們仍有機會控制這種病毒」。
由25位中外專家組成的聯合考察組於2月16日至2月24日相繼赴大陸北京、廣東、四川和湖北武漢等地開展考察於2月28日提交報告2月29日公佈。根據《中國─世界衛生組織新型冠狀病毒肺炎聯合考察報告》指出面對這種前所未知的病毒大陸採取了歷史上最勇敢、最靈活、最積極的防控措施國際社會還尚未準備好去實施已被大陸證明唯一能阻斷或最大程度降低病毒傳播措施。
這篇報告其他重點包括：新冠病毒是一種動物源性病毒；不認為空氣傳播是主要傳播方式；蝙蝠似乎是該病毒宿主但中間宿主尚未查明；大陸新冠肺炎人際傳播主要在家庭中發生；新冠肺炎病毒幾乎人人易感感染後是否具有免疫力需進一步研究；患者感染後平均5至6天出現症狀。</t>
  </si>
  <si>
    <t>病毒疫情大陸肺炎傳播病例德塞控制感染全球採取措施發現尚未報告國家阻斷病毒傳播強調出現追蹤</t>
  </si>
  <si>
    <t>肺炎病毒德塞傳播追蹤</t>
  </si>
  <si>
    <t>傳播肺炎德塞追蹤病毒</t>
  </si>
  <si>
    <t>不同臺灣費用價格檢驗高出自費</t>
  </si>
  <si>
    <t>雖然新冠疫情即將進入冬天戰場但隨著農曆年節即將到來許多民眾仍有出國需求必須到醫院進行新冠肺炎自費篩檢不少民眾看到將近7000元的檢驗費用不禁直呼：「好貴！」尤其香港從12月起大幅調降新冠肺炎檢測費用</t>
  </si>
  <si>
    <t>民眾即將費用肺炎尤其香港戰場不禁冬天農曆大幅年節檢驗出國進入到來需求必須將近</t>
  </si>
  <si>
    <t>雖然新冠疫情即將進入冬天戰場但隨著農曆年節即將到來許多民眾仍有出國需求必須到醫院進行新冠肺炎自費篩檢不少民眾看到將近7000元的檢驗費用不禁直呼：「好貴！」
尤其香港從12月起大幅調降新冠肺炎檢測費用從原本大約1500元港幣(約新台幣5000多元)降至240元港幣（約新台幣890元）；而中國大陸檢測費更加便宜但每個區域檢測費不同最便宜僅需人民幣120元(約新台幣510元)最貴的則需1200多元而南韓的檢驗費用約台幣4000元左右雖然價錢相差甚多但所做的檢測卻都是PCR核酸檢驗以台灣7000元跟大陸510元相比足足差了13倍！
為什麼檢驗費用差這麼多？根據檢驗廠商私下透露一般來說檢測費用中有40%爲成本費用主要是人力成本和運輸成本、防護成本包括醫護人員費用、全套防護衣費用每做一個人次就必須換一套衣服光是整套防護衣成本就要將近2000元。
指揮中心表示新冠肺炎的自費檢驗費用是依醫療法第21條規定：「醫療機構收取醫療費用之標準由直轄市、縣(市)主管機關核定之」其中非屬健保給付項目直轄市、縣市主管機關應衡酌醫用者意見參考醫院提供之醫療設施水準、成本分析與市場行情等資料依審查程式據以核定。目前全國84家自費檢驗指定醫院檢驗費用約5000到7000元；另有37家提供快速檢驗服務民眾可於當日就醫採檢及取得報告快速檢驗費用以7000元居多數。
指揮中心指出依據駐外單位提供資料美國自費檢驗費用約為美金250元（折合新臺幣約7100元）以下；英國自費檢驗費用約為英鎊130至200元不等（折合新臺幣約5000至7600元）；日本自費檢驗費用約為日幣25000至50000元不等（折合新臺幣約7000至14000元）。
更多 CTWANT 報導</t>
  </si>
  <si>
    <t>費用檢驗台幣自費成本檢測提供民眾醫院肺炎核定醫療資料大陸將近即將必須中心快速指揮主管機關</t>
  </si>
  <si>
    <t>全國自費檢驗檢驗醫院約新台幣</t>
  </si>
  <si>
    <t>醫院檢驗自費台幣全國</t>
  </si>
  <si>
    <t>衛隊病逝指揮官高官革命失控死亡率全球疫情伊朗之首</t>
  </si>
  <si>
    <t>新冠肺炎病毒持續在全球肆虐伊朗官方公佈的確診病例破萬超過500人死亡是僅次於大陸、義大利之外疫情最為嚴重的國家。繼多位伊朗高級官員陸續染疫伊斯蘭革命衛隊高級指揮官納賽爾·沙巴尼（Nasser Shabani）</t>
  </si>
  <si>
    <t>伊朗高級衛隊持續革命全球伊斯蘭肆虐官方陸續指揮官公佈高級官員確診超過死亡僅次於病例大陸大利之外疫情國家</t>
  </si>
  <si>
    <t>新冠肺炎病毒持續在全球肆虐伊朗官方公佈的確診病例破萬超過500人死亡是僅次於大陸、義大利之外疫情最為嚴重的國家。繼多位伊朗高級官員陸續染疫伊斯蘭革命衛隊高級指揮官納賽爾·沙巴尼（Nasser Shabani）也傳出因感染新冠肺炎病逝。
綜合外媒報導伊朗伊斯蘭革命衛隊（IRGC）發言人夏立夫（Ramezn Sharif）在當地時間13日證實先前確診感染的高級指揮官沙巴尼已不治身亡革命衛隊至少有5名隊員死於新冠肺炎。伊朗至少有7名政要、24名議員染疫當中共有3人死亡高級官員因染新冠肺炎病逝的比例位居全球之首。
更多 CTWANT 報導</t>
  </si>
  <si>
    <t>伊朗肺炎衛隊革命確診感染全球死亡指揮官高級高級官員伊斯蘭至少病逝報導大利之外疫情大陸當地sharif最為僅次於</t>
  </si>
  <si>
    <t>伊朗伊斯蘭革命衛隊新冠肺炎武漢肺炎</t>
  </si>
  <si>
    <t>衛隊革命伊斯蘭肺炎武漢伊朗</t>
  </si>
  <si>
    <t>口罩恐慌排隊大利搶購民生用品</t>
  </si>
  <si>
    <t>義大利新冠肺炎疫情延燒22日確診病例累計達到51例由於新增病例均出現在北部地區當天北部12個城鎮宣佈關閉學校、體育館、餐廳、咖啡館、酒吧及其他公共場所暫停一切辦公、商業、娛樂及公眾活動停止公共交通</t>
  </si>
  <si>
    <t>病例北部娛樂肺炎商業疫情辦公暫停公共場所確診酒吧咖啡館餐廳體育館宣佈學校關閉公眾累計達到新增出現當天城鎮</t>
  </si>
  <si>
    <t>義大利新冠肺炎疫情延燒22日確診病例累計達到51例由於新增病例均出現在北部地區當天北部12個城鎮宣佈關閉學校、體育館、餐廳、咖啡館、酒吧及其他公共場所暫停一切辦公、商業、娛樂及公眾活動停止公共交通。當局敦促居民未來一周不要外出。</t>
  </si>
  <si>
    <t>病例北部居民肺炎敦促疫情當局公共交通停止確診活動公眾娛樂商業辦公暫停宣佈未來公共場所關閉體育館酒吧咖啡館餐廳學校</t>
  </si>
  <si>
    <t>衛生局回歸重話陳時中校正判為個案系統死亡問題北市</t>
  </si>
  <si>
    <t>中央流行疫情指揮中心今日公佈1起北市死亡個案弔詭的是該案例早在6月27日死亡卻在2個月後才通報衛福部長陳時中也說重話要北市府介入督導。臺北市衛生局今日坦言該家醫院為北市立聯合醫院中興院區但院</t>
  </si>
  <si>
    <t>今日死亡中心醫院公佈坦言督導北市介入陳時中市府重話個案部長衛福案例通報指揮</t>
  </si>
  <si>
    <t>中央流行疫情指揮中心今日公佈1起北市死亡個案弔詭的是該案例早在6月27日死亡卻在2個月後才通報衛福部長陳時中也說重話要北市府介入督導。臺北市衛生局今日坦言該家醫院為北市立聯合醫院中興院區但院方確實有上傳資料因此初判死亡個案「校正回歸」的原因是系統問題目前尚在釐清當中預計下午6點對外說明。
陳時中下午2時記者會上表示今日有1例死亡個案是在6月27日過世但就診醫院卻沒有落實通報直到家屬和北市請領慰問金後才發現有沒通報的情況。陳當場直言「請臺北市督導該院以後要申報確實一旦確認後趕快申報出來。」
對此衛生局疾管科長張惠美在防疫記者會上證實個案是在臺北市立聯合醫院中興院區病逝詳細情況正在與院方確認請對方就整個處理過程、個案死亡日期進行釐清也會與中央疾管署確認個案通報資料的完整性今晚6點會公告院方處理時序衛生局將全力督導。
張惠美解釋第五類法定傳染病個案確診後死亡診治醫院須在7天內於傳染病個案病例資料的匯集平臺上傳死者資料和病歷摘要同時要在法定傳染病個案系統登錄死亡日期。至於疾管科何時得知死亡個案延遲？張則說她是今天才下午收到個案目前還在釐清狀況。
衛生局主秘邱秀儀補充表示此案在比對過程當中發現可能是系統出現問題初步來看聯合醫院有上傳資料2筆資訊可能出現系統合併、操作問題。因為中央系統較多主系統是疾管署法定傳染病系統後續還要去不同子系統上傳登錄死亡日期等資料還在釐清是哪個環節出問題因為傳染病個案資料很多種包括起初的通報資料、死亡資料。</t>
  </si>
  <si>
    <t>個案死亡資料系統通報傳染病問題上傳今日衛生局醫院督導院方確認下午日期中央北市表示當中</t>
  </si>
  <si>
    <t>系統個案資料通報死亡個案</t>
  </si>
  <si>
    <t>個案通報死亡系統資料</t>
  </si>
  <si>
    <t>可能報告資料意外強勁單月就業人口升高再度史上新就業最近紀錄結束失業率已經下滑由此顯示經濟衰退造成肺炎</t>
  </si>
  <si>
    <t>就業復蘇就業人口資料市場人數疫情經濟下滑失業率報告指數經濟學家顯示預期創下時程處於可能</t>
  </si>
  <si>
    <t>疫情肺炎狀態大增資料</t>
  </si>
  <si>
    <t>反感警訊成認美川普大選</t>
  </si>
  <si>
    <t>這恐怕能視為川普連任警訊路透社的民調指出川普上任以來現在是共和黨支持者對未來最悲觀的時候40年共和黨鐵粉表示對川普感到厭惡另外將近4成支持者相信美國走錯道路。路透社/易普索（Reuters/Ipsos）6月初</t>
  </si>
  <si>
    <t>川普路透社支持者共和黨道路連任警訊美國相信指出上任時候將近厭惡易普索表示感到以來現在悲觀未來</t>
  </si>
  <si>
    <t>這恐怕能視為川普連任警訊路透社的民調指出川普上任以來現在是共和黨支持者對未來最悲觀的時候40年共和黨鐵粉表示對川普感到厭惡另外將近4成支持者相信美國走錯道路。
路透社/易普索（Reuters/Ipsos）6月初做的民調顯示由於新冠肺炎疫情、經濟低迷、以及非裔男子之死引發的全美動盪3大危機衝擊美國社會現在是川普上任以來共和黨支持者對國家未來最感悲觀的時刻只有46%的共和黨支持者認為美國走在正確道路上這個數字是2017年8月以來最低；和3月初疫情大爆發之前相比當時還有70%共和黨支持者對未來感到樂觀。
現在則有37%共和黨支持者相信國家走在錯誤道路上當中17%表示如果現在舉行大選他們會投給拜登不過另外63%仍計畫持續支持川普。
路透社針對十多名共和黨支持者進行採訪他們都認為美國已走錯方向。上屆大選中投給川普的48歲北卡羅萊納州居民奈特（Matthew Knight）表示對川普處理這些危機的方式感到失望「想想看發生的這些事川普根本沒幫到忙事情都錯了」他說本來打算再投給川普但如果情況繼續惡化他將重新考慮。
另外一名40年來從未投給民主黨的62歲共和黨鐵粉馬麥可（Bill McMichael）則表態今年11月可能投給拜登因為他對川普的所作所為「感到厭惡」。
儘管共和黨支持者對美國愈來愈感到悲觀不過整體而言川普目前的支持度仍維持在40%多數支持者仍滿意他的施政表現部分支持者即便對未來感到憂慮但出於對拜登的不信任以及相信川普能挽救經濟今年底他們仍打算投川普一票。
路透社/易普索這份民調於網路進行總共獲得1113名美國成人填寫信賴區間為正負3個百分點。</t>
  </si>
  <si>
    <t>川普支持者共和黨美國感到路透社表示現在未來拜登相信悲觀道路疫情經濟危機月初以來</t>
  </si>
  <si>
    <t>美國美國總統川普總統大選2020</t>
  </si>
  <si>
    <t>美國總統川普總統大選</t>
  </si>
  <si>
    <t>強制場所口罩大類原因專案冬季曝光</t>
  </si>
  <si>
    <t>中央流行疫情指揮中心社區防疫組副組長楊靖慧表示今天開始秋冬專案上路8大類場所民眾需要強制戴口罩主要是擔心冬季大家在室內時間多而且呼吸道相關症狀疾病也較多因此呼籲民眾進入室內或預期會接觸不特定</t>
  </si>
  <si>
    <t>室內民眾中心社區防疫組長楊靖慧表示今天開始秋冬指揮進入專案上路大類場所呼籲需要症狀強制呼吸道相關時間疾病冬季擔心</t>
  </si>
  <si>
    <t>中央流行疫情指揮中心社區防疫組副組長楊靖慧表示今天開始秋冬專案上路8大類場所民眾需要強制戴口罩主要是擔心冬季大家在室內時間多而且呼吸道相關症狀疾病也較多因此呼籲民眾進入室內或預期會接觸不特定人士就要戴上口罩可保護自己也保護別人。
中央流行疫情指揮中心表示8大類場所包含醫療照護、大眾運輸、生活消費、教育學習、觀展觀賽、休閒娛樂、宗教祭祀及洽公未依規定佩戴口罩經勸導不聽者將依違反《傳染病防治法》第37條第1項第6款規定由地方政府裁罰3000元以上1萬5000元以下罰款。</t>
  </si>
  <si>
    <t>口罩規定表示室內民眾場所大類指揮疫情政府地方觀展教育學觀賽消費休閒娛樂生活宗教流行運輸大眾</t>
  </si>
  <si>
    <t>8大類場所強制戴口罩秋冬專案中央流行疫情指揮中心新冠肺炎</t>
  </si>
  <si>
    <t>口罩指揮疫情秋冬流行專案中央中心強制場所肺炎大類</t>
  </si>
  <si>
    <t>首度川普種族大屠殺疫情地點</t>
  </si>
  <si>
    <t>美國總統川普宣佈在因疫情停止競選活動3個月後他將於19日在奧克拉荷馬州的土沙（Tulsa）展開新冠肺炎疫情爆發後第一場連任造勢活動。但這個地點對非裔來說是傷痛與悲劇的代名詞。在將近百年前的1921年6月</t>
  </si>
  <si>
    <t>疫情傷痛非裔地點活動停止悲劇競選活動連任tulsa奧克拉荷馬爆發展開肺炎宣佈代名詞川普將近總統</t>
  </si>
  <si>
    <t>美國總統川普宣佈在因疫情停止競選活動3個月後他將於19日在奧克拉荷馬州的土沙（Tulsa）展開新冠肺炎疫情爆發後第一場連任造勢活動。但這個地點對非裔來說是傷痛與悲劇的代名詞。
在將近百年前的1921年6月白人至上主義者曾針對非裔發動美國史上最嚴重的種族大屠殺。在此種族關係緊繃的敏感時刻加上日期又選在6月19日的黑奴解放日川普的選擇絕對不是巧合也格外引人側目。
在疫情尚未完全被遏阻之際就要辦大型活動令公衛專家相當憂心。因為美國確診剛突破2百萬且有10多個州近期確診持續上升而川氏造勢通常都可吸引數萬人潮聚集對防疫來說絕對不是好事。</t>
  </si>
  <si>
    <t>疫情美國非裔川普絕對確診種族敏感時刻數萬人吸引加上日期之際要辦大型活動史上將近</t>
  </si>
  <si>
    <t>疫情川普造勢大屠殺新冠肺炎</t>
  </si>
  <si>
    <t>大屠殺川普肺炎疫情</t>
  </si>
  <si>
    <t>南非管制集中高風險入境</t>
  </si>
  <si>
    <t>防堵新冠肺炎南非新變異株（B11529）疫情疫情指揮中心26日公佈29日起南非、波劄那、納米比亞、賴索托、史瓦帝尼及辛巴威等六國提升為重點高風險國家只要抵台前14天曾至上述國家包含轉機在內返台後</t>
  </si>
  <si>
    <t>南非國家疫情高風險重點提升辛巴威納米比亞賴索托史瓦帝包含肺炎曾至變異台前公佈轉機指揮中心返台</t>
  </si>
  <si>
    <t>防堵新冠肺炎南非新變異株（B11529）疫情疫情指揮中心26日公佈29日起南非、波劄那、納米比亞、賴索托、史瓦帝尼及辛巴威等六國提升為重點高風險國家只要抵台前14天曾至上述國家包含轉機在內返台後須入住集中檢疫所14天並配合專案採檢且不適用春節返台專案。
醫療應變組副組長羅一鈞說南非新變異株學名為「B11529」11月中旬在波劄那發現目前還沒有希臘字母正式的命名預估可能成為當地新一波疫情主流。但南非新變異株與Delta基因定序明顯不同因此不用擔心先前我國境外移入的南非個案有潛藏可能。羅一鈞指出目前亞洲僅香港偵測到二例台灣尚未發現南非目前病例數至少77例。
指揮官陳時中也表示我國沒有直飛的航班直接威脅較小但是目前仍先採取完整的阻絕再視後續情況調整。
從重點高風險國家返台的民眾除了要在集中檢疫所進行14天的檢疫外還要配合專案採檢在到集中檢疫所及檢疫期滿時做PCR採檢並在自主健康管理期間做一次家用快篩。若為國籍航空公司機組員則是入住防疫旅宿或符合規定的公司宿舍檢疫14天且仍需配合PCR檢測及7天自主健康管理。
原本指揮中心預定26日公佈跨年鬆綁指引卻未公佈外界推測是否因南非新變異株而延後公佈？陳時中回應雖然保留因疫情變化滾動檢討的空間但跨年鬆綁指引延後與新變異株無關目前大方向已擬定僅是部分細節還未定案仍持續討論中要等整體確定才會對外公佈。</t>
  </si>
  <si>
    <t>南非目前變異公佈返台檢疫配合疫情檢疫所專案我國集中國家沒有公司可能陳時中羅一鈞入住</t>
  </si>
  <si>
    <t>採檢重點檢疫鬆綁返台</t>
  </si>
  <si>
    <t>鬆綁檢疫重點返台</t>
  </si>
  <si>
    <t>陸檢出新奇異病毒陽性紐西蘭</t>
  </si>
  <si>
    <t>新華網今天（24日）報導9月22日下午江蘇省南通市海門區接到南通市新冠疫情防控指揮部協查函稱：「外省一批自紐西蘭進口的獼猴桃（奇異果）塗抹樣標本檢測新型冠狀病毒核酸陽性」部分同批次貨物銷往海門區永輝</t>
  </si>
  <si>
    <t>海門南通市報導貨物陽性部分批次核酸病毒冠狀檢測疫情標本塗抹指揮部奇異防控獼猴桃查函進口紐西蘭</t>
  </si>
  <si>
    <t>新華網今天（24日）報導9月22日下午江蘇省南通市海門區接到南通市新冠疫情防控指揮部協查函稱：「外省一批自紐西蘭進口的獼猴桃（奇異果）塗抹樣標本檢測新型冠狀病毒核酸陽性」部分同批次貨物銷往海門區永輝超市龍信廣場店。
接到協查函後海門區高度重視立即組織疾控、公安、市監等部門落實全面排查該批次獼猴桃貨物銷售情況、排查密切接觸者及次密接人員和對相關場所開展環境採樣和處置消毒等防控措施。
經查該批次獼猴桃已通過該超市售出。目前排查出的相關人員已落實管控措施。已完成接觸該批次獼猴桃的工作人員及環境樣本核酸採樣14份檢測結果均為陰性。
9月22日晚如皋市接到南通市新冠疫情防控指揮部協查函稱：「外省一批自紐西蘭進口的獼猴桃塗抹樣標本檢測新型冠狀病毒核酸陽性」部分同批次貨物銷往如皋市萬達廣場永輝超市。如皋市第一時間組織疾控、公安、市場監管、商務、人行等部門全面調查該批次獼猴桃銷售情況、排查管控密切接觸者及次密接對相關場所開展環境採樣落實環境消殺等防控措施。
經查該批次獼猴桃為進口佳沛金果獼猴桃（奇異果）數量50只於9月14日至9月16日在如皋萬達廣場永輝超市售完。目前排查出的相關人員已全部落實管控措施對相關人員及環境樣本完成核酸採樣36份檢測結果均為陰性。
9月23日江蘇省宿遷市沭陽縣接到相關部門協查函稱：「外省一批自紐西蘭進口的獼猴桃塗抹樣標本檢測新型冠狀病毒核酸陽性」部分同批次貨物銷往沭陽縣永輝超市。接到協查函後沭陽縣高度重視立即啓動進口冷鏈食品疫情防控應急預案迅速組織疾控、公安、商務、市監等部門落實全面排查該批次獼猴桃貨物銷售情況、排查密切接觸者及次密接人員和對相關場所開展環境採樣和處置消毒等防控措施。經查該批次獼猴桃已通過該超市售出。目前排查出的相關人員已落實管控措施已完成接觸該批次獼猴桃的工作人員及環境樣本核酸採樣。</t>
  </si>
  <si>
    <t>獼猴桃批次防控相關永輝超市進口排查落實環境海門部門廣場查函措施如皋市採樣沭陽縣貨物檢測組織核酸接到人員疫情</t>
  </si>
  <si>
    <t>新冠肺炎大陸獼猴桃批次排查</t>
  </si>
  <si>
    <t>肺炎大陸獼猴桃批次排查</t>
  </si>
  <si>
    <t>部分郭信良開放建議年長弱者疫苗施打南市</t>
  </si>
  <si>
    <t>台南市新近獲分配的1萬6000劑疫苗2日開打台南市議長郭信良除肯定市府先前的施打效率外也建議開放部分疫苗給年長及病弱者施打。郭信良表示台南市5月27日獲配1萬3000劑疫苗5月30日就全數施打完畢顯示市府衛</t>
  </si>
  <si>
    <t>施打疫苗郭信良市府台南開放效率部分建議全數先前年長弱者議長肯定表示南市分配完畢顯示</t>
  </si>
  <si>
    <t>台南市新近獲分配的1萬6000劑疫苗2日開打台南市議長郭信良除肯定市府先前的施打效率外也建議開放部分疫苗給年長及病弱者施打。
郭信良表示台南市5月27日獲配1萬3000劑疫苗5月30日就全數施打完畢顯示市府衛生局的效率相當高；但民眾們更想知道的是優先施打的族群是如何造冊？其中還有多少人員尚未施打？以及如何安排其他施打順序的族群。
郭信良指出目前各縣市分配到的公費疫苗數量有限依據中央的規定醫事人員、防疫人員及高接觸風險第一線工作人員等3類為最優先接種對象優先施打順序的族群施打完畢後才能進行到下一個施打順序的族群也因此疫苗施打效率格外重要。
郭信良還說今天將再開打的1萬6000劑疫苗中市府決定優先分配部分疫苗給環保局第一線清潔人員及殯葬人員對於這項安排他予以肯定但也要特別提醒年長及病弱者目前的施打排序不高但是最脆弱的一群由於抵抗力低染疫後極容易演變成重症或死亡希望市府也能開放部分疫苗給年長及病弱者施打維護民眾的生命安全。</t>
  </si>
  <si>
    <t>施打疫苗市府郭信良人員族群優先分配效率順序弱者部分肯定目前年長完畢民眾安排</t>
  </si>
  <si>
    <t>新冠肺炎台灣施打疫苗郭信良</t>
  </si>
  <si>
    <t>肺炎施打臺灣疫苗郭信良</t>
  </si>
  <si>
    <t>訂單產業塑膠營運報喜</t>
  </si>
  <si>
    <t>不畏新冠肺炎疫情全球肆虐對經濟活動帶來強烈衝擊台穩精密公司憑藉著廠區擁有無數自歐日進口的高階齒輪研磨與加工設備及生產技術領先業界的賣點近期持續接獲中部知名輪胎大廠及南部塑膠押出機大廠齒輪箱的訂單</t>
  </si>
  <si>
    <t>齒輪大廠疫情全球肆虐經濟活動帶來強烈輪胎衝擊知名台穩中部精密肺炎公司持續近期領先擁有</t>
  </si>
  <si>
    <t>不畏新冠肺炎疫情全球肆虐對經濟活動帶來強烈衝擊台穩精密公司憑藉著廠區擁有無數自歐日進口的高階齒輪研磨與加工設備及生產技術領先業界的賣點近期持續接獲中部知名輪胎大廠及南部塑膠押出機大廠齒輪箱的訂單在機械業黯淡的不景氣聲中掛起一盞明燈。
台穩公司總經理廖德川指出面對新冠肺炎來勢洶洶衝擊全球經濟與投資活動台穩積極尋找新出路因應其中在產業機械齒輪箱市場的拓展方面已成功接獲中部知名輪胎大廠海外投資所需的膠料密煉機用的大型齒輪箱訂單總計有四條生產線每個搭配的大型齒輪箱重達16噸為台穩迄今所生產過最大型的齒輪箱在台穩員工加緊趕工生產後近期都已順利出貨完畢並獲得客戶的肯定後續預計將追加數款中小型密煉機用的齒輪箱也將委由台穩製造。
廖德川強調該款大型膠料密煉機主要做為橡膠料與混合劑的攪拌混練使用其搭載的齒輪箱除了外型之巨大為台穩以往所未生產過外其馬達功率更要達到3000馬力在技術上並要做到兩個出力軸的轉速要同步業界要投入開發並不容易但台穩卻順利把它完成每個齒輪箱的交貨時程還較原訂的六～八個月大幅縮短為四個月讓客戶至為滿意為台穩進軍輪胎產業設備市場打出漂亮的第一仗。
另在塑膠機械齒輪箱市場的開發方面台穩產品憑藉著品項豐富齊全及擁有高精度、高效率與高可靠度等「三高」特色持續接獲南部知名塑膠押出機大廠各款機械齒輪箱訂單穩固了台穩的經營基礎。
值得一提的是台穩在董事長黃明和、總經理廖德川以「轉動全世界」、「矢志做精密齒輪業第一品牌」的卓越經營理念帶領下近期再斥資數千萬元增購德商HOFLER齒輪研磨機、日商東京技術CNC齒輪檢測機等業界最頂尖的齒輪加工與檢測設備可用來生產錐度齒輪、擺線齒輪等特殊齒輪及產業機械用客製化大型齒輪箱鎖定要進攻壓鑄機、塑橡膠機械與鋼鐵機械等市場。</t>
  </si>
  <si>
    <t>齒輪台穩生產機械近期設備密煉機德川市場產業訂單輪胎客戶順利大廠公司精密擁有膠料總經理開發衝擊</t>
  </si>
  <si>
    <t>中部知名產業機械大型齒輪憑藉著肺炎</t>
  </si>
  <si>
    <t>機械齒輪產業知名肺炎中部</t>
  </si>
  <si>
    <t>肺炎確診病例新增北京累計</t>
  </si>
  <si>
    <t>25日據北京衛健委官方微博消息24日0時至24時北京市新增1例新冠肺炎確診病例該病例有外省市接觸史已送至定點醫療機構進行救治。24日北京市新增疑似病例18例現有疑似病例73例新增密切接觸者3例累計確定</t>
  </si>
  <si>
    <t>新增北京市微博病例消息送至疑似病例定點醫療機構時至進行救治密切接觸官方外省市接觸確診肺炎衛健累計</t>
  </si>
  <si>
    <t>25日據北京衛健委官方微博消息24日0時至24時北京市新增1例新冠肺炎確診病例該病例有外省市接觸史已送至定點醫療機構進行救治。
24日北京市新增疑似病例18例現有疑似病例73例新增密切接觸者3例累計確定密切接觸者2487例其中1748例已解除醫學觀察17例新冠肺炎患者分別從地壇醫院、佑安醫院、解放軍總醫院第五醫學中心、海澱醫院、普仁醫院、潞河醫院牛堡屯分院、昌平區醫院、大興區人民醫院、順義區醫院出院 其中9名男性8名女性年齡最小1歲最大89歲。
截至24日24時北京市累計確診病例400例出院215例死亡4例危重型13例400例確診病例中男性病例189例佔472％女性病例211例佔528％；年齡範圍為6個月至94歲其中5歲以下14例佔35％；6歲至17歲13例佔32％；18歲至59歲263例佔658％；60歲及以上110例佔275％。</t>
  </si>
  <si>
    <t>病例北京市確診新增年齡男性女性肺炎累計醫院潞河醫院普仁海澱醫院中心醫學分院解放軍總醫院昌平區醫院微博</t>
  </si>
  <si>
    <t>降低口服藥住院死亡默沙東風險</t>
  </si>
  <si>
    <t>根據美國製藥大廠默沙東集團今天公佈的臨床期中分析結果還在實驗中用來治療COVID-19（2019冠狀病毒疾病）的口服藥可使重症高風險患者的住院或死亡機率降低約50%。法新社報導默沙東集團（Merck &amp; Co）與Ridgeb</t>
  </si>
  <si>
    <t>集團默沙東今天報導公佈法新社分析期中降低臨床結果實驗死亡住院治療患者covid-高風險重症口服藥病毒</t>
  </si>
  <si>
    <t>根據美國製藥大廠默沙東集團今天公佈的臨床期中分析結果還在實驗中用來治療COVID-19（2019冠狀病毒疾病）的口服藥可使重症高風險患者的住院或死亡機率降低約50%。
法新社報導默沙東集團（Merck &amp; Co）與Ridgeback Biotherapeutics發表聲明說還在實驗中的口服藥molnupiravir給予染疫初期的高風險患者服用可大幅降低住院或死亡的風險。
聲明指出：「根據期中分析服用molnupiravir的染疫患者中至29天有73%住院而服用安慰劑的患者至29天有141%住院或死亡。」
默沙東集團與Ridgeback Biotherapeutics計劃針對這個口服藥盡快向美國提出緊急使用授權並且向全球監管機關遞交申請由於臨床實驗結果證實有療效在外部監測人員建議下第3期臨床試驗提早喊停。
Ridgeback Biotherapeutics藥廠執行長霍爾曼（Wendy Holman）表示：「迫切需要能讓染疫患者居家服用並避免住院的抗病毒療法。」（譯者：曹宇帆/核稿：劉學源）1101001</t>
  </si>
  <si>
    <t>住院口服藥患者biotherapeuticsridgeback服用默沙東集團死亡病毒結果臨床聲明實驗高風險分析期中降低molnupiravir美國譯者療法監管全球</t>
  </si>
  <si>
    <t>住院默沙東口服藥新冠肺炎藥物死亡率</t>
  </si>
  <si>
    <t>口服藥肺炎藥物默沙東死亡率住院</t>
  </si>
  <si>
    <t>《國際社會》川普延後禁足令至4月底警告新冠死亡率兩周內達高峰</t>
  </si>
  <si>
    <t>警告月底令至川普死亡率社會周內達高峰國際</t>
  </si>
  <si>
    <t>美國總統川普的防疫政策大轉彎取消了之前備受批評、要求經濟在4月中旬前就恢復運作的計畫周日宣佈其發布的禁足令（Stay at Home）指引從原定的4月12日復活節延長到4月30日以減緩新冠狀病毒疫情的擴散。川普在</t>
  </si>
  <si>
    <t>川普政策冠狀減緩轉彎取消之前備受批評原定要求指引經濟月中homestayat恢復運作計畫周日發佈</t>
  </si>
  <si>
    <t>美國總統川普的防疫政策大轉彎取消了之前備受批評、要求經濟在4月中旬前就恢復運作的計畫周日宣佈其發布的禁足令（Stay at Home）指引從原定的4月12日復活節延長到4月30日以減緩新冠狀病毒疫情的擴散。
川普在白宮會議上表示美國的新冠肺炎死亡率可能在兩周內達到最高峰他並表示希望直到4月30日的限制指引不必再延後。他更表示如果美國能把新冠肺炎死亡病例數從可能達到的220萬人控制在10～20萬人就代表「我們做得非常好」。
川普表示將在週二公佈更多的相關細節。根據路透社統計截至目前為止美國的新冠肺炎死亡病例已超過2460人確診人數超過14萬1000人在全球排名第一。
川普並於周日宣告華盛頓哥倫比亞特區、俄勒岡、喬治亞、康乃狄克州進入「重大災難」狀態。這表示華盛頓特區可獲得聯邦政府的抗疫資金。目前為止美國已有21個州與2個海外領地宣告「重大災難」狀態。
此前美國過敏與傳染病研究院主任佛奇（DrAnthony Fauci）亦提出警告美國新冠肺炎感染病例可能達到數百萬人恐將造成10萬～20萬人死亡目前紐約、紐新奧良等大城市都已出現醫療物資極為短缺的問題。</t>
  </si>
  <si>
    <t>美國表示川普死亡達到周日華盛頓肺炎指引目前為止重大災難狀態可能病例醫療超過出現批評備受</t>
  </si>
  <si>
    <t>川普美國新冠肺炎新冠狀病毒禁足令</t>
  </si>
  <si>
    <t>病毒肺炎川普美國</t>
  </si>
  <si>
    <t>病毒不應川普中國種族回應聯繫who</t>
  </si>
  <si>
    <t>世界衛生組織（WHO）當地時間18日在瑞士日內瓦總部召開新冠肺炎例行記者會上世衛組織衛生緊急專案負責人邁克爾裡安針對媒體關注的美國總統川普稱新冠病毒為「中國病毒」回應指出不應把病毒同種族相聯繫。央</t>
  </si>
  <si>
    <t>病毒瑞士日內瓦總部種族召開不應時間負責人邁克爾專案裡安關注媒體緊急衛生世衛組織川普美國肺炎例行總統記者會中國</t>
  </si>
  <si>
    <t>世界衛生組織（WHO）當地時間18日在瑞士日內瓦總部召開新冠肺炎例行記者會上世衛組織衛生緊急專案負責人邁克爾裡安針對媒體關注的美國總統川普稱新冠病毒為「中國病毒」回應指出不應把病毒同種族相聯繫。
央視新聞用戶端報導 世衛組織衛生緊急專案負責人邁克爾裡安表示一直以來WHO我們傳遞的資訊就很清晰病毒沒有國界不區分種族膚色和財富。我們在語言使用上要小心應避免把病毒同個人聯繫在一起。我相信任何人都會後悔把病毒同種族聯繫在一起這是所有人都不希望的我們需要團結合作。
裡安強調2009年（H1N1）流感大流行是始於北美我們也沒把它稱作北美流感。所以當遇到其他病毒時我們採用同樣的（命名）方式避免同地域聯繫。我們要求每個人在這一刻都抱有團結的想法這是需要事實並一起抗擊病毒的時刻而不是責怪誰。
裡安說「我們現在要確認所需要做的事情從而確定地快速前進同時避免將病毒同種族或其他領域相聯繫的表達」。</t>
  </si>
  <si>
    <t>病毒裡安種族聯繫需要避免一起流感who世衛組織邁克爾衛生北美負責人專案緊急瑞士日內瓦總部召開傳遞</t>
  </si>
  <si>
    <t>病毒我們聯繫衛生新冠</t>
  </si>
  <si>
    <t>病毒聯繫衛生</t>
  </si>
  <si>
    <t>截肢四肢確診悲痛心聲三寶曝光</t>
  </si>
  <si>
    <t>一名32歲、育有三個孩子的美國婦女竟在確診新冠肺炎（COVID-19）後四肢出現血栓必須要截肢才能保命。歷經艱辛歷程後她期待自己的經歷能鼓勵更多人盡速接種疫苗免於遭遇類似的不幸景況。內科醫生Wesley Ely近</t>
  </si>
  <si>
    <t>景況婦女不幸類似遭遇確診免於疫苗接種內科醫生肺炎美國covid-鼓勵四肢出現經歷截肢才能血栓</t>
  </si>
  <si>
    <t>一名32歲、育有三個孩子的美國婦女竟在確診新冠肺炎（COVID-19）後四肢出現血栓必須要截肢才能保命。歷經艱辛歷程後她期待自己的經歷能鼓勵更多人盡速接種疫苗免於遭遇類似的不幸景況。
內科醫生Wesley Ely近日在Twitter上分享了一段故事。他首先提到新冠肺炎是一種會影響肺部、心臟、大腦或任何器官的血管疾病而且當重要器官出現血栓情況嚴重可能會喪掉生命。
?  #COVID19 took her hands &amp; feet? I cried when she sent me this yesterday: Her physical resilience &amp; mental fortitude are my #Inspiration She sent this ?  of her walking w new legs and said to tell YOU…“Blood clots of #COVID can be prevented w a #Vaccine!” (shown w perm) https://tco/ouoMFhy0JH pictwittercom/gZ9n0FcV8V
他特別分享了一位確診病患親身經歷指出「新冠肺炎奪走了她的手腳」。Ely醫生指出他收到病患Autumn傳給他的影片後看到都哭了。也指出她在對抗疾病的韌性與毅力為他帶來了啟發。
醫生分享有3個孩子的Autumn Nugent在確診後四肢因為併發症出現血栓。發病期間四肢就像燒傷一樣護士需要花好幾個小時為他換藥。最終她手腳都經歷截肢才保住性命。醫生指出手術後「她每天都需要服用12種不同的藥物。」
Ely醫生沉痛表示：「感染新冠肺炎全然改變了她的生命而這樣的情況也可能發生在非常年輕而且完全健康的人身上。」在後期的復健期間Autumn與Ely醫生之間的感情越來越好甚至以父女相稱。因此Autumn向Ely提出邀請請他可以分享她的故事為的是「鼓勵更多人去接種新冠肺炎疫苗。」
且他也鼓勵更多人能分享Autumn的故事讓她的精神可以影響更多的人。醫生指出很多感染新冠肺炎的病人都期待當初可以接種疫苗。因此盼望人們能因她的故事重新思考是否要接種疫苗的決定。</t>
  </si>
  <si>
    <t>醫生elyautumn肺炎分享指出故事her疫苗接種確診可以of血栓出現#covidtwitter四肢she需要</t>
  </si>
  <si>
    <t>確診病例染疫新冠肺炎血栓</t>
  </si>
  <si>
    <t>肺炎病例確診血栓</t>
  </si>
  <si>
    <t>提早解禁禁止侯友宜餐飲回應</t>
  </si>
  <si>
    <t>近來疫情獲得控制對於餐飲禁止內用到15日是否考慮提早解禁新北市長侯友宜今主持疫情說明會表示現在疫情還是在觀察期間我們應該戒慎恐懼、嚴陣以待來面對第一波入侵新北的Delta病毒目前仍在嚴密觀測、掌</t>
  </si>
  <si>
    <t>疫情新北目前病毒delta對於禁止餐飲入侵嚴陣以待面對恐懼是否觀察期間應該戒慎考慮提早主持解禁侯友宜市長</t>
  </si>
  <si>
    <t>近來疫情獲得控制對於餐飲禁止內用到15日是否考慮提早解禁新北市長侯友宜今主持疫情說明會表示現在疫情還是在觀察期間我們應該戒慎恐懼、嚴陣以待來面對第一波入侵新北的Delta病毒目前仍在嚴密觀測、掌控希望能有效控制疫情。
★《中時新聞網》提醒您：因應新冠肺炎疫情疾管署持續加強疫情監測與邊境管制措施 如有疑似症狀請撥打：1922專線或 0800-001922 並依指示配戴口罩儘速就醫同時主動告知醫師旅遊史及接觸史以利及時診斷及通報。</t>
  </si>
  <si>
    <t>疫情新北控制接觸史及旅遊醫師告知主動就醫以利口罩配戴指示專線撥打症狀對於措施禁止管制</t>
  </si>
  <si>
    <t>疫情餐飲禁止內用提早解禁</t>
  </si>
  <si>
    <t>提早餐飲禁止解禁疫情</t>
  </si>
  <si>
    <t>解密感染特殊鮭魚</t>
  </si>
  <si>
    <t>北京爆發第二波新冠肺炎傳鮭魚為傳染源對此胸腔暨重症醫生黃軒直言「倒楣的魚被人宰殺了還要被誣陷啊！」新冠病毒需受體ACE2幫忙才可成功進入感染細胞而此受體僅存於哺乳類動物不存在魚中。黃軒表</t>
  </si>
  <si>
    <t>受體動物哺乳類細胞肺炎感染對此醫生黃軒重症胸腔直言進入傳染源才可鮭魚幫忙ace宰殺還要</t>
  </si>
  <si>
    <t>北京爆發第二波新冠肺炎傳鮭魚為傳染源對此胸腔暨重症醫生黃軒直言「倒楣的魚被人宰殺了還要被誣陷啊！」新冠病毒需受體ACE2幫忙才可成功進入感染細胞而此受體僅存於哺乳類動物不存在魚中。
黃軒表示新冠病毒很死忠、很挑剔只愛一種「天菜」那就是人類呼吸系統有的「ACE2」。病毒是核酸內核、蛋白外殼構成沒有自主複製能力無法自立更生若病毒要浸染細胞就必須要借宿主的核酸合成、蛋白表達系統來完成複製及擴散。
黃軒指出北京日前傳出切鮭魚的砧板驗出新冠病毒引起譁然但魚類的體內幾乎沒有新冠病毒喜愛的「天菜ACE2」而若沒有這個受體病毒就無法成功進入、感染細胞目前所有已知的證據顯示這個受體僅存於哺乳類動物而不存在於魚類中。
黃軒引述「倫敦大學學院」的研究表示新冠病毒可感染多種哺乳類但不能感染魚類、鳥類或爬行動物所以魚體內自然不會攜帶新冠病毒至於鮭魚能吃與否按世衛的說法目前尚未有證據表明新冠病毒可透過飲食直接傳給人主要傳播途徑仍是呼吸道飛沫和緊密接觸。
黃軒說新冠病毒可在物體表面存活數小時甚至數天病毒在冷凍的情況下的確也能存活較久但傳給人的可能性很低除非那人的手指沾著病毒還不洗手狂摳鼻子其實只要乖乖戴口罩、勤洗手保持社交距離在大流行未解除前就能有效防疫。
另外黃軒也補充在新冠肺炎疫情大流行下建議吃肉類、雞蛋和蔬菜之前最後都先煮過且盛裝生食、熟食的食物也盡量分開最重要的是用餐前、烹飪完後都要記得洗手。
【本文穫黃軒醫師授權非請勿轉載】</t>
  </si>
  <si>
    <t>病毒黃軒受體鮭魚感染魚類沒有細胞洗手複製ace流行蛋白</t>
  </si>
  <si>
    <t>新冠病毒鮭魚砧板受體病毒</t>
  </si>
  <si>
    <t>病毒鮭魚砧板受體</t>
  </si>
  <si>
    <t>吳釗燮造謠立院報告藍委口罩援外直播</t>
  </si>
  <si>
    <t>海軍敦睦艦隊赴帛琉出訪後染疫除了責任最大的國軍外交部也難辭其咎外交部長吳釗燮今早在立院「外交與國防委員會」報告但報告的不是軍艦案而是談「口罩等醫療物資援助友邦的運用報告」。是否會談及軍艦案爭</t>
  </si>
  <si>
    <t>報告軍艦出訪責任國軍外交部難辭其咎外交部長吳釗燮運用醫療友邦援助是否物資口罩艦隊</t>
  </si>
  <si>
    <t>海軍敦睦艦隊赴帛琉出訪後染疫除了責任最大的國軍外交部也難辭其咎外交部長吳釗燮今早在立院「外交與國防委員會」報告但報告的不是軍艦案而是談「口罩等醫療物資援助友邦的運用報告」。是否會談及軍艦案爭議也讓人好奇。
國民黨立委李德維昨(22日)在立院司法法制委員會檢舉吳釗燮散佈假消息外交部與美國在台協會臺北辦事處3月18日發布「台美防疫夥伴關係聯合聲明」我援助美國10萬口罩換取美國提供台灣30萬防護衣原料但有媒體披露是我方向美國「購買」。法務部次長陳明堂表示會帶回去交給業管機關處理至於是不是假訊息要認定以後才知道。
吳釗燮今(23日)在立院報告口罩援外案的疑雲會前接受記者聯訪他表示口罩援外案沒有其他的政治目的是為幫助邦交國對抗新冠肺炎。就30萬件防護衣原料目前全球都缺料外交部是透過友好友邦人士協助確保第一線防護人員防護衣是否有交換一事吳釗燮強調希望發問記者看清楚外交部發出的新聞稿這是某些政治人物扭曲。
對於南美友邦巴拉圭收中國大陸防疫物資吳釗燮說與巴拉圭邦交關係很穩定實際上這是巴拉圭商人向大陸進行商業採購並非贈送是有些巴拉圭國民誤會是中國大陸捐贈。
對於 充分尊重國防部敦睦艦隊出訪國防部出訪外交部全力配合和準備執行前置作業對於國軍敦睦艦隊案吳釗燮重申國軍有對外例行演訓外交部絕對配合也絕對支持國軍。
對於外交部人事異動傳聞吳釗燮說這部分他目前不做說明。</t>
  </si>
  <si>
    <t>吳釗燮外交部對於國軍口罩巴拉圭防護衣友邦大陸報告立院美國表示目前敦睦艦隊記者出訪是否物資政治防疫原料</t>
  </si>
  <si>
    <t>吳釗燮敦睦艦隊口罩立院外交部</t>
  </si>
  <si>
    <t>口罩立院艦隊敦睦吳釗燮外交部</t>
  </si>
  <si>
    <t>員工勞動部</t>
  </si>
  <si>
    <t>近來因為新冠肺炎疫情影響傳出部分旅遊業、觀光業大放無薪假或是鼓勵員工多休假勞動部預計在21日修正「充電再出發訓練計畫」補助訓練津貼為每小時158元、每月120小時補助訓練費用上限也提高到新臺幣350萬</t>
  </si>
  <si>
    <t>訓練補助上限疫情影響傳出部分旅遊業觀光充電業大修正預計勞動部休假員工鼓勵提高肺炎費用計畫出發</t>
  </si>
  <si>
    <t>近來因為新冠肺炎疫情影響傳出部分旅遊業、觀光業大放無薪假或是鼓勵員工多休假勞動部預計在21日修正「充電再出發訓練計畫」補助訓練津貼為每小時158元、每月120小時補助訓練費用上限也提高到新臺幣350萬元目前匡列預算約5億元。
受到新冠肺炎疫情影響如觀光旅遊業營運受到影響及衝擊事業單位為維持營運可能採行勞雇協商減少工時為協助在職勞工安心安穩工作勞動部且充分利用暫時減少工時參加訓練課程修正「充電再出發訓練計畫」將「傳染病防治法」所定傳染病防治事由納入計畫適用規定並提高對勞工及事業單位的補助。
計畫修正後針對這段期間減少工時、參加訓練課程的勞工補助訓練津貼時數上限特別自100小時提高為120小時每小時比照基本工資發給158元參訓勞工最高可領到1萬8960元的訓練津貼；為協助事業單位利用這段期間提升人力資本辦理訓練課程的補助訓練費用上限也從原190萬元提高到350萬元。
勞動部常務次長林三貴表示為了協助事業單位穩定雇用勞工目前勞動力發展署提供「充電再出發」計畫為了協助在職勞工安心工作修正相關計畫把辦訓費用從190萬元提高為350萬元、訓練津貼上限則從100小時修正為120小時、最高可領1萬8960元。
該計畫申請期間從2月21日至今年8月31日為止實施期程從受理申請開始至今年12月31日為止。</t>
  </si>
  <si>
    <t>勞工訓練計畫修正提高單位協助事業勞動部期間補助津貼減少工時小時受到目前影響充電出發觀光上限營運旅遊業最高</t>
  </si>
  <si>
    <t>長期動能上櫃營運山富</t>
  </si>
  <si>
    <t>目標3月初上櫃的山富旅行社（2743）12日舉辦業績發表會面對新冠肺炎強襲觀光旅遊業山富董事長陳國森表示公司走入資本場後旅行團將多元化、主題化與優質化並強化自由行的元件商品與套裝同時啟動數位轉型</t>
  </si>
  <si>
    <t>山富商品元件自由旅行社強化優質化主題舉辦多元化發表會套裝業績旅行團面對資本肺炎公司表示</t>
  </si>
  <si>
    <t>目標3月初上櫃的山富旅行社（2743）12日舉辦業績發表會面對新冠肺炎強襲觀光旅遊業山富董事長陳國森表示公司走入資本場後旅行團將多元化、主題化與優質化並強化自由行的元件商品與套裝同時啟動數位轉型計畫擴大營運動能與企業規模。
受到新冠肺炎疫情衝擊山富旅遊預估到4月底營收損失近8000萬元；不過陳國森表示旅遊已是需求疫情終會淡化山富立足市場超過30年曾歷經金融風暴與SARS因開發高端旅遊商品與導入網路資訊系統安然度過危機如今危機入市公司對後市仍審慎樂觀。
山富旅遊成立於1988年目前實收資本額為282億元全台設有15個營業據點、共有504名員工。此次配合上櫃前擬現增發行新股3800張其中3230張將辦理公開承銷屆時實收資本額將會膨脹至32億元。
山富2019年自結合併營收516億元年減029％營收下滑主要原因是為提升毛利率而做更精確的銷售規劃。不過山富2109年前三季毛利率82％、營益率13％優於前年同期711％、028％；稅後淨利052億元年增8543％EPS 185元優於前年同期1元。
山富2017至2018年平均股利分配率約60％現金股息殖利率平均達到4％以上。陳國森表示山富股利政策是維持股東穩健長期獲利今年公司營運重點將會力拚毛利率持續提升在股利發放上今年殖利率將有機會較往年成長。
為了擴大營運動能山富今年整合虎航和日本新潟縣政府資源將於3月至10月推出新潟獨家包機共120個來回航次此將會有助山富降低部份日本旅行團操作成本、並且以差異化產品來集客。</t>
  </si>
  <si>
    <t>山富旅遊公司股利今年毛利率營運表示陳國森商品旅行團日本上櫃資本額實收平均提升擴大</t>
  </si>
  <si>
    <t>成長優於前擴大營運動能肺炎山富</t>
  </si>
  <si>
    <t>營運擴大動能優於肺炎成長山富</t>
  </si>
  <si>
    <t>毛毯穿衣防疫噴鼻血李毓芬</t>
  </si>
  <si>
    <t>女星李毓芬五官立體、氣質高冷性感去年推出新單曲《相信你 Believe In You》、愛情電影《絕世情歌》後爆發新冠肺炎後就很少出席公開場合連社群平臺也不常更新。近日她終於發文呼籲粉絲要注意健康附上的美</t>
  </si>
  <si>
    <t>粉絲高冷呼籲發文性感終於去年近日更新推出不常注意平臺連社群公開場合相信出席氣質believeyouin愛情</t>
  </si>
  <si>
    <t>女星李毓芬五官立體、氣質高冷性感去年推出新單曲《相信你 Believe In You》、愛情電影《絕世情歌》後爆發新冠肺炎後就很少出席公開場合連社群平臺也不常更新。近日她終於發文呼籲粉絲要注意健康附上的美照乍看沒穿衣立刻引起網友討論。
新冠肺炎持續蔓延李毓芬18日曬出兩張照片向外界溫馨喊話：「想念各位！願大家平安健康做好防疫勤洗手、戴口罩去人多的地方盡量戴著眼鏡、帽子、手套等等不要管造型美不美了安全第一！！」畫面中她留著及肩微捲的頭髮身上看不到任何一件衣服只用黑白相間的毛毯遮住重點部位露出肩頸線條、鎖骨和修長的美腿性感的相當高級讓網友看得血脈賁張直呼：「女神芬也要保重！」、「但你太美了」、「妳很懂欸想念的時候放這種照片」。
 任何事情隨著時間的累積一點一點的努力 總能完成些什麼吧。 就像是打遊戲也是一樣吧? 
 Tia Lee（@leeyufen）分享的貼文 於 PST 2020 年 2月 月 18 日 上午 2:10 張貼
 想念各位！願大家平安健康做好防疫勤洗手、戴口罩去人多的地方盡量戴著眼鏡、帽子、手套等等不要管造型美不美了安全第一！！❤️
 Tia Lee（@leeyufen）分享的貼文 於 PST 2020 年 2月 月 18 日 上午 2:19 張貼</t>
  </si>
  <si>
    <t>想念健康性感網友照片李毓芬肺炎安全tia美不美lee造型平安@leeyufen分享地方儘量</t>
  </si>
  <si>
    <t>李毓芬沒穿新冠肺炎網友防疫裸體</t>
  </si>
  <si>
    <t>肺炎網友沒穿防疫李毓芬</t>
  </si>
  <si>
    <t>確診視同pcr柯文哲陽性下令加速匡列</t>
  </si>
  <si>
    <t>臺北市長柯文哲今日上午舉行北市防疫會議會議中下令要將快篩陽性應視同PCR確診加速檢驗流程以盡速匡列確診者同時也因高齡確診者死亡率高未來會加強健康照護。柯文哲表示快篩陽性的case如何在最短時間</t>
  </si>
  <si>
    <t>確診柯文哲陽性上午會議死亡率加強健康未來表示流程今日檢驗加速pcr視同舉行防疫</t>
  </si>
  <si>
    <t>臺北市長柯文哲今日上午舉行北市防疫會議會議中下令要將快篩陽性應視同PCR確診加速檢驗流程以盡速匡列確診者同時也因高齡確診者死亡率高未來會加強健康照護。
柯文哲表示快篩陽性的case如何在最短時間處理所有系統從今日開始只要快篩陽性就要在最短時間內做PCR方法必須出來。聯合醫院副總院長璩大成也附和指快篩陽性視同PCR陽性 流程上快速許多第2個才加上症狀與否「這樣速度就會很快。」
柯也再重申快篩陽性視同為PCR陽性除非後面有再改變原則上還是想辦法盡快做出來因為這會決定匡列速度再來就是症狀和年齡這2個因素決定。</t>
  </si>
  <si>
    <t>陽性pcr確診今日出來柯文哲症狀速度流程視同時間決定上午會議死亡率再來</t>
  </si>
  <si>
    <t>新冠肺炎台灣快篩陽性PCR匡列</t>
  </si>
  <si>
    <t>臺灣陽性肺炎pcr匡列</t>
  </si>
  <si>
    <t>多管齊下疫情降低衝擊</t>
  </si>
  <si>
    <t>新冠肺炎疫情衝擊各行各業對工具機產業影響頗大工具機大廠-崴立機電將從加強兩岸三廠生產調控、擴大利基市場、加速新機種開發及積極管控生產成本等多管齊下期透過各項開源節流措施將危害降至最低。新冠肺炎疫</t>
  </si>
  <si>
    <t>工具機肺炎各行各業衝擊加速開發市場積極利基管控擴大生產成本調控大廠危害多管齊下生產透過開源節流措施兩岸</t>
  </si>
  <si>
    <t>新冠肺炎疫情衝擊各行各業對工具機產業影響頗大工具機大廠-崴立機電將從加強兩岸三廠生產調控、擴大利基市場、加速新機種開發及積極管控生產成本等多管齊下期透過各項開源節流措施將危害降至最低。
新冠肺炎疫情肆虐全球但崴立機電在兩岸投資行動仍持續進行中其中台灣新竹廠新建工程已發包預定2022年完工產能將是舊廠的13倍大；蘇州廠擴建工程也如期進行中預定今年內啟用產能將大幅增加八成合計兩廠總投資規模達15億元約增加3萬平方米的新廠區展現崴立不畏疫情、追求永續經營決心。
崴立總經理蘇錦添強調崴立新竹、台中與蘇州等兩岸三座工廠目前各有其主力產品、生產利基與營運定位呈現三足鼎立未來將更進一步加強三廠的技術與資源共用來提高崴立的整體經營綜效邁向永續茁壯發展的企業。
崴立機電經營團隊核心成員主要來自台灣工研院機械所團隊成軍30多年來在董事長關永昌以「誠信、創新、團隊、分享」做為核心經營價值帶領下始終專注在高階工具機的研發與創新迄今開發出龍門加工機、五面世家、立式加工機、臥式鏜銑機、五軸世家、高速機群、立車家族等七大高階產品群並兩度勇奪台灣工具機研發創新競賽特優獎名聞海內外市場成為台灣工具機產業的領航標竿企業。
由崴立研發上市的大型龍門加工機主體結構相當強固且加工性能優異加工精度極高成為客戶的首選品牌享有好口碑。
另外崴立研發出各種不同型態的高階五軸加工機種頗適合航太螺旋葉片、機體結構件等零件加工無論其材質是鋁、鎳或鈦難削硬材該公司均可提供客戶最適當的產品與加工解決方案產品並已成功外銷到美國波音飛機供應鏈體系深受客戶的肯定。</t>
  </si>
  <si>
    <t>加工工具機臺灣產品經營客戶高階創新研發兩岸團隊疫情成為開發結構市場加工機新竹蘇州利基預定</t>
  </si>
  <si>
    <t>肺炎產能多管齊三廠崴立機電</t>
  </si>
  <si>
    <t>產能管齊肺炎</t>
  </si>
  <si>
    <t>試驗瑞德西韋結果歐美</t>
  </si>
  <si>
    <t>美國股市今天在抗新冠肺炎實驗性藥物瑞德西韋（remdesivir）取得正面結果大幅抵銷美國經濟衰退噩耗下大幅勁揚。道瓊收盤大漲53231點。瑞德西韋的利多蓋過美國首季GDP萎縮48%的利空美股大漲。道瓊工業指數</t>
  </si>
  <si>
    <t>瑞德西韋美國大幅肺炎實驗性藥物remdesivir取得結果抵銷萎縮gdp首季勁揚蓋過利多收盤經濟衰退噩耗</t>
  </si>
  <si>
    <t>瑞德西韋美國使用漲幅指數結果收盤治療指出安慰時間傳染病試驗顯示上漲差異療程今天</t>
  </si>
  <si>
    <t>瑞德西韋抗新冠肺炎有效美股歐股</t>
  </si>
  <si>
    <t>肺炎有效瑞德西韋</t>
  </si>
  <si>
    <t>院內案例感染縣知事全國和歌</t>
  </si>
  <si>
    <t>日本和歌山縣湯淺町（目當於鎮）「濟生會有田醫院」的醫師、患者等共5人感染新冠肺炎使原本寧靜的小鎮被嚴重汙名化。除了觀光客取消訂房外還有人要退「故鄉納稅」的回禮。和歌山縣知事仁阪吉伸怒斥「荒謬！令</t>
  </si>
  <si>
    <t>和歌仁阪吉縣知事回禮納稅故鄉嚴重汙名小鎮寧靜觀光客原本醫院取消</t>
  </si>
  <si>
    <t>日本和歌山縣湯淺町（目當於鎮）「濟生會有田醫院」的醫師、患者等共5人感染新冠肺炎使原本寧靜的小鎮被嚴重汙名化。除了觀光客取消訂房外還有人要退「故鄉納稅」的回禮。和歌山縣知事仁阪吉伸怒斥「荒謬！令人氣憤！」。
湯淺町人口僅1萬2千人原是個寧靜的小鎮但現在因為世界遺產熊野古道以及有上百年歷史的「重要傳統建築物群保存地區」而1年約吸引50萬名觀光客尤其是來自大陸的遊客。
《每日新聞》報導當地的有田醫院傳出醫生和患者感染消息後許多人都打電話尋問「現在去你們那裡沒問題嗎？」等光2、3月當地的飯店、餐廳等就被取消約400人的住宿或宴會預定。
還有人詢問可不可以取消「故鄉納稅」的回禮。日本鼓勵回饋鄉裡納稅人可選擇不在居住地納稅而是繳稅給鄉裡當地也會提供地方特產致謝即所謂的「故鄉納稅」。
愛知縣至16日中午就接到223件詢問電話甚至有人說「請告訴我感染患者的地址」。仁阪表示「好像湯淺町整個都被汙染一樣遭到日本全國的霸淩今後考慮舉辦『加油湯淺』等活動」。</t>
  </si>
  <si>
    <t>納稅當地取消感染日本故鄉患者觀光客詢問鄉里小鎮寧靜現在回禮還有和歌醫院建築物重要舉辦</t>
  </si>
  <si>
    <t>湯淺和歌山縣故鄉納稅新冠肺炎確診</t>
  </si>
  <si>
    <t>故鄉納稅山縣和歌肺炎確診</t>
  </si>
  <si>
    <t>挑戰復蘇控制鮑爾疫情</t>
  </si>
  <si>
    <t>聯準會（Fed）主席鮑爾與美國財長穆努欽30日前往眾議院金融服務委員會作證。鮑爾在預先準備的書面證詞表示美國重啟經濟的時間比他們預期來得快但解封也帶來風險像是數州確診病例升高。鮑爾表示：「我們已進入</t>
  </si>
  <si>
    <t>鮑爾美國表示升高像是風險帶來解封病例來得快預期確診財長時間經濟穆努欽金融服務委員會作證眾議院日前證詞預先準備主席fed</t>
  </si>
  <si>
    <t>聯準會（Fed）主席鮑爾與美國財長穆努欽30日前往眾議院金融服務委員會作證。鮑爾在預先準備的書面證詞表示美國重啟經濟的時間比他們預期來得快但解封也帶來風險像是數州確診病例升高。
鮑爾表示：「我們已進入重要的新階段這一切比我們預期來得快。儘管我們樂見經濟活動復甦但這也帶來新的挑戰也就是我們必須控制好肺炎疫情。」
另外商業圓桌會議週一公佈第二季季調報告其中追蹤CEO未來半年的資本支出與聘用計畫的經濟展望綜合指數下探至343點創下歷史次低僅高於2009年第一季的-5點。　大多數執行長認為疫情對營運的衝擊至少會延續到2021年底而且有將近三分之一的受訪者表示衝擊會延續到2022年。
商業圓桌會議的成員包括蘋果、通用汽車與嬌生等美國知名的大企業調查結果顯示在前所未見的疫情危機衝擊下美國經濟展望存在高度的不確定性。
之前隨著各地區陸續解封市場樂觀預期美國經濟將順利邁開復甦不料最近疫情再度升溫上週五單日新增確診人數飆至逾45萬創下新高紀錄導致包括德州等地區被迫宣佈延後解封計畫。
擔任商業圓桌會議理事長的沃爾瑪執行長麥克米隆（Doug McMillon）表示「對抗新冠肺炎一役離成功還有一大段距離員工、客戶與社區的健康與安全仍是營運的首要目標呼籲聯邦、州與地方政府的議員應共同合作採取防止疫情蔓延的所有必要措施。」</t>
  </si>
  <si>
    <t>美國疫情經濟表示鮑爾圓桌會議商業解封衝擊預期創下包括確診營運執行長肺炎地區復蘇展望帶來來得快延續採取</t>
  </si>
  <si>
    <t>商業圓桌會議營運執行長肺炎計畫</t>
  </si>
  <si>
    <t>肺炎圓桌會議營運執行長商業計畫</t>
  </si>
  <si>
    <t>稀疏車流蘇花有望防疫車流量在家最低</t>
  </si>
  <si>
    <t>這個週末是全台進入第三級疫情警戒的第一個周休二日假期大家有沒有聽話乖乖「宅在家防疫」透過國道五號（雪山隧道）及蘇花改的車流量監測結果答案是肯定的！國道五號南下車道今（22）日上午始終保持順暢車流</t>
  </si>
  <si>
    <t>國道上午疫情警戒車道假期沒有乖乖聽話南下肯定在家監測車流量防疫透過雪山隧道蘇花答案結果始終</t>
  </si>
  <si>
    <t>這個週末是全台進入第三級疫情警戒的第一個周休二日假期大家有沒有聽話乖乖「宅在家防疫」透過國道五號（雪山隧道）及蘇花改的車流量監測結果答案是肯定的！國道五號南下車道今（22）日上午始終保持順暢車流量比往常少了非常多蘇花改部分更是出現蘇花改通車以來周休二日第一天南下車流量最稀疏的狀況。
台灣新冠疫情嚴峻各級政府及官員紛紛大聲疾呼這個周休二日務必待在家非必要不要出門對宜蘭縣及雙北市而言大家是否有聽話待在家中防疫從國道五號及蘇花改就可以簡單做出判斷。
坪林交控中心表示往常周休二日的星期六從清晨6點多就逐漸湧現車潮7點左右就會出現壅塞現象但今天南下車道的車流量確實大幅減少車速始終都能保持在時速7、80公里以上僅石碇上坡路段等少部分路段亮黃燈號誌其他路段都是綠燈的交通順暢號誌雪隧南下的車流量每小時只有840輛「確實減少非常多！」。
在蘇花改部分就更為明顯公路總局四區養護工程處交管中心主任陳國正表示今天到上午9點半左右南下車流量累計只有1000多輛如果繼續保持這樣的情形預估到中午也不過2000多輛一整天最多是3000輛比以往周休二日星期六南下動輒7、8000輛相比車流量真的少太多了更有可能是蘇花改通車以來周休二日南下車流量最少的一次。</t>
  </si>
  <si>
    <t>車流量南下蘇花保持國道疫情順暢在家中心往常路段表示始終減少出現車道聽話今天</t>
  </si>
  <si>
    <t>新冠肺炎台灣車流量周休二日蘇花改</t>
  </si>
  <si>
    <t>車流量臺灣肺炎蘇花</t>
  </si>
  <si>
    <t>試驗英國防護力疫苗novavax</t>
  </si>
  <si>
    <t>美國疫苗開發商諾瓦瓦克斯（Novavax）週四表示在英國進行第三階段臨床試驗初步發現其新冠肺炎疫苗防護力893％雖然對英國與南非的新變種病毒防護力會降低但仍具一定防護力。消息刺激其股價在美股週五盤中狂</t>
  </si>
  <si>
    <t>防護力英國疫苗股價刺激消息一定瓦克斯週四novavax表示進行階段病毒初步臨床變種發現試驗肺炎諾瓦降低週五</t>
  </si>
  <si>
    <t>美國疫苗開發商諾瓦瓦克斯（Novavax）週四表示在英國進行第三階段臨床試驗初步發現其新冠肺炎疫苗防護力893％雖然對英國與南非的新變種病毒防護力會降低但仍具一定防護力。
消息刺激其股價在美股週五盤中狂漲42％至190美元。
諾瓦瓦克斯在英國針對15萬人進行的試驗還在進行中但試驗期間分析發現迄今參與試驗的人士裡有62人感染新冠病毒當中僅6人有接種其餘是施打安慰劑。感染者裡逾半是新變種病毒。
諾瓦瓦克斯強調其疫苗對最初出現的新冠肺炎防護力可高達956％。即使後來出現的新變種病毒防護力也達856％。
儘管諾瓦瓦克斯的英國試驗顯示其疫苗對新冠病毒與新變種病毒都有相當防護力但對南非新變種病毒的防護力就低許多。
諾瓦瓦克斯在南非進行第二階段臨床試驗參與試驗的志願者裡部份人身體帶有「人類免疫缺乏病毒」（HIV）。
若單純分析HIV呈陰性反應的志願者疫苗防護力60％。若包含帶有HIV的志願者整體防護力下降至49％。
諾瓦瓦克斯表示迄今在試驗裡發現的感染者約90％是感染新變種病毒。因此其正準備研發專門針對南非新變種病毒的疫苗。
疫苗防護力之所以在南非明顯變低許多科學家認為這跟南非新變種病毒具更多突變性有關。
諾瓦瓦克斯執行長埃爾克（Stanley Erck）說英國試驗結果是「引人注目」並有公司期望的那麼好。至於在南非的防護效果是「高於大家預期」。
外界估計諾瓦瓦克斯的初步結果有助其疫苗獲得英國批准使用。英國政府表示只要得到主管機關批准該疫苗下半年就能出貨。美國政府則要求試驗人數規模更大來確定其防護效果。</t>
  </si>
  <si>
    <t>諾瓦瓦克斯病毒試驗疫苗防護力英國南非變種表示發現進行志願者hiv初步結果帶有分析出現防護感染</t>
  </si>
  <si>
    <t>防護力瓦克斯試驗諾瓦新變種病毒</t>
  </si>
  <si>
    <t>諾瓦試驗變種瓦克斯防護力病毒</t>
  </si>
  <si>
    <t>業績衝擊霜淇淋肺炎</t>
  </si>
  <si>
    <t>新冠肺炎疫情衝擊各產業愛買受惠於「宅經濟」大爆發實體通路和線上購物本月業績較去年同期最高成長65％；今（19日）起至3月3日正值「春季下午茶大賞」近300款指定沖泡飲品、烘焙、糖果餅乾等商品58折起70款</t>
  </si>
  <si>
    <t>衝擊產業糖果餅乾受惠烘焙成長去年同期最高飲品經濟疫情業績本月購物下午爆發實體通路</t>
  </si>
  <si>
    <t>新冠肺炎疫情衝擊各產業愛買受惠於「宅經濟」大爆發實體通路和線上購物本月業績較去年同期最高成長65％；今（19日）起至3月3日正值「春季下午茶大賞」近300款指定沖泡飲品、烘焙、糖果餅乾等商品58折起70款草莓、抹茶商品限定推出。
愛買與日本京都宇治市的吉祥物「茶茶小王子」聯名的餅乾、甜點、沖泡飲品系列商品共16款日本京都茶茶小王子「宇治抹茶霜淇淋」在新北板橋南雅店和桃園店成立快閃櫃每支原價120元67折嘗鮮價80元；烘焙區也同步有「抹茶奶凍捲」、「抹茶紅豆蛋糕等抹茶限定商品。
也因草莓季到來推出近60款草莓限定烘焙、糖餅等草莓口味糖餅新品占2成；其中觀察到去年2月草莓季烘焙甜品賣8萬個今年共有14款草莓烘焙商品包括月賣3000多盒的「草莓卡士達蛋糕」、粉紅色大理石紋理切面的「草莓吐司」和表面像被粉紅緞帶環繞「草莓瑞士捲」等。
近來因宅經濟發燒2月上半月愛買整體業績較去年同期成長4成愛買線上購物較去年同期成長65％、訂單數成長9成；實體通路業績成長2成來客數成長1成生鮮、米、油、即食品類商品均成長2至3成。這次檔期間190款米、油、沖泡、家庭清潔和個人清潔等商品買1送1；持HAPPY GO卡買DM指定商品單筆滿100元享點數5倍送刷遠東商銀信用卡或持Happy Cash有錢卡扣款加碼再多送5倍點數會員累計最多點數10倍送。
至於與foodpanda熊貓商城外送平臺合作的分店在既有4家後再增加2家也就是在雙北地區的南雅店、永和店、景美店和忠孝店後20日起有楊梅店、21日起有台南店擴及桃園、台南；現有上線近900項生鮮、即食品等商品其中食品類商品品項數增加3成。</t>
  </si>
  <si>
    <t>商品草莓烘焙點數成長限定去年同期指定業績蛋糕</t>
  </si>
  <si>
    <t>抹茶草莓成長烘焙愛買</t>
  </si>
  <si>
    <t>草莓成長烘焙</t>
  </si>
  <si>
    <t>勞工第一時間服務處就業新北</t>
  </si>
  <si>
    <t>新北市議員張錦豪接獲基層公務員投訴新北就業服務處5月中傳出有志工染疫但勞工局卻未安排同仁快篩人心惶惶。對此就業服務處處長林澤州表示染疫志工僅有到就服站3小時第一時間已大清消未與民眾、同仁接</t>
  </si>
  <si>
    <t>就業服務新北同仁第一時間小時基層公務員投訴安排人心惶惶對此</t>
  </si>
  <si>
    <t>新北市議員張錦豪接獲基層公務員投訴新北就業服務處5月中傳出有志工染疫但勞工局卻未安排同仁快篩人心惶惶。對此就業服務處處長林澤州表示染疫志工僅有到就服站3小時第一時間已大清消未與民眾、同仁接觸匡列同班志工1人染疫志工CT值超過30目前已居家隔離。
張錦豪表示疫情不斷升溫新北市各局處傳出基層公務員、志工或駐府外包人員染疫另外一線的員警、消防染疫事件也時有所聞他再次呼籲市府確保基層公務員健康才能繼續帶領民眾對抗疫情除了擴大消毒外更應確實執行居家辦公、分流辦公確保公務員健康。
林澤州表示該名志工於5月12日到新北就業服務處服務5月18日接獲確診通知第一時間立即對辦公區域進行消毒同時由衛生局疫調當下有調閱監視器釐清由於該名志工全程佩戴口罩加上並未與民眾、同仁密切接觸僅匡列同班的一名志工。
林澤州表示持續關心同仁健康身體狀況該名確診志工送往集中檢疫所如今CT值超過30已返家居家隔離民眾無須過於擔心也持續加強辦公環境清消此外5月18日之後即暫停所有志工服務。</t>
  </si>
  <si>
    <t>民眾同仁公務員辦公服務表示新北基層居家就業健康消毒澤州疫情第一時間持續確診</t>
  </si>
  <si>
    <t>新冠肺炎台灣志工確診中和</t>
  </si>
  <si>
    <t>臺灣肺炎確診中和</t>
  </si>
  <si>
    <t>az相比國內陳時中效價現在抗體中和疫苗</t>
  </si>
  <si>
    <t>高端疫苗宣佈解盲成功食藥署後續將採中和抗體效價作為替代保護力指標要求中和抗體效價不得低於AZ疫苗。藍委魯明哲今天質疑先前說高端疫苗與莫德納疫苗是攣生兄弟為何挑最弱的比較？衛福部長陳時中說因為這</t>
  </si>
  <si>
    <t>疫苗中和抗體效價高端最弱比較兄弟成功先前質疑今天魯明後續藍委衛福az低於作為要求</t>
  </si>
  <si>
    <t>高端疫苗宣佈解盲成功食藥署後續將採中和抗體效價作為替代保護力指標要求中和抗體效價不得低於AZ疫苗。藍委魯明哲今天質疑先前說高端疫苗與莫德納疫苗是攣生兄弟為何挑最弱的比較？衛福部長陳時中說因為這是國內現在有辦法做的現在有人接種AZ疫苗之前打第一劑就開始做相關研究。
魯明哲質疑先前宣傳國產疫苗是莫德納疫苗的攣生兄弟中和抗體效價卻和AZ疫苗相比如同看起來要端出大菜以為要和五星級餐廳比較結果確和旁邊的快炒店相比且交給專家學者認定台灣恐創下世界先例。
魯明哲進一步質問若要以中和抗體為標準應和高端一樣都用重組蛋白也還沒上市的Novavax相比其中和抗體濃度為3900莫德納有800、嬌生214、輝瑞157怎麼會找濃度僅136的AZ疫苗比較？
衛福部長陳時中說輝瑞的抗體濃度為157國產疫苗會比這個高但中和抗體的橋接性要由專家認定。
另外魯明哲還說衛福部報告提到據國際臨床實驗顯示mRNA疫苗才能安全、有效處理病毒株快速變異上選如莫德納與輝瑞國內技術都是重組蛋白開發期程較長不易應付突變的新冠肺炎但現在變種病毒層出不窮高端疫苗讓人擔心。
陳時中坦言國產疫苗的保護力還要觀察；未來mRNA製造也是重要的事情去年還沒有這個能力今天中研院有相關開發的實驗性能力準備跟國外談代工。
藍委吳怡玎也問到Novavax的抗體效價是高端的5、6倍以上若高端疫苗沒有做三期試驗人們真的難以相信保護力能和中和抗體效價成正比。陳時中說近來有相關研究發現中和抗體跟保護力有正相關；這半年來相關研究變多相信科學家與審查委員可替大家做比較好的判斷確認兩者關聯性。</t>
  </si>
  <si>
    <t>疫苗抗體中和高端比較效價相關魯明保護az相比莫德納研究輝瑞現在濃度病毒mrna認定陳時中蛋白重組</t>
  </si>
  <si>
    <t>AZ中和抗體高端疫苗中和抗體效價新冠肺炎</t>
  </si>
  <si>
    <t>抗體效價中和疫苗高端肺炎az</t>
  </si>
  <si>
    <t>舉辦畢業旅行畢業典禮宣佈周起侯友宜階段快訊解封</t>
  </si>
  <si>
    <t>新冠肺炎疫情趨緩新北市長侯友宜今(22日)宣佈下週一（25日）起將展開第2階段、第4梯次漸進開放管制包括畢業旅行、校外教學、隔宿露營等活動皆可如期舉辦但須落實防疫措施家長可自行決定是否參與後續則將</t>
  </si>
  <si>
    <t>新北市長侯友宜疫情自行決定是否展開階段梯次開放管制漸進包括家長畢業旅行校外措施教學防疫隔宿舉辦如期露營</t>
  </si>
  <si>
    <t>新冠肺炎疫情趨緩新北市長侯友宜今(22日)宣佈下週一（25日）起將展開第2階段、第4梯次漸進開放管制包括畢業旅行、校外教學、隔宿露營等活動皆可如期舉辦但須落實防疫措施家長可自行決定是否參與後續則將視疫情發展滾動式調整。侯友宜表示「以學生健康安全為最高原則也希望給孩子們一個難忘的回憶」。
新北市教育局長張明文補充單日校外教學僅限新北市境內跨縣市畢業旅行、隔宿露營則建議校方盡量安排白天活動以開放且沒有人群擁擠之處為首選。
此外板橋玩具窩、博物館展覽廳、小型演講廳等也將在下周起部分開放但採實名制、預約制落實防疫措施；風景區也取消2平方公尺1人的人數限制。</t>
  </si>
  <si>
    <t>開放新北侯友宜疫情活動措施校外教學防疫露營畢業旅行落實隔宿玩具板橋首選風景區學生</t>
  </si>
  <si>
    <t>新北市侯友宜解封畢業典禮畢業旅行</t>
  </si>
  <si>
    <t>畢業典禮解封侯友宜畢業旅行新北</t>
  </si>
  <si>
    <t>川普疫情宣佈延後防制強化復工</t>
  </si>
  <si>
    <t>美國確診人數已達全球之冠美國總統川普29日（周日）宣佈將全國社交距離準則實施時間延長至4月30日盼藉由嚴格的措施遏止疫情擴大致力讓預測死亡人數壓在10萬人以下。不過延後復工也代表美國經濟第二季恐進一</t>
  </si>
  <si>
    <t>美國人數代表復工以下全球延後死亡擴大疫情預測遏止致力距離社交措施嚴格總統時間延長實施宣佈</t>
  </si>
  <si>
    <t>美國川普死亡疫情預測措施造成說法可能復活節復工人數經濟社交延長模型肺炎顧問白宮減緩表示代表</t>
  </si>
  <si>
    <t>死亡人數川普美國肺炎死亡</t>
  </si>
  <si>
    <t>肺炎川普死亡人數美國</t>
  </si>
  <si>
    <t>老師社區幼稚園張上淳delta同樣原因</t>
  </si>
  <si>
    <t>中央流行疫情指揮中心宣佈新北幼兒園群聚案今（11日）仍無進一步擴大維持27人確診但感染Delta個案累計20人。居住在土城社區大樓的幼兒園老師（案16129）夫妻2人也都感染Delta為何只有板橋社區需要清空？指揮</t>
  </si>
  <si>
    <t>幼稚園delta感染指揮中心宣佈板橋社區新北何只進一步擴大維持確診累計居住土城社區大樓老師夫妻需要</t>
  </si>
  <si>
    <t>中央流行疫情指揮中心宣佈新北幼兒園群聚案今（11日）仍無進一步擴大維持27人確診但感染Delta個案累計20人。居住在土城社區大樓的幼兒園老師（案16129）夫妻2人也都感染Delta為何只有板橋社區需要清空？指揮中心專家諮詢小組召集人張上淳特別說明這跟台大護理師疫調結果有關。
指揮中心指出今天無新增本土案例但有5例境外移入。最新基因定序結果顯示除了北市松山區國中生（案16179）感染Alpha包括裝潢工夫妻（案16168、案16171）、幼兒園奶奶（案16165）都是Delta新北幼兒園群聚27人目前已累計20人感染Delta。
有媒體好奇同樣感染Delta的幼兒園老師夫妻（16128、16129）所住的土城社區為何沒有比照板橋社區大樓整棟清空擴大篩檢處理？對此指揮中心發言人莊人祥指出差別在於板橋社區同棟有3戶、6人發生感染土城社區只有1戶感染。指揮官陳時中也說明陳時中表示就像是醫院出現感染病房出現1例是怎樣處理2例驗整樓3例就可能整棟全驗。
指揮中心專家諮詢小組召集人張上淳則解釋如同莊副所述並不是每次發現個案就要全棟篩檢而是由於板橋某大樓發生多戶感染。出現第1例時本來沒打算特別處理直到發現台大麻醉科護理師也是居住在同棟大樓後才有後續處理何況後來又發生第3戶感染。單一、多個案分別有不同處理模式。</t>
  </si>
  <si>
    <t>感染處理中心指揮大樓幼稚園delta個案發生板橋社區土城社區發現擴大特別說明出現指出居住護理</t>
  </si>
  <si>
    <t>Delta社區幼兒園老師張上淳清空</t>
  </si>
  <si>
    <t>老師幼稚園張上淳社區delta</t>
  </si>
  <si>
    <t>鄭文燦藍委可能印尼</t>
  </si>
  <si>
    <t>國民黨前立委陳學聖昨日（7）指出日前印尼移工境外移入確診個案激增20位而近日引發熱議的移工宿舍感染問題也都在桃園想必桃園市市長鄭文燦壓力一定很大。陳強調多數移工都從桃園機場入境等待體檢那幾天會</t>
  </si>
  <si>
    <t>桃園陳學聖昨日指出日前機場鄭文燦一定壓力個案近日激增確診引發強調問題宿舍感染入境印尼</t>
  </si>
  <si>
    <t>國民黨前立委陳學聖昨日（7）指出日前印尼移工境外移入確診個案激增20位而近日引發熱議的移工宿舍感染問題也都在桃園想必桃園市市長鄭文燦壓力一定很大。陳強調多數移工都從桃園機場入境等待體檢那幾天會先暫住桃園不少小仲介為省錢就四處塞人讓防疫出現破口；他曾提出活化閒置軍營作移工入境檢查暫居宿舍並由仲介業者繳交相關費用但過去沒人當一回事如今事情真的「大條」了盼鄭能好好留在桃園處理問題若成效良好說不定可能就升官了。
陳學聖昨日在臉書發文表示自從印尼移工境外移入確診個案激增20位而近日引發熱議的移工宿舍感染問題也都在桃園想必鄭文燦壓力一定很大難怪鄭比起過去明顯安靜了許多「料想最近鄭文燦不敢再四處趴趴走了！」
陳學聖直言桃園會發生這些問題其實一點都不意外。因為絕大多數移工都是從桃園機場入境他們都必須完成體檢後僱主才會來接走故等待體檢那幾天多會暫住桃園。不少小規模仲介為了省錢就四處塞人甚至有些小旅館還專接這種生意一間小房間擠滿了人就像是個難民營。
針對這個狀況陳學聖指出過去有仲介業者向他建議不要讓移工一進入台灣就留下壞印象所以希望政府能活化閒置軍營提供作為移工入境檢查的暫居宿舍並由仲介業者繳交相關費用支應。但這個構想石沉大海許久過去都沒有人把它當一回事如今果然爆發移工入境待檢期間群聚感染案件。
陳學聖表示桃園爆出移工入境群聚感染案件正好是證明政府「大有為」的時候尤其前段時間鄭文燦顯得一派輕鬆、太閒了本島、離島到處跑還跟關島連線甚至大清早到臺北鳴槍路跑又到高雄和陳其邁會師一副就要換「閣揆」似的。如今事情「大條」了移工不可能不進來但一個移工確診國家的負擔就是百萬計所以拜託鄭不要再趴趴走好好留在桃園專心把移工宿舍問題趕快處理好若成效良好「真的有可能就會升官了！」</t>
  </si>
  <si>
    <t>桃園過去入境鄭文燦問題四處宿舍如今學聖感染昨日甚至體檢陳學聖政府</t>
  </si>
  <si>
    <t>印尼桃園陳學聖鄭文燦新冠肺炎</t>
  </si>
  <si>
    <t>陳學聖鄭文燦桃園印尼肺炎</t>
  </si>
  <si>
    <t>套房大樓高雄檢測陳屍結果廚工出爐</t>
  </si>
  <si>
    <t>高雄市85大樓內的日租套房發生1名女租客陳屍屋內47歲蔣姓女子因2天沒有出門打掃的房務人員4日直覺有異向警方報案；警消獲報破門發現蔣女倒在門後嘴角滲血已死亡多時經過檢測後呈現陰性檢方將擇期解</t>
  </si>
  <si>
    <t>陰性呈現檢測死亡陳屍屋內嘴角蔣姓門後女子蔣女沒有發現破門出門打掃房務人員</t>
  </si>
  <si>
    <t>高雄市85大樓內的日租套房發生1名女租客陳屍屋內47歲蔣姓女子因2天沒有出門打掃的房務人員4日直覺有異向警方報案；警消獲報破門發現蔣女倒在門後嘴角滲血已死亡多時經過檢測後呈現陰性檢方將擇期解剖複驗。
據瞭解蔣女是日租套房長期租客離婚並育有1個就讀大學的女兒但2人並未同住。因蔣女疑似曾吐血導致房內地上有血跡身上則無外傷或自殘痕跡房內也未發現有藥袋或任何違禁毒藥物警方研判死亡時間約2天初步排除有外力因素。
轄區苓雅警分局指出打掃的房務人員4日下午1時30分敲蔣女房門但未獲回應由於蔣女已2天未曾出門當下心裡覺得奇怪通知旅館報案。警消獲報到場封鎖現場取得房東同意後打開房門並剪斷門鍊進房後發現蔣女已死亡立刻通報鑑識人員採證。
警方表示蔣女平日獨居在這間日租套房內屋內門窗無破壞跡象蔣女身上也沒有明顯外傷暫時排除他殺；經查蔣女並無居家隔離、檢疫或匡列等相關資料但蔣女嘴邊有血也有疑似嘔吐物等穢物讓警方繃緊神經不知是否和新冠肺炎有關。
警方處理現場採證時全程做好防疫防護措施也依程式報請相關單位採集檢體送驗以檢測出爐結果證實為陰性；至於確切死因仍待檢察官解剖相驗。</t>
  </si>
  <si>
    <t>蔣女警方死亡發現人員套房相關陰性排除現場解剖出門沒有房門屋內檢測身上外傷</t>
  </si>
  <si>
    <t>高雄85大樓檢測陰性陳屍套房日租套房新冠檢測</t>
  </si>
  <si>
    <t>檢測套房陰性陳屍大樓高雄</t>
  </si>
  <si>
    <t>足跡公佈過海機師新增私房華航</t>
  </si>
  <si>
    <t>指揮中心今公佈新增2例本土確定病例其中案1153本國籍30多歲男性是華航航空機師。指揮中心公佈其足跡4月29日淩晨出入臺北市松山區HOMIES SOFT BAR飛鏢運動酒吧當日晚間6點至8點半到海真私房菜民生店用餐</t>
  </si>
  <si>
    <t>公佈中心指揮私房海真晚間當日酒吧運動barsofthomies松山區臺北市出入病例國籍男性本土確定淩晨華航新增</t>
  </si>
  <si>
    <t>指揮中心今公佈新增2例本土確定病例其中案1153本國籍30多歲男性是華航航空機師。指揮中心公佈其足跡4月29日淩晨出入臺北市松山區HOMIES SOFT BAR飛鏢運動酒吧當日晚間6點至8點半到海真私房菜民生店用餐已初步掌握個案接觸者15人其中13人列居家隔離2人列自我健康監測。
案1153為本國籍30多歲男性為某航空公司機師4月16日至4月18日曾執勤至美國返台後於住家檢疫至4月21日檢疫期滿前採檢結果為陰性；4月25日進行機師專案採檢核酸檢測及血清抗體皆為陰性。
5月1日出現發燒、咳嗽、流鼻水等症狀向公司通報同日經衛生單位安排就醫採檢於今日確診Ct值13病毒量高、傳染力強感染源待釐清。
指揮中心公佈其足跡4月29日淩晨出入臺北市松山區HOMIES SOFT BAR飛鏢運動酒吧、當日晚間6點至8點半到海真私房菜民生店吃晚餐目前已初步掌握個案接觸者15人其中13人列居家隔離2人列自我健康監測。</t>
  </si>
  <si>
    <t>機師公司公佈陰性指揮中心國籍初步男性民生航空掌握私房檢疫運動酒吧當日bar晚間</t>
  </si>
  <si>
    <t>華航機師確診新冠肺炎足跡</t>
  </si>
  <si>
    <t>確診機師肺炎足跡華航</t>
  </si>
  <si>
    <t>臺灣開放入境可望日本有望出國名單</t>
  </si>
  <si>
    <t>為即將來臨的東京奧運做準備日本《朝日新聞》今（6）日報導日本擬於2021年春天放寬外國觀光客入境放寬亞洲地區新冠肺炎疫情控制較好國家的小型觀光團入境例如台灣及中國。路透社報導日本《朝日新聞》今日</t>
  </si>
  <si>
    <t>日本入境報導放寬朝日新聞準備路透社控制疫情肺炎春天國家觀光團亞洲地區中國例如臺灣觀光客外國奧運東京即將來臨</t>
  </si>
  <si>
    <t>為即將來臨的東京奧運做準備日本《朝日新聞》今（6）日報導日本擬於2021年春天放寬外國觀光客入境放寬亞洲地區新冠肺炎疫情控制較好國家的小型觀光團入境例如台灣及中國。
路透社報導日本《朝日新聞》今日未引述消息來源指出日本首相菅義偉政府打算於明年春天開放外國小型觀光團入境日本開放對象主要為亞洲疫情控制較好的國家例如台灣及中國。
在新計劃之下外國觀光客在入境前必須確定新冠病毒檢測結果為陰性且繳交詳細的旅遊行程內容觀光團必須全程搭乘巴士行動每個旅行團也必須分開行動包括入住的旅館、前往的景點都必須分開。
此外觀光客也必須使用追蹤App並且每日回報身體狀況。
因應新冠肺炎疫情日本目前僅開放外國商務人士入境不過必須隔離14天。
由於新冠疫情爆發原定今年夏天舉辦的東京奧運延至明年。
針對報導日本政府並未回應。
日本目前正遭遇第三波疫情共同社報導東京昨（5）日通報584例新增病例再創新高東京一共有超過43萬人確診。大阪疫情也相當嚴峻大阪的警戒狀態也在3日首度亮紅燈。</t>
  </si>
  <si>
    <t>疫情日本必須東京報導入境觀光團外國觀光客明年開放目前奧運春天朝日新聞中國分開肺炎臺灣行動控制例如放寬</t>
  </si>
  <si>
    <t>日本開放觀光團台灣入境</t>
  </si>
  <si>
    <t>臺灣觀光團開放日本入境</t>
  </si>
  <si>
    <t>宗教新北出門祈福防疫</t>
  </si>
  <si>
    <t>新冠肺炎疫情延燒近期重要活動包括保生大帝、媽祖聖誕等大型宗教活動都已暫停為讓信眾可為神明慶生及祈福民政局推出線上祈福活動與永和保福宮、三峽紫微天后宮、土城慈法禪寺及三重先嗇宮等宗教團體合作民</t>
  </si>
  <si>
    <t>活動祈福近期重要慈法禪寺包括保生疫情後宮紫微聖誕宗教神明三峽</t>
  </si>
  <si>
    <t>新冠肺炎疫情延燒近期重要活動包括保生大帝、媽祖聖誕等大型宗教活動都已暫停為讓信眾可為神明慶生及祈福民政局推出線上祈福活動與永和保福宮、三峽紫微天后宮、土城慈法禪寺及三重先嗇宮等宗教團體合作民眾不用出門就可祈願並有機會獲得宮廟各限量30份祈福小物讓平安加倍。
民政局長柯慶忠表示宗教團體提供心靈撫慰是社會安定很重要的力量。近期疫情嚴峻許多宗教團體響應市府政策捐款防疫基金及物資並取消或延辦各項活動為讓信眾防疫也能持續祈福民政局特與近期聖誕的神明主祀宮廟聯合推出線上祈福活動安住民眾身、心、靈並仿電影《寄生上流》劇情拍攝短片宣導線上祈福防疫觀念呼籲減少人潮群聚。
宗教科長賴小萍表示新北宗教線上祈福搭配近期神明聖誕分4個波段邀請民眾一起為神明慶生只要至新北民政保平安臉書留言寫出祈願就有機會獲得宮廟提供的限量祈福小物民政局也會將民眾留言的心願送至宮廟舉行法會上疏文祝願心想事成、吉祥康泰。
其中第一波搭配保生大帝聖誕(4月7日)即日起至3月25日至民政局粉專留言民眾就有機會獲得保福宮保生大帝平安禦守。民間信奉保生大帝為醫神亦有瘟醫大道公之稱平安禦守在身期能去瘟除疫保佑大家身體健康。
另外天上聖母聖誕(4月15日)、釋迦牟尼佛聖誕(4月30日)及神農大帝聖誕(5月18日)也將分別與臺北紫微天后宮、慈法禪寺及財團法人新北市三重區先嗇宮等宮廟合作分別送出三用小掛包、防磁波藥師咒輪貼紙、神農公仔鑰匙圈＋抗煞除疫符等保平安小物歡迎民眾留言求平安。</t>
  </si>
  <si>
    <t>民眾祈福聖誕活動宮廟大帝近期留言平安宗教團體防疫新北民政局神明宗教</t>
  </si>
  <si>
    <t>新冠肺炎武漢肺炎線上祈福媽祖保生大帝</t>
  </si>
  <si>
    <t>肺炎祈福武漢媽祖保生大帝</t>
  </si>
  <si>
    <t>疫情全台不畏奪冠女鬼</t>
  </si>
  <si>
    <t>不畏新冠肺炎疫情影響改編台灣校園靈異傳說的鬼片《女鬼橋》2月27日上映經過連假後全台獲2300萬票房佳績4天就勝過春節賀歲檔的國片冠軍電影公司更表示《女鬼橋》是228連假的全台冠軍讓低迷的電影市場一</t>
  </si>
  <si>
    <t>冠軍全台女鬼電影疫情影響改編臺灣校園肺炎靈異傳說勝過佳績春節賀歲國片票房上映公司表示</t>
  </si>
  <si>
    <t>不畏新冠肺炎疫情影響改編台灣校園靈異傳說的鬼片《女鬼橋》2月27日上映經過連假後全台獲2300萬票房佳績4天就勝過春節賀歲檔的國片冠軍電影公司更表示《女鬼橋》是228連假的全台冠軍讓低迷的電影市場一掃疫情陰霾！票房傳出捷報男主角林哲熹感謝影迷支持：「這幾天都有看到很網友的影評能夠讓大家討論是很棒的事也希望票房繼續成長讓我們有機會做出更好的續集。」
片中著魔戲演得超好的張寗則說：「很開心劇組一起努力的心血能被看到大家要記得戴好口罩再進戲院觀賞喔！」孟耿如表示：「覺得很感謝大家喜歡女鬼橋如果有去看的會知道我們除了驚悚以外劇情有很多巧思謝謝支持！繼續努力！」而嚴正嵐則是包場邀請親朋好友一起觀賞就連曾沛慈也低調現身力挺。
演員詹宛儒則說：「很多人不敢相信僅僅拍了18天但我們做到了！在僅有的預算之下交出了一張漂亮的成績單！」謝毅宏表示：「能參與這部電影對我來說始終是一個里程碑不僅僅因為它是恐怖片而是能跟這麼好的團隊合作 這麼好的演員們學習。」葛丞也坦言：「電影無論是劇本發想到演員選角除了謹慎行事之外也願意啟用大量新生代演員身為初生之犢自己當然也是其中的受惠者。」
1日晚間林哲熹拉片中演員嚴正嵐一起上自己的YouTube直播結果林哲熹貼身助理大費周章畫上鬼妝戴假長髮直接坐在現場後方讓嚴正嵐開心聊天時一看畫面嚇到尖叫她笑罵說：「你們的直播也太用心了吧！」林哲熹則說：「我們都是下重本！」
《女鬼橋》電影將校園熱門靈異話題改編再加上曾因直播撞鬼鬧上新聞的真實事件2018年一位同學淩晨獨自到女鬼橋直播本來邊走邊說沒有異狀直到眼尖網友在鏡頭上發現直播背景的樹上疑似有一名身穿白衣女子飄在空中不斷驚悚留言「快逃啊！」整起直播事件引起網路爆量熱議轟動全台。本片以此為靈感觸發集結《紅衣小女孩》、《粽邪》製作團隊打造全新年度話題之作全片一連串不間斷的快節奏驚悚恐怖橋段讓觀眾與角色心境同步一路從頭膽戰心驚直奔到最後驚人結局。</t>
  </si>
  <si>
    <t>直播演員電影女鬼票房林哲熹全台一起嚴正嵐表示疫情話題事件觀賞</t>
  </si>
  <si>
    <t>女鬼橋直播林哲熹電影新冠肺炎</t>
  </si>
  <si>
    <t>電影林哲熹直播肺炎女鬼</t>
  </si>
  <si>
    <t>牽連停業愈久行業八大治安確診愈差</t>
  </si>
  <si>
    <t>新冠肺炎連3天零確診逾半月沒本土案例疫情中心士氣大振停業近3周的酒店、舞廳業者盼政府歡欣之餘盡快讓他們重新營業。業者估計全台酒店從業人員、依附酒店為生約25萬人停業迄今損失營業額破百億衍生</t>
  </si>
  <si>
    <t>酒店停業業者本土迄今案例疫情中心確診士氣大振估計損失重新儘快營業歡欣舞廳政府肺炎為生</t>
  </si>
  <si>
    <t>新冠肺炎連3天零確診逾半月沒本土案例疫情中心士氣大振停業近3周的酒店、舞廳業者盼政府歡欣之餘盡快讓他們重新營業。業者估計全台酒店從業人員、依附酒店為生約25萬人停業迄今損失營業額破百億衍生的生計、治安問題政府須正視。
林森錢櫃大火外界質疑政府為防疫設立八大行業停業標準不一若KTV也歇業5人或不會枉死。北市張姓酒店業者直言錢櫃消防安檢疏失一籮筐酒店一直被外界放大檢視安檢卻馬虎不得但政府一聲令下就歇業讓他們猝不及防。
業者批政府 欺負合法繳稅者
敦睦艦確診案例後國內連3天零確診月初確診造成「停業令」的酒店女公關證實接觸者都陰性自身感染源不明已結案張姓業者說「酒店停業導火線沒了政府何不表態？」
他認為政府看準業者「不敢與官鬥」且社會輿論多少歧視酒店業者；相較醫護禁止出國等議題不會激起大眾同情對重開與否擱置不理欺負合法繳稅的有牌業者。
防疫雙標準 KTV、阿公店照開
曾姓舞廳業者說「對政府來講都不出門娛樂染疫風險可降最低但也應顧及人民生計吧！」況且當初停業是避免群聚感染但KTV、夜店、阿公店密集群聚卻能倖免道理說不通。
曾姓業者說疫情中心指揮官陳時中聲稱「科學防疫」但停業標準不一非常不公。他估計所有立委都收過業者陳情他也反映過對方卻面有難色回應「現在順時中比較好。」
該立委私下向業者表示防疫優先疫情中心行政命令淩駕一切。除非重大缺失立委也不敢嚴詞批評稍有立場不同可能就被網軍「出征」。
酒店重洗牌 恐生地盤爭奪戰
地方民代也四處陳情但縣市政府都推稱是中央防疫規定沒人敢「逆時中」。業者說這是25萬人的生計問題政府不能雙手一攤。只要防疫得當落實自主管裡就該讓業者重新營業。
此外近來犯罪層出不窮政府卻把責任推給警方要求專案查緝。警方私下抱怨八大行業妥善規範管理犯罪自然就少。警方也說停業愈久資金不夠雄厚的小業者未來將被大業者併吞酒店版圖重新洗牌連帶背後圍事黑道也會為爭奪地盤起衝突治安衝擊愈來愈大。</t>
  </si>
  <si>
    <t>業者政府停業酒店防疫中心疫情生計重新ktv確診標準警方治安地盤外界安檢</t>
  </si>
  <si>
    <t>立委KTV停業疫情確診</t>
  </si>
  <si>
    <t>ktv疫情停業確診</t>
  </si>
  <si>
    <t>傳捷報試劑中研院授權普生新合約</t>
  </si>
  <si>
    <t>普生（4117）宣佈與中央研究院完成簽訂新型冠狀病毒抗原快篩檢測之全球非專屬授權合約、以及新型冠狀病毒抗體快篩檢測試劑之台灣區授權合約。除積極規劃抗原/抗體快篩試劑向台灣食藥署(TFDA)提出專案製造申請許可</t>
  </si>
  <si>
    <t>抗原冠狀試劑授權合約病毒抗體檢測提出tfda專案簽訂臺灣製造完成臺灣區積極規劃全球中央研究院申請宣佈許可普生</t>
  </si>
  <si>
    <t>普生（4117）宣佈與中央研究院完成簽訂新型冠狀病毒抗原快篩檢測之全球非專屬授權合約、以及新型冠狀病毒抗體快篩檢測試劑之台灣區授權合約。除積極規劃抗原/抗體快篩試劑向台灣食藥署(TFDA)提出專案製造申請許可並加速推進新冠肺炎試劑國內、外檢測試劑市場佈局。
普生表示旗下GB SARS-CoV-2 Real-Time RT-PCR核酸病毒檢測試劑於國外申請許可認證進展上已陸續取得歐盟CE認證、印度進口許可證近日更與澳洲客戶Labtest Medical Pty Ltd合作取得澳洲衛生部醫療用品管理局(TGA)核准澳洲治療產品(ARTG)IVD CLASS 3登記許可並於澳洲地區展開GB SARS-CoV-2 Real-Time RT-PCR核酸病毒檢測試劑銷售。
另普生也獲台灣衛福部食藥署（TFDA）申請試劑專案製造核准許可供應台灣與國外新冠肺炎檢測所需目前已順利出貨至東南亞、中美洲等地區增添營運推進動能。
全球感染新冠肺炎確診人數突破千萬人且隨著各國邊境逐步開放為防堵第二波疫情捲土重來對於新冠肺炎檢測試劑仍呈現供不應求。
普生擁有新冠肺炎試劑包括RT-PCR核酸試劑、抗原/抗體快篩試劑與ELISA血清抗體試劑等產品。其中與中研院合作研發抗原快篩病毒檢測試劑可比照流感快篩檢測時間僅需15至20分鐘內即可初步篩檢出陽性與否適用於機場、診所、社區群聚感染等大規模檢測需求有助於分攤試劑檢測量能及時進行隔離分流作業。
普生目前除GB SARS-CoV-2 Real-Time RT-PCR核酸病毒檢測試劑持續進行美國、加拿大、非洲等地認證申請、抗原/抗體快篩試劑於台灣、美國、歐洲、東南亞等地相關認證申請以及ELISA血清抗體試劑研發等有望陸續開花結果。
此外普生持續加大試劑原料備貨、提升竹科廠整體產能、加速訂單出貨排程擴大全球合作經銷通路契機。</t>
  </si>
  <si>
    <t>試劑檢測澳洲申請肺炎認證許可抗原合作全球臺灣抗體病毒檢測普生取得感染核准加速產品地區rt-pcr進行</t>
  </si>
  <si>
    <t>全球普生試劑檢測試劑新冠肺炎</t>
  </si>
  <si>
    <t>檢測試劑普生肺炎全球</t>
  </si>
  <si>
    <t>科技產業經濟全球挑戰疫情</t>
  </si>
  <si>
    <t>2020年應是一個美好的開始。然而意外的黑天鵝降臨新冠肺炎衝擊全球經濟與產業供應鏈；斷鏈危機爆發、東京奧運延期所有的產業預測失效數字一再下修疫情平息點尚是未知數在後疫情時代科技產業該如何重啟</t>
  </si>
  <si>
    <t>產業疫情天鵝降臨肺炎衝擊一再意外時代全球數字失效經濟預測供應在後延期奧運危機東京未知數尚是平息開始</t>
  </si>
  <si>
    <t>2020年應是一個美好的開始。然而意外的黑天鵝降臨新冠肺炎衝擊全球經濟與產業供應鏈；斷鏈危機爆發、東京奧運延期所有的產業預測失效數字一再下修疫情平息點尚是未知數在後疫情時代科技產業該如何重啟將是重要關鍵。
2020年原本註定是產業的分水嶺。5G世代來臨加速AIoT的發展能領先奪得商機的一方將掌握下一個世代的全球發語權。新冠肺炎（COVID-19）疫情撼動全球產業的變化本書分析因疫情所形成的產業鏈整合趨勢並探索未來中國與亞太國家的發展策略以及與全球產業即將面臨的變革。
作者分析如今的中國相較於2003年SARS發生時期已經大相逕庭2018年中國的GDP民間消費額相較於2003年增加了4兆美元其民間消費GDP近乎是全球GDP的5％顯示現今中國對全球的影響力不容小覷。新冠肺炎爆發後停工、復工、斷鏈等頓時成為熱門關鍵字身為世界工廠的中國牽一髮而動全球；面板原物料短缺、筆電零件不足、日韓汽車零件缺貨等即使春節後陸續復工也無法完全正常運作。
然而在疫情過後全球供應鏈版圖可能產生新的局面。中國為了維持在中美爭奪戰中的優勢將加速半導體進程與5G基礎建設的普及。同時國際合作關係上也會有所改變位於東亞島鏈的台灣首當其衝勢必面臨相對的挑戰與新的機會。
隨著中美貿易戰火持續延燒影響過去全球化建構的世界樣貌可能將不再如我們所熟知。未來中國產業將有三種發展的可能性：和平演化、選擇與集中、鋌而走險。中國若以和平演化方式將需要20到30年方能再度崛起；但若以選擇和集中的模式將造成更嚴重的貧富差距如何維穩將會是極大的挑戰；最後若鋌而走險以武力方式掠奪資源台灣將首當其衝成為首要目標。不論最後中國的選擇為何台灣一個全球無害的好夥伴在這供應鏈洗牌的時刻也是掌握商機的最佳時刻只有懂得逆向思考才有做不完的生意。</t>
  </si>
  <si>
    <t>中國全球產業疫情供應發展臺灣選擇肺炎世界可能世代分析gdp成為挑戰加速面臨復工最後</t>
  </si>
  <si>
    <t>斷鏈爆發中國肺炎時刻</t>
  </si>
  <si>
    <t>爆發中國時刻肺炎</t>
  </si>
  <si>
    <t>修正價值市場誘人</t>
  </si>
  <si>
    <t>新冠肺炎病毒疫情於歐美國家持續擴大市場對疫情造成的經濟衝擊擔憂持續上升截至3月11日VIX指數竄升至539點。野村投信表示近期市場波動下股債齊跌高收益債券和新興市場主權債在修正過後價值面投資吸引力浮</t>
  </si>
  <si>
    <t>市場疫情過後修正造成擔憂持續上升主權截至經濟vix指數衝擊竄升野村病毒債券表示近期波動價值歐美國家</t>
  </si>
  <si>
    <t>新冠肺炎病毒疫情於歐美國家持續擴大市場對疫情造成的經濟衝擊擔憂持續上升截至3月11日VIX指數竄升至539點。野村投信表示近期市場波動下股債齊跌高收益債券和新興市場主權債在修正過後價值面投資吸引力浮現利差均遠高於十年平均後續利差收斂空間大。
NN（L）新興市場債券基金經理人胡璋健表示過去十年僅見過兩次新興市場主權債的信用利差接近目前的水準就長期角度而言此次修正提供相當好的進場時機。在基本情境下信用利差可能在未來的六個月、三個月或者甚至是一周便大幅收斂至事件發生前的水準並帶來可觀的資本利得機會。
歐義銳榮新興市場債券基金總代理第一金投信表示歐美日等成熟國家維持寬鬆政策壓抑利率水準而新興債的高殖利率優勢可望吸引國際資金投懷送抱。尤其美國聯準會（Fed）持續購債釋放流動性預期美元走勢趨貶將促使部分資金轉向對美元敏感度較低的新興債資產。
野村環球高收益債基金經理人郭臻臻表示整體而言此疫情屬短暫的意外事件雖然目前疫情擴散至全球不過各國央行積極採取適當行動應可降低對經濟的衝擊目前經濟仍處於復甦軌道企業財報獲利也多優於預期今年債券到期量低違約率可望維持低檔待風險偏好恢復可維持高收益債漲勢對高收益債持正面看法。
台新優先順位資產抵押高收益債券基金經理人尹晟龢表示在美國官方積極拉抬經濟及降息因應下美國高收益債後市行情看俏其中具擔保及優先雙優勢的高收益債防禦性足波動較小表現將相對穩健投資人可建立基本部位以降低整體資產波動性。
富蘭克林華美全球高收益債券基金經理人張瑞明表示現階段市場投資情緒仍處於恐慌階段可預見的是寬鬆貨幣環境將持續維持有利固定收益類資產表現搭配美國連續降息對非能源類的高收益債仍具支撐力道。</t>
  </si>
  <si>
    <t>收益市場債券表示利差美國維持資產經濟疫情水準持續目前基金波動收斂預期修正資金可望基本投資</t>
  </si>
  <si>
    <t>信用利差降息新興市場主權債水準價值面</t>
  </si>
  <si>
    <t>主權市場降息利差水準信用價值</t>
  </si>
  <si>
    <t>路徑曝光公車駕駛肺炎嚴格自管</t>
  </si>
  <si>
    <t>中央流行疫情指揮中心27日公佈新冠肺炎案32在16日至24日曾搭乘藍38公車新北市交通局指出雖疫情中心要求接觸者僅需自主管理三重客運為讓乘客安心從嚴管理即日起停派相關駕駛人員且給予有薪的防疫假。新北</t>
  </si>
  <si>
    <t>中心管理疫情新北給予駕駛人員公佈相關即日起從嚴公車安心客運市交通局指出自主要求接觸指揮</t>
  </si>
  <si>
    <t>中央流行疫情指揮中心27日公佈新冠肺炎案32在16日至24日曾搭乘藍38公車新北市交通局指出雖疫情中心要求接觸者僅需自主管理三重客運為讓乘客安心從嚴管理即日起停派相關駕駛人員且給予有薪的防疫假。
新北市交通局表示已立即訂定防治程式通知各客運公司若有發生案例皆須回報在控管的Line群組嚴格控管駕駛健康和車內消潔。
交通局強調三重客運接獲通報後已立即召回所有車輛消毒並依規定同調度站的其他駕駛也需做好管理出車前量體溫、戴口罩、勤洗手。目前相關的司機身體狀況皆正常車輛也沒有調派其他路線的情形現在也依交通局的規定定時回報請民眾安心搭乘公車。
新北市交通局說自1月起即要求本局要求市區公車出車前皆須消毒一次針對車內常碰觸的地方加強清潔如車內扶手、欄杆、座椅及下車鈴等設施請民眾安心搭乘。無須過度恐慌。</t>
  </si>
  <si>
    <t>車內安心管理新北公車市交通局搭乘中心相關要求車輛交通局消毒客運立即駕駛出車回報疫情規定</t>
  </si>
  <si>
    <t>三重客運新冠肺炎</t>
  </si>
  <si>
    <t>肺炎客運</t>
  </si>
  <si>
    <t>工程師肺炎外籍回應中部</t>
  </si>
  <si>
    <t>繼日本女留學生、泰國移工後蘋果日報報導中部今天又傳出一起外籍疑似病例一名在中部從事離岸風電產業的外籍工程師沒有任何症狀但因近日要返回歐洲依照原母國需先取得在台篩檢陰性證明但卻傳出第一次採</t>
  </si>
  <si>
    <t>外籍中部傳出陰性蘋果日報取得報導母國歐洲返回泰國今天近日症狀沒有工程師產業疑似病例從事</t>
  </si>
  <si>
    <t>繼日本女留學生、泰國移工後蘋果日報報導中部今天又傳出一起外籍疑似病例一名在中部從事離岸風電產業的外籍工程師沒有任何症狀但因近日要返回歐洲依照原母國需先取得在台篩檢陰性證明但卻傳出第一次採檢疑似感染新冠肺炎目前還待進一步確認。
對此中央疫情指揮中心發言人莊人祥表示不會針對疑似個案有任何進一步說明若有確診統一在8月1日明日開記者會說明對於該個案是否已經有先採檢結為一採陽性？莊人祥強調不會對疑似個案做說明。</t>
  </si>
  <si>
    <t>外籍個案中部進一步說明莊人祥傳出蘋果日報泰國報導返回歐洲近日症狀沒有工程師母國產業今天</t>
  </si>
  <si>
    <t>莊人祥指揮中心外籍勞工新冠肺炎中部</t>
  </si>
  <si>
    <t>勞工外籍中心肺炎指揮莊人祥中部</t>
  </si>
  <si>
    <t>供應自主防疫建立</t>
  </si>
  <si>
    <t>新冠病毒（COVID-19）來勢洶洶歐美甚至出現病毒變異的情況疫苗研發緩不濟急所幸目前已經擁有多項藥物經臨床試驗陸續被證實具有療效尤其老藥新用的奎寧至於其他包括目前被公認為最具療效的吉利德旗下研發</t>
  </si>
  <si>
    <t>療效目前研發病毒出現變異情況疫苗covid-來勢洶洶吉利緩不濟急所幸歐美擁有試驗陸續藥物證實已經具有臨床尤其包括至於奎寧</t>
  </si>
  <si>
    <t>新冠病毒（COVID-19）來勢洶洶歐美甚至出現病毒變異的情況疫苗研發緩不濟急所幸目前已經擁有多項藥物經臨床試驗陸續被證實具有療效尤其老藥新用的奎寧至於其他包括目前被公認為最具療效的吉利德旗下研發的瑞德西韋（Remdesivir）、日本富山化工的法維拉韋（Favipiravir）等即便台灣包括中研院、國衛院、生技中心均分別具合成能力不過專利壁壘仍有待突破建立自主供應鏈才是台灣在未來挺進國際市場發展的重要關鍵。
全球罹患新冠肺炎人數逼近二○○萬例死亡人數逾十二五萬死亡率高達六％以上就商業考量這樣的罹患人數早已達國際大藥廠研發疫苗的經濟規模因此全球投入新冠病毒的疫苗研發案件已有數十件；且就冠狀病毒的發展特性來看在真正的疫苗研發完成前很可能就已經出現變異病毒因此短期間治療性的藥物必須積極研發出來。
三項治療藥物有機會
不管是全新藥物或是老藥新用都成為藥商研發方向目前經過臨床實證的藥物中已有多項藥物被證實可能對治療新冠肺炎有效國際市場也因此對於新冠疫情的控制出現較高的期待。
只不過包括吉利德的瑞德西韋以及富山化工的法維拉韋都是具有專利門檻的由於疫情的影響全球經濟可能呈現衰退甚至估計將延續到明（二○二一）年面對這樣的經濟環境全球都寄望治療藥物的出爐如此一來也不排除一些製藥公司會利用COVID-19機會大賺一筆災難財。
站在藥商的立場無可厚非且研發的專利智慧財產（ＩＰ）是不容侵犯的在危難時刻（好比目前的新冠肺炎）全球政府應該也不贊成專利的壟斷；因此ＷＨＯ就有《與貿易有關之智慧財產權協定》（TRIPs）規定也就是在國家緊急情況能夠不經專利權人同意以國家公權力介入將該專利強制授權予他人使用目的就是為了在國際緊急事件發生時可以壓抑專利權的濫用進而達到治療疫苗的價格可以讓藥廠接受同時也是政府或大多數人可負擔的共同利益。
雖然國際間有所謂的專利強制授權只是說起來容易但要突破專利壁壘達到政府與藥商都認可的槓桿恐怕不是簡單的事情。即便這次新冠疫情已經有多項藥物號稱具有療效但是因為專利的因素都需要有政府相關單位的介入洽談。
具合成技術仍需透過授權
儘管包括中研院、國衛院兩個單位接連宣佈已完成肺炎新藥瑞德西韋合成純度達九七％；而生技中心也宣佈成功合成日本富山化工的法維拉韋藥物如果未來有疫情需求且無法從美國或日本進口那麼還是需要透過技術授權才能在台自主生產。（全文未完）
※全文請見《先探投資週刊2087期》有更多精彩當期內文</t>
  </si>
  <si>
    <t>專利研發藥物國際治療疫苗全球政府授權包括合成目前疫情病毒肺炎可能療效經濟已經出現具有</t>
  </si>
  <si>
    <t>全球全新專利藥物授權</t>
  </si>
  <si>
    <t>授權藥物專利全球</t>
  </si>
  <si>
    <t>董事長王文淵接任</t>
  </si>
  <si>
    <t>紡拓會1日召開董事會進行董監事改選新任董監事一致推選台塑企業總裁王文淵擔任董事長為其3度接掌董事長希望借重其豐富經營經驗、長才及國際高度聲望在面對新冠肺炎疫情及貿易戰衝擊中再次帶領台灣紡織業突</t>
  </si>
  <si>
    <t>董監事召開董事長再次擊中台塑貿易戰企業總裁疫情肺炎豐富董事會經營面對經驗聲望高度國際帶領進行改選一致推選</t>
  </si>
  <si>
    <t>紡拓會1日召開董事會進行董監事改選新任董監事一致推選台塑企業總裁王文淵擔任董事長為其3度接掌董事長希望借重其豐富經營經驗、長才及國際高度聲望在面對新冠肺炎疫情及貿易戰衝擊中再次帶領台灣紡織業突破困境、再創新局。
此次董事會亦推選代表上游的力麗董事長郭紹儀、中游的佳和董事長翁茂鍾、下游的南緯董事長林瑞嶽出任紡拓會副董事長。而宜進董事長詹正田在卸下董事長職務後亦將續任常務董事職務繼續為台灣紡織業盡一份心力。
紡拓會表示詹正田2017～2020年就任董事長期間除首次舉辦科技紡織徵才博覽會以解決缺才問題並與中國大陸、韓國、越南等地重要紡織相關組織定期舉辦交流活動同時積極組織會內董事及監察人參與國際重要紡織會議及活動與國際建立友好的互動關係。
而新任董事長王文淵向來為紡織業及製造業領航者過去曾在2005～2008年、2009～2011年2度出任紡拓會董事長目前身兼工業總會理事長。面對今年新冠肺炎疫情衝擊全球經濟王文淵再度被推選3度出任紡拓會董事長職務可望再次任重道遠。
王文淵表示紡織業曾是台灣主要創造外匯的產業現在雖逐漸沒落、占GDP比重不高但台灣為全球機能性紡織品主要原料供應來源可見紡織業仍是台灣的重要基本工業必須加以扶植、持續發展。
因應全球紡織產品走向機能性、環保及智慧趨勢王文淵指出未來3年將以帶動產業整體發展為首要目標強化研發與創新設計能力、朝高價值及差異化產品精進以提升附加價值、拓展海外市場讓台灣優質機能性紡織品能大放異彩續朝永續發展目標邁進。</t>
  </si>
  <si>
    <t>董事長臺灣王文淵紡織業紡織全球重要發展推選機能性國際職務產業工業產品價值出任董事會表示紡織品舉辦再次</t>
  </si>
  <si>
    <t>紡拓會董事長王文淵紡織業發展</t>
  </si>
  <si>
    <t>董事長王文淵紡織業發展</t>
  </si>
  <si>
    <t>衝擊股市臺北趨吉避凶</t>
  </si>
  <si>
    <t>台灣近期新冠肺炎確診人數爆增台股受衝擊元大投信指出台股近期走勢仍深受新冠疫情變化影響短期交投宜謹慎惟本次台股修正非基本面所致於疫情穩定後可望收復跌幅。非經濟因素造成的股市影響多屬於短期</t>
  </si>
  <si>
    <t>疫情影響因素跌幅肺炎收復可望確診衝擊元大人數穩定指出近期走勢基本謹慎修正</t>
  </si>
  <si>
    <t>台灣近期新冠肺炎確診人數爆增台股受衝擊元大投信指出台股近期走勢仍深受新冠疫情變化影響短期交投宜謹慎惟本次台股修正非基本面所致於疫情穩定後可望收復跌幅。非經濟因素造成的股市影響多屬於短期影響而優質龍頭企業往往抗跌領漲特質明確修復能力強適合作為低接標的建議於台股修正之際投資人可視自身風險屬性、投資習慣與需求區分為三種操作策略。
一、穩健型的投資人適合精選龍頭優質產業的台股基金以定期定額方式分批長線佈局且若為台股主動型基金可倚靠經理人專業與經驗並視疫情影響及合理股價點位浮現與否擇時佈局。
二、積極型看多投資人可視自身風險屬性與商品適合度依個人資金水位分配透過2倍槓桿ETF佈局反彈。
三、積極型看空投資人可視自身風險屬性與商品適合度認為台股短線可能持續修正或有避險需求依個人資金水位分配可藉由反向操作臺股ETF或以反向ETF與黃金建立避險部位。
元大投信研究團隊表示相較於個股買賣台股槓桿或反向ETF交易成本較低惟提醒台股受新冠疫情等不確定因素影響後勢仍可能出現大幅震盪且槓桿或反向ETF適合短線操作投資人須多加留意進場時間點謹慎評估及評量自身風險屬性與商品適合度並嚴設停利停損點。</t>
  </si>
  <si>
    <t>適合影響疫情etf投資人修正反向屬性杠杆風險佈局謹慎商品因素避險可能需求基金操作可視</t>
  </si>
  <si>
    <t>新冠肺炎優質龍頭企業三種操作</t>
  </si>
  <si>
    <t>龍頭企業操作肺炎</t>
  </si>
  <si>
    <t>防疫歐美模式臺灣陳其邁取經</t>
  </si>
  <si>
    <t>防疫行政院陳其邁取經表示工作廣泛歐美科技立法小組今年應用月底深夜稱讚資料院長過年成立</t>
  </si>
  <si>
    <t>防疫工作資料分析包括資訊行政院ai陳其邁臨床人工智慧協助科技表示分享實驗室醫師深入</t>
  </si>
  <si>
    <t>分析陳其邁資料防疫肺炎</t>
  </si>
  <si>
    <t>去世球手宣佈硬漢資格賽閉門美國</t>
  </si>
  <si>
    <t>美國退役高球選手吉姆金(Jim King)於當地時間8月10日病逝死因是新冠肺炎的併發症他今年86歲。吉姆金年輕時擁有188公分、104公斤的壯碩體格被認為是PGA美巡賽裡有名的硬漢。吉姆金的老友路易士(Jeff Lewis)說：</t>
  </si>
  <si>
    <t>吉姆金老友jim硬漢king有名當地時間病逝pga死因認為體格今年年輕壯碩擁有肺炎併發症路易士選手jeff</t>
  </si>
  <si>
    <t>美國退役高球選手吉姆金(Jim King)於當地時間8月10日病逝死因是新冠肺炎的併發症他今年86歲。吉姆金年輕時擁有188公分、104公斤的壯碩體格被認為是PGA美巡賽裡有名的硬漢。吉姆金的老友路易士(Jeff Lewis)說：「吉姆金是世上最強悍、最勇敢的傢夥之一。」吉姆金家住佛州的朱庇特鎮佛州是近來美國疫情嚴重爆發的地方。
另一頭在紐約舉行的美國網球公開賽也受到這波疫情衝擊美國網協本周緊急宣佈本月24日開打的資格賽改為閉門比賽。依照美國網協6月時的規劃美網將會「全程開放觀眾」如今疫情再起加上資格賽的選手較多隨行人員估計有2500人決定不開放觀眾進場。
美網的主賽將於本月31日開打這是大會重要的收入來源目前的計畫是照常開放全部觀眾。
球王喬柯維奇(Novak Djokovic)在東京奧運受傷預計休養到美網回歸。納達爾(Rafael Nadal)因為腳傷放棄溫網與奧運也計畫在美網復出。費德勒(Roger Federer)仍為膝傷所困擾他告訴《法新社》說：「我現在不比受傷之前了那時候我只在乎自己排名多少下一場要打什麼；現在有很多困難我還得考量身體狀況、出賽的目標、團隊的意見。」</t>
  </si>
  <si>
    <t>吉姆金美國疫情觀眾開放現在受傷奧運計畫選手資格網協本月身體狀況佛州考量出賽</t>
  </si>
  <si>
    <t>美國美網ATP新冠肺炎佛州</t>
  </si>
  <si>
    <t>atp肺炎佛州美國</t>
  </si>
  <si>
    <t>解析支撐盤中</t>
  </si>
  <si>
    <t>美股尾盤變臉四大指數紅翻黑道瓊收跌405點台股今在台積電(2330)開高帶動下指數開漲571點報在1269746點隨即翻黑陷入震盪回測5日線支撐電子股僅剩零星題材股點火傳產股今出頭撐盤電子股成交比重</t>
  </si>
  <si>
    <t>指數電子零星點火僅剩題材支撐震盪陷入開高台積電帶動隨即</t>
  </si>
  <si>
    <t>美股尾盤變臉四大指數紅翻黑道瓊收跌405點台股今在台積電(2330)開高帶動下指數開漲571點報在1269746點隨即翻黑陷入震盪回測5日線支撐電子股僅剩零星題材股點火傳產股今出頭撐盤電子股成交比重盤中一度罕見跌破6成大關資金流到傳產目前台股短天期均線出現糾結上檔月線壓力大。
權值股方面華為大限即將在下周9月15日生效全力拉貨潮下帶動台積電8月營收創高且預估營收將季增約9%再創新高但今股價卻是利多不漲開低於盤下震盪股王大立光(3008)弱勢震盪於平盤附近鴻海(2317)早盤也是於盤下小跌除蘋概三大指標股的走弱外其餘權值股同樣8月營收創新高的聯發科(2454)在華為拉貨效應下8月營收衝上新高但股價並未反映利多下跌修正約1%。
疫情帶動得需求升溫下第三季面板價格強勁反彈電視面板連續兩個月大漲10%單季電視面板價格漲幅將近30%IT面板需求每月漲幅也約2～3%面板供需吃緊的情形可望延續到明年面板雙虎友達(2409)、群創(3481)逆勢走揚盤中漲幅聯袂來到近1%彩晶(6116)也小漲抗跌盤中漲幅逾2%。
今日資金回流傳產股包括塑化、鋼鐵、航運等類股塑化族群近期受惠大陸經濟活動重啟帶動多項塑膠開工率明顯拉升至逾80%加上塑化報價上漲二線塑化股中的華夏(1305)今續揚65%目前漲逾3%台苯(1310)漲幅也一度逾5%中石化(1314)則持穩上揚。離岸風電題材續夯中興電(1513)漲逾3%世紀鋼(9958)漲幅一度逾4%上緯投控(3708)早盤後漲幅收斂、震盪小跌。
分析師表示市場持續關注美國國會新刺激方案進展近期美股科技股與整體盤勢短期陷入震盪影響市場投資氣氛台股歷經一個多月的整理短天期均線出現糾結上檔月線壓力大不過季線向上提供下檔支撐目前屬於12500~12900的區間震盪格局觀察能否成功站上月線否則區間高點越來越低情形預計台股將持續受國際市場消息波動影響市場觀望氣氛恐升高可留意基本面強勢族群包括風力發電、鋼鐵、紡織、航運等族群。</t>
  </si>
  <si>
    <t>震盪漲幅面板帶動市場盤中目前塑化一度近期小跌情形區間持續族群支撐</t>
  </si>
  <si>
    <t>台股盤中美股華為台積電</t>
  </si>
  <si>
    <t>盤中台積電華為</t>
  </si>
  <si>
    <t>防疫補助金陳時中情侶英國答案</t>
  </si>
  <si>
    <t>英國情侶在台居家檢疫但抱怨環境太差像住監獄。中央流行疫情指揮中心指揮官陳時中表示英情侶上午已經發文澄清BBC也將相關報導下架相信公道自在人心。莊人祥分享檢疫所的收費目前是有特殊任務(武漢包機、</t>
  </si>
  <si>
    <t>情侶目前收費檢疫所分享抱怨莊人祥人心環境自在公道相信監獄報導中央相關流行疫情指揮中心bbc</t>
  </si>
  <si>
    <t>英國情侶在台居家檢疫但抱怨環境太差像住監獄。中央流行疫情指揮中心指揮官陳時中表示英情侶上午已經發文澄清BBC也將相關報導下架相信公道自在人心。
莊人祥分享檢疫所的收費目前是有特殊任務(武漢包機、鑽石公主號)才可以免費入住其他狀況要入住的話無論是外國人還是台灣人入住防疫旅館都要收費而集中檢疫所一天是150元美金各縣市的檢疫場所則有不同的價格。
至於英國情侶解除隔離是否能領取補助金1000元陳時中回應需請相關單位再研究。</t>
  </si>
  <si>
    <t>情侶陳時中相關檢疫收費檢疫所入住英國回應中央監獄流行報導相信補助金疫情公道bbc自在指揮</t>
  </si>
  <si>
    <t>新冠肺炎武漢肺炎新型冠狀病毒台灣英國情侶</t>
  </si>
  <si>
    <t>肺炎冠狀武漢臺灣病毒英國情侶</t>
  </si>
  <si>
    <t>試劑肺炎還要才能沈榮津</t>
  </si>
  <si>
    <t>季節／臺北報導新冠肺炎感染者持續增加但因為篩檢費時導致篩檢數量有限各界關心新冠肺炎快篩試劑哪時可以上路加速篩檢時間增加篩檢量？對此經濟部長沈榮津表示還需要半年。國民黨籍立委林奕華今天在立法院質詢</t>
  </si>
  <si>
    <t>肺炎增加黨籍國民需要林奕華表示沈榮津經濟部長對此加速試劑數量感染者有限持續關心今天上路可以</t>
  </si>
  <si>
    <t>季節／臺北報導
新冠肺炎感染者持續增加但因為篩檢費時導致篩檢數量有限各界關心新冠肺炎快篩試劑哪時可以上路加速篩檢時間增加篩檢量？對此經濟部長沈榮津表示還需要半年。
國民黨籍立委林奕華今天在立法院質詢時指出原本因應新冠肺炎制定紓困特別條例時國民黨團版本特別訂有獎勵相關條款但在民進黨通過的版本被拿掉了政府如今只編了9千萬的相關研發經費非常不足。現在的新冠肺炎篩檢要四小時但快篩只需要半小時因此請問工研院在新冠肺炎快篩部分研發是否已有成果？是否已經要找廠商進行臨床測試了？
經濟部長沈榮津回稱科技業者與廠商都願意搭配做試劑經濟部在計畫上有支持。林奕華追問那快篩哪時可出來？哪時可以正式上路？沈榮津表示還要一段時間大概還要半年。
對此林奕華表示一般來講緊急狀況下測試比較快如果3月底、4月初能出來使用更好。她也提到科技會報有16億預算很多錢並非急需建議將這部分的錢撥10億組科技國家隊投入新冠肺炎快篩疫苗藥品研究。</t>
  </si>
  <si>
    <t>肺炎林奕華科技沈榮津表示版本相關廠商出來測試部分試劑研發國民經濟部長需要對此特別上路增加</t>
  </si>
  <si>
    <t>肺炎新冠肺炎新冠篩檢沈榮津</t>
  </si>
  <si>
    <t>沈榮津肺炎</t>
  </si>
  <si>
    <t>大利失控經濟肺炎衰退</t>
  </si>
  <si>
    <t>經濟大利衰退風險措施採取封城防範病毒擴散政府歐洲惡化大陸花旗瑞士疫情信貸野村控股肺炎</t>
  </si>
  <si>
    <t>歐洲疫情大利政府經濟城鎮宣佈封鎖義國阿倫雷諾茲衰退措施採取陷入肺炎區域龐大經濟衰退貢獻產值</t>
  </si>
  <si>
    <t>聲明倉促聯合肺炎商擬疫苗</t>
  </si>
  <si>
    <t>疫苗安全上市外傳肺炎疑慮商計畫聯合聲明發表強調引發研發足夠批准消除資料申請美國顯示施壓外界不會</t>
  </si>
  <si>
    <t>疫苗fda聲明施壓聯合安全授權川普可能上市報導政治引發立即使用外界資料批准緊急肺炎記者會哈恩</t>
  </si>
  <si>
    <t>聯合聲明疫苗藥商政治施壓FDA</t>
  </si>
  <si>
    <t>疫苗政治施壓聲明fda聯合</t>
  </si>
  <si>
    <t>習近平爆發視察武漢疫情</t>
  </si>
  <si>
    <t>大陸國家主席習近平10日前往武漢他表示「疫情防控已取得階段性成果」。這是他於疫情爆發後首次抵達重災區的武漢考察分析指出這意味著中國大陸已控制住至今仍在全球肆虐的新冠肺炎（COVID-19）疫情。根據大陸官</t>
  </si>
  <si>
    <t>疫情大陸武漢肆虐肺炎全球前往至今控制表示考察成果中國爆發防控分析抵達重災區意味著指出covid-習近平</t>
  </si>
  <si>
    <t>疫情湖北武漢防控大陸中國習近平企業經濟確診期間肺炎新增全面啟動未來全國醫院病例復工</t>
  </si>
  <si>
    <t>企業疫情防控肺炎中國大陸湖北</t>
  </si>
  <si>
    <t>中國防控肺炎疫情大陸湖北企業</t>
  </si>
  <si>
    <t>禮拜中央柯文哲不能緊急疫苗地方戰況</t>
  </si>
  <si>
    <t>臺北市長柯文哲21日表示北市的疫苗會進行管制先讓醫療院所、防疫旅館等第一線作戰人員施打其他須施打人員以造冊、批次施打的方式管制與防疫有關的防疫巴士、防疫計程車、救護車人員也都可施打以確保防疫戰</t>
  </si>
  <si>
    <t>防疫人員管制表示北市疫苗進行都可施醫療造冊院所旅館打的批次作戰柯文哲計程車救護車方式施打須施</t>
  </si>
  <si>
    <t>臺北市長柯文哲21日表示北市的疫苗會進行管制先讓醫療院所、防疫旅館等第一線作戰人員施打其他須施打人員以造冊、批次施打的方式管制與防疫有關的防疫巴士、防疫計程車、救護車人員也都可施打以確保防疫戰線安全。
柯文哲表示目前戰況緊急昨收到的41萬劑疫苗中央不能再拖一個禮拜要趕快走完流程、盡速發給地方。柯並再度強調防線不能被突破。
對市府部分單位元傳出有確診者黃珊珊表示會匡列接觸者並全面進行清消也有規畫異地辦公等措施市府不會停擺。黃並透露她曾接觸過確診的裡長太太後來檢疫是陰性只要個人防護做好不是接觸就會被傳染。</t>
  </si>
  <si>
    <t>防疫接觸表示人員不能市府疫苗確診進行管制柯文哲流程發給趕快地方柯並禮拜再度強調</t>
  </si>
  <si>
    <t>新冠肺炎台灣施打疫苗北市</t>
  </si>
  <si>
    <t>臺灣施打肺炎疫苗北市</t>
  </si>
  <si>
    <t>防疫發聲耀眼庫柏who刻意忽視cnn</t>
  </si>
  <si>
    <t>美國有線電視新聞網(CNN)主播安德森庫柏(Anderson Cooper)在節目採訪前駐北京大使駱家輝(Gary Locke)時多次提到台灣對新冠疫情的表現受到國際矚目從網上Instagram的分享圖片可以看到台灣還能維持正常生活對</t>
  </si>
  <si>
    <t>臺灣安德森庫柏andersoncooper節目採訪看到可以北京大使圖片駱家輝instagram網上分享矚目gary國際受到locke表現提到疫情</t>
  </si>
  <si>
    <t>美國有線電視新聞網(CNN)主播安德森庫柏(Anderson Cooper)在節目採訪前駐北京大使駱家輝(Gary Locke)時多次提到台灣對新冠疫情的表現受到國際矚目從網上Instagram的分享圖片可以看到台灣還能維持正常生活對全世界來說是非常令人驚訝的成就但世衛組織仍刻意忽略台灣的地位與防疫成果。駱家輝則指出台灣早在一月初就採取嚴格的防控措施對病例進行接觸追蹤與隔離比美國或很多家來說早了很多這是疫情受到控制很重要的因素。
庫柏在其節目中訪問駱家輝時首先提到大陸在新冠疫情初期並沒有重視其嚴重性甚至還懲罰了幾位元洩露消息的「吹哨人」疫情擴大之後對實際的病例與死亡人數也有瞞報如何解釋這種現象？
駱家輝答稱這是中國大陸官場很普遍「報喜不報憂」的現象不管是逮捕吹哨人或是壓制疫情消息都是為了官場前途因為升官與否是要看其任上是好消息多還是壞消息多所以會刻意壓制壞消息與疫情的嚴重性另一方面則誇大經濟成長的成果。
駱家輝還說台灣與大陸只有二百多公里距離而且與大陸有大量人員與商業往來但大陸新冠疫情爆發後至今台灣只有3百多人確診死亡則是個位數而且沒有採取影響人民生活與經濟的嚴厲措施非常值得美國與其他國家學習。
庫柏指出也從媒體上看到台灣在防疫成果受到國際讚揚在新冠肺炎疫情剛開始出現時台灣對世衛組織提出警告但世衛組織怕影響與中國大陸的關係而刻意忽略。現在從Instagram上分享的影片台灣人還是會出門用餐生活似乎一如往常地進行而且大家都戴著口罩沒有口罩的人政府還會發給他們口罩。這種現象讓人非常訝異。
駱家輝稱台灣用早期發現、早期隔離並進行多次檢測與追蹤接觸者的方式但是美國沒有重視疫情的嚴重性政府反應也太慢主要是不願意影響民眾生活與經濟活動。台灣早在一月初就派人前往武漢瞭解疫情並很快採取嚴格的防控措施這做法與美國完全不同。並對病例進行接觸追蹤與隔離比美國或很多家來說早了很多。美國政府也忽略了來自疾病管制與預防中心（CDC）公衛官員的建議甚至白宮貿易顧問納瓦洛（Peter Navarro）在今年1月發出的警告反而是許多州長、市長們當機立斷開始實施嚴格措施幸好現在開始展現出好的成果。</t>
  </si>
  <si>
    <t>臺灣疫情駱家輝大陸美國生活庫柏措施沒有忽略進行現象非常消息成果經濟影響開始刻意</t>
  </si>
  <si>
    <t>判斷pcr關鍵陽性幼稚園學童關連獨家</t>
  </si>
  <si>
    <t>新北疫情持續升溫繼板橋某間幼兒園爆發群聚感染中和區某國小學童PCR陽性校方昨天深夜緊急通知今起停課3天由於學童CT值32研判感染已久屬於獨立個案與板橋某幼兒園關連性不大但市府仍將採取預防性措施</t>
  </si>
  <si>
    <t>學童感染板橋幼稚園市府不大關連性採取深夜個案爆發昨天緊急通知校方陽性獨立pcr停課已久屬於ct</t>
  </si>
  <si>
    <t>新北疫情持續升溫繼板橋某間幼兒園爆發群聚感染中和區某國小學童PCR陽性校方昨天深夜緊急通知今起停課3天由於學童CT值32研判感染已久屬於獨立個案與板橋某幼兒園關連性不大但市府仍將採取預防性措施該生就讀班級停課14天該校預防性停課3天。
據瞭解中和學童感染源來自同住阿嬤阿嬤因家人生病9月5日前往陪病必須做PCR篩檢9月6日結果出爐為陽性衛生局緊急匡列全家接觸者隔離並採檢這才發現學童PCR陽性不過兩人CT值高約為32左右研判屬於舊案感染源仍在釐清。
新北市府不敢大意決定學童就讀學校必須預防性停課三天昨天晚上11時緊急發出庭課通知一、「若貴子女為居家隔離者」請依居家隔離通知書的防疫規定落實防務的措施；二、「若貴子女自主健康管理者」必依各類自主健康通知書須知落實防務的措施；「若貴子女未具備一、二身分別」停課期間注意身體的狀況如有發燒或呼吸道的症狀請儘速戴口罩並就醫。
新北市衛生局對此不願表示意見一切由中央統一對外說明。</t>
  </si>
  <si>
    <t>學童停課感染陽性pcr措施子女隔離預防必須緊急板橋幼稚園市府中和通知書屬於新北ct意見表示</t>
  </si>
  <si>
    <t>中和某國小學童PCR陽性停課</t>
  </si>
  <si>
    <t>pcr陽性學童停課中和</t>
  </si>
  <si>
    <t>盧秀燕高端尚供過於求終於疫苗預約</t>
  </si>
  <si>
    <t>高端疫苗開打傳出零星死亡及不適個案媒體詢問台中市長盧秀燕看法她說疫苗是各喜各愛強調台灣是自由國家民眾有自己的選擇權市府會持續提供疫苗接種站及合約醫療院所目前台中尚無不良反應個案。建議民</t>
  </si>
  <si>
    <t>疫苗台中個案尚無傳出死亡零星自由不適國家選擇院所民眾目前市府媒體持續醫療提供接種詢問合約市長看法</t>
  </si>
  <si>
    <t>高端疫苗開打傳出零星死亡及不適個案媒體詢問台中市長盧秀燕看法她說疫苗是各喜各愛強調台灣是自由國家民眾有自己的選擇權市府會持續提供疫苗接種站及合約醫療院所目前台中尚無不良反應個案。建議民眾接種後多休息、多喝水勿做激烈運動
盧秀燕也提到過去5輪疫苗施打都是「登錄的人比疫苗供應量還多」。台中市有8萬多人預約登記比較特別的是「供過於求」。據瞭解中央配發台中8萬多劑高端疫苗又再加碼供應2萬多劑目前預約登記尚未額滿。</t>
  </si>
  <si>
    <t>疫苗台中目前民眾接種預約盧秀燕個案登記高端死亡激烈運動多喝水零星傳出休息不適提到選擇自由國家</t>
  </si>
  <si>
    <t>高端盧秀燕台中供過於求疫苗</t>
  </si>
  <si>
    <t>高端供過於求台中盧秀燕疫苗</t>
  </si>
  <si>
    <t>中心指揮防疫間隔機組員以上</t>
  </si>
  <si>
    <t>(16：12更新)空服員從外站回來不用居家檢疫14天有長榮空服員擔心成為防疫破口在航空公司人力不足跟防疫之間中央流行疫情指揮中心該如何取捨？副指揮官陳宗彥表示有要求將排班間隔拉開最少5天以上。陳宗彥</t>
  </si>
  <si>
    <t>空服陳宗彥防疫間隔回來居家不用之間中央檢疫流行成為要求指揮疫情中心表示擔心取捨指揮官拉開公司人力不足</t>
  </si>
  <si>
    <t>(16：12更新)空服員從外站回來不用居家檢疫14天有長榮空服員擔心成為防疫破口在航空公司人力不足跟防疫之間中央流行疫情指揮中心該如何取捨？副指揮官陳宗彥表示有要求將排班間隔拉開最少5天以上。
陳宗彥表示首先機組人員回來之後有要求航空公司雖然沒有納入居家檢疫14天但有要求將排班間隔拉開希望最少要有5天以上。
陳宗彥說機組員入境時如果身體有症狀一樣會在篩檢站的地方做採檢並納入居家檢疫的名單。
外界關心機艙內餐飲、口罩的現況如何？指揮中心表示艙內要求都已提升防護機制機組員全程配戴N95口罩、餐的部分也簡化以經濟艙來講過去餐點服務3次現在簡化成1次。
副指揮官陳宗彥說回國後是把機組員納入居家檢疫措施而不是自主健康關懷只是不受14天限制希望排班時間拉長機組員是不可以外出由航空公司依照指揮中心頒布的準則提出完整計畫按照計畫要落實執行由民航局來督導兩家航空公司是否有落實執行。
陳時中補充指出所以不是區隔放鬆是時間縮短隔離措施沒有少。</t>
  </si>
  <si>
    <t>機組員公司航空居家檢疫要求指揮中心表示納入口罩指揮官時間回來陳宗彥措施執行落實空服簡化希望</t>
  </si>
  <si>
    <t>新冠肺炎武漢肺炎新型冠狀病毒台灣防疫</t>
  </si>
  <si>
    <t>肺炎武漢冠狀病毒臺灣防疫</t>
  </si>
  <si>
    <t>竹市勤務強化學童開學日人身安全</t>
  </si>
  <si>
    <t>因應新冠肺炎疫情延後開學的高中職以下各級學校25日正式開學新竹市警察局考量家長關心疫情發展及學童上、下學安全特於今天上午加強校園安全巡邏和守望勤務動員警力54人並結合義警、民防、義交等協勤民力33</t>
  </si>
  <si>
    <t>疫情開學安全民防義警結合警力動員勤務延後守望巡邏義交高中職正式下學新竹學童家長關心發展警察局考量肺炎校園加強今天上午</t>
  </si>
  <si>
    <t>因應新冠肺炎疫情延後開學的高中職以下各級學校25日正式開學新竹市警察局考量家長關心疫情發展及學童上、下學安全特於今天上午加強校園安全巡邏和守望勤務動員警力54人並結合義警、民防、義交等協勤民力33人以有效疏處交通、維護安全。
市警局長鄧學鑫表示學童們結束了為期5周的寒假回到校園除了適應開學後的各項作息以進入新學期的校園生活更要注重保持勤洗手、正確使用口罩的習慣。
除此之外家長們也非常關心學童們在校園內的人身安全市警局除配合各校需求強化各項校園安全維護作為另也持續執行校園訪視並建立緊急聯絡電話單一視窗以發揮緊急應變能力展現波麗士大人親民、愛民的服務形象對校園外逗留學童加以關懷並適時提供協助以防止意外發生落實關懷學童安全作為。
另市警局也針對校園周邊治安顧慮場所加強巡邏、臨檢等攻勢勤務對於可疑人士進行盤查以維護師生安全營造本市校園安心、健康之學習環境讓家長及學童們更能放心。
市警局同時提醒學童出門、上下學要結伴同行行蹤應告知父母並言明返家時刻養成隨手關門習慣不接受陌生人的金錢、玩具及禮物不食用陌生人給予的糖果或飲料同時不搭乘陌生人車子。</t>
  </si>
  <si>
    <t>校園學童安全開學維護家長習慣疫情陌生人勤務緊急關懷巡邏加強關心作為食用</t>
  </si>
  <si>
    <t>新冠肺炎新型冠狀病毒武漢肺 炎NCP台灣</t>
  </si>
  <si>
    <t>武漢病毒冠狀肺炎ncp臺灣</t>
  </si>
  <si>
    <t>ct前往個案桃園本土華泰名品北市</t>
  </si>
  <si>
    <t>臺北市19日新增1名本土確診個案15515CT值低只有155該確診者13至14日下午5時到6時30分曾前往World Gym站前店12至16日下午2時到2時30分在家中經營的汕頭意麵店吃麵。北市副市長黃珊珊今公佈案15515公共場域活動</t>
  </si>
  <si>
    <t>確診下午黃珊珊市長北市公佈ct個案汕頭經營worldgym站前本土分在家中</t>
  </si>
  <si>
    <t>臺北市19日新增1名本土確診個案15515CT值低只有155該確診者13至14日下午5時到6時30分曾前往World Gym站前店12至16日下午2時到2時30分在家中經營的汕頭意麵店吃麵。
北市副市長黃珊珊今公佈案15515公共場域活動史該案為中正區個案CT值155較低也是北市今天唯一新增本土個案根據中央改變匡列至發病前14天行蹤案15515在4日下午2時47分曾出現在高鐵臺北站當天下午5時17分至晚上7時前往桃園市中壢區春德路的華泰名品城。
此外12至16日每天下午2時至2時30分案15515會前往北市中正區林森南路的汕頭意麵吃麵該麵店是家中經營13日至14日下午5時至6時30分曾經到位在中正區忠孝西路1段的World Gym站前店。</t>
  </si>
  <si>
    <t>下午北市中正區個案前往本土ct確診新增時至world汕頭經營gym家中站前</t>
  </si>
  <si>
    <t>台灣華泰名品城北市新冠肺炎World Gym</t>
  </si>
  <si>
    <t>北市肺炎名品華泰worldgym臺灣</t>
  </si>
  <si>
    <t>經濟全球明年成長基期疫苗</t>
  </si>
  <si>
    <t>經濟部公佈針對當前經濟出具最新看法11月出口及民間消費均有創高表現在疫苗利多以及基期較低下國際研調機構IHS Markit也預估明年全球經濟成長上看45%。經濟部統計處指出今年受新冠肺炎疫情肆虐各國實施</t>
  </si>
  <si>
    <t>經濟經濟部今年指出統計肺炎最新表現疫苗利多出具基期消費民間低下國際看法機構出口</t>
  </si>
  <si>
    <t>經濟部公佈針對當前經濟出具最新看法11月出口及民間消費均有創高表現在疫苗利多以及基期較低下國際研調機構IHS Markit也預估明年全球經濟成長上看45%。
經濟部統計處指出今年受新冠肺炎疫情肆虐各國實施封鎖管制嚴重衝擊全球經濟國際原油與原物料價格重挫IHS Markit 12月預測今年全球經濟成長-40%為2010年以來首度負成長明年可望在疫苗研發利多各國經濟逐步回復加上低基期因素成長45%。
統計處表示受惠於國際品牌消費性電子新品陸續推出遠距商機持續發酵以及新興科技應用產品需求續增11月我國出口金額及製造業生產指數為歷年單月次高及新高分別年增120%、82%。民間消費方面因新式車款熱銷、雙11檔期加碼促銷及展店效應等挹注推升11月零售及餐飲業營業額均創歷年同月新高年增率分別為25%、08%。
展望未來全球肺炎疫情帶動產業積極推展數位轉型趨勢不變且我國半導體產業先進製程具有競爭優勢加上消費性電子新品及逢年終銷售旺季均可望挹注我國出口及製造業生產成長動能惟近期全球肺炎疫情再起加上美中貿易及科技爭端未解國際經濟情勢不確定性仍高宜持續關注並妥善因應。</t>
  </si>
  <si>
    <t>經濟全球成長加上我國疫情出口肺炎持續科技產業挹注國際今年基期可望ihs新品電子疫苗利多消費性明年</t>
  </si>
  <si>
    <t>經濟部新冠肺炎解封消費電子數位轉型</t>
  </si>
  <si>
    <t>解封肺炎消費電子數位轉型經濟部</t>
  </si>
  <si>
    <t>一定程度鎖國疫苗</t>
  </si>
  <si>
    <t>新冠肺炎本土確診疫情升溫兼任民眾黨主席的臺北市長柯文哲昨出席民眾黨國家治理學院國政班結業式前受訪表示解決疫情擴散終究還是要靠施打疫苗在疫苗施打前的半年空檔他主張台灣應要有「一定程度鎖國」不</t>
  </si>
  <si>
    <t>疫情民眾黨確診臺灣疫苗升溫兼任終究擴散臺北市主席出席班結業表示解決國家受訪一定治理學院國政本土主張施打前</t>
  </si>
  <si>
    <t>新冠肺炎本土確診疫情升溫兼任民眾黨主席的臺北市長柯文哲昨出席民眾黨國家治理學院國政班結業式前受訪表示解決疫情擴散終究還是要靠施打疫苗在疫苗施打前的半年空檔他主張台灣應要有「一定程度鎖國」不然每天境外進到台灣的人這麼多時間久了醫療體系會被穿透。
新冠肺炎疫情升溫柯文哲日前談及疫情恐等8月才會停歇面對各國都要力爭的疫苗他表示疫苗掌握在先進國家手中等到3月其他國家開始施打「我們這邊就有壓力了」。他更預言說預料大陸將出招讓政壇掀疫苗大戰如果台灣買不到疫苗大陸卻說要免費送疫苗給台灣屆時台灣將會陷入焦慮。
柯文哲說對於是否接受大陸疫苗台灣內部勢必再掀一波論戰甚至演變成政治攻防焦點、意識形態之爭。
隨著部立桃園醫院疫情感染潮未歇昨天再度出現本土確診案例柯文哲昨進一步表示變種病毒活性強傳染速度快而且已經社區感染呼籲指揮中心修正SOP同時擴大居家檢疫避免疫情擴散。
柯文哲強調要解決疫情擴散終究還是要靠施打疫苗。問題是在疫苗施打前還有半年的空檔他建議某種程度鎖國不然不斷有境外確診案例移入久了醫療體系會被穿透。
昨應民眾黨邀約演講的前副總統呂秀蓮則稱讚柯文哲說柯文哲是學醫出生如果疫情在柯領導下應該很輕鬆。</t>
  </si>
  <si>
    <t>疫情柯文哲疫苗臺灣表示大陸確診民眾黨國家感染施打案例本土境外擴散升溫鎖國施打前</t>
  </si>
  <si>
    <t>民眾黨疫苗肺炎鎖國柯文哲</t>
  </si>
  <si>
    <t>肺炎柯文哲民眾党鎖國疫苗</t>
  </si>
  <si>
    <t>保證安全疫苗</t>
  </si>
  <si>
    <t>衛福部長陳時中31日表示國產疫苗第二期收案人數有將近有4000人屬於擴大型第二期以此規模若可通過安全性不會有問題。陳時中表示綜觀各國由於疫苗三期實驗會拉很長若要等三期結束才下決定會緩不濟急</t>
  </si>
  <si>
    <t>衛福 部長 陳時中 31 日 表示 國產 疫苗 第二 期收 案 人數 有 將近 有 4000 人 屬於 擴大 型 第 二期 以此 規模 若 可 通過 安全性 不 會 有 問題 陳時中 表示 綜觀 各國 由於 疫苗 三期 實驗 會 拉 很 長 若要 等 三期 結束 才下 決定 會 緩不濟急</t>
  </si>
  <si>
    <t>疫苗表示陳時中以此擴大規模實驗期收安全性綜觀問題結束才下將近屬於人數決定部長緩不濟急</t>
  </si>
  <si>
    <t>衛福部長陳時中31日表示國產疫苗第二期收案人數有將近有4000人屬於擴大型第二期以此規模若可通過安全性不會有問題。
陳時中表示綜觀各國由於疫苗三期實驗會拉很長若要等三期結束才下決定會緩不濟急。各疫苗大廠第三期時要完成的時間都還要一陣子BNT要2023年4月才能通過莫德納要2022年10月完成嬌生是2023年5月AZ疫苗在英國、巴西、美國等地預計完成的時間點不一最快今年9月最慢要到2023年2月。陳時中說也因此各國EUA（緊急授權使用）均已提早核准避免緩不濟急。</t>
  </si>
  <si>
    <t>疫苗完成表示陳時中時間緩不濟急使用授權緊急eua要到以此擴大規模安全性期收提早才下</t>
  </si>
  <si>
    <t>國產疫苗陳時中新冠肺炎台灣緩不濟急</t>
  </si>
  <si>
    <t>肺炎陳時中臺灣緩不濟急疫苗</t>
  </si>
  <si>
    <t>友善社區揭牌健康相約活到田寮</t>
  </si>
  <si>
    <t>為照顧更多老人與民眾岡山秀傳醫院與高雄市衛生局協力到田寮區成立健康友善社區。衛生局長照中心說希望未來高雄市每裡都能有一處健康友善社區服務各地區的老人。秀傳醫院院長趙昭欽與長輩們相約活到120歲。</t>
  </si>
  <si>
    <t>高雄市健康友善社區老人趙昭欽醫院院長岡山醫院長輩協力衛生局未來希望地區田寮中心成立衛生局長服務</t>
  </si>
  <si>
    <t>為照顧更多老人與民眾岡山秀傳醫院與高雄市衛生局協力到田寮區成立健康友善社區。衛生局長照中心說希望未來高雄市每裡都能有一處健康友善社區服務各地區的老人。秀傳醫院院長趙昭欽與長輩們相約活到120歲。
岡山秀傳醫院院長趙昭欽、高雄市衛生局長照中心主任李素華等人出席揭牌儀式。活動開始前長輩表演舞蹈「弄獅」、「草螟弄雞公」展現活力。趙昭欽等人也跟著跳舞大家打成一片。
趙昭欽說該社區老年人口比例為285％請大家照顧好健康這對子女來說是最大財富；他並與大家相約一起到健康友善社區運動共同活到120歲。
李素華表示岡山秀傳醫院於2012年就到西德社區服務照顧長輩將醫療資訊導入社區辦理血壓量測、心房顫動檢測等活動。根據內政部統計處資料田寮區的老年人口占該區總人口比例居全國第二（285％）該區有超過兩千名老人。
她說希望未來高雄市每一裡都能設置健康友善社區服務各地區的老人。今年市府預計設立的目標是261個健康友善社區已經達到8成；全高雄市有981裡已經設立260餘個健康友善社區還需努力。
此外目前是後防疫時期主辦單位也教導長輩製作防蚊抗菌液長輩們學習的興趣很高努力吸收新知。</t>
  </si>
  <si>
    <t>社區長輩健康友善高雄市趙昭欽老人照顧岡山活動努力老年活到相約田寮設立</t>
  </si>
  <si>
    <t>岡山秀傳醫院田寮區後防疫時期新冠肺炎高雄市衛生局</t>
  </si>
  <si>
    <t>田寮時期防疫醫院肺炎高雄市岡山衛生局</t>
  </si>
  <si>
    <t>完成市府一早西屯確診泰安廚工國小消毒幼稚園</t>
  </si>
  <si>
    <t>中央流行疫情指揮中心24日公佈台中新增8例本土確診個案其中案4735西屯區泰安國小附設幼兒園廚工及案4736廚工的先生、案4737廚工的女兒確診環保局從昨晚即展開校園消毒清潔25日上午7時20分在前進指揮所開始作</t>
  </si>
  <si>
    <t>確診廚工中心上午公佈清潔消毒台中校園新增展開昨晚西屯區泰安本土分在個案環保局指揮幼稚園國小女兒前進指揮所疫情附設</t>
  </si>
  <si>
    <t>中央流行疫情指揮中心24日公佈台中新增8例本土確診個案其中案4735西屯區泰安國小附設幼兒園廚工及案4736廚工的先生、案4737廚工的女兒確診環保局從昨晚即展開校園消毒清潔25日上午7時20分在前進指揮所開始作業前再度進行泰安國小消毒作業消毒抗疫保護民眾安全。
市長盧秀燕強調市府第一時間掌握個案相關足跡及接觸史加強清消西屯區泰安國小附設幼兒園一名女性廚工24日公佈確診新冠肺炎由於已掌握她的先生、女兒及幼兒園一名老師相繼確診為免疫情擴大立即下令成立泰安國小附設幼兒園前進指揮所。
環保局也於24日晚上8時30分由副局長商文麟代隊出動噴霧車及清潔隊員、志工消毒泰安安國小圍牆內外環境消毒。
25日上午前進指揮所開始作業前環保局與志工再度在泰安國小舉行消毒作業上午7時20分完成消毒中市防疫部隊晝夜消毒保護民眾安全。</t>
  </si>
  <si>
    <t>消毒泰安確診國小環保局幼稚園作業掌握個案公佈前進指揮所上午清潔附設廚工女兒保護西屯區開始民眾再度安全先生中心</t>
  </si>
  <si>
    <t>廚工消毒泰安確診新冠肺炎</t>
  </si>
  <si>
    <t>確診泰安消毒廚工肺炎</t>
  </si>
  <si>
    <t>嘉義插管拒絕治療親情喚醒求生確診意念新北</t>
  </si>
  <si>
    <t>新冠肺炎本土疫情嚴峻住新北的60歲婦女染疫被南送到嘉義縣集中檢疫所後病情轉為重症拒絕插管治療嘉義基督教醫院醫護人員及家人透過視訊用親情喚醒她的求生意念她接受插管治療20天後拔管出院為感謝嘉基</t>
  </si>
  <si>
    <t>嘉義治療插管疫情嚴峻新北婦女本土南送親情透過喚醒家人集中求生醫護人員接受檢疫所意念醫院病情</t>
  </si>
  <si>
    <t>新冠肺炎本土疫情嚴峻住新北的60歲婦女染疫被南送到嘉義縣集中檢疫所後病情轉為重症拒絕插管治療嘉義基督教醫院醫護人員及家人透過視訊用親情喚醒她的求生意念她接受插管治療20天後拔管出院為感謝嘉基團隊捐款6萬元讓醫院添購防疫設備。
這位曾姓婦人因感染新冠肺炎被送到嘉義縣集中檢疫所內發燒不舒服透過檢疫所醫師視訊問診血氧機驗出血氧濃度下降至80％5月28日轉送嘉義基督教醫院治療到院時高燒不退全身寒顫意識模糊拒絕插管照X光檢查發現雙側肺葉嚴重浸潤。
嘉基內科部醫師陳柏君診斷曾婦無慢性病及癌症病史鼓勵她積極治療但家屬不能探病醫護人員協助曾婦與丈夫用視訊談話丈夫看到太太虛弱的模樣很不捨不斷呼喚她在親情的鼓舞下她才接受插管治療。
嘉基醫院表示曾婦的丈夫向醫院說出原委曾婦很韌性強很能忍痛不願意麻煩別人這次一定是難以忍受才會打1922求助原本期待會到慈濟醫院治療因而送到嘉基時有所遲疑。
曾婦及丈夫為感謝嘉基醫護人員能以同理心化解她的遲疑讓她安心接受插管治療最後拔管出院決意捐款6萬元給嘉基添購防疫物品分享他們的幸運。
陳柏君醫師表示曾姓患者肺部浸潤情形在出院前已明顯改善血氧也相當穩定目前南部醫療量能尚足以因應重症患者希望患者要對醫療有信心治療過程中好好配合就能期待治癒出院與家人團聚重溫親情。</t>
  </si>
  <si>
    <t>治療醫院插管曾婦嘉義醫師丈夫醫護人員出院親情患者接受浸潤檢疫所曾姓醫療遲疑期待拒絕</t>
  </si>
  <si>
    <t>嘉基新北親情插管治療確診</t>
  </si>
  <si>
    <t>新北治療親情插管嘉基確診</t>
  </si>
  <si>
    <t>等級風險區境內防控疫情降低隔離北京</t>
  </si>
  <si>
    <t>在大陸公佈兩會舉行時間的同一天北京市政府宣佈從4月30日起北京的防控疫情等級從一級降為二級大陸境內低風險地區進京出差返京人員不再要求居家隔離14天正在隔離觀察的可以解除觀察。北京市29日的新</t>
  </si>
  <si>
    <t>北京市大陸觀察隔離不再人員同一天返京時間出差進京地區政府風險宣佈境內北京降為等級防控疫情解除居家要求舉行可以</t>
  </si>
  <si>
    <t>在大陸公佈兩會舉行時間的同一天北京市政府宣佈從4月30日起北京的防控疫情等級從一級降為二級大陸境內低風險地區進京出差返京人員不再要求居家隔離14天正在隔離觀察的可以解除觀察。
北京市29日的新冠疫情新聞發布會上北京市政府副秘書長陳蓓介紹4月30日零時起將一級響應機制調至二級。不過她也表示應急響應機制的調整並不意味著防控措施的減弱。
他還指出入境人員依然執行14＋7的集中隔離和居家觀察隔離的要求。對大陸國內低風險地區進京出差、返京人員不再要求居家隔離觀察14天正在居家集中觀察的可以解除觀察不包括境外和湖北、武漢進京人員。
他表示要嚴格社區管控持續封閉管理出入證實名制管理。嚴格進京檢查站管理持續保持最高等級查控。學校要封閉管理入校測溫。要持續常態化防控經北京口岸入境人員、高中風險返京人員、武漢即將返京人員等重點人員全部進行核算監測。嚴格就醫管理實名制預約加強對出院不陽者的篩查嚴格阻斷院內疫情傳播。北京市民原則上不出外旅遊嚴格管控標準從境外到國門再到家門閉環管理。</t>
  </si>
  <si>
    <t>嚴格人員管理防控疫情觀察大陸風險封閉進京境外持續入境北京北京市表示返京隔離武漢回應機制居家解除要求</t>
  </si>
  <si>
    <t>人員觀察隔離新冠肺炎武漢肺炎</t>
  </si>
  <si>
    <t>隔離觀察肺炎武漢人員</t>
  </si>
  <si>
    <t>死亡市府旅館防疫大安區</t>
  </si>
  <si>
    <t>臺北市大安區某防疫旅館24日上午傳出一名年約80歲居家檢疫男性倒臥旅館內身亡警消獲報到場初步判斷男子身上無明顯外傷北市府也證實有接獲訊息臺北市長柯文哲表示新冠肺炎死亡率是2％但會讓原本健康危</t>
  </si>
  <si>
    <t>旅館臺北市死亡率肺炎表示上午柯文哲傳出居家外傷明顯市府身上檢疫男性男子證實</t>
  </si>
  <si>
    <t>臺北市大安區某防疫旅館24日上午傳出一名年約80歲居家檢疫男性倒臥旅館內身亡警消獲報到場初步判斷男子身上無明顯外傷北市府也證實有接獲訊息臺北市長柯文哲表示新冠肺炎死亡率是2％但會讓原本健康危險因素放大好幾倍會再請醫療部門去研究有哪些危險因數。
柯文哲說全世界1億6千多人感染過可以更精確的分類防疫旅館也有近的、遠的有症狀的可以放醫院健康的放較遠的可以把病人快篩後做更精確的分配而新冠肺炎會讓健康危險因數放大好幾倍這是很明確的現象。</t>
  </si>
  <si>
    <t>旅館可以危險健康柯文哲因數精確放大防疫肺炎臺北市身上居家男子初步判斷到場明顯檢疫</t>
  </si>
  <si>
    <t>大安區防疫旅館居家檢疫新冠肺炎台灣</t>
  </si>
  <si>
    <t>檢疫居家旅館肺炎防疫臺灣大安區</t>
  </si>
  <si>
    <t>冠一號蔡英文熱銷全球世界中醫臺灣</t>
  </si>
  <si>
    <t>新冠肺炎蔓延全球但台灣的中醫中藥複方的「清冠一號」在藥廠授權製造後已經熱銷全世界14個國家在使用總統蔡英文今出席第91屆國醫節大會時大讚自去年疫情爆發以來台灣發展中西醫合作的模式受到世界矚目顯</t>
  </si>
  <si>
    <t>臺灣模式全球合作中西醫發展中醫中藥以來冠一號授權爆發藥廠製造疫情已經大贊熱銷全世界去年國家大會使用國醫總統蔡英文出席</t>
  </si>
  <si>
    <t>新冠肺炎蔓延全球但台灣的中醫中藥複方的「清冠一號」在藥廠授權製造後已經熱銷全世界14個國家在使用總統蔡英文今出席第91屆國醫節大會時大讚自去年疫情爆發以來台灣發展中西醫合作的模式受到世界矚目顯示台灣的中、西醫雙軌運行逐漸成熟中醫師則藉機陳情希望政府協助中醫核發更多專業人士證照。
中醫師公會全聯會今舉行「第91屆國醫節」總統蔡英文及立法院長遊錫堃均出席蔡英文大讚台灣的中、西醫雙軌運行逐漸成熟在新冠疫情延燒至今中醫更因為過去累積的研發能量衛福部國家中醫藥研究所帶領研發、可用於治療新冠肺炎的中藥複方「清冠一號」台灣藥廠獲得授權製造後行銷歐、美、日等14國在世界熱銷讓世界看到台灣。
中華民國中醫師公會全國聯合會理事長柯富揚也藉機表達中醫藥發展法雖然已經通過但是到現在為止西醫團隊共有12張醫師人員證照中醫師卻只有一位就是中醫沒有專屬的護理師等。
柯富揚強調合法、合理的專業調劑人員、傷科輔助人員、中醫護理師等都應該也要核發合格證照好的團隊才能全面照顧人民「西醫是巨人跑一步我們中醫還追不到」陳情希望總統蔡英文可以協助。
柯富揚表示去年中醫發明清冠一號行銷歐美日目前已有14個國家使用且不少居家隔離患者透過視訊也可以得到的中醫照顧目前正常執行中醫居家照護和居家醫療需要政府更多的關懷與幫忙。
蔡英文致詞時表示台灣中醫藥在「中醫藥發展法」制定後中醫藥發展走向新里程碑中醫特定疾病輔助醫療計畫的治療反為除原本的癌症、孕產照護也新增呼吸困難的病人。
蔡英文也表示仍要持續發展中醫學的訓練和中醫照護佈建的工作並讓法規越來越完善；在中藥品質方面不論查驗制度、檢驗標準、製造品質和中醫藥典的編修也都要積極接軌國際標準並在中醫藥研發製造爭取新南向市場的機會。</t>
  </si>
  <si>
    <t>中醫臺灣蔡英文製造中醫藥中醫師發展西醫柯富揚國家證照研發總統冠一號表示人員居家世界中藥治療行銷</t>
  </si>
  <si>
    <t>中醫新冠解藥清冠一號蔡英文台灣</t>
  </si>
  <si>
    <t>清冠蔡英文中醫臺灣</t>
  </si>
  <si>
    <t>發聲薪水全捐抗韋藍德疫情mlb</t>
  </si>
  <si>
    <t>太空人王牌投手韋藍德(Justin Verlander)偕同辣妻阿普頓（Kate Upton）一起做公益他們要捐出在賽季暫停時大聯盟所預支的薪資並拍影片透露將把每週獲得的薪水捐贈給正為新冠肺炎努力的非營利組織來回饋社會也支</t>
  </si>
  <si>
    <t>justin組織營利verlander偕同努力肺炎阿普頓kateupton一起捐贈薪水韋藍德來回獲得公益透露影片</t>
  </si>
  <si>
    <t>Recently the @mlb announced they will be continuing to send paychecks to players while the season is suspended @kateupton and I have decided to donate those funds to a different organization each week so that we can support their efforts and highlight the great work they’re doing during the COVID-19 crisis Everyone around the world is affected by this virus and we hope to contribute to the families and jobs affected the healthcare workers and first responders on the front lines and the many others in need of basic necessities medical supplies and support at home As soon as the first paycheck is received we will be highlighting the first organization We know everyone is impacted by this crisis but for those who are able we encourage you to stay home to help flatten the curve and look to those around you who need a helping hand #covid19 #flattenthecurve
 Justin Verlander（@justinverlander）分享的貼文 於 PDT 2020 年 4月 月 4 日 上午 8:38 張貼
太空人王牌投手韋藍德(Justin Verlander)偕同辣妻阿普頓（Kate Upton）一起做公益他們要捐出在賽季暫停時大聯盟所預支的薪資並拍影片透露將把每週獲得的薪水捐贈給正為新冠肺炎努力的非營利組織來回饋社會也支持這些辛苦人們的付出。
大聯盟與球員工會達成協議就算賽季暫停球員仍能獲得補助款直到5月底每人所拿到的薪資按不同層級、不同年資領到金額也有差異根據《今日美國》報導韋藍德每週能領到3萬3411美元(約101萬台幣)2個月共可得到28萬6980美元(約869萬台幣)。順帶一提韋藍德今年的薪資是3300萬美元(近10億台幣)。
韋藍德在影片中和名模辣妻阿普頓一起發聲他表示這社會還有太多在前線的醫護人員及工作人員需要幫助也有很多人因這次疫情而丟了工作「阿普頓和我決定將我每週獲得的薪資捐給為疫情努力的組織希望能支持他們的工作也給予他們出色的表現一點鼓勵。」
韋藍德與阿普頓將在領到薪水後決定要捐贈給哪個單位同時向大家介紹這組織所做的貢獻「每個人都在這場危機中受到影響但是有能力的人我鼓勵你們留在家中並為控制疫情盡一份心力也請試圖幫助身邊需要協助的人。」</t>
  </si>
  <si>
    <t>theandtowe韋藍德薪資阿普頓is組織獲得領到疫情thosefirstneed台幣聯盟justinverlander社會organizationsupport鼓勵</t>
  </si>
  <si>
    <t>韋藍德阿普頓薪資辣妻捐錢</t>
  </si>
  <si>
    <t>薪資阿普頓韋藍德</t>
  </si>
  <si>
    <t>簽訂捷利康肺炎疫苗阿斯特協議澳洲</t>
  </si>
  <si>
    <t>澳洲總理莫里森（Scott Morrison）18日稍晚表示澳洲已與英國製藥廠阿斯特捷利康（AstraZeneca）簽訂新冠肺炎疫苗生產和配送協議將為澳洲2500萬人口提供足夠的疫苗。所有民眾皆能獲得疫苗但優先順序將由醫療小</t>
  </si>
  <si>
    <t>澳洲疫苗優先稍晚表示阿斯特英國捷利康製藥astrazeneca簽訂足夠提供肺炎人口生產配送協定順序scottmorrison獲得</t>
  </si>
  <si>
    <t>澳洲總理莫里森（Scott Morrison）18日稍晚表示澳洲已與英國製藥廠阿斯特捷利康（AstraZeneca）簽訂新冠肺炎疫苗生產和配送協議將為澳洲2500萬人口提供足夠的疫苗。所有民眾皆能獲得疫苗但優先順序將由醫療小組決定。</t>
  </si>
  <si>
    <t>澳洲疫苗順序優先稍晚表示阿斯特英國捷利康製藥astrazeneca簽訂足夠肺炎提供人口生產配送協議scottmorrison獲得</t>
  </si>
  <si>
    <t>阿斯特捷利康簽訂新冠肺炎疫苗協議澳洲</t>
  </si>
  <si>
    <t>肺炎簽訂疫苗協議捷利康阿斯特澳洲</t>
  </si>
  <si>
    <t>居民取消措施主城區揚州外出許可嚴格統一足不出戶</t>
  </si>
  <si>
    <t>江蘇揚州採取了疫情以來最嚴格的社區管控措施。澎湃新聞今天（14）日報導8月13日揚州發布公告要求疫情重點管控區域內的封閉小區、封控管理小區均嚴格執行「足不出戶」。此前揚州已對主城區低風險小區實施了</t>
  </si>
  <si>
    <t>揚州管控社區疫情主城區已對此前足不出戶嚴格執行以來澎湃措施嚴格社區區域重點要求管理封控報導新聞封閉今天發佈公告風險</t>
  </si>
  <si>
    <t>江蘇揚州採取了疫情以來最嚴格的社區管控措施。澎湃新聞今天（14）日報導8月13日揚州發布公告要求疫情重點管控區域內的封閉小區、封控管理小區均嚴格執行「足不出戶」。
此前揚州已對主城區低風險小區實施了封控管理規定：在疫情重點管控區域內每戶每3—5天可限一人「憑證」外出採購。
如今隨著疫情形勢不斷變化當地進一步升級管控措施取消了原來的規定實施統一的「足不出戶」政策。
7月31日揚州緊急發布《關於進一步加強新冠肺炎疫情防控工作的通告（第5號）》。其中提到對主城區有確診病例或無症狀感染者的小區實施封閉管理所在單元的居民實施集中隔離；並要求居民「足不出戶」。
而對主城低風險小區實施封控管理每個小區原則上保留1個出入口小區居民「非必要不外出」對進出人員嚴格執行查蘇康碼、行程碼、測體溫、戴口罩等防控措施。
進入到8月份揚州新增本土確診病例呈直線上升之勢不斷有小區被劃為中高風險地區從而被納入封閉管理的「硬隔離」之列。
8月7日江蘇省省長吳政隆在揚州檢查指導疫情防控工作時作出了「揚州疫情正處於爆發期」的判斷。
第二天（8月8日）揚州再次發布通告除了強調封閉小區要實行「足不出戶」之外還提及原則上封控管理小區每戶每3—5天限一人憑出入證和蘇康碼、核酸檢測陰性證明經測溫後進出小區（自然村）採購生活必需品。
8月10日下午吳政隆在大陸國家、省、揚州市疫情防控三級對接會上指出還有部分感染者是通過社會篩查發現的這表明：在社區和城中村管控、應隔盡隔應隔快隔等方面還存在薄弱環節和漏洞。
次日8月11日揚州在新冠肺炎患者相對集中區域設置六個疫情重點管控區域。要求相關區域內的封控管理小區的居民不得離開所在小區嚴禁聚集性活動非必要不出戶。而區域外人員則一律不得進入。
8月13日管控措施再度升級。官方要求疫情重點管控區域內的封閉、封控管理小區均嚴格執行「足不出戶」。
揚州官方稱對於居民生活所需的物資倡導採用線上線下相結合的方式採購由供貨方配送到小區門口。最後由當地統籌社區工作者、中共黨員幹部、志願者等力量做好「即到即送」服務。</t>
  </si>
  <si>
    <t>社區揚州疫情管控居民足不出戶防控管理封閉措施實施區域社區採購要求嚴格執行封控感染者生活人員當地非必要不斷外出重點</t>
  </si>
  <si>
    <t>新冠肺炎大陸揚州主城區足不出戶</t>
  </si>
  <si>
    <t>揚州大陸肺炎主城區足不出戶</t>
  </si>
  <si>
    <t>兄弟取消員警公祭都松黑幫華西街一口氣</t>
  </si>
  <si>
    <t>萬華華西街幫某大哥父親日前病逝原定預定22日本週六下午將在第一殯儀館舉辦告別式並廣發訃聞給全國各幫派分子及殯葬業者預計將有1200人到場參加。消息上周傳出後令負責對幫派活動進行蒐證的第一線員警憂心不</t>
  </si>
  <si>
    <t>蒐證父親進行日前活動病逝幫派負責原定預定傳出日本第一線上周大哥消息週六下午參加到場殯儀館訃聞全國舉辦各幫派</t>
  </si>
  <si>
    <t>萬華華西街幫某大哥父親日前病逝原定預定22日本週六下午將在第一殯儀館舉辦告別式並廣發訃聞給全國各幫派分子及殯葬業者預計將有1200人到場參加。消息上周傳出後令負責對幫派活動進行蒐證的第一線員警憂心不已擔心萬華是疫情重災區那麼多人群聚在一殯恐有被傳染的危機形成疫情破口；部分道上兄弟也陷入兩難不去似乎不給華西街幫面子；去又擔心在殯儀館根本無法維持社交距離下自己的健康將遭到波及。所幸上週六北市將防疫提升到三級警戒宣佈即日起北市不開放公祭才讓警方、兄弟們都鬆了一口氣。
不過警方仍擔心到時還是會有人到場「致意」也有禮儀公司人員透露現在還是有些人會到告別式場合因喪家及工作人員都不好意思拒絕所以有時會安排眾人一起鞠躬致意盡量縮短流程及聚集時間。
臺北市殯葬管理處處長洪進達表示昨日全國已公佈公祭活動全部停止北市殯儀館的禮廳管理員都會在現場巡視並加強宣導此外殯葬從業人員對疫情也十分緊張所以都願意配合公家作法勸離到場的民眾以防止疫情擴散。
北市殯葬處表示目前禮廳在週末等加價日打8折若使用網路公祭打5折對於先前已預約禮廳的家屬暫無補償若有人違反規定舉辦公祭衛生局已授權殯葬處可對現場違反規定的群聚民眾進行開罰。</t>
  </si>
  <si>
    <t>殯葬疫情北市公祭擔心殯儀館到場致意活動告別式表示全國週六兄弟違反規定民眾舉辦</t>
  </si>
  <si>
    <t>新冠肺炎台灣萬華華西街黑幫</t>
  </si>
  <si>
    <t>臺灣萬華肺炎華西街黑幫</t>
  </si>
  <si>
    <t>變樣世界天內對照取暖風潮</t>
  </si>
  <si>
    <t>3月過了但短短31天內全世界變了樣都成了新冠病毒肆虐的舞臺。在3月結束迎接4月之際許多推特推友發起「3月1日vs 3月31日」的無奈對照讓其他人看看在這一個月內自己的天地和心境起了多大變化；希望</t>
  </si>
  <si>
    <t>心境天地病毒肆虐看看舞臺結束對照都成迎接之際無奈變了樣發起全世界變化天內希望</t>
  </si>
  <si>
    <t>march 1 / april 1 pictwittercom/glCSpwu5Uy
https://tco/hBBfnuBlga pictwittercom/vym9SbBlqh
3月過了但短短31天內全世界變了樣都成了新冠病毒肆虐的舞臺。在3月結束迎接4月之際許多推特推友發起「3月1日vs 3月31日」的無奈對照讓其他人看看在這一個月內自己的天地和心境起了多大變化；希望在疫情嚴峻世人苦悶慌亂的黑暗時刻發揮創意撫慰人心搏君一笑。
start of march vs end of march pictwittercom/yX5AnxUQzR
March 1 vs March 31 pictwittercom/vH7Hsg3Nry
pictwittercom/ZZUnK1kYf2
包括《紐約時報》記者伊茲科夫（Dave Itzkoff）等人在內的推友們紛紛貼上3月初與3月底對照當然這些都不是推友們自己的影像而是電影或電視作品的截圖但看得出原本輕鬆的神情歡快的人生亮麗的外表愉快的心境在短短1個月內變成了萎靡、衰敗、傷心、苦惱有的甚至大崩壞。雖然是與推友分享讓大家莞爾一笑但也反映出這場世紀瘟疫對世人的重大影響。</t>
  </si>
  <si>
    <t>comtwitterpic對照世人心境marchofvs世紀發揮時刻創意病毒肆虐黑暗撫慰原本輕鬆慌亂神情</t>
  </si>
  <si>
    <t>推特新冠肺炎疫情</t>
  </si>
  <si>
    <t>肺炎疫情</t>
  </si>
  <si>
    <t>網點類型一定到底禁內餐飲業</t>
  </si>
  <si>
    <t>新冠肺炎肆虐全球台灣本土疫情延燒三級防疫警戒延長至28日對此就有網友不禁好奇「餐飲業到底有多慘？」貼文一出隨即掀起熱議更有內行人點名一類型的餐廳受到的衝擊最大。原PO在PTT「八卦板」以「餐飲業現</t>
  </si>
  <si>
    <t>餐飲業全球臺灣本土疫情po防疫肆虐警戒衝擊受到延長餐廳對此點名網友內行人隨即到底</t>
  </si>
  <si>
    <t>新冠肺炎肆虐全球台灣本土疫情延燒三級防疫警戒延長至28日對此就有網友不禁好奇「餐飲業到底有多慘？」貼文一出隨即掀起熱議更有內行人點名一類型的餐廳受到的衝擊最大。
原PO在PTT「八卦板」以「餐飲業現在到底有多慘」為題PO文透露自家巷口的小吃店自發布三級警戒後就一直關門直到近日才開張火鍋店更慘雖然每天營業卻幾乎沒人想外帶回家讓他不禁好奇「有人也是做餐飲的嗎？這波疫情下到底有多慘？」
貼文一出隨即掀起網友熱議紛紛留言回應「還好吧？還是賣很貴」、「鹹酥雞生意好到爆炸」、「我離職同事賣飲料比上班好賺特例嗎」、「剛好過濾爛店好的店家外帶外送根本接不完」；也有人感嘆「年輕人為主力的幾乎都倒了老店都沒事」、「小吃還好餐廳本來就是做內用的外帶不到兩個月賠了差不多300萬」。
另外有不少網友一面倒點名吃氣氛、裝潢漂亮的「網美餐廳」即便能外帶恐怕依舊難以生存「吃裝潢的網美店應該最慘」、「網美店一定先倒」、「吃氣氛的也全死」、「小確幸、放假吃、聚餐類這類客層都GG了」、「吃到飽、吃氣氛的店都很慘啦」。</t>
  </si>
  <si>
    <t>外帶餐廳網友氣氛疫情到底po警戒還好幾乎點名不禁好奇</t>
  </si>
  <si>
    <t>新冠肺炎台灣餐飲內用網美店</t>
  </si>
  <si>
    <t>餐飲臺灣肺炎</t>
  </si>
  <si>
    <t>有關確診羅東遊藝場台中進香團宜蘭</t>
  </si>
  <si>
    <t>中央流行疫情指揮中心今天（17日）公佈新增333名本土病例宜蘭縣有2例累積有18人確診雖然宜蘭縣未比照雙北宣佈高中職以下停課但縣長林姿妙呼籲中央統一停課標準避免教學現場及家長困擾。宜蘭縣衛生局公佈</t>
  </si>
  <si>
    <t>宜蘭停課中央公佈今天中心林姿縣長統一新增以下標準高中職避免本土確診家長病例困擾教學宣佈比照現場指揮</t>
  </si>
  <si>
    <t>中央流行疫情指揮中心今天（17日）公佈新增333名本土病例宜蘭縣有2例累積有18人確診雖然宜蘭縣未比照雙北宣佈高中職以下停課但縣長林姿妙呼籲中央統一停課標準避免教學現場及家長困擾。
宜蘭縣衛生局公佈宜蘭縣新增2案例的足跡案1763曾在5月12日晚間6時至7時前往羅東鎮掌櫃食譜案1943在5月10日下午4時至5時前往礁溪鄉襄聚牛排館累積宜蘭縣有18人確診。
2新增本土中案1763與羅東鎮銀河遊藝場有關案1943是在台中參加進香團9日晚間回宜蘭10日又到台中11日發病今日確診在台中隔離治療中詳細疫調由台中衛生局瞭解中。
昨天傳出有一位確診者進出羅東某醫療機構衛生局長徐迺維表示院方啟動相關管制機制有匡列醫護人員、社工、清潔人員等37人目前35人檢驗陰性並沒有群聚的問題。
林姿妙除呼籲中央統一停課標準外也表示宜蘭弱勢學生若選擇在家自主學習仍會提供午餐補助不到校上課的學生務必在家自主學習、自我健康監控不要在外遊蕩以保障大家的健康。
相較於雙北宜蘭縣新增的確診數維持個位數徐迺維強調真的要戒慎恐懼還要繼續努力才能維持這樣的局面；雙北往返宜蘭方便請求縣民務必提高警覺有任何不舒服或與確診者曾同時間去過相關足跡地點可前往醫院篩檢但建議鄉親可至陽明交通大學醫院網站首頁預約避免醫院湧入太多人也減少群聚。</t>
  </si>
  <si>
    <t>確診宜蘭台中新增前往醫院停課徐迺維相關表示中央避免衛生局維持足跡雙北務必蘭縣學習</t>
  </si>
  <si>
    <t>新冠肺炎台灣   宜蘭縣宜蘭18人</t>
  </si>
  <si>
    <t>臺灣肺炎蘭縣宜蘭</t>
  </si>
  <si>
    <t>人壽三大臺灣升溫關懷服務措施疫情</t>
  </si>
  <si>
    <t>台灣人壽關懷保戶並共體時艱即日起宣佈新增保戶三大服務關懷措施：一、取消新冠肺炎30日疾病等待期之限制凡生效日期在4月30日（含）之前的保戶於投保後確診新冠肺炎者皆適用。二、個人險保戶若為醫院或診所之</t>
  </si>
  <si>
    <t>保戶肺炎關懷個人適用生效日期宣佈時艱等待之前疾病三大確診投保取消措施限制</t>
  </si>
  <si>
    <t>台灣人壽關懷保戶並共體時艱即日起宣佈新增保戶三大服務關懷措施：一、取消新冠肺炎30日疾病等待期之限制凡生效日期在4月30日（含）之前的保戶於投保後確診新冠肺炎者皆適用。二、個人險保戶若為醫院或診所之醫事人員於執行職務時不幸確診感染新冠肺炎額外提供新台幣5萬元一次性慰問金；三、新增新冠肺炎確診保戶之房屋、汽車貸款本金利息亦可緩繳3個月。
本次新增的保戶關懷措施是針對專案期間內新投保或原已是台灣人壽之保戶提供的增值服務為讓保戶安心一旦確診為新冠肺炎即可立即獲得保障特地取消30日疾病等待期限制；同時為讓第一線工作之醫事人員得以安心工作於執行職務時確診感染新冠肺炎將提供額外新台幣5萬元慰問金。本專案先行開放至4月30日屆時將視疫情狀況評估調整。
事實上台灣人壽早已針對新冠肺炎疫情啟動包括提供續期保費及保單借款利息緩繳3個月並設置單一視窗受理辦理解約、保單借款、給付滿期金或還本金等服務並通融得以傳真方式提出申請。同時也針對健康醫療險保戶如感染新冠肺炎申請理賠包含1998年之前保單及其「法定傳染病」雖列為除外責任者基於有利於被保險人考量仍予以給付被保險人；且被要求入住負壓隔離病房也將比照加護病房住院項目賠付。
此外台灣人壽現已提供完善數位金融服務包括網路投保、視訊生調及理賠申請均可透過數位管道一指搞定用視訊進行投保之生存調查對於已符合失能但需檢附生存證明的保戶亦可透過視訊取代往返戶政機關申請戶籍謄本。降低保戶與員工外出與人接觸感染的風險。
若需申請住院醫療理賠疫情期間可透過台灣人壽官網登入「龍e賠專區」依線上導引填寫申請書拍照上傳診斷證明書等應備檔影像迅速完成理賠申請30分鐘理賠金即可入帳。而在高雄榮總就醫之保戶還可透過台灣人壽「eClaim理賠區塊鏈」平臺線上授權醫院以區塊鏈技術傳送就醫資料不用再往返醫院開立診斷證明書。</t>
  </si>
  <si>
    <t>保戶申請肺炎人壽理賠臺灣投保提供保單醫院透過疫情感染確診服務關懷給付往返生存</t>
  </si>
  <si>
    <t>保戶肺炎新冠新冠肺炎人壽</t>
  </si>
  <si>
    <t>肺炎人壽保戶</t>
  </si>
  <si>
    <t>加強兒科建議孩童竹縣</t>
  </si>
  <si>
    <t>9月1日開學縣市政府為開學做防疫準備中醫大新竹附設醫院兒科主任陳思融遇到很多焦慮家長詢問擔心孩子在未打疫苗的情況下是否能上學？陳思融建議5歲以下孩童除了公費13價肺炎鏈球菌疫苗外可在6到12個月自費施</t>
  </si>
  <si>
    <t>疫苗陳思融準備中醫大新竹附設醫院鏈球菌兒科肺炎防疫主任遇到孩童焦慮公費以下家長擔心孩子詢問建議情況上學</t>
  </si>
  <si>
    <t>9月1日開學縣市政府為開學做防疫準備中醫大新竹附設醫院兒科主任陳思融遇到很多焦慮家長詢問擔心孩子在未打疫苗的情況下是否能上學？陳思融建議5歲以下孩童除了公費13價肺炎鏈球菌疫苗外可在6到12個月自費施打1劑讓保護力更完整。
陳思融指出Delta病毒與呼吸道融合病毒或副流感病毒的合併感染確實造成許多肺炎、呼吸窘迫的嬰幼兒入住加護病房開學後只要學生上課落實戴口罩、勤洗手及保持社交距離就可以預防家長不需要焦慮。
陳思融說從兒科的感染控制和疫苗控制有一個概念是包覆性保護策略就是對無法打到某種疫苗的小孩原本就是脆弱族群希望共同生活的親密家人盡量去打疫苗透過大人身上完整的保護力得病機率低就可以好好保護小孩。
陳思融並說家中有5歲以下的孩童父母可檢視寶寶手冊是否已施打13價肺炎鏈球菌公費疫苗公費目前提供2個月、4個月和12個月建議6到12個月可自費施打第4劑根據兒科醫學會聲明施打4劑保護力約86％到96％比施打3劑保護力約672％到86％約高出1成。
感染科主任張凱音則指出許多西方國家冬天常流行的RSV、流感、副流感等病毒在去年冬天新冠肺炎流行期間相當平靜但今年夏季開學後出現許多呼吸道病毒的大流行因新冠肺炎混和流感等呼吸道病毒感染的個案不少提醒今年步入後半段大人應逐步完成新冠疫苗和年度流感疫苗施打家長應注意秋冬季的流感疫苗消息避免誤延疫苗的注射時間。</t>
  </si>
  <si>
    <t>疫苗保護陳思融肺炎施打開學感染病毒家長兒科呼吸道流行主任今年大人指出是否可以小孩完整</t>
  </si>
  <si>
    <t>兒科陳思保護力疫苗病毒</t>
  </si>
  <si>
    <t>保護陳思疫苗兒科病毒</t>
  </si>
  <si>
    <t>全台熄燈號數位imax日新</t>
  </si>
  <si>
    <t>位於西門町電影街的日新威秀影城陪觀眾走過13個年頭因租約到期地主有意改建為商城訂於9月8日吹響熄燈號。日新威秀影城前身為日新旗艦店威秀影城於2007年8月3日接手經營並耗資千萬重新改裝2008年5月引進</t>
  </si>
  <si>
    <t>影城日新經營接手地主到期威秀租約有意改建商城年頭走過觀眾耗資熄燈號電影前身旗艦重新</t>
  </si>
  <si>
    <t>位於西門町電影街的日新威秀影城陪觀眾走過13個年頭因租約到期地主有意改建為商城訂於9月8日吹響熄燈號。日新威秀影城前身為日新旗艦店威秀影城於2007年8月3日接手經營並耗資千萬重新改裝2008年5月引進數位放映系統隔年4月3日砸下6千萬改建第一廳全台第1個數位IMAX影廳應運而生。
日新威秀非商場影城僅有4座影廳共800多個座位卻仍在今年新冠肺炎疫情期間站穩臺北市票房前10名威秀資深公關經理表示選擇停業這件事其實討論已久今確定要退出西門町一線戰場但若未來有機會再與地主合作也想續前緣期待有合作空間至於影城工作人員將會照勞基法走提前告知員工部分人員則平行轉調至其他威秀影城繼續打拼。</t>
  </si>
  <si>
    <t>影城威秀日新地主數位合作西門停業其實討論期間疫情已久肺炎告知提前員工部分選擇表示</t>
  </si>
  <si>
    <t>影城日新</t>
  </si>
  <si>
    <t>確診疫情重點今日</t>
  </si>
  <si>
    <t>新冠肺炎（COVID-19）疫情全球升溫我國全力防堵疫情擴散今（8日）中央流行疫情指揮中心說明最新進度記者會重點如下：◎今日新增0例新冠肺炎確診個案同時國內已連續26天無本土確診病例。截至目前為止國內共</t>
  </si>
  <si>
    <t>疫情確診國內肺炎病例本土擴散流行進度指揮記者會中心重點說明最新如下升溫今日全球個案新增截至連續</t>
  </si>
  <si>
    <t>新冠肺炎（COVID-19）疫情全球升溫我國全力防堵疫情擴散今（8日）中央流行疫情指揮中心說明最新進度記者會重點如下：
◎今日新增0例新冠肺炎確診個案同時國內已連續26天無本土確診病例。截至目前為止國內共累計440例確診分別為349例境外移入55例本土病例及36例敦睦艦隊6例死亡355人解除隔離。
◎酒店舞廳是否可恢復營業？指揮中心宣佈目前仍暫停營業之業者經各縣市政府評估符合４項防疫及安全條件後可開放營業；此外指揮中心也鼓勵民眾力行「防疫新生活運動」除落實個人衛生防護措施外可多前往配合防疫措施之店家消費。
◎中華職棒今(8)日終於開放1000名觀眾入場觀賽將成為全世界第一場開放觀眾進場的職棒比賽。對於會不會有民眾違規在場內進食指揮官陳時中認為開放觀眾是日後逐步開放大型活動的試金石相信不會有人違規。
◎是否放寬非本國籍入境條件？現在台灣人返國必須先居家檢疫非本國籍人士仍不能入境除非有特別商務理由才行。指揮中心目前正在考量透過解除邊境管理強制要求國外回來人士住在防疫旅館方式管理。
◎擴大紓困方案出現許多「男舉牌、女賣玉蘭花」現象有人懷疑有詐騙之嫌但陳時中霸氣回應來申請的都是有需要的人「寧願錯發一些人、也不要漏發一個人」。
◎繼續留任衛福部長？總統蔡英文宣佈行政院長蘇貞昌將繼續留任而大家很關心防疫表現亮眼的衛福部長陳時中去留對於自己未來能否繼續留在疫情直播陳時中表示去留位置是行政院長的職權。
◎據陸專家指出大陸地區確診出院者中有15%復陽再度確診新冠肺炎。張上淳指出各國對於新冠肺炎出院的標準不同是一採陰、二採陰還是三採陰都會影響復陽認定而限制越嚴相對復陽人數就會越少。目前台灣復陽確診者仍維持４人。
◎有公眾場合設置熱像儀恐侵犯個人隱私民眾擔心內衣褲被看光光。中央流行疫情指揮中心指揮官陳時中回應兼顧防疫與維護個人隱私確實有些困難但會盡量避免觸犯隱私。</t>
  </si>
  <si>
    <t>防疫確診陳時中開放疫情中心指揮民眾繼續目前肺炎對於觀眾管理人士解除個人隱私條件</t>
  </si>
  <si>
    <t>復陽防疫新冠肺炎指揮中心開放</t>
  </si>
  <si>
    <t>肺炎指揮防疫中心開放</t>
  </si>
  <si>
    <t>曙光陳時中疫苗最新bnt郭董捐進度</t>
  </si>
  <si>
    <t>鴻海集團創辦人郭台銘日前透過永齡基金會向食藥署遞件盼能引進500萬劑輝瑞／BNT疫苗剛開始指揮官陳時中指申請文件缺原廠授權書且必須由政府簽約前天終於鬆口只要藥廠出具原廠資料民間可自行簽約今天陳時</t>
  </si>
  <si>
    <t>原廠簽約陳時日前透過永齡基金會郭台銘引進輝瑞bnt疫苗開始指揮官民間中指申請出具檔資料前天</t>
  </si>
  <si>
    <t>疫苗原廠郭台銘簽約檔政府bnt方面陳時中鬆口中央願意討論授權輝瑞藥廠資料今天再度申請中心指揮透露進度日前</t>
  </si>
  <si>
    <t>新冠肺炎輝瑞／BNT疫苗郭台銘永齡基金會</t>
  </si>
  <si>
    <t>bnt疫苗輝瑞郭台銘肺炎永齡基金會</t>
  </si>
  <si>
    <t>賴士葆官員高端入境不受影響美國</t>
  </si>
  <si>
    <t>美國政府規定11月以後打完兩劑疫苗的旅客才能入境若是打了沒有得到國際認證的高端疫苗是否能被允許入境美國？這議題引起廣泛的討論。國民黨立委賴士葆表示根據疾管署到8月底前的資料顯示官員打高端的比例只</t>
  </si>
  <si>
    <t>疫苗入境高端美國官員表示管署月底賴士葆顯示國民黨打完討論資料兩劑廣泛引起議題旅客才能允許沒有國際</t>
  </si>
  <si>
    <t>美國政府規定11月以後打完兩劑疫苗的旅客才能入境若是打了沒有得到國際認證的高端疫苗是否能被允許入境美國？這議題引起廣泛的討論。國民黨立委賴士葆表示根據疾管署到8月底前的資料顯示官員打高端的比例只有32％所以美國這個新政策對官員的影響很小。
賴士葆說官員施打兩劑疫苗已經達到65％的高比例官員不斷的宣導催促民眾有疫苗就要去打不要挑選國際疫苗也不要避選高端。
賴士葆又說然而官員精挑細選國際認證的疫苗卻刻意地避開高端更不可思議的是卻在政策上鼓動側翼、網紅在媒體和社群宣導愛國意識說打高端才是愛台灣的表徵官員領的薪水是政府公帑為什麼言行不一致不打高端、不愛台灣、卻不覺得愧疚。
賴士葆指出正副總統強力推銷高端的心志不改預告9月底要打第二劑高端如此賣力地推銷高端民眾就是不買單為何總統不去說服6成5官員施打高端疫苗這樣比什麼都具有說服力不要一昧的誘導民眾打高端疫苗。</t>
  </si>
  <si>
    <t>高端疫苗官員賴士葆美國國際民眾政策月底宣導入境總統兩劑比例施打政府認證推銷臺灣</t>
  </si>
  <si>
    <t>官員賴士葆打高端高端疫苗新冠肺炎</t>
  </si>
  <si>
    <t>高端疫苗賴士葆肺炎官員</t>
  </si>
  <si>
    <t>確診法會完成花蓮雙北</t>
  </si>
  <si>
    <t>雙北地區日前有14人一起到花蓮參加法會卻在昨日傳出有1人確診新北市衛生局長陳潤秋表示其餘13人陸續完成採檢目前沒有新增個案持續掌握中。新北市昨日公佈1名三重男性在8月12日下午3時09分到5時47分從臺北</t>
  </si>
  <si>
    <t>昨日新北男性下午公佈目前沒有新增一起個案完成陸續持續表示法會掌握參加花蓮</t>
  </si>
  <si>
    <t>雙北地區日前有14人一起到花蓮參加法會卻在昨日傳出有1人確診新北市衛生局長陳潤秋表示其餘13人陸續完成採檢目前沒有新增個案持續掌握中。
新北市昨日公佈1名三重男性在8月12日下午3時09分到5時47分從臺北車站搭乘太魯閣號到花蓮鳳林站；8月15日晚上6時49分到10時自花蓮鳳林站搭自強號到臺北車站。
陳潤秋表示目前初步調查雙北地區民眾到花蓮餐與法會總共有14人除了1名確診者其他13人完成採檢目前尚無新增個案會把相關資訊交給花蓮衛生局一起合作。</t>
  </si>
  <si>
    <t>花蓮目前昨日新北臺北車站個案鳳林表示法會確診新增一起分到地區完成雙北交給</t>
  </si>
  <si>
    <t>花蓮新冠肺炎台灣採檢個案</t>
  </si>
  <si>
    <t>臺灣肺炎個案花蓮</t>
  </si>
  <si>
    <t>瘦子習慣管用</t>
  </si>
  <si>
    <t>新冠肺炎直至今日全球確診人數已突破141萬例中央流行疫情指揮中心指出肥胖恐為感染嚴重特殊傳染性肺炎(COVID-19)和導致重症的高風險因素之一而近年來研究亦發現肥胖者免疫功能較差得到流感的機率及重症風</t>
  </si>
  <si>
    <t>肺炎重症今日流感全球得到人數確診功能突破免疫中央肥胖者流行發現疫情指揮中心指出肥胖研究恐為近年來因素感染</t>
  </si>
  <si>
    <t>新冠肺炎直至今日全球確診人數已突破141萬例中央流行疫情指揮中心指出肥胖恐為感染嚴重特殊傳染性肺炎(COVID-19)和導致重症的高風險因素之一而近年來研究亦發現肥胖者免疫功能較差得到流感的機率及重症風險皆較高。
因此防疫期間除了積極配合各項防疫措施外也應留意自己及家人是否有肥胖問題從調整飲食及運動生活開始採取行動一起達到「肥胖走、健康來」。
國民健康署說明身體質量指數（BMI）是一種體重評估的標準如果大於或等於24kg/m2（公斤/公尺2）為體重過重超過27kg/m2即為肥胖。依據台灣國民營養健康狀況變遷調查(2015-2018)結果顯示18歲以上成人過重及肥胖率為471%男性為557%、女性為387%。體重過重及肥胖是因為熱量攝取過多、消耗太少導致熱量累積以脂肪的形式堆積在體內；除遺傳外主要受到環境及生活型態等因素的影響。
國民健康署王英偉署長分享減重必須透過自我管理調整生活型態和行為改變：
1、聰明吃：飲食上遵循三多三少原則
多喝白開水、多吃蔬果、多全穀雜糧、少油、少鹽、少糖。減少熱量攝取或增加體能活動讓每天減少500大卡熱量這樣就可以每週減重約05公斤最重要的是切勿聽信偏方採取極端方法每日攝取熱量若低於1200大卡反而會危害健康。
2、快樂動：
證據顯示減重者應每週須有300分鐘以上中等強度身體活動並加入高強度有氧運動或高低強度間歇運動。防疫期間可利用室內運動器材或國民健康署提供民眾一套循環運動教學影片只需準備兩瓶礦泉水就能在家達到運動效果。
3、天天量體重：
測量體重有警惕的作用有助於節制口腹之慾。體重的控制或維持需要長期抗戰除了學會正確選擇食物的技巧外天天量體重提醒自己別讓體重太失控。
延伸閱讀：</t>
  </si>
  <si>
    <t>體重肥胖運動熱量健康國民減重攝取防疫過重重症肺炎導致因素以上飲食達到調整量體重生活型</t>
  </si>
  <si>
    <t>體重熱量肥胖國民健康署過重</t>
  </si>
  <si>
    <t>國民肥胖健康熱量體重</t>
  </si>
  <si>
    <t>命令陳時中先前拒絕海軍不明高雄電話</t>
  </si>
  <si>
    <t>海軍敦睦艦隊高雄有9人染疫高雄市長韓國瑜今天表示744位官兵中扣掉24位已確診350位戶籍在高雄當中有92人表示因「未接獲上級指示」拒絕配合市府進行疫調高雄衛生局表示若拒絕可依法重罰30萬。對此中</t>
  </si>
  <si>
    <t>高雄表示拒絕確診官兵戶籍配合當中上級指示未接韓國瑜市府進行衛生局今天市長依法艦隊重罰</t>
  </si>
  <si>
    <t>海軍敦睦艦隊高雄有9人染疫高雄市長韓國瑜今天表示744位官兵中扣掉24位已確診350位戶籍在高雄當中有92人表示因「未接獲上級指示」拒絕配合市府進行疫調高雄衛生局表示若拒絕可依法重罰30萬。對此中央流行疫情指揮中心指揮官陳時中表示是因為自己先前下過命令在檢疫所時若在沒有確定對方身份不要回答問題避免隱私洩露目前已經請檢疫所配合希望直接請公務員前往檢疫所作役調。
中央流行疫情指揮中心指揮官陳時中表示高雄遇到軍中弟兄不配合導致將被違反傳染傳染病防治法43條予以處分今天早上他已經去電高雄市政府溝通。
陳時中說用電話做疫情調查恐怕會衍生相關問題例如個資或是隱私洩露等他自己前幾天也下過命令希望檢疫所者在沒有確定身份時不要回答問題避免隱私洩露。
陳時中說疫情調查是執行公務的行為希望由有公權力的公務員執行。因此已經建議高雄市政府由公務員前往且也已經請集中檢疫所的人配合。</t>
  </si>
  <si>
    <t>高雄表示配合檢疫所已經疫情希望問題隱私洩露今天公務員拒絕調查前往下過市政府時中命令中央</t>
  </si>
  <si>
    <t>疫調拒絕疫情調查高雄市配合</t>
  </si>
  <si>
    <t>調查拒絕疫情高雄市配合</t>
  </si>
  <si>
    <t>戴高樂殺手確診航母戰力全</t>
  </si>
  <si>
    <t>日前傳出爆發疫情的法國唯一航空母艦戴高樂號(Charles de Gaulle R91)艦上人員染疫情況超乎想像。法國軍方表示總共有2300名人員的戴高樂號航母已有1081人病毒檢測呈陽性比例將近半數。目前該航空母艦已返回母</t>
  </si>
  <si>
    <t>法國戴高樂人員航空母艦將近比例陽性病毒檢測charlesdegaulle情況超乎想像軍方總共表示疫情目前航母爆發傳出</t>
  </si>
  <si>
    <t>日前傳出爆發疫情的法國唯一航空母艦戴高樂號(Charles de Gaulle R91)艦上人員染疫情況超乎想像。法國軍方表示總共有2300名人員的戴高樂號航母已有1081人病毒檢測呈陽性比例將近半數。目前該航空母艦已返回母港法國土倫港而隨著檢測持續進行染疫確診的人數可能還會增加。
據《路透》報導法國國防部長帕莉(Florence Parly)稱戴高樂號航母上已有1081名人員的新冠病毒檢測呈陽性約佔戴高樂號艦上2300名人員近半數。
報導說確診的戴高樂號人員中有545人出現明顯症狀已有24人入院治療。
戴高樂號航母於1月21日啟航前往地中海東部支援法國在伊拉克和敘利亞對抗極端主義分子的軍事行動隨後前往大西洋和波羅的海參加與北歐國家海軍進行的聯合演習。但上周戴高樂號傳出40名船員感染新冠肺炎疫情航母被迫提前2周返回法國土倫港並空運大量檢測設備到艦上為官兵進行檢測。目前法國軍方正在調查戴高樂號是在何處感染以及如何暴發疫情。</t>
  </si>
  <si>
    <t>法國戴高樂人員航母進行前往檢測疫情目前報導確診航空母艦軍方陽性傳出返回感染病毒檢測土倫</t>
  </si>
  <si>
    <t>新冠肺炎武漢肺炎新型冠狀病毒COVID-19法國</t>
  </si>
  <si>
    <t>肺炎武漢冠狀病毒covid-法國</t>
  </si>
  <si>
    <t>肺炎患者死亡病例印尼</t>
  </si>
  <si>
    <t>據印度尼西亞《雅加達郵報》報導11日印尼報告了該國境內首例新冠肺炎患者死亡病例爲該國發現的第25例病例。據報道印尼衛生部疾病控制和預防總幹事烏裡安托(Achmad Yurianto)說第25例患者在接受了近三天的</t>
  </si>
  <si>
    <t>印尼患者病例報告境內首例yurianto裡安肺炎幹事achmad控制預防疾病衛生部報導死亡報導發現郵報雅加達接受印尼</t>
  </si>
  <si>
    <t>據印度尼西亞《雅加達郵報》報導11日印尼報告了該國境內首例新冠肺炎患者死亡病例爲該國發現的第25例病例。
據報道印尼衛生部疾病控制和預防總幹事烏裡安托(Achmad Yurianto)說第25例患者在接受了近三天的治療後11日淩晨2點左右死亡。印尼目前確診病例累計27例。</t>
  </si>
  <si>
    <t>印尼患者死亡病例幹事裡安報告預防控制疾病境內achmadyurianto衛生部首例肺炎接受淩晨目前治療報導</t>
  </si>
  <si>
    <t>印尼病例患者死亡新冠肺炎</t>
  </si>
  <si>
    <t>死亡患者病例印尼肺炎</t>
  </si>
  <si>
    <t>地圖確診曝光最新南市雙北變色</t>
  </si>
  <si>
    <t>台灣連續4天本土確診數破200例根據疾管署「全國本土病例地理分佈圖」顯示我國從去年1月累計至今共有1329例本土個案重災區雙北破千例而原本維持本土確診數0的台南市也破功出現2人確診西半部近8成縣市皆已</t>
  </si>
  <si>
    <t>本土確診出現成縣我國去年顯示分佈圖地理病例至今共有累計南市全國管署原本維持個案重災區</t>
  </si>
  <si>
    <t>台灣連續4天本土確診數破200例根據疾管署「全國本土病例地理分佈圖」顯示我國從去年1月累計至今共有1329例本土個案重災區雙北破千例而原本維持本土確診數0的台南市也破功出現2人確診西半部近8成縣市皆已淪陷僅剩嘉義縣市和屏東縣維持零本土。
根據疾管署「全國本土病例地理分佈圖」顯示從去年1月至今國內累計1329例本土個案其中以新北市597人最多接著依序是臺北市526人、桃園市82人、彰化縣58人、宜蘭縣21人、基隆市17人以上這6個縣市皆是紅色警戒燈號。
而橙色燈號的縣市有4個分別是高雄市11人、台中市7人以及新竹縣市各3人；黃色燈號的縣市僅台南市2人；淺綠色燈號的是苗栗縣和雲林縣這2縣市目前都只有1例本土個案。
截至目前仍維持0確診的有9個縣市包括嘉義市、嘉義縣、南投縣、屏東縣、台東縣、花蓮縣、金門縣、連江縣、澎湖縣目前燈號仍舊維持深綠色。根據最新的病例分佈圖台灣西半部多數的縣市都已經淪陷只剩下嘉義縣市和屏東縣沒有本土確診案例。
台灣昨新增267例本土個案其中127例為男性、140例為女性年齡介於未滿5歲至80多歲居住縣市分別為新北市129例（中和區26例為多）、臺北市70例（萬華區31例為多）、彰化縣28例桃園市16例、高雄市8例、台中市5例、基隆市4例、宜蘭縣3例、台南市及新竹市各2例；新增縣市為台南市。</t>
  </si>
  <si>
    <t>本土確診維持燈號個案目前南市分佈圖東縣臺灣嘉義病例新北分別臺北市累計新增淪陷去年顯示</t>
  </si>
  <si>
    <t>新冠肺炎台灣本土個案西部確診地圖</t>
  </si>
  <si>
    <t>本土個案臺灣肺炎西部確診地圖</t>
  </si>
  <si>
    <t>產險防疫國泰核准保險商品金管會</t>
  </si>
  <si>
    <t>隨國內疫情越來越穩定及疫苗覆蓋率提升勞動部經指揮中心同意開放辦理移工專案引進為了響應政府政策國泰產險積極參與開發移工防疫保險商品金管會保險局也加速審查作業於今天( 19日)核准國泰產險「移工嚴重</t>
  </si>
  <si>
    <t>國泰產險穩定疫苗覆蓋率提升勞動部指揮越來越中心同意開放加速保險局審查辦理作業金管會今天商品保險防疫專案政策核准引進</t>
  </si>
  <si>
    <t>隨國內疫情越來越穩定及疫苗覆蓋率提升勞動部經指揮中心同意開放辦理移工專案引進為了響應政府政策國泰產險積極參與開發移工防疫保險商品金管會保險局也加速審查作業於今天( 19日)核准國泰產險「移工嚴重特殊傳染性肺炎(COVID-19)住院醫療費用健康保險」及「移工特殊傳染性肺炎(COVID-19)住院醫療費用團體健康保險」預計於12月1日前正式推出相關商品。
過去移工入境後如確診「嚴重特殊傳染性肺炎(COVID-19)」時相關住院醫療費用皆為疾病管制署全數負擔現行移工確診所致的住院醫療費用將改由移工的雇主全數負擔為避免因移工確診造成雇主負擔龐大住院醫療費用的經濟壓力現國泰產險配合金管會及勞動部的政策開發「移工嚴重特殊傳染性肺炎(COVID-19)住院醫療費用健康保險」及「移工特殊傳染性肺炎(COVID-19)住院醫療費用團體健康保險」獲准協助雇主分擔風險。
未來雇主可於移工入境前取得移工的授權同意後雇主可協助為其投保「移工嚴重特殊傳染性肺炎(COVID-19)住院醫療費用健康保險」或「移工特殊傳染性肺炎(COVID-19)住院醫療費用團體健康保險」。
前述商品雇主可依照引進移工的人數作選擇人數未滿5人時僅可投保「移工特殊傳染性肺炎(COVID-19)住院醫療費用健康保險」每人保險費1051元；滿5人可選擇投保「移工嚴重特殊傳染性肺炎(COVID-19)住院醫療費用團體健康保險」每人保險費1036元。
投保後的移工於入境日起30日內經確診「嚴重特殊傳染性肺炎(COVID-19)」且列為境外移入案例者將提供最高保險金額50萬元的實支實付住院醫療費用保障針對實際住院醫療費用經取得移工授權同意後可由國泰產險直接給付給醫療機構減少雇主經濟上及作業上的負擔移工來台工作更安心。</t>
  </si>
  <si>
    <t>費用雇主住院醫療保險國泰產險確診健康負擔商品嚴重特殊勞動部投保同意金管會傳染性相關入境作業covid-經濟</t>
  </si>
  <si>
    <t>移工住院醫療費用COVID19健康保險</t>
  </si>
  <si>
    <t>費用醫療住院covid健康保險</t>
  </si>
  <si>
    <t>肺炎疫情議員發聲極力辯論歐洲議會</t>
  </si>
  <si>
    <t>歐洲議會12日舉行武漢肺炎議題辯論有6位議員呼籲支持台灣參與世界衛生組織（WHO）機制及相關防疫會議再次展現對台灣堅定友誼。《中央社》報導新冠肺炎疫情持續升溫歐洲議會人民黨團上週提出緊急決議草案獲</t>
  </si>
  <si>
    <t>臺灣肺炎歐洲議會提出上周人民黨升溫緊急議題持續疫情辯論報導呼籲相關議員支持中央參與友誼世界衛生組織who堅定展現機制</t>
  </si>
  <si>
    <t>歐洲議會12日舉行武漢肺炎議題辯論有6位議員呼籲支持台灣參與世界衛生組織（WHO）機制及相關防疫會議再次展現對台灣堅定友誼。
《中央社》報導新冠肺炎疫情持續升溫歐洲議會人民黨團上週提出緊急決議草案獲同意納入本週在歐洲議會總部史特拉斯堡（Strasbourg）舉行的全會議程內。但因有黨團強烈反對並提議撤案引發議員激烈辯論最後改採全會辯論但無決議案折衷方案。
6位議員包括徐伊凡（Ivan Stefanec）、索埃德羅娃（Michaela Sojdrova）及歐洲議會對中國關係代表團團長包瑞翰（Reinhard Butikofer）、人民黨團環衛委員會協調人李瑟（Peter Liese）、人民黨團人權小組協調人利馬（Isabel Wiseler-Lima）和內部市場委員會主席沙特（Petra De Sutter）在12日深夜全會辯論時踴躍登記聲援台灣呼籲支持台灣參與世衛機制及相關防疫會議再次展現對台灣堅定友誼。
其中徐伊凡發言完全聚焦在台灣。徐伊凡表示直到今天台灣是唯一被世衛會議排除的確診病例的國家。這不僅在全球健康保障體系中造成嚴重差距而且還破壞台灣人民的基本健康權。台灣是西太平洋最重要的國際樞紐疾病不分國界台灣應被納入世衛的所有活動。
包瑞翰表示國際合作至關重要「我要明確強調台灣必須完全納入世衛組織主導的國際努力中。」
沙特指出沒有哪個國家或組織可以單獨阻止病毒的爆發。歐盟應與會員國及世衛組織、中國政府和包括台灣在內的其他國際夥伴密切合作。
李瑟表示台灣因意識形態原因被排除在外但意識形態不應該淩駕於健康之上中國大陸必須明白這點。
這場辯論會是繼今年一月在布魯塞爾全會首度辯論病毒疫情案後友台議員再度在全會場合公開為台灣參與世衛案強力執言具重要意義。</t>
  </si>
  <si>
    <t>臺灣全會辯論國際歐洲議會議員世衛健康納入黨團人民表示中國伊凡沙特委員會病毒疫情必須包括國家參與肺炎</t>
  </si>
  <si>
    <t>新冠肺炎大陸台灣武漢肺炎新冠狀病毒</t>
  </si>
  <si>
    <t>肺炎武漢大陸臺灣病毒</t>
  </si>
  <si>
    <t>確診夫妻匡列新北居家本土隔離</t>
  </si>
  <si>
    <t>中央流行疫情指揮中心今(5)日公佈國內新增6例COVID-19確定病例分別為2例本土及4例境外移入；另確診個案中無新增死亡。指揮官陳時中表示今天本土案例兩人為同住夫妻這兩例都在新北市衛生單位已經匡列接觸者50</t>
  </si>
  <si>
    <t>本土中心單位衛生公佈國內新增新北指揮已經個案死亡確診夫妻指揮官陳時中表示今天</t>
  </si>
  <si>
    <t>中央流行疫情指揮中心今(5)日公佈國內新增6例COVID-19確定病例分別為2例本土及4例境外移入；另確診個案中無新增死亡。指揮官陳時中表示今天本土案例兩人為同住夫妻這兩例都在新北市衛生單位已經匡列接觸者50人居家隔離。新北市長侯友宜進一步表示該名確診妻子是幼兒園老師幼兒園已立即停課、全數居家隔離。
指揮中心表示今日新增2例本土病例分別為本國籍40多歲男性(案16128)及本國籍30多歲女性(案16129)2人為同住家人。案16128於今(2021)年9月1日出現咳嗽、發燒、頭痛及全身倦怠症狀9月4日就醫採檢於今日確診(Ct值24)。另案16129於8月27日至8月29日期間出現咳嗽及味覺異常症狀9月4日因案16128檢驗陽性由衛生單位安排隔離並採檢於今日確診(Ct值17)。衛生單位已匡列2人接觸者共50人均列居家隔離另有49人尚待風險評估後再行匡列其餘相關接觸者匡列中。
指揮中心指出近期確診個案解隔離情形5月11日至9月3日累計公佈14813位確診個案中已有13751人解除隔離解隔離人數達確診人數928%。
指揮中心表示今日新增4例境外移入個案為3例男性、1例女性年齡介於20多歲至30多歲分別自塞爾維亞(案16124)、美國(案16125)、布吉納法索(案16126)及日本(案16127)入境入境日介於9月2日至9月3日均持有搭機前3日內檢驗陰性報告。
指揮中心統計截至目前國內累計2801846例新型冠狀病毒肺炎相關通報(含2784487例排除)其中16019例確診分別為1433例境外移入14533例本土病例36例敦睦艦隊、2例航空器感染、1例不明及14例調查中；另累計110例移除為空號。2020年起累計837例COVID-19死亡病例其中827例本土個案居住縣市分佈為新北市410例、臺北市317例、基隆市28例、桃園市26例、彰化縣15例、新竹縣13例、臺中市5例、苗栗縣3例、宜蘭縣及花蓮縣各2例臺東縣、雲林縣、臺南市、南投縣、高雄市及屏東縣各1例；另10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確診指揮中心隔離衛生個案本土表示累計措施咳嗽新北今日居家單位分別風險病例匡列感染接觸</t>
  </si>
  <si>
    <t>機師確診長榮染疫進度</t>
  </si>
  <si>
    <t>確診進度機師</t>
  </si>
  <si>
    <t>觀察韓有變數國防部</t>
  </si>
  <si>
    <t>海軍疫情感染擴大這讓網友不非常不能接受灌爆國防部臉書痛批國防部怎能在這時後出這大包若防疫視同作戰！國防部已陣亡了！個有網友認為國防部處理新冠肺炎的作為有可能成為罷免高雄市長韓國瑜的變數。對</t>
  </si>
  <si>
    <t>國防部網友罷免成為可能非常作為不能接受肺炎高雄防疫視同作戰擴大處理認為</t>
  </si>
  <si>
    <t>海軍疫情感染擴大這讓網友不非常不能接受灌爆國防部臉書痛批國防部怎能在這時後出這大包若防疫視同作戰！國防部已陣亡了！個有網友認為國防部處理新冠肺炎的作為有可能成為罷免高雄市長韓國瑜的變數。
對於海軍竟成防疫破口國防部19日在臉書「國防部發言人」表示將編成專案調查小組由軍政副部長任組長納編總督察長室、軍醫局、政戰局、法律司及海軍相關部門配合疫情指揮中心強調「公開、透明、信任、專業」最高原則釐清敦睦支隊任務執行全程各項防疫作為誠實面對絕不隱瞞。
但國防部的說法網友絲毫不領情要國防部說清楚為何在疫情蔓延時還要去帛琉敦睦艦隊！更有網友痛批如果防疫視同作戰！國防部已陣亡了！
更有網友注意到國防部這個破口有可能成為罷韓的變數。網友CTC0115於批踢踢發文表示原本以為新冠病毒救了韓國瑜但連續兩日的0確診目前推算到6/6號疫情若真的降到低點到那時剛好是大家集體踴躍出來投罷免票的時候那韓國瑜的得票率或許會再創新高真的可憐哪！原本心得是要這樣打的但國防布這麼會說謊看來韓國瑜的罷免案還有變數。
對此底下網友認為「所以你關心的不是疫情是新冠肺炎會不會影養罷韓大業」、「各基層單位捫心自問弟兄有症狀連長敢上報嗎」、「兩者都關心」、「放假前說自己不舒服要檢測這會被幹飛吧」！</t>
  </si>
  <si>
    <t>國防部網友疫情防疫韓國瑜變數海軍罷免表示關心原本作為真的可能成為認為</t>
  </si>
  <si>
    <t>國防部網友臉書罷韓海軍</t>
  </si>
  <si>
    <t>網友國防部海軍</t>
  </si>
  <si>
    <t>學者政府死亡率確診問題臺灣</t>
  </si>
  <si>
    <t>國內新冠疫情出現趨緩但仍造成逾6百人染疫病亡。旅美學者林環牆表示迄6月27日止台灣確診死亡率高達432%。是世界平均確診死亡率217%的兩倍以台灣的醫療進步程度與經濟發展水準言這個數字太反常了。他對此</t>
  </si>
  <si>
    <t>臺灣死亡率確診出現水準發展造成經濟疫病疫情程度旅美學者進步林環醫療表示</t>
  </si>
  <si>
    <t>國內新冠疫情出現趨緩但仍造成逾6百人染疫病亡。旅美學者林環牆表示迄6月27日止台灣確診死亡率高達432%。是世界平均確診死亡率217%的兩倍以台灣的醫療進步程度與經濟發展水準言這個數字太反常了。他對此提出3個疑點希望台灣的政府能提出合理解釋。
林環牆29日在臉書貼文指出據美國《約翰霍普金斯大學》的資料顯示迄6月27日止台灣新冠肺炎確診死亡率高達432%。幾乎是世界平均確診死亡率的兩倍更大幅超前亞洲鄰國：是日本的23倍、香港的25倍、南韓的33倍、新加坡的72倍。新加坡才是真正的典範。
他感嘆台灣大外宣「Taiwan can help」 這句口號是不是非常諷刺？當然是。對於政府喊台灣「超前佈署」他認為從現況來看當然沒有。有的話台灣就不必靠美、日緊急捐助疫苗而台灣疫苗施打率也不會低到不忍卒睹的地步。
但令他很難相信的是台灣的確診死亡率竟會是同樣人口高齡化的日本的23倍。在台灣感染新冠肺炎的死亡風險為何如此之高？真正的原因為何？
林環牆並提出心中3個疑點第一是台灣的偽陰性檢測的數量出奇地多以致多到不可思議？第二是台灣篩檢量出奇地過少以致嚴重低估確診數嗎？第三還是台灣醫療水準或準備出了問題以致重症者沒有得到及時治療？這個政權有提出合理解釋嗎？
他也呼籲國人印度的變種Delta病毒株已出現在台灣傳播力很強大家要加倍小心防疫同時繼續施壓這個不誠實的政府儘速向美國購買輝瑞與莫德納疫苗。
#台灣新冠肺炎確診死亡率迄6月27日止高達百分之四以上
據美國約翰霍普金斯大學的資料顯示(見附圖)迄6月27日止台灣新冠肺炎確診死亡率高達432%。以台灣的醫療進步程度與經濟發展水準言這個數字太反常了：
1</t>
  </si>
  <si>
    <t>臺灣確診死亡率提出政府美國出現沒有疫苗醫療超前真正當然日本出奇疑點肺炎</t>
  </si>
  <si>
    <t>新冠肺炎台灣蔡英文死亡率林環牆</t>
  </si>
  <si>
    <t>臺灣蔡英文肺炎死亡率林環</t>
  </si>
  <si>
    <t>泡泡回來航班莫德納提供</t>
  </si>
  <si>
    <t>台灣帛琉旅遊泡泡20開放旅客前往施打帛琉疫苗起先提供嬌生、輝瑞與莫德納3種疫苗但當地的莫德納疫苗迅速用完。帛琉觀光局稍早宣佈10月份可提供旅遊泡泡的旅客選擇輝瑞和莫德納2種疫苗。根據帛琉衛福部的通知</t>
  </si>
  <si>
    <t>疫苗提供莫德納泡泡旅遊輝瑞旅客觀光局月份宣佈起先施打前往選擇迅速開放當地衛福部通知臺灣</t>
  </si>
  <si>
    <t>台灣帛琉旅遊泡泡20開放旅客前往施打帛琉疫苗起先提供嬌生、輝瑞與莫德納3種疫苗但當地的莫德納疫苗迅速用完。帛琉觀光局稍早宣佈10月份可提供旅遊泡泡的旅客選擇輝瑞和莫德納2種疫苗。
根據帛琉衛福部的通知因莫德納數量有限與避免殘劑莫德納疫苗提供每班機以最少10位最多上限為30位旅客輝瑞疫苗則無此限制。</t>
  </si>
  <si>
    <t>疫苗莫德納提供輝瑞旅客泡泡旅遊觀光局通知月份宣佈起先施打前往選擇有限數量上限避免班機衛福部</t>
  </si>
  <si>
    <t>莫德納帛琉10月30劑輝瑞</t>
  </si>
  <si>
    <t>莫德納輝瑞</t>
  </si>
  <si>
    <t>騙術還有招?港政府揭蔡後面大陸風暴鳳梨</t>
  </si>
  <si>
    <t>大陸因介殼蟲檢疫從3月1日起暫停台灣鳳梨輸入突襲式的動作對兩岸局勢投下震撼彈。港媒評論表示相較1月禁止台灣將含萊克多巴胺肉品輸入大陸因這次鳳梨產區多在南台灣綠營票倉蔡政府明顯反應更加強烈。評論質</t>
  </si>
  <si>
    <t>臺灣輸入評論鳳梨大陸反應政府明顯震撼投下局勢兩岸表示相較動作禁止暫停突襲</t>
  </si>
  <si>
    <t>臺灣兩岸評論鳳梨大陸民進農委會政府問題大內官方政治資料表示輸入</t>
  </si>
  <si>
    <t>鳳梨陳吉仲台灣鳳梨蘇貞昌新冠肺炎</t>
  </si>
  <si>
    <t>鳳梨蘇貞昌臺灣陳吉仲肺炎</t>
  </si>
  <si>
    <t>破壞疫情全球經濟德塞死亡率流感</t>
  </si>
  <si>
    <t>世衛組織(WHO)總幹事譚德塞(Tedros Adhanom Ghebreyesus)在通報會上表示現在對新冠病毒已有更多的瞭解這次疫情讓全球衛生系統不堪重負破壞了全球經濟並導致了社會混亂估計新冠肺炎的致死率是流感的10倍。</t>
  </si>
  <si>
    <t>全球德塞tedrosadhanomghebreyesus肺炎通報會表示經濟估計現在疫情導致混亂社會病毒致死幹事不堪重負衛生系統</t>
  </si>
  <si>
    <t>世衛組織(WHO)總幹事譚德塞(Tedros Adhanom Ghebreyesus)在通報會上表示現在對新冠病毒已有更多的瞭解這次疫情讓全球衛生系統不堪重負破壞了全球經濟並導致了社會混亂估計新冠肺炎的致死率是流感的10倍。
據《新華網》報導譚德塞表示今天是世衛組織收到新冠肺炎首批報告以來的第100天已對這種新的病毒有了更多瞭解。自兩個月前啟動第一個戰略準備和回應計畫以來情況發生了很大變化。
他指出全球範圍內的病毒傳播使衛生系統不堪重負破壞了全球經濟並導致了社會混亂估計新冠肺炎的致死率是流感的10倍。希望這個提醒能讓某些國家重新評估疫情風險摒棄「疫情政治化」的陰謀全球合作共抗疫情。
他表示雖然大家已經目睹了新冠病毒對發達國家造成的危害但它在更貧窮和更脆弱的國家可能造成的破壞仍未完全顯現。「我們承諾盡我們所能來阻止這一切的發生。在這條(抗疫)路上我們還有很長的路要走。」</t>
  </si>
  <si>
    <t>全球疫情表示破壞發生病毒以來國家德塞造成肺炎流感衛生系統世衛組織不堪重負還有路上</t>
  </si>
  <si>
    <t>WHO世衛組織新冠肺炎武漢肺炎新型冠狀病毒</t>
  </si>
  <si>
    <t>肺炎武漢世衛組織冠狀who病毒</t>
  </si>
  <si>
    <t>累計成為集體確診韓再增感染</t>
  </si>
  <si>
    <t>（16：00更新）韓國今（4）日下午再新增293確診累計境內共5621人染疫。值得注意的是目前感染人數中將近7成屬於集體感染。韓聯社報導韓國中央防疫對策本部部長鄭銀敬今日表示韓國境內新型冠狀病毒確診病例</t>
  </si>
  <si>
    <t>韓國境內感染確診新增累計下午人數值得注意目前表示屬於今日集體部長本部對策鄭銀敬防疫韓聯社報導中央冠狀</t>
  </si>
  <si>
    <t>（16：00更新）韓國今（4）日下午再新增293確診累計境內共5621人染疫。值得注意的是目前感染人數中將近7成屬於集體感染。
韓聯社報導韓國中央防疫對策本部部長鄭銀敬今日表示韓國境內新型冠狀病毒確診病例中656%和集體感染有關。
當中以大邱新天地教會的感染數占最多多達2583例占當地確診數的645%；忠清南道一間舞蹈教室有80人確診；釜山市溫泉教會有33人確診。
韓國今（4）日上午宣佈昨（3）日單日激增516確診病例累計境內確診數攀升至5328人死亡案例升至32人。此外首爾當局今日宣佈擬再額外投入117兆韓元抗疫（約新台幣2951億元）。
韓聯社報導韓國中央防疫對策本部今日上午宣佈統計至3日午夜12時韓國境內新冠肺炎確診數目攀升至5328人扣除昨日上午宣佈的4812人換句話說韓國單日確診數激增516人。
新增病例中405例發生在爆發新天地教會的大邱市89例發生在鄰近的慶尚北道至今大邱市已有4006人確診慶尚北道774人染疫。此外韓國前兩大城市首爾及釜山目前分別有99及93人確診。
值得注意的是大邱市疫情已不再侷限在新天地教會當局表示當地已出現令人擔憂的社區傳播現象當局將擴大對一般市民篩檢。
此外中央防疫對策本部也表示昨日再新增4例死亡病例累計韓國境內共有32人因新冠肺炎喪命中央防疫對策本部表示死者多為年長者且本身就有其他疾病。
除此之外韓國國防部今日宣佈軍隊再新增3例確診累計韓國部隊已有34人染疫。
為因應疫情惡化韓國政府擬再追加117兆韓元預算對抗疫情。韓聯社報導首爾當局今日召開臨時國務會議敲定這項補充預算預計於5日提交國會表決。報導說這是韓國政府7年來制定的最大一次補充預算甚至超越2015年中東呼吸症候群（MERS）制定的預算規模。
另外美國總統川普昨日表示正在緊盯韓國新冠肺炎疫情發展將在適當時機宣佈是否對韓國祭出入境限制。目前美國已要求所有自韓國機場起飛的飛美直航班機起飛前對所有旅客進行掃描及多次體溫量測。</t>
  </si>
  <si>
    <t>韓國確診宣佈表示今日預算當局疫情報導感染境內目前教會昨日新增病例中央</t>
  </si>
  <si>
    <t>高雄台女衛生局高鐵堵人返台上海</t>
  </si>
  <si>
    <t>一名領有台灣身分證的女子昨（14日）從上海搭機返台在松山機場入境並在機場收下「居家檢疫通知書」卻仍搭乘高鐵回高雄遭高雄市衛生局開出舉發單需在10天內陳述正當理由否則最高開罰15萬元。據向高雄市衛</t>
  </si>
  <si>
    <t>高雄市女子上海最高返台陳述松山機場正當理由入境天內機場收下發單居家檢疫通知書開出搭乘衛生高鐵</t>
  </si>
  <si>
    <t>一名領有台灣身分證的女子昨（14日）從上海搭機返台在松山機場入境並在機場收下「居家檢疫通知書」卻仍搭乘高鐵回高雄遭高雄市衛生局開出舉發單需在10天內陳述正當理由否則最高開罰15萬元。
據向高雄市衛生局向「中央社」表示該女子返台後未出現新冠肺炎症狀在機場收下「居家檢疫通知書」因通知書上有標示不可搭乘運輸交通工具女子仍搭乘高鐵南下左營衛生局因而對她開出舉發單。
據瞭解這名女子應依規定居家檢疫14天不過她卻自行搭乘高鐵南下高雄並在高鐵站內打電話叫他老公接她回家電話內容被其他旅客聽到經通報高鐵公司、鐵路員警後中央疾管單位隨即通知高雄市衛生局在女子尚未到家前已在家門口前堵她並當場開立舉發單
高雄市衛生局疾病管制處表示該女子違反傳染病防治法第58條第1項第4款規定並依同法第69條開罰1萬元至15萬元的罰鍰。女子收下舉發單後依規定可在10內陳述正當理由否則最高將被開罰15萬元。
對此高鐵公司提出二點說明：
1 本案因可能涉及違反傳染病防制法相關規定高鐵公司於接獲通報後除立即通知鐵路員警外並針對該旅客搭乘之列車及行經動線進行加強消毒。
2高鐵公司再次呼籲旅客若已接獲「居家檢疫」、「居家隔離」通知者依照規定不得搭乘大眾交通工具高鐵公司也將積極配合政府防疫措施以維護旅客安全。</t>
  </si>
  <si>
    <t>女子高鐵搭乘規定公司旅客衛生局發單居家高雄通知高雄市檢疫收下返台違反中央傳染病表示員警</t>
  </si>
  <si>
    <t>開罰通知書高雄市衛生局舉發單15萬元</t>
  </si>
  <si>
    <t>高雄市衛生局通知書發單</t>
  </si>
  <si>
    <t>年內製冷供應</t>
  </si>
  <si>
    <t>拜登政府為了向全球展示美國對抗氣候變遷的決心積極推動立法加速減碳而最新目標轉向冷媒。美國環保署（EPA）近日頒布新法目標在未來15年將冷媒採用的氫氟碳化物（HFCs）供應量減少85％。去年12月美國國會通過</t>
  </si>
  <si>
    <t>美國冷媒目標供應量hfcs碳化物對抗氣候變遷決心減少推動積極採用立法加速未來最新頒佈近日新法轉向epa環保展示</t>
  </si>
  <si>
    <t>拜登政府為了向全球展示美國對抗氣候變遷的決心積極推動立法加速減碳而最新目標轉向冷媒。美國環保署（EPA）近日頒布新法目標在未來15年將冷媒採用的氫氟碳化物（HFCs）供應量減少85％。
去年12月美國國會通過規模2兆美元的新冠肺炎紓困法案時已包含制定相關氣候法規的命令。今年5月美國環保署依照命令提出減少氫氟碳化物供應的新法規經過數月公眾評論期後在9月23日公佈最終版本。
最終版本目前只明定氫氟碳化物逐步汰換的階段性過程與實施辦法估計在10月1日前補足更多法規細項並建立交易制度讓氫氟碳化物用量大的企業與用量小的企業進行交易。
根據最終版本美國二氧化碳排放量將自2022年至2050年減少45億公噸相當於2019年美國發電排碳量的3倍。美國企業將因減碳而省下法規成本而政府也能省下氣候變遷對策的公共支出估計2022年至2050年美國將因此創造2720億美元經濟效益。
今年5月環保署提出的最初版本估計2022年至2050年二氧化碳排放量減少47億公噸並創造2840億美元經濟效益。環保署長雷根（Michael Regan）表示最終版本的差異主要來自公眾評論期收集到的各方意見。雷根表示：「新法規向全世界展現美國全力投入氣候變遷議題的決心。」
新法規獲得美國化工製造業廣泛支持因為近年業者投入龐大資金發展較環保的替代冷媒。然而替代冷媒的品質不一且市場尚未普及令專家擔心新法上路後將使供應商及顧客面臨漲價的過度期。
雖然氫氟碳化物不像上一代冷媒採用的氟氯碳化物（CFCs）那樣破壞臭氧層但依舊屬於高汙染性的溫室氣體。責任大氣政策聯盟估計新法上路可能使冷氣及其他冷卻設備價格上漲2％與當年氟氯碳化物汰換期的價格漲幅相當。</t>
  </si>
  <si>
    <t>美國法規碳化物估計冷媒環保版本減少新法最終氣候變遷投入交易企業表示上路評論公眾目標雷根</t>
  </si>
  <si>
    <t>企業美國新法規最終版本碳化物</t>
  </si>
  <si>
    <t>最終新法版本美國碳化物企業</t>
  </si>
  <si>
    <t>民航疫苗特權航空特立</t>
  </si>
  <si>
    <t>飛特立航空遭檢舉安排非編制內員工施打疫苗交通部民用航空局漏夜比對員工名冊、健保資料等相關事證後確認疫苗施打名冊中有16位非現有編制員工因此舉已違反規定將依違反傳染病防治法移請主管機關從嚴處罰</t>
  </si>
  <si>
    <t>員工名冊編制施打疫苗防治法傳染病檢舉違反安排違反規定相關現有資料比對交通部確認</t>
  </si>
  <si>
    <t>飛特立航空遭檢舉安排非編制內員工施打疫苗交通部民用航空局漏夜比對員工名冊、健保資料等相關事證後確認疫苗施打名冊中有16位非現有編制員工因此舉已違反規定將依違反傳染病防治法移請主管機關從嚴處罰。
民航局本月25日接獲檢舉指飛特立航空提報的疫苗施打名單中有並非現職員工與高階主管家屬民航局除要求飛特立航空提出說明並派員實地檢查攜回相關資料比對後於今早完成調查。
民航局表示飛特立自4月12日起至今提報的疫苗施打對象共有106人經民航局逐一比對員工名冊、健保資料與員工工作內容等相關資料後確認其中16人並非飛特立現有編制內員工飛特立提報的疫苗施打名冊確實違反規定。
民航局表示進一步瞭解後這16位違反規定人員中有4位為7月1日才要到公司任職的新進人員（含1位實習生）另12位為公司監察人、兼職人員與該公司執行空拍等業務往來對象。雖然業者解釋這些人員均因頻繁進出機場確實有施打疫苗需求但民航局仍認定屬不符合規定。相關調查結果將立即依違反傳染病防治法移送主管機關從嚴處分。
民航局表示航空業相關從業人員疫苗持續施打中最近獲配的1萬劑莫德納疫苗上週起也陸續在桃園機場、松山機場等地施打1萬劑莫德納疫苗中飛特立獲配8劑民航局比對資料後前述16位非現職員工有4位施打莫德納疫苗。
民航局表示航空業從業人員人數眾多施打對象與優先順序均由業者造冊提報並列出優先順序後續除持續要求造冊單位需確實依照相關規定提報名單並依優先順序施打疫苗外也已要求業者應充分向員工說明排序原則與方式避免尚未施打的員工產生誤解。
★《中時新聞網》提醒您：因應新冠肺炎疫情疾管署持續加強疫情監測與邊境管制措施 如有疑似症狀請撥打：1922專線或 0800-001922 並依指示配戴口罩儘速就醫同時主動告知醫師旅遊史及接觸史以利及時診斷及通報。</t>
  </si>
  <si>
    <t>員工疫苗施打民航相關特立提報持續比對人員資料要求航空表示違反規定業者名冊對象莫德納確實</t>
  </si>
  <si>
    <t>新冠肺炎民航局疫苗飛特立航空台灣</t>
  </si>
  <si>
    <t>疫苗民航特立肺炎航空臺灣</t>
  </si>
  <si>
    <t>波及蕭敬騰韋禮安疫情演唱會星國</t>
  </si>
  <si>
    <t>新加坡是東南亞交通樞紐往來旅客眾多由於新冠肺炎持續延燒致使新加坡疫情越發嚴重截至16日為止患者已多達72例當地許多活動紛紛取消其中包括蕭敬騰（老蕭）原定4月18日的演唱會；至於韋禮安3月28日在金沙</t>
  </si>
  <si>
    <t>新加坡原定旅客往來老蕭蕭敬騰肺炎取消持續包括紛紛活動當地致使患者疫情越發嚴重截至演唱會交通樞紐至於</t>
  </si>
  <si>
    <t>新加坡是東南亞交通樞紐往來旅客眾多由於新冠肺炎持續延燒致使新加坡疫情越發嚴重截至16日為止患者已多達72例當地許多活動紛紛取消其中包括蕭敬騰（老蕭）原定4月18日的演唱會；至於韋禮安3月28日在金沙會議展覽中心的演唱會以及林宥嘉的「idol」4月25日新加坡站目前都按原訂計劃舉行。
受到疫情影響新加坡今年入境遊客人數和消費預計下降三成粗估每天損失18萬至2萬人次的旅客各行各業連帶受到影響；在這波經濟風暴中新加坡當地僅剩少數公開活動照常進行包括韋禮安的「而立」演唱會以及林宥嘉的「idol」演唱會。
韋禮安演唱會的主辦單位日前聲明表示「我們的歌迷朋友藝人和工作人員的健康安全始終是我們的重中之重將持續關注當地衛生局的防控建議」強調目前處於特殊時期生命為重、防疫為重隨時採取進一步措施。韋禮安的經紀人16日表示：「現在疫情狀況難說也是且看且走。」會隨時留意當地狀況配合新加坡政府防疫措施；而林宥嘉所屬唱片公司華研也確認新加坡場照常舉行不排除視當地疫情隨時變動「但目前都還沒有取消或延期的消息主辦方還在看情況」。</t>
  </si>
  <si>
    <t>新加坡當地疫情目前韋禮安隨時演唱會林宥嘉旅客取消持續表示措施狀況影響受到防疫包括舉行活動idol為重消息預計消費下降</t>
  </si>
  <si>
    <t>演唱會韋禮安新加坡林宥嘉新冠肺炎</t>
  </si>
  <si>
    <t>林宥嘉新加坡韋禮安演唱會肺炎</t>
  </si>
  <si>
    <t>社區加工坪林果乾衝擊疫情品牌</t>
  </si>
  <si>
    <t>新冠肺炎疫情影響民眾出遊興致卓蘭柑橘買氣明顯衰減坪林社區自力救濟將今年賣不完的桶柑加工製成果乾獨家技術去除表皮精油苦澀味保留柑橘的酸甜滋味再透過網路銷售除拓展銷路、延長農產銷售時間也期</t>
  </si>
  <si>
    <t>柑橘銷售影響民眾拓展出遊興致網路透過卓蘭買氣滋味疫情今年社區加工明顯自力救濟製成果乾獨家技術衰減</t>
  </si>
  <si>
    <t>新冠肺炎疫情影響民眾出遊興致卓蘭柑橘買氣明顯衰減坪林社區自力救濟將今年賣不完的桶柑加工製成果乾獨家技術去除表皮精油苦澀味保留柑橘的酸甜滋味再透過網路銷售除拓展銷路、延長農產銷售時間也期望替社區打出品牌。
苗栗縣卓蘭鎮有水果王國之稱農民多以販賣鮮果為主農曆年前陸續出產的桶柑受到今年過年較早影響產期採收不完果農原想留到過年後繼續採收開放遊客到產地採果、購買沒想到新冠肺炎疫情升溫遊客不如預期桶柑除價格下跌也出現賣不完的窘境。
剛上任的坪林社區理事長黃豐民嘗試開發多元化產品去年製作手工果醬今年再研發柑橘果乾他將品質高但賣相差的桶柑透過川燙、醃製、低溫風乾等方式製成果乾光是去苦的工法就得花1天1夜鮮果製成果乾平均得花4天雖是連皮帶肉入口卻沒有柑橘表皮精油的苦澀味「這就是與眾不同的關鍵！」。
黃豐民指出果乾常見於網路販售但多以柳橙為主用柑橘當原料的比較少見透過加工技術不但能延長銷售期還能增加銷路與產值若成功得到市場青睞包含水梨、草莓等當地水果都能再加工創造利潤希望透過網路行銷以社區名義大量推廣吸引社區果農加入加工的行列。</t>
  </si>
  <si>
    <t>果乾柑橘社區透過加工網路製成銷售遊客水果影響為主黃豐民採收果農鮮果今年坪林技術銷路</t>
  </si>
  <si>
    <t>肺炎採收加工社區疫情</t>
  </si>
  <si>
    <t>疫情肺炎採收加工社區</t>
  </si>
  <si>
    <t>雪梨肆虐擴大病毒封城變種delta</t>
  </si>
  <si>
    <t>「有線電視新聞網」（CNN）、「半島電視台」（Al Jazeera）等外媒26日報導為避免來自印度的Delta新冠肺炎（COVID-19）變種病毒繼續傳播澳洲已下令擴大封城範圍除原先的第一大城雪梨（Sydney）和其東部郊區外</t>
  </si>
  <si>
    <t>雪梨aljazeera大城原先範圍報導封城擴大避免下令來自印度delta澳洲傳播繼續肺炎病毒變種covid-半島電視臺sydney東部cnn</t>
  </si>
  <si>
    <t>「有線電視新聞網」（CNN）、「半島電視台」（Al Jazeera）等外媒26日報導為避免來自印度的Delta新冠肺炎（COVID-19）變種病毒繼續傳播澳洲已下令擴大封城範圍除原先的第一大城雪梨（Sydney）和其東部郊區外將進一步包含更廣泛的周邊地區。
報導指出衛生當局表示由於新感染案例持續增加讓政府需要擴大封鎖範圍。新南威爾斯州州長貝雷吉克利安（Gladys Berejiklian）已宣佈雪梨周邊的藍山（Blue Mountains）、中央海岸（Central Coast）和臥龍崗（Wollongong）等地區將同樣進入封鎖狀態持續到7月9日。
「半島電視台」指出先前的封城集中於雪梨商業區和東部郊區影響約100萬人；但在封鎖令進一步擴大後估計約有500萬人的行動受到限制。貝雷吉克利安在記者會中強調由於情況惡化程度超出預料讓政府「不得不做出此決定」並說在面對如Delta這類高傳染性的變種病毒時短期封鎖「是行不通的」。
在封城期間除無法在家中進行的工作或學業、採購民生必需品、就醫、總人數低於10人的戶外運動之外其餘理由皆不得外出；新南威爾斯州的其他地區也會對公眾集會進行限制最多僅允許5名訪客進入家中室內須配戴口罩並重新啟動每人4平方公尺範圍的社交距離規定。
繼先前宣佈暫停與新南威爾斯州的免隔離旅遊泡泡之後紐西蘭也已決定將進一步暫停與澳洲全境的旅遊泡泡持續至29日；21日起到過澳洲者則須接受病毒檢測。</t>
  </si>
  <si>
    <t>封鎖範圍澳洲封城擴大進一步雪梨持續新南威爾斯家中報導進行限制delta進入地區指出宣佈決定先前半島電視臺</t>
  </si>
  <si>
    <t>新冠肺炎全球封城雪梨Delta</t>
  </si>
  <si>
    <t>全球封城肺炎雪梨delta</t>
  </si>
  <si>
    <t>革命醫藥基金疫情</t>
  </si>
  <si>
    <t>疫情加速醫藥創新新藥技術開啟產業獲利之窗帶領生技醫療產業未來成長可期。法人指出新冠疫情加速全球醫藥革命倘若未來疫情流感化抗疫商機除各類疫苗外治療新冠確診者的主力藥物未來銷售前景亦十分樂觀。</t>
  </si>
  <si>
    <t>未來疫情產業醫藥加速銷售藥物獲利主力開啟醫療技術疫苗治療感化確診前景新藥成長</t>
  </si>
  <si>
    <t>疫情加速醫藥創新新藥技術開啟產業獲利之窗帶領生技醫療產業未來成長可期。法人指出新冠疫情加速全球醫藥革命倘若未來疫情流感化抗疫商機除各類疫苗外治療新冠確診者的主力藥物未來銷售前景亦十分樂觀。
目前藥廠持續致力技術發展包括mRNA技術平臺、癌症免疫療法、抗體藥物、基因編輯藥物等挹注相關個股未來營運動能及投資潛力再加上大廠在手現金充沛近期有機會加速併購動作生技醫療基金短中長期題材源源不絕。
新光全球生技醫療基金經理人李淑蓉表示2021年6月以來那斯達克生技指數（NBI）表現強勁指數一度創新高上漲原因除阿茲海默症、與基因編輯藥物有重大進展還包括疫苗股納入標普指數、接獲大單、各國擴大疫苗適用年齡等利多不斷。
近期美國FDA又正式批准輝瑞BNT新冠疫苗使其成為全球首支獲美國藥證的授權疫苗預估未來將大幅提昇民眾主動接種意願、或地方政府、企業、學校等一波波強制施打令皆可直接帶動疫苗另一波銷售動能。
李淑蓉也相當看好治療新冠肺炎的新藥例如藥廠再生元製藥、禮來製藥之抗體類藥物已在美國、英國、日本等國陸續獲批上市或獲得緊急使用授權適用於早期治療可降低患者發展為重症隨著近幾個月全球新冠確診人數上升相關廠商接單狀況也呈現爆發狀態而此類藥物未來甚至有機會達到預防新冠肺炎的功用。
法人分析生技創新技術包括mRNA平臺、阿茲海默症藥物、癌症免疫療法、抗體藥物、基因編輯藥物等今年陸續帶動生技類股表現具備明星級產品及下一代突破技術的中小型生技製藥股投資前景備受期待若透過基金投資團隊主動選股更能深度挖掘這類潛力新星、掌握上漲契機。</t>
  </si>
  <si>
    <t>未來疫苗藥物技術全球美國治療投資醫療指數包括主動潛力加速製藥近期基金授權動能藥廠銷售</t>
  </si>
  <si>
    <t>新藥疫苗肺炎製藥技術</t>
  </si>
  <si>
    <t>製藥技術新藥肺炎疫苗</t>
  </si>
  <si>
    <t>盧秀燕個案死亡全力協助重症首例家屬台中度過難關</t>
  </si>
  <si>
    <t>台中市北屯區大坑裡家庭群聚感染累計21例確診首例72歲婦人（案7527）的78歲染疫丈夫（案7928）2日過世成為中市首起新冠肺炎重症死亡個案。市長盧秀燕說疫情期間民眾遭遇生離死別她感同身受；市府將成為市民</t>
  </si>
  <si>
    <t>成為家庭感染累計感同身受遭遇確診生離死別首例民眾婦人期間疫情區大坑盧秀燕市長個案死亡重症肺炎過世</t>
  </si>
  <si>
    <t>台中市北屯區大坑裡家庭群聚感染累計21例確診首例72歲婦人（案7527）的78歲染疫丈夫（案7928）2日過世成為中市首起新冠肺炎重症死亡個案。市長盧秀燕說疫情期間民眾遭遇生離死別她感同身受；市府將成為市民強力後盾全力協助家屬各項治喪事宜請市民安心防疫。
民政局長吳世瑋指出中市首起死亡個案遺體3日已移往大甲殯儀館火化場進行火化因家屬3個兒子和3個媳婦都在隔離治療中由住在外縣市女兒處理後事；目前往生者骨灰先由葬儀業者收置暫厝4日將移往潭子生命紀念館進塔。
吳世瑋說往生者遺體依「傳染病防治法」規定需於24小時內火化。若往生者家眷尚在隔離中無法親自處理喪葬事宜市府就啟動急難救助；市府將以電話聯絡授權人協助火化、骨灰暫厝安置等待家眷居家隔離期滿再交由家眷處理後續事宜。
吳世瑋強調台中市目前有2座火化場分別附設於東海及大甲殯儀館一經接獲確診者遺體現場防疫小組即刻啟動防疫機制；由穿著全套防護設備人員執行棺木火化作業立即就棺木行進路線及其周邊環境設備採嚴謹高規格消毒作業落實防疫作為提升殯葬環境防疫能量。</t>
  </si>
  <si>
    <t>火化防疫事宜遺體處理隔離世瑋家眷市府確診作業設備成為市民協助骨灰殯儀館火化場個案死亡目前</t>
  </si>
  <si>
    <t>火化死亡吳世瑋遺體處理</t>
  </si>
  <si>
    <t>吳世死亡遺體處理火化</t>
  </si>
  <si>
    <t>新增肺炎北京中國</t>
  </si>
  <si>
    <t>病例新增自治區直轄市新疆生產建設兵團確診報告公佈資料顯示死亡衛健福建北京輸入河北境外國家本土大陸</t>
  </si>
  <si>
    <t>大陸 國家 衛健 委 21 日 公佈 資料 顯示 6 月 20 日 0 24 時 31 個 省 自治區 直轄市 和 新疆生產建設兵團 報告 新增 確診 病例 26 例 其中 境外 輸入 病例 1 例 在 福建 本土 病例 25 例 北京 22 例 河北 3 例 無 新 增 死亡 病例 新增 疑似病例 3 例 均 為 本土 病例 均 在 北京 當日 新增 治癒 出院 病例 3 例 解除 醫學觀察 的 密切接觸 者 397 人 重症 病例 與 前 一 日 相比 增加 2 例 境外 輸入 現有 確診 病例 82 例 其中 重症 病例 1 例 無 現有 疑似病例 累計 確診 病例 1869 例 累計 治癒 出院 病例 1787 例 無 死亡 病例 截至 6 月 20 日 24 時 據 31 個 省 自治區 直轄市 和 新疆生產建設兵團 報告 現有 確診 病例 331 例 其中 重症 病例 15 例 累計 治癒 出院 病例 78413 例 累計 死亡 病例 4634 例 累計 報告 確診 病例 83378 例 現有 疑似病例 13 例 累計 追 到 密切接觸 者 756965 人尚在 醫學觀察 的 密切接觸 者 6339 人</t>
  </si>
  <si>
    <t>病例新增現有累計重症確診死亡疑似病例治癒密切接觸北京報告出院自治區境外直轄市醫學觀察新疆生產建設兵團輸入本土公佈資料</t>
  </si>
  <si>
    <t>確診病例現有疑似病例死亡病例治癒出院</t>
  </si>
  <si>
    <t>疑似病例死亡病例現有治癒確診出院</t>
  </si>
  <si>
    <t>who實驗室武漢調查意外</t>
  </si>
  <si>
    <t>即使陸官方一再強調早已第一時間通報世界衛生組織疫情訊息但至今仍遭多個國家懷疑隱瞞資訊美方更揚言要對可能是病毒起源的武漢病毒研究所展開實地調查。至於WHO是否會對該研究所調查 WHO駐陸代表高立（Gauden</t>
  </si>
  <si>
    <t>研究所who病毒通報世界衛生組織疫情訊息至今國家實地調查展開懷疑隱瞞資訊可能美方第一時間揚言調查是否至於武漢起源</t>
  </si>
  <si>
    <t>即使陸官方一再強調早已第一時間通報世界衛生組織疫情訊息但至今仍遭多個國家懷疑隱瞞資訊美方更揚言要對可能是病毒起源的武漢病毒研究所展開實地調查。至於WHO是否會對該研究所調查 WHO駐陸代表高立（Gauden Galea）表示「至今我們仍未收到邀請」。
據英媒《每日快報》報導高立（Gauden Galea）在接受《天空電視》專訪時表示「我們大陸正在進行全國性調查但現階段WHO仍未接收到相關邀請參與我們期待在近期能受邀進行相關合作」。被問到是否受邀赴陸調查高立也表示目前為止沒有WHO正在向大陸國家衛生健康委員會及相關當局提出參與要求。
高立說WHO無法從「武漢病毒研究所」和「武漢市衛生健康委員會」兩個實驗室取得研究日誌進行調查而這些實驗室的日誌應成為任何全面觀察病源的完整報告一部分。他也強調沒有理由將WHO排除在調查之外「從我們的角度來看沒有理由這樣做」。
對於1月疫情爆發之初武漢通報有41起病例高力也懷疑「如此規模的疫情病例數不太可能停留在41例。不過還有更多病例嗎？這是中國必須回答的問題。」
高立表示病毒的起源非常重要特別是動物與人類之間的交互作用更需要多加研究。現階段優先的是我必須盡可能瞭解病毒以防止疫情再次爆發。</t>
  </si>
  <si>
    <t>who調查病毒疫情表示相關沒有武漢進行高立病例通報研究所至今國家現階段懷疑理由邀請必須參與研究仍未大陸</t>
  </si>
  <si>
    <t>蘇貞昌疫苗法律規定不能台辦進來</t>
  </si>
  <si>
    <t>日本捐贈124萬劑新冠肺炎疫苗給台灣大陸國台辦也表態要捐疫苗對此行政院長蘇貞昌今（4日）下午回應大陸疫苗依目前我國法律是不能進來。蘇貞昌說對於任何關係國人健康的疫苗政府都以非常嚴謹的態度注重</t>
  </si>
  <si>
    <t>疫苗蘇貞昌大陸都以政府肺炎健康臺灣國人關係對於進來非常不能台辦我國表態法律目前對此行政院長回應下午</t>
  </si>
  <si>
    <t>疫苗大陸蘇貞昌法律對於安全性有效性進來不能肺炎目前清楚外界沒有資料臺灣態度注重資料都以非常嚴謹</t>
  </si>
  <si>
    <t>疫苗蘇貞昌法律規定大陸疫苗新冠肺炎</t>
  </si>
  <si>
    <t>大陸疫苗規定法律肺炎蘇貞昌</t>
  </si>
  <si>
    <t>封控立即確診相關社區新增涉及北京</t>
  </si>
  <si>
    <t>北京市新型冠狀病毒肺炎疫情防控工作第229場新聞發佈會今天舉行北京市疾病預防控制中心副主任龐星火通報今天（8月2日）0時至15時北京市新增1例京外關聯本地新冠肺炎確診病例為7月29日公佈確診病例的密切接觸</t>
  </si>
  <si>
    <t>肺炎今天北京市關聯防控疫情工作新增舉行新聞通報確診時至北京市疾病預防控制中心主任龐星火病例病毒日公冠狀密切接觸</t>
  </si>
  <si>
    <t>北京市新型冠狀病毒肺炎疫情防控工作第229場新聞發佈會今天舉行北京市疾病預防控制中心副主任龐星火通報今天（8月2日）0時至15時北京市新增1例京外關聯本地新冠肺炎確診病例為7月29日公佈確診病例的密切接觸者。這名新增確診病例住在海澱區國興家園目前國興家園小區周邊相關社區及單位已經封控共涉及人員1萬多人。
新華社報導確診病例住址為北京市海澱區首體南路20號國興家園。7月25日從長沙南站乘坐高鐵G486赴北京當日21時26分到達北京西站出站後乘坐私家車至海澱區國興家園。
7月29日病患主動向社區報備並按要求進行集中隔離觀察首次核酸檢測結果為陰性。自述其7月30日出現咳嗽等症狀7月31日出現發熱症狀8月1日核酸檢測結果為陽性轉至定點醫院綜合流行病史、臨床表現、實驗室檢測和影像學檢查等結果8月2日診斷為確診病例臨床分型為普通型。
北京市海澱區人民政府副區長林航表示疫情發生後海澱迅速集中隔離密接人員。目前已將國興家園六號樓所有人員全部判定為密切接觸者並落實相關管控措施將進一步對7月26日以來曾到訪國興家園的人員進行密接排查。
林航說目前國興家園小區周邊相關社區及單位已經封控共涉及人員1萬多人。封控區域內所有單位元和公共場所全部關停人員只進不出嚴格落實管控措施。同時立即啓動全員核酸檢測。截至目前已採集樣本4500例檢測結果待報。
龐星火表示北京市已出現多個京外關聯本地確診病例疫情防控處在關鍵階段。提醒廣大市民近期到過南京市、張家界市、鄭州市等中高風險地區的返京來京人員或通過各種管道得知自己可能是密切接觸者的人員請務必主動向所在社區（村）及單位報告。</t>
  </si>
  <si>
    <t>人員家園北京市檢測病例確診國興結果目前海澱區疫情社區核酸單位密切接觸防控相關表示出現進行乘坐主動龐星火密接</t>
  </si>
  <si>
    <t>人員興家社區7月封控</t>
  </si>
  <si>
    <t>人員興家封控社區</t>
  </si>
  <si>
    <t>陸卯勁川普包括</t>
  </si>
  <si>
    <t>美國總統川普週三說他認為北京處理新冠肺炎疫情的方式足以證明中方「無所不用其極」就是要讓他在11月總統大選爭取連任時吃敗仗。據路透29日報導川普在橢圓形辦公室接受專訪時說他正就北京處理新冠肺炎疫情</t>
  </si>
  <si>
    <t>川普北京處理總統大選爭取就是連任無所不用其極中方證明吃敗仗路透認為足以報導方式橢圓形辦公室疫情接受肺炎專訪時說</t>
  </si>
  <si>
    <t>美國總統川普週三說他認為北京處理新冠肺炎疫情的方式足以證明中方「無所不用其極」就是要讓他在11月總統大選爭取連任時吃敗仗。
據路透29日報導川普在橢圓形辦公室接受專訪時說他正就北京處理新冠肺炎疫情的後果考慮種種不同的選項他說：「我可以做的很多。」
至今美國感染新冠肺炎的人數已突破百萬大關而死亡也超過6萬人雙雙高居世界第一。川普已加強火力怪中國大陸掩蓋疫情以致造成全球大流行也使美國經濟陷入嚴重衰退危及他再連任4年的希望。
川普經常受到指責說他沒有及早採取行動讓美國準備好因應新冠病毒蔓延。不過這位共和黨總統說他認為中方當初應該更積極也更早早讓世界知道新冠肺炎病毒。
當他被問及是否考慮利用關稅或甚至勾銷債務來對付中方時川普卻不願明說。「我能做的事很多」他說「我們要瞭解事怎麼回事。」
「中國會無所不用其極讓我輸掉這場大選」川普說他認為北京希望民主黨對手拜登（Joe Biden）贏以減輕他為貿易和其他議題而對中方施加的壓力。 此外川普也說韓國已同意為防務合作協議支付更多經費但不願透露實際金額。</t>
  </si>
  <si>
    <t>川普中方美國肺炎疫情認為北京連任中國希望考慮無所不用其極世界病毒處理總統biden</t>
  </si>
  <si>
    <t>川普中國大陸美國武漢肺炎新冠肺炎</t>
  </si>
  <si>
    <t>武漢美國大陸肺炎中國川普</t>
  </si>
  <si>
    <t>確診萬華一生東海朋友新增吃飯</t>
  </si>
  <si>
    <t>國內疫情不斷升溫繼18日新增確診數「＋0」後20日新增5例確診包括東海大學、朝陽科大、潭子、沙鹿等5人確診幸疫調都有國內熱區旅遊史其中東海大學大一男生和萬華來的朋友吃飯後即發燒經採檢確診；但先前大</t>
  </si>
  <si>
    <t>確診東海大學國內新增發燒飯後朋友萬華來男生大一包括旅遊熱區朝陽都有潭子沙鹿升溫</t>
  </si>
  <si>
    <t>國內疫情不斷升溫繼18日新增確診數「＋0」後20日新增5例確診包括東海大學、朝陽科大、潭子、沙鹿等5人確診幸疫調都有國內熱區旅遊史其中東海大學大一男生和萬華來的朋友吃飯後即發燒經採檢確診；但先前大裡確診2例感染源不明的68歲豆漿伯、45歲食品業務檢體送昆陽實驗室證實是偽陽性已解隔離；台中市政府也將在下午三點記者會公佈確診者足跡。
台中新增2名大學生確診東海大學住校大一學生因曾和萬華來的朋友用餐18日淩晨高燒到39度緊急救醫採檢確診目前已收治在負壓隔離病房治療但因為他是住宿生所以確診消息傳出後整個宿舍生都相當恐慌。
朝陽大學女學生則是17日因為喉嚨疼痛難耐就醫被確診校方稍早已經證實學生確診並啟動防疫政策。而19日新增的病例還有潭子、沙鹿有旅遊接觸史的個案目前都收治在隔離病房病況穏定。另稍早傳出平等國小女籃隊47人曾入住萬華一間飯店今將進行快篩。有關平國國小女籃隊一行人在萬華的相關足跡與疫情調查結果台中市衛生局將在下午3點防疫會議中回應。
而平等國小女籃隊5月9日至12日代表台中市參加教育部全國國小籃球聯賽一行47人在上周曾入住萬華一間飯店其中5人出現症狀台中市衛生局強調目前並未確診中由衛生局副局長陳南松率組防疫小組率領防疫醫療團隊到梨山組成「前進指揮所」將針對全校師生與相關接觸家長進行快篩。</t>
  </si>
  <si>
    <t>確診防疫台中學生國小新增東海大學目前衛生局萬華證實女籃朝陽朋友接觸傳出相關隔離病房</t>
  </si>
  <si>
    <t>萬華確診東海大學沙鹿潭子</t>
  </si>
  <si>
    <t>沙鹿東海大學萬華潭子確診</t>
  </si>
  <si>
    <t>足球隊不減</t>
  </si>
  <si>
    <t>歐洲職業足賽因為新冠疫情幾乎全面停擺不少球隊也盼球員暫時降薪共體時艱。不過瑞士俱樂部錫永在協商後因為部分球員拒絕減薪竟一口氣砍掉9名一線隊球員讓瑞士足球員工會（SAFP）痛批「粗暴」。「如果發生危</t>
  </si>
  <si>
    <t>球員瑞士疫情幾乎全面safp工會球隊暫時一口氣降薪時艱一線拒絕俱樂部部分</t>
  </si>
  <si>
    <t>歐洲職業足賽因為新冠疫情幾乎全面停擺不少球隊也盼球員暫時降薪共體時艱。不過瑞士俱樂部錫永在協商後因為部分球員拒絕減薪竟一口氣砍掉9名一線隊球員讓瑞士足球員工會（SAFP）痛批「粗暴」。
「如果發生危機老闆更應該照顧你的員工」SAFP主席瓦洛尼（Lucien Valloni）表示無法接受錫永的處置「你不能拿槍指著他們的頭跟他們說24小時內決定是否接受減薪如果他們不願意這其實是他們的權利結果就是開除這真的太粗暴了！」
就像各國頂級聯賽一樣瑞士超級聯賽目前也是停賽狀態各隊都蒙受钜額損失。瓦洛尼認為現在考慮減薪還太早俱樂部應該更大方向的尋求解決方案錫永直接砍人是很不好的示範也無助於團結。
錫永老闆康斯坦丁（Christian Constantin）則直言「我跟球員說他們所減少的薪水可以養2、3個每天努力救人的護士。當所有人都在努力的時候我沒有必要留下那些不願意努力的球員。」
其實康斯坦丁本來就頗有爭議從2003年入主錫永迄今聘用過的教練人數多達40人。2018年他還曾經因為掌摑電視名嘴而被停權14個月後來處分減至9個月。錫永在2011年曾因排不合格球員上場被踢出歐霸聯賽2018年則因為拖欠別隊轉會費被歐洲足賽禁賽1年。
瓦洛尼說即使是這麼有爭議的康斯坦丁與錫永隊直接開除球員這事也做得太過了他強調即使沒有比賽球員並不是沒事幹「他們仍有個人訓練課程即使待在家裡他們還是在工作為什麼他們不該領薪水？」</t>
  </si>
  <si>
    <t>球員錫永瓦洛尼瑞士康斯坦丁努力聯賽接受safp沒有俱樂部老闆粗暴應該</t>
  </si>
  <si>
    <t>瑞士錫永新冠肺炎新冠疫情新冠病毒</t>
  </si>
  <si>
    <t>肺炎疫情錫永瑞士病毒</t>
  </si>
  <si>
    <t>巡演春季盧廣仲粉絲干擾疫情</t>
  </si>
  <si>
    <t>盧廣仲去年舉行「大人中」世界巡迴演唱會後原定今年將舉行2020春季巡演於北中南Legacy舉行4場演出不料近期新冠肺炎肆虐全球盧廣仲所屬添翼音樂10日晚間於臉書發文考量疫情發展與不確定性確保每位觀眾與</t>
  </si>
  <si>
    <t>舉行盧廣仲發展疫情考量發文於臉書晚間音樂添翼全球世界肆虐肺炎人中春季legacy演出會後巡迴演唱今年不料近期原定</t>
  </si>
  <si>
    <t>盧廣仲去年舉行「大人中」世界巡迴演唱會後原定今年將舉行2020春季巡演於北中南Legacy舉行4場演出不料近期新冠肺炎肆虐全球盧廣仲所屬添翼音樂10日晚間於臉書發文考量疫情發展與不確定性確保每位觀眾與演出人員之健康安全不造成醫療人員的負擔經評估後決定延後本次四場演出。
盧廣仲也發文表示：「謝謝大家的體諒與支持。希望所有人平安健康疫情早日結束！」許多粉絲也相當體諒紛紛留言「等你」、「健康最重要大家要帶著健康的身體再見面」、「晚點見也還是會見的」也有粉絲敲碗盧廣仲開直播「我們乖乖等待偶爾直播也是很可以的唷」。
公告指出盧廣仲春季巡迴演唱會3/29台中Legacy、4/11高雄LIVE WAREHOUSE、4/18臺北Legacy、4/19臺北Legacy場次目前將延後舉行延期後之新演出日期將與場館方協調後公告已購票者可保留原票券至新的相對應場次進場尚未取票者為避免票券遺失可延至近新演出日前再取票。如因改期而無法參與者可辦理退票退票辦法將與新的演出日期一併公告造成不便敬請見諒。</t>
  </si>
  <si>
    <t>演出健康盧廣仲公告舉行legacy疫情發文粉絲體諒春季延後造成人員直播日期台中</t>
  </si>
  <si>
    <t>盧廣仲新冠肺炎武漢肺炎新冠狀病毒新冠肺炎疫情</t>
  </si>
  <si>
    <t>肺炎病毒武漢疫情盧廣</t>
  </si>
  <si>
    <t>疫情決議wha提案趙立堅加入無稽之談被迫</t>
  </si>
  <si>
    <t>第73屆世界衛生大會(WHA)一致通過歐盟提出的應對新冠疫情決議案後傳出大陸「被迫」加入成為共同提案國。大陸外交部發言人對此表示個別媒體此一說法完全是的無稽之談。中方支持世衛組織應對疫情工作進行評估但</t>
  </si>
  <si>
    <t>疫情大陸歐盟提出應對應對新世衛組織支援無稽之談中方決議案完全說法傳出被迫媒體一致提案國外交部個別發言人表示加入成為共同wha工作</t>
  </si>
  <si>
    <t>第73屆世界衛生大會(WHA)一致通過歐盟提出的應對新冠疫情決議案後傳出大陸「被迫」加入成為共同提案國。大陸外交部發言人對此表示個別媒體此一說法完全是的無稽之談。中方支持世衛組織應對疫情工作進行評估但不應將病毒溯源問題政治化評估也必須逐步、公正、獨立和全面不能被少數國家壟斷。
在20日大陸外交部記者會上有媒體提問稱第73屆世界衛生大會通過了歐盟提出的應對新冠疫情決議中方對此有何評論？中方為何參加共同提案國？
發言人趙立堅表示第73屆世界衛生大會一致通過了新冠疫情決議中方表示歡迎。中方希望世衛大會剛剛通過的這個決議能夠得到全面和準確的貫徹。
他說決議明確認可和支援世衛組織發揮關鍵領導作用呼籲會員國防止歧視、汙名化作法打擊錯誤、虛假資訊在研發診斷工具、診療方法、藥物及疫苗、病毒動物源頭等領域加強合作並適時對世衛組織應對疫情工作進行評估。這些均符合中方立場主張也是國際社會絕大多數國家的共同願望。因此中國不僅參加了協商一致而且同140多個國家一道是這個決議草案的共同提案國。
趙立堅指出關於病毒溯源問題決議將溯源研究範圍嚴格限定在查找動物來源、中間宿主和傳播途徑目的是為了國際社會未來更好地應對疫情這也是世衛組織和譚德塞總幹事提出的建議。的確有個別國家在磋商中要求將病毒溯源作為優先事項但絕大多數國家認為當前重點是疫情防控不贊成將病毒溯源作為優先事項拒絕了有關措辭。這說明將溯源問題政治化根本沒有市場。
他表示關於對世衛組織進行評估問題決議提出評估由世衛組織總幹事同會員國協商後進行世衛組織曾對甲型H1N1流感和伊波拉應對工作進行評估這是世衛組織在每次應對重大疫情後的慣常作法。決議要求評估進程是逐步、公正、獨立和全面的這四個詞十分重要意味著評估不能被少數國家所壟斷。
趙立堅說至於個別媒體造謠說中國大陸「被迫」參加決議共同提案國這完全是無稽之談。事實是中國同大多數國家一道堅決打掉了個別國家將溯源和評估問題政治化的企圖確保了決議的客觀公正。在這個情況下我們主動參加了決議的共同提案國。我們奉勸個別國家不要再編造謊言為自己的失敗尋找藉口了。</t>
  </si>
  <si>
    <t>決議國家疫情評估世衛組織個別溯源病毒中方進行表示提案國共同大陸問題參加大會提出趙立堅全面公正媒體動物中國作法</t>
  </si>
  <si>
    <t>新冠肺炎武漢肺炎新型冠狀病毒COVID-19決議</t>
  </si>
  <si>
    <t>肺炎武漢冠狀covid-病毒決議</t>
  </si>
  <si>
    <t>長者bnt效益接種研究</t>
  </si>
  <si>
    <t>印度變異株（Delta）侵襲之下新冠肺炎突破性感染頻傳許多國家也開始接種第3劑疫苗。近期一項刊登於《新英格蘭醫學雜誌》針對BNT疫苗的研究指出接種第3劑疫苗可提升對Delta的保護力尤其對年長族群更為明顯。</t>
  </si>
  <si>
    <t>疫苗delta接種尤其之下保護肺炎突破性感染提升年長bnt國家近期開始侵襲醫學雜誌族群指出研究新英格蘭刊登更為</t>
  </si>
  <si>
    <t>印度變異株（Delta）侵襲之下新冠肺炎突破性感染頻傳許多國家也開始接種第3劑疫苗。近期一項刊登於《新英格蘭醫學雜誌》針對BNT疫苗的研究指出接種第3劑疫苗可提升對Delta的保護力尤其對年長族群更為明顯。學者指出BNT第3劑的接種是有必要的特別是針對年長者不過在思考第3劑之外也要將其他策略如混打、次世代疫苗納入考量。
台大公衛學院團隊今分享國際針對完整接種、第3劑疫苗的研究臺北醫學大學口腔衛生學系教授嚴明芳分享一項刊登於《新英格蘭醫學雜誌》的研究該研究分析了以色利4868名接種2劑BNT疫苗的醫院工作人員發現完整接種半年後IgG抗體濃度顯著降低而中和抗體濃度則是於2劑疫苗施打後前3個月迅速下降之後維持穩定且男性中和抗體濃度較女性低、65歲以上老年人較45歲以下年輕人低。
另一篇同刊登於《新英格蘭醫學雜誌》的研究則分析了美國18-85歲完整接種8個月後施打第3劑BNT疫苗的民眾並將其區分為年輕和年長者。公衛博士張維容表示研究發現不論是針對武漢株或Delta在接種第3劑BNT後1個月中和抗體的濃度都較完整接種後1個月上升對年長族群更是大幅提升。
在Delta保護力方面針對年輕族群原本完整接種後1個月對Delta的保護力將下降22％但接種第3劑後保護力下降的幅度變低顯示對Delta的保護力提升。年長族群方面對Delta保護力的下降則從37％減少至8％顯示效果對年長者更為明顯。
台大公衛學院教授陳秀熙表示BNT第3劑的接種是有必要的特別是年老族群。面對Delta病毒在思考第3劑之外也應考慮其他策略如混打及未來的次時代疫苗台大公衛團隊未來也會就此提出進一步分析。</t>
  </si>
  <si>
    <t>接種疫苗deltabnt研究完整族群年長者保護下降濃度大公抗體中和刊登教授分享分析團隊表示年輕年長新英格蘭</t>
  </si>
  <si>
    <t>新冠肺炎台灣第3劑DeltaBNT</t>
  </si>
  <si>
    <t>臺灣肺炎deltabnt</t>
  </si>
  <si>
    <t>az到貨擴大</t>
  </si>
  <si>
    <t>今天中午有265萬劑AZ到台灣效期到今年12月7日使用上沒有問題目前訂貨的1000萬來了267萬劑AZ疫苗包括日本贈送的有500多萬劑、近600萬劑。中央流行疫情指揮中心指揮官陳時中表示依目前進貨量來AZ疫苗主要安</t>
  </si>
  <si>
    <t>az目前疫苗使用指揮中心疫情流行中央指揮官沒有陳時中進貨量表示問題贈送日本訂貨包括今年臺灣效期中午</t>
  </si>
  <si>
    <t>疫苗az施打教師沒有表示今年時中近來目前中央範圍代理新進流行可以希望今天陳時中比較疫情</t>
  </si>
  <si>
    <t>AZ新冠肺炎抵台台灣第一劑</t>
  </si>
  <si>
    <t>肺炎az臺灣</t>
  </si>
  <si>
    <t>代表歐洲眼淚不爭氣口罩</t>
  </si>
  <si>
    <t>新冠肺炎肆虐歐洲成為重災區總統蔡英文日前宣佈捐贈歐美1000萬片口罩其中包含歐洲700萬片我國駐德代表謝志偉指出他一整天不斷接到國會議員來致謝甚至也對台灣被排除在世衛組織之外感到不能接受這些外</t>
  </si>
  <si>
    <t>歐洲之外組織在世排除臺灣成為甚至重災區致謝感到總統國會議員接到日前不斷蔡英文宣佈指出謝志偉捐贈歐美代表口罩包含</t>
  </si>
  <si>
    <t>新冠肺炎肆虐歐洲成為重災區總統蔡英文日前宣佈捐贈歐美1000萬片口罩其中包含歐洲700萬片我國駐德代表謝志偉指出他一整天不斷接到國會議員來致謝甚至也對台灣被排除在世衛組織之外感到不能接受這些外界回饋讓他感動直呼「眼淚先不爭氣地流了下來」。
謝志偉今日晚間在臉書表示基於人道考量、防疫合作、回饋感恩、理念相同等因素蔡英文總統宣佈向來友我的歐盟德國、法國等災情較重的國家共捐700萬個口罩後他整天不斷接到朋友、國會議員的感謝及感動之意。
謝志偉透露德國各大電視媒體都報導甚至有跑馬燈跑不停社群網站上的留言除了感謝之外也對台灣被排除在世衛之外感到無法接受感到憤怒之外也鼓勵台灣別放棄。
對上述種種回饋謝志偉回應「一瞬間彷彿台灣人數十年來忍受的委屈與奮鬥的勇氣都被看到了。而我眼淚卻先不爭氣地流了下來我台灣我驕傲」。</t>
  </si>
  <si>
    <t>謝志偉臺灣歐洲之外口罩德國甚至感謝感動總統蔡英文宣佈不斷接到眼淚感到國會議員不爭氣接受下來排除成為</t>
  </si>
  <si>
    <t>新進不適警官就醫確診偵查員陽性</t>
  </si>
  <si>
    <t>刑事局偵查第三大隊楊姓偵查員20日因腹瀉請假前往臺北醫學大學附設醫院就醫並且在戶外篩檢區採樣核酸檢測23日下午1時左右衛生單位通知楊員新冠肺炎核酸檢測(PCR)陽性確定。這是新冠肺炎疫情以來全國刑事龍頭</t>
  </si>
  <si>
    <t>核酸檢測肺炎偵查員腹瀉請假前往附設臺北醫學大學醫院就醫戶外採樣單位下午通知衛生楊員陽性確定</t>
  </si>
  <si>
    <t>刑事局偵查第三大隊楊姓偵查員20日因腹瀉請假前往臺北醫學大學附設醫院就醫並且在戶外篩檢區採樣核酸檢測23日下午1時左右衛生單位通知楊員新冠肺炎核酸檢測(PCR)陽性確定。這是新冠肺炎疫情以來全國刑事龍頭首名確診個案未料昨天晚間又有一名同大隊警官快篩後呈現陽性反應但兩人並未有接觸史目前進行PCR檢測。
昨天刑事局三大隊一名偵查員染疫消息傳出後刑事局立即通知廠商於晚間7時至辦公室消毒及期間與該員有接觸者進行自主健康管理至醫院抗原快篩或PCR核酸檢測及居家、分流辦公等作為。
未料又有一名新進警官在進行快篩後出現陽性反應讓刑事局大為緊張立刻清查兩人是否有接觸史但因該為警官與楊姓偵查員不同隊並未有接觸因此為何呈現陽性反應仍有待進一步調查足跡後釐清。
刑事局說正依規定調查楊員近日足跡及密切接觸對象於衛生單位通知後續處理方式前先予接觸同仁休假、停止上班居家隔離後續將依衛生機關指示及相關規定辦理匡列快篩並啟動異地、分流及居家上班等機制以確保勤務運作及保護員警健康安全。
初步瞭解該員近來無萬華接觸史是否因外出調閱監視器、跟監埋伏染疫仍待釐清。
昨刑事局獲知楊員確診昨晚緊急針對辦公大樓清潔消毒。該大隊包括大隊長等25名官警也全數至醫院快篩檢測。
刑事局正配合衛生單位調查楊近日足跡及密切接觸對象包括同事等人匡列居家隔離並根據警政署規定依程度啟動異地、分流及居家上班機制。據瞭解15日雙北三級警戒地檢署暫緩專案楊大多待在辦公室但仍有外出調監視器、布線埋伏疫調足跡釐清中。</t>
  </si>
  <si>
    <t>接觸檢測居家楊員偵查員足跡醫院通知規定pcr進行核酸單位上班衛生調查分流警官</t>
  </si>
  <si>
    <t>刑事局偵查員新冠肺炎確診足跡史</t>
  </si>
  <si>
    <t>肺炎確診足跡偵查員</t>
  </si>
  <si>
    <t>喜訊成長率出口領航利多</t>
  </si>
  <si>
    <t>財政部8日公佈2021年1月進出口統計1月出口值為3427億美元、創下史上單月新高年增率則為368％出口連七紅順利達陣。官員分析關鍵在春節因素2020年春節假期在1月底、但2021年為2月中一來一往多三天統計日</t>
  </si>
  <si>
    <t>統計出口值創下月底因素春節假期春節單月關鍵分析新高官員年增率順利出口連七紅進出口月中公佈一來一往財政部</t>
  </si>
  <si>
    <t>財政部8日公佈2021年1月進出口統計1月出口值為3427億美元、創下史上單月新高年增率則為368％出口連七紅順利達陣。官員分析關鍵在春節因素2020年春節假期在1月底、但2021年為2月中一來一往多三天統計日數加上電子業維持多頭趨勢、傳產回溫跡象未減因此延續出口好成績。
官員分析新冠肺炎出現變種病毒仍是目前全球經濟最大變數尤其外國封鎖措施未解除牽制經濟復甦腳步惟我國出口動能在四大利多領航下維持高檔包括遠距商機火紅、iPhone 12手機銷售超乎預期、原物料行情走升還有傳產貨品供需提升。
2021年1月進口值2808億美元同為我國史上單月新高年增率為299％其中以農工原料、電子零組件進口力道強勁可見廠商備貨需求不減反增在5G新興應用與電子新品備貨需求未減加上中國大陸農曆春節前還有一波拉貨潮預計我國2021年首季出口動能仍能維持正成長態勢。</t>
  </si>
  <si>
    <t>出口維持我國統計經濟春節加上進口電子分析官員動能需求單月新高年增率出口值銷售手機超乎預期iphone</t>
  </si>
  <si>
    <t>新興年增率領航億美單月新高</t>
  </si>
  <si>
    <t>新高領航單月年增率</t>
  </si>
  <si>
    <t>進入疫苗試驗英國novavax</t>
  </si>
  <si>
    <t>美國藥物開發商諾瓦瓦克斯(Novavax Inc)週五表示英國將購買6000萬劑其冠狀病毒疫苗候選產品NVX-CoV2373用於該國的3期臨床試驗。諾瓦瓦克斯在一份聲明中說該公司與英國政府將合作進行該試驗以評估該疫苗在英</t>
  </si>
  <si>
    <t>試驗疫苗瓦克斯novavaxinc週五表示諾瓦英國購買進行冠狀病毒公司產品諾瓦瓦克斯聲明合作nvx-cov用於英國政府臨床開發商藥物評估美國</t>
  </si>
  <si>
    <t>美國藥物開發商諾瓦瓦克斯(Novavax Inc)週五表示英國將購買6000萬劑其冠狀病毒疫苗候選產品NVX-CoV2373用於該國的3期臨床試驗。
諾瓦瓦克斯在一份聲明中說該公司與英國政府將合作進行該試驗以評估該疫苗在英國民眾中的效力但未透露該協議的任何財務細節。該試驗將對約9000名18歲至85歲的成年人進行研究。
諾瓦瓦克斯公司將與Fujifilm Diosynth Biotechnologies公司合作在英國生產其候選COVID-19疫苗的抗原成分。該公司還準備在今年1月份向美國交付1億劑疫苗之前該公司獲得了16億美元的資金用於在該國進行候選疫苗的測試和生產。
迄今為止諾瓦瓦克斯的冠狀病毒疫苗已獲得20億美元的資金其中包括來自流行病預防創新聯盟（CEPI）的384億美元。
諾瓦瓦克斯公司表示最早將於2021年第一季度向英國提供NVX-CoV2373劑量而第三階段試驗預計將於今年第三季度開始。諾瓦瓦克斯並補充說英國的Fujifilm Diosynth Biotechnologies站點預計每年產生約18億劑。
隨著開發安全有效的疫苗的競賽已進入測試的最後階段美國和英國正在與製藥商爭先恐後地達成協議以儲備實驗性冠狀病毒疫苗的供應。
目前全球尚無批准的COVID-19疫苗而正在研究中的有25種以上的候選疫苗。
在一項早期試驗中諾瓦瓦克斯的候選疫苗NVX-CoV2373在健康志願者中產生的抗體水準比在康復的COVID-19患者中發現的抗體高出兩倍並且疫苗總體上「耐受性良好」。</t>
  </si>
  <si>
    <t>疫苗英國諾瓦瓦克斯公司試驗covid-美國病毒nvx-cov進行正在產生今年預計表示階段測試中的抗體用於生產研究冠狀資金合作</t>
  </si>
  <si>
    <t>新冠肺炎Novavax英國疫苗試驗</t>
  </si>
  <si>
    <t>肺炎英國novavax疫苗試驗</t>
  </si>
  <si>
    <t>餐廳德拉蒙感動nba流淚</t>
  </si>
  <si>
    <t>現效力騎士隊的籃板王德拉蒙(Andre Drummond)是個很大方的人！德拉蒙在佛州棕櫚灘的一家餐館給小費出手居然高達1000美元(約台幣3萬)相較之下他只吃了164美元的餐點。拿到小費的女侍Kasandra Diaz興奮得不知所措</t>
  </si>
  <si>
    <t>小費德拉蒙andredrummond拿到大方佛州台幣棕櫚高達居然餐館出手一家籃板kasandra騎士隊diaz</t>
  </si>
  <si>
    <t>Our waitress @kaxandradiaz experience yesterday “Today started off as slow day at work getting there for my double shift The past week overall has been pretty slow of course due to COVID Restaurants and staff have been struggling as you can imagine Little did I know that today I would get a tip no server would guess that they would ever receive when they open that check book Unknowingly I was seated and served a table with @andredrummondd I had no idea who he was and hadn’t seen him here before but we @chedelray always welcome our new customers When I was given the checkbook I went to put in the tip &amp; information to close the table and I couldn’t believe it From a $160 check the tip read $1000 I was shaking and had tears of happiness after what he left me I had no idea how to react I didn’t want to draw attention but at the same time I couldn’t describe the the amount of appreciation I had/ have It’s so amazing to see people displaying acts of kindness in these uncertain times This is a story I will never forget thank you again so much @andredrummondd “ * * * * * * * * * @chedelray wants to thank you for your kindness it was our pleasure to have you here! We hope you enjoyed your time with us we wish you the best!
 Che!!! Restaurant（@chedelray）分享的貼文 於 PDT 2020 年 5月 月 24 日 上午 9:43 張貼
現效力騎士隊的籃板王德拉蒙(Andre Drummond)是個很大方的人！德拉蒙在佛州棕櫚灘的一家餐館給小費出手居然高達1000美元(約台幣3萬)相較之下他只吃了164美元的餐點。
拿到小費的女侍Kasandra Diaz興奮得不知所措而且她其實不認識德拉蒙。她在餐館的IG上寫道：「今天我連值兩班因為疫情的關係沒什麼生意大家都很慘結果我拿到了一般服務生無法想像的小費。」
「我不知他(德拉蒙)是誰我從沒在這裡看過他。結帳的時候我不敢相信160美元的帳單加上1000美元的小費我開心得流淚滿懷感激又不知該如何反應。很高興知道有人在這艱困的時刻展現這種善心。」
小費是美國服務生的重要收入來源客人減少讓他們幾乎收不到錢。美媒ESPN報導幾天前也有退役NFL球員強生(Chad Johnson)給復工的餐館打賞出手1000美元小費還在帳單上寫道：「恭喜重新開張希望這些錢有幫上忙。」</t>
  </si>
  <si>
    <t>our waitress @kaxandra diaz experience yesterday today started off as slow day at work getting there for my double shift the past week overall has been pretty slow of course due to covid restaurants and staff have been struggling as you can imagine little did i know that today i would get a tip no server would guess that they would ever receive when they open that check book unknowingly i was seated and served a table with @andredrummondd i had no idea who he was and hadn t seen him here before but we @che delray always welcome our new customers when i was given the checkbook i went to put in the tip information to close the table and i couldn t believe it from a 160 check the tip read 1000 i was shaking and had tears of happiness after what he left me i had no idea how to react i didn t want to draw attention but at the same time i couldn t describe the the amount of appreciation i had have it s so amazing to see people displaying acts of kindness in these uncertain times this is a story i will never forget thank you again so much @andredrummondd @che delray wants to thank you for your kindness it was our pleasure to have you here we hope you enjoyed your time with us we wish you the best che restaurant @che delray 分享 的 貼 文 於 pdt 2020 年 5 月 月 24 日 上午 9 43 張貼 現 效力 騎士隊 的 籃板 王 德拉蒙 andre drummond 是 個 很 大方 的 人 德拉蒙 在 佛州 棕櫚 灘 的 一家 餐館 給 小費 出手 居然 高達 1000 美元 約 台幣 3萬 相 較之 下 他 只 吃 了 164 美元 的 餐 點 拿到 小費 的 女 侍 kasandra diaz 興奮 得 不知所措 而且 她 其實 不 認識 德拉蒙 她 在 餐館 的 ig 上 寫道 今天 我 連值 兩 班 因為 疫情的 關係 沒什麼 生意 大家 都 很慘 結果 我 拿 到 了 一般 服務生 無法 想像 的 小費 我 不知 他 德拉蒙 是 誰 我 從沒 在 這裡 看 過 他 結 帳 的 時候 我 不敢相信 160 美元 的 帳單 加上 1000 美元 的 小費 我 開心 得 流淚 滿懷 感激 又 不知 該 如何 反應 很 高興 知道 有人 在 這 艱 困 的 時刻 展現 這種 善心 小費 是 美國 服務生 的 重要 收入 來源 客人 減少 讓 他們 幾乎 收不到 錢 美 媒 espn 報導 幾 天 前 也 有 退役 nfl 球員 強生 chad johnson 給 復工 的 餐館 打 賞 出手 1000 美元 小費 還 在 帳單 上 寫道 恭喜 重新 開張 希望 這些 錢有 幫上 忙</t>
  </si>
  <si>
    <t>小費totheyou德拉蒙wasandof餐館haddelray@chehaveitour不知weno寫道服務生that帳單diaztip</t>
  </si>
  <si>
    <t>德拉蒙小費騎士NBANFL</t>
  </si>
  <si>
    <t>德拉蒙nfl騎士nba小費</t>
  </si>
  <si>
    <t>疫情肺炎全面停賽預估損失nba</t>
  </si>
  <si>
    <t>面對新冠肺炎疫情如臨大敵的NBA絕對沒有想到爵士中鋒戈貝爾是壓到駱駝的最後一根稻草。專家預估NBA宣佈全面停賽之後的最終損失金額將高達10億美元。根據《富比世》統計NBA在2018-19賽季總收入88億美元比賽門</t>
  </si>
  <si>
    <t>nba疫情如臨大敵統計絕對沒有富比中鋒想到金額戈貝爾高達損失爵士壓到最終駱駝之後最後停賽稻草全面專家宣佈預估肺炎</t>
  </si>
  <si>
    <t>面對新冠肺炎疫情如臨大敵的NBA絕對沒有想到爵士中鋒戈貝爾是壓到駱駝的最後一根稻草。專家預估NBA宣佈全面停賽之後的最終損失金額將高達10億美元。
根據《富比世》統計NBA在2018-19賽季總收入88億美元比賽門票收入占了22%換算之後是194億美元30支球隊平均門票收入6467萬美元再平均41個主場比賽平均每場比賽門票收入158萬美元。
NBA宣佈全面停賽之後例行賽還剩下256場若依照2018-2019賽季的平均每場門票收入158萬美元來計算光是例行賽就要損失40448億美元。
除了門票外NBA最大收入來自於電視商的轉播權利金。NBA在2014年與ESPN和TNT簽下9年高達240億美元的轉播權利金(2016-17賽季開始)換算起來NBA每年可以從轉播單位拿到26666億美元佔了NBA年度收入30%一旦NAB宣佈全部停賽轉播權利金勢必會大打折扣。南加州大學教授卡特表示以NCAA瘋狂三月季後賽為例光是一個月的效益就有93億美元NBA未來一個月的例行賽、季後賽與總決賽所損失的恐怕不只這個數字。
此外NIKE從2017-18賽季每年贊助NBA超過4000萬美元NBA停賽聯盟將彌補贊助商的損失。
如此一來NBA倘若接下來整季停賽的話門票、轉播權利金以及球衣贊助商等方面的損失就要高達10億美元以上這還不包含其他的贊助商因此新冠肺炎疫情讓財大氣粗的NBA損失慘重而對於小市場球隊恐怕會是重大打擊。</t>
  </si>
  <si>
    <t>nba門票損失收入停賽贊助商賽季例行轉播之後宣佈恐怕光是球隊高達平均換算利金轉播權疫情權利肺炎</t>
  </si>
  <si>
    <t>新冠肺炎NBA停賽損失戈貝爾</t>
  </si>
  <si>
    <t>肺炎nba停賽損失戈貝爾</t>
  </si>
  <si>
    <t>合體燕子黨中央漢子禿子</t>
  </si>
  <si>
    <t>國民黨主席江啟臣18日主持中常會決議邀請「禿子、漢子、燕子」高雄市長韓國瑜、新北市長侯友宜、台中市長盧秀燕三人優先進入黨中央「11人決策小組平臺」決定國民黨未來與方向。新北市長侯友宜19日回應抱歉目前</t>
  </si>
  <si>
    <t>市長侯友宜國民黨新北中常會主持決議邀請禿子漢子決策燕子小組平臺決定未來方向黨中央優先進入盧秀燕高雄韓國瑜台中回應江啟臣抱歉主席</t>
  </si>
  <si>
    <t>國民黨主席江啟臣18日主持中常會決議邀請「禿子、漢子、燕子」高雄市長韓國瑜、新北市長侯友宜、台中市長盧秀燕三人優先進入黨中央「11人決策小組平臺」決定國民黨未來與方向。新北市長侯友宜19日回應抱歉目前沒有接到消息現在致力於防疫謝謝大家關心。</t>
  </si>
  <si>
    <t>市長國民黨侯友宜新北現在消息接到沒有目前致力中常會抱歉主持決議邀請禿子漢子決策回應小組燕子平臺決定未來方向防疫黨中央優先</t>
  </si>
  <si>
    <t>侯友宜國民黨新北市長韓國瑜盧秀燕</t>
  </si>
  <si>
    <t>市長新北韓國國民黨盧秀燕侯友宜</t>
  </si>
  <si>
    <t>社交風險階段進入保持陸已距離鐘南山</t>
  </si>
  <si>
    <t>大陸國家衛健委高級別專家組組長鍾南山5日表示經過3個月的努力新冠肺炎疫情在大陸獲得一定程度的控制大陸進入低危險階段但不等於沒有危險提醒民眾不論在居家、公司或公共場所都要保持一定距離同時也不</t>
  </si>
  <si>
    <t>大陸一定危險專家組高級別組長南山表示努力保持居家民眾公司公共場所提醒肺炎疫情進入沒有等於獲得</t>
  </si>
  <si>
    <t>大陸國家衛健委高級別專家組組長鍾南山5日表示經過3個月的努力新冠肺炎疫情在大陸獲得一定程度的控制大陸進入低危險階段但不等於沒有危險提醒民眾不論在居家、公司或公共場所都要保持一定距離同時也不要參加集會、聚餐不要去公眾比較多的地方。
鍾南山稱只要做到保持距離及不參與集會或聚餐這兩條就能保持這疾病不會傳染給更多人不出現第二波甚至第三波疫情。做到群防群控的早發現、早報告、早隔離和早治療能使大陸更快復工復學。
他又指出有些國家現在疫情還比較嚴重大陸要特別注意外來輸入個案在大陸產生更多感染的問題。</t>
  </si>
  <si>
    <t>大陸疫情保持南山做到一定國家危險距離聚餐集會民眾組長提醒專家組居家治療表示指出</t>
  </si>
  <si>
    <t>新冠肺炎新冠病毒台灣大陸全球</t>
  </si>
  <si>
    <t>臺灣病毒大陸肺炎全球</t>
  </si>
  <si>
    <t>肺炎特別條例簽署陳時中蔡英文</t>
  </si>
  <si>
    <t>立法院三讀通過新冠肺炎特別條例後總統蔡英文在4小時內就簽署法案以利行政院儘速依法推動600億元特別預算案。預計行政院會在27日院會中通過特別預算案院長蘇貞昌3月3日赴立法院備詢特別預算案經過兩天委員會</t>
  </si>
  <si>
    <t>特別預算案行政院肺炎條例小時總統蔡英文簽署法案以利法院依法蘇貞昌院長預計院會三讀通過備詢</t>
  </si>
  <si>
    <t>立法院三讀通過新冠肺炎特別條例後總統蔡英文在4小時內就簽署法案以利行政院儘速依法推動600億元特別預算案。預計行政院會在27日院會中通過特別預算案院長蘇貞昌3月3日赴立法院備詢特別預算案經過兩天委員會審查後最快在3月13日三讀通過特別預算案。
本次特別在總統府大禮堂中公開簽署儀式邀請副總統陳建仁、總統府秘書長陳菊、行政院長蘇貞昌、立法院長遊錫堃、民進黨立院總召柯建銘等官員參與見證。
蔡英文特別將簽署法案用筆致贈給中央疫情指揮中心指揮官陳時中並且以拱手取代握手帶頭做疫情防治工作。
蔡英文感謝朝野政黨合作在最短時間內通過了《嚴重特殊傳染性肺炎防治及紓困振興特別條例》展現台灣民主的效率。她指出根據特別條例未來不論是防疫物資及生產設備的徵用、調用或是針對物資囤積及哄抬或是違反隔離措施散播關於疫情的不實訊息都有清楚的規定和處罰。
另外關於隔離檢疫措施的進行居家隔離的民眾以及照顧隔離者的家屬如果收入有受到影響都可以申請防疫補助。此外也會採取租稅鼓勵的方式來獎勵雇主給付薪資給暫時隔離的員工針對受到疫情衝擊的產業政府也會訂定紓困和振興的措施對於員工的需求也會提供必要的協助。
蔡英文透過防疫特別條例的立法從行政院到立法院從執政黨到在野黨我們都有一個共同的目標那就是盡力防堵疫情超前部署務必要確保國人的健康跟安全也要確保產業經濟的穩健。
她也呼籲這部特別條例的600億元特別預算會再送到立法院審議希望朝野各方可以再度攜手盡速審議特別預算提供防疫最有力的後盾。</t>
  </si>
  <si>
    <t>特別疫情隔離條例防疫蔡英文措施預算案簽署立法行政院受到員工防治朝野可以提供總統院長振興總統府</t>
  </si>
  <si>
    <t>過手扶梯碰到確診delta</t>
  </si>
  <si>
    <t>大陸四川成都一名機場工作人員在未接觸確診者的情況下感染Delta變異株事後衛生單位疫調發現他曾摸過確診者摸過的電扶梯扶手兩人之間相隔105分鐘且經基因定序後發現為同一個感染源。根據大陸週刊《瞭望》</t>
  </si>
  <si>
    <t>感染發現確診大陸工作人員接觸相隔之間基因扶手扶梯變異事後單位情況delta衛生曾摸</t>
  </si>
  <si>
    <t>大陸四川成都一名機場工作人員在未接觸確診者的情況下感染Delta變異株事後衛生單位疫調發現他曾摸過確診者摸過的電扶梯扶手兩人之間相隔105分鐘且經基因定序後發現為同一個感染源。
根據大陸周刊《瞭望》報導7月25日晚間8點35分左右有一家三口搭機降落於天府機場3人在機場內停留僅短短10分鐘其中小男孩未戴口罩一下機後就一路奔跑到電扶梯入口等待父母期間他的手就放在手扶梯的扶手上當時還有輕微咳嗽。
一家人出機場後就直接搭乘計程車返家到晚間10點20分前機場內經過的旅客都未碰觸小男孩摸過的電扶梯扶手直到一名負責巡邏機場的工作人員踏上手扶梯後不經意將右手扶握於小男孩碰觸的扶手上結果遭到感染。
事後衛生單位調查發現機場人員與小男孩相隔105分鐘但僅是接觸了同樣的手扶梯表面就感染Delta變異株且經過基因定序確定兩者皆為同一傳染源。
★《中時新聞網》提醒您：因應新冠肺炎疫情疾管署持續加強疫情監測與邊境管制措施 如有疑似症狀請撥打：1922專線或 0800-001922 並依指示配戴口罩儘速就醫同時主動告知醫師旅遊史及接觸史以利及時診斷及通報。</t>
  </si>
  <si>
    <t>機場扶梯接觸感染男孩發現口罩晚間疫情相隔工作人員手上確診變異基因delta</t>
  </si>
  <si>
    <t>手扶梯扶手新冠病毒Delta確診者</t>
  </si>
  <si>
    <t>病毒delta扶手確診扶梯</t>
  </si>
  <si>
    <t>歐洲延賽盛事足球</t>
  </si>
  <si>
    <t>有鑒於新冠肺炎疫情肆虐歐洲足球總會決定將歐洲國家盃延賽一年。■UEFA postpones Euro 2020 by one year because of pandemic先前歐洲各國足球聯賽早已受到疫情拖累而紛紛暫停賽事包括英格蘭足球超級聯賽（Pr</t>
  </si>
  <si>
    <t>疫情足球歐洲包括肆虐賽事紛紛暫停拖累國家延賽eurouefabyoneyearbecause受到ofpandemic先前postpones早已足球聯賽歐洲各國英格蘭肺炎決定總會</t>
  </si>
  <si>
    <t>有鑒於新冠肺炎疫情肆虐歐洲足球總會決定將歐洲國家盃延賽一年。
■UEFA postpones Euro 2020 by one year because of pandemic
先前歐洲各國足球聯賽早已受到疫情拖累而紛紛暫停賽事包括英格蘭足球超級聯賽（Premier League）與西班牙足球甲級聯賽等。如今素有「小世界盃」之稱的2020年歐洲國家盃（Euro 2020）延後一年舉辦。
防範疫情 確定延賽
歐洲足球總會（UEFA）近日緊急開會決議為了防範新冠肺炎疫情在歐洲持續擴大而決議延賽。該機構表示歐洲國家盃延賽將導致3億歐元（約327億美元）的損失。
四年一度的歐洲國家盃原定於今年6月12日～7月12日登場主辦城市涵蓋英國倫敦、蘇格蘭格拉斯哥與都柏林等但如今卻受肺炎疫情影響而延至明年6月11日～7月11日舉辦。
UEFA主席切費林（Aleksander Ceferin）表示：「球員、球迷與工作人員的健康是我們的首要考量。此時大家最需要的是團結一心每個人都要犧牲一些東西才能獲得最佳結果。」
隨著歐洲淪為疫情重災區新冠肺炎確診病例暴增法國、義大利與西班牙等國相繼推出封鎖措施與旅遊禁令外界對於歐洲國家盃延期舉辦早有心理準備。
在UEFA宣佈歐洲國家盃延賽後該組織旗下的歐洲冠軍聯賽（Champions League）與歐足總歐洲聯賽（Europa League）可望獲得更多時間打完暫時停擺的賽事。
UEFA希望歐洲各國聯賽所有賽事都能在本賽季6月30日前完成但能否達到此目標取決於疫情是否獲控制並趨緩。
該組織表示球迷群聚為他們支持的球隊喝采加油恐導致肺炎病毒散播得更快、增加政府防疫困難與公衛負擔而這正是他們將賽事延後的考量因素之一。
衝擊財務 損失3億歐元
UEFA表示歐洲國家盃延賽將造成3億歐元損失但總比取消賽事損失4億歐元（436億美元）來得好。切費林表示：「延後歐洲國家盃將對我們帶來極大財務衝擊但我們將盡全力確保此賽事發展不受影響。」
事實上歐洲國家盃這類體壇盛事創造的經濟產值極大。以2016年為例歐洲國家盃當時為主辦國法國帶來約13億美元收益。
延賽總比取消好
安侯建業聯合會計師事務所（KPMG）分析師拉特瑞（Andrea Sartori）表示幸好歐洲國家盃只是延期而非完全取消因為不論是任何等級賽事取消肯定會帶來極大的經濟衝擊。
UEFA旗下聘雇約400名工作人員負責籌備歐洲國家盃賽事如今比賽延後一年這些人能否保住飯碗還是一大問題。
KPMG亦預估指出受到此次肺炎疫情的影響歐洲足球五大聯賽陸續宣佈暫停賽事若這些賽事最終真的遭到取消那門票、電視轉播與比賽贊助的損失合計恐怕高達40億歐元（約438億美元）。</t>
  </si>
  <si>
    <t>歐洲國家賽事疫情uefa肺炎表示延賽取消損失足球聯賽如今歐元影響舉辦帶來kpmgleague衝擊能否極大法國</t>
  </si>
  <si>
    <t>UEFA肺炎歐洲國家盃億歐取消</t>
  </si>
  <si>
    <t>國家歐洲肺炎uefa取消</t>
  </si>
  <si>
    <t>確診相關新增足跡高雄曝光</t>
  </si>
  <si>
    <t>原先中央流行疫情指揮中心19日宣佈高雄新增8個確診案例其中確診者的職業包含退休老師、保險員、居服員、學生等而一位6歲女童第一次採檢雖程弱陽性但二採呈陰性因此排除染疫高雄改為新增7例確診個案高市</t>
  </si>
  <si>
    <t>新增確診高雄指揮中心宣佈老師包含女童退休學生改為保險員居服陰性排除疫情職業程弱陽性案例流行</t>
  </si>
  <si>
    <t>原先中央流行疫情指揮中心19日宣佈高雄新增8個確診案例其中確診者的職業包含退休老師、保險員、居服員、學生等而一位6歲女童第一次採檢雖程弱陽性但二採呈陰性因此排除染疫高雄改為新增7例確診個案高市府19日也公佈確診者疫調後的相關足跡。
高市府衛生局指出案2356為退休老師由於他曾在臺北與案1889有過密切接觸因此研判1889為該案的感染源案2356的相關足跡是13日中午12時10分到1時45分搭乘高鐵633班次從桃園南下左營大約14點到14點15分到左營區自由黃昏市場吃鱔魚麵2點半到晚上8點在國立高雄科技大學建工校區兼課下課後在建工校區後門沒有招牌的小吃店用餐8點半到9點則到大昌路、義華路口的公車站牌搭217公車返家隔日下午1點半到6點又回到高科大學建工校區兼課共匡列接觸者40人部分採檢為陰性部分還在檢驗當中。
案2357為仁惠醫院護理師他從頭到尾並無任何症狀經過疫調後得知14日下午5點半到六點的五權南路、國光路的黃昏攤販市場16日下午3時42分到5時42分到鳳山大潤發共匡列4位接觸者檢驗結果全數呈陰性。
案2527是保險員由於工作性質導致他的社交活動相對較多所以追蹤對象相對複雜他在18日開始出現發燒狀態發病前的足跡3日到7日是正常上班7日晚間12點到淩晨4點在苓雅區九度空間酒吧與朋友聚餐、歡唱8日晚上9點下班後到隔天淩晨1點曾與朋友到享溫馨巨蛋店唱歌。
而9日下午5點半到6點到牛老大涮涮鍋吃飯隨後到新崛江逛街接著14日晚上7點到10點在左營區串門子海鮮串燒聚餐17日在華南產物保險有會議後來到BMW博愛廠目前共掌握接觸者35人匡列人員中發現有一些人有北部活動史足跡詳細疫調還在釐清當中因為該案活動史相對複雜需要一些時間進行足跡比對。
接下來案2351是30多歲男性作業員也是高雄市第183案的兒子同住的父親在萬華有活動史確診因此研判是家庭群聚感染18日發病主動到醫院採檢程陽性16日淩晨1點至2點至前鎮區光華二路的「光華愛旺夾夾」、新興區復興一路的「夾爽快」、苓雅區文橫二路「萌獅部落」、新興區新田路高視眼鏡原址、新興區仁智街「嗨客」、新興區五福二路「檯客二代選物販賣」等娃娃機店補充貨物17日休假未外出匡列接觸者共6人。
案2530為男性居服員足跡相對單純15日中午12點30到40分去過前鎮區瑞北路的「方師傅點心坊瑞北店」17日晚上10點45分入住前鎮區新光路的高雄海景美屋住宿3008房匡列接觸者8人相關細節還在持續疫調中。
案2529是53歲男性業務員17日出現相關症狀18日採檢確診14日下午5點31分至7點5分搭高鐵南下149班次自臺北到新左營7點10分至8點15分自捷運新左營站搭捷運至美麗島站再轉至市議會站17日上午8點15至12點至三民區林森一路菱和貿易公司上班12點至12點30分至新興區南華路156號與南華橫路前無招牌小吃店12點30分至下午6點30分再回公司匡列接觸者共10人目前正在等待檢驗當中。
案2352是居住在鼓山區學生有在仁武區物流公司打工16日自覺喉嚨癢下班後去採檢第一次陰性隔天症狀加劇再度採檢呈陽性根據疫調顯示14日下午6點30分至8點在高雄科技大學楠梓校區上課14、15日上午8點至下午點至仁武區物流公司上班16、17日全天在家休息18日上午7點30分至50分至鼓山區明倫路「原動力早餐明倫店」吃早餐目前匡列接觸者25人目前正在等待檢驗當中。</t>
  </si>
  <si>
    <t>下午分至足跡匡列高雄新興區接觸確診晚上公司相對陰性相關</t>
  </si>
  <si>
    <t>新冠肺炎台灣高雄足跡確診</t>
  </si>
  <si>
    <t>高雄肺炎臺灣足跡確診</t>
  </si>
  <si>
    <t>投籃姿勢林書豪cba周董</t>
  </si>
  <si>
    <t>就算大陸CBA因為新冠肺炎疫情陷入無限期停賽林書豪卻沒停止自己苦練不休腳步！林書豪6日在IG貼出自己努力練習全新投籃姿勢影片更自嘲過往投籃動作有夠醜不過豪哥最後沒忘記跟好友周傑倫嗆聲「該你了吧兄弟</t>
  </si>
  <si>
    <t>林書豪投籃肺炎忘記疫情陷入最後無限期停賽過往動作姿勢練習停止努力腳步貼出ig</t>
  </si>
  <si>
    <t>Im hot!! ? ?  Over the years I&amp;apos;ve continually lowered my shot pocket and smoothed out my shooting motion This is the best my shots ever felteffortless lower jump quicker release more fluid and much deeper range! S/o trainer @jwafan for literally hundreds of thousands of reps of work over the last 9 years! And shushhh I know I stepped on the line once Side note I almost threw up looking at pictures of my old shot (slide right) lol Your turn @jaychou 該你了吧兄弟 #extracredit #thewaitinggametour
 Jeremy Lin 林書豪（@jlin7）分享的貼文 於 PST 2020 年 3月 月 5 日 下午 3:17 張貼
就算大陸CBA因為新冠肺炎疫情陷入無限期停賽林書豪卻沒停止自己苦練不休腳步！林書豪6日在IG貼出自己努力練習全新投籃姿勢影片更自嘲過往投籃動作有夠醜不過豪哥最後沒忘記跟好友周傑倫嗆聲「該你了吧兄弟！」
「我的手感火熱！我不斷訓練降低我的出手點舒緩投籃動作這是我有史以來感覺最棒的投籃姿勢省力、更低的跳躍點、更快的出手、更柔和與更高的球線弧度」林書豪說「噓！我知道過去我的投籃很醜看那些照片都快吐了。」
林書豪並非只用嘴巴說說從這個投籃影片當中可以看到豪哥不管快速移動到任何一個三分球出手點都能空心命中仔細數下來他竟然一口氣連進11球難怪他會如此滿意自己全新調整的投籃姿勢接著就等他在場上真正使用。
不僅在個人IG秀出自己百步穿楊影片林書豪也貼了4張自己過去待在勇士、尼克與湖人等隊的投籃照片確實怎麼看都怪怪的難怪連他自己都嫌醜只是聽到豪哥如此嗆聲不知道周傑倫是否也會馬上貼出投籃影片回嗆自己好友。</t>
  </si>
  <si>
    <t>投籃林書豪themy影片and出手姿勢ofshot兄弟yearsig難怪知道動作過去</t>
  </si>
  <si>
    <t>林書豪投籃大陸嗆聲CBA</t>
  </si>
  <si>
    <t>大陸投籃林書豪cba</t>
  </si>
  <si>
    <t>拍板全國延長警戒行政院</t>
  </si>
  <si>
    <t>國內自上月起爆發一波新冠肺炎疫情行政院也宣佈全國進入三級警戒至6月14日。行政院長蘇貞昌今日表示在審酌各部會意見後已裁示全國三級警戒延長至6月28日。蘇貞昌指出全國各級學校將配合停止到校上課到暑假</t>
  </si>
  <si>
    <t>全國蘇貞昌警戒停止肺炎配合疫情爆發行政院學校到校宣佈意見指出表示進入今日</t>
  </si>
  <si>
    <t>國內自上月起爆發一波新冠肺炎疫情行政院也宣佈全國進入三級警戒至6月14日。行政院長蘇貞昌今日表示在審酌各部會意見後已裁示全國三級警戒延長至6月28日。
蘇貞昌指出全國各級學校將配合停止到校上課到暑假相關措施將會由疫情指揮中心指揮官陳時中在今日下午的記者會宣佈。另外也指示教育部做好大學指考等相關防疫規劃。
蘇貞昌說日本上周捐贈的124萬劑AZ疫苗本周完成檢驗封緘後就能開始配撥施打而這批疫苗將優先提供給75歲以上長者、養護機構及洗腎患者。
苗栗一家電子廠移工在上周出現群聚感染導致7千多名員工受影響195人確診。蘇貞昌表示已請勞動部和內政部協助各縣市做篩檢作業處理移工居住環境管理、健康檢測也已安排翻譯人員協助卻者及隔離移工關懷照顧。</t>
  </si>
  <si>
    <t>蘇貞昌全國疫苗上周疫情相關今日協助宣佈表示警戒爆發機構患者養護肺炎苗栗</t>
  </si>
  <si>
    <t>新冠肺炎台灣擴大防疫會議三級警戒</t>
  </si>
  <si>
    <t>擴大臺灣防疫肺炎會議警戒</t>
  </si>
  <si>
    <t>抗爭示威者冠也上街心聲就算</t>
  </si>
  <si>
    <t>非裔男子之死點燃全美各地示威抗爭美國疾病管制暨預防中心（CDC）已經提出警告抗爭行動可能再一次引爆新冠肺炎疫情。不過示威人士說出心聲認為疫情讓他們太無助現在終於有一件事重要到能夠親自參與。明尼蘇</t>
  </si>
  <si>
    <t>示威抗爭疫情能夠重要終於全美現在親自無助認為美國中心疾病預防肺炎cdc已經提出警告管制行動再一可能</t>
  </si>
  <si>
    <t>非裔男子之死點燃全美各地示威抗爭美國疾病管制暨預防中心（CDC）已經提出警告抗爭行動可能再一次引爆新冠肺炎疫情。不過示威人士說出心聲認為疫情讓他們太無助現在終於有一件事重要到能夠親自參與。
明尼蘇達州非裔男子佛洛伊德（George Floyd）遭白人員警壓頸後喪命全美、乃至全世界示威抗議不斷美國CDC專家警告抗爭行動可能為新冠病毒提供良好的傳播機會。
不過美國有線電視新聞網（CNN）報導23歲的示威人士Jazondre Gibbs昨（6）日吐露心聲在經歷數周困在家的生活後她很高興終於有一件事能夠親自參與。她說這場疫情讓她感到「很無助」沒辦法控制做了多少病毒檢測、盤點口罩庫存但參加抗議、發送食物、水等是她可以親自掌控的因此週六一大早她就驅車前往華府市中心擺攤為示威人士送上食物、水瓶、乾洗手液等。
36歲的工程師佛斯特（Sarah Foster）也表示在消極數周後她終於找到機會能夠有一番作為。「終於有一件非常重要的事我們能夠參與、幫忙。當然人們確實比建議的6英尺距離還要近一些但我認為我們在做的事實在太重要每個人會找到保持距離的方式的」佛斯特說。
美國約翰霍普金斯衛生安全中心（Johns Hopkins Center for Health Security）醫學人類學資深研究員Monica Schoch-Spana分析人們認為佛洛伊德喪命引發的災難相當急迫因此即便擔憂新冠肺炎疫情他們也甘冒風險上街。</t>
  </si>
  <si>
    <t>示威疫情認為人士終於美國親自能夠抗爭參與佛斯特喪命佛洛伊德重要人們食物中心距離心聲機會</t>
  </si>
  <si>
    <t>美國美國暴動非裔黑人佛洛伊德</t>
  </si>
  <si>
    <t>非裔暴動黑人佛洛伊德美國</t>
  </si>
  <si>
    <t>疫情拖累亞太經濟穆迪</t>
  </si>
  <si>
    <t>穆迪投資者服務公司（Moody’s Investors Service）18日發布報告警告新冠肺炎疫情延燒不僅對大陸經濟帶來影響更可能拖累整個亞太地區成長放緩。而交銀國際控股公司（Bocom International）則認為此次肺炎對於大</t>
  </si>
  <si>
    <t>肺炎investorsservice發佈international報告公司警告bocom控股國際moody放緩成長亞太地區拖累可能疫情影響帶來經濟</t>
  </si>
  <si>
    <t>穆迪投資者服務公司（Moody’s Investors Service）18日發布報告警告新冠肺炎疫情延燒不僅對大陸經濟帶來影響更可能拖累整個亞太地區成長放緩。而交銀國際控股公司（Bocom International）則認為此次肺炎對於大陸經濟衝擊更勝於SARS危機。
穆迪週二在報告中調降大陸今年經濟成長預估從原本的58％降至52％同時警告「肺炎帶來嚴重但短期的經濟衝擊更可能波及整個亞太地區經濟」。
穆迪指出受到肺炎疫情影響大陸進口需求下滑這是拖累亞太地區經濟放緩的主因。
穆迪表示貿易與觀光業恐受傷最深而其他產業亦難逃供應鏈被迫中斷的命運。而香港、澳門將承受最大打擊畢竟這兩地與大陸經濟往來十分密切。
穆迪報告指出：「受到全球貿易放緩拖累亞太地區去年經濟明顯減速如今又遭遇肺炎疫情衝擊。」
交銀國際亦抱持類似看法直指此次肺炎疫情對於大陸經濟的衝擊恐超越2003年SARS期間。
該公司指出其中受影響最深的將是服務業。該產業如今產值約佔大陸國內生產毛額（GDP）的59％比重遠高於2003年的43％。
交銀國際預估光是電影、餐飲與觀光業的收入損失便可能超過1兆人民幣這約佔2019年第一季GDP的5％。
交銀國際亦指出若疫情持續升溫的話大陸中小型企業恐面臨存亡危機這些企業貢獻60％以上的全國GDP。大陸經濟先前早已出現放緩跡象再加上此次疫情打擊如今更整合的產業鏈許多中小企業可能因此倒閉。</t>
  </si>
  <si>
    <t>大陸經濟疫情肺炎穆迪指出可能放緩報告如今國際衝擊亞太地區gdp影響拖累打擊觀光業公司產業</t>
  </si>
  <si>
    <t>肺炎亞太經濟大陸經濟穆迪</t>
  </si>
  <si>
    <t>大陸經濟亞太穆迪肺炎</t>
  </si>
  <si>
    <t>醫療控訴疫苗返台</t>
  </si>
  <si>
    <t>新冠肺炎的病毒傳播力不容小覷各國全都繃緊神經實施防疫作為。從特定國家返台的國人需須配合政策自主管理14天。不過日前有位媽媽控訴她帶1歲女兒從南韓返台她們急著要打疫苗卻遭3家醫院拒絕讓這名媽媽控訴</t>
  </si>
  <si>
    <t>返台媽媽控訴不容小覷全都繃緊神經實施病毒傳播防疫作為國家疫苗醫院國人政策自主配合管理日前</t>
  </si>
  <si>
    <t>新冠肺炎的病毒傳播力不容小覷各國全都繃緊神經實施防疫作為。從特定國家返台的國人需須配合政策自主管理14天。不過日前有位媽媽控訴她帶1歲女兒從南韓返台她們急著要打疫苗卻遭3家醫院拒絕讓這名媽媽控訴小孩淪為「醫療人球」。對此婦產科名醫蘇怡寧在臉書上怒轟「是在急個屁？」表示疫苗要打但時間很重要他表示醫院很應該要「直接叫她滾啊！」
新冠肺炎疫情在韓國迅速延燒中央流行疫情中心2/25將韓國旅遊疫情建議提升為第三級「警告」(Warning)2/27日零時以前返台者均須作自主健康管理14天2/27零時以後返台者則全部須配合居家檢疫14天。
蘇怡寧在臉書粉專「蘇怡寧醫師愛碎念」上分享他見新聞報導指出一名媽媽2/25從南韓返台目的是想要替女兒施打疫苗但先後遭安南醫院、奇美醫院和成大醫院拒絕這使得這名媽媽認為被當「醫療人球」。
蘇怡寧發表看法表示看到這則新聞火氣都來了！全台醫院都在繃緊神經防疫現在卻見到這種情況這讓他痛批這名媽媽：「你煩不煩打疫苗本來就沒有急迫性X這很難懂嗎？」
蘇怡寧認為這名媽媽本身在自主健康管理期間再加上從有特殊疫情的地區回來醫院為了保護全體國人的權益而「暫時延緩」對其女兒施打疫苗因此他想怒問這名媽媽：「這有什麼問題嗎？你是在抱怨個什麼？」
「什麼叫醫療人球？」蘇怡寧指出上述2人目前仍在自主健康管理期間還是從特殊疫情地區返台若女兒打完疫苗之後出現發燒的狀況屆時必須動用許多人力才能診斷是因為打疫苗引起的發燒？還是因為新冠肺炎才發燒？等哪天得到新冠肺炎沒有醫院願意收治才叫醫療人球！
蘇怡寧更怒斥這名媽媽：「你說你之前有點延誤施打怕拖太久那是你家的事；你急著之後要回大邱那也是你家的事。沒有其他人需要為此負責只有作為父母的你自己才需要負責。」
最後蘇怡寧提到目前屬於特殊時刻非必要醫療需求請勿至醫院保護自己也保護了別人「疫苗當然建議要打但你是在急個屁？」PO文一曝光後也引起許多網友熱議</t>
  </si>
  <si>
    <t>媽媽醫院蘇怡寧疫苗返台疫情醫療女兒沒有自主施打管理肺炎特殊表示健康發燒</t>
  </si>
  <si>
    <t>返台韓國蘇怡寧居家檢疫新冠肺炎</t>
  </si>
  <si>
    <t>居家檢疫蘇怡甯韓國返台肺炎</t>
  </si>
  <si>
    <t>市府訊息澄清查辦</t>
  </si>
  <si>
    <t>網路再傳新冠肺炎相關疫情假訊息！有網友在20日下午於PTT版上發文指親戚在竹市府上班下午停班囉疑似有確診案例市府晚間發出新聞稿澄清並無停班情形也無確診病例並再次呼籲民眾勿傳假訊息以免觸法。今</t>
  </si>
  <si>
    <t>下午市府訊息確診肺炎相關疫情民眾再次呼籲病例網友ptt發文親戚上班</t>
  </si>
  <si>
    <t>網路再傳新冠肺炎相關疫情假訊息！有網友在20日下午於PTT版上發文指親戚在竹市府上班下午停班囉疑似有確診案例市府晚間發出新聞稿澄清並無停班情形也無確診病例並再次呼籲民眾勿傳假訊息以免觸法。
今天下午有網友在網路發文指「剛剛同事的親戚在新竹市政府上班的說下午停班囉疑似有確診案例坐等新聞中…」。
新竹市在晚間5點20分發出新聞稿駁斥市府表示因有市府同仁為疑似病例故先行啟動相關防疫作為但經採檢後該員確認為陰性故排除狀況市府也無停班之情形。
市府也呼籲社會大眾防疫期間涉及散佈有關傳染病流行疫情之謠言或傳播不實的流行疫情消息足以生損害於公眾或他人者將可依傳染病防治法第63條規定最高可處300萬元罰金呼籲民眾切勿以身觸法。</t>
  </si>
  <si>
    <t>市府呼籲疫情下午傳染病防疫確診相關新竹網友民眾訊息發文流行親戚發出晚間新聞稿網路上班</t>
  </si>
  <si>
    <t>市府肺炎疫情呼籲新竹市新冠肺炎</t>
  </si>
  <si>
    <t>肺炎呼籲新竹疫情市府</t>
  </si>
  <si>
    <t>嘉義男員工拜廟老闆娘百貨工廠家樂福</t>
  </si>
  <si>
    <t>嘉義縣水上鄉某鋁業工廠爆發10人確診的群聚感染其中50多歲工廠老闆娘案15760曾到嘉義市拜廟30多歲男員工案15766曾來嘉義市耐斯百貨、家樂福北門店、順發3C量販店等5處趴趴走。嘉義市政府今天公佈此2例確診者活</t>
  </si>
  <si>
    <t>嘉義確診工廠公佈今天順發爆發家樂福百貨感染老闆娘量販店市政府鋁業</t>
  </si>
  <si>
    <t>嘉義縣水上鄉某鋁業工廠爆發10人確診的群聚感染其中50多歲工廠老闆娘案15760曾到嘉義市拜廟30多歲男員工案15766曾來嘉義市耐斯百貨、家樂福北門店、順發3C量販店等5處趴趴走。
嘉義市政府今天公佈此2例確診者活動足跡案15760為50多歲女性7月28日晚間9時38分到嘉義市天旨佛天宮於廟埕參拜停留約10分鐘後立即返家全程佩戴口罩且沒有其他本市足跡。
案15766為30多歲男性7月25日曾至嘉義市光南大批發、順發3C、老K牌彈簧床、耐斯廣場8樓（未到耐斯大飯店）短暫停留全程佩戴口罩；7月28日下午12時39分到家樂福北門店購物全程佩戴口罩未於飲食區飲食獨自前往過程中未與他人交談採買約40分鐘後返家。</t>
  </si>
  <si>
    <t>嘉義佩戴全程口罩確診停留順發工廠足跡家樂福返家飲食爆發過程</t>
  </si>
  <si>
    <t>嘉義市工廠耐斯百貨家樂福新冠肺炎</t>
  </si>
  <si>
    <t>百貨家樂福工廠肺炎嘉義</t>
  </si>
  <si>
    <t>小姑娘快樂小吃店擴大本土基隆確診</t>
  </si>
  <si>
    <t>中央流行疫情中心今日公佈基隆新增14名確診個案其中包含成功市場攤販妻子小姑娘小吃店1員工、2消費者另家快樂城小吃部也有3名員工確診群聚感染仍在發生基隆市長林右昌也呼籲期望近期有到小吃店工作、消</t>
  </si>
  <si>
    <t>基隆確診小吃店員工今日公佈新增個案近期成功中心包含市場攤販妻子期望小姑娘呼籲林右昌市長消費者快樂發生感染疫情</t>
  </si>
  <si>
    <t>中央流行疫情中心今日公佈基隆新增14名確診個案其中包含成功市場攤販妻子小姑娘小吃店1員工、2消費者另家快樂城小吃部也有3名員工確診群聚感染仍在發生基隆市長林右昌也呼籲期望近期有到小吃店工作、消費的民眾勇敢前往篩檢才能圍堵傳染鏈。
林右昌下午公佈14名確診個案資訊（案7415到7422、案7598到7603）其中案7415為70多歲女性為成功市場攤販（案3519）的妻子本來採檢陰性隔離就醫後於28日確診成功市場專案正式新增1名確診個案目前尚維持在家庭群聚範圍專案共累計9人確診。
此外小姑娘小吃店群聚也持續擴大新增1名員工、2消費者確診其中案7417是案3513朋友2人曾到店消費被匡列後於今日採檢確診案7598亦為食客案7600則是店內員工。昨日也有名案6869確診為小吃店員工確診專案共累計19人確診。
林說目前小姑娘店內18名員工都已全數聯繫上其中有11人完成篩檢其餘7人因為說詞反覆持續在疫調當中未來會安排採檢。
另間快樂城小吃店也有3名員工確診現已成立專案調查目前匡列16人其餘人員正在追蹤中從最早的個案5981開始目前已累計4人確診。至於果菜市場專案由匡列的96人全數篩檢陰性將持續監測到6月3日若無大礙就會結案。</t>
  </si>
  <si>
    <t>確診員工小吃店個案目前專案持續市場匡列小姑娘新增基隆林右昌累計今日成功公佈消費</t>
  </si>
  <si>
    <t>新冠肺炎台灣確診小吃店基隆</t>
  </si>
  <si>
    <t>確診肺炎臺灣小吃店基隆</t>
  </si>
  <si>
    <t>領導人防疫蔡英文傑出關鍵國人富比團結一心</t>
  </si>
  <si>
    <t>新冠肺炎疫情延燒台灣超前部署受到肯定美國商業雜誌《富比士》近日在官網列出各國抗疫有傑出表現的女性領導者蔡英文總統名列其中。 蔡英文今天表示關鍵在全體國人的團結一心台灣的防疫才會有這樣的好成績</t>
  </si>
  <si>
    <t>臺灣蔡英文超前防疫部署表示團結一心受到國人美國商業關鍵肯定全體雜誌女性富比近日表現傑出官網列出疫情</t>
  </si>
  <si>
    <t>新冠肺炎疫情延燒台灣超前部署受到肯定美國商業雜誌《富比士》近日在官網列出各國抗疫有傑出表現的女性領導者蔡英文總統名列其中。 蔡英文今天表示關鍵在全體國人的團結一心台灣的防疫才會有這樣的好成績也讓世界看到台灣人的努力與傑出。
《富比士》在官網讚譽蔡英文「防疫最早、最明快」並提到蔡英文領導的政府早在1月份出現疫情跡象時就採取了124項措施來阻止疫情蔓延讓台灣至今不必像其他地區一樣採取封鎖措施並有餘力捐贈1000萬個口罩幫助歐美國家。
對此總統府發言人張惇涵表示總統認為關鍵在全體國人的團結一心台灣的防疫才會有這樣的好成績也讓世界看到台灣人的努力與傑出。台灣防疫表現與國際支援廣受肯定這也都是政府上下一致將士用命與全體國民共同努力所締造的成果台灣也會繼續向世界展現國家實力與貢獻的熱誠。
至於國際媒體對女性領導的肯定蔡英文也認為這也是台灣所堅持的性別平權進步價值的體現「我們也相信台灣會持續往這條道路前進」。</t>
  </si>
  <si>
    <t>臺灣蔡英文疫情防疫肯定傑出全體措施政府世界採取領導國際認為女性表現總統富比官網表示關鍵努力國人</t>
  </si>
  <si>
    <t>新冠肺炎武漢肺炎COVID-19台灣超前部署</t>
  </si>
  <si>
    <t>肺炎武漢covid-臺灣超前部署</t>
  </si>
  <si>
    <t>流行供給壓抑原油需求過剩肺炎史上新高</t>
  </si>
  <si>
    <t>原油價格已跌至2016年以來的最低水準因為在OPEC與其盟國之間的價格戰中新冠肺炎繼續對全球需求造成壓力從而推動了供應過剩。截至紐約時間上午8:00國際基準布倫特原油期貨價格下跌多達10％至每桶3049美元</t>
  </si>
  <si>
    <t>價格最低水準opec原油期貨盟國之間布倫特基準戰中上午國際時間紐約截至過剩繼續供應肺炎全球推動壓力需求造成以來下跌</t>
  </si>
  <si>
    <t>原油價格已跌至2016年以來的最低水準因為在OPEC與其盟國之間的價格戰中新冠肺炎繼續對全球需求造成壓力從而推動了供應過剩。
截至紐約時間上午8:00國際基準布倫特原油期貨價格下跌多達10％至每桶3049美元。西德州中質油同時下跌813％至每桶2915美元。
在新冠肺炎大流行期間對航空燃料汽油和柴油的需求大幅下降因為航空公司取消了航班巡航線路關閉了運營並告知消費者實行社交疏遠。根據IHS Markit的報導石油需求的前景已陷於困境而OPEC與其盟國之間的全球價格戰則有可能將供應推至前所未有的水準。
IHS在報告中說如果俄羅斯和沙烏地阿拉伯之間的全球價格戰繼續進行同時世界在新冠肺炎大流行中陷入衰退那麼今年前六個月的石油過剩可能會增長到8億至13億桶。
IHS Markit副總裁兼石油市場負責人吉姆·伯克哈德（Jim Burkhard）告訴媒體：「上一次出現如此大規模的全球盈餘從未如此。」「在這之前本世紀全球六個月最大的盈餘是36億桶。即將到來的將是這個數字的兩倍甚至更多。」
IHS Markit說石油過剩的主要原因是新冠肺炎大流行帶來的需求急劇急劇下降而沙烏阿拉伯宣佈將每天增加260萬桶原油供應這打壓了價格。俄羅斯還表示它可以每天增加多達30萬至50萬桶的原油產量。
報告稱美國石油工業可能是供應過剩打擊最嚴重的國家之一。未來一年半的時間裡美國的日產量可能下降多達200萬至400萬桶。
摩根大通（JPMorgan）稱這可能導致負債累累的美國頁岩公司違約。該公司預計假設原油在2020年下半年升至40美元/桶並在明年升至50美元/桶累積的高收益能源違約率將達到24％主要在2021年。如果到2022年原油價格保持在每桶40美元附近該比率可能會更高達到59％。</t>
  </si>
  <si>
    <t>可能價格全球需求供應ihs過剩原油markit石油肺炎美國之間公司下降時間流行違約報告阿拉伯俄羅斯</t>
  </si>
  <si>
    <t>全球數字世界新冠肺炎大流行</t>
  </si>
  <si>
    <t>世界肺炎數字流行全球</t>
  </si>
  <si>
    <t>大人衛生局口罩嬰兒</t>
  </si>
  <si>
    <t>新冠肺炎全球大流行民眾紛紛排隊搶購口罩但嬰兒卻買不到美國又有6周大嬰兒染疫身亡讓家長擔憂桃園議員都為嬰兒請命。衛生局長王文彥表示嬰兒防疫採「被動防護」呼籲大人「戴好戴滿」保護嬰兒。進出醫</t>
  </si>
  <si>
    <t>嬰兒流行民眾紛紛排隊搶購防護全球被動口罩防疫買不到都為議員家長周大桃園擔憂身亡大人</t>
  </si>
  <si>
    <t>新冠肺炎全球大流行民眾紛紛排隊搶購口罩但嬰兒卻買不到美國又有6周大嬰兒染疫身亡讓家長擔憂桃園議員都為嬰兒請命。衛生局長王文彥表示嬰兒防疫採「被動防護」呼籲大人「戴好戴滿」保護嬰兒。
進出醫院 打預防針風險高
議員陳治文指出昨新增4歲男童被返台爺爺傳染美國芝加哥4月1日也傳出不足1歲、僅6周大的嬰兒感染新冠肺炎不治身亡成為全球年紀最小的死亡病例她強調嬰幼兒是被遺忘的一群尤其要打預防針一定要進出高風險的醫院或衛生所新手爸媽都感到擔憂。
議員劉茂群也說嬰兒戴成人或幼童口罩都過大如今口罩量提高應該向下延伸到嬰兒。議員謝美英則指出口罩有棉布、醫用、活性碳、N95等各式款式當場出示11種款式要王文彥「猜猜看」辨識哪款有防疫作用。
目前沒製造嬰兒專用口罩
王文彥坦言目前國內沒有製造嬰兒專用口罩強調是特殊規格一來嬰兒手會拉掉、二來流口水易沾溼戴起來沒意義且嬰兒耳朵不夠硬、掛不住也擔憂嬰兒呼吸力較弱口罩恐讓嬰兒過度費力呼吸而有窒息風險因此不建議1歲以下嬰兒戴口罩。
王文彥直言嬰兒本來就是要大人保護防疫以「被動防護」為主如要外出可在嬰兒車上加套防風罩周遭大人也全都要戴口罩他也會指示醫院和衛生所做好消毒跟分艙分流。</t>
  </si>
  <si>
    <t>嬰兒口罩議員王文彥醫院防疫擔憂大人身亡衛生所美國指出周大風險全球呼吸保護強調打預防針防護</t>
  </si>
  <si>
    <t>王文彥口罩衛生肺炎擔憂</t>
  </si>
  <si>
    <t>肺炎口罩衛生擔憂王文彥</t>
  </si>
  <si>
    <t>受新冠肺炎疫情影響中職熱身賽及例行賽賽程都可能隨之變動中職聯盟研判4月1日進行的6搶1資格賽會延期因此提早做出應變措施只要延賽或停辦中職開幕戰都會改回原本的3月28日開打。今年中職賽程因應6搶1奧運</t>
  </si>
  <si>
    <t>中職賽程疫情影響熱身賽例行做出提早延期措施應變延賽停辦開幕肺炎賽會資格原本可能進行都會隨之變動</t>
  </si>
  <si>
    <t>受新冠肺炎疫情影響中職熱身賽及例行賽賽程都可能隨之變動中職聯盟研判4月1日進行的6搶1資格賽會延期因此提早做出應變措施只要延賽或停辦中職開幕戰都會改回原本的3月28日開打。
今年中職賽程因應6搶1奧運資格賽在4月初舉行因此開幕戰提早至3月14日開打。雖然世界棒壘總會（WBSC）要到3月4日才會宣佈6搶1是否延賽或停辦不過中職研判目前疫情影響6搶1可能會延賽因此提早做出決策。
目前決議中職熱身賽照常舉行不過會加強進場觀眾的防疫措施包含強烈建議觀眾戴口罩、球場設置熱像儀或額溫槍等、球場及工作人員消毒等。
熱身賽及例行賽因應6搶1賽事因此比往年提早兩周開打不過如今可能因為疫情影響開幕戰回歸原訂時間中間的空窗期則由各球團自行安排訓練等。</t>
  </si>
  <si>
    <t>中職提早開幕熱身賽影響疫情可能延賽舉行措施因應資格賽程球場目前例行觀眾做出停辦</t>
  </si>
  <si>
    <t>中職6搶1開幕戰新冠肺炎武漢肺炎</t>
  </si>
  <si>
    <t>開幕肺炎武漢中職</t>
  </si>
  <si>
    <t>中醫有限效果冠一號誤用旅美加重病情治癒</t>
  </si>
  <si>
    <t>自從去年新冠疫情在世界各地大爆發以來台灣一直維持極低的感染人數。很不幸的最近出現了大轉折新冠疫情開始在台灣各地爆發讓政府官員、醫療人員、社會大眾措手不及恐慌及各種傳言四處快速蔓延。這讓我想起</t>
  </si>
  <si>
    <t>臺灣爆發疫情四處恐慌傳言措手不及大眾社會人員醫療官員人數感染政府不幸最近出現維持轉折世界各地一直快速</t>
  </si>
  <si>
    <t>冠一號病毒中醫臺灣臨床連花病人團隊中國疫苗中藥情況大陸治療反應病例開始</t>
  </si>
  <si>
    <t>李宗恩清冠一號新冠肺炎台灣確診</t>
  </si>
  <si>
    <t>肺炎清冠臺灣李宗恩確診</t>
  </si>
  <si>
    <t>新北本土沒了全在嘉玲</t>
  </si>
  <si>
    <t>新北市今日新增2例打破了昨日睽違96天迎來的零確診新北市市長侯友宜昨日在防疫記者會上強調面對疫情起伏應持平常心一日的零不代表日後都會是零也拿出將病毒阻絕於境外的決心召集市內26間防疫旅館業者</t>
  </si>
  <si>
    <t>昨日防疫新北市內召集境外阻絕決心病毒日後代表平常心應持起伏疫情面對強調記者會打破</t>
  </si>
  <si>
    <t>新北市今日新增2例打破了昨日睽違96天迎來的零確診新北市市長侯友宜昨日在防疫記者會上強調面對疫情起伏應持平常心一日的零不代表日後都會是零也拿出將病毒阻絕於境外的決心召集市內26間防疫旅館業者研討防堵病毒的措舉市府團隊將於下午3時召開疫情記者會說明。
侯友宜說今日新增2個個案都是居家隔離的陽性個案皆來自於樹林屬於家戶感染而截至13日居家隔離情形共有566人被列管有28人可解除隔離。今日案例接觸者有3人、居家隔離3人。
新北市衛生局長陳潤秋補充這2例都是先前新莊家族群聚感染衍生個案全案目前累計已有14人確診。
此外永和社區某社區5人確診市府派出機動篩檢站迄今已篩檢1679人除2例陽性外其他都是陰性無其他確診個案侯友宜說希望市民出來篩檢時間到今天下午4點半在永和仁愛公園活動中心鼓勵大家出來篩檢。
中央流行疫情指揮中心今(14)日公佈國內新增7例COVID-19確定病例分別為3例本土及4例境外移入；另確診個案中新增2例死亡。
指揮中心表示今日新增之3例本土病例(其中2例為居家隔離期間陽性者)為1例男性、2例女性年齡介於30多歲至60多歲發病日均為今(2021)年8月12日。個案分佈為新北市2例、臺北市1例；其中2例為已知感染源、1例關聯不明將持續進行疫情調查以釐清感染源。
指揮中心說明今日新增2例死亡個案中案4213為50多歲男性有慢性病史及相關活動接觸史5月17日起陸續出現咳嗽有痰、胸痛、腹瀉症狀5月22日就醫採檢並住院隔離治療5月23日確診6月11日解除隔離並出院6月21日因其他原因死亡。案11423為90多歲女性有慢性病史、無相關活動接觸史6月3日出現發燒、咳嗽、嘔吐症狀6月5日就醫採檢並住院隔離治療6月7日確診6月22日解除隔離並出院7月12日因其他原因死亡。</t>
  </si>
  <si>
    <t>個案隔離確診疫情感染新增今日中心居家新北侯友宜接觸指揮活動病毒防疫市府死亡境外昨日</t>
  </si>
  <si>
    <t>新冠肺炎台灣新北侯友宜確診</t>
  </si>
  <si>
    <t>新北肺炎臺灣侯友宜確診</t>
  </si>
  <si>
    <t>防疫臺灣跟進不敢秘辛西方</t>
  </si>
  <si>
    <t>對於台灣目前自豪的防疫措施包括追蹤手機移動足跡、發送簡訊、管理居家隔離朱學恒不厭其煩指出西方世界都不敢跟進因為這侵犯個資太過嚴重到時候會有違憲國賠的問題啊！英國倫敦智庫「深入認知」（Deep Kno</t>
  </si>
  <si>
    <t>防疫措施英國倫敦包括問題追蹤國賠手機違憲移動足跡發送簡訊到時候嚴重管理自豪深入居家隔離朱學侵犯跟進</t>
  </si>
  <si>
    <t>對於台灣目前自豪的防疫措施包括追蹤手機移動足跡、發送簡訊、管理居家隔離朱學恒不厭其煩指出西方世界都不敢跟進因為這侵犯個資太過嚴重到時候會有違憲國賠的問題啊！
英國倫敦智庫「深入認知」（Deep Knowledge Group）最新研究報告整理出新冠肺炎疫情10大「安全國家」排名以色列奪冠其次別為德國、南韓、澳州、大陸、紐西蘭、台灣、新加坡、日本及香港。而台灣自己也宣傳全球各國以及主要媒體也都紛紛稱讚並借鏡台灣防疫作法。
不過宅神朱學恒說他不厭其煩批評目前台灣的這種追蹤模式真的有侵犯隱私權的問題因為這等於是在未經62萬人授權的狀況下從電信公司獲取他們的手機移動足跡而且拿來發送簡訊或是做居家隔離的管理而且也未明定使用用途和保存期限。
朱學恒也表示西方世界都不敢跟進因為這侵犯個資太過嚴重沒有全國民意支持不能隨便妄動。
朱學恆強調這絕對不能只靠甚麼制定「嚴重特殊傳染性肺炎防治及紓困振興特別條例」短短的第7條「中央流行疫情指揮中心指揮官為防治控制疫情需要得實施必要之應變處置或措施」就包山包海全部授權了因為這一條連紓困發錢都不夠搞到大家頭暈腦脹到時候會有違憲國賠的問題啊！</t>
  </si>
  <si>
    <t>臺灣朱學疫情嚴重肺炎紓困授權侵犯措施防治問題追蹤防疫不能手機不厭其煩目前移動管理到時候足跡隔離居家發送</t>
  </si>
  <si>
    <t>朱學恒宅神新冠肺炎新冠病毒台灣</t>
  </si>
  <si>
    <t>肺炎臺灣病毒朱學</t>
  </si>
  <si>
    <t>最高加碼曝光加倍新北</t>
  </si>
  <si>
    <t>新北今天新增1例確診新北市市長侯友宜今日於疫情記者會上宣佈新北將推出新北加倍券可以把500換1千、1千換2千甚至最高可以5千換1萬每種券種都有限定份數詳細的加碼細節將於日後再宣佈。中央公佈五倍券相</t>
  </si>
  <si>
    <t>新北 今天 新增 1 例 確診 新北 市 市長 侯友宜 今日 於 疫情 記者會 上 宣佈 新北 將 推出 新北 加倍 券 可以 把 500 換 1千1千 換 2千 甚至 最高 可 以 5千 換 1萬 每種 券種 都 有 限定 份 數 詳細 的 加碼 細節 將 於 日後 再 宣佈 中央 公佈 五 倍 券 相</t>
  </si>
  <si>
    <t>新北宣佈券種市長侯友宜詳細限定加碼日後今日疫情細節記者會確診可以中央推出最高甚至公佈</t>
  </si>
  <si>
    <t>新北今天新增1例確診新北市市長侯友宜今日於疫情記者會上宣佈新北將推出新北加倍券可以把500換1千、1千換2千甚至最高可以5千換1萬每種券種都有限定份數詳細的加碼細節將於日後再宣佈。
中央公佈五倍券相關細節新北市長侯友宜26日表示配合中央新北將推出「新北加倍券」共有500換1000、1000換2000與5000換1萬最小面額50元讓婆媽可以到市場買菜或小吃「加倍送、加好用、加便利」全力衝刺庶民經濟。
侯友宜說500換1000共計有20萬份、1000換2000有10萬份而5000換1萬則有1萬份總計31萬份最小面額50元小面額很好用可以買菜、買小吃可補足不找零的問題。
侯友宜說規畫市場、夜市、旅館、觀光工廠與小型商業相關活動還有相關抽獎方式會再跟市民朋友報告希望加趕快來用讓經濟快速復甦。
侯友宜於今日的防疫記者會上說新增1例確診為居家檢疫陰轉陽位於新莊截至25日為止居家隔離列管數為658人有247人解隔離今日案例為19日至25日居隔產生症狀後採檢確診因此此案無接觸者疫情仍穩定控制中。
侯友宜表示面對Delta變種病毒來勢洶洶他提出強化防疫旅館防護、確保檢測及增加醫療量能、疫苗全面催貨、學校施打規畫與境外生入校前免費PCR等五項措施。</t>
  </si>
  <si>
    <t>新北 今天 新增 1 例 確診 新北 市 市長 侯友宜 今日 於 疫情 記者會 上 宣佈 新北 將 推出 新北 加倍 券 可以 把 500 換 1千1千 換 2千 甚至 最高 可 以 5千 換 1萬 每種 券種 都 有 限定 份 數 詳細 的 加碼 細節 將 於 日後 再 宣佈 中央 公佈 五 倍 券 相關 細節 新北 市長 侯友宜 26 日 表示 配合 中央 新北 將 推出 新北 加倍 券 共有 500 換 10001000 換 2000 與 5000 換 1萬 最小 面額 50 元 讓 婆媽 可以 到 市場 買 菜 或 小吃 加倍 送 加好 用 加 便利 全力 衝刺 庶民 經濟 侯友宜 說 500 換 1000 共計 有 20萬 份 1000 換 2000 有 10萬 份 而 5000 換 1萬 則 有 1萬 份 總計 31萬 份 最小 面額 50 元 小 面額 很 好 用 可以 買 菜 買 小吃 可 補足 不 找零 的 問題 侯友宜 說 規 畫 市場 夜市 旅館 觀光 工廠 與 小型 商業 相關 活動 還有 相關 抽獎 方式 會 再 跟 市民 朋友 報告 希望 加 趕快 來用 讓 經濟 快速 復蘇 侯友 宜於 今日 的 防疫 記者會 上 說 新增 1 例 確診 為 居家 檢疫 陰轉陽 位於 新莊 截至 25 日 為止 居家 隔離 列管 數 為 658 人 有 247 人 解 隔離 今日 案例 為 19 日 至 25 日 居 隔 產生 症狀 後 采 檢 確診 因此 此案 無 接觸 者 疫情 仍 穩定 控制 中 侯友宜 表示 面對 delta 變種 病毒 來勢洶洶 他 提出 強化 防疫 旅館 防護 確保 檢測 及 增加 醫療 量 能 疫苗 全面 催 貨 學校 施打 規 畫 與 境外 生 入校 前 免費 pcr 等 五 項 措施</t>
  </si>
  <si>
    <t>侯友宜新北確診今日可以相關旅館防疫經濟市場疫情細節加倍居家表示面額中央</t>
  </si>
  <si>
    <t>振興五倍券振興券五倍券相關新聞新冠肺炎</t>
  </si>
  <si>
    <t>下來陳時中確診關鍵新北原因</t>
  </si>
  <si>
    <t>本土疫情嚴峻其中雙北屬「重災區」尤其新北市每日確診數居高不下仍維持3位數民進黨立委吳秉叡今(10)日在立法院質詢時問為何新北確診數始終蟬聯全台第一？衛福部長陳時中表示關鍵因素在於新北篩檢數量多</t>
  </si>
  <si>
    <t>新北確診重災區關鍵因素尤其表示陳時中部長衛福黨立委民進維持位數全台居高不下蟬聯雙北法院始終質詢時問</t>
  </si>
  <si>
    <t>本土疫情嚴峻其中雙北屬「重災區」尤其新北市每日確診數居高不下仍維持3位數民進黨立委吳秉叡今(10)日在立法院質詢時問為何新北確診數始終蟬聯全台第一？衛福部長陳時中表示關鍵因素在於新北篩檢數量多而且無症狀、輕症比例相對較高。
中央流行疫情指揮中心10日公佈國內新增263例本土個案其中以新北市112例最多其次為臺北市58例。吳秉叡今天在立法院質詢時詢問陳時中新北市確診數為何始終降不下來？每天看到新北市確診數蟬聯第一害他現在都不太敢出門了。
吳秉叡指出自從新北確診數超越臺北市後臺北市現在已經降到剩幾十個新北仍維持破百例陳時中則解釋新北市政府有它好的地方因為做篩檢比較積極、數量也多自然確診數就多而且裡面無症狀、輕症比例相對較高。
對於苗栗電子廠發生外籍移工群聚感染吳秉叡說自從前進指揮所指揮官王必勝下去指揮後數量有降低能不能也來幫幫新北市？陳時中則表示新北市移置速度快且一直都與中央密切聯繫中央集檢所會充分配合且加強版防疫旅館已有增加。</t>
  </si>
  <si>
    <t>新北確診陳時中數量中央指揮吳秉睿臺北市現在維持疫情法院始終蟬聯</t>
  </si>
  <si>
    <t>新北確診數陳時中吳秉叡新冠肺炎</t>
  </si>
  <si>
    <t>吳秉睿陳時中確診新北肺炎</t>
  </si>
  <si>
    <t>密切接觸delta空姐機師陰解</t>
  </si>
  <si>
    <t>長榮航空三名機師「突破性感染」新冠病毒Delta變異株不但造成一名機師兒子染疫風暴也延燒到台中讓兩名職場接觸者（空服員）及其9名親友遭到匡列隔離繼日前接觸案16119空姐和其7名同住家屬解隔離後另外接觸</t>
  </si>
  <si>
    <t>接觸機師隔離突破性感染病毒delta變異造成兒子風暴延燒到台中空姐日前空服親友匡列遭到</t>
  </si>
  <si>
    <t>長榮航空三名機師「突破性感染」新冠病毒Delta變異株不但造成一名機師兒子染疫風暴也延燒到台中讓兩名職場接觸者（空服員）及其9名親友遭到匡列隔離繼日前接觸案16119空姐和其7名同住家屬解隔離後另外接觸到16120的空姐13日三採陰已於14日解隔離。
長榮航空三名機師打過兩劑疫苗後仍遭突破性感染引爆全台Delta入侵恐慌台中市衛生局也接獲中央流行疫情指揮中心通知兩名設籍台中的空姐遭匡列隔離其同住家人9人也必須預防性隔離至少5天。
兩名戶籍地在台中的機組員被匡列為案16119、16120的接觸者隔離天數以最後與確診者接觸日起算14天接觸者的同住家人則為預防性隔離5天；其中案16119的接觸者及同住家人PCR採檢皆陰性已於9月7日解除隔離。
另案16120接觸者最後接觸日為8月30日9月13日採檢PCR陰性9月14日也解除隔離其同住家人為預防性隔離9月9日同樣採檢陰性、已於9月10日解除隔離。</t>
  </si>
  <si>
    <t>隔離接觸台中機師空姐預防delta突破性感染匡列解除已于家人航空pcr疫情指揮流行</t>
  </si>
  <si>
    <t>台中台灣長榮機師新冠肺炎空姐</t>
  </si>
  <si>
    <t>機師臺灣肺炎空姐台中</t>
  </si>
  <si>
    <t>分析噴發突然疫情致命關鍵美國</t>
  </si>
  <si>
    <t>受新冠肺炎疫情(COVID-19俗稱武漢肺炎)影響全球確診人數正式突破百萬其中單是美國一國就近25萬人確診佔總數約四分之一。引起網友熱議「為何美國防不了肺炎疫情？」有網友分析恐是3大關鍵因素的直接影響所</t>
  </si>
  <si>
    <t>肺炎確診網友疫情影響恐是分析美國單是突破正式全球引起美國防人數總數分之一covid-俗稱武漢</t>
  </si>
  <si>
    <t>受新冠肺炎疫情(COVID-19俗稱武漢肺炎)影響全球確診人數正式突破百萬其中單是美國一國就近25萬人確診佔總數約四分之一。引起網友熱議「為何美國防不了肺炎疫情？」有網友分析恐是3大關鍵因素的直接影響所致。
據美國約翰霍普金斯大學（Johns Hopkins University）今3日最新統計全球肺炎確診人數已超過100萬例已有53萬人因病喪命。美國則在短短一個月內確診案例翻倍來到近25萬例數量衝到全球最高比西班牙和義大利相加的23萬多例還更多。
美國疾病管制暨預防中心（US Centers for Disease Control and PreventionCDC）及全球各大學專家2月就曾預估新冠肺炎疫情席捲美國後最慘的情況是將有16億至214億美國人感染新冠肺炎20萬至170萬美國人可能病死。預估還指出感染情況恐將持續數月、甚至超過1年全美不同社區將在短時間內接連爆發疫情。
網友iphone5656對此現象相當好奇就在批踢踢論壇發文以「為何美國國力防不了肺炎疫情？」為題發文詢問引起網友熱議。「身為世界第一強國不論軍事、科技、醫療、教育等都名列前茅甚至也一堆全球企業什麼的也都在美國甚至隨便一個車庫就可以發明一堆東西這樣子的美國為什麼每天確診數量一直在暴增？這次為什麼束手無策呢？」。
有另一位網友就發文回復點出幾個關鍵「第一一開始官方口徑一致都說是小感冒雖然第一時間斷航但2、3月沒祭強制防疫手段後來疫情就爆了」。
「第二川普總統緊急命令發動太晚一些人口大州如紐約州、華盛頓州、加州醫療無法負擔爆量的病患醫療資源調動和美軍動員需要一段時間補救時間太晚疫情已經默默擴散」。
「第三最敏感也最具爭議的美國的種族歧視問題美國華裔受境內白種人歧視出門只要戴口罩通通會被當『中國人』白種美國人優越感覺得那是黃種人的病造成美國社會的一致性歧視。殊不知病毒根本沒在管膚色」。
而戴口罩產生的種族歧視議題美國《紐約時報》（New York Times）早在3月20日就報導提及在紐約和西雅圖都有部分華裔和亞裔美國人因在地鐵和校園內戴口罩而被嘲笑和歧視報導不樂觀分析歧視甚至會因為疫情擴大有越演越烈的負面影響。</t>
  </si>
  <si>
    <t>美國疫情全球肺炎確診網友甚至歧視醫療發文口罩影響數量</t>
  </si>
  <si>
    <t>美國武漢肺炎新冠肺炎口罩確診</t>
  </si>
  <si>
    <t>肺炎口罩確診武漢美國</t>
  </si>
  <si>
    <t>疫苗五專高中開始接種北市</t>
  </si>
  <si>
    <t>臺北市長柯文哲6日在防疫記者會上宣佈關於校園接種計畫國、高中會在校打疫苗高中五專是9月22日至29日開打國中是30日至10月6日開打醫院會跟學校造冊聯絡時間訂好疫苗就送到哪校會用2周來配對。柯文哲</t>
  </si>
  <si>
    <t>疫苗柯文哲防疫記者會校園宣佈接種訂好時間聯絡學校造冊高中會會用醫院五專高中</t>
  </si>
  <si>
    <t>臺北市長柯文哲6日在防疫記者會上宣佈關於校園接種計畫國、高中會在校打疫苗高中五專是9月22日至29日開打國中是30日至10月6日開打醫院會跟學校造冊聯絡時間訂好疫苗就送到哪校會用2周來配對。
柯文哲說北市還有很多外國學校都要比照公立學校辦理自學在家怎處理會再詳細規定零碎的部分有些學生若身體不適合打給北市府2周時間把辦法弄起來會由副市長蔡炳坤、教育局、衛生局來想辦法處理。</t>
  </si>
  <si>
    <t>疫苗學校柯文哲時間辦法處理防疫記者會校園宣佈接種配對周來會用北市外國部分</t>
  </si>
  <si>
    <t>五專開打國中新冠肺炎台灣</t>
  </si>
  <si>
    <t>國中肺炎五專臺灣</t>
  </si>
  <si>
    <t>確診肺炎日新大陸</t>
  </si>
  <si>
    <t>大陸資料衛健省市新增病例確診境外肺炎輸入近日幅度疫情緩和大增增加指出顯示</t>
  </si>
  <si>
    <t>大陸疫情病例新增資料確診輸入境外死亡省市公開實事求是瞞報報告不應強調累計小組會議李克強組長透明增加</t>
  </si>
  <si>
    <t>印尼棺材口罩防疫</t>
  </si>
  <si>
    <t>印尼雅加達東部公共秩序局（Satpol PP）宣佈將停止實施引發爭議的違反防疫規定懲罰措施--也就是強迫未在公共場所配戴口罩的民眾躺入未蓋棺蓋的棺材中從1數到100以「感受死亡的威脅」。日前在雅加達東部Pas</t>
  </si>
  <si>
    <t>雅加達東部威脅死亡感受satpolpp宣佈停止實施引發爭議違反防疫配戴規定懲罰公共場所措施--強迫</t>
  </si>
  <si>
    <t>印尼雅加達東部公共秩序局（Satpol PP）宣佈將停止實施引發爭議的違反防疫規定懲罰措施--也就是強迫未在公共場所配戴口罩的民眾躺入未蓋棺蓋的棺材中從1數到100以「感受死亡的威脅」。
日前在雅加達東部Pasar Rebo地區的Kalisari多名官員發現未在公共場所配戴口罩的數名民眾並強迫他們躺在空棺中數分鐘作為懲罰。
Pasar Rebo區長解釋這是因為部分違反防疫規的民眾無法支付25萬印尼盾（約台幣500元）的罰款或自稱「沒時間」參加60分鐘社區服務因此自願選擇這種懲罰方式。
事件曝光後雅加達東部公共秩序局局長諾維安（Budhy Novian）表示這種懲罰方式不符合地方法規「根據州府第79/2020號條例針對在公共場所未佩戴口罩的居民懲罰方式是就罰款和社區服務」。
諾維安說：「我譴責了（用假棺材作為懲罰方式的人員）並要求他們根據現行法規對違法者進行處罰」希望罰款和社區服務可以讓民眾遵守遏制COVID-19傳播的衛生規定。</t>
  </si>
  <si>
    <t>懲罰方式民眾罰款社區服務東部雅加達公共場所諾維安違反防疫法規rebopasar棺材作為口罩公共秩序規定強迫配戴遏制宣佈</t>
  </si>
  <si>
    <t>印尼新冠肺炎雅加達防疫口罩</t>
  </si>
  <si>
    <t>雅加達肺炎防疫口罩印尼</t>
  </si>
  <si>
    <t>桐鄉農會蒜頭收穫意外疫情</t>
  </si>
  <si>
    <t>新冠肺炎讓蒜頭帶來銷路！疫情發生以來莿桐鄉農會蒜頭精被搶購一空正加緊加工中。台灣蒜頭採收期約清明節蒜商通常在採收前才到產地下訂今年蒜商提前到雲林產地下訂雲林縣蒜頭產量占全台九成其中莿桐鄉又</t>
  </si>
  <si>
    <t>蒜頭採收桐鄉帶來銷路疫情全台發生以來搶購一空農會加工臺灣產量林縣期約通常提前產地</t>
  </si>
  <si>
    <t>新冠肺炎讓蒜頭帶來銷路！疫情發生以來莿桐鄉農會蒜頭精被搶購一空正加緊加工中。台灣蒜頭採收期約清明節蒜商通常在採收前才到產地下訂今年蒜商提前到雲林產地下訂雲林縣蒜頭產量占全台九成其中莿桐鄉又占雲林三成。
莿桐鄉蒜頭產量占雲林縣三成農會2005年開始加工製成蒜頭精銷售量穩定新冠肺炎爆發後因蒜頭有增強免疫力的保健功效訂單增加一倍。
莿桐農會總幹事張鈺萱表示蒜頭精訂單從過年連續3周供不應求新冠肺炎疫情意外締造莿桐鄉農會蒜頭精的第二春。
她表示除了蒜頭精熱銷蒜頭醬也爆紅有一家麵包店因很多顧客詢問有沒有大蒜麵包相關的產品他們找到莿桐鄉農會買了青蒜醬和黑蒜也想買新鮮蒜頭想研發新產品讓大家更喜歡蒜頭！
台灣本土蒜頭的價格每年受進口蒜頭數量而波動今年可望待價而沽！張鈺萱表示台灣在清明節採收蒜頭盤商會在採收前才會到產地下訂距離清明節還有45天今年一大批盤商已提前到產地下訂都是受到疫情意外帶來的商機。
餘姓蒜農表示大盤商提早兩個月來田裡詢問是否要開始買賣了今年比較搶市。市場攤販也表示蒜頭買氣多了兩成零售價目前每台斤約130、140元。
新冠肺炎蒜頭精莿桐鄉大蒜麵包</t>
  </si>
  <si>
    <t>蒜頭表示農會今年桐鄉肺炎臺灣疫情清明節採收詢問訂單開始產地產品張鈺萱帶來意外</t>
  </si>
  <si>
    <t>蒜頭莿桐鄉新冠肺炎新冠肺炎</t>
  </si>
  <si>
    <t>桐鄉蒜頭肺炎</t>
  </si>
  <si>
    <t>優等生何必放牛防疫起鬧</t>
  </si>
  <si>
    <t>美國影音串流平臺網飛（Netflix）製作的影集《指定倖存者》（Designated Survivor）第2季影集有一段劇情是說南卡羅萊州爆發不明流感地方隱匿疫情由於南卡居民以黑人為多隱匿疫情是出於種族歧視。2019年播出的</t>
  </si>
  <si>
    <t>南卡影集疫情隱匿台網netflix製作指定劇情地方流感不明爆發萊州倖存者designatedsurvivor串流出於黑人影音居民種族歧視</t>
  </si>
  <si>
    <t>美國影音串流平臺網飛（Netflix）製作的影集《指定倖存者》（Designated Survivor）第2季影集有一段劇情是說南卡羅萊州爆發不明流感地方隱匿疫情由於南卡居民以黑人為多隱匿疫情是出於種族歧視。2019年播出的第3季劇集則提及生化恐怖分子人工合成病毒基因準備攻擊美國。
就是這麼神奇《指定倖存者》這齣影集超前預言了新冠肺炎疫情爆發以來的兩個羅生門：一是病毒究竟是不是人工合成的生化武器？二是中國究竟有沒有隱匿疫情？世衛組織是否有助紂為虐？
正是有《指定倖存者》這樣的神預言無怪乎全球許多喜愛追劇的網友深信新冠病毒是從病毒實驗室意外洩漏出來的至於人工合成的新冠病毒姓「中」還是姓「美」眾說紛紜。不過迄今為止沒有科學證據顯示新冠病毒是人造的。至於第二個羅生門「中國有無隱匿疫情？」則越演越烈甚且成了川普甩鍋卸責的重要藉口。
隱匿疫情的定義是什麼？多少人感染了或是多少死亡病例發生了才算疫情爆發？疫情爆發多久不向國際通報才算隱匿疫情？武漢發現新型冠狀病毒的蹤跡在沒有確定病毒的種類和基因組排序可以貿然公佈疫情嗎？這些問題公共衛生學術界和世衛組織應該有標準答案不應淪為政治口水戰的標的。
那麼中國大陸有無對台隱匿疫情呢？12月31日疾管署官網上新聞稿有一段話：「疾病管制署今（31）日已向中國大陸疾控中心及世界衛生組織IHR視窗確認疫情訊息陸方指出近期當地發現27例肺炎病例7例病情危重均已進行隔離治療有2例病情好轉。臨床表現主要為發燒少數病人呼吸困難呈雙肺浸潤性病灶大部分病例為武漢市江漢區華南海鮮城經營戶尚未發現明顯人傳人現象及醫護人員感染。陸方表示若有進一步消息將及時通報我方。」
陸方千算萬算大概都算不到他們回復台灣疾管署的對話居然搖身一變成了台美聯合指責中國隱匿疫情、痛批世衛組織不理會台灣警告的「證據」了。
用常識性的邏輯來思考武漢人口1100萬不明肺炎有27個病例7個重症算不算疫情爆發呢？1月3日中國疾控中心便向美國疾控中心CDC通報了相關的疫情算是隱匿疫情嗎？1月9日官煤央視公佈武漢的不明肺炎是一種新的冠狀病毒1月11日中國對外公佈了病毒的基因組序列這也算是隱匿疫情嗎？事實上南韓就是根據中國公佈的基因組序列開發快篩試劑從而遏止了新冠肺炎的疫情。從現有的證據來看很難指責中國大陸隱匿疫情。
台灣要爭取國際空間要緊的是以禮待人以理服人既不應該指鹿為馬地批評大陸隱匿疫情更不應該任由網軍胡亂出征與世界為敵。何況我們是防疫的優等生何苦跟著防疫放牛班的川普瞎鬧起鬨？世界權力結構已由雙元變為多元美國不再是世界唯一的核心況且川普無德若是全球聯手鳴鼓而攻之作為小跟班的台灣怕是第一個遭殃的呢！（作者為資深媒體人）</t>
  </si>
  <si>
    <t>疫情隱匿中國病毒臺灣肺炎病例爆發世界川普公佈大陸發現陸方證據應該沒有美國武漢不明人工合成指定</t>
  </si>
  <si>
    <t>美國中國肺炎病毒世界</t>
  </si>
  <si>
    <t>病毒肺炎中國世界美國</t>
  </si>
  <si>
    <t>大成口罩臺灣堡壘返台黃安</t>
  </si>
  <si>
    <t>已把事業、生活重心轉往大陸的資深藝人黃安常在微博評論兩岸時事日前他回台過年卻因新冠肺炎疫情回不去只能繼續待在台灣的他不僅上街跟民眾排隊買口罩並持續在微博發文更因港臺還稱「新冠肺炎」為「武</t>
  </si>
  <si>
    <t>微博肺炎大陸藝人黃安常在重心評論兩岸上街臺灣民眾繼續排隊時事口罩持續回台發文日前回不去過年</t>
  </si>
  <si>
    <t>已把事業、生活重心轉往大陸的資深藝人黃安常在微博評論兩岸時事日前他回台過年卻因新冠肺炎疫情回不去只能繼續待在台灣的他不僅上街跟民眾排隊買口罩並持續在微博發文更因港臺還稱「新冠肺炎」為「武漢肺炎」痛批「民族敗類」對此法醫高大成首訪時也酸爆他。
《前進新台灣》在臉書粉絲頁貼出一段專訪高大成片段當他被問到黃安還在台灣時他直言對方根本不敢回大陸根本把台灣當堡壘保護他自己「因為他明知道去會被感染」酸他怎麼不回自己「祖國」並催促他快回去才比較安心。
其實黃安之前遭陸網友質疑「有瘟疫就跑回台灣」他也嘆氣回應：「是春運回家過年結果就回不去了明白嗎？我的粉絲都不會像你這麼理解謝謝。」但不久後刪文後他又分享有人批評他：「黃安這麼愛國的藝人幹嘛不捐款」結果被他拉黑15日更公開一串酸民黑名單貼出往生咒反擊。</t>
  </si>
  <si>
    <t>臺灣黃安微博藝人高大成過年結果回不去粉絲肺炎貼出根本大陸分享批評其實之前重心</t>
  </si>
  <si>
    <t>黃安台灣高大成大陸新冠肺炎</t>
  </si>
  <si>
    <t>高大成大陸臺灣黃安肺炎</t>
  </si>
  <si>
    <t>戰爭超前防疫部署吳斯懷法律依據洪秀柱</t>
  </si>
  <si>
    <t>前國民黨主席洪秀柱開闢的「護憲保臺論壇－柱姐開講」昨天邀國民黨立委唯一具有軍事專業背景的吳斯懷探討當前疫情對國防安全的影響及對政府提出「超前部署」的真相認為應在有法律依據下更具體與完整的行動方案</t>
  </si>
  <si>
    <t>國民黨法律依據應在認為開闢真相部署護憲超前論壇提出具體政府影響安全國防疫情開講當前探討昨天吳斯懷背景</t>
  </si>
  <si>
    <t>前國民黨主席洪秀柱開闢的「護憲保臺論壇－柱姐開講」昨天邀國民黨立委唯一具有軍事專業背景的吳斯懷探討當前疫情對國防安全的影響及對政府提出「超前部署」的真相認為應在有法律依據下更具體與完整的行動方案而非以喊口號的文青式執政。
對於目前許多國家在防疫上都已動用到軍隊若我國在控制疫情方面決定動用軍隊投入防疫洪秀柱認為國家安全的經費分配和法源依據在蔡英文總統一直不肯宣布緊急命令負起責任下是否有法源依據動用國家軍隊人力？經費的分配是否會影響戰力？吳斯懷明確提到在人力部署方面若沒有明確的統一指揮權將造成中央和地方政府在軍方人力的指揮上模糊不清。
針對臺海區域安全兩人也談到今年3月美國在台協會主席莫健對臺灣提出示警需要做好戰爭的準備。而蔡英文曾在總統大選勝選的公開演講表示已做好戰爭的準備。這是十分具有挑釁意味地宣示。連前副總統呂秀蓮都看到兩岸戰雲密布已經達到越過海峽中線的危機下朝野都需要考量臺灣2300多萬人的安全應以追求區域和平為目標而非將國家推向戰爭的險峻情勢造成兩岸關係更加緊張不安。
洪、吳也憂心倘若真的兩岸發生戰爭很明顯地政府沒有準備好這樣人民能準備好嗎？</t>
  </si>
  <si>
    <t>安全戰爭國家政府人力準備軍隊動用兩岸具有總統造成蔡英文沒有吳斯懷提出洪秀柱臺灣認為是否影響區域主席需要</t>
  </si>
  <si>
    <t>新冠肺炎洪秀柱吳斯懷防疫戰爭</t>
  </si>
  <si>
    <t>吳斯懷洪秀柱肺炎防疫戰爭</t>
  </si>
  <si>
    <t>確診小時全球惡化包辦</t>
  </si>
  <si>
    <t>全球新冠疫情自爆發以來已逾7個月如今疫情並未減緩反而有加速趨勢。據路透社統計全球新冠肺炎確診於17日統計累計超過1400萬也是首度100小時內增加100萬人染疫。此外在單日確診中此外美國新冠疫情仍是</t>
  </si>
  <si>
    <t>疫情確診統計全球如今並未減緩小時反而首度增加加速爆發趨勢超過累計美國路透社</t>
  </si>
  <si>
    <t>全球新冠疫情自爆發以來已逾7個月如今疫情並未減緩反而有加速趨勢。據路透社統計全球新冠肺炎確診於17日統計累計超過1400萬也是首度100小時內增加100萬人染疫。此外在單日確診中此外美國新冠疫情仍是全球最為嚴重的國家全球17日單日確診的237萬人中美國就占了近三分之一同一時間確診數為77萬人。
路透社報導指出自大陸武漢傳出首起病例後過了3個月才累積100萬例如今卻只花了4天時間就從13日的1300萬例增加到1400萬例。目前有超過360萬人確診、疫情最為嚴峻的美國在第一波疫情的每日新增確診人數仍日日攀升。17日逾77萬人感染不僅打破全球單日新增確診紀錄更在全球237萬新增確診中占了近三分之一。
路透社根據各國政府報告的統計顯示美洲疫情發展最快速占全球感染人數逾半病故人數則占一半。美國至今已有364萬人確診、13萬人死亡；而同樣在美洲的巴西確診數已達204萬、77人死亡確診與死亡數皆排名第2。排名第3的印度也剛於近日突破百萬確診。世界衛生組織（WHO）表示17日新增確診多為來自上述國家。</t>
  </si>
  <si>
    <t>確診全球疫情美國新增路透社統計如今人數美洲增加超過感染最為死亡</t>
  </si>
  <si>
    <t>新冠肺炎新冠病毒武漢肺炎COVID-19疫情</t>
  </si>
  <si>
    <t>病毒肺炎武漢covid-疫情</t>
  </si>
  <si>
    <t>攀峰康松翰續沖</t>
  </si>
  <si>
    <t>微控制器（MCU）廠紘康（6457）及松翰（5471）雙雙公告3月合併營收皆改寫單月歷史新高大啖額溫槍訂單商機。法人表示目前兩大廠訂單能見度已經看到今年中後續月營收將可望持續改寫新高表現。此外紘康目前更</t>
  </si>
  <si>
    <t>新高訂單改寫目前松翰大廠能見度溫槍已經公告看到表現年中後續合併歷史單月可望</t>
  </si>
  <si>
    <t>目前防疫溫槍成長訂單合併法人可望肺炎新高持續康及松表示預計疫情居家開始改寫</t>
  </si>
  <si>
    <t>成長法人肺炎額溫槍松翰</t>
  </si>
  <si>
    <t>肺炎法人溫槍松翰成長</t>
  </si>
  <si>
    <t>浙江輸入境外新增確診</t>
  </si>
  <si>
    <t>湖北的新冠肺炎疫情得到控制先前疫情頗為嚴峻的浙江也好轉但3月2日浙江新增新冠肺炎確診病例7例戶籍皆為青田縣且均為境外輸入病例都在義大利貝加莫工作。綜合陸媒報導浙江省3月3日公佈新冠肺炎疫情情況2</t>
  </si>
  <si>
    <t>肺炎病例疫情浙江輸入境外都在義大利貝加莫工作綜合陸媒頗為戶籍嚴峻報導浙江省確診新增公佈青田縣先前控制</t>
  </si>
  <si>
    <t>湖北的新冠肺炎疫情得到控制先前疫情頗為嚴峻的浙江也好轉但3月2日浙江新增新冠肺炎確診病例7例戶籍皆為青田縣且均為境外輸入病例都在義大利貝加莫工作。
綜合陸媒報導浙江省3月3日公佈新冠肺炎疫情情況2日新增確診病例7例皆為麗水市青田縣報告的義大利輸入病例；該7例病例與首例境外輸入病例王某某為密切接觸者在義大利貝加莫同一家餐廳工作8人生活在義大利無湖北武漢接觸史。
返陸檢測陽性 隔離治療
2月26日確診的6人一同乘坐SU2415H航班從米蘭到莫斯科；2月27日再從莫斯科乘坐SU206H航班到達上海浦東國際機場；2月28日6人包車進入青田當即落實隔離觀察措施；3月2日6人經檢測新冠肺炎核酸檢測均呈陽性現正在定點醫院隔離治療。
另一名確診患者葉某男34歲戶籍青田縣三溪口街道與首例病例為密切接觸者在義大利貝加莫同一家餐廳工作；2月28日患者葉某乘坐LH0273航班從義大利到德國；2月29日再從德國乘坐CA0936航班到達上海浦東機場；2月29日患者包車進入青田當即落實隔離觀察措施；3月2日新冠肺炎核酸檢測呈陽性現正在定點醫院隔離治療。
據義大利緊急民防部、新冠肺炎應急委員會通報截至當地時間3月3日零時義大利新冠肺炎累計確診病例已增至2084例較前一天新增373例；確診病例中重症病例為166例死亡病例增至52例。
歐洲疫情風險升為中高
當地時間3月2日歐洲疾控中心宣佈將新冠肺炎在歐洲蔓延的疫情風險級別從原來的「中」升級為「中高」；義大利倫巴第大區公共衛生局呼籲當地65歲以上族群在未來3周內無特殊情況盡量留在家中不要外出。</t>
  </si>
  <si>
    <t>大利肺炎病例確診疫情當地隔離患者航班乘坐情況治療新增中高青田縣檢測工作貝加莫陽性時間輸入葉某</t>
  </si>
  <si>
    <t>航班浙江青田肺炎乘坐</t>
  </si>
  <si>
    <t>航班肺炎浙江青田乘坐</t>
  </si>
  <si>
    <t>喇嘛舉行敦請董事長藝苑法會萬景</t>
  </si>
  <si>
    <t>受新冠肺炎影響各地媽祖祈福繞境活動紛紛暫緩每年吸引數萬人參加的彰化媽祖祈福文化節也在媽祖指示下延期改辦祈福法會28日彰化萬景藝苑董事長陳蒼興同為台灣祈福敦請五明佛學院龍迦仁波切主法在園區內</t>
  </si>
  <si>
    <t>祈福媽祖仁波切五明佛學院影響敦請臺灣陳蒼興暫緩紛紛活動董事長萬景指示吸引延期藝苑數萬人改辦法會參加</t>
  </si>
  <si>
    <t>受新冠肺炎影響各地媽祖祈福繞境活動紛紛暫緩每年吸引數萬人參加的彰化媽祖祈福文化節也在媽祖指示下延期改辦祈福法會28日彰化萬景藝苑董事長陳蒼興同為台灣祈福敦請五明佛學院龍迦仁波切主法在園區內舉辦中陰文武百尊暨二十一度毌除疫息災法會祈求疫情早日遠離。
彰化萬景藝苑因新冠肺炎休園至3月10日28日上午在萬景藝苑董事陳蒼興敦請下20位喇嘛現身萬景藝苑園區內所有信徒在龍迦仁波切引領下舉行「中陰文武百尊超度法會」虔誠唸經祈福希望台灣能安全度過這波疫情。
萬景藝苑董事長陳蒼興說新冠肺炎疫情爆發在全球迅速蔓延再加上季節性流感影響讓所有民眾都人心惶惶萬景藝苑為避免感染因此休園今天敦請喇榮開顯光明佛學會住持龍迦仁波切主法到園內祈福希望藉由菩薩的力量與眾人的願力遣除一切瘟疫與疾病。</t>
  </si>
  <si>
    <t>祈福藝苑萬景疫情法會敦請仁波切媽祖陳蒼興肺炎影響希望陰文武臺灣董事長眾人</t>
  </si>
  <si>
    <t>藝苑法會肺炎疫情彰化</t>
  </si>
  <si>
    <t>法會肺炎疫情藝苑</t>
  </si>
  <si>
    <t>顏色承諾行政院不分放寬病毒協助發文取得裡長疫苗</t>
  </si>
  <si>
    <t>2019年起全球新冠肺炎（COVID-19）疫情延燒現先進國家已廣泛接種新冠疫苗台灣上一年相安無事不料近月臺灣疫情開始延燒對此台中市大裡區立仁裡長鄭伯其1日在臉書發文呼籲：不怕政府查水錶的來發動請認同的</t>
  </si>
  <si>
    <t>疫情臺灣水錶政府不怕呼籲發文鄭伯其仁裡台中肺炎疫苗對此廣泛covid-接種開始</t>
  </si>
  <si>
    <t>2019年起全球新冠肺炎（COVID-19）疫情延燒現先進國家已廣泛接種新冠疫苗台灣上一年相安無事不料近月臺灣疫情開始延燒對此台中市大裡區立仁裡長鄭伯其1日在臉書發文呼籲：不怕政府查水錶的來發動請認同的朋友、網友大家一起來一人一通電話打給你選區的立法委員要求他公開在臉書或媒體或於立法院臨時會公開要求行政院承諾立即放寬並協助各界取得疫苗。
鄭伯其在臉書寫道「當全國人民為了疫情蔓延惶恐不安之時染病等不到病床的之時更當人民急切需要疫苗的時候我們的總統重視的是竟然是國家需要發展疫苗生技產業所以請民眾再等待要支持？」要求蔡英文總統咱們要的是病床要的是疫苗請妳正視人民的懇求別再用行政石頭卡各縣市或企業界、宗教團體的疫苗採購及贊助活動了可以嗎？
鄭伯其指出他自己是上有年邁的母親下有3個國中小學孩子的父親心中惶恐、壓力很大每每看到報導那些染疫個案不管是確診死亡或重症找不到醫院、找不到病床的個案時實在不敢相信這真的是台灣嗎？往日那種安居樂業的台灣到哪裡去了？質疑那麼多的防疫預算到底超前部署去哪了？而那些民選出來、領很多年薪的立法委員你們到底再幫我們監督個什麼東西啊？
鄭伯其在臉書呼籲：為了我們的家人、親人、朋友的生命安全要勇敢的、不怕政府查水錶的來發動「請認同的朋友網友大家一起來一人一通電話打給你選區的立法委員要求他公開在臉書或媒體或於立法院臨時會公開要求行政院承諾立即放寬並協助各界取得疫苗」而我自己將打電話要求我的選區全國第一高票當選立法委員的何欣純立委請大家跟我一起這樣作就不相信喚不回公理與正義。</t>
  </si>
  <si>
    <t>疫苗鄭伯其要求臺灣疫情人民立法委員病床個案到底國家一起全國朋友選區</t>
  </si>
  <si>
    <t>新冠肺炎台灣   疫苗立法委員公開</t>
  </si>
  <si>
    <t>疫苗肺炎臺灣立法委員公開</t>
  </si>
  <si>
    <t>檢驗神人確診南韓解密</t>
  </si>
  <si>
    <t>新冠肺炎疫情升溫南韓全境擴散確診人數不斷攀升截至目前為止已達893例、9死大邱也出現誇張的購買口罩的排隊人龍當天141萬個KF94口罩短短1小時就搶購一空。對此就有網友好奇為何南韓檢驗新冠肺炎可以</t>
  </si>
  <si>
    <t>南韓口罩檢驗肺炎購買誇張出現網友好奇目前為止截至升溫攀升不斷全境擴散人數確診人龍kf</t>
  </si>
  <si>
    <t>新冠肺炎疫情升溫南韓全境擴散確診人數不斷攀升截至目前為止已達893例、9死大邱也出現誇張的購買口罩的排隊人龍當天141萬個KF94口罩短短1小時就搶購一空。對此就有網友好奇為何南韓檢驗新冠肺炎可以驗得又快又多反倒日本鑽石公主號郵輪卻驗了2星期還驗不完？貼文一出隨即掀起熱議。
原PO今（25日）在PTT「八卦板」PO文指出「韓國可以一下子爆出這麼大量的確診人數背後應該送檢幾萬例吧為啥韓國有這種檢驗力量？日本光是鑽石公主號3700人驗了2個星期還驗不完怎麼韓國又快又多？有沒有八卦？」
貼文一出隨即掀起網友熱議不少人留言吐槽「日本真的笑死人」、「日本鐵了心蓋牌台灣政府快採取行動」、「日本驗得好像還比台灣少根本在亂搞等到無法收拾時再欲哭無淚」、「日本文組太多檢驗能量大概只有韓國的十分之一」。
不過也有網友點出背後差異關鍵「人家韓國實驗室全開卯起來驗」、「有人說是叫二級生物實驗室也去驗台灣只派三級」、「韓國讓低等的實驗室也投入檢驗是有風險的看起來檢驗數很多但低等實驗室很有可能因為設備不夠被感染」、「人家開p2實驗室來大量檢驗不過那是特殊時期的非常辦法而且有風險」、「p2設備夠嗎？這種不照SOP走很可能釀災不要亂捧這種做法」。</t>
  </si>
  <si>
    <t>檢驗日本韓國實驗室網友背後人數確診可能臺灣人家設備可以南韓口罩風險po</t>
  </si>
  <si>
    <t>新型冠狀病毒新冠肺炎NCP南韓韓國</t>
  </si>
  <si>
    <t>肺炎ncp病毒南韓冠狀韓國</t>
  </si>
  <si>
    <t>媽祖活動學者禁止直喊防疫不能</t>
  </si>
  <si>
    <t>新冠肺炎疫情持續升溫大甲媽遶境續辦與否成熱議話題！對此淡江大學蘭陽校園教授兼全球發展學院院長包正豪認為因為防疫可以禁止台商包機返國、禁止醫事人員出國為什麼不可以「因為防疫禁止媽祖遶境活動</t>
  </si>
  <si>
    <t>禁止可以防疫持續升溫淡江大學對此話題校園教授全球成熱發展學院院長疫情認為</t>
  </si>
  <si>
    <t>新冠肺炎疫情持續升溫大甲媽遶境續辦與否成熱議話題！對此淡江大學蘭陽校園教授兼全球發展學院院長包正豪認為因為防疫可以禁止台商包機返國、禁止醫事人員出國為什麼不可以「因為防疫禁止媽祖遶境活動」？他說衛福部長、中央疫情指揮中心指揮官陳時中已經有過經驗現在卻退縮實在「很難理解」。
包正豪在臉書指出因為防疫可以禁止台商包機返國；因為防疫可以禁止醫事人員出國為什麼不可以「因為防疫禁止媽祖遶境活動」？他認為這個時候就開始「泛道德勸說」不需要「順時鐘」了開始矛頭指向大甲鎮瀾宮董事長顏清標影射顏清標為個人私利所以不取消遶境然後顏清標被形容成「媽祖代言人」。他直呼不太懂他認為媽祖不是顏清標的顏清標也不等於媽祖把媽祖和顏清標畫上等號會不會太抬舉了簡直是媽祖界的教宗。
包正豪也提及在已經有其他市長帶頭遶境的前提下為什麼陳時中不下令禁止就像他以前禁止包機返國、醫事人員出國一樣。以防疫這個至高無上的崇高理由陳時中應該可以挾民意而不受制約地做任何他想要做的事有了權力更有「遶境可能造成疫情失控」的理由他說陳時中已經有過經驗現在卻退縮實在很難理解。</t>
  </si>
  <si>
    <t>媽祖陳時中顏清標可以禁止防疫認為疫情已經開始理由活動包機返國人員出國</t>
  </si>
  <si>
    <t>確診家族員工緊急縣府花蓮關閉</t>
  </si>
  <si>
    <t>疫情急速升溫花蓮今天一口氣增6人染疫其中5人是家族接觸另1人北上聚餐染案。家族確診中1人是任職花蓮縣政府行政暨研考處採購行政女員工她於本月15日與來自新北萬華區的舅舅接觸期間家族有聚餐、打牌等近距</t>
  </si>
  <si>
    <t>家族花蓮接觸行政聚餐一口氣員工本月新北期間來自舅舅華區縣政府任職確診今天採購考處北上</t>
  </si>
  <si>
    <t>疫情急速升溫花蓮今天一口氣增6人染疫其中5人是家族接觸另1人北上聚餐染案。家族確診中1人是任職花蓮縣政府行政暨研考處採購行政女員工她於本月15日與來自新北萬華區的舅舅接觸期間家族有聚餐、打牌等近距離接觸隔沒幾天返北的舅舅確診之後女員工的公婆、大姐夫、二姐夫等共5人都染疫縣府神經緊繃立即通知縣府111位同仁篩檢經初步篩檢全是陰性。
縣府員工染疫外界關切縣府運作以及防疫作為縣長徐榛蔚今下午防疫記者會表示縣府已於21日啟動縣府異地辦公作為這名染疫的女員工是在異地辦公區、也就是花蓮社福館目前已通知女同仁辦公室同事接受篩檢目前社福館已全面閉館今天開始也有部分同仁啟動居家辦公防堵染疫縣府運作一切正常。
今天新增6例截至目前花蓮已有12名確診個案。縣府表示本月15日該名員工案6776有臺北萬華舅舅來訪隔天女同仁去台東玩18日同住的公公出現感冒症狀19日女同仁先回到娘家住20日她出現一點感冒症狀隔天下班後到某耳鼻喉科看診但當時沒有發燒。到了24日萬華的舅舅的PCR檢驗報告出爐為陽性確診被隔離了。
疫調期間與篩檢發現家族有聚餐、打家庭麻將被通知到醫院篩檢包括女科員共有公婆、大姐夫、二姐夫共5人染疫。
另1人則是案67555月10日該染疫女子與丈夫、孩子到臺北萬華區某海鮮餐廳聚餐11日返花蓮直到17日得知有人確診因此她與先生小女兒到醫院快篩當時都是陰性但24日早上發燒流鼻水25日到醫院檢查26日確診不過該案有警覺性當17日得知聚餐有人確診雖然初步篩檢是陰性但仍自主健康管理沒有外出活動。</t>
  </si>
  <si>
    <t>確診縣府同仁員工聚餐花蓮舅舅今天通知醫院目前家族陰性接觸沒有臺北作為</t>
  </si>
  <si>
    <t>縣府確診染疫花蓮新冠肺炎</t>
  </si>
  <si>
    <t>花蓮確診縣府肺炎</t>
  </si>
  <si>
    <t>援助物資盛讚宣佈川普</t>
  </si>
  <si>
    <t>日前美國總統川普在新聞發佈會上聲稱俄羅斯送來的抗疫物資令他感到驚喜隨後有俄羅斯官方媒體稱：俄政府根本還沒有宣佈。陸媒《澎湃新聞》報導稱川普昨日稱讚了中國大陸和俄羅斯贈與的醫療援助物資「我們與很</t>
  </si>
  <si>
    <t>俄羅斯新聞川普物資贈與大陸會上送來宣佈中國感到驚喜根本隨後聲稱陸媒沒有稱讚澎湃報導俄政府官方媒體</t>
  </si>
  <si>
    <t>日前美國總統川普在新聞發佈會上聲稱俄羅斯送來的抗疫物資令他感到驚喜隨後有俄羅斯官方媒體稱：俄政府根本還沒有宣佈。
陸媒《澎湃新聞》報導稱川普昨日稱讚了中國大陸和俄羅斯贈與的醫療援助物資「我們與很多國家都有良好的關係」川普說「中國給我們送來了物資這很棒。俄羅斯則派來非常、非常大的飛機運送醫療器材這非常棒。」
不過川普並沒有具體說明中國大陸和俄羅斯送來的物資是什麼。俄媒《今日俄羅斯》評論稱川普此言「令人感到困惑」因為俄羅斯政府或官員根本還沒有宣佈任何對美的援助行動。
此外美國《外交政策》雜誌近日獲取了一份美國國務院發給美國駐外外交官的郵件美國政府指示駐歐外交官們搜尋可能的醫療物資援助但其中明確指出俄羅斯不在此列。
報導說在發表上述言論前川普曾與俄羅斯總統普丁通電話他們談及了新冠肺炎的大流行。此外俄羅斯駐美大使之前也曾表態稱俄羅斯「準備向美國提供援助」。</t>
  </si>
  <si>
    <t>俄羅斯川普物資美國援助沒有醫療中國報導新聞感到外交官送來大陸總統非常根本宣佈駐外發給</t>
  </si>
  <si>
    <t>陳宗彥疫情政務中心指揮官內政</t>
  </si>
  <si>
    <t>內政部長徐國勇今天在立法院內政委員會宣佈已同意中央流行疫情指揮中心指揮官陳時中的要求由政務次長陳宗彥擔任副指揮官。陳宗彥受訪表示他他全力協助陳宗彥做好協調各部會的工作。新冠肺炎疫情延燒中央流</t>
  </si>
  <si>
    <t>指揮官疫情中央陳宗彥法院內政委員會宣佈同意肺炎協調做好工作流行指揮擔任宗彥政務次長中的中心要求陳時</t>
  </si>
  <si>
    <t>內政部長徐國勇今天在立法院內政委員會宣佈已同意中央流行疫情指揮中心指揮官陳時中的要求由政務次長陳宗彥擔任副指揮官。陳宗彥受訪表示他他全力協助陳宗彥做好協調各部會的工作。
新冠肺炎疫情延燒中央流行疫情指揮中心一級開設後始終由衛福部長陳時中獨挑大樑許多民眾呼籲陳時中多休息。徐國勇上午在立法院內政委員會主動說明已和陳時中通電同意所請由陳宗彥擔任目前唯一的副指揮官。
陳宗彥說他會全力協助指揮官陳時中因為內政部跟疫情指揮中心一開始就共同努力到現在從1月23日台灣採取居家檢疫措施後內政部的民政司、移民署、消防署跟戶政司都全力配合中央流行疫情指揮中心運作未來也會配合指揮官的需求協調各部會。</t>
  </si>
  <si>
    <t>內政指揮官陳時中疫情中心指揮全力陳宗彥配合中央流行同意法院宗彥協助委員會擔任徐國勇協調臺灣現在採取</t>
  </si>
  <si>
    <t>市場專家衝擊小心疫情</t>
  </si>
  <si>
    <t>中國大陸新冠肺炎（俗稱武漢肺炎）全球疫情遲遲未獲得有效控制全球多國的經濟與日常生活都受到影響就連台灣國內學生開學因此破天荒延期不少在外求學必須租屋的學生也受到這項變數影響。房市部落客Sway昨</t>
  </si>
  <si>
    <t>受到學生影響全球肺炎疫情房市遲遲有效控制俗稱變數多國經濟武漢日常生活必須在外求學延期破天荒開學臺灣國內部落</t>
  </si>
  <si>
    <t>中國大陸新冠肺炎（俗稱武漢肺炎）全球疫情遲遲未獲得有效控制全球多國的經濟與日常生活都受到影響就連台灣國內學生開學因此破天荒延期不少在外求學必須租屋的學生也受到這項變數影響。房市部落客Sway昨天（18日）就在臉書發文指出[1]國內房東面臨「最後逃命波」還列出6大最受這波疫情影響的房型要企圖想拗到開學前最後一刻租屋的學生「此時用力砍價吧。」
Sway 在臉書粉專「Sway房市觀測站」發文提到現在受到疫情影響以及大學開學在即影響此刻是房東的「最後逃命波」再租不出去就又得空半年、一年。他提到雖然今年寒假意外因為新冠肺炎疫情延長但下周即將開學學生該租屋的都已經差不多都租了他提到想拗到開學前最後一刻才租屋的學生「此時用力砍價吧。」
Sway也列出6大最容易受到這波新冠肺炎疫情影響的租屋房型：
1 沒有開對外窗：想到那些郵輪的感染途徑就害怕沒開對外窗只開對內窗的價格不是向下殺就是滯銷萬一引發社區感染租在這種房型的只有等死還有只能面壁等死所以不租也罷。
2 日租套房被質疑：沒有管理來路的日租套房會被質疑你誰都收來租少了櫃檯登記、日後萬一出事還有得追究的機會而管理不足也會少了很多安心感比如你會質疑他是否時時消毒。
3 三房改套房易被嫌：雖然也屬套房但室友無法管控他從何而來是否乖戴口罩或有無中港澳等旅遊史目前獨立套房會比較安心些。
4 有管理的大樓比公寓好：有沒有規定要戴口罩或是有專人消毒感覺就會比較安心些而公寓都是各過各的沒有消毒或管理這回事萬一有人去了中港澳他有沒有自主管理也沒人知道會扣些分而管理嚴謹的大樓就多了一些安心感。
5 沒管理的大樓或華廈最慘：沒管理的大樓比較便宜又有電梯好搭但是想到那麼多人進出也沒有專人一直清潔消毒一大堆住戶進進出出也不知毒還是不毒。
6 空姐機長台商陸客鄰居：這裡沒有歧視只有多一份擔憂如果你的鄰居是這些人他們當然會擔心自己的安危而保護好自己但你更會擔心他們染病的機率以前的幻想現在成為擔憂。
更多 CTWANT 報導</t>
  </si>
  <si>
    <t>沒有管理影響疫情套房消毒開學受到學生提到安心肺炎sway最後房型比較質疑</t>
  </si>
  <si>
    <t>影響租屋學生Sway大樓</t>
  </si>
  <si>
    <t>sway學生大樓影響</t>
  </si>
  <si>
    <t>安全狀況口罩風險嚴重運動外出猝死</t>
  </si>
  <si>
    <t>疫情嚴峻全民防疫如今戶外都必須戴口罩運動也不例外不過自疫情以來國內外陸續傳出有人運動時戴口罩昏倒甚至猝死的案例到底戶外運動戴口罩時需注意什麼？使用口罩支架會比較好嗎？有氣閥的口罩能夠防</t>
  </si>
  <si>
    <t>口罩運動疫情支架如今戶外戶外運動必須到底猝死甚至昏倒國內外以來時戴傳出陸續例外氣閥比較防疫使用需注意</t>
  </si>
  <si>
    <t>疫情嚴峻全民防疫如今戶外都必須戴口罩運動也不例外不過自疫情以來國內外陸續傳出有人運動時戴口罩昏倒甚至猝死的案例到底戶外運動戴口罩時需注意什麼？使用口罩支架會比較好嗎？有氣閥的口罩能夠防疫嗎？
受疫情影響不少有運動習慣的人會戴口罩外出慢跑、登山也有民眾騎腳踏車通勤取代搭乘大眾運輸工具順便運動雖然運動可以增進免疫力但要注意戴著口罩運動仍有一定風險存在。
●戴口罩運動應降強度　留意身體狀況量力而為
戴口罩難免會阻礙氣流專家建議一定要留意運動強度及自身狀況。
「輕微到中度的運動都還好但若是高強度、高耗氧量的運動戴口罩運動恐怕就有一定風險尤其是有心肺疾病的患者以及肺部功能還未發展成熟或是較差的幼童、老人需要特別注意運動過程中若沒有得到足夠的氧氣可能會過度換氣、血氧濃度下降引發昏倒、猝死的危險」新光醫院家醫科醫師柳朋馳指出。
發表在《英國運動醫學雜誌（BJSM）》上的一項研究發現在跑步機上劇烈奔跑時戴上口罩會減少運動時間及最大攝氧量且受試者也表示戴著口罩進行高強度運動時出現呼吸急促和幽閉恐懼症等狀況。
馬裡蘭大學醫學系統（UMMS）附屬內科醫師謝裡安（Vivek Cherian）指出當你必須要戴著口罩進行運動訓練時應該循序漸進不要立即進入高強度的訓練中才能逐漸適應不過他也提醒需要透過訓練時間和次數的增加才有辦法漸漸習慣戴口罩進行運動訓練並且若是戴口罩運動時應該讓自己擁有更長的休息時間。
「如果出現頭昏、頭痛、胸痛、呼吸急促或是已經感覺快昏倒就應立即停止運動」謝裡安說。
不過也有網友分享自己近期天天戴口罩跑步不覺得身體需要耗損很大的體力去代償氧氣的不足但仍呼籲民眾若是想戴口罩運動需要多加留意自身狀況量力而為若有不適情形應暫停運動。
●戴口罩運動　2狀況恐難以有效防疫
但戴口罩運動恐怕另有防疫上的問題。柳朋馳指出口罩基本上擁有防水層若是出汗量不大較不影響但容易汗如雨下、排汗量較大的民眾就得留意當口罩濕掉後恐怕會影響防疫效果。
另外有些民眾會透過口罩支架改善戴口罩時的不適感不過柳朋馳提醒務必要確保使用口罩支架後口罩是否還能與臉部密合柳朋馳解釋「由於新冠病毒會透過飛沫傳染甚至是所謂的氣溶膠傳染一旦口罩無法戴好戴緊就會影響到口罩的防護力是否合適得依個人臉型大小判斷若能找到合適的口罩支架且口罩能夠密合又能增加舒適度也是一種選擇。」
傳染病專家唐納德・鄧福德（Donald Dumford）也強調需確保口罩沒有縫隙他指出目前還沒有研究關注口罩支架會不會影響冠狀病毒或其他傳染源的傳播但若是為了想要改善因口罩引起的痘痘、皮膚問題支架恐怕不會有好效果「因為支架仍會接觸到臉且塑膠或矽膠材質的支架可能也會對皮膚造成刺激。」
●感染者若戴有氣閥口罩　仍可能散播病毒
其實一直以來都有種運動訓練口罩稱為「高海拔訓練口罩」透過氣閥控制增加呼吸阻力希望藉此能提高心肺功能、肺活量不過至今還沒有明確研究結果證實有效。
「美國運動學會做過一些研究但並沒有看到能夠特別提升運動效能一般民眾也較少會使用到這類的口罩值得注意的是這類口罩通常不會針對抗病毒設計沒有醫療級的認證因此不建議民眾用來作為防疫用途」柳朋馳說。
杜克大學(Duke University)也曾做過一項研究測試14種不同材質和形式的口罩後發現醫護人員所使用沒有氣閥的N95口罩防疫效果最佳。
研究人員表示沒有氣閥的N95的口罩防疫效果遠勝於有氣閥的原因是因為氣閥的目的是使人體向外吐出的氣體能迅速排出但若是同時夾帶有病毒的飛沫對身邊的人反而造成感染風險。
氣閥的作用是降低防護口罩的呼氣阻力提高配戴者的舒適感但醫用防護口罩並不建議設氣閥因為開啟的氣閥可能將口罩配戴者排出的飛沫或細菌排出口罩。所以如果配戴防護口罩是為了降低對空氣中含病原微生物飛沫的暴露濃度幫助自己預防飛沫感染是沒有問題的；但如果懷疑自己已被感染就應主動戴口罩保護別人且應該選擇沒有氣閥的口罩否則恐會失去保護別人的目的。
美國聯邦疾病防治中心（CDC）公佈的指南也警告不要配戴有氣閥或通風口的口罩這種口罩適合在高溫多塵的施工環境下使用但無法有效阻止病毒傳播。
正值疫情爆發時期建議民眾若想運動還是選擇居家、室內運動其實運用一些道具如水桶、彈力帶、啞鈴等仍能達到鍛鍊效果跑者們也可進行針對跑者設計的肌力訓練增強肌力、養精蓄銳待疫情過後仍是一條好漢。</t>
  </si>
  <si>
    <t>口罩運動沒有氣閥民眾支架研究防疫訓練病毒疫情朋馳影響需要可能效果</t>
  </si>
  <si>
    <t>康健雜誌新冠肺炎台灣口罩運動</t>
  </si>
  <si>
    <t>肺炎臺灣雜誌口罩運動康健</t>
  </si>
  <si>
    <t>避免政策口罩矯枉過正業者</t>
  </si>
  <si>
    <t>新冠肺炎（COVID-19）疫情流行至今世界各國經濟與人民遭受重大損害。我國政府有鑑於SARS的經驗超前部署除增加國內口罩產能外率先進行口罩管制組建標榜全台灣製造的口罩國家隊與一系列供應鏈在政府與國民</t>
  </si>
  <si>
    <t>口罩政府疫情流行至今世界經濟人民遭受covid-重大臺灣管制損害製造組建我國國內有鑒於增加sars經驗部署超前國家隊進行肺炎標榜率先</t>
  </si>
  <si>
    <t>新冠肺炎（COVID-19）疫情流行至今世界各國經濟與人民遭受重大損害。我國政府有鑑於SARS的經驗超前部署除增加國內口罩產能外率先進行口罩管制組建標榜全台灣製造的口罩國家隊與一系列供應鏈在政府與國民齊心協力下創造我國傲視全球的防疫成果令世界各國爭相學習借鏡成功向世界宣傳了我國。
口罩國家隊的好成績為我國口罩產業注入了一劑強心針眾多廠商紛紛加入口罩產業陸續依現行法規向政府申請衛字號相關許可證帶動了一波口罩經濟。
不幸的是人多總是會有害群之馬。新進口罩業者指出今年9月份起陸續查獲了以某老牌口罩廠商為引爆點的惡行這些在疫情之初或之前已取得許可證的廠商以中國製口罩混充打著國家隊大旗進行販售牟取「不法利益」而這家老牌口罩廠商對應此事之態度更令國人嘩然頓時之間已令國家隊招牌蒙上陰影。
新進口罩業者建議亡羊補牢猶未晚也在國家隊這個招牌已受到國人質疑的現在政府必須也確實需要有所作為藉此挽救國人對國家隊的信心惟政府採取措施的同時對於已依程式提出申請的廠商應該加速審查程式避免一改再改申請程式恐將導致有擾民費時破壞人民對政府信心的疑慮。
新進口罩業者認為人民對政府的程式信任；對早已取得許可證的廠商反而需要再次檢視是否有違背法令的行為藉由此一機會汰舊換新為產業界注入新血重新擦亮國家隊的招牌再創台灣的口罩經濟奇蹟方為正道。</t>
  </si>
  <si>
    <t>口罩政府廠商國家隊我國程式經濟世界國人人民申請許可證業者招牌新進注入疫情進行需要陸續臺灣信心取得</t>
  </si>
  <si>
    <t>口罩許可證廠商國家隊口罩業</t>
  </si>
  <si>
    <t>口罩許可證廠商國家隊</t>
  </si>
  <si>
    <t>莫德納接種</t>
  </si>
  <si>
    <t>全新變種病毒Omicron來勢洶洶為了讓高風險對象獲得更完善的保護力中央流行疫情指揮中心指揮官陳時中說即日起開放第三劑主要對像是第一到三類人員只要第二劑打完滿五個月就可至指定醫療院所接種且由於是</t>
  </si>
  <si>
    <t>對象高風險指定獲得打完完善中央保護流行疫情指揮中心指揮官人員陳時中即日起開放來勢洶洶醫療</t>
  </si>
  <si>
    <t>全新變種病毒Omicron來勢洶洶為了讓高風險對象獲得更完善的保護力中央流行疫情指揮中心指揮官陳時中說即日起開放第三劑主要對像是第一到三類人員只要第二劑打完滿五個月就可至指定醫療院所接種且由於是以月為單位所以是7月2日前打滿兩劑的人就可以來打。
陳時中也說這波堤供的是莫德納的疫苗依各國核准及接種建議接種劑量為50微毫克(基礎劑之一半劑量依目前劑型注射量為025ml)。
指揮中心解釋截至今日已完整接種兩劑疫苗且間隔滿5個月者共約48萬人。為了確保高風險感染對象可以快點接種第三劑由於先前的接種時程現在多是第一類至第三類的對象已經符合資格其中包括醫護人員、防疫工作人員、第一線高感染風險工作人員等。
而第一線高感染風險工作人員包括航空機組員、港埠工作人員、防疫旅宿工作人員以及因公出國人員；其餘符合間隔之民眾亦可視感染風險及接種意願經醫師評估後接種。
發言人莊人祥則補充說第三劑疫苗常見的副作用包括發燒、頭痛、接種部位疼痛等但發生機率會比第二劑還要低。
陳時中也指出國內第二劑疫苗仍然維持與第一劑同品牌其中莫德納、BNT、高端凡滿四周以上即可接種相同品牌AZ則可在間隔8周後接種AZ、莫德納、BNT進行混打。</t>
  </si>
  <si>
    <t>接種對象疫苗包括間隔感染莫德納高風險指揮符合中心防疫品牌工作人員風險可以兩劑時中bnt</t>
  </si>
  <si>
    <t>第三劑莫德納新冠肺炎三類人接種</t>
  </si>
  <si>
    <t>肺炎莫德納接種</t>
  </si>
  <si>
    <t>ait展現美國疫苗捐贈臺灣承諾</t>
  </si>
  <si>
    <t>美國政府捐贈的疫苗抵達台灣美國在台協會今天表示美國深知台灣此時此刻迫切需要疫苗的援助。本次疫苗捐贈展現了美國對台灣的承諾台灣是可信賴的朋友也是重要的安全夥伴。美台關係長久以來奠基於雙邊人民之間</t>
  </si>
  <si>
    <t>臺灣美國疫苗捐贈長久以來關係夥伴安全重要奠基深知美國在台協會朋友雙邊承諾抵達表示援助今天此時此刻迫切需要可信賴人民展現之間美國政府</t>
  </si>
  <si>
    <t>美國政府捐贈的疫苗抵達台灣美國在台協會今天表示美國深知台灣此時此刻迫切需要疫苗的援助。本次疫苗捐贈展現了美國對台灣的承諾台灣是可信賴的朋友也是重要的安全夥伴。美台關係長久以來奠基於雙邊人民之間穩固的情誼而今天所做的宣佈也體現了美台對抗全球疫情的共同承諾。
美國捐贈的250萬劑莫德納疫苗今天下午4時30分左右運抵桃園國際機場美國在台協會（AIT）處長酈英傑與疫情指揮中心指揮官陳時中都到場接機。
AIT表示很高興能夠促成並宣佈美國政府捐贈的250萬劑莫德納疫苗順利抵達台灣。如同印太地區的許多地方台灣近來也面臨新冠疫情急遽升溫的狀況美國深知台灣此時此刻迫切需要疫苗的援助。
AIT指出本次疫苗捐贈展現了美國對台灣的承諾台灣是可信賴的朋友也是重要的安全夥伴。台灣應對全球疫情的策略體現了民主價值和民主治理程式的韌性台灣在世界各地慷慨捐贈醫療資源也彰顯了其協助全球社會解決全球挑戰的角色。
AIT強調美國不會忘記台灣先前的醫療援助拯救了多少美國人的性命。今天抵台的疫苗數量包括：美國參議員達克沃絲、蘇利文及昆斯6月6日訪台期間所宣佈的75萬劑疫苗再加上額外捐贈的175萬劑疫苗總計250萬劑。
有鑑於全球疫苗持續短缺AIT表示拜登總統於6月10日宣佈除了日前承諾提供給台灣等全球夥伴的8千萬劑疫苗之外美國也將另外捐贈中低收入國家5億劑疫苗。美台關係長久以來奠基於雙邊人民之間穩固的情誼而今天所做的宣佈也體現了美台對抗全球疫情的共同承諾。正如拜登總統曾說：「我們不會用我們自己的疫苗來要求其他國家做出回報。」反之「我們分享這些疫苗的目的在於協助終結全球各地的疫情。」</t>
  </si>
  <si>
    <t>疫苗臺灣美國捐贈ait全球疫情宣佈表示承諾今天夥伴美國在台協會醫療援助拜登國家莫德納協助總統體現抵達關係安全深知</t>
  </si>
  <si>
    <t>新冠肺炎台灣捐贈疫苗AIT</t>
  </si>
  <si>
    <t>捐贈肺炎臺灣疫苗ait</t>
  </si>
  <si>
    <t>病毒專家變種看好現有疫苗效力英國</t>
  </si>
  <si>
    <t>英國上週末發現新冠肺炎的新變種病毒其傳染力更強而引發外界恐慌。但多位專家認為目前針對新冠肺炎而研發的多款疫苗仍能有效地預防新變種病毒的感染。華盛頓大學醫學院「健康指標和評估研究所」（IHME）的肺科專</t>
  </si>
  <si>
    <t>病毒肺炎變種研究所評估指標健康ihme醫學院華盛頓大學感染外界引發強而恐慌專家認為疫苗目前研發預防傳染有效</t>
  </si>
  <si>
    <t>英國上週末發現新冠肺炎的新變種病毒其傳染力更強而引發外界恐慌。但多位專家認為目前針對新冠肺炎而研發的多款疫苗仍能有效地預防新變種病毒的感染。
華盛頓大學醫學院「健康指標和評估研究所」（IHME）的肺科專家古普塔（Vin Gupta）就對目前的疫苗能預防新冠肺炎和其新變種病毒等感染是有信心。
其理由是就基因層面來看新變種病毒可能跟新冠肺炎「非常相似」既然疫苗引發人體所產生的抗體能攻擊和殺死新冠病毒自然也能攻擊和殺死新變種病毒。
他不認為新變種病毒在基因上出現小變化後就能影響疫苗的防護效果。
儘管古普塔認為未來研發新疫苗時可能必須把新變種病毒也列入研究範圍內就像流感疫苗那樣要更新但他強調新變種病毒可能只會影響未來的疫苗研發工作不會影響目前疫苗終結疫情的效果。
被拜登延攬為下一任美國衛生局長的莫西（Vivek Murthy）也有類似看法。他說沒理由認定目前的疫苗對英國新變種病毒沒有防護效果而且也沒證據顯示感染新變種病毒後的死亡率更高。
他強調目前所建議的個人預防疫情方法包括戴口罩、保持社交距離和勤洗手等同樣能降低新變種病毒的傳播。
雖然倫敦帝國學院的免疫學教授阿提曼（Danny Altmann）認為新冠肺炎有變異性但也認為新變種病毒不可能有對抗目前疫苗的能力。
英國卡迪夫大學傳染疾病研究員費特曼（Andrew Freedman）認為目前疫苗的防護力也能預防新變種病毒。但他不否認若病毒繼續變異下去疫苗往後所提供的免疫力是有可能會降低。</t>
  </si>
  <si>
    <t>病毒疫苗變種目前認為肺炎效果預防可能感染影響研發專家疫情傳染引發強調古普塔防護</t>
  </si>
  <si>
    <t>變種病毒疫苗新冠肺炎英國預防</t>
  </si>
  <si>
    <t>疫苗肺炎病毒英國變種預防</t>
  </si>
  <si>
    <t>異地規劃外交部分組部署防疫辦公</t>
  </si>
  <si>
    <t>為防止新冠肺炎疫情擴散疫情中心要求展開各項防疫作為外交部發言人歐江安今天表示目前外交部及駐外館處均已完成規劃異地、遠距、分組辦公的不同方案與配套措施。外交部配合疫情指揮中心的指示辦理並試疫情發</t>
  </si>
  <si>
    <t>外交部疫情中心指揮異地規劃完成分組展開配合發言人配套措施作為辦公不同表示目前方案防疫駐外擴散指示要求江安</t>
  </si>
  <si>
    <t>為防止新冠肺炎疫情擴散疫情中心要求展開各項防疫作為外交部發言人歐江安今天表示目前外交部及駐外館處均已完成規劃異地、遠距、分組辦公的不同方案與配套措施。外交部配合疫情指揮中心的指示辦理並試疫情發展的需要啟動。
歐江安指出有關異地辦公、遠距辦公所使用的視訊軟體為因應武漢肺炎疫情的蔓延外交部已超前部署進行包括異地辦公等防疫措施的各項準備。
她說在選擇遠距辦公所需視訊軟體時自將資安議題列為主要考量。根據外交部瞭解ZOOM視訊軟體因使用部分中國產製的軟硬體及服務為維護資安外交部並未使用。外交部所使用的相關視訊軟體已完成各項註冊登錄作業而且經過多次測試其效能及資安均可符合標準需求。</t>
  </si>
  <si>
    <t>外交部疫情辦公異地防疫使用完成江安肺炎中心效能測試作業安均發展需要指揮登錄啟動註冊</t>
  </si>
  <si>
    <t>外交部 新冠肺炎駐外館處異地遠距分組辦公新冠肺炎</t>
  </si>
  <si>
    <t>肺炎駐外異地分組辦公外交部</t>
  </si>
  <si>
    <t>車站火車確診看護公車足跡</t>
  </si>
  <si>
    <t>確診新冠肺炎染疫的案32的非法外籍看護不僅趴趴走成為台灣防疫破口隔離期間還誇張玩直播。中央流行疫情指揮中心昨公佈其2月16至19日的活動史她曾搭過3種大眾運輸行蹤遍佈北車、樹林、板橋等雙北10餘處。由</t>
  </si>
  <si>
    <t>樹林遍佈行蹤肺炎防疫運輸大眾隔離期間誇張板橋活動直播公佈中央流行</t>
  </si>
  <si>
    <t>確診新冠肺炎染疫的案32的非法外籍看護不僅趴趴走成為台灣防疫破口隔離期間還誇張玩直播。中央流行疫情指揮中心昨公佈其2月16至19日的活動史她曾搭過3種大眾運輸行蹤遍佈北車、樹林、板橋等雙北10餘處。由於非法外籍看護遊走在醫療院所成為照顧病患的短期人力幾乎是「公開的祕密」。據移民署的統計資料全台至少共有48萬餘名移工失聯案32也凸顯非法移工的防疫破口。
48萬名失聯移工 成防疫破口
北部8旬老翁日前確診新冠肺炎後負責照顧他的31歲印尼籍看護也在26日確診成為台灣第32例也是目前為止唯一的外籍看護遭確診案例。該看護曾在2月11至16日間照顧老翁16至19日在戶外活動19至24日則至另一家醫院照顧其他病患讓最近新增幾起確診案例都控制在家族群聚感染下出現嚴重斷開家族群聚感染走向社區感染的破口。
若有相同行蹤民眾 應自主管理
指揮中心指揮官陳時中表示看護16至19日搭過公車、捷運、火車、計程車4種交通工具曾至臺北、樹林、板橋等3車站搭乘松山新店線、淡水信義線、中和新蘆線、板南線等4條捷運曾在大坪林、竹圍、士林、景安站、龍山寺站以及北車地下街、樹林東昇公園等地足跡遍及雙北。
指揮中心提醒民眾若曾在16至19日前往上述地區應自主健康管理14天出現疑似症狀應儘速就醫。林口長庚小兒感染科教授邱政洵表示新冠肺炎的傳播途徑為飛沫及親密接觸。若同一時間與該看護處在同一空間甚至靠很近感染的風險就高。若時間、空間不同則不需過於擔心。
柯文哲也說他個人是主張公開透明相信台灣社會夠成熟不會太恐慌。而公佈後民眾是否在那段期間去過自己要有一個sense。
截至目前衛生單位共掌握了看護11至16日間接觸的148人其中116人需採檢均為陰性。19日至24日間接觸的23人中18人採檢陰性其餘採檢中。
民眾擔憂非法看護恐成為防疫漏洞邱政洵表示的確是有可能。看護認識的多為移工包括合法與非法除不一定看得懂新聞呼籲也可能因擔心被捉出現症狀也不敢出面。政府應盡可能找到能與非法看護搭上線的管道加強防疫宣導雖然很困難但仍需努力嘗試。</t>
  </si>
  <si>
    <t>看護防疫感染民眾確診照顧成為曾在樹林表示指揮臺灣中心出現外籍接觸日間</t>
  </si>
  <si>
    <t>採檢捷運肺炎樹林非法</t>
  </si>
  <si>
    <t>肺炎樹林</t>
  </si>
  <si>
    <t>萬華基隆葡萄指揮發病中心</t>
  </si>
  <si>
    <t>台灣疫情如遍地烽火光是昨日就暴增180例本土其中6例住在彰化到臺北萬華賣葡萄的一家人。指揮中心表示經疫調後發現賣葡萄的婦人（案1424）發病日為4月23日較5月2日出現不適症狀的基隆婦女（案1217）還要更</t>
  </si>
  <si>
    <t>葡萄烽火光是昨日基隆症狀遍地臺北婦女萬華發現表示一家人指揮中心不適本土</t>
  </si>
  <si>
    <t>台灣疫情如遍地烽火光是昨日就暴增180例本土其中6例住在彰化到臺北萬華賣葡萄的一家人。指揮中心表示經疫調後發現賣葡萄的婦人（案1424）發病日為4月23日較5月2日出現不適症狀的基隆婦女（案1217）還要更早令人憂心病毒早已散播在社區許久。
指揮中心發言人莊人祥於昨日記者會指出彰化確診賣葡萄的一家6口經疫調結果發現賣葡萄的婦人案1424在北市萬華擺攤賣水果因此所有活動史都與萬華相關莊人祥進一步說該婦人的發病日為4月23日比5月2日出現不適症狀的基隆婦女發病日還要更早。
基隆婦女到萬華賣茶5月2日開始出現發燒、咳嗽及呼吸道等相關症狀本以為該案是萬華群聚事件中最早發病的個案如今發現彰化賣葡萄婦人才是最早發病不免讓人擔憂病毒早已在社區內傳播。
感染科權威、台大兒童醫院院長黃立民日前接受媒體採訪時表示萬華當地有很多人被感染「感覺在醞釀什麼東西問題很大」應針對萬華區進行大規模血清篩檢其他醫院也應提高警覺。</t>
  </si>
  <si>
    <t>萬華發病葡萄婦人昨日感染症狀表示相關莊人祥發現中心指揮社區出現早已病毒婦女基隆醫院</t>
  </si>
  <si>
    <t>新冠肺炎台灣萬華確診指揮中心</t>
  </si>
  <si>
    <t>臺灣萬華肺炎確診指揮中心</t>
  </si>
  <si>
    <t>聯手峰會經濟</t>
  </si>
  <si>
    <t>鑒於新冠肺炎疫情日益嚴重七大工業國（G7）領袖週一（16日）緊急召開視訊會議會後發布共同聲明強調將緊密合作以對抗疫情並推出支撐經濟所需的財政與貨幣政策。加拿大央行週一宣佈新的挹注市場流動性措施將</t>
  </si>
  <si>
    <t>週一疫情挹注日益嚴重七大宣佈會議會後發佈共同聲明強調工業國領袖緊急召開央行貨幣政策經濟支撐推出財政緊密加拿大合作</t>
  </si>
  <si>
    <t>鑒於新冠肺炎疫情日益嚴重七大工業國（G7）領袖週一（16日）緊急召開視訊會議會後發布共同聲明強調將緊密合作以對抗疫情並推出支撐經濟所需的財政與貨幣政策。
加拿大央行週一宣佈新的挹注市場流動性措施將在次級市場購買房貸債券市場解讀此為加國也將啟動量化寬鬆（QE）。日本則有國會議員提案要求安倍政府調降消費稅日銀總裁黑田週二則強調必要時還會再擴大貨幣寬鬆。
根據白宮經濟顧問庫德洛（Larry Kudlow）表示美總統川普週一上午在白宮戰情室進行視訊會議儘管面對美股崩盤川普不但仍維持冷靜還與G7其他領袖皆同意將「竭盡所能」對抗新冠肺炎。
此外G7領袖也討論東京奧運今年是否如期舉行。日本首相安倍迄今仍拒絕延後或取消東奧。庫德洛會後向記者提及「他（安倍）不知道是否可行但他想這麼做川普總統祝他好運。我們都在後面支持他。」
另一方面川普週一稍晚在白宮簡報表示此次疫情可能持續到7月或8月或許甚至更長。
該集團發布會後共同聲明表示「透過共同行動我們將致力解決因COVID-19（新冠肺炎）流行引發的健康與經濟風險為未來強勁的復甦、持續的經濟成長與繁榮作好準備。」
G7領袖承諾致力採取共同行動以及一切必要措施使用所有政策工具包括貨幣和財政辦法力阻下行風險。
該份共同聲明指出G7領袖將協調各方努力減緩病毒擴散包括透過適當的邊界管制措施。
此外也將支援由政府和民間推出合作研發計畫以及分享藉此快速研發、製造和提供治療和疫苗。
G7領袖也同意財政部長進行每週開會協調執行情況並且研擬進一步的行動。
上周歐洲領袖們、尤其是法國總統馬克宏即積極遊說川普召開G7領袖視訊會議以討論新冠肺炎因應之道。川普是今年G7輪值主席。</t>
  </si>
  <si>
    <t>領袖川普經濟週一安倍總統疫情表示會後肺炎白宮共同聲明會議政府包括持續貨幣寬鬆協調強調財政</t>
  </si>
  <si>
    <t>G7領袖川普肺炎領袖行動</t>
  </si>
  <si>
    <t>肺炎領袖川普行動</t>
  </si>
  <si>
    <t>天價揭露口罩背後德國關鍵</t>
  </si>
  <si>
    <t>新冠肺炎〈NCP〉肆虐全球引發台灣出現「口罩之亂」政府近日更推行「口罩實名制」的政策也積極拓展生產線。近日有網友在PTT發文曝光德國口罩的驚人的價錢但有網友也透露天價背後的關鍵原因。一名人在德國的</t>
  </si>
  <si>
    <t>口罩近日網友德國肆虐全球引發臺灣ncp出現天價背後透露推行政策積極價錢曝光驚人拓展生產線發文ptt肺炎關鍵</t>
  </si>
  <si>
    <t>新冠肺炎〈NCP〉肆虐全球引發台灣出現「口罩之亂」政府近日更推行「口罩實名制」的政策也積極拓展生產線。近日有網友在PTT發文曝光德國口罩的驚人的價錢但有網友也透露天價背後的關鍵原因。
一名人在德國的網友近日在PTT八卦板以標題「德國口罩價格」發文表示「德國真是個市場自由的地方透過以價制量我真的覺得這裡的口罩廠跟印鈔機關一樣有錢了 」最後更PO出口罩上面的價格標籤發現一個竟然要價295歐元等於一個將近要新台幣100元左右。
文章曝光之後引起熱議不少人紛紛留言表示「台灣覺得幸福」、「發大財了現在口罩生產線=印鈔機」、「這種價格應該有附液晶體顯影眼鏡」、「如果是疫情爆發地區絕對再漲一倍」、「怎麼感覺很薄」、「台灣現在能戴5盒出境如果帶去德國賣不就能發一筆小財？」但也有內行網友透露德國和台灣的收入水準不一樣物價本來就會差很多「德國的物價換算台灣大概就是一個台幣20元」、「德國最底時薪9歐1小時工資可以買3個」、「在德國打工幾小時可以買iphone」、「差不多呀！只是單位不一樣」、「其實真的算便宜」。</t>
  </si>
  <si>
    <t>德國口罩臺灣網友價格近日台幣曝光生產線真的現在覺得表示透露發文小時可以</t>
  </si>
  <si>
    <t>感染臺灣肺炎關注訊息國中女</t>
  </si>
  <si>
    <t>刑事局偵四大隊16日接獲衛生福利部疾病管制署轉報指在抖音APP上竟有民眾公開刊載「台灣已有數百人因感染新冠肺炎死亡」的不實訊息涉觸犯傳染病防治法第63條之規定。警方追查發現行為人是一名14歲國中少女</t>
  </si>
  <si>
    <t>發現追查警方規定衛生防治法福利傳染病疾病管制觸犯訊息行為人不實死亡肺炎民眾</t>
  </si>
  <si>
    <t>刑事局偵四大隊16日接獲衛生福利部疾病管制署轉報指在抖音APP上竟有民眾公開刊載「台灣已有數百人因感染新冠肺炎死亡」的不實訊息涉觸犯傳染病防治法第63條之規定。警方追查發現行為人是一名14歲國中少女將她與家長傳辦到案全案依違反傳染病防治法、少年事件處理法移請士林地院少年法庭審理是警方目前查獲年紀最小的假訊息散佈者。
少女到案後供稱只是為了想要提高自己的關注度才在1月底PO出該影片事後懊悔不已。警方統計從1月23日至2月20日員警機關偵辦新冠肺炎相關網路假訊息案件計83件其中已移送49件71人其餘案件積極偵處中。</t>
  </si>
  <si>
    <t>警方訊息少女防治法傳染病案件肺炎管制疾病衛生福利app</t>
  </si>
  <si>
    <t>肺炎少女警方新冠肺炎傳染病防治法</t>
  </si>
  <si>
    <t>肺炎警方傳染病防治法少女</t>
  </si>
  <si>
    <t>口罩畫面川普終於曝光</t>
  </si>
  <si>
    <t>始終不願意在大眾面前戴口罩的美國總統川普在參觀已改生產口罩和其他醫療設備的福特工廠時表示他終於克服厭惡感戴上對抗新冠病毒的利器但媒體只拍到他反覆的在看手裡的口罩川普仍不願在鏡頭前出現他戴口罩的</t>
  </si>
  <si>
    <t>口罩川普病毒利器媒體拍到對抗厭惡感克服終於面前表示工廠福特設備醫療生產手裡</t>
  </si>
  <si>
    <t>始終不願意在大眾面前戴口罩的美國總統川普在參觀已改生產口罩和其他醫療設備的福特工廠時表示他終於克服厭惡感戴上對抗新冠病毒的利器但媒體只拍到他反覆的在看手裡的口罩川普仍不願在鏡頭前出現他戴口罩的樣子。不過川普私下戴口罩的畫面仍流出到媒體手中。
川普（Donald Trump）在參觀位於密西根州伊蒲賽蘭蒂市（Ypsilanti）的福特（Ford）汽車工廠時拿起一個口罩向媒體表示「我之前有戴口罩我在後面有戴一個但我不想讓媒體看到」。在鏡頭前除了川普之外在工廠參觀的每一位幾乎都有戴口罩以符合相關規定。
雖然密西根州檢察官表示川普不顧規定在鏡頭前刻意不戴口罩「正是向外界傳達可能是最糟糕的訊息」。不過據八卦雜誌《TMZ》指出有人向該媒體提供了川普戴上口罩的照片。從照片顯示川普當時正在參觀福特工廠的生產醫療產品線但可能是他或其他幕僚沒有注意到有人偷偷拍下了這張照。
Donald Trump Wears Mask at Ford Plant https://tco/Q3QOvNVl71
對於川普堅持不在鏡頭前戴口罩 CNN指出川普的總統形象是透過媒體鏡頭形塑出的「他非常、非常關注他是如何被呈現在鏡頭前而觀眾又是如何認知他；他希望自己的公眾形象可以是堅強無所畏懼的領袖」所以在他心目中認定戴口罩自然是規定「但並不包括在舞臺前」。
另外《紐時》先前也分析指出川普的助手曾表示川普抵制口罩在一定程度上是因為不想讓自己看上去顯得荒謬「雖然這聽起來才荒謬但與川普式大男子主義的扭曲邏輯相稱：口罩是給弱者也就是『魯蛇』準備的而他是完全的強者」。</t>
  </si>
  <si>
    <t>口罩川普媒體鏡頭參觀工廠表示指出福特規定ford密西根州可能trumpdonald總統生產醫療</t>
  </si>
  <si>
    <t>新增猝死晚間台中az腎病</t>
  </si>
  <si>
    <t>台中市15日開放前6類人員施打AZ疫苗台中市衛生局長曾梓展17日指出有3人在接種疫苗後死亡另60歲男子因腎臟癌及糖尿病病史醫師判定死因為重症引發急性呼吸衰竭。晚間再新增2例猝死個案其中1名大雅區72歲的阿</t>
  </si>
  <si>
    <t>疫苗台中猝死新增晚間呼吸衰竭引發重症個案死因判定醫師病史糖尿病腎臟男子死亡接種指出az</t>
  </si>
  <si>
    <t>台中市15日開放前6類人員施打AZ疫苗台中市衛生局長曾梓展17日指出有3人在接種疫苗後死亡另60歲男子因腎臟癌及糖尿病病史醫師判定死因為重症引發急性呼吸衰竭。晚間再新增2例猝死個案其中1名大雅區72歲的阿嬤在診所洗腎時突然猝死截至目前共5例在接種疫苗後死亡個案。
台中市衛生局指出大裡區72歲阿公為居家腹膜透析洗腎的患者並有3高及冠狀動脈心臟病等慢性病病史16日上午接種AZ疫苗後返家17日下午在家出現昏迷現象約15時由119送急診搶救無效。
另1位大雅區72歲的阿嬤長期在洗腎診所洗腎於15日接種AZ疫苗17日於洗腎時出現昏迷現象洗腎診所人員立即施予急救並由消防局119送急診搶救後仍無效 。
衛生局表示這2名長者皆有進行快篩結果為陰性為釐清死亡原因與疫苗相關性將協助家屬提出預防接種受害救濟申請協助收集相關病歷資料提送中央審議如經審議後確定因預防接種致死者最高將給付600萬元救濟金。</t>
  </si>
  <si>
    <t>疫苗接種死亡預防接種病史協助台中az衛生局診所指出人員個案急診猝死大雅昏迷現象審議</t>
  </si>
  <si>
    <t>洗腎AZ疫苗台灣新冠肺炎猝死</t>
  </si>
  <si>
    <t>臺灣疫苗az肺炎猝死</t>
  </si>
  <si>
    <t>管局局長亂七八糟高風險</t>
  </si>
  <si>
    <t>兩批AZ疫苗5日先後抵台數量約81萬劑。中央流行疫情指揮中心宣佈第8輪公費疫苗接種將施打AZ對象為已打過AZ、滿10周的第5、6類民眾主要為75歲以上長者以及員警、社福機構人員。對於高風險族群終於能接種第二</t>
  </si>
  <si>
    <t>az接種疫苗對於高風險人員機構員警長者以上民眾數量中央流行疫情指揮中心施打宣佈公費族群打過</t>
  </si>
  <si>
    <t>兩批AZ疫苗5日先後抵台數量約81萬劑。中央流行疫情指揮中心宣佈第8輪公費疫苗接種將施打AZ對象為已打過AZ、滿10周的第5、6類民眾主要為75歲以上長者以及員警、社福機構人員。對於高風險族群終於能接種第二劑前疾管局副局長施文儀批「第二類實在搞得亂七八糟。」
波蘭捐贈我40萬劑AZ加上COVAX配送的41萬劑一口氣來81萬劑讓已經可以打第二劑的長者們終於等到足夠劑量。指揮中心發言人莊人祥表示第7輪打剩的BNT和新到貨的AZ將保留給第8輪使用預約時程規劃中。
國外Delta變異株盛行國內不少專家呼籲盡快施打第二劑提高高風險族群保護力但指揮中心不為所動仍以提高第一劑覆蓋率為目標使得完整接種率至今不到5%；75歲以上長者更只有15%。
「這些疫苗如果能先給老人家打該有多好」根據《聯合新聞網》報導施文儀認為第二類實在搞得亂七八糟他直言中央及地方根本沒有那麼多防疫官員應給高齡、重症患者優先。</t>
  </si>
  <si>
    <t>az接種長者指揮中心疫苗中央施打提高終於以上高風險族群亂七八糟施文實在應給官員防疫沒有高齡根本國外</t>
  </si>
  <si>
    <t>AZ第二劑第8輪施文儀莊人祥</t>
  </si>
  <si>
    <t>施文az莊人祥</t>
  </si>
  <si>
    <t>結束古書到底肺炎預言</t>
  </si>
  <si>
    <t>新冠肺炎疫情在全球大爆發確診病例激增WHO終於宣佈進入「全球大流行」。財經專家賴政憲看到古書預言嚇一跳：新冠肺炎可能會拖4年。賴政憲在談話性節目《驚爆新聞線》表示古書《五公經》就有預言這次新冠肺炎</t>
  </si>
  <si>
    <t>賴政憲古書全球肺炎預言新聞節目表示談話激增who終於病例確診宣佈進入爆發流行可能</t>
  </si>
  <si>
    <t>新冠肺炎疫情在全球大爆發確診病例激增WHO終於宣佈進入「全球大流行」。財經專家賴政憲看到古書預言嚇一跳：新冠肺炎可能會拖4年。
賴政憲在談話性節目《驚爆新聞線》表示古書《五公經》就有預言這次新冠肺炎早就寫好了。《五公經》是北宋時候的預言書這是佛家的預言。開始是子醜之年今年是子年明年是醜年。「子醜之年江邊起」從武漢開始。那什麼時候會結束呢？「但看辰年中秋月」高峰在辰年」現在子年是2020年辰年是2024年的中秋可能會拖4年。另外這個子醜我們現在的子醜是2020年跟2022年另外再加12年就是2032年跟2033年搞不好會再來一次。
賴政憲接著指出很多人說這個病毒以後12年會來一次因這次新冠病毒的變種並不是自然變異所以這個病毒讓大家這麼害怕有可能會這樣那再來「寅卯辰年八九月」因此有可能會到2023年；「遍地死入不堪言」也很有可能會拖4年到5年這是我們現在最擔心的。</t>
  </si>
  <si>
    <t>可能賴政憲預言肺炎病毒全球時候古書開始現在再來中秋激增who終於病例宣佈</t>
  </si>
  <si>
    <t>新冠肺炎古書疫情賴政憲</t>
  </si>
  <si>
    <t>肺炎疫情古書賴政憲</t>
  </si>
  <si>
    <t>實情致死貼近輕忽演算法</t>
  </si>
  <si>
    <t>新冠肺炎的致死率到底要怎麼算才貼近事實？世界衛生組織（WHO）表示致死率僅2％上下且大陸以外的地區只有極少數人染病要大家別過度反應。世衛的演算法是死亡人數除以確診人數按照此演算法確實致死率僅2％上</t>
  </si>
  <si>
    <t>致死演算法人數地區染病極少數人反應到底以外世衛過度大陸貼近確實上下事實世界衛生組織who表示死亡</t>
  </si>
  <si>
    <t>新冠肺炎的致死率到底要怎麼算才貼近事實？世界衛生組織（WHO）表示致死率僅2％上下且大陸以外的地區只有極少數人染病要大家別過度反應。
世衛的演算法是死亡人數除以確診人數按照此演算法確實致死率僅2％上下但自1月底開始新冠肺炎在大陸的致死率就一直在2％上下但同時間治癒人數卻一直增加。
當有人被確診為新冠肺炎到醫院救治只有兩種可能一是治癒二是死亡所以比較能反映出收治情況的致死率應該是以死亡人數／治癒數+死亡人數來計算致死率這樣可以反映救治情況。
2月1日的死亡率是346％但18日已降至55％代表你1日因確診踏入醫院時治好的機率有654％但如果是昨天則已高達945％；反觀按世衛演算法2月1日跟18日的致死率都是2％上下。</t>
  </si>
  <si>
    <t>致死確診人數死亡上下治癒演算法醫院肺炎救治大陸世衛反映一直情況貼近事實世界衛生組織</t>
  </si>
  <si>
    <t>救治演算法死亡人數醫院治癒</t>
  </si>
  <si>
    <t>演算法人數死亡醫院救治治癒</t>
  </si>
  <si>
    <t>中國宣佈隱匿川普疫情美國who斷金社會國際</t>
  </si>
  <si>
    <t>美國總統川普週二宣佈基於世界衛生組織（WHO）應對新冠狀病毒疫情的做法他已經指示美國政府至少暫停為WHO提供經費。川普在白宮記者會上表示WHO「未能履行其基本職責必須為此責任。」他並表示WHO宣揚了中國</t>
  </si>
  <si>
    <t>who川普表示宣佈責任世界衛生組織應對新必須做法冠狀已經病毒疫情履行指示美國政府未能至少暫停提供經費記者會週二基本職責白宮總統宣揚美國</t>
  </si>
  <si>
    <t>美國總統川普週二宣佈基於世界衛生組織（WHO）應對新冠狀病毒疫情的做法他已經指示美國政府至少暫停為WHO提供經費。
川普在白宮記者會上表示WHO「未能履行其基本職責必須為此責任。」他並表示WHO宣揚了中國對於新冠狀病毒疫情的「虛假消息」這或已導致疫情的爆發程度大於其原本會發生的情況。</t>
  </si>
  <si>
    <t>who疫情病毒表示川普程度爆發宣佈大於世界衛生組織應對新做法冠狀已經至少提供經費暫停美國政府必須履行責任未能中國宣揚指示記者會</t>
  </si>
  <si>
    <t>美國川普WHO新冠肺炎疫情</t>
  </si>
  <si>
    <t>who川普肺炎疫情美國</t>
  </si>
  <si>
    <t>強身獲利去年增量高雄銀金融逆風</t>
  </si>
  <si>
    <t>高雄銀（2836）走出慶富案陰影2019年稅後淨利創774億元次高、年增6148％每股盈餘（EPS）072元。展望今年面對降息及新冠肺炎疫情衝擊總經理陳長義表示將持續強化風險承擔能力並透過增量策略來緩解利差收</t>
  </si>
  <si>
    <t>策略增量透過陰影能力承擔風險淨利強化持續表示陳長義總經理eps展望衝擊疫情今年</t>
  </si>
  <si>
    <t>高雄銀（2836）走出慶富案陰影2019年稅後淨利創774億元次高、年增6148％每股盈餘（EPS）072元。展望今年面對降息及新冠肺炎疫情衝擊總經理陳長義表示將持續強化風險承擔能力並透過增量策略來緩解利差收益減少衝擊以達到預定業務目標。
高雄銀2019年淨收益3719億元年增628％創近15年新高。稅前淨利886億元、年增達8162％、稅後淨利774億元年增達6148％雙創歷史次高。每股盈餘（EPS）072元優於前年044元。董事會擬配息015元、配股045元合計派利06元。
高雄銀2019年資產報酬率（ROA）029％、股東權益報酬率（ROE）518％分創近13年、近4年高點。資本適足率（BIS）自1105％升至1211％第一類資本比率自851％升至1004％。逾放比自081％降至048％備抵呆帳覆蓋率自14792％升至24553％。
陳長義指出高雄銀去年調整資產獲利結構追求穩定成長策略包括強化中小企業融資、降低長天期大額存款使存款利差自14％提升至144％。加上財務績效操作良好適時處分有價證券實現獲利挹注淨利差亦自099％提升至106％均創近5年最佳紀錄。
面對新冠肺炎疫情衝擊陳長義表示高雄銀成立緊急應變小組實施異地備援辦公確保營運不中斷。同時也力挺在地產業除繼續推動「金融三箭」外加碼推出「齊心防疫、高銀最相挺」專案融資、配合政府政策辦理企業紓困及振興貸款與客戶一起共度難關。
陳長義指出疫情對全球經濟及資本市場均造成相當大影響目前很難判斷影響程度多大將適時調整營運策略持續強化風險承擔能力。此外金融界面臨國外降息影響今年仍將透過增量策略來緩解利差收益減少衝擊達到預定業務目標。</t>
  </si>
  <si>
    <t>策略高雄銀淨利強化影響融資資本衝擊疫情營運獲利適時資產升至調整收益高雄降息今年利差</t>
  </si>
  <si>
    <t>高雄銀淨收益獲利EPS成長</t>
  </si>
  <si>
    <t>獲利eps成長高雄銀</t>
  </si>
  <si>
    <t>《業績-其他》2因素幹擾中租1月營收仍登同期高</t>
  </si>
  <si>
    <t>干擾因素同期業績</t>
  </si>
  <si>
    <t>中租-KY（5871）公佈2020年1月自結合併營收4698億元雖因春節工作天數較少、中國大陸銷貨業務認列準則變更影響較去年12月5928億元減少2074％、降至近11月低點仍較去年同期4508億元成長422％改寫同期新高</t>
  </si>
  <si>
    <t>結合春節成長工作去年同期天數公佈低點中國業務大陸銷貨減少去年準則變更影響-ky改寫</t>
  </si>
  <si>
    <t>中租-KY（5871）公佈2020年1月自結合併營收4698億元雖因春節工作天數較少、中國大陸銷貨業務認列準則變更影響較去年12月5928億元減少2074％、降至近11月低點仍較去年同期4508億元成長422％改寫同期新高。
觀察中租1月各地區業務概況中租表示台灣及東協地區營收分別年增14％、30％。中國大陸則因銷貨業務型態變更改為不再承擔存貨風險的業務模式會計認列準則改採淨額法認列使營收較去年同期減少但新增業績與業務動能維持。
中租發言人廖英智說明中租在中國大陸的銷貨業務原先未考慮交貨遞延、報關失敗等貿易風險今年從嚴認定跟客戶約定不承擔相關風險責任。依據會計認列準則性質需視同貿易融資業務相關營收由原先的總額法改為淨額法認列。
廖英智表示相關營收認列改採淨額法僅會影響營收認列數額不影響實際業績及獲利認列。若以交易總額推算中租1月自結合併營收為53億元年增18％中國大陸地區營收為年增19％。
中租旗下仲利國際在中國大陸擁有近50個據點。對於新冠肺炎疫情影響廖英智表示目前僅武漢分公司尚未復工需等待官方通知其他地區分公司均已陸續復工。而往年2月向來為全年最淡月此次疫情影響程度目前仍在彙整評估中。</t>
  </si>
  <si>
    <t>業務影響大陸中國地區廖英智表示相關銷貨準則復工承擔變更業績分公司疫情總額</t>
  </si>
  <si>
    <t>中租中租-KY營收成長同期新高</t>
  </si>
  <si>
    <t>-ky成長同期新高</t>
  </si>
  <si>
    <t>忍不住圍剿問侯宜一</t>
  </si>
  <si>
    <t>本土疫情不斷擴大死亡人數已超過300人疫情最嚴峻的新北市成各界關注焦點。新北市市長侯友宜過去多次蟬聯各大民調冠軍市政上採取務實、盡量不與蔡政府對抗的路線然這波疫情卻仍難逃綠營圍剿。港媒評論直言</t>
  </si>
  <si>
    <t>疫情新北圍剿超過市長嚴峻大民市政侯友宜採取冠軍務實儘量蟬聯路線</t>
  </si>
  <si>
    <t>本土疫情不斷擴大死亡人數已超過300人疫情最嚴峻的新北市成各界關注焦點。新北市市長侯友宜過去多次蟬聯各大民調冠軍市政上採取務實、盡量不與蔡政府對抗的路線然這波疫情卻仍難逃綠營圍剿。港媒評論直言這證明瞭態度不硬起來就會被綠營當軟柿子吃掉「侯友宜肯扛起藍營領頭羊重任了嗎？」
根據香港媒體《中評社》今日（10）評論指出侯友宜擔任新北市長後就堅持走「專心市政」路線對政治敏感議題與藍綠口水戰幾乎都不加入這為自己創造了跨越黨派的優秀支持度甚至屢次蟬聯各大民調冠軍被視為「藍營新共主」熱門人選卻也讓藍營支持者認為其與國民黨距離太遠。
評論強調像這波「疫苗之亂」數個藍營地方首長都聯名希望蔡政府能夠開放地方政府疫苗採購權限但侯友宜身為「最大諸侯」又是當前重災區卻僅表示配合中央防疫政策讓藍營縣市串聯討疫苗的氣勢弱了一大截。侯在不少防疫政策上皆超前蔡政府這點讓侯的民調與支持度不至因新北市確診數全台最多而受影響；但近期綠營支持者卻開始在網路攻擊侯甚至在市場分流政策上還被總統蔡英文點名應配合中央種種跡象顯示只要態度不硬起來就會被綠營當作軟柿子吃掉。
對此評論表示全台22縣市中藍營執政佔14個但從2018年勝選至今卻一直未善加發揮此優勢這與國民黨中央缺乏一呼即應的強勢整合能力以及侯友宜選擇「獨善其身」有關；2022年縣市長大選在即這波疫情也許能讓侯體會到與綠營對抗只有「打群架」才有機會能贏屆時是否能夠改變心態扛起「領頭羊」的角色受各界矚目。</t>
  </si>
  <si>
    <t>侯友宜評論藍營疫情政府新北疫苗政策市政路線甚至扛起對抗</t>
  </si>
  <si>
    <t>侯友宜新冠肺炎台灣民調蔡英文</t>
  </si>
  <si>
    <t>肺炎臺灣侯友宜蔡英文</t>
  </si>
  <si>
    <t>臺灣人疫苗心聲道破四川心坎</t>
  </si>
  <si>
    <t>台灣疫情仍相當嚴峻前高雄市副市長李四川今（27）日在臉書發表514字長文關心當前疫情狀況他同時砲轟中央流行疫情指揮中心諸多行為「要這個政府何用」許多網友大讚說到心坎裡去了。李四川文中提到防</t>
  </si>
  <si>
    <t>疫情四川嚴峻高雄市指揮政府何用中心大贊網友當前行為市長關心心坎發表長文相當</t>
  </si>
  <si>
    <t>台灣疫情仍相當嚴峻前高雄市副市長李四川今（27）日在臉書發表514字長文關心當前疫情狀況他同時砲轟中央流行疫情指揮中心諸多行為「要這個政府何用」許多網友大讚說到心坎裡去了。
李四川文中提到防疫如同作戰！18年前抗煞(SARS)他和臺北市衛工處的同仁每3至5天就在大型醫院前分別蓋出一間間篩檢站10天內在台大醫院停車場蓋出18間負壓病房我們日夜趕工。
李四川回憶去年在高雄我們呼籲對入境者普篩後再居家檢疫14天也建議對醫護人員快篩使醫護人員能安心回家還希望能找廢棄的軍營準備做檢疫收容所中央流行疫情指揮中心一概不准；「到今天我還是想不通中央疫情指揮中心反對快篩的理由」快篩不是看多少偽陰性而是及早發現沒有症狀的真陽性讓他們及早隔離或治療。
李四川感慨每天看防疫中心的記者會沒有對策實問虛答為什麼還要開這種記者會呢？如果只是為了說明確診人數發個新聞稿就好了。
針對國民黨中常會昨天通過暫停黨主席的選舉李四川直言「這是對的」現在誰在意國民黨哪時候選黨主席？大家只在問什麼時候會有疫苗？
李四川直言當醫院的走道上躺滿沒有床位的病患當我們和印度一樣要為得病的家人四處去張羅買氧氣瓶當越來越多的確診者沒辦法住進醫院當我們不得不辭掉工作回家照顧獨居的父母親「封城的命令又看不到盡頭時要這個政府何用！」
「民眾只是要活下去難道這樣卑微嗎？」、「我支持所有努力想為台灣人買到疫苗的人。現在！馬上！天佑台灣」李四川語氣加重說我們不要「道歉的政府」我們要「做到不道歉的政府」請以蒼生為念天佑台灣。
許多網友也在其po文底下留言表示「謝謝川伯講的太好了」、「感念川伯如此務實的好官員」、「藍色做的事綠色不會做的」、「一語道破台灣人的心聲、國難當頭還在分疫苗的顏色、種種錯誤的政策把台灣帶到死路上」、「說到心坎裡了」。</t>
  </si>
  <si>
    <t>四川臺灣疫情醫院沒有中心疫苗政府確診指揮回家檢疫中央國民黨記者會</t>
  </si>
  <si>
    <t>李四川川伯台灣人新冠肺炎疫苗</t>
  </si>
  <si>
    <t>臺灣人四川肺炎疫苗</t>
  </si>
  <si>
    <t>疫情時代企業的當社論不當工商</t>
  </si>
  <si>
    <t>COVID-19的肆虐全球以及美中貿易戰、科技戰的開打加深了全球經濟發展的不確定性。不過疫苗的接種、各國的解封等正面的因素也使未來全球經濟的成長有更好的期待。台灣當前面臨第二波疫情的衝擊但在政府有</t>
  </si>
  <si>
    <t>全球經濟面臨貿易戰當前科技臺灣期待加深接種解封成長因素疫苗發展確定性未來美中疫情衝擊</t>
  </si>
  <si>
    <t>COVID-19的肆虐全球以及美中貿易戰、科技戰的開打加深了全球經濟發展的不確定性。不過疫苗的接種、各國的解封等正面的因素也使未來全球經濟的成長有更好的期待。台灣當前面臨第二波疫情的衝擊但在政府有效防疫、民眾自律下即使對民間消費、服務業有所衝擊但對出口、投資影響不大的情況下整體經濟預期仍可以保持5％的成長。不過總體因素雖然傾向於樂觀但疫情的反覆、爛頭寸的充斥推升了股票、房地產、比特幣等金融泡沫都是我們不可輕忽的變數。疫情的控制、貨幣政策的擬定、財政政策的紓困、美中科技戰的因應雖然都是政府的施政範疇與責任。但是在此多變的大環境下企業也應該持續改革、創新不可停滯不前。因為在十倍速的時代不進則退。至於企業應該做什麼或不應該做什麼攸關企業在後疫情時代的競爭力不容輕忽。
以下我們指出企業在後疫情時代不應該做的與應該做的幾個大方向：
（一）不應該的作為
首先企業不應該過度財務槓桿：隨著各國的寬鬆貨幣政策、利率偏低的結果大量資金投入房地產、股票、外匯、原物料市場導致金融泡沫方興未艾。在泡沫逐漸形成之際企業應該守住自己的核心競爭力不可過度投資本業以外的領域才不會在泡沫崩跌後受到拖累拖垮公司的財務。
其次不可盲目裁員、停止投資：新冠肺炎造成不少企業面臨困境。但不可盲目裁員因為員工是公司的競爭力來源可以適度縮小規模但透過教育訓練保持公司的元氣。當然企業也不可以大量盲目投資或輕率地減少投資。例如某一日本高科技公司為了因應1997年的亞洲金融風暴、2008年的全球金融海嘯大量裁員、減少投資在風暴結束後雖然利潤率提高但營收卻大幅下滑競爭力也開始落後於同業的競爭對手。第二個案例是美國的惠普（HP）公司在2000年代購併康柏（Compaq）並大幅擴張亞太通路但缺乏聚焦反而衝擊公司的長期競爭力。反之美國Target公司雖然縮減若干實體門市但擴張線上投資並和亞馬遜公司合作也因而在新冠肺炎後營收不減反增股價不斷上揚。另一個案例是台積電在不景氣時大幅增加研發的投資進而有能力接到iPhone的大訂單整體競爭力遠遠超過同業競爭對手也贏得「台灣護國神山」的美名。
再者千萬不要原地踏步：持續改革、不斷創新、組織再造不可鬆懈因為在數位時代跨域競爭成為常態對手不是來自本業甚至來自異業不斷革新、進步、建構更深的護城河才能因應挑戰。
（二）企業應有的作為
首先持續的變革創新：尤其在COVID-19之後去全球化之後的短鏈發展、去實體化大幅提高線上營運模式、透過組織再造因應去弱存強以及追求綠色化、乾淨、寬敞社交空間的去汙減碳。這些趨勢都應該深入瞭解作為公司變革創新的基礎與鞭策的方向。
再者加強跨域的合作：在數位經濟時代來臨之際平臺經濟、共用經濟等逐漸蔚為趨勢。企業應掌握上述趨勢進行策略的調整。但公司資源有限投入不同領域有其風險因此進行跨域合作尋求夥伴合作可以創造雙贏並擴大公司的影響力。
其三透過折扣、補貼、共同研發、共同環保鎖住客戶及合作夥伴：由於新冠肺炎之後企業的營收會有一定的減損很多客戶流失可透過折扣、補貼、優惠來吸引忠實客戶回流鎖住忠實客戶相當重要。同時有些上游大廠透過和下遊客戶的共同研發、共同進行節能減碳的活動也可以增加彼此休戚與共的革命情感進而留住客戶。
其四加速數位元轉型迎接數位時代：數位化在後疫情時代已經成為顯學也是公司競爭力不可或缺的環節。中型企業因為資源不多可以尋求政府或是法人機構的協助掌握數位投資前後效益的變化才能積極投入。大型企業雖然資源比較多但是數位轉型成功與否取決於公司組織再造、人才的訓練、商業模式的調整等這些努力都有賴公司高層的企圖心與決心。
另一方面瞭解未來產業的趨勢也攸關公司競爭力：未來十年的產業發展趨勢包括人口老化／少子化、節能減碳、數位經濟的發展趨勢均值得企業高層重視並有效融入公司的經營策略。
此外重視環境的永續、社會責任與公司治理（ESG）：重視ESG不但公司的形象可以提升有利於公司招募人才同時在資本市場也有加分的作用。而且透過綠色、ESG的加值、投入也可以創造公司的差異化進而提升企業的出口競爭力。</t>
  </si>
  <si>
    <t>公司企業競爭力投資可以透過數位經濟疫情客戶應該時代因應全球不可大幅衝擊趨勢政府泡沫合作</t>
  </si>
  <si>
    <t>趨勢疫情時代企業共同</t>
  </si>
  <si>
    <t>共同時代疫情趨勢企業</t>
  </si>
  <si>
    <t>降臨delta現階段防疫金鐘罩重點疫苗</t>
  </si>
  <si>
    <t>突破性感染頻傳甚至有境外移入個案混打3劑疫苗仍確診。精神科醫師沈政男表示疫苗不是金鐘罩打完疫苗也無法恢復正常生活突破性感染得重症的機率是沒打疫苗者的75％。只能說疫苗保護力與非疫苗防護手段有關</t>
  </si>
  <si>
    <t>疫苗感染突破性境外沈政男醫師甚至精神確診個案混打無法重症生活保護只能表示金鐘罩</t>
  </si>
  <si>
    <t>突破性感染頻傳甚至有境外移入個案混打3劑疫苗仍確診。精神科醫師沈政男表示疫苗不是金鐘罩打完疫苗也無法恢復正常生活突破性感染得重症的機率是沒打疫苗者的75％。只能說疫苗保護力與非疫苗防護手段有關不好好戴口罩打完2劑mRNA疫苗的突破性感染機率也高達六成。
沈政男昨在臉書發文表示每個階段的防疫主題都不一樣現在這個階段最熱門的就是「突破性感染」。全世界都在搶打疫苗以色列絕對是打得最兇也最充分的國家但如今卻每天新增上萬例的確診個案。那些說打疫苗可大幅降低重症與住院率的都是英國Alpha變種時代的思維如今印度Delta變異株已經君臨大地了。
沈政男分享最新一期《新英格蘭醫學期刊》的研究加州大學聖地牙哥附設醫院的醫療人員今年6月前完整施打疫苗的保護力超過90％但到了7月卻只剩下655%。也就是說打了兩劑mRNA疫苗得到突破感染的機會依然高達35%只要有3個沒打疫苗的人被感染就可能有1個打過疫苗的人被感染。 更不要說只打過一劑疫苗的人。
沈政男指出許多人以為打疫苗後染疫90％以上都是輕症。不過根據發布在《刺胳針感染醫學期刊》上的英國研究指出突破性感染得到重症的機率是沒打疫苗者的75％住院機率則是30至40％左右。「所謂打了疫苗即使染疫也是輕症主要原因是打了疫苗後染疫機會大大降低但染疫後重症的機會其實沒降太多。」
沈政男認為疫苗保護力與非藥物防護手段根本無法分開加州大學附設聖地牙哥醫院的醫護在7月突破性感染機率大增除了因為Delta開始盛行也跟口罩強制令解除有關；以色列也是如此民眾打完兩劑疫苗就有恃無恐什麼防疫手段都不管才讓Delta趁虛而入。
沈政男說 以色列的染疫、住院與死亡曲線與一年前疫情最熾烈時相差不多了。不是說新冠疫情會流感化？只要疫苗打到70、80％的覆蓋率達到群體免疫就能與病毒共存？「大錯特錯連三錯！以色列就是前車之鑑。」
沈政男接著說若打完疫苗不戴口罩認為反正有2劑mRNA疫苗就是神功附體再多的病毒都不怕那病毒將如潮水一般衝垮抗體防線攻入體內。「新冠疫苗雖好即使是mRNA疫苗都不是金鐘罩啦！病毒量只要夠多就會沖垮抗體防線。」
沈政男也說疫苗保護力與非疫苗防護手段有關不好好戴口罩打完2劑mRNA疫苗的突破性感染率高達六成。反之如果繼續戴好口罩那麼即使只有打一劑AZ也是有不錯的保護力。</t>
  </si>
  <si>
    <t>疫苗沈政男感染突破性以色列病毒mrnadelta口罩重症打完住院保護手段</t>
  </si>
  <si>
    <t>突破性感染mRNA染疫疫苗台灣</t>
  </si>
  <si>
    <t>mrna疫苗感染突破性臺灣</t>
  </si>
  <si>
    <t>陸韓升級人士防疫入境</t>
  </si>
  <si>
    <t>日本共同社報導日本政府今（5）日已開始規劃暫停已經向來自大陸、韓國的旅客發放簽證的效力未來還計劃要求來自兩國的遊客暫時不要前往日本。路透社也引述讀賣新聞指出日本政府正在考慮中止已經發給來自陸、</t>
  </si>
  <si>
    <t>來自日本政府已經路透社日本正在引述指出讀賣新聞前往規劃開始考慮暫停暫時效力簽證遊客要求計畫未來發放大陸</t>
  </si>
  <si>
    <t>日本共同社報導日本政府今（5）日已開始規劃暫停已經向來自大陸、韓國的旅客發放簽證的效力未來還計劃要求來自兩國的遊客暫時不要前往日本。
路透社也引述讀賣新聞指出日本政府正在考慮中止已經發給來自陸、韓旅客的簽證效力。
此外為了抑制新冠肺炎疫情東京也打算對所有來自陸、韓的旅客強制隔離14天。
預計日本首相安倍晉三將在今日晚間的防疫會議上討論這些事項。
先前日本奧運大臣橋本聖子（Seiko Hashimoto）曾表示即便新冠肺炎疫情延燒各國東京奧運將如期在7月舉行。</t>
  </si>
  <si>
    <t>來自旅客日本奧運日本政府已經東京簽證效力肺炎疫情會議防疫晚間今日開始規劃討論事項先前安倍晉三暫停</t>
  </si>
  <si>
    <t>臺灣漁民遠洋解封陸續優先港口多國疫苗</t>
  </si>
  <si>
    <t>近來台灣鮪延繩釣協會接獲逾百名漁民陳情直指遠洋漁業是邊境防疫一環漁民應列入優先打疫苗類別因目前有多國港口開放停靠而船長年齡偏長有慢性病若無疫苗防護除增加感染風險還會因海上醫療資源匱乏而有</t>
  </si>
  <si>
    <t>漁民疫苗協會風險感染增加海上陳情直指防護遠洋漁業邊境防疫若無慢性病年齡列入船長</t>
  </si>
  <si>
    <t>近來台灣鮪延繩釣協會接獲逾百名漁民陳情直指遠洋漁業是邊境防疫一環漁民應列入優先打疫苗類別因目前有多國港口開放停靠而船長年齡偏長有慢性病若無疫苗防護除增加感染風險還會因海上醫療資源匱乏而有生命危險。
漁民反映現今有許多國家因漸漸解封港口也陸續開放外籍漁船停靠而有的則要確定船上人員都打過疫苗後才准許停靠對此台灣漁船真的陷入兩難前者看似方便但存在感染風險至於後者是直接否決台灣漁船停靠的機會。
漁民說遠洋漁船的船長平均年齡5、60歲且多數有慢性病許多船長每次出海時都要帶一大箱的藥若不幸染疫且在船上發病的話後果真的不堪設想因為海上的醫療資源不僅極度匱乏還不比陸地可以立即施救。
對此台灣鮪延繩釣協會指出遠洋漁業真的是邊境防疫中很重要的一環雖然目前有嚴格防疫措施漁民需隔離14天、PCR採陰後才能入境且入境後還要自主管理7天但讓漁民打疫苗才能更確實阻絕病毒入侵國內且以人道觀點來看也能保護漁民降低重症發生率。
台灣鮪延繩釣協會說漁民的陳情已向漁業署反映而漁業署說已有造冊但後續狀況未明希望政府能重視漁民需求其實去年全球疫情大爆發時漁界已在討論漁民打疫苗的問題畢竟他們就是全世界跑來跑去的一群不料疫苗出來後漁民完全被漠視與大家的期待很不同。
三級警戒下外籍漁工無法入境許多漁船因缺工無法出港東港、鹽埔漁港進入「漁船停好停滿」高峰期而今微解封在即漁民一邊期待能藉此緩解漁業慘況但又憂心疫苗問題。</t>
  </si>
  <si>
    <t>漁民疫苗漁船停靠臺灣真的船長防疫船上解封漁業外籍才能期待感染風險對此入境</t>
  </si>
  <si>
    <t>漁民疫苗停靠台灣鮪延繩釣協會船長</t>
  </si>
  <si>
    <t>臺灣停靠疫苗協會船長漁民</t>
  </si>
  <si>
    <t>伊多確診領袖反對派委內瑞拉肺炎</t>
  </si>
  <si>
    <t>委內瑞拉反對派領袖瓜伊多（Juan Guaido）今天表示他確診2019冠狀病毒疾病（COVID-19 ）有輕微症狀。瓜伊多在自己的推特（Twitter）帳號表示正接受隔離同時對委內瑞拉的確診數字表達憂心。瓜伊多寫道：「我想表</t>
  </si>
  <si>
    <t>伊多確診表示委內瑞拉憂心covid-疾病輕微病毒症狀juan表達guaido隔離接受twitter數字今天寫道領袖反對派</t>
  </si>
  <si>
    <t>委內瑞拉疫苗covid-伊多反對派數字今天美國確診表示表達總統領袖實際有限連任西方政府成功人數形容受苦</t>
  </si>
  <si>
    <t>委內瑞拉疫苗covid-19covid反對派</t>
  </si>
  <si>
    <t>疫苗反對派委內瑞拉covid-covid</t>
  </si>
  <si>
    <t>美海軍航母艦長空前複職</t>
  </si>
  <si>
    <t>歷經震驚各界的紛紛擾擾後美國海軍高層已建議讓因新冠肺炎爭議遭拔官的「羅斯福」號（USS Theodore RooseveltCVN-71）航母艦長克勞齊（Brett Crozier）復職。據美聯社與《政治》（Politico）新聞網24日報導</t>
  </si>
  <si>
    <t>美國海軍政治高層美聯社複職crozier建議brett克勞齊艦長航母肺炎爭議cvn-roosevelttheodoreuss羅斯福politico新聞網紛紛擾擾震驚</t>
  </si>
  <si>
    <t>歷經震驚各界的紛紛擾擾後美國海軍高層已建議讓因新冠肺炎爭議遭拔官的「羅斯福」號（USS Theodore RooseveltCVN-71）航母艦長克勞齊（Brett Crozier）復職。
據美聯社與《政治》（Politico）新聞網24日報導這項空前的決定仍必須由美國防長艾斯培（Mark Esper）批准。而這對前代理海軍部長莫德里（Thomas Modly）來說將是令人震驚的大打臉。
五角大廈發言人霍夫曼（Jonathan Hoffman）在聲明中說海軍領導階層週五已口頭向艾斯培簡報相關建議。他指出一旦艾斯培收到書面調查報告後將會徹底加以審查並再度與海軍領導階層會面以討論接下來要怎麼做。
而霍夫曼週五稍早說艾斯培很可能支持海軍的決定他將以開放的態度來看這件事並大致傾向支持海軍領導層。不過美軍參謀首長聯席會議（JCS）主席米利（Mark Milley）卻想要有不同的做法。另一方面國會議員週五則力促艾斯培要他接受海軍的建議讓克勞齊復職。
由於克勞齊發送電子郵件告訴好幾位海軍領導人艦上爆發新冠肺炎疫情要求他們協助讓艦上近5000名官兵下船卻不料內容外洩以致莫德里在完成調查前就將他火速拔官。莫德里說克勞齊運用了「很差的判斷力」並強調美國總統川普也會想要他這麼做。
雖然莫德里當時告訴媒體克勞齊向20－30人廣發電郵但《華盛頓郵報》（The Washington Post）說他只向少數海軍官員發了信。</t>
  </si>
  <si>
    <t>海軍艾斯克勞齊莫德里週五建議決定mark想要霍夫曼支持告訴複職領導階層</t>
  </si>
  <si>
    <t>美國航母艦長海軍復職</t>
  </si>
  <si>
    <t>航母複職海軍艦長美國</t>
  </si>
  <si>
    <t>所幸確診時裝臺灣半球gucciysl到場越南</t>
  </si>
  <si>
    <t>新冠肺炎疫情延燒影響時尚圈明星、名人、時尚編輯參加歐美時裝周不過仍有少數人照原定計畫出席活動。越南近日就出現多起確診其中包含曾赴歐洲參加米蘭、巴黎時裝周活動的越南鋼鐵大亨女兒、名媛姊妹花阮娥（Ng</t>
  </si>
  <si>
    <t>參加越南時裝周活動時尚女兒疫情大亨鋼鐵姊妹影響歐美確診包含曾赴出現定計近日歐洲出席</t>
  </si>
  <si>
    <t>新冠肺炎疫情延燒影響時尚圈明星、名人、時尚編輯參加歐美時裝周不過仍有少數人照原定計畫出席活動。越南近日就出現多起確診其中包含曾赴歐洲參加米蘭、巴黎時裝周活動的越南鋼鐵大亨女兒、名媛姊妹花阮娥（Nguyen Nga）和阮紅蓉（Nguyen Hong Nhung）。
據外媒報導兩人曾赴歐洲參加米蘭及巴黎時裝周活動2月19日前往米蘭參加Gucci大秀25日前往巴黎參加Saint Laurent（YSL）大秀搭機返回越南後確診同班機多名乘客也都中標。儘管環境嚴峻許多國際時尚雜誌編輯包括《Elle》、《InStyle》、《Harper’s Bazaar》依舊派出編輯到場然而根據台灣Gucci與Saint Laurent公關表示此次時裝周並未有台灣編輯參加。</t>
  </si>
  <si>
    <t>參加編輯越南時裝周活動確診gucci巴黎laurentsaint臺灣米蘭曾赴nguyen時尚歐洲疫情姊妹nhung影響國際</t>
  </si>
  <si>
    <t>米蘭時裝周台灣新冠肺炎武漢肺炎越南</t>
  </si>
  <si>
    <t>肺炎臺灣武漢時裝周米蘭越南</t>
  </si>
  <si>
    <t>黃士口罩黑洞產生</t>
  </si>
  <si>
    <t>以核養綠公投發起人黃士修今(14日)日於臉書表示行政院長蘇貞昌的口罩禁出口政策引起民眾需求心理暴增進而造成「口罩之亂」統購統銷政策全面管制更是一系列違反經濟學邏輯的決策。以下節自黃士修臉書：1月27</t>
  </si>
  <si>
    <t>口罩黃士政策發起人以下決策邏輯經濟學違反更是蘇貞昌管制全面出口統購統銷民眾節自需求引起造成心理</t>
  </si>
  <si>
    <t>以核養綠公投發起人黃士修今(14日)日於臉書表示行政院長蘇貞昌的口罩禁出口政策引起民眾需求心理暴增進而造成「口罩之亂」統購統銷政策全面管制更是一系列違反經濟學邏輯的決策。
以下節自黃士修臉書：
1月27日經濟部長沈榮津表示1月30日後每日產能高達390萬片2月2日經濟部表示週末口罩生產量較少因為「勞工朋友週末需要陸續休假」對經濟學敏銳的人就應該已經發現這句話代表「生產口罩對廠商並不是真正急迫的事項」。
根據當天經濟部的說法2月1日口罩徵收267萬片其中72萬片防疫195萬片販售2月2日徵收189萬片其中58萬片防疫131萬片販售。
2月5日北部某醫院口罩庫存不足衛福部緊急澄清卻意外透露過去六天中僅撥發255萬片給醫療院所平均每日425萬片與原本說好的140萬片有巨量落差。
2月6日口罩實名制上路衛福部長陳時中表示每日僅有160萬片配送到通路與原本宣稱的260萬片兜不起來中間差額100萬片沒有人知道到哪裡去至今各地醫療院所仍然傳出口罩不夠用的慘況。
2月13日媒體爆出全國80家口罩廠商僅29家被徵用剩下的51家官員希望業者暫時不要販賣等待政府徵收。然而政府每片口罩賣8元沒事合法工廠100片賣500元給街坊鄰居叫做哄抬物價並被帶到調查局偵訊晚間經濟部緊急改口之前是「分階段徵用」、「先徵收一部分需求量已足夠」、「過去因為人力受限經濟部採取分階段徵用」。
但是在一天之內突然有人力清查剩下所有廠商「徵用書現已發出有證有生產的工廠全面徵用」然而經濟部辯稱原先徵用的29家廠商已佔產量國內8成反過來說剩下51家廠商產量佔2成8成是400萬片2成就是100萬片但別忘記全國醫護人員每日需求是80萬片。
民眾急廠商急政府不急直接放棄2成產能投資2億元採購機台強制特定業者擴產這叫做台灣特色社會主義。
過去半個月來每日200萬片口罩不知所蹤合計就是3000萬片的缺口因為政客們搞黑箱上下其手一般民眾排隊買不到醫護人員苦等發配長時間暴露在被感染的風險之中。
諷刺的是同一天中國大陸正好有則新聞報導「6毛進價口罩賣1元被罰」被對岸網友罵到湖北省洪湖市重啟調查紀檢部門也介入調查是否存在執法人員違紀等情況。
我都不知道哪一邊才是共產主義專制國家。</t>
  </si>
  <si>
    <t>口罩經濟部廠商徵用表示過去民眾徵收經濟學知道剩下叫做黃士業者緊急政府全面政策</t>
  </si>
  <si>
    <t>口罩之亂口罩新冠肺炎新型冠狀病毒黃士修</t>
  </si>
  <si>
    <t>肺炎冠狀病毒黃士口罩</t>
  </si>
  <si>
    <t>疫苗病毒確診打完接種delta</t>
  </si>
  <si>
    <t>新冠肺炎肆虐全球隨著病毒不斷進化Delta印度變異株已取代Alpha英國變異株成為目前最流行株傳播力強到就算接種2劑疫苗仍有機會感染各國紛紛考慮施打第三劑疫苗。胸腔重症專家、北市聯醫陽明院區胸腔內科醫</t>
  </si>
  <si>
    <t>疫苗胸腔變異全球病毒進化delta印度肆虐北市成為專家目前重症傳播流行施打第強到考慮就算機會紛紛</t>
  </si>
  <si>
    <t>新冠肺炎肆虐全球隨著病毒不斷進化Delta印度變異株已取代Alpha英國變異株成為目前最流行株傳播力強到就算接種2劑疫苗仍有機會感染各國紛紛考慮施打第三劑疫苗。胸腔重症專家、北市聯醫陽明院區胸腔內科醫師蘇一峰分享美國最新研究發現接種完2劑疫苗的Delta確診者體內病毒量竟然和未接種者一樣多無疑是個壞消息。
「美國研究帶來壞消息！」蘇一峰今（19日）表示因應Delta病毒快速在國際蔓延許多人都關心疫苗能否有效防堵變種病毒肆虐但美國衛斯康辛州的最新研究指出打完兩劑完整疫苗的感染者病毒量與感染能力和未打疫苗者一樣多。
蘇一峰在部落格說明美國威斯康辛大學麥迪遜分校 （University of Wisconsin-Madison）的學者收集了共719名新冠肺炎感染者資料其中122人經過病毒基因分析有九成都是Delta感染者。透過採取每位受試者的鼻腔病毒分析體內病毒量（Ct值）與時間的變化在統計學上打完兩劑疫苗的感染者鼻腔中的病毒含量與沒打疫苗者相同。
蘇一峰指出研究也發現就算接種了完整疫苗病毒在細胞間的感染成功率也非常高；有打疫苗者在確診後出現症狀天數及嚴重度也和未打疫苗者沒有差異。
此研究的作者病毒學家 Thomas Friedrich 在學術期刊《Nature》上提到「這個研究讓我們知道打了疫苗的人感染病毒後還存在著感染傳播能力！」期刊也呼籲打完疫苗後的防疫保護仍不能拋棄如戴好口罩。
蘇一峰也提到另一篇新加坡做的研究則顯示接種輝瑞／BNT或莫德納等mRNA疫苗者與未接種者在感染Delta變異株後兩者初期的Ct值差不多但隨後觀察到已接種者體內病毒量下降得更快。</t>
  </si>
  <si>
    <t>疫苗病毒研究接種delta蘇一峰感染美國感染者變異打完體內胸腔傳播提到ct</t>
  </si>
  <si>
    <t>接種疫苗Delta病毒量完整接種</t>
  </si>
  <si>
    <t>完整病毒接種delta疫苗</t>
  </si>
  <si>
    <t>病人治療連線優先病友施打癌症疫苗</t>
  </si>
  <si>
    <t>治療中的癌症病人因無法等待治療必須頻繁進入醫院感染新冠肺炎的風險比平常人更高一旦染病還容易導致重症或死亡和信治癌中心醫院及癌症病友團體呼籲政府應將目前需予積極治療的癌症病友列入7月起的疫苗</t>
  </si>
  <si>
    <t>治療癌症病友等待必須頻繁感染進入肺炎風險平常人醫院一旦染病容易導致重症死亡和信積極目前中心醫院應將</t>
  </si>
  <si>
    <t>治療中的癌症病人因無法等待治療必須頻繁進入醫院感染新冠肺炎的風險比平常人更高一旦染病還容易導致重症或死亡和信治癌中心醫院及癌症病友團體呼籲政府應將目前需予積極治療的癌症病友列入7月起的疫苗施打對象。
和信治癌中心醫院指出癌症的治療樣態以及癌症病人在治療之間的身體免疫力起伏不若一般慢性疾病病人依處方箋領藥遵循醫囑服藥即可保持疾病的控制。癌症的治療需依治療週期抽血檢驗或安排相關影像檢驗來評估病人的身體狀況、副作用影響以及腫瘤變化來決定病人需不需要調整劑量或治療方式以持續或接續治療。
而癌症的治療多需專業人員操作下才能給予例如化療、放療、標靶等舟車往返於醫院到院檢查及治療是癌症病人治療時期的生活常態及寫照。多數癌友的身體較為虛弱或因白血球低下而易於被感染這讓大多數病友於疫情期間出入醫療院所或者必須倚賴大眾交通工具的接觸感染風險最近就有許多癌友反映「為了要命得到院治療但到院呢？又有染疫風險可能會沒命。是去還是不去呢？」
和信治癌中心醫院表示美國國家癌症資訊網絡（NCCN）在2021年6月9日所發佈的「癌症與COVID-19接種」（Cancer and COVID-19 Vaccination）就明確建議治療中的癌症病人在獲得其主治醫師評估且建議施打新冠疫苗時應得優先順序儘快施打疫苗給予保護力。
中央流行疫情流行指揮中心6月22日公佈7月起新冠疫苗接種的對象名單罕見疾病及重大傷病卻僅列第9位排在體健之65至74歲國民之後。
和信治癌中心醫院及癌症病友團體呼籲應將目前需予積極治療之癌症病友列入7月起的疫苗施打對象。和信疫苗小組召集人王詠醫師及血液與腫瘤內科部主任褚乃銘醫師呼籲癌症病人應在主治醫師依據下述標準評估下將其納入疫苗較優先施打對象包括正在接受化學治療中或一年內接受過化療的病人、正在接受放射治療的病人、任何罹患癌症第4期的病人以及正在接受標靶治療中的病人。</t>
  </si>
  <si>
    <t>治療癌症病人疫苗癌症病人疾病和信病友感染風險物件評估施打呼籲必須正在中心醫院給予身體疫情接受化療</t>
  </si>
  <si>
    <t>癌症疫苗新冠肺炎和信治癌中心醫院</t>
  </si>
  <si>
    <t>肺炎和信疫苗中心醫院癌症</t>
  </si>
  <si>
    <t>首例肺炎出現死亡首都案例美國</t>
  </si>
  <si>
    <t>美國首都出現首例新冠肺炎死亡案例記者許昌平報導當地時間3月20日美國華盛頓哥倫比亞特區衛生部門宣佈該地區出現首個與新冠肺炎有關的死亡病例。據海外網報導。據美國廣播公司、福克斯新聞網20日最新消息死者</t>
  </si>
  <si>
    <t>報導美國死亡肺炎出現福克斯美國廣播公司海外華盛頓哥倫比亞特區時間病例當地衛生部門許昌平宣佈地區有關記者案例新聞網首例最新消息首都死者</t>
  </si>
  <si>
    <t>美國首都出現首例新冠肺炎死亡案例
記者許昌平報導
當地時間3月20日美國華盛頓哥倫比亞特區衛生部門宣佈該地區出現首個與新冠肺炎有關的死亡病例。據海外網報導。
據美國廣播公司、福克斯新聞網20日最新消息死者為一名59歲的男性他在出現發燒和咳嗽症狀後於上周住進醫院。據悉該患者除了新冠病毒檢測呈陽性外身體也存在潛在的健康問題。
當前全美50個州以及華盛頓哥倫比亞特區全部出現新冠肺炎患者。據美國約翰·霍普金斯大學發佈的即時統計資料顯示截至臺北時間3月21日2時美國新冠肺炎累計確診病例為14631例死亡病例210例。</t>
  </si>
  <si>
    <t>出現美國肺炎死亡華盛頓患者報導時間哥倫比亞特區病例存在身體健康上周問題症狀咳嗽發燒當前陽性男性死者</t>
  </si>
  <si>
    <t>新冠美國肺炎新冠肺炎死亡</t>
  </si>
  <si>
    <t>肺炎死亡美國</t>
  </si>
  <si>
    <t>資料增強防治善用</t>
  </si>
  <si>
    <t>新冠肺炎疫情不斷升溫不僅亞洲各國相繼爆發群聚感染案例國內的家庭群聚感染數目也來到6件中央流行疫情指揮中心對相關密切接觸者已框列數百人多位防疫專家也指出隨著時間推移台灣進入社區傳播只是時間問</t>
  </si>
  <si>
    <t>疫情感染傳播社區進入臺灣不斷時間推移升溫爆發亞洲各國相繼指出專家防疫數目密切接觸相關中心指揮流行</t>
  </si>
  <si>
    <t>防疫疫情資料蘇益仁政府臺灣國內肺炎爆發進入掌握登革熱醫療台南建立產業it概念</t>
  </si>
  <si>
    <t>肺炎蘇益仁概念資料力道</t>
  </si>
  <si>
    <t>《國際經濟》13季來首見日本Q4資本支出轉跌</t>
  </si>
  <si>
    <t>日本資本支出季來首經濟國際</t>
  </si>
  <si>
    <t>日本2019年第四季企業削減廠房與設備支出加深該國經濟陷入衰退的擔憂。新型冠狀病毒疫情與全球成長放緩使日本仰賴出口的經濟所承受的壓力升高。日本去年第四季（10~12月）企業支出年減35%與第三季的年增71%</t>
  </si>
  <si>
    <t>日本支出經濟企業四季病毒疫情冠狀擔憂全球成長放緩衰退去年陷入加深仰賴設備出口壓力升高廠房削減承受</t>
  </si>
  <si>
    <t>日本2019年第四季企業削減廠房與設備支出加深該國經濟陷入衰退的擔憂。新型冠狀病毒疫情與全球成長放緩使日本仰賴出口的經濟所承受的壓力升高。
日本去年第四季（10~12月）企業支出年減35%與第三季的年增71%相比大幅惡化為13個季度以來首見衰退主要因晶片製造投資放緩以及全球汽車需求減弱。經季調後去年第四季企業支出經季調後季減42%。
該指數將用於計算3月9日公佈的國內生產毛額（GDP）修正值。
期間內製造業資本支出年減9%非製造業資本支出年減01%。企業經常性盈餘年減46%營收年減64%。
分析師表示中國爆發新冠肺炎的影響打擊了企業信心與投資胃口日本企業資本支出的成長動能將減弱。</t>
  </si>
  <si>
    <t>支出企業日本衰退投資經濟資本放緩全球成長四季去年減弱經季調製造業生產毛額國內gdp修正公佈爆發</t>
  </si>
  <si>
    <t>日本資本支出新冠肺炎經濟衰退</t>
  </si>
  <si>
    <t>支出肺炎資本經濟日本衰退</t>
  </si>
  <si>
    <t>回皆台新買點</t>
  </si>
  <si>
    <t>受新冠肺炎（COVID-19）擴散影響美股面臨回檔修正壓力不過對美股未來前景仍有相當投資人保持信心。台新智慧生活基金經理人蘇聖峰就表示美股基本面優於其他市場如製造業ISM重回榮枯線50企業去年第四季</t>
  </si>
  <si>
    <t>covid-擴散影響ism製造業市場未來優於前景相當投資人保持台新信心基本智慧生活金經理表示</t>
  </si>
  <si>
    <t>受新冠肺炎（COVID-19）擴散影響美股面臨回檔修正壓力不過對美股未來前景仍有相當投資人保持信心。台新智慧生活基金經理人蘇聖峰就表示美股基本面優於其他市場如製造業ISM重回榮枯線50企業去年第四季財報獲利亮眼且指標個股展望佳加上低利環境不變美股因具報酬較高優勢吸引力高預期美股後市仍有漲升行情可期短線若遇較大回檔皆是買點看好軟體、網路安全、FinTech、電競娛樂、共用經濟等趨勢成長股。
蘇聖峰指出預期新冠肺炎對於今年全球GDP影響輕微股市承接力道強勁市場普遍共識認為第一季的經濟損失會在第二季獲得部分彌補。不過由於第一季經濟下行壓力增加全球央行貨幣政策有望更寬鬆帶動經濟復甦。美國基本面為全球相對突出的S&amp;P500企業去年第四季企業獲利優於預期比例達70％以上資訊科技類股是今年以來唯一獲利上修的類股仍為盤面主流；尤其科技龍頭大廠Apple、Amazon、Microsoft、Tesla等財報與展望佳將帶動美國科技相關基金後市表現。
蘇聖峰表示科技股擁有五大利基仍是未來美股的領頭羊包括：一、科技、通訊、生技等類股受疫情影響小在恐慌性殺盤後將有顯著反彈；二、5G、AI、雲端等新興產業成長題材豐富；三、2020年IT支出調查：IT業者願意增加投資的企業為89％大型科技股動能不變；四、軟體股有更多題材：疫情對於軟體股影響小且網路安全、容器效能監控、資料處理、DevOps、雲通訊與客戶使用者體驗是許多公司的優先項目；五、強勢美元影響減弱有利出口及匯兌。</t>
  </si>
  <si>
    <t>影響科技企業經濟全球蘇聖峰預期獲利市場成長通訊增加基本帶動優於後市展望壓力回檔</t>
  </si>
  <si>
    <t>企業肺炎買點美股基本面優</t>
  </si>
  <si>
    <t>買點肺炎基本企業</t>
  </si>
  <si>
    <t>學生新北教育局家庭三峽</t>
  </si>
  <si>
    <t>9月1日開學在即但新北市昨爆出11例確診10例是三峽群聚確診其中5例是學生引發不少老師、學生及家長擔憂新北市教育局表示10例是家族群聚確診學生防疫期間都沒去上課也沒到補習班所以原則上對其他學</t>
  </si>
  <si>
    <t>學生新北確診沒到上課沒去補習班期間防疫擔憂教育局表示族群原則爆出家長老師引發在即開學</t>
  </si>
  <si>
    <t>9月1日開學在即但新北市昨爆出11例確診10例是三峽群聚確診其中5例是學生引發不少老師、學生及家長擔憂新北市教育局表示10例是家族群聚確診學生防疫期間都沒去上課也沒到補習班所以原則上對其他學生及開學也不會有影響只要學校防疫相關配套做好就好。
教育局長張明文說新北目前沒預估有多少學生會請防疫假等9月1日學生實際報到後再去調查因學生已3個多月未到校所以鼓勵大家實體上學若學生與家長仍擔心也可請防疫假。
新北市長侯友宜昨說三峽家庭群聚研判為舊案幾乎沒有傳染力但仍擴大匡列採檢匡列接觸364人、居家隔離60人目前採驗均為陰性。</t>
  </si>
  <si>
    <t>學生防疫新北目前家長開學確診三峽匡列匡列采擴大傳染沒有舊案幾乎</t>
  </si>
  <si>
    <t>新冠肺炎台灣學生開學確診</t>
  </si>
  <si>
    <t>肺炎臺灣學生開學確診</t>
  </si>
  <si>
    <t>緬甸上周返台境外確診新增</t>
  </si>
  <si>
    <t>(14：50更新)國內今日新增2名新冠肺炎境外移入個案為30多歲本國籍男性(案605)及50多歲本國籍男性(案606)分別自緬甸、印尼入境。其中案605曾在緬甸確診且在當地和案501及案505一起吃飯研判為案501及案505的</t>
  </si>
  <si>
    <t>緬甸肺炎境外男性國籍新增個案一起當地今日確診入境印尼分別吃飯國內判為更新</t>
  </si>
  <si>
    <t>(14：50更新)國內今日新增2名新冠肺炎境外移入個案為30多歲本國籍男性(案605)及50多歲本國籍男性(案606)分別自緬甸、印尼入境。其中案605曾在緬甸確診且在當地和案501及案505一起吃飯研判為案501及案505的指標個案。截至目前國內共累計605例確診案例。
指揮中心發言人莊人祥表示案605今年3月至緬甸工作9月6日起陸續出現嗜睡、發燒、嗅味覺喪失等症狀於當地就醫確診新冠肺炎隔離期間未再採檢因症狀緩解於9月下旬解除隔離。案605在11月8日返國入境時因主動告知曾於緬甸確診且曾在當地曾與案501及案505一起吃飯由機場檢疫人員安排採檢同日在檢疫所等待檢驗結果時出現喉嚨癢及輕微咳嗽症狀後續因機場採檢結果為陰性轉至防疫旅館居家檢疫。
案605在11月13日咳嗽症狀加劇主動回報衛生單位安排就醫採檢於今日確診(Ct值33)研判為案501及案505的指標個案。個案同班機前後二排座位旅客共4人3人列居家隔離、1人未入境；機組員共5人因有適當防護列自主健康管理。
案606因工作於今年9月前往印尼11月9日起陸續出現咳嗽、味覺異常、呼吸不順、發燒、腹瀉及肌肉痠痛等症狀僅自行服藥未就醫；個案11月15日入境時持有登機前3日內血清抗體檢驗陰性報告因主動告知曾有症狀且曾接觸確診個案於機場進行採檢並於今日確診。
莊人祥表示案606檢具的報告為血清抗體陰性報告抗體是染疫後才會出現的不是我們要的核酸檢測陰性報告。個案同班機前後二排座位旅客共1人未入境；機組員共21人因有適當防護列自主健康管理。
指揮中心統計截至目前國內累計605例確診分別為513例境外移入55例本土病例36例敦睦艦隊及1例不明；另1例(案530)移除為空號。確診個案中7人死亡、539人解除隔離、59人住院隔離中。</t>
  </si>
  <si>
    <t>確診症狀個案出現陰性入境隔離報告就醫咳嗽主動機場緬甸今日國內結果檢驗指揮發燒中心</t>
  </si>
  <si>
    <t>境外移入指揮中心莊人祥新冠肺炎</t>
  </si>
  <si>
    <t>中心指揮莊人祥境外肺炎</t>
  </si>
  <si>
    <t>累計確診死亡陸新冠</t>
  </si>
  <si>
    <t>大陸國家衛生健康委員會3月20日公佈3月19日全大陸31個省和新疆生產建設兵團報告新冠肺炎新增確診病例39例新增死亡病例3例（湖北2例、遼寧1例）新增疑似病例31例新增治癒出院病例730例。在境外輸入確診病例方</t>
  </si>
  <si>
    <t>新增病例大陸確診新疆生產建設兵團報告肺炎委員會出院公佈健康衛生境外治癒國家疑似病例遼寧湖北輸入死亡</t>
  </si>
  <si>
    <t>大陸國家衛生健康委員會3月20日公佈3月19日全大陸31個省和新疆生產建設兵團報告新冠肺炎新增確診病例39例新增死亡病例3例（湖北2例、遼寧1例）新增疑似病例31例新增治癒出院病例730例。
在境外輸入確診病例方面3月19日新增報告境外輸入確診病例39例。截至3月19日累計報告境外輸入確診病例228例。
截至3月19日全大陸31個省和新疆生產建設兵團累計報告新冠肺炎現有確診病例6569例（其中重症病例2136例）累計治癒出院病例71150例累計死亡病例3248例累計報告確診病例80967例現有疑似病例104例。</t>
  </si>
  <si>
    <t>病例累計報告新增確診大陸境外截至輸入肺炎現有新疆生產建設兵團出院疑似病例委員會治癒死亡公佈健康衛生方面重症國家遼寧</t>
  </si>
  <si>
    <t>確診病例新冠肺炎境外輸入疑似病例新增</t>
  </si>
  <si>
    <t>肺炎境外疑似病例輸入病例確診</t>
  </si>
  <si>
    <t>球星wnba確診全家</t>
  </si>
  <si>
    <t>曾兩度獲選WNBA全明星球員的芝加哥天空中鋒史蒂芬妮(Stefanie Dolson)上個月才被診斷出感染新冠肺炎如今康復的她接受《紐約郵報》訪問表示其實她的全家人都感染到新冠肺炎其中以她的母親最為嚴重所幸現已</t>
  </si>
  <si>
    <t>肺炎感染球員芝加哥天空中鋒史蒂芬妮最為stefanie全明星dolson母親上個月診斷訪問郵報紐約表示其實接受全家人康復如今嚴重</t>
  </si>
  <si>
    <t>曾兩度獲選WNBA全明星球員的芝加哥天空中鋒史蒂芬妮(Stefanie Dolson)上個月才被診斷出感染新冠肺炎如今康復的她接受《紐約郵報》訪問表示其實她的全家人都感染到新冠肺炎其中以她的母親最為嚴重所幸現已痊癒出院。
「新冠病毒離我們非常近大概在1個月之前整個家庭包含我新冠病毒檢測都呈現陽性這個病毒對我們打擊很大」史蒂芬妮說「我媽媽被送到醫院待了大約4天因為她出現重症但在醫療人員治療下她現在平安回家了。」
「所以我想跟所有醫療人員表示感謝你們正在做的事情帶給人們鼓勵真的非常棒你們冒著生命危險幫助我們我就想跟你們說聲謝謝！」史蒂芬妮說她在上季場均93分、56籃板協助芝加哥天空拿下20勝14敗東區第3戰績。</t>
  </si>
  <si>
    <t>史蒂芬妮芝加哥天空非常病毒人員醫療肺炎感染拿下球員協助籃板中鋒事情全明星人們鼓勵</t>
  </si>
  <si>
    <t>史蒂芬妮WNBA新冠肺炎醫療人員芝加哥</t>
  </si>
  <si>
    <t>肺炎醫療wnba人員史蒂芬妮芝加哥</t>
  </si>
  <si>
    <t>數位打到科技關鍵</t>
  </si>
  <si>
    <t>台灣醫界聯盟基金會執行長林世嘉表示新冠肺炎疫情推動知識快速進展帶來產業發展的新契機應給予合數位科技為抗疫下半場進行超前佈署。由醫界聯盟基金會與衛生福利部辦理數位醫療防疫專家會議登場！首場是數位</t>
  </si>
  <si>
    <t>基金會聯盟數位專家防疫醫療辦理科技福利快速知識合數給予進行契機產業發展帶來進展推動衛生疫情超前</t>
  </si>
  <si>
    <t>台灣醫界聯盟基金會執行長林世嘉表示新冠肺炎疫情推動知識快速進展帶來產業發展的新契機應給予合數位科技為抗疫下半場進行超前佈署。
由醫界聯盟基金會與衛生福利部辦理數位醫療防疫專家會議登場！首場是數位科技防疫最前線」。衛福部次長石崇良認為新冠肺炎疫情將帶來新常態（New Normal）包含知識爆炸、照護標準之制定（standard of care）、深度學習、遠距照護技術的導入等因此各界需跨領域合作因應技術發展、實際應用、法規與給付等帶來的挑戰為抗疫下半場進行超前部署。
石祟良認為我國八大防防疫關鍵成功因素SARS經驗、流行疫情指揮中心、資訊公開透明、良好資源分配、及時邊境管制、智慧社區防疫、先進醫療科技與優質國民等其中有五個因素皆使用到數位科技因此數位科技的運用於防疫過程中扮演極為重要的角色。
林世嘉表示此次疫情推動知識快速進展帶來產業發展的新契機如全球遠距醫療商機大幅成長並以美國大廠微軟與甲骨文利用區塊鏈技術打造數位憑證開發計畫為例說明該技術協助企業與國家辨識擁有免疫力的族群並透過其不可竄改的特性加強保護個人隱私資訊。因此在全世界如此快速的發展下台灣數位元防疫產業更需要動起來為台灣也為全球對抗疫情。
工業局局長呂正華表示新冠肺炎疫情加速醫療與科技結合多樣化應用台灣亦應強化我國防疫產業鏈發揮我國在全球之關鍵性力量。因此經濟部以科專委辦輔導、產業特案補助與智慧城鄉計畫作為產業發展策略思維成功輔導我國多家廠商數位防疫科技的產業化轉譯且為推動後疫情時代產業升級經濟部現正推動生技新藥產業發展條例展延10年納入數位醫療、再生醫療與精準醫療等新科技與多項獎勵措施。
臺北醫學大學附設醫院陳瑞傑顧問醫師指出以北醫發展智慧醫院為例如零接觸智慧防疫自助機、iTPass快速通關、新冠肺炎胸部影像AI警示系統、零接觸防疫科技平臺與BI風險地圖等說明新冠肺炎疫情將為健康照護體系帶來新發展機會協助我國因應人口老化加速、日益嚴重的非
傳染性疾病負擔、醫護人員不足等挑戰。而在後疫時代院內與院外的界限將會越趨模糊因此未來醫療照護將以虛實整合為主並且跨越醫療院所的界線達成「今日防疫明日長照」之願景。
中國醫藥大學附設醫院黃高彬副院長說明零接觸式防疫為科技智慧醫療的重點可進行遠端監測、臨床照護、掌控病情最終達成醫療效果及目標。他認為遠距護理中心未來將會成為常態遠距醫療產業商機亦不可小覷。</t>
  </si>
  <si>
    <t>防疫醫療科技產業發展數位疫情我國智慧技術臺灣帶來肺炎全球推動認為說明醫院快速進行資訊</t>
  </si>
  <si>
    <t>全球防疫數位科技我國新冠肺炎疫情</t>
  </si>
  <si>
    <t>我國科技數位肺炎防疫疫情全球</t>
  </si>
  <si>
    <t>確診工程妻子公司老闆雲林漏網之魚</t>
  </si>
  <si>
    <t>雲林縣今（25日）出現第7例新冠肺炎確診個案以及第14例外縣市確診者但有雲林縣足跡。確診者案5083是麥寮鄉一家往返麥寮與汐止家的工程行老闆他的妻子（案2776）19日在臺北確診但新北衛生局未通知雲林縣衛生</t>
  </si>
  <si>
    <t>確診林縣麥寮汐止肺炎工程出現老闆妻子臺北衛生局新北往返一家個案例外通知</t>
  </si>
  <si>
    <t>雲林縣今（25日）出現第7例新冠肺炎確診個案以及第14例外縣市確診者但有雲林縣足跡。確診者案5083是麥寮鄉一家往返麥寮與汐止家的工程行老闆他的妻子（案2776）19日在臺北確診但新北衛生局未通知雲林縣衛生局以致沒有匡列她丈夫居家隔離案5083直到23日發燒才就醫採檢確診。
雲林縣長張麗善表示5083是65歲男性平時居住麥寮鄉三盛村假日回新北市汐止區住家 15、16日曾返回汐止其妻（案2776）19日於臺北市醫院確診5083在16日下午回到麥寮雖19日也出現症狀但未警覺。
衛生局長曾春美表示目前雙北的確診案例非常多其妻（案2776）19日確診的訊息並未告知雲林縣衛生局若獲悉一定會匡列她丈夫居家隔離。
案5083從16日到23日都在麥寮工業區出入19日傍晚6點至8點曾到水林鄉助唸20日曾到藥局23日發燒被救護車護送就醫採檢CT值是19匡列居家隔離5人、自主健康監測29人。
今天新增外縣市感染但有雲林足跡的確診者是住臺北市北投52歲女性（案4354）平時居住北投12日身體不適就醫14日至17日返回崙背鄉阿勸村探視父親在父親去診所就醫17日下午返回臺北19日明顯有發燒症狀21日就醫採檢23日確診匡列隔離12人、自主健康監測30人。
因應這兩起感染事件雲林縣衛生局明天（26日）下午2點到6點將在麥寮鄉三盛村福安宮、及後天（27日）早上9點到下午3點在崙背鄉詔安客家文化館迴廊做熱區快篩。褒忠鄉新湖村集會所明天下午2點到6點也同步快篩。
曾春美表示今天在東勢鄉安南村鎮玄宮快篩195人全部都是陰性。</t>
  </si>
  <si>
    <t>確診林縣麥寮下午就醫表示衛生局汐止隔離返回居家匡列發燒今天新北出現</t>
  </si>
  <si>
    <t>雲林工程公司新冠肺炎台灣就醫</t>
  </si>
  <si>
    <t>公司肺炎工程臺灣雲林就醫</t>
  </si>
  <si>
    <t>授權緊急考慮疫苗fda</t>
  </si>
  <si>
    <t>美國食品藥物管理局（FDA）繼上周緊急授權使用血漿療法治療新冠肺炎病患後近日考慮對尚未通過第三階段人體試驗的候選疫苗核發緊急使用授權但強調絕非受到美國總統川普施壓。FDA局長哈恩（Stephen Hahn）受訪時強</t>
  </si>
  <si>
    <t>fda緊急使用授權美國stephen哈恩局長施壓川普近日考慮hahn肺炎尚未階段總統人體試驗治療受到上周療法疫苗</t>
  </si>
  <si>
    <t>fda疫苗授權緊急表示肺炎哈恩使用試驗資料可能強調決策階段人體美國血漿才能疫情局長程式絕非</t>
  </si>
  <si>
    <t>決策三階段哈恩疫苗人體試驗</t>
  </si>
  <si>
    <t>階段人體疫苗哈恩決策試驗</t>
  </si>
  <si>
    <t>傷寒論中西醫方新治</t>
  </si>
  <si>
    <t>兩岸新型冠狀病毒肺炎的確診病患陸續痊癒出院大陸醫界公佈治療方案中藥搭配西藥的綜合療法成為重要選項其中中醫方劑大多數源自中醫經典著作《傷寒論》再根據患者病症調整組成更有效的方劑效果也經過中</t>
  </si>
  <si>
    <t>方劑中醫的確診病陸續有效痊癒出院大陸組成病症調整患者公佈肺炎治療傷寒論方案中藥著作搭配綜合西藥療法重要</t>
  </si>
  <si>
    <t>兩岸新型冠狀病毒肺炎的確診病患陸續痊癒出院大陸醫界公佈治療方案中藥搭配西藥的綜合療法成為重要選項其中中醫方劑大多數源自中醫經典著作《傷寒論》再根據患者病症調整組成更有效的方劑效果也經過中醫金方論證。
湖北省也針對新冠肺炎集中隔離觀察人員及有需求的居家密切接觸者制定中醫藥防治工作方案發放5種中成藥和3個處方湯藥已累計發放11萬餘份中藥。
滬確診者 916%用中醫藥
大陸全國新型冠狀病毒感染的肺炎醫療救治專家組成員盧洪洲表示在上海市公共衛生臨床中心收治的確診患者中醫藥使用率達到916%其中湯藥占633%部分高燒、腹脹的危重症病人用中醫藥灌腸效果非常明顯中西醫結合可以提高患者的生存率降低患者的重症率尤其是早期中醫藥的使用大大縮短病程改善病人症狀。
於中藥對新冠肺炎有一定療效武漢江夏區2月14日啟用的大花山方艙醫院是全球第1個以中醫治療為主西藥為輔的醫院由中國工程院院士、天津中醫藥大學校長張伯禮率天津、江蘇、河南、湖南、陝西五省市三甲醫院的209名專家進駐結合中醫、呼吸重症醫學、影像、護理等專業進行臨床治療採用中西醫結合、以中醫為主的方式治療病患第1期將收治200多名病患2月14日已收治50名患者。
中藥治療 需再作觀察
上海市公共衛生臨床中心醫務部主任沈銀忠2月15日表示中醫藥曾在2003年的嚴重急性呼吸道症候群SARS、2013年的A型流感病毒H7N9亞型等疫情中發揮很好的治療效果。
沈銀忠不諱言臨床醫學是不斷積累的過程臨床試驗方案也在不斷探索和完善目前仍然沒有找到一種特效的治療方法採取的仍然是綜合治療包括中西醫結合治療來提高病人的生存率但這些治療方法都需要進一步觀察和評估。
專家坦承目前中藥治療新冠肺炎的有效性還處於嘗試和觀察期需要進一步評估中醫藥在新冠肺炎抗感染治療中的地位和價值該怎麼用、用多長時間一旦確認其療效就可以推廣使用。
小靈通《傷寒論》
為西晉太醫令王叔和蒐集、整理東漢末年著名醫學家張仲景所著的《傷寒雜病論》（又名《傷寒卒病論》）部分內容編纂而成以治療外感傷寒為主創設六經辨證記載大承氣湯、小柴胡湯等397法113方。據傳張仲景見東漢末年動亂頻繁疫病流行他發憤學醫並博採眾方引用《素問》、《九卷》、《八十一難》、《陰陽大論》、《胎臚藥錄》及《平脈辨證》援引《湯液經法》藥方與《內經》理論合一寫成16卷的《傷寒雜病論》被譽為中醫學臨床著作的「方書之祖」。因逢三國時期戰亂頻仍原書散佚不全王叔和整理為《傷寒論》與宋代編纂的《金匱要略》分別流通。（廖慧娟）</t>
  </si>
  <si>
    <t>治療中醫藥肺炎中醫中藥患者傷寒論醫學結合方案效果觀察臨床傷寒病人為主中西醫整理編纂辨證使用</t>
  </si>
  <si>
    <t>傷寒論中西醫結合療效收治效果</t>
  </si>
  <si>
    <t>療效收治結合中西醫效果傷寒論</t>
  </si>
  <si>
    <t>概念復工</t>
  </si>
  <si>
    <t>台資大陸廠自10日起力拚復工包括台積電、聯電、國巨、華新科、玉晶光等指標性電子大廠陸續啟動復工提振市場信心15檔復工概念股動起來。統計10～11日公告復工或部分復工的上市櫃企業大陸廠區家數已逾70家台</t>
  </si>
  <si>
    <t>復工大陸企業指標性玉晶光啟動新科概念陸續大廠電子國巨聯電台積電包括力拼信心上市市場部分公告</t>
  </si>
  <si>
    <t>台資大陸廠自10日起力拚復工包括台積電、聯電、國巨、華新科、玉晶光等指標性電子大廠陸續啟動復工提振市場信心15檔復工概念股動起來。
統計10～11日公告復工或部分復工的上市櫃企業大陸廠區家數已逾70家台積電、聯電、國巨、華新科、玉晶光等指標性電子大廠10日已啟動復工群創、鴻海、和碩、緯創、英業達、廣達、可成、臻鼎-KY、華通、健鼎、定穎、康控-KY、台虹等部分大陸廠也已於10日起陸續啟動復工美律及豐泰的大陸四廠則宣佈將於12日起開始上班。
等待核准許可、延後復工的公司則有仁寶、台泥、亞泥、GIS-KY、建準、啟碁、楠梓電等各廠積極做好防疫加緊趕工。而法人近二日買超的復工概念股包括欣興、華通、國巨、華新科等15檔個股預先卡位復工後的搶料、補庫存商機。
法人指出雖然大陸廠復工不代表有產能復工產能大多數在20～30％上下工廠必需每天繼續申請等待地方政府單位核可但已有越來越多廠商獲得許可加入復工行列。
兆豐投顧董事長李秀利指出企業復工率與疫情高度相關雖開工初期未達全面復工但湖北省以外復工率若能逐步攀升仍有助於產能拉升。
統一投顧董事長黎方國則指出指標電子大廠啟動復工有助於提振市場信心尤其是華人勤奮只要做好防疫採取二班制三班制加緊趕工產能有望加速跟上進度。
此外由於新冠肺炎造成經濟停頓大陸人民銀行9日宣佈本周起設立人民幣3000億元額度的專項轉融資業務從10日起開始發放預期這將對疫情最嚴重的湖北、浙江、廣東、河南等各省企業有相當正面幫助。上證指數連日翻紅已躍過2900點關卡一旦疫情淡化股市將先行表現。
宏遠投顧副總經理陳國清表示一者大家會謹慎因應二者很多工廠已自行生產口罩口罩會逐漸充足加上美國吉利德已生產可治癒肺炎的新藥伴隨著治癒的病人越來越多可望降低引發新一波的感染潮。</t>
  </si>
  <si>
    <t>復工大陸疫情企業指出啟動越來越工廠產能做好防疫等待肺炎華通有助於生產加緊許可</t>
  </si>
  <si>
    <t>大陸廠概念股企業國巨電子大廠</t>
  </si>
  <si>
    <t>國巨概念企業電子大陸大廠</t>
  </si>
  <si>
    <t>通電提供承諾外長疫情援助西兩國</t>
  </si>
  <si>
    <t>大陸國務委員兼外長王毅15日與西班牙外交大臣岡薩雷斯通電話並承諾大陸將向西班牙提供新冠疫情新冠援助。王毅表示大陸抗擊疫情已取得重要進展讓疫情入趨緩期。不過疫情現在在全球多點暴發西班牙確診人數也快</t>
  </si>
  <si>
    <t>西班牙疫情大陸王毅暴發全球現在外交大臣抗擊岡薩雷斯確診表示進展重要取得外長通電話承諾提供人數援助</t>
  </si>
  <si>
    <t>大陸國務委員兼外長王毅15日與西班牙外交大臣岡薩雷斯通電話並承諾大陸將向西班牙提供新冠疫情新冠援助。
王毅表示大陸抗擊疫情已取得重要進展讓疫情入趨緩期。不過疫情現在在全球多點暴發西班牙確診人數也快速增加陸方將抱持公開、透明態度致力於抗擊疫情的國際合作為本國、世界人民健康安全負責。
岡薩雷斯讚賞陸方防疫成果並對其承諾援助表達感謝。並稱西班牙目前正全力對抗疫情但國內醫療資源短缺希望陸方能提供相關援助；同時也希望兩方防疫專家能進行視訊會議交流防疫經驗。岡薩雷斯也重申表示反對將新冠肺炎汙名化。
王毅回應稱相信兩方共同抗擊疫情過程中陸西兩國人民友誼將更加深化各領域實務合作將進一步加強。</t>
  </si>
  <si>
    <t>疫情西班牙抗擊岡薩雷斯王毅援助防疫大陸合作陸方承諾表示提供希望更加深化公開方將友誼增加透明</t>
  </si>
  <si>
    <t>美國肺炎華爾街衰退</t>
  </si>
  <si>
    <t>華爾街知名經濟學家暨投行Evercore ISI董事長海曼（Ed Hyman）示警新冠肺炎可能導致美國陷入經濟衰退並將美國第二和第三季經濟成長預測砍至零成長。海曼1日在標題為「肺炎衰退」的報告中指出「美國新冠肺炎確</t>
  </si>
  <si>
    <t>美國肺炎海曼成長evercoreisi董事長edhyman導致題為可能衰退報告經濟學家經濟經濟衰退預測</t>
  </si>
  <si>
    <t>華爾街知名經濟學家暨投行Evercore ISI董事長海曼（Ed Hyman）示警新冠肺炎可能導致美國陷入經濟衰退並將美國第二和第三季經濟成長預測砍至零成長。
海曼1日在標題為「肺炎衰退」的報告中指出「美國新冠肺炎確診案例持續增加美國的疫情似乎才剛開始。範圍、嚴重性和持續期間皆不確定肺炎會如何影響美國目前仍不得而知」暗示疫情持續發酵的話美國經濟不排除連兩季出現負成長。
經濟連續兩季負成長即符合技術性衰退定義。美國2019年第四季國內生產毛額（GDP）成長21％2019年全年擴張23％。
逾30年來海曼在《機構投資人雜誌》（Institutional Investor）的年度調查被評選為最佳經濟學家。海曼對美國經濟前景的看法是華爾街最悲觀的預測之一許多專家認為美國經濟只是暫時放緩。
新冠肺炎疫情持續延燒嚴重打擊全球經濟成長前景使投資人湧向避險資產讓美股3大指數上周經歷金融危機以來最大周線跌幅。
海曼指出：「上周國際金融市場傳出相當負面訊號包括標普500指數、美國公債殖利率、油價和信貸利差等。情況仍不明朗我們或許過度反應但也不希望反應不足。」
截至3月1日美國新冠肺炎確診病例已經超過70起。新冠肺炎快速在韓國、義大利、日本、英國和中東等大陸以外地區爆發。
新冠肺炎疫情重創大陸經濟大陸官方公佈的2月製造業採購經理人指數（PMI）由1月的50崩跌至357降至史上新低水準。海曼先前預估新冠肺炎恐讓大陸第一季經濟零成長。
海曼預測若新冠肺炎疫情緩和美國2020年第四季經濟可望反彈至成長2％2021年加速至擴張3％。高盛亦下修今年第一季美國經濟成長預測預估成長率僅12％。</t>
  </si>
  <si>
    <t>美國經濟肺炎海曼成長疫情指數持續大陸預測上周投資人經濟學家指出前景衰退四季預估</t>
  </si>
  <si>
    <t>成長衰退美國肺炎華爾街</t>
  </si>
  <si>
    <t>衰退成長肺炎華爾街美國</t>
  </si>
  <si>
    <t>全台確診分佈圖桃園曝光</t>
  </si>
  <si>
    <t>昨天(3/22)疾管署宣佈新增16例新冠肺炎確診分別為桃園市新增5例最多臺北市、新北市、台中市各3例台南市、彰化縣各1例。昨天(3/22) 國內新增16例確診13例境外、3例本土有1老師、1長照機構護理師中鏢。從疾</t>
  </si>
  <si>
    <t>新增確診昨天機構護理老師肺炎桃園分別本土台中管署宣佈境外南市</t>
  </si>
  <si>
    <t>昨天(3/22)疾管署宣佈新增16例新冠肺炎確診分別為桃園市新增5例最多臺北市、新北市、台中市各3例台南市、彰化縣各1例。
昨天(3/22) 國內新增16例確診13例境外、3例本土有1老師、1長照機構護理師中鏢。從疾管署官網的全台確診分佈圖可知道桃園昨天一天暴增5例確診數僅次於雙北全台只剩7縣市守住零確診雙北案例最多皆為43例。
疾管署公佈新冠肺炎本土病例及境外移入病例分佈圖目前國內新冠肺炎累計169例六都人口較多確診數相對比其他縣市高北市和新北昨天皆為43例台中21例、桃園21例高雄11例、台南9例。
該圖顯示全台22縣市只有嘉義縣、嘉義市、澎湖、花蓮、台東、金門、連江縣沒有確診案例。
六都以外縣市以彰化縣7例最多新竹市4例次之其餘雲林3例、南投2例；屏東、宜蘭、苗栗、新竹縣、基隆市各1例。</t>
  </si>
  <si>
    <t>確診昨天全台肺炎管署桃園分佈圖案例六都本土雙北國內新竹境外新增台中新北病例機構</t>
  </si>
  <si>
    <t>確診全台桃園3/22最多</t>
  </si>
  <si>
    <t>全台確診桃園</t>
  </si>
  <si>
    <t>肺炎規模北大部署防災超前演習</t>
  </si>
  <si>
    <t>針對新冠肺炎在國際延燒新北市政府今日動員各局處並協請國軍支援於新店央北社區舉辦全國也是國際首場大規模演習本場演習設想狀況係針對平時居家防疫整備、居家檢疫關懷、零星個案確診、單一社區感染到大規模</t>
  </si>
  <si>
    <t>國際居家社區單一確診個案零星關懷演習新北今日市政府感染動員全國北社區舉辦國軍於新店支援檢疫整備防疫平時</t>
  </si>
  <si>
    <t>針對新冠肺炎在國際延燒新北市政府今日動員各局處並協請國軍支援於新店央北社區舉辦全國也是國際首場大規模演習本場演習設想狀況係針對平時居家防疫整備、居家檢疫關懷、零星個案確診、單一社區感染到大規模社區擴散等情況完成社區感染前、中、後期全方位防疫實兵演練以提升各項防疫管控及應變能力、強化防疫部署。</t>
  </si>
  <si>
    <t>防疫國際感染社區居家新北今日市政府演習動員北社區後期全國舉辦國軍支援於新店關懷確診零星個案</t>
  </si>
  <si>
    <t>新冠肺炎武漢肺炎新型冠狀病毒台灣社區</t>
  </si>
  <si>
    <t>肺炎武漢冠狀臺灣病毒社區</t>
  </si>
  <si>
    <t>外資今年賣超逾6000億創紀錄</t>
  </si>
  <si>
    <t>創紀錄外資超逾今年</t>
  </si>
  <si>
    <t>新冠肺炎疫情再起外資12日拋售台股253億元累積今年賣超達創紀錄的607665億元所幸政府多頭大軍12日緊急出動大手筆護盤50億元終場台股跌幅收斂但仍失守年線及萬一。法人指出雖遭國際資金離場亂流但</t>
  </si>
  <si>
    <t>國際指出再起法人外資失守收斂拋售資金跌幅累積終場今年大手筆創紀錄出動緊急所幸政府多頭大軍疫情</t>
  </si>
  <si>
    <t>新冠肺炎疫情再起外資12日拋售台股253億元累積今年賣超達創紀錄的607665億元所幸政府多頭大軍12日緊急出動大手筆護盤50億元終場台股跌幅收斂但仍失守年線及萬一。法人指出雖遭國際資金離場亂流但高殖利率等三大利多發揮護盤功效直言「外資賣不下去、台股520行情必有後福」。
台股12日下跌13379點跌幅121％收在1087947點成交值為174437億元外資大賣台股25364億元是台股跌破年線10975點及萬一主因加計櫃買市場賣超金額外資今年已賣超台股607665億元突破2008年金融海嘯、2018年中美貿易戰賣超的4700億及3551億元的全新紀錄。
台股進入5月外資賣超金額已來到驚人歷史新紀錄歸咎外資賣股成因有三：首先新冠肺炎於全球肆虐。
第一金投顧董事長陳奕光認為市場擔憂各國解封後的第二波疫情感染潮爆發成真大陸、韓國及德國陸續傳出群聚感染再加上美股即將來到前高外資居高思危心態12日再度拋售台股。
攤開外資12日拋售的個股以大型權值股為主有台積電、鴻海、國巨、中信金、台灣50、大立光、台達電、華新科、儒鴻、元大金等。
其次企業獲利有下修風險的陰霾揮之不去。野村證券指出台股與全球需求有高度相關尤其電子業占出口比重41％在肺炎影響下面臨險峻壓力。進一步來看包含野村、摩根大通證券等大型研究機構早已下修全球智慧機出貨量大摩、野村、里昂證券等對上游半導體看法亦趨保守換言之市場目前對台股獲利共識是否還太高？就成了外資心中的一大問號。
德信證券副總吳文彬認為台股V轉反彈到年線跌破眾人眼鏡但來到年線位置行情劇烈波動投資人追高容易慘遭套牢建議投資人採取「買黑不買紅」策略；基於台股仍有三大利多高現金殖利率、資金熱潮、下半年5G智慧機出貨等台股回升波行情未結束520行情可期台股介於季線及半年線振盪整理。</t>
  </si>
  <si>
    <t>外資行情證券市場全球來到肺炎拋售感染認為獲利野村指出跌幅</t>
  </si>
  <si>
    <t>賣超大軍肺炎日拋外資</t>
  </si>
  <si>
    <t>大軍肺炎外資</t>
  </si>
  <si>
    <t>申請納新莫德美國使用產業國際許可</t>
  </si>
  <si>
    <t>美國生技藥廠莫德納（Moderna）週一宣佈已經向美國申請新冠肺炎疫苖的緊急使用授權之後也將向歐盟申請許可。週一稍早前莫德納宣佈後期臨床試驗的完整結果顯示自家研發的新冠肺炎疫苖防護力高達941%且未存在嚴</t>
  </si>
  <si>
    <t>宣佈申請莫德納週一肺炎美國防護力授權使用之後緊急moderna歐盟許可臨床後期結果顯示研發完整試驗</t>
  </si>
  <si>
    <t>美國生技藥廠莫德納（Moderna）週一宣佈已經向美國申請新冠肺炎疫苖的緊急使用授權之後也將向歐盟申請許可。
週一稍早前莫德納宣佈後期臨床試驗的完整結果顯示自家研發的新冠肺炎疫苖防護力高達941%且未存在嚴重的安全疑慮。
美國食品藥品監督管理局（FDA）宣佈諮詢委員會將於12月17日開會討論這項申請。這將使莫德納的候選疫苖成為第二個可能獲得美國監管機關支持並於今年內推出的高度有效疫苗。
由輝瑞公司（Pfizer）和德國BioNTech共同開發的新冠疫苖在關鍵性試驗中亦產生高達95%的有效力此款疫苖將比莫德納疫苖提早一周接受外部專家小組審查。在諮詢委員會的專家提出建議後美國FDA將決定是否發布緊急使用授權（EUA）。
繼週一以飆漲20%作收後莫德納盤後再漲3%今年以來其股價已經上漲約700%。
除了向美國遞出申請之外莫德納表示也將向歐洲藥品管理局（European Medicines Agency）申請有條件的許可並將持續與其他負責疫苖審查的主管機關進行協商。該公司並表示可望在2020年底之前為美國備妥約2000萬劑疫苗足以供1000萬人接種。</t>
  </si>
  <si>
    <t>美國莫德納申請宣佈週一疫苗表示fda試驗審查已經許可委員會授權緊急使用專家</t>
  </si>
  <si>
    <t>莫德納疫苖申請美國新冠</t>
  </si>
  <si>
    <t>美國申請莫德納</t>
  </si>
  <si>
    <t>衛生紙幼童搶到媽媽紙漿崩潰</t>
  </si>
  <si>
    <t>新冠肺炎（COVID-19）持續在全球蔓延造成民生問題恐慌民眾除了買口罩也有人開始瘋搶日常用品英國一名媽媽好不容易買到18卷衛生紙沒想到還沒使用就被小孩子丟進浴缸變成「紙漿」當場傻眼。英國目前確診</t>
  </si>
  <si>
    <t>英國持續全球蔓延造成當場民生問題恐慌紙漿民眾浴缸變成小孩子口罩covid-開始買到好不容易日常用品媽媽傻眼使用</t>
  </si>
  <si>
    <t>新冠肺炎（COVID-19）持續在全球蔓延造成民生問題恐慌民眾除了買口罩也有人開始瘋搶日常用品英國一名媽媽好不容易買到18卷衛生紙沒想到還沒使用就被小孩子丟進浴缸變成「紙漿」當場傻眼。
英國目前確診2644例104人死亡確診人數排名世界第10、死亡人數排第7是疫情嚴重的國家之一由於新冠肺炎有增加趨勢出現民眾搶買民生用品現象。
英國一名網友卡明（Ed Cumming）16日在推特po文附照分享他一名女性朋友好不容買到18卷衛生紙沒想到還沒用就被朋友的孩子丟進浴缸裡。照片中可見小孩子將大量衛生紙與玩具丟進浴缸裡結果衛生紙就變成了紙漿完全救不了。
網友看到po文紛紛留言表示「一次買那麼多難道一直上廁所嗎」、「現在一次買那麼多很浪費有些人甚至買不到」、「直接開始進行紙漿課程吧」、「我小孩以前也會這樣原來我不孤單」、「有史以來最有趣的事」。
其實台灣這幾天也出現大囤貨現象大賣場貨架上的衛生紙、洗手液、泡麵、米等等都被買光。</t>
  </si>
  <si>
    <t>衛生紙英國紙漿出現網友開始浴缸po民眾現象變成小孩子肺炎買到人數死亡</t>
  </si>
  <si>
    <t>衛生紙丟進紙漿浴缸18</t>
  </si>
  <si>
    <t>衛生紙浴缸紙漿</t>
  </si>
  <si>
    <t>續建醫院書記床位武漢市委</t>
  </si>
  <si>
    <t>新任湖北省委常委、武漢市委書記王忠林14日就新冠肺炎疫情召開疫情防控指揮部視訊例會。王忠林強調堅決打好武漢保衞戰。要求各部門將救治患者作為重中之重繼續新建「方艙醫院」增加床位配足配齊醫護人員和醫</t>
  </si>
  <si>
    <t>王忠林疫情醫院新建繼續重中之重作為患者救治床位部門要求例會保衛武漢強調堅決增加</t>
  </si>
  <si>
    <t>新任湖北省委常委、武漢市委書記王忠林14日就新冠肺炎疫情召開疫情防控指揮部視訊例會。王忠林強調堅決打好武漢保衞戰。要求各部門將救治患者作為重中之重繼續新建「方艙醫院」增加床位配足配齊醫護人員和醫療物資完善援漢醫療隊各項服務提高收治率和治癒率力求做到「床等人」。
王忠林表示以「行百里者半九十」形容疫情防控工作稱愈到關鍵階段就愈要克服厭戰、鬆懈、畏難情緒；另要求各部門將救治患者作為重中之重繼續新建「方艙醫院」增加床位配足配齊醫護人員和醫療物資完善援漢醫療隊各項服務提高收治率和治癒率力求做到「床等人」。王又強調要繼續做好救治、防控、物資保障等與時間賽跑、與病魔較量。
王忠林又要求各級黨政主要負責人需嚴格履行第一責任人責任加強統一領導完善快速發現解決問題的指揮機制；而各級幹部則要靠前指揮深入一線落實中央各項決策部署以及省、市工作要求。要嚴格督導督查採取不發通知、不打招呼、不聽彙報、不用陪同接待、直奔基層、直插現場的「四不兩直」方式嚴肅查處不擔當不作為亂作為問題。
他強調要發揮武漢產業優勢強化物資保障及醫療物資擴能生產和對外採購；另強化輿論引導加大正面宣傳及訊息發布及時回應輿論關切穩定及管控社會嚴厲打擊各類犯罪行為包括安全生產、哄抬物價等行為。</t>
  </si>
  <si>
    <t>要求物資防控強調王忠林生產完善輿論疫情問題工作作為嚴格強化救治繼續武漢醫療保障部門安全</t>
  </si>
  <si>
    <t>醫療物資新冠肺炎王忠林湖北</t>
  </si>
  <si>
    <t>肺炎王忠林物資湖北醫療</t>
  </si>
  <si>
    <t>可望優於博通預期</t>
  </si>
  <si>
    <t>蘋果博通四季可望優於預期原因在於供應商貴晶辦公趨勢新機即將上市資料中心需求週五上漲</t>
  </si>
  <si>
    <t>博通蘋果預期可能市場優於表示季營新機手機需求資料預測發表以往去年同期符合在於低於推出</t>
  </si>
  <si>
    <t>蘋果財報上季晶片獲利</t>
  </si>
  <si>
    <t>蘋果獲利</t>
  </si>
  <si>
    <t>元兇不安人心今年襲卷回顧看圖全球</t>
  </si>
  <si>
    <t>全球許多民眾皆視2020年為近年來最令人心痛的一年除了許多國際級名人逝世之外肆虐全球、至今造成6千5百萬人確診、150萬人病歿的新冠肺炎不僅造成全球經濟衝擊民眾生活型態也因此大為轉變。中時新聞網精選美</t>
  </si>
  <si>
    <t>全球造成民眾轉變大為生活型衝擊經濟近年來肺炎心痛名人逝世肆虐之外新聞網確診至今</t>
  </si>
  <si>
    <t>全球許多民眾皆視2020年為近年來最令人心痛的一年除了許多國際級名人逝世之外肆虐全球、至今造成6千5百萬人確診、150萬人病歿的新冠肺炎不僅造成全球經濟衝擊民眾生活型態也因此大為轉變。中時新聞網精選美聯社年度照片一探今年遭新冠病毒影響的各種樣貌。
一對西班牙夫婦隔著防護隔離層相擁親吻。由於新冠病毒會藉由飛沫傳播為了避免接觸衛生專家建議人們握手、相擁以及接吻等親密動作應減少與避免。
一名厄瓜多的法醫人員正在替因新冠病毒病歿的死者噴灑消毒劑。受疫情影響許多未能負擔醫療費用的人民經常倒死在街頭上。
一名戴著氧氣口罩的烏克蘭高齡新冠患者。重症的新冠患者容易出現呼吸困難此時最重要的是能及時得到醫治和使用適當的輔助呼吸而疫情高峰時呼吸器在全球各國也大喊缺貨。
一名內無家可歸的新冠患者在洛杉磯日落大道上坐著輪椅上淋著雨。新冠疫情讓無家可歸的遊民處境更雪上加霜加州政府已於3月中旬簽署緊急命令將撥款15億美元幫助無家可歸的民眾度過疫情。
一名義大利醫護人員在長期戴上口罩後臉上已留下痕跡。新冠疫情也導致醫護人員人力吃緊不僅工時加長甚至醫護人員被迫面臨個人防護設備不足之下仍須面對病患的困境。
一名西班牙殯喪業者推著裝有新冠患者遺體的棺材。西班牙也飽受新冠疫情重創嚴重程度一度在歐洲各國中處於高峰。
一名穿著特有的穆斯林外衣「卡多爾」、面帶防毒面具的伊朗女士正參加因新冠病歿者的喪禮。
一名戴著口罩的墨西哥性工作者。疫情也迫使各行各業必須打破過往營運模式成人產業也不例外。
圖為美國首席防疫專家、國家過敏和傳染病研究所所長佛奇。佛奇在疫情於美爆發之初以平易近人的方式向人民解釋病毒與防疫方式讓他在疫情中成為全美最受信任的人物之一。不過由於佛奇的建議時常與川普相左讓他成為川普盟友中的砲轟對象。
一名阿根廷的84歲高齡婦女在院方通知可以出院後臉上顯出高興神情。</t>
  </si>
  <si>
    <t>疫情病毒全球西班牙口罩無家可歸醫護人員患者民眾避免相擁高齡防護高峰防疫</t>
  </si>
  <si>
    <t>新冠疫情新冠患者全球病歿新冠病毒</t>
  </si>
  <si>
    <t>患者全球疫情病毒</t>
  </si>
  <si>
    <t>連續評估林右昌開放籃球場</t>
  </si>
  <si>
    <t>疫情逐漸趨緩全國陸續解封但基隆市在防疫上仍採取較嚴格措施市長林右昌今天下午宣佈好消息基隆已連續12天「嘉玲」若接下來2天持續零確診將評估開放籃球場、兒童遊戲場、大武崙沙灘游泳及家人在外共餐等</t>
  </si>
  <si>
    <t>基隆游泳沙灘全國大武陸續遊戲場兒童解封籃球場開放評估家人確診防疫持續採取嚴格接下來措施市長林右昌嘉玲連續</t>
  </si>
  <si>
    <t>疫情逐漸趨緩全國陸續解封但基隆市在防疫上仍採取較嚴格措施市長林右昌今天下午宣佈好消息基隆已連續12天「嘉玲」若接下來2天持續零確診將評估開放籃球場、兒童遊戲場、大武崙沙灘游泳及家人在外共餐等他說連續14天無個案代表疫情已穩定控制。
基隆籃球場尚未開放民眾打球但其他縣市已陸續解封許多市民盼能放寬規定另外中山區大武崙沙灘目前也只提供民眾看海、踏浪還不能下水游泳市府日前表示現疫情雖然趨緩但若發生違規情形很難處理考慮到「管理」問題還是暫定封閉市府會密集觀察疫情狀況滾動式檢討。
今天終於傳出好消息林右昌決定若連續14天無確診個案將陸續放寬政策他說以14天作為標準代表市府不是無條件開放也顯示本市疫情已穩定控制並且進入新的里程碑將會安全穩健的帶大家回復正常生活。
林右昌說基隆防疫有成會適時的解封開放包括打籃球、兒童遊具、街頭藝人表演以及大武崙沙灘游泳至於中央宣佈家人在外共餐可以不用隔板也將等到連續14天無確診案例後一併評估開放。
此外基隆市政府指出原訂8月25日起針對85歲以上長輩施打第二劑疫苗由於中央尚未撥發疫苗施打時間將視疫苗到位時間進行規畫只要接到中央通知會立即規畫期程並通知符合資格的長輩前往接種。
林右昌進一步提及基隆自6月27日首度零確診以來截至今日為止58天內有48天零確診並已連續12天「嘉玲」他說這樣的成果得來不易感謝所有市民朋友配合以及第一線防疫人員的努力。</t>
  </si>
  <si>
    <t>基隆開放疫情林右昌確診連續市府陸續防疫解封中央游泳大武沙灘市民長輩民眾宣佈兒童代表籃球場</t>
  </si>
  <si>
    <t>連續14天林右昌疫情基隆</t>
  </si>
  <si>
    <t>基隆連續林右昌疫情</t>
  </si>
  <si>
    <t>出血熱密切監控高市添</t>
  </si>
  <si>
    <t>新冠肺炎疫情尚未解除警報高雄市又面臨漢他病毒威脅。衛生局今（28）日公佈新增1例漢他出血熱確診個案30多歲居住在鹽埕區的男性出現發燒等症狀日前已康復出院27日經疾管署研判確診衛生單位針對工作地</t>
  </si>
  <si>
    <t>確診尚未解除警報高雄市管署日經面臨出院康復日前症狀疫情發燒病毒出現男性威脅鹽埕區衛生局居住個案公佈</t>
  </si>
  <si>
    <t>新冠肺炎疫情尚未解除警報高雄市又面臨漢他病毒威脅。衛生局今（28）日公佈新增1例漢他出血熱確診個案30多歲居住在鹽埕區的男性出現發燒等症狀日前已康復出院27日經疾管署研判確診衛生單位針對工作地展開疫調並無其他人有疑似症狀但這波疫情將持續監控至6月29日。
衛生局統計統計截至27日以確診日計高市累計4例確診個案。該名新增的個案為飯店餐廳外場人員4月6日開始出現發燒、全身痠痛、頭痛、黃疸等症狀至醫院就醫並收治住院10日醫院通報疑似漢他病毒出血熱13日一採結果為IgM陰性、IgG陰性25日二採結果為IgM、IgG皆陽性。
衛生局指出該案27日經疾管署研判確診經查18日已康復出院衛生單位第一時間獲報立即展開疫情調查個案主要活動地以住家、工作地為主並針對工作地擴大疫調120人員工及同住家人無疑似症狀。
防疫團隊自14日起針對個案居住地佈置鼠籠及家戶衛教宣導並在工作地周邊及鄰近市場周邊進行鼠隻密度監測總計捕獲9隻老鼠。
防疫團隊昨日接獲個案確診通知後28日旋即召開前進指揮會議由衛生局、環保局、民政局、教育局、經發局、工務局、鹽埕區及新興區級指揮中心等跨局處防疫團隊加強執行社區環境消毒、投藥滅鼠、鼠隻監測、水溝清疏、髒亂點清除、家戶衛教宣導及警戒範圍內社區、學校及公園等場域環境整頓及消毒工作此波疫情預計監控至6月29日。</t>
  </si>
  <si>
    <t>個案確診症狀衛生局疫情防疫工作地團隊指揮鹽埕區社區消毒展開發燒出現環境出血熱單位病毒監測衛生</t>
  </si>
  <si>
    <t>新冠肺炎漢他病毒高雄疫調鹽埕</t>
  </si>
  <si>
    <t>病毒高雄肺炎</t>
  </si>
  <si>
    <t>陳時中配送學校考慮口罩藥局企業不用預約</t>
  </si>
  <si>
    <t>口罩考慮施行須要才能買到民眾以來都會區甚至買不到採購藥局外面產量日增不用衛福</t>
  </si>
  <si>
    <t>藥局口罩配送民眾開始買不到地方外面也許考慮專業需求陳時中時中調整表示部分企業預約</t>
  </si>
  <si>
    <t>新冠肺炎武漢肺炎口罩藥局配送</t>
  </si>
  <si>
    <t>武漢肺炎口罩藥局配送</t>
  </si>
  <si>
    <t>中央新北龔明共識合作萬元之</t>
  </si>
  <si>
    <t>張理國／臺北報導萬元紓困之亂新北市一度將送9000件案件送到衛福部審核政務委員龔明鑫今天表示衛福部長陳時中不止一次與新北市長侯友宜通電雙方的共識就要趕快合作。萬元紓困之亂新北市曾把案件交由衛福部</t>
  </si>
  <si>
    <t>新北紓困案件萬元衛福部表示共識今天龔明鑫就要部長衛福陳時中不止一次侯友宜市長通電雙方趕快政務委員審核合作送到一度報導</t>
  </si>
  <si>
    <t>張理國／臺北報導
萬元紓困之亂新北市一度將送9000件案件送到衛福部審核政務委員龔明鑫今天表示衛福部長陳時中不止一次與新北市長侯友宜通電雙方的共識就要趕快合作。
萬元紓困之亂新北市曾把案件交由衛福部審核引發中央地方不同調的質疑。龔明鑫表示事實上陳時中跟侯友宜彼此通電話不止一次、「好多次了」他知道是大家都有共識就是中央跟地方還是要趕快合作儘量把事情完成把這些錢撥給需要的人。
龔明鑫並說紓困問題政府是一體的中央跟地方最重要是分工合作儘快把紓困經費撥給需要的人。</t>
  </si>
  <si>
    <t>紓困龔明鑫新北中央地方合作趕快共識不止一次表示衛福部審核侯友宜案件陳時中撥給需要完成事情儘快分工合作儘量一度送到</t>
  </si>
  <si>
    <t>紓困龔明鑫新北市侯友宜新冠肺炎</t>
  </si>
  <si>
    <t>侯友宜新北龔明紓困肺炎</t>
  </si>
  <si>
    <t>臺北足跡確診大安gymworld淪陷雙北</t>
  </si>
  <si>
    <t>World Gym世界健身俱樂部屢爆確診者足跡迄今累計臺北站前店、長春店、內湖店新北板橋雙十店、蘆洲店、永和店、永和民權店均淪陷最新傳出臺北大安店也有確診足跡已於1日晚間8時至4日暫停營業5日將重新開放</t>
  </si>
  <si>
    <t>足跡確診俱樂部淪陷臺北大安累計迄今健身暫停營業已於最新傳出臺北站板橋時至世界永和晚間長春</t>
  </si>
  <si>
    <t>World Gym世界健身俱樂部屢爆確診者足跡迄今累計臺北站前店、長春店、內湖店新北板橋雙十店、蘆洲店、永和店、永和民權店均淪陷最新傳出臺北大安店也有確診足跡已於1日晚間8時至4日暫停營業5日將重新開放。
World Gym近期在官網公告新北永和店7月30日中午12時至2日暫停營業永和民權店1日晚間8時至2日暫停營業臺北大安店也是1日晚間8時至2日暫停營業。
World Gym表示因應疫情影響臺北大安店於1日晚間8時閉店進行全面清消並配合中央及北市府防疫規範自2至4日停業3天期間將安排該分店員工快篩檢測將於5日開放會員運動使用停業期間會員可至北區他館使用或可線上申請會籍暫停。</t>
  </si>
  <si>
    <t>gym晚間world臺北大安時至暫停營業足跡確診期間停業使用開放新北會員永和申請民權累計配合中央</t>
  </si>
  <si>
    <t>新冠肺炎暫停營業World Gym大安店確診者</t>
  </si>
  <si>
    <t>worldgym暫停營業大安肺炎確診</t>
  </si>
  <si>
    <t>曬圖疫苗臺灣人打完小心宣佈廖人帥</t>
  </si>
  <si>
    <t>台灣新冠肺炎疫情近來趨緩不過何時能打到疫苗仍是國人關心議題廖人帥上個月才宣佈已經在大陸打到疫苗昨（9日）在Instagram宣佈已經接種完第二劑並PO出手拿證明的自拍畫面引發網友議論。廖人帥昨（9日）開</t>
  </si>
  <si>
    <t>打到廖人帥疫苗已經宣佈疫情近來肺炎證明畫面議論引發po網友關心接種議題國人</t>
  </si>
  <si>
    <t>台灣新冠肺炎疫情近來趨緩不過何時能打到疫苗仍是國人關心議題廖人帥上個月才宣佈已經在大陸打到疫苗昨（9日）在Instagram宣佈已經接種完第二劑並PO出手拿證明的自拍畫面引發網友議論。
廖人帥昨（9日）開心在Instagram宣佈接種完第二劑疫苗並拍出施打完疫苗才能拿到的貼紙開心表示：「我是超級賽亞人了」接著曬出一張示意圖提醒所有人戴口罩的重要性至少被傳染的機率最低小於1%而關注台灣疫情的他似乎知道13日即將進行微解封不忘呼籲：「管你是不是微解封口罩都戴好不然又要封了喔。」
廖人帥日前發文：「沒想到有一天每次出門都是參與俄羅斯輪盤自殺式的賭博遊戲看誰運氣好能不被傳染、看誰運氣好能打上疫苗（還要真實有效的疫苗）、看誰運氣好能不死」接著曬出「門診注射室」的招牌寫下：「疫苗got」但沒說明在大陸接種了哪種疫苗不過卻引發網友批評他則錄影片反擊強調是登記排隊得到通知後去施打並沒有利用特權更怒嗆酸民：「今天換作是你們有特權面對生死關頭你們會不會用？」
廖人帥從男團Circus出道5年前拍攝張靚穎《Dust My Shoulders Off》MV獲得紅點設計大獎最佳設計獎卻屢屢與金曲獎擦身而過去年拍攝天后蔡依林《甜秘密》MV引發正反兩極評論當時他坦言因為這些負評失眠許久。
★《中時新聞網》提醒您：因應新冠肺炎疫情疾管署持續加強疫情監測與邊境管制措施 如有疑似症狀請撥打：1922專線或 0800-001922 並依指示配戴口罩儘速就醫同時主動告知醫師旅遊史及接觸史以利及時診斷及通報。</t>
  </si>
  <si>
    <t>疫苗廖人帥口罩疫情引發接種mv拍攝特權開心宣佈網友打到傳染解封肺炎大陸</t>
  </si>
  <si>
    <t>廖人帥疫苗新冠肺炎微解封第二劑疫苗</t>
  </si>
  <si>
    <t>疫苗肺炎解封廖人帥</t>
  </si>
  <si>
    <t>權王臺灣青睞</t>
  </si>
  <si>
    <t>新冠肺炎疫情爆發後衝擊上市櫃公司2月營收導致市場普遍對上月營收未抱持太大期待然當中卻不乏有逆勢走強的個股出列包括譜瑞-KY（4966）及立積（4968）等創下歷年同期新高的個股短線上更易獲得資金青睞。儘</t>
  </si>
  <si>
    <t>個股更易爆發衝擊上市公司同期創下期待當中不乏-ky歷年</t>
  </si>
  <si>
    <t>新冠肺炎疫情爆發後衝擊上市櫃公司2月營收導致市場普遍對上月營收未抱持太大期待然當中卻不乏有逆勢走強的個股出列包括譜瑞-KY（4966）及立積（4968）等創下歷年同期新高的個股短線上更易獲得資金青睞。
儘管今年春節提前原先市場皆預期2月工作天數相比往年多的情況下營收有望出現明顯增長卻不料新冠肺炎疫情突襲導致市場情緒由喜轉悲截自5日止已提前公佈營收的133檔個股中呈現年月雙增的個股僅48檔。
其中高速訊號傳輸介面晶片廠譜瑞-KY受惠面板廠無畏疫情持續拉貨2月營收982億元月增195％年增2808％強勢創下歷年同期新高成為疫情底下的倖存者帶動股價5日強勢大漲近9％。
譜瑞-KY逾八成的營收來源為7～17吋面板用的eDP／DP介面時序控制晶片及高速傳輸介面晶片隨市場對於高畫質、高刷新率需求持續提升法人樂觀預期第一季營收將淡季不淡季增約1～9％。
此外譜瑞-KY過去兩年在高速傳輸介面晶片領域受惠USB-C的發展需求以年增三成的高速成長去年相關產品營收已突破40億元今年更將持續進行USB40的最新規格開發至於PCle Gen4的訊號中斷器Retimer晶片已獲得OEM及ODM廠的認證後續英特爾全面支援PCle Gen4的Ice Lake處理器發表後譜瑞-KY的業績可望大幅成長。
除譜瑞-KY外射頻元件廠立積2月營收同樣繳出265億元的成績不但與1月營收近乎持平年增更高達131倍刷新同期2月營收的新高紀錄。立積主要營收來自Wi-Fi的射頻前端元件其中多樣化的前端模組（FEM）受惠大陸去美化政策加上Wi-Fi 6滲透率提升目前比重已超過五成。
法人認為立積旗下客戶不但未出現明顯砍單大客戶華為甚至持續追單預期3月營收就有望恢復創新高的表現全年可望呈現逐季創新高的走勢。</t>
  </si>
  <si>
    <t>-ky持續市場個股疫情受惠介面預期同期pcle獲得genwi-fi提前</t>
  </si>
  <si>
    <t>立積譜瑞肺炎無畏強勢</t>
  </si>
  <si>
    <t>肺炎無畏強勢</t>
  </si>
  <si>
    <t>紐約州天王施壓竄改疫情報告</t>
  </si>
  <si>
    <t>紐約州州長古莫(Andre Cuomo)日前才出書暢談新冠肺炎大流行期間如何抗疫與領導統禦；孰料《紐約時報》4日卻爆料古莫資深助理要求衛生當局在官方報告中隱匿2020年6月護理之家已逾9000人死亡的真實數字最終衛</t>
  </si>
  <si>
    <t>古莫死亡護理cuomo隱匿日前出書報告暢談官方真實肺炎當局流行衛生期間要求領導統禦孰料</t>
  </si>
  <si>
    <t>古莫報告衛生護理紐約州疫情官員要求死亡助理數字紐約時報州長流行醫院馬拉崔斯改寫報導聯邦</t>
  </si>
  <si>
    <t>古莫護理之家紐約州大流行新冠肺炎</t>
  </si>
  <si>
    <t>流行紐約州護理古莫肺炎</t>
  </si>
  <si>
    <t>離子口罩防護力</t>
  </si>
  <si>
    <t>新冠疫情全國三級警戒持續延長下新力旺智慧精工研發製造的「立體裁奈米銅離子N95口罩」送往英國劍橋大學生技實驗室測試實驗室主持人直接把冠狀病毒噴到口罩上面結果兩個小時之後去採樣發現9998％的冠狀病</t>
  </si>
  <si>
    <t>口罩實驗室之後小時持續結果延長上面冠狀病毒智慧精工研發劍橋採樣製造英國體裁送往</t>
  </si>
  <si>
    <t>新冠疫情全國三級警戒持續延長下新力旺智慧精工研發製造的「立體裁奈米銅離子N95口罩」送往英國劍橋大學生技實驗室測試實驗室主持人直接把冠狀病毒噴到口罩上面結果兩個小時之後去採樣發現9998％的冠狀病毒死亡那位元教授非常驚訝表示這是他們測試過最好的數字。
新力旺此一標榜可救命的奈米銅離子口罩內含CuX（奈米銅離子抗菌纖維）、5層防護設計、通過FDA（美國食品藥物管理局）認證、工研院殺菌測試、TTRI（財團法人紡織產業綜合研究所）N95以上等級過濾標準近期除了送去劍橋大學實驗室測試外亦送往美國Nelson Labs（美國FDA認證的國際權威檢驗機構）採用美國NIOSH的N95要求規格測試測試結果、過濾效果與透氣度都優於N95（N95是次微米過濾95％新力旺測試結果最低是993％）在新冠肺炎已被WHO證實可以透過氣溶膠方式在空氣中傳播之際新力旺此款口罩已經接到大量訂單搶購。
新力旺智慧精工表示2009年英國南安普頓大學的比爾基維教授發表的研究報告指出銅可抑制H1N1（AH1N1）流感病毒經過6小時後銅表面幾乎找不到存活的流感病毒另由美國國家環境保護局（EPA）規範的一項測試顯示在室溫下銅可在2個小時內消滅表面999％的超級病菌（MRSA）。
此外全球4大醫學期刊之一的「美國新英格蘭醫學雜誌」於2020年5月17日（編者按）文中一段提到在實驗室條件下新冠病毒（SARS-CoV-2）在銅表面上於4小時後測得無存活顯見銅能主動殺菌（可達999％）且可於體內自行正常的新陳代謝對人體安全無虞對細菌病毒有抗菌、抗毒作用。
新力旺公司雖正逢口罩熱銷出貨卻不忘關注國內疫情繼6月份載送2000個奈米銅離子口罩分贈給警政署及雲林縣警察局鬥六分局後日前又捐贈3500片給臺北環南市場由環南市場自治會長林勝東代表接受。</t>
  </si>
  <si>
    <t>測試病毒美國口罩小時實驗室力旺離子結果過濾表面殺菌認證英國存活</t>
  </si>
  <si>
    <t>口罩實驗室美國病毒新力旺</t>
  </si>
  <si>
    <t>病毒美國實驗室口罩</t>
  </si>
  <si>
    <t>曝光畫面驚人九份</t>
  </si>
  <si>
    <t>國內本土新冠肺炎疫情持續嚴峻位於新北市瑞芳區的九份風景區今（6日）店家多直接關門街道上冷冷清清以往的遊客人潮、車潮已不復見。瑞芳警分局則表示反而傳統市場及大賣場等處湧入大批人潮已加強人潮、車</t>
  </si>
  <si>
    <t>人潮肺炎疫情持續嚴峻位於新北瑞芳區市場九份傳統風景區反而表示店家分局直接關門瑞芳街道</t>
  </si>
  <si>
    <t>國內本土新冠肺炎疫情持續嚴峻位於新北市瑞芳區的九份風景區今（6日）店家多直接關門街道上冷冷清清以往的遊客人潮、車潮已不復見。瑞芳警分局則表示反而傳統市場及大賣場等處湧入大批人潮已加強人潮、車潮管控嚴防疫情擴散。
瑞芳警分局表示為避免傳統市場因人潮擁擠成為防疫破口呼籲民眾少去多買、一次購足。除此之外由於傳統市場因各地攤商混雜管理不易為了加強管制力道警方到場協助管制。
瑞芳警分局自6月1日起即已開始安排警力到中正路、民族街至民生街路段外攤市場協助除取締未佩戴口罩者外也加強勸導避免群聚情形發生同時配合區公所做總量人數管制。
瑞芳警分局呼籲民眾採買前登記實聯採買時一次購足採買後避免逗留與政府共同努力嚴守社區防線。
瑞芳警分局長陳忠龍表示目前疫情持續嚴峻請民眾務必配合政府防疫政策。戴口罩勤洗手待在家少群聚全民共同防疫落實防疫工作才能守護自己和家人健康。</t>
  </si>
  <si>
    <t>瑞芳市場防疫加強避免疫情分局民眾傳統人潮口罩管制表示配合政府協助持續採買嚴峻呼籲車潮工作肺炎少群聚正路</t>
  </si>
  <si>
    <t>傳統市場瑞芳警分局採買人潮九份</t>
  </si>
  <si>
    <t>分局採買瑞芳市場人潮九份傳統</t>
  </si>
  <si>
    <t>光男傳染羅伯派汀森倖免蝙蝠無法吸血鬼</t>
  </si>
  <si>
    <t>繼好萊塢大咖影星巨石強森後又有重量級影星確診新冠病毒。媒體報導當年以吸血鬼愛情片「暮光之城」紅遍全球的好萊塢男星羅伯派汀森（Robert Pattinson）也傳出確診新冠他參與的新版「蝙蝠俠」拍攝工作也因</t>
  </si>
  <si>
    <t>影星確診好萊塢巨石之城愛情紅遍全球吸血鬼參與當年蝙蝠羅伯派汀森報導robert媒體pattinson病毒傳出</t>
  </si>
  <si>
    <t>繼好萊塢大咖影星巨石強森後又有重量級影星確診新冠病毒。媒體報導當年以吸血鬼愛情片「暮光之城」紅遍全球的好萊塢男星羅伯派汀森（Robert Pattinson）也傳出確診新冠他參與的新版「蝙蝠俠」拍攝工作也因此緊急喊停。
籌拍「蝙蝠俠」的華納兄弟公司發聲明證實片中一名成員新冠狀病毒的檢測呈陽性反應但未透露姓名。聲明另指出拍攝作業已暫停。
包括「浮華世界」與「好萊塢報導」今天均引述不具名消息來源報導羅伯派汀森確診新冠的消息。
新冠肺炎持續發燒美國累計確診病例數已突破610萬例超過18萬例死亡。</t>
  </si>
  <si>
    <t>確診好萊塢報導拍攝羅伯派汀森影星蝙蝠病毒病例巨石累計姓名透露聲明指出陽性反應之城突破作業愛情</t>
  </si>
  <si>
    <t>羅伯派汀森新冠蝙蝠俠確診報導</t>
  </si>
  <si>
    <t>蝙蝠確診羅伯派汀森報導</t>
  </si>
  <si>
    <t>全國確診員警機關累計</t>
  </si>
  <si>
    <t>北市大同分局傳出警備隊、勤指中心兩名員警確診後4日又發現延平北路派出所一名員警也確診警方緊急將全所30人隔離並進行快篩也暫時將派出所關閉清消。警政署統計今日又新增兩人確診使總人數達39人此外</t>
  </si>
  <si>
    <t>確診派出所警備隊中心傳出新增統計警政署今日關閉發現延平北路進行全所隔離暫時員警</t>
  </si>
  <si>
    <t>北市大同分局傳出警備隊、勤指中心兩名員警確診後4日又發現延平北路派出所一名員警也確診警方緊急將全所30人隔離並進行快篩也暫時將派出所關閉清消。
警政署統計今日又新增兩人確診使總人數達39人此外居家隔離86人自主健康管理41人。
確診的員警單位中以北市22人最多新北市14人次之其餘單位都未增加或傳出疫情。</t>
  </si>
  <si>
    <t>確診派出所傳出隔離單位警備隊次之中心以北員警警政署統計新增今日關閉</t>
  </si>
  <si>
    <t>新冠肺炎台灣確診員警機關派出所</t>
  </si>
  <si>
    <t>確診肺炎臺灣員警機關派出所</t>
  </si>
  <si>
    <t>大陸防疫建立全國性呼籲寵物隔離組織制度公益</t>
  </si>
  <si>
    <t>大陸澎湃新聞17 日報導江西省上饒市信州區一防疫封控區內的寵物狗被防疫人員「無害化處理」（撲殺）一事持續發酵。連日來多家公益組織呼籲建立大陸全國性家養寵物隔離制度15日中國小動物保護協會公開表示</t>
  </si>
  <si>
    <t>寵物大陸防疫動物中國制度江西省報導持續發酵上饒市連日來處理公益隔離組織呼籲保護人員無害化信州區全國性建立家養</t>
  </si>
  <si>
    <t>大陸澎湃新聞17 日報導江西省上饒市信州區一防疫封控區內的寵物狗被防疫人員「無害化處理」（撲殺）一事持續發酵。連日來多家公益組織呼籲建立大陸全國性家養寵物隔離制度15日中國小動物保護協會公開表示不應打著防疫旗號去傷害寵物；16日中國生物多樣性保護與綠色發展基金會公眾帳號發文表示疫情期間始終沒有得到重視和解決的就是寵物隔離問題應制定大陸全國性的寵物隔離制度讓寵物隔離有據可依有規可循保障疫情期間寵物的基本生存權。
11月17日北京愛牠動物保護公益基金會（簡稱「牠基金」）不僅呼籲盡快建立相關制度也在徵詢獸醫、法律專家意見的基礎上針對不同情況給出了具體建議。
有微博網友近日發文稱江西省上饒市信州區金鳳花園社區一住戶在酒店隔離期間其所養的小狗在家中遭身穿防護服的人員持鐵棍敲打頭部疑似遭撲殺。
11月13日江西上饒市信州區西市街道新冠肺炎疫情防控應急指揮部回應稱經核實該線民所在社區為防疫封控區需對居家環境進行全面消殺。社區要求居民前往集中隔離點時不鎖門當防疫人員上門消殺時發現其家門已鎖。工作人員隨即聯繫轄區民警在民警的見證下開門進行消殺。但現場工作人員在未與該線民進行充分溝通的情況下將寵物狗進行了無害化處理。目前西市街道辦已對相關人員進行了批評教育調離相應職位並責令向當事人誠懇道歉已取得該線民的諒解同時該群眾對疫情期間防控措施表示理解。
盡管上饒市信州區相關部門已對上述事件公開回應但圍繞此事展開的爭議並未停息。
大陸國務院在《新型冠狀病毒肺炎防控方案（第八版）》中再三要求各級政府應做好各類人群的心理健康服務要照顧、安撫人民心理加強疫情防控工作的精細化管理和人文關懷這既是各地新時期疫情防控工作的新任務也從一個側面反映著一個城市管理的綜合水準。
鑒於此前各地因缺乏統一的針對家養寵物的隔離制度執行防控工作的過程中出現的諸多問題牠基金建議出臺全國性家養寵物隔離制度並適時更新《新型冠狀病毒肺炎防控方案》。在徵詢獸醫、法律專家意見後牠基金給出以下三項具體建議：
對於寵物主人為確診新冠肺炎病例、疑似病例或無症狀感染者的寵物應該隔離觀察。當地應制定無人照料寵物轉運流程和隔離管理方案。在徵得寵物主人同意後由當地動物防疫部門配合做好寵物轉運工作可以委託隔離區內的協力廠商專業機構（如動物診療機構或者動物寄養機構）進行隔離看護定期檢測。沒有上述機構的可以在隔離區設立隔離飼養場所安排專人定時餵養。經過一段時間的隔離後再去檢測動物體表是否攜帶新冠病毒如果沒有就需要恢復其正常生活狀態。
針對寵物主人需集中隔離醫學觀察的強烈建議寵物應隨同寵物主人一起隔離或在保證各項防疫措施落實到位的情況下留一人居家隔離照料寵物。在規定的隔離期結束檢測寵物主人和寵物均為陰性的應該恢復正常的生活狀態。
針對寵物體表採樣核酸檢測陽性的建議交由專業寵物醫療機構進行隔離觀察等待自然轉陰。目前大陸沒有任何相關案例可以證明寵物攜帶新冠病毒會傳染給人類。專家認為跨物種傳染的可能性極小寵物體表採樣核酸檢測陽性很大可能是體表沾染了汙染區內的病毒。
此外牠基金認為寵物即使攜帶病毒也不會造成其發病所以寵物即使體表採樣檢測陽性也無需治療。因此強烈反對任何形式的不負責任的撲殺或所謂的「無害化處理」反對任何形式不人道對待動物的方式。
牠基金是中國大陸第一家動物保護基金會北京市AAAA級公益組織首批被北京市民政局認定為「慈善組織」的基金會之一。</t>
  </si>
  <si>
    <t>寵物隔離進行防疫動物防控疫情大陸基金病毒檢測主人人員期間體表相關沒有工作制度建議上饒市信州區肺炎基金會</t>
  </si>
  <si>
    <t>寵物隔離進行上饒市寵物主人</t>
  </si>
  <si>
    <t>上饒市寵物隔離主人進行</t>
  </si>
  <si>
    <t>確診肺炎詹姆斯缺席突發nba</t>
  </si>
  <si>
    <t>稍早湖人傳出壞消息巨星詹姆斯(LeBron James)因觸發聯盟健康與安全協議確定缺席對陣國王的比賽而《TMZ》驚傳他有確診狀況接受三次檢測兩次呈陽性反應無任何症狀球隊已安排私人飛機載他回洛杉磯據沃</t>
  </si>
  <si>
    <t>傳出飛機私人消息安排巨星詹姆斯球隊lebron症狀james觸發陽性反應聯盟檢測健康安全接受狀況協議確診確定缺席</t>
  </si>
  <si>
    <t>稍早湖人傳出壞消息巨星詹姆斯(LeBron James)因觸發聯盟健康與安全協議確定缺席對陣國王的比賽而《TMZ》驚傳他有確診狀況接受三次檢測兩次呈陽性反應無任何症狀球隊已安排私人飛機載他回洛杉磯據沃納洛斯基(Adrian Wojnarowski)說明若球員確診至少要缺席10場比賽左右。
LeBron James took 3 COVID tests today Test 1 (lateral flow) was positive The 2nd (PCR) test was negative James was then given a 3rd tiebreaker test which came back positive I&amp;apos;m told he&amp;apos;s asymptotic at this time Team chartered a private jet to take Lebron back to LA
加上今天這場比賽本季已缺席多達12場其中包括受傷還有與活塞一戰遭到禁賽缺席率相當高而在他本季出戰的11場比賽中場均上場達369分鐘平均能砍下258分52籃板68助攻18抄截投籃命中率484%、外線344%、罰球755%對即將滿37歲的他來說很不容易。
而在詹姆斯出賽的11場裡面湖人拿下7勝4敗這代表湖人還是相當需要攻守全面的詹姆斯畢竟本季剛到來的明星控球韋斯布魯克(Russell Westbrook)狀況不太穩定內線大將安東尼戴維斯(Anthony Davis)的統治力也不如以往加上整體防守相當不佳目前湖人平均失分排聯盟第27名。
LeBron James -- who the Lakers are listing in health and safety protocols -- is expected to miss several games source tells ESPN Players with positive Covid cases must be out a minimum of 10 days
湖人本季受傷兵困擾此前多名球員無法上陣包括亞瑞薩(Trevor Ariza)、荷頓塔克(Talen Horton-Tucker)、努恩(Kendrick Nunn)、瑞福斯(Austin Reeves)等人好在目前迎回荷頓塔克和瑞福斯但在陣容調度上朗度(Rajon Rondo)與霍華(Dwight Howard)最近很少上場教練佛格(Frank Vogel)也遭到質疑。</t>
  </si>
  <si>
    <t>比賽jameslebron詹姆斯相當positive缺席testto狀況瑞福上場球員包括確診--平均covid加上</t>
  </si>
  <si>
    <t>湖人詹姆斯健康安全協議 國王新冠肺炎</t>
  </si>
  <si>
    <t>安全協議健康國王詹姆斯肺炎</t>
  </si>
  <si>
    <t>放鬆疫情攪動美軍南海學者</t>
  </si>
  <si>
    <t>大陸南海研究院院長、大陸──東南亞南海研究中心理事會主席吳士存21日指出新冠疫情重創美國這當中也包括嚴重影響美軍的戰鬥力和部署。有報導說目前美國至少150個軍事基地和4艘航母出現疫情。盡管如此美軍近期</t>
  </si>
  <si>
    <t>美國疫情美軍東南亞南海研究中心理事會主席吳士存大陸指出出現軍事基地重創部署戰鬥力影響航母目前至少報導當中包括嚴重院長</t>
  </si>
  <si>
    <t>大陸南海研究院院長、大陸──東南亞南海研究中心理事會主席吳士存21日指出新冠疫情重創美國這當中也包括嚴重影響美軍的戰鬥力和部署。有報導說目前美國至少150個軍事基地和4艘航母出現疫情。盡管如此美軍近期非但沒有放緩以軍事手段謀求在西太平洋地區霸主地位的節奏反而在南海繼續上演一幕幕攪動風浪的戲碼。
吳士存今天在陸媒《環球時報》撰文表示疫情全球蔓延仍在繼續對國際政治、經濟格局、全球治理體系都將產生深刻影響。疫情對陸美關係的影響目前來看是負面和消極的陸美兩國圍繞貿易、科技、產業鏈供應鏈等領域的博弈或「脫鉤」趨勢並未緩解。伴隨美國大選臨近炒作「中國問題」也將是繞不開的議題。
吳士存稱就南海問題而言美國政府通過進一步實施海上軍事行動顯示對大陸的強硬姿態不僅能在國內迎合部分選民的關注和訴求在國際上亦可起到增強和鞏固盟友關係的效果。
文章認為毋庸諱言正是美國在南海頻繁攪局縱容和鼓勵其他聲索國在爭議地區採取單邊行動等消極因素累進疊加才使本已「趨穩、向好」的南海形勢出現令人擔憂的動盪。
吳士存建議面對疫情期間以及疫後美國在南海日益加劇的軍事挑釁活動大陸應從島礁維權能力建設、民事化功能擴展（近日大陸國務院批准三沙市政府設立西沙區和南沙區其實就是向民事化方向邁出重要步伐）、海上力量整合、未來海上作戰方式變革應對等方面做好充分準備。
文章說與此同時大陸還應積極推動與南海周邊國家的海上合作排除幹擾、增進共識、加速《（南海行為）準則》磋商進程努力構建以公正、透明、開放、合作為主旋律的地區秩序避免南海形勢再度動盪或出現顛覆性變化</t>
  </si>
  <si>
    <t>南海大陸疫情美國吳士存海上出現合作繼續文章國際關係美軍問題影響目前全球陸美動盪形勢行動消極因素單邊累進</t>
  </si>
  <si>
    <t>南海陸美貿易科技產業鏈供應鏈</t>
  </si>
  <si>
    <t>產業鏈陸美科技貿易南海供應</t>
  </si>
  <si>
    <t>病例症狀本土感染者臺灣福建新增輸入</t>
  </si>
  <si>
    <t>據大陸福建省衛生健康委員會通報12日0~24時福建省新增22例本土病例另新增境外輸入無症狀感染者2例包括由台灣輸入1例（福州市報告）、英國輸入1例（廈門市報告）。截至12日24時福建省累計報告境外輸入確診</t>
  </si>
  <si>
    <t>輸入福建省報告境外新增症狀累計截至健康委員會通報包括臺灣感染者廈門市病例本土衛生福州市英國大陸確診</t>
  </si>
  <si>
    <t>據大陸福建省衛生健康委員會通報12日0~24時福建省新增22例本土病例另新增境外輸入無症狀感染者2例包括由台灣輸入1例（福州市報告）、英國輸入1例（廈門市報告）。
截至12日24時福建省累計報告境外輸入確診病例503例目前住院32例無死亡病例；現有報告境外輸入疑似病例0例；現有報告境外輸入無症狀感染者尚在接受集中隔離醫學觀察27例。
福建省12日新增本土確診病例22例（廈門市報告1例、泉州市報告6例、莆田市報告15例）其中無症狀感染者轉確診2例；報告新增本土無症狀感染者13例（均為莆田市報告）。
自9月10日以來福建省累計報告本土確診病例43例目前住院43例（廈門市1例、泉州市7例、莆田市35例）無死亡病例；現有本土無症狀感染者尚在接受集中隔離醫學觀察32例（莆田市32例）。
目前密切接觸者已解除醫學觀察29154人尚有1406人正在接受醫學觀察。</t>
  </si>
  <si>
    <t>報告福建省輸入感染者症狀本土醫學觀察病例確診新增目前境外莆田市廈門市接受累計現有死亡隔離集中解除</t>
  </si>
  <si>
    <t>新冠肺炎大陸報告無症狀感染者境外輸入</t>
  </si>
  <si>
    <t>報告症狀大陸肺炎感染者境外輸入</t>
  </si>
  <si>
    <t>消毒減輕研發高中教師泰山負擔</t>
  </si>
  <si>
    <t>疫情嚴峻全國學校停課不停學校園在有限人力下仍須每日進行消毒工作泰山高中師生共同發展「無人自駕消毒車」自駕消毒車清晨6點會自動巡迴消毒校園減輕清消人力負擔。校長李立泰表示泰山高中去年繼研發校</t>
  </si>
  <si>
    <t>消毒校園泰山人力高中停課停學巡迴有限表示學校李立泰負擔工作減輕校長進行去年自動全國共同師生</t>
  </si>
  <si>
    <t>疫情嚴峻全國學校停課不停學校園在有限人力下仍須每日進行消毒工作泰山高中師生共同發展「無人自駕消毒車」自駕消毒車清晨6點會自動巡迴消毒校園減輕清消人力負擔。校長李立泰表示泰山高中去年繼研發校園額溫槍後今年再研發「無人自駕消毒車」為防疫盡一份心力。
李立泰表示去年疫情蔓延在即將開學之際校園仍向地方政府反應防疫物資嚴重不足。新北市泰山高中電子科師生學以致用自行研發製作額溫槍且經實際測試準確度極高彌補防疫物資不足新北市長侯友宜當時到場參訪直呼讚。
李立泰表示疫情嚴峻全國學校停課不停學校園防疫甚為重要在工科主任集思廣益下實習處陳致中、電子科主任呂昇翰、機械科主任許恭維、汽車科林昌臻主任共同研發「無人消毒自駕車」在每天早上6點進行校園巡迴消毒達成有限人力、高效作為的任務。
李立泰補充目前學校剩下20位教師在校教學學校這一台「無人消毒自駕車」主要針對校園周遭環境消毒車環繞四周為15分鐘可減少人力一半以上的時間「無人消毒自駕車」大幅減輕行政人員清消負擔。
實習處主任陳致中補充說明泰山高中日前與ARTC財團法人車輛研究測試中心合作將現成高爾夫球車全新改裝成自駕車。規劃校門口、四維堂、跆拳道館、AIOT科技教室、圖資大樓、總務處、學務處、日新樓等多站停靠、巡迴校園。
陳致中說「無人消毒自駕車」是透過新北市創新教育加速器推動學校跨領域培育計畫。其中電子科「當工業40遇上人工智慧人才培育計畫」透過教育局與企業挹注設立人工智慧科技體驗中心AIOT希望培育更多自動化產業基礎人才。</t>
  </si>
  <si>
    <t>消毒校園駕車防疫主任人力李立泰研發學校電子科培育泰山高中陳致中表示巡迴aiot科技新北透過人工智慧物資補充師生疫情</t>
  </si>
  <si>
    <t>新冠肺炎台灣無人校園泰山高中</t>
  </si>
  <si>
    <t>校園肺炎臺灣泰山高中</t>
  </si>
  <si>
    <t>旅客外籍無法封鎖入境全境錯愕防疫</t>
  </si>
  <si>
    <t>新冠肺炎全球肆虐台灣確診案例破百新增案例幾乎全為境外感染中央流行疫情指揮中心宣佈自19日起外國人禁止入境本國人入境都須居家檢疫14天。在19日清晨搭乘捷星航空自新加坡來台的法籍旅客在抵台後得知</t>
  </si>
  <si>
    <t>案例肆虐臺灣新加坡航空境外全球感染中央搭乘清晨流行旅客入境檢疫疫情宣佈中心指揮確診破百新增</t>
  </si>
  <si>
    <t>新冠肺炎全球肆虐台灣確診案例破百新增案例幾乎全為境外感染中央流行疫情指揮中心宣佈自19日起外國人禁止入境本國人入境都須居家檢疫14天。在19日清晨搭乘捷星航空自新加坡來台的法籍旅客在抵台後得知無法入境台灣時感到錯愕他表示不想再回出發地對於滯留機場感到憂心；另一名英籍旅客因是自英國到新加坡轉機來台符合19日0時前起飛來台則幸運准許入境。
新冠肺炎疫情延燒全球中央流行疫情指揮中心18日宣佈將大洋洲所有國家的旅遊疫情建議提升至「第三級」而外交部也自19日淩晨0時起調升大洋洲相關國家的旅遊警示為「紅色」非本國籍人士部分自臺北時間19日0時起搭機起飛來台者除持居留證、外交公務證明、商務履約證明或其他經特別許可者外一律限制入境。
受到新的防疫規定的影響19日淩晨1時從新加坡起飛到桃園機場的酷航、捷星班機於清晨5時30分起先後抵達桃園機場成為實施防疫限制入境新規定的頭2個航班機上的本國旅客下機後由檢疫人員協助使用手機線上或是紙本方式填寫入境健康聲明卡後依防疫規定檢查後開始居家檢疫14日而機上剛好有2名外籍旅客準備入境台灣但因新的防疫入境規定移民署依個別「條件與狀況不同」有不同的處理方式。
1名來台的法國籍旅客表示他日前在台灣旅遊但因為簽證有90天的限制他先出境到新加坡後再入境原本18日就要再來台灣但錯過了班機改搭19日班機來台未料下機後地勤人員上前告知新的防疫規定使得他面臨無法入境台灣的窘境。
法籍旅客表示他只是暫時離開台灣幾天身上只有簡單的行李之前來台時把所有行李都先放在台灣友人家中只是想出境再入境沒想到下機時航空公司地勤人員上前告知新的限制入境規定他可能無法入境了讓他當下感到錯愕。
航空公司地勤人員問他要不要返回出發地新加坡時他表示「不不我不想再回新加坡我要回法國但是我的行李都還在台灣」至於是否滯留在桃園機場他說要好好思考一下並且想先聯絡在台友人看看後續該怎麼處理。
另一名英國籍旅客就比較幸運他是從英國出發中轉新加坡來台灣。他表示他自英國搭機起飛時並沒有違反限制入境時間點的規定反而在新加坡轉機時班機起飛時間超過入境台灣規定。他也說他是台灣女婿這次來台就是要和妻兒團聚男子被問到若無法入境台灣時是否要返回英國？他說「會想哭因為小孩子很小需要家人照顧」。
再經航空公司地勤人員詢問移民署移民官後移民署依照男子自英國搭機起飛時間認定准許他入境台灣讓他相當高興馬上透過手機告訴台灣的妻子這個好消息而他妻子在電話另一頭高興大喊一聲「YA」交待先生趕緊出關回家團聚。
1名搭乘酷航的王姓本國籍學生表示因為疫情讓航班大亂無法直接買到菲律賓回到台灣的機票所以輾轉從菲律賓宿霧轉機新加坡再轉回台灣在下機後直呼「還是回到台灣的感覺最踏實」。
桃園國際機場公司表示受到中央流行疫情指揮中心新規定入境限制自19日0時起扣除從歐洲、美國、澳洲等地長途飛行的班機與短程的廉價航空均於限制入境新規定實施前抵台外19日也將還有自泰國、日本等地飛抵桃園機場的班機外籍旅客若無持特殊證明者將會被拒絕入境。</t>
  </si>
  <si>
    <t>臺灣入境新加坡旅客規定表示班機限制英國航空桃園機場疫情公司防疫無法地勤人員旅遊</t>
  </si>
  <si>
    <t>入境台灣規定旅客新加坡</t>
  </si>
  <si>
    <t>入境臺灣規定新加坡旅客</t>
  </si>
  <si>
    <t>主管確診返回馬來西亞台前高雄ikea鼓山區</t>
  </si>
  <si>
    <t>高雄連續19天「嘉玲」但高市議員陳若翠21日揭露IKEA宜家家居高雄店一名銷售部門主管7月15日出境返回馬來西亞時採檢為陽性高市府接獲通報後緊急匡列相關接觸者並展開清消作業對此高市府衛生局表示疫</t>
  </si>
  <si>
    <t>市府議員陳若翠揭露ikea對此展開高雄店家居作業接觸相關匡列銷售緊急部門主管出境通報返回馬來西亞</t>
  </si>
  <si>
    <t>高雄連續19天「嘉玲」但高市議員陳若翠21日揭露IKEA宜家家居高雄店一名銷售部門主管7月15日出境返回馬來西亞時採檢為陽性高市府接獲通報後緊急匡列相關接觸者並展開清消作業對此高市府衛生局表示疫情發布與說明以中央流行疫情指揮中心及市府為準。
據瞭解30多歲的馬來西亞籍女子原本在高雄IKEA擔任業務主管但該名女子打算回馬國因此在7月中旬離職之後先在高雄醫院採檢為陰性並持檢驗報告於16日搭機回國未料入境後採檢確變成陽性確診CT值約在30上下。
高市府在19日接獲通報後緊急展開調查及清消作業據悉該名馬國女子住鼓山區生活背景單純平時多待在住處在台灣也有親友工作時多搭乘捷運上下班確診消息傳出後市府已緊急匡列與她密集接觸的室友與職場上的工作夥伴另名負責接送她搭機的親友也一併被匡列。
高市府衛生局表示疫情之發布由中央流行疫情指揮中心及地方政府公佈為準非正式對外發布或未經證實的資料勿隨意散播、轉傳違者將依傳染病防治法第63條嚴重特殊傳染性肺炎防治及紓困振興條例第14條或社會秩序維護法第63條第1項第5款處理。</t>
  </si>
  <si>
    <t>市府女子高雄匡列發佈工作ikea緊急確診馬來西亞親友接觸陽性疫情作業指揮中心展開社會秩序條例</t>
  </si>
  <si>
    <t>IKEA馬來西亞高雄確診採檢</t>
  </si>
  <si>
    <t>高雄馬來西亞確診ikea</t>
  </si>
  <si>
    <t>疫情持續化學肺炎北市運站因應消毒</t>
  </si>
  <si>
    <t>因應新冠肺炎疫情國防部持續派遣化學兵部隊協助地方政府執行消毒工作陸軍33化學兵群今日前往臺北市醫院、捷運站及重要車站實施環境消毒許多一早出門上班的民眾看到化學兵進行消毒工作也紛紛拿起手機紀錄他</t>
  </si>
  <si>
    <t>消毒化學工作疫情紛紛國防部持續派遣肺炎重要車站醫院實施環境臺北市一早部隊前往進行今日出門協助執行政府</t>
  </si>
  <si>
    <t>因應新冠肺炎疫情國防部持續派遣化學兵部隊協助地方政府執行消毒工作陸軍33化學兵群今日前往臺北市醫院、捷運站及重要車站實施環境消毒許多一早出門上班的民眾看到化學兵進行消毒工作也紛紛拿起手機紀錄他們以行動守護家園的身影。
陸軍33化學兵群上午共派遣145員官兵分組前往臺北市採檢站、捷運站及醫院外圍以偵搜車、悍馬車、背負式消毒器、MDS-106輕型消毒器、氣霧式消毒器等機具針對車站出入口、樓梯把手及洗手間等民眾易接觸的部分進行重點式消毒降低民眾感染風險。</t>
  </si>
  <si>
    <t>消毒化學民眾車站前往派遣陸軍進行工作臺北市消毒器醫院疫情國防部持續出入口樓梯肺炎把手紀錄手機洗手間週邊</t>
  </si>
  <si>
    <t>新冠肺炎台灣化學兵捷運站消毒</t>
  </si>
  <si>
    <t>學兵臺灣肺炎消毒</t>
  </si>
  <si>
    <t>指控監獄情侶外交部澄清bbc隔離臺灣報導</t>
  </si>
  <si>
    <t>英國媒體BBC在週四(26日)報導英國籍女子娜塔莉道森(Natalie Dawson)及她男友在台灣隔離14天期間猶如監禁提供的住宿及飲食都非常基本不實的指控讓台灣網友氣炸留言灌爆BBC的臉書貼文。外交部也向BBC澄清情侶</t>
  </si>
  <si>
    <t>bbc臺灣英國外交部報導女子娜塔莉道森natalie提供住宿飲食非常dawson留言男友網友監禁氣炸隔離猶如期間基本不實</t>
  </si>
  <si>
    <t>英國媒體BBC在週四(26日)報導英國籍女子娜塔莉道森(Natalie Dawson)及她男友在台灣隔離14天期間猶如監禁提供的住宿及飲食都非常基本不實的指控讓台灣網友氣炸留言灌爆BBC的臉書貼文。外交部也向BBC澄清情侶指控並非事實。事後BBC刪除了臉書上的貼文在文章中新增了台灣外交部的說法但標題仍未修改。
根據BBC的報導28歲的英籍女子道森和男友皮克斯雷(Rohan Pixley)於3月13日飛離英國預計在台旅遊數日後在飛往澳洲參加友人婚禮。當他們14日抵達台灣時疫情已相當嚴重他們取消了澳洲的行程在台停留了四天18號欲返回英國時被告知不能離境隨即被送上救護車載往隔離檢疫所「只提供基本伙食和如同監獄般的住宿。」「每日三餐、品質低落、分量稀少。」「房間髒臭沒有地方洗衣服。」
對於此指控外交部向BBC澄清他們可以選擇繼續住在飯店內隔離但他們負擔不起多出來的住宿費用所以同意搬到檢疫所。檢疫所的舒適度自然不如飯店但也不是監獄般的品質。檢疫所為他們的安排的隔離房一開始是有獨立洗衣間的但是熱水器有些故障所以將他們移至另一間房間而且女子一提出有洗衣的問題時工作人員立即幫他安排住到高級的房間內。外交部表示整個過程都盡力協助該名女子完成隔離檢疫的過程唯一無法滿足他們的是無法讓她及男友同處同一間房間因為那有違檢疫所的原則。
BBC僅在文章中新增了台灣外交部的說法但標題仍未修改。不過BBC在臉書上的貼文已刪除。</t>
  </si>
  <si>
    <t>bbc隔離臺灣檢疫所外交部女子英國住宿房間男友指控澳洲安排洗衣飯店提供品質監獄基本</t>
  </si>
  <si>
    <t>受難者侯向致意包容</t>
  </si>
  <si>
    <t>新北市長侯友宜28日下午赴三重228和平紀念公園參加紀念儀式與受難者及家屬一同向228事件亡者英靈紀念碑獻花致意原本預計有130多位受難者本人及家屬出席但因新冠肺炎疫情僅23位到場。侯友宜到場後向受難者遺</t>
  </si>
  <si>
    <t>受難者家屬侯友宜紀念下午到場肺炎英靈出席紀念碑獻花致意一同事件預計原本和平公園疫情參加儀式</t>
  </si>
  <si>
    <t>新北市長侯友宜28日下午赴三重228和平紀念公園參加紀念儀式與受難者及家屬一同向228事件亡者英靈紀念碑獻花致意原本預計有130多位受難者本人及家屬出席但因新冠肺炎疫情僅23位到場。
侯友宜到場後向受難者遺孀周金桂、近百歲受難者曾仲影逐一拱手致意典禮先默哀1分鐘侯友宜獻花並行3鞠躬禮隨後陪同受難者、代表環繞228紀念碑。
「雖然無法見證228但是永遠記得帶給我們更大力量的精神」侯友宜感謝受難者及家屬的包容原諒強調台灣要用愛、寬容不要對立跟衝突大家團結走在一塊尤其現在新冠肺炎肆虐大家不要口水、對立衝突要團結向前走帶著民主的力量愛這塊土地。
新北市228總會理事長洪顯詔表示感謝受難者出席尤其近百歲曾仲影堅持參加令他很感動他強調歷史絕對不能忘記曾問過3歲的小朋友為何放假他竟回應是國定假日小朋友不知道不能怪罪但政府一定要把歷史公開社會才會和諧進步。
「我感覺死了好多次！我被以為是共匪冤獄了幾十年前後進出監獄多次」曾仲影表示最近剛從北市搬來新北從不缺席過228紀念活動因為事件對他影響甚大他不曾忘記傷痛盼政府還他公道。</t>
  </si>
  <si>
    <t>受難者侯友宜家屬新北紀念忘記歷史事件紀念碑獻花表示強調不能致意政府仲影尤其參加力量感謝出席小朋友近百不要</t>
  </si>
  <si>
    <t>出席小朋友肺炎受難者及家屬侯友宜</t>
  </si>
  <si>
    <t>小朋友肺炎家屬受難者出席侯友宜</t>
  </si>
  <si>
    <t>用電以色列可能防疫科技原者</t>
  </si>
  <si>
    <t>以色列向來標榜以科技治國現在面臨新冠肺炎疫情的威脅以色列想要動用國防科技來防疫。以國國防部宣稱能用取得人們的手機資訊再用間諜軟體分析出可能感染新冠肺炎的人再針對這些人進行檢測。根據路透社報導</t>
  </si>
  <si>
    <t>肺炎以色列宣稱能用國防部防疫治國取得現在人們手機資訊國防科技動用間諜面臨想要分析感染可能威脅</t>
  </si>
  <si>
    <t>以色列向來標榜以科技治國現在面臨新冠肺炎疫情的威脅以色列想要動用國防科技來防疫。以國國防部宣稱能用取得人們的手機資訊再用間諜軟體分析出可能感染新冠肺炎的人再針對這些人進行檢測。
根據路透社報導以國國防部長班奈特(Naftali Bennett)週一對媒體表示這項措施區要內閣同意預計會通過。然後還需要檢察總長的同意因為涉及民眾個資問題。一旦取得這兩個單位的同意48小時即可上路。
以色列有一天檢測5千名的能力現在衛生當局希望針對重點民眾進行檢測然而許多感染新冠肺炎的人初期並沒有症狀若用症狀當作受測的標準不一定準確。所以以國希望能動用軍事級的科技蒐集手機資訊分析大眾的移動路徑將有感染風險的人全部鎖定追蹤並檢測。這個軟體根據是否有接觸過確診病患將全民分做1到10個風險等級。
這個政策馬上引起人權政黨的反對認為已經違反個人隱私及自由。
以色列目前累計的確診病例為4347例死亡15例。在國會傳出有人確診之後總理班傑明·納坦雅胡(Benjamin Netanyahu)也正在家中自我隔離。</t>
  </si>
  <si>
    <t>以色列檢測確診同意感染肺炎取得民眾希望現在風險分析動用科技手機資訊進行netanyahubenjamin班傑明·納坦雅胡總理</t>
  </si>
  <si>
    <t>丈夫分居發文德國臺灣取暖黃百璐</t>
  </si>
  <si>
    <t>名模黃百璐2011年閃嫁德籍老公孔友瀚（Johann）便搬到德國柏林居住兩人婚後9年育有1對子女不過近來卻在臉書透露在前年已與老公分居但礙於疫情只能帶著孩子留在柏林無法返回台灣讓她發文感嘆：「超想回台</t>
  </si>
  <si>
    <t>老公柏林臺灣返回無法孔友瀚留在johann孩子發文近來子女能帶疫情德國透露礙於前年</t>
  </si>
  <si>
    <t>名模黃百璐2011年閃嫁德籍老公孔友瀚（Johann）便搬到德國柏林居住兩人婚後9年育有1對子女不過近來卻在臉書透露在前年已與老公分居但礙於疫情只能帶著孩子留在柏林無法返回台灣讓她發文感嘆：「超想回台灣取暖」。
黃百璐日前在臉書透露前年底和德籍老公分居主要是他忙碌到無法兼顧家庭和事業在幾經考量下達成分居協議坦言這個決定對兩人來說都很痛苦原本想帶著兒子返回台灣畢竟3歲多的兒子從未看過自己的故鄉但礙於新冠肺炎肆虐全球若帶著小孩隔離光想像就知道有多艱難因此幾經思考之後決定還是先留在德國往後再看狀況決定下一步的方向。
黃百璐坦言留在德國此決定相當艱難但礙於小孩還年幼不得不這樣做也道出內心話：「雖然超想回台灣取個暖見見老朋友但人生啊」短短一句話道出被迫屈就現實的無奈分居消息曝光後粉絲也紛紛湧入留言給予安慰。
黃百璐除了感謝大家關切並表示：「昨天報告完之後就睡得很好能到公開跟大家報告就是心情已經到了下一個階段差不多可以開始療癒了」接著強調：「希望今年可以台灣見感恩大家所有的訊息和關心我不孤單」。</t>
  </si>
  <si>
    <t>臺灣分居決定礙於德國留在老公可以道出報告之後小孩無法柏林黃百</t>
  </si>
  <si>
    <t>黃百璐德國分居新冠肺炎孔友瀚</t>
  </si>
  <si>
    <t>分居德國肺炎黃百孔友瀚</t>
  </si>
  <si>
    <t>重災區人心惶惶肺炎防疫物資成新冠搶手中部</t>
  </si>
  <si>
    <t>新冠肺炎疫情持續升溫全台累計確診22例中中部就高達6例、包含全國首例重症死亡一夕間中部淪為「肺炎重災區」網路上真假訊息、謠言滿天飛搞得民眾人心惶惶加上開學在即也引發部分家長焦慮口罩、消毒</t>
  </si>
  <si>
    <t>中部肺炎部分引發在即開學加上持續人心惶惶民眾家長升溫滿天飛謠言全台累計訊息確診真假網路上重災區死亡淪為疫情焦慮</t>
  </si>
  <si>
    <t>新冠肺炎疫情持續升溫全台累計確診22例中中部就高達6例、包含全國首例重症死亡一夕間中部淪為「肺炎重災區」網路上真假訊息、謠言滿天飛搞得民眾人心惶惶加上開學在即也引發部分家長焦慮口罩、消毒水和額溫槍等防疫物資更是搶翻天。
上周全台確診案例持續維持在18例不少民眾週末還開心歡度情人節聚會吃大餐不料短短兩天再增4例全集中在中部與先前中部確診前2例一樣是群聚感染中部人嘩然；因目前中央流行疫情指揮中心定調除有中港澳與星泰日等國旅遊史外不能公佈返台後可疑個案的移動路徑與社區接觸史網路社群成天瘋傳假訊息連開學在即許多鄉鎮市區公所清潔隊出動進行例行街道與校園環境消毒都會火速引發不當聯想搞得人心惶惶。
在不確定哪些地點是否會引發社區群聚感染情況下民眾深怕自己不小心誤闖禁區染上病毒為求自保、做好自我防護只能搶好搶滿天天排隊搶物資近期除了搶酒精、護目鏡、漂白水、甚至一度因不實謠言瘋搶衛生紙。
因台酒生產75％酒精配送量有限民眾每天一早出門趕到經銷商據點排隊搶購部分人轉而購買次氯酸水旺旺水神公司5日起於全台90家「水神」次氯酸抗菌液門市免費提供抗菌液彰化縣唯一據點在員林市由於優先讓裡長每日可裝50公升更是吸引遠在鹿港鎮的裡長每日往返50公里前往領取近日不斷出現大排長龍情況還引發在地市民向本報投訴抱怨「都被裡長們領光光」。
中部疫情嚴峻已出現重症死亡首例各行各業都緊張兮兮彰化縣是全台本土口罩生產重鎮產量高居三成被中央統一徵用之後只能等待配給不少運輸業者、殯葬業者頻向地方政府反應買不到口罩警政單位也憂心現有存量不足影響第一線執勤同仁安危。
最反其道而行的恐怕是八大行業因「小姐習慣叫白牌車出場」陋習擔心感染疫情擴散又沒辦法要求小姐戴口罩上班、或請客人戴著口罩喝酒乾脆貼出公告歇業14天保護客人及員工安全。</t>
  </si>
  <si>
    <t>口罩中部民眾疫情引發全台感染確診小姐社區中央生產據點訊息謠言部分出現更是酒精</t>
  </si>
  <si>
    <t>兩會專注大陸舉行</t>
  </si>
  <si>
    <t>受新冠肺炎影響大陸每年3月初登場的全國「兩會」（全國人大、政協會議）今年將罕見延後舉行。大陸全國人大委員長會議和全國政協主席會議17日均建議2020年兩會延後召開這是改革開放以來大陸全國人大會議首次延</t>
  </si>
  <si>
    <t>大陸全國人大兩會會議影響月初登場全國政協會議延後建議今年肺炎舉行召開改革開放以來日均全國政協罕見主席委員長</t>
  </si>
  <si>
    <t>會議大陸召開全國人大審議決定全國野生動物委員長兩會疫情推遲全國人大常委會舉行肺炎主席接替人大中共中央政治局建議有關書記職務</t>
  </si>
  <si>
    <t>全國人大會議常委會肺炎次會議委員長</t>
  </si>
  <si>
    <t>會議肺炎常委會委員長全國人大</t>
  </si>
  <si>
    <t>包機度假無視返國大學生確診美國</t>
  </si>
  <si>
    <t>新冠肺炎疫情持續蔓延目前全球確診人數已高達912276例其中美國共累計超過20萬確診病例為全球最高而各州政府為防疫紛紛頒布「禁足令」但竟有70名大學生無視防疫禁令仍在2週前包機飛往墨西哥度過春假</t>
  </si>
  <si>
    <t>防疫全球確診包機周前持續蔓延禁令目前無視飛往大學生人數頒佈美國疫情紛紛累計超過</t>
  </si>
  <si>
    <t>新冠肺炎疫情持續蔓延目前全球確診人數已高達912276例其中美國共累計超過20萬確診病例為全球最高而各州政府為防疫紛紛頒布「禁足令」但竟有70名大學生無視防疫禁令仍在2週前包機飛往墨西哥度過春假如今這群20多歲的大學生有44人確診新冠肺炎。
綜合外媒報導約70名德州大學奧斯汀分校的20多歲學生無視防疫禁令在春假期間租下包機飛往墨西哥度假城市卡波聖盧卡斯（CaboSan Lucas）遊玩之後部分的人分別搭乘不同商業航班返回而當中就有44人確診新冠肺炎且其中至少有4名感染者未出現症狀當地衛生部門正積極聯絡與這些搭學生搭乘同班飛機的旅客。
據瞭解這些大學生似乎是認為老年人才容易感染新冠肺炎才未重視此事；除了該校外坦帕大學（University of Tampa）、威斯康辛大學麥迪遜分校（Universityof Wisconsin-Madison）都有學生因春假旅行而染疫。德州特拉維斯郡臨時衛生局醫師埃斯科特（MarkEscott）強調「儘管新型冠狀病毒對年輕人產生的風險較低但不代表他們就完全不會因新冠肺炎而重症或死亡。」
德州眾議院議長伯寧（Dennis Bonnen）也對堅持在春假出去旅行的學生說出重話：「不管你覺不覺得這是件重要的事這就是件大事；不管這件事會不會影響你它就是會影響你而且事實就是你們還影響了很多人是時候長大了。」
更多 CTWANT 報導</t>
  </si>
  <si>
    <t>學生肺炎春假確診大學生防疫德州搭乘全球分校旅行墨西哥無視飛往報導禁令包機影響強調冠狀markescott病毒</t>
  </si>
  <si>
    <t>春假大學生包機新冠肺炎武漢肺炎</t>
  </si>
  <si>
    <t>包機大學生肺炎武漢春假</t>
  </si>
  <si>
    <t>首日載客地鐵武漢</t>
  </si>
  <si>
    <t>3月28日清晨5時25分武漢地鐵2號線常青車輛段隨著一聲清脆的鳴笛編號為「B68」的頭班車緩緩啟動呼嘯著開進地鐵隧道沉寂了2個多月的武漢地鐵重啟。約1小時後6條線路184座車站同步恢復運營截至17時線網</t>
  </si>
  <si>
    <t>地鐵武漢恢復同步車站線路小時緩緩清脆頭班車呼嘯鳴笛編號車輛啟動運營隧道開進截至清晨線網</t>
  </si>
  <si>
    <t>3月28日清晨5時25分武漢地鐵2號線常青車輛段隨著一聲清脆的鳴笛編號為「B68」的頭班車緩緩啟動呼嘯著開進地鐵隧道沉寂了2個多月的武漢地鐵重啟。約1小時後6條線路184座車站同步恢復運營截至17時線網客運量1272萬乘次。
為控制車廂內乘客密度所有列車座椅上均張貼黃色小標籤提示乘客「隔位而坐」。例如一排可坐6人的座椅貼上3張標籤乘客須在貼標籤的位置坐下避免接觸。
每列車增配1名「隨車安全員」在車廂內宣傳引導乘客下車、換乘時掃碼全程佩戴好口罩如發現同乘人員聚集、交談等情況將及時勸阻。
受疫情影響武漢地鐵1月23日暫停運營。沉寂65天後6條線184座車站恢復運營。具體運營時間為：工作日6：00至23：00休息日6：30至23：00。恢復運營初期2號線、4號線、7號線按大小交路組織運營行車間隔小交路約75分鐘大交路約15分鐘；1號線、3號線、6號線按單一大交路組織運營行車間隔約8分鐘。</t>
  </si>
  <si>
    <t>運營乘客地鐵武漢標籤列車恢復車廂座椅車站組織聚集交談人員及時</t>
  </si>
  <si>
    <t>火大不知防疫感激讚美州長川普</t>
  </si>
  <si>
    <t>肺炎美國總統指示彭斯mikepence連絡約翰霍普金斯大學johns政府hopkins州長致力university感激遏制統計資料蔓延疫情顯示週五</t>
  </si>
  <si>
    <t>川普州長政府感激肺炎華盛頓州密西根州聯邦惠特彭斯打電話towantthem很棒</t>
  </si>
  <si>
    <t>武漢肺炎新型冠狀病毒全球川普美國</t>
  </si>
  <si>
    <t>冠狀全球病毒川普肺炎武漢美國</t>
  </si>
  <si>
    <t>老饕少見臺灣致命料理甲魚關鍵</t>
  </si>
  <si>
    <t>台灣有來自世界各地的美食也有不少在地小吃但有些料理因食材關係所以相當少見。先前有民眾注意到台灣養殖漁業盛行其中養甲魚技術好甲魚又有益身體但卻無法成為主流料理；有老饕秒解惑直言「煮法不對」</t>
  </si>
  <si>
    <t>料理臺灣甲魚老饕有益身體盛行漁業主流養殖成為無法小吃注意民眾先前少見關係相當解惑技術</t>
  </si>
  <si>
    <t>台灣有來自世界各地的美食也有不少在地小吃但有些料理因食材關係所以相當少見。先前有民眾注意到台灣養殖漁業盛行其中養甲魚技術好甲魚又有益身體但卻無法成為主流料理；有老饕秒解惑直言「煮法不對」。
新冠肺炎讓大陸甲魚便當一夕爆紅但台灣幾乎聞所未聞。一名網友聽聞鱉（甲魚）肉膠原蛋白高鱉蛋粉也對寵物爆毛有幫助更何況在台灣養殖漁業發達養鱉的技術更是一等一但他在臺北卻很少看見鱉料理；他只好到《批踢踢實業坊》求解好奇「為何產鱉大國卻不吃鱉」。
有不少網友看到熱情留下個人看法「很多人不敢吃爬蟲類」、「以前看過魚池漂浮很多排泄物」、「沒差我只喝血」、「沒肉又難咬」；但也有一些老饕揭露關鍵「因為真的不會煮腥味太重」、「甲魚湯很難耶」、「台灣煮法不對」。
而根據《本草綱目》記載鱉（甲魚）吃起來味甘有滋陰補腎和清退虛熱等功效；但鱉膽固醇含量高肝臟不好的民眾就不適合食用。</t>
  </si>
  <si>
    <t>甲魚臺灣料理民眾網友老饕不對煮法養殖技術漁業不好漂浮排泄物以前爬蟲</t>
  </si>
  <si>
    <t>台灣甲魚老饕煮法料理</t>
  </si>
  <si>
    <t>臺灣甲魚老饕煮法料理</t>
  </si>
  <si>
    <t>北市足跡細胞確診簡訊返台</t>
  </si>
  <si>
    <t>臺北市今新增2例本土個案其中案16254為士林區20多歲女性在19日採檢為陽性CT值34衛生局說明案16254曾在去年9月在國外確診治癒在3月和7月都有回國當時採檢都是陰性並在6月24日接種過第一劑BNT疫苗因</t>
  </si>
  <si>
    <t>本土個案陰性林區治癒確診女性說明國外去年衛生局陽性ct新增當時回國接種bnt</t>
  </si>
  <si>
    <t>臺北市今新增2例本土個案其中案16254為士林區20多歲女性在19日採檢為陽性CT值34衛生局說明案16254曾在去年9月在國外確診治癒在3月和7月都有回國當時採檢都是陰性並在6月24日接種過第一劑BNT疫苗因準備出國念書採檢才發現PCR陽性；另外案16255為1歲男童因同住母親確診（案16150）匡列為居家隔離對象19日隔離期滿前採檢於今日確診。
衛生局指出案16254曾在18日到大葉高島屋和美麗華大直影城；19日到過SOGO百貨天母店已透過實聯制找到493人皆發送細胞簡訊通知如有疑似症狀要到醫院採檢另外案16254匡列家人和親戚共21人已陸續安排居家隔離、採檢中外縣市足跡包括高雄、彰化、台南和新北等地都已向外縣市衛生局做相關確認。
衛生局表示另一名個案16255為1歲男童是確診個案16150的兒子因案16150確診案16255被匡列為居家隔離對象19日解除隔離前採檢為陽性接觸者僅案16150（母親）因此延長父親居隔時間。
至於個案16254曾染疫過是否有可能為舊案衛生局表示案16254自述去年9月曾確診3月和7月回台做過PCR都是陰性這部分要再跟中央釐清可能要看他的抗體和反應不確定去年感染到現在是否為舊案仍要請專家做判定。</t>
  </si>
  <si>
    <t>衛生局確診個案去年陽性隔離外縣市可能是否舊案pcr居家表示母親陰性男童</t>
  </si>
  <si>
    <t>臺北市新冠肺炎台灣採檢確診</t>
  </si>
  <si>
    <t>衛生局猝死家中解釋老母確診匡列原因桃園</t>
  </si>
  <si>
    <t>8日桃園2起確診者相關死亡案件傳出桃園衛生局長王文彥對此做出說明其中一案死亡男性有多重慢性病且持續就醫另一死亡案件為一名80歲婦人並且是確診者家人並解釋之所以未被匡列是因確診者表示症狀前3天未接</t>
  </si>
  <si>
    <t>死亡確診案件桃園男性說明就醫做出王文彥對此婦人衛生局長傳出表示匡列家人慢性病持續相關症狀解釋未接</t>
  </si>
  <si>
    <t>8日桃園2起確診者相關死亡案件傳出桃園衛生局長王文彥對此做出說明其中一案死亡男性有多重慢性病且持續就醫另一死亡案件為一名80歲婦人並且是確診者家人並解釋之所以未被匡列是因確診者表示症狀前3天未接觸家人。
疫情升溫確診死亡案件頻傳人心惶惶近日桃園也傳出2起確診者相關死亡案例王文彥表示其中一起死亡案例具多重慢性病史且持續就醫另一起則是一名80歲婦人且有個確診者的兒子王文彥解釋之所以婦人未被匡列是因為兒子在疫調時明確表示症狀前3天未和婦人有所接觸。
王文彥也指出目前80歲婦人的死因正在檢驗且2案的接觸者目前都在居家隔離中；另2日也發生一名急診快篩發現陽性確診案例王說明這位患者2日發生車禍自行就醫經過2間醫院、1間診所並於6日到長庚醫院時是發現有發燒的但患者自認為發燒原因應與傷口發炎有關故被列為沒有症狀。
雖患者自認發燒與疫情無關但王文彥表示患者胸部的X光確實有浸潤的現象並指出目前已匡列的人包括就醫的3間醫療院所以及患者的家人。</t>
  </si>
  <si>
    <t>患者確診王文彥死亡婦人就醫表示目前症狀匡列接觸案件發燒案例桃園發現家人說明發生指出疫情</t>
  </si>
  <si>
    <t>確診者王文彥新冠肺炎台灣桃園</t>
  </si>
  <si>
    <t>肺炎王文彥臺灣桃園確診</t>
  </si>
  <si>
    <t>ptt煩惱洗版高端焦糖</t>
  </si>
  <si>
    <t>「焦糖哥哥」陳嘉行今（1）日打完高端第二劑並PO文表示「我要煩惱該去哪個國家玩了嗎？」一席話引爆網友論戰貼文轉發至PPT後鄉民瘋狂洗板吐槽「只有印尼能去而已」。焦糖哥哥今早9點前往臺北市新光醫院施打</t>
  </si>
  <si>
    <t>哥哥焦糖前往瘋狂高端打完臺北市鄉民poppt印尼轉發論戰網友一席話國家表示</t>
  </si>
  <si>
    <t>「焦糖哥哥」陳嘉行今（1）日打完高端第二劑並PO文表示「我要煩惱該去哪個國家玩了嗎？」一席話引爆網友論戰貼文轉發至PPT後鄉民瘋狂洗板吐槽「只有印尼能去而已」。
焦糖哥哥今早9點前往臺北市新光醫院施打第二劑高端疫苗打完疫苗後興奮得在臉書寫到「打滿兩劑高端疫苗了我要煩惱該去哪個國家玩了嗎？」。
早在昨晚他就在臉書寫到「劉宇（四叉貓）說我煩惱明天早上9點的高端時尚要穿什麼我看起來有煩惱嗎？『新試劑服英戰士』都是全台灣打滿第二劑那10%的人打高端疫苗確實得煩惱第三劑打好後要去哪個國家玩。」最後他表示歡迎媒體來拍他高端時尚打扮。
消息一出迅速被轉發至PTT討論網友們瘋狂留言回應「不用煩惱啊只能去印尼」、「服英戰士印尼觀光高端推廣團」、「我打滿2劑莫德納了日本、美國我幫你去」、「印尼就是高端戰士的世界地圖」、「還煩惱去哪國小人國啦」、「印尼可以玩很久啦的確該煩惱」。</t>
  </si>
  <si>
    <t>高端煩惱印尼疫苗戰士瘋狂轉發網友時尚國家打完表示書寫哥哥焦糖ptt</t>
  </si>
  <si>
    <t>高端疫苗印尼焦糖哥哥陳嘉行入境</t>
  </si>
  <si>
    <t>印尼哥哥焦糖疫苗陳嘉行高端入境</t>
  </si>
  <si>
    <t>尼泊爾封鎖民眾員警街頭大戰不服</t>
  </si>
  <si>
    <t>亞洲古國尼泊爾向來給人靜謐祥和的感覺但3日在首都加德滿都以南的藝術之都─拉利特普爾爆發數千民眾與員警衝突的混亂場面造成數人受傷。原來都是為了印度教和佛教一年一度的重頭戲─戰車節（Rato Machindranat</t>
  </si>
  <si>
    <t>重頭戲一年一度佛教靜謐印度教祥和感覺戰車首都原來加德滿都受傷以南員警場面藝術混亂衝突利特普爾民眾爆發造成數向來尼泊爾</t>
  </si>
  <si>
    <t>亞洲古國尼泊爾向來給人靜謐祥和的感覺但3日在首都加德滿都以南的藝術之都─拉利特普爾爆發數千民眾與員警衝突的混亂場面造成數人受傷。
原來都是為了印度教和佛教一年一度的重頭戲─戰車節（Rato Machindranath）大批民眾在拉利特普爾街頭聚集想要一睹5層樓高大車上的紅色女神雕像。
這項節慶預告雨季到來豐收與繁榮。對尼泊爾人來說戰車節意義非凡通常雕像會在市區內巡迴1個月。
不過尼國政府自3月起就禁止所有戶外慶典和宗教聚會以避免新冠病毒散播。雖然全國性的封鎖已在7月解除但加德滿都周邊區域自上月起再度封城民眾被禁止離家。對悶了好幾個月的尼泊爾人來說雖然疫情讓今年節慶泡湯但雕像還是停在大戰車上他們就是想要外出。
於是幾千人違反防疫規定跑出家門抗議封鎖他們挪動大車穿著鎮暴裝備的員警趕到以水柱和催淚瓦斯驅散人群民眾則以石塊還擊雙方混戰數小時甚至戰到城內的小巷弄。
儘管防疫措施嚴苛不過尼泊爾的新冠確診數仍持續升高光是3日就新增1228例累計已有4萬2877例257死亡。</t>
  </si>
  <si>
    <t>民眾尼泊爾雕像封鎖員警防疫加德滿都禁止節慶想要戰車車上利特普爾小時混戰甚至戰到雙方新增</t>
  </si>
  <si>
    <t>尼泊爾新冠肺炎疫情</t>
  </si>
  <si>
    <t>尼泊爾疫情肺炎</t>
  </si>
  <si>
    <t>肺炎陳時中奎寧</t>
  </si>
  <si>
    <t>針對美國研究使用抗瘧疾藥奎寧能夠治療新冠肺炎一事中央流行疫情指揮中心指揮官陳時中淡淡指出每次相關疫情的治療藥會被提出來可是在臨床上都沒有達到效果只能希望這次真的有效果才可以幫助治療。對於奎寧</t>
  </si>
  <si>
    <t>治療疫情效果奎寧瘧疾達到可以沒有能夠臨床指揮中心出來流行中央肺炎指出相關</t>
  </si>
  <si>
    <t>針對美國研究使用抗瘧疾藥奎寧能夠治療新冠肺炎一事中央流行疫情指揮中心指揮官陳時中淡淡指出每次相關疫情的治療藥會被提出來可是在臨床上都沒有達到效果只能希望這次真的有效果才可以幫助治療。
對於奎寧的治療效果食藥署長、疫情中心研發組副組長吳秀梅說目前只有體外試測體外試驗確實看到奎寧抑制病毒脫殼因為病毒要進入細胞要先有脫動的動作奎寧治療的機轉是如此但是不是已到臨床人體的治療效果還要進一步研究。
吳秀梅進一步指出目前其他國家也在進行臨床試驗如果有一些結果的話應該可以看看後續發展台灣再來決定是否以這種藥品進行臨床使用。
吳秀梅表示現在台灣有能力研製奎寧的下一代藥物原料這種藥物副作用較小台灣另有藥劑廠可以做出相關的藥品目前國內的許可證有7張因此台灣有能力從原料提供到整個製劑的生產。
陳時中說這個奎寧藥物如果真的在臨床上有效台灣是不會缺這個藥因為台灣從原料到製藥一系列都有具有完整供應鏈可是每次有相關的治療藥物會被提出來可是在臨床上都沒有達到效果只能希望這次會有效果才有助於治療。</t>
  </si>
  <si>
    <t>奎寧臺灣治療臨床效果目前藥物相關疫情試驗藥品指出中心原料可以有能力進行使用研究</t>
  </si>
  <si>
    <t>奎寧新冠肺炎陳時中</t>
  </si>
  <si>
    <t>肺炎奎寧陳時中</t>
  </si>
  <si>
    <t>bnt濃度稀釋遭打疫苗</t>
  </si>
  <si>
    <t>新北市鶯歌區今日傳出BNT疫苗接種事故25人遭施打未經稀釋的BNT疫苗原液國內新冠疫苗專家提醒接種未被稀釋過的BNT疫苗所產生的抗體濃度是莫德納疫苗的5倍對人體來說相當危險擔心接種者會產生有如被火車撞</t>
  </si>
  <si>
    <t>疫苗接種bnt產生稀釋今日傳出危險莫德納擔心相當人體專家事故提醒未經施打濃度國內鶯歌原液抗體</t>
  </si>
  <si>
    <t>新北市鶯歌區今日傳出BNT疫苗接種事故25人遭施打未經稀釋的BNT疫苗原液國內新冠疫苗專家提醒接種未被稀釋過的BNT疫苗所產生的抗體濃度是莫德納疫苗的5倍對人體來說相當危險擔心接種者會產生有如被火車撞的副作用全數人員都應住院觀察。
中國醫藥大學附設醫院感染管制中心副院長黃高彬表示BNT疫苗每瓶含045ml冷凍濃縮液須使用18ml無菌生理食鹽水注射液稀釋若是直接施打未稀釋的原液等於是將5倍的劑量打進人體中。
黃高彬指出莫德納疫苗的劑量是100µgBNT則是30µg因此這25人等同是被施打150µg的劑量以超出莫德納許多若接種莫德納後的副作用像是被車撞這25人所產生的副作用恐將有如被火車撞一般嚴重。
黃高彬說這25人應立即住院觀察尤其年輕人容易發生的心肌炎更是觀察重點接種後3至28天內都是危險期接種者也應避免高強度的運動避免心肌炎發生。
至於這25人的第2劑疫苗該怎麼解決？黃高彬建議由於第1劑已接種濃度過高的劑量第2劑不應再施打BNT建議混打中和抗體濃度沒這麼高的AZ疫苗才能降低副作用產生國外也有報告證實BNT＋AZ雖無法產生與BNT＋BNT同高的抗體濃度但能有效形成免疫反應的長期記憶。</t>
  </si>
  <si>
    <t>疫苗接種bnt產生黃高彬稀釋劑量濃度副作用觀察施打莫德納抗體住院發生心肌炎人體建議火車撞mlaz原液有如</t>
  </si>
  <si>
    <t>BNT未稀釋濃度恩主宮醫院AZ</t>
  </si>
  <si>
    <t>濃度恩主稀釋醫院bntaz</t>
  </si>
  <si>
    <t>首都防疫人口感染瑞典</t>
  </si>
  <si>
    <t>2019冠狀病毒疾病（COVID-19新冠肺炎）疫情大流行瑞典政府採取放任措施讓人民在自律行為下維持正常生活享受日光浴、運動、上學、工作。但在4月21日瑞典死亡病例新增185例創疫情期間單日最大增幅此前兩</t>
  </si>
  <si>
    <t>疫情期間肺炎死亡上學運動瑞典日光浴享受工作生活正常維持新增自律人民流行措施病例放任瑞典政府</t>
  </si>
  <si>
    <t>2019冠狀病毒疾病（COVID-19新冠肺炎）疫情大流行瑞典政府採取放任措施讓人民在自律行為下維持正常生活享受日光浴、運動、上學、工作。但在4月21日瑞典死亡病例新增185例創疫情期間單日最大增幅此前兩日死亡病例數分別僅為29例及40例。
該國流行病學專家曾表示瑞典疫情已經到達穩定期。瑞典是唯一一個未實施封鎖政策的歐盟國家當局僅要求民眾對自己的行為負責自覺遵守社交距離等規定溫和的抗疫方式引發爭議。
瑞典公共衛生局最近研究預測至5月1日首都近百萬人口的1/3將被感染這意味有30萬以上是確診者著每確診即一名新冠患者就有999人或在不自知情況下感染。</t>
  </si>
  <si>
    <t>瑞典疫情死亡感染病例確診社交距離自覺遵守規定溫和負責行為民眾自律要求人民措施</t>
  </si>
  <si>
    <t>瑞典佛系防疫新冠肺炎武漢肺炎</t>
  </si>
  <si>
    <t>防疫肺炎武漢瑞典</t>
  </si>
  <si>
    <t>新機助攻業績蘋果基站電子零件明年</t>
  </si>
  <si>
    <t>導電漿料廠—勤凱(4760)佈局5G相關介質濾波器導電漿有成順利通過大廠認證目前已開始出貨5G基站成為公司營運成長新動能受惠於被動元件、太陽能及5G相關應用需求強勁勤凱目前產能滿載業績可望自9月起展現強</t>
  </si>
  <si>
    <t>目前相關導電業績滿載產能成長動能可望營運公司成為受惠基站被動元件開始認證太陽能大廠順利有成</t>
  </si>
  <si>
    <t>導電漿料廠—勤凱(4760)佈局5G相關介質濾波器導電漿有成順利通過大廠認證目前已開始出貨5G基站成為公司營運成長新動能受惠於被動元件、太陽能及5G相關應用需求強勁勤凱目前產能滿載業績可望自9月起展現強勁成長力道勤凱預估9月及10月營收將逐月走高挑戰單月歷史新高第4季將優於第3季今年業績將創下歷年新高明年亦可望比今年好。
勤凱主要產品為電容、電阻、電感等被動元件所使用內電極與端電極之導電銀漿、銀鈀漿與銅漿等導電漿料客戶包括：國巨(2327)、奇力新(2456)、華新科(2492)及台達電(2308)集團乾坤等國內外大廠為擴大下遊客戶的應用公司近兩年積極開發其他漿料的產品如：觸控面板導電漿料、軟性電路薄膜按鍵開關導電漿料、IC電子封裝導電漿料以及矽晶太陽能電池導電漿料等。
全球加速5G基地台建置5G網路因高速、高頻特性帶動許多關鍵材料升級、轉換其仲介質濾波器由過去金屬材質轉為陶瓷材質由於陶瓷不具備導電性因此產生新的導電銀漿需求看好此市場需求勤凱去年投入開發應用於5G基地台介質濾波器導電銀漿去年底陸續完成5G基地台介質濾波器導電漿送樣目前已通過網通設備大廠認證並小量出貨成為推升勤凱科技未來營運重要動能。
在太陽能電池導電漿料部分勤凱太陽能背銀導電漿自去年底開始出貨主攻台灣與東南亞市場隨著新冠肺炎疫情過後各國加速復工全球太陽能市場已開始復甦勤凱新產品太陽能背銀導電漿出貨量也明顯增加對公司營收貢獻如預期拉高在今年進入成長期公司也陸續增加新客戶可望成為業績成長的另一個新推手。
受惠於蘋果新機拉貨啟動且5G基地相關新產品佈局發酵勤凱營收擺脫因客戶調整庫存下滑頹勢8月合併營收回升至9126萬元月增046%較去年同月則大幅成長12776%累計1到8月合併營收74億元年增10537%。
由於宅經濟持續推升NB及雲端需求且5G及車用電子新應用日增為被動元件產業注入新成長動能勤凱近期因客戶訂單湧入產能滿載勤凱也樂觀看待第4季及明年業績勤凱預估營收將自9月起展現強勁成長力道9月及10月營收將逐月走高挑戰單月歷史新高並一路旺到年底第4季將優於第3季今年業績將創下歷年新高隨著新產品佈局發酵明年亦可望比今年好。</t>
  </si>
  <si>
    <t>導電成長客戶太陽能產品業績公司應用基地今年濾波器介質新高大廠可望目前被動開始</t>
  </si>
  <si>
    <t>勤凱被動元件國巨奇力新台達電</t>
  </si>
  <si>
    <t>國巨元件被動台達電</t>
  </si>
  <si>
    <t>肺炎露營車不懼應召女行者</t>
  </si>
  <si>
    <t>新冠肺炎全球肆虐許多人待在家裡實在悶壞了這時除了醫護人員逆行往疫區前進外還有一種「服務」業也不懼感染病毒往前衝。英國有名人妻應召女就是開著露營車「前進」疫區一天接7名客人還嫌太少。她自比</t>
  </si>
  <si>
    <t>疫區前進肆虐待在家裡客人實在全球醫護人員英國名人病毒逆行應召女感染露營車不懼</t>
  </si>
  <si>
    <t>新冠肺炎全球肆虐許多人待在家裡實在悶壞了這時除了醫護人員逆行往疫區前進外還有一種「服務」業也不懼感染病毒往前衝。英國有名人妻應召女就是開著露營車「前進」疫區一天接7名客人還嫌太少。她自比這樣的「服務」好比第一線醫護重要。
這名住在英國南約克郡的應召女郎已婚她開著露營車就在後座為男性提供服務目前平均1天有7名客但是她認為目前不能外出這些男人一定悶壞了所以客人應該比現在還要好即使每天40人也還算保守而她的「服務」價格每15分鐘收費30英鎊（約台幣1200元）的價格為算是中等。
據《每日星報》報導這名人妻應召女的老公是一個電子遊戲作曲家但是家庭關係不是很好各自有生活方式不過她大棘棘開著露營車到處趴趴走接客做生意有無違反防疫規定當地警方說大多數居民都遵守隔離準則但如果有人無視這些規則將會採取行動。</t>
  </si>
  <si>
    <t>服務露營車英國客人疫區前進名人應召女目前價格無視準則隔離遵守居民</t>
  </si>
  <si>
    <t>逆行者應召女不懼新冠肺炎開著</t>
  </si>
  <si>
    <t>不懼應召女肺炎行者</t>
  </si>
  <si>
    <t>破百首度確診國內</t>
  </si>
  <si>
    <t>新冠肺炎疫情延燒中央流行疫情指揮中心今宣佈國內新增23例確診案例其中21例為境外移入病例(4例與土耳其旅遊團群聚相關)、2例為本土病例(1例為埃及旅遊團個案接觸者)。指揮中心指揮官陳時中表示目前國內確診案</t>
  </si>
  <si>
    <t>指揮中心國內旅遊團疫情病例確診表示指揮官陳時中宣佈接觸個案中央流行土耳其案例目前肺炎埃及新增相關</t>
  </si>
  <si>
    <t>新冠肺炎疫情延燒中央流行疫情指揮中心今宣佈國內新增23例確診案例其中21例為境外移入病例(4例與土耳其旅遊團群聚相關)、2例為本土病例(1例為埃及旅遊團個案接觸者)。指揮中心指揮官陳時中表示目前國內確診案例已達100例。
指揮中心表示土耳其旅遊團新確診4例個案為3女1男年齡介於20多歲至50多歲其中2人無症狀其他2人分別於3月11日及16日發病經採檢通報於今日確診；該旅行團截至目前共13人確診已掌握接觸者共171人。
其他新確診17例境外移入個案為10女7男年齡介於20多歲至50多歲發病日介於2月14日至3月16日旅遊史分別為西班牙、美國各3例英國、法國各2例印尼、卡達、菲律賓、瑞士、德國各1例另有1例曾至法國、西班牙、英國1例曾至英國、義大利、法國。
2名本土病例分別為20多歲男性及20多歲女性其中20多歲男性為埃及團確診個案接觸者無症狀經接觸者採檢確診；20多歲女性近期無出國史3月12日發病自行就醫經通報檢驗確診感染源待釐清。
昨日國內新增884例新型冠狀病毒肺炎相關通報截至目前累計18812例(含17793例排除)其中100例確診(今日新增案78至100)分別為71例境外移入及29例本土病例。確診個案中維持1名死亡22名解除隔離、其餘個案病況穩定持續住院隔離中。
指揮中心指出全球累計193748例確診分佈於145個國家/地區；病例數以中國大陸80881例、義大利27980例、伊朗14991例、西班牙9191例及韓國8236例為多；病例中7086例死亡以中國大陸3226例、義大利2158例、伊朗853例、西班牙309例及法國148例為多。
指揮中心提醒民眾應落實手部衛生並做好咳嗽禮節。自國外入境時如有發燒、咳嗽等不適症狀應主動通報機場及港口檢疫人員並配合防疫措施；返國後14天內如出現疑似症狀可撥打免付費防疫專線1922(或0800-001922)依指示戴口罩儘速就醫並請務必告知醫師旅遊史、職業別、接觸史及是否群聚(TOCC)以及時診斷通報。</t>
  </si>
  <si>
    <t>確診通報指揮中心個案症狀病例接觸分別防疫國內法國就醫目前新增本土發病咳嗽西班牙旅遊團</t>
  </si>
  <si>
    <t>新冠肺炎武漢肺炎新型冠狀病毒台灣國內</t>
  </si>
  <si>
    <t>肺炎武漢冠狀臺灣病毒國內</t>
  </si>
  <si>
    <t>閉店清長江恢復板橋全聯營業</t>
  </si>
  <si>
    <t>新北市公佈今（7日）確診案例其中案16153於9月3日的19:00至19:15和9月4日的17:00至17:15曾至板橋區民生路的全聯長江店。全聯福利中心回應針對政府公佈確診者到過的門市皆會使用高規格專業食安級清消作業</t>
  </si>
  <si>
    <t>公佈確診專業規格使用民生門市全聯江店全聯福利中心回應政府曾至板橋安級清案例</t>
  </si>
  <si>
    <t>新北市公佈今（7日）確診案例其中案16153於9月3日的19:00至19:15和9月4日的17:00至17:15曾至板橋區民生路的全聯長江店。
全聯福利中心回應針對政府公佈確診者到過的門市皆會使用高規格專業食安級清消作業即清消SOP中第2道增用紫外燈室內殺菌第3道用漂白水進行賣場擦拭採高規格防疫措施另門市平常消毒也會因應人流提升頻率平均每2小時就消毒一次包含收銀區、手推車、提籃等。全聯依循中央疫情指揮中心指示採取高規格防疫措施請消費者安心購物。全聯板橋長江店於今天收到通知於晚上6點閉店清消明天恢復營業。
★《中時新聞網》提醒您：因應新冠肺炎疫情疾管署持續加強疫情監測與邊境管制措施 如有疑似症狀請撥打：1922專線或 0800-001922 並依指示配戴口罩儘速就醫同時主動告知醫師旅遊史及接觸史以利及時診斷及通報。</t>
  </si>
  <si>
    <t>疫情措施規格指示因應消毒全聯板橋公佈確診門市防疫接觸史及旅遊醫師告知以利主動就醫</t>
  </si>
  <si>
    <t>全聯清消長江路新北高規格</t>
  </si>
  <si>
    <t>新北長江路規格全聯</t>
  </si>
  <si>
    <t>《金融》台股重挫國安基金今召開臨時委員會因應</t>
  </si>
  <si>
    <t>基金國安召開委員會金融因應</t>
  </si>
  <si>
    <t>COVID-19(新冠肺炎)疫情持續擴散台股近期大幅下挫週三收在最低點9218點距10年線9110點僅百點國安基金決定將於今(109年3月19日)日召開臨時委員會議妥適因應如有資本市場及其他金融市場失序或損及國家安定</t>
  </si>
  <si>
    <t>金融市場疫情市場資本持續因應擴散近期大幅下挫基金週三國安收在最低點失序肺炎會議委員召開於今決定</t>
  </si>
  <si>
    <t>COVID-19(新冠肺炎)疫情持續擴散台股近期大幅下挫週三收在最低點9218點距10年線9110點僅百點國安基金決定將於今(109年3月19日)日召開臨時委員會議妥適因應如有資本市場及其他金融市場失序或損及國家安定等情事將採行必要措施達成穩定國內股市之任務。
國安基金表示近期COVID-19疫情持續擴散引發投資人就疫情能否有效控制及全球經濟動能衰退之不安心理全球股市跌勢未止109年3月18日台股收盤指數921867點自年初累計下跌幅度達2316%已跌破年線11067點距10年線9110點僅10867點。
國安基金表示考量近期股市大幅下挫似有顯著影響民眾信心情事將依國安基金設置及管理條例第8條規定於今(109年3月19)日召開臨時委員會議就國內外疫情進展、經濟情勢及金融資本市場動態充分討論如認有資本市場及其他金融市場失序或損及國家安定之虞等情事將採行必要措施達成穩定國內股市之任務。</t>
  </si>
  <si>
    <t>疫情基金資本經濟國安情事近期下挫大幅股市召開持續擴散於今市場表示covid-金融市場失序幅度下跌累計國家</t>
  </si>
  <si>
    <t>新冠肺炎台股重挫國安基金</t>
  </si>
  <si>
    <t>肺炎國安基金</t>
  </si>
  <si>
    <t>《觀光股》疫情衝擊前所未見晶華潘思亮籲租稅減免加碼</t>
  </si>
  <si>
    <t>華潘思前所未見租稅衝擊疫情減免加碼觀光</t>
  </si>
  <si>
    <t>晶華（2707）國際酒店集團董事長潘思亮表示此次新冠肺炎疫情造成的衝擊是911、SARS、金融海嘯的總和認為政府對於租金、稅金的減免程度應該高於以往以「插管」拯救確診重症的觀光業。不過他也認為此波疫情</t>
  </si>
  <si>
    <t>認為疫情集團董事長潘思亮表示肺炎酒店重症拯救造成插管觀光業以往高於應該確診衝擊程度減免稅金租金金融對於海嘯政府sars</t>
  </si>
  <si>
    <t>晶華（2707）國際酒店集團董事長潘思亮表示此次新冠肺炎疫情造成的衝擊是911、SARS、金融海嘯的總和認為政府對於租金、稅金的減免程度應該高於以往以「插管」拯救確診重症的觀光業。不過他也認為此波疫情將有助於失序的飯店產業供需恢復正常。
潘思亮表示此波疫情對航空、觀光產業受創最慘重國際觀光飯店住房率出現前所未見的雪崩下滑對此非常焦急、並積極對政府官員提出建言「近10天所見的政府官員及媒體已超越過去10年」。
潘思亮認為台灣在超前部署下防疫作為可說是全球第一肯定政府火速透過補助紓困及振興培訓提升計畫將一開始即確診「重症」的觀光業「插管」救治避免爆發倒閉失業的「經濟社區感染」、阻止經濟病毒擴散。
潘思亮認為此波疫情造成的衝擊規模是過去911、SARS、金融海嘯的總和。針對關鍵的稅金、租金、薪金「3金」問題政府已針對薪金祭出藥方。至於稅金及租金過去SARS時期是減半認為面對此次衝擊的劇烈程度應該要加倍「減免」油電水費亦應減半。
同時潘思亮認為租金是當中的關鍵因為6成的飯店必須支付房東租金建議可減免業主的地價稅和房屋稅或鬆綁壽險業不動產最低投資報酬率限制讓壽險業有降低租客租金的空間。
在政府超前部署紓困下潘思亮強調會維護所有集團員工權利「不會讓任何員工走」並藉此機會強身應戰。他表示故宮晶華雖會進行營運調整、進行裝修但不會關門捷絲旅林森館、台大館也研議裝修計畫中。
雖然疫情對產業營運衝擊甚钜但潘思亮也認為此次將提醒業主留意投資風險、重視飯店管理專業使過往一窩蜂投入興建開發、導致嚴重供過於求的國內飯店市場得以冷靜下來不會再「開得那麼瘋狂」有助於市場供給逐步回歸正常。</t>
  </si>
  <si>
    <t>潘思亮飯店認為政府租金疫情衝擊表示產業減免過去稅金市場有助於業主投資壽險業紓困國際集團觀光sars裝修</t>
  </si>
  <si>
    <t>晶華潘思亮觀光業新冠肺炎疫情</t>
  </si>
  <si>
    <t>觀光業潘思亮肺炎疫情</t>
  </si>
  <si>
    <t>畢典管中閔道別畢業生首度小心台大</t>
  </si>
  <si>
    <t>台灣大學今(26)日首度舉辦線上畢業典禮校長管中閔以預錄影片發表致詞時提到對於正在醫療前線奮戰的眾多醫護人員務必心存感念「他們是真正的英雄。只要大家共同努力疫情終會過去我們一定會贏得抗疫的最後</t>
  </si>
  <si>
    <t>舉辦疫情畢業典禮共同努力校長英雄管中閔真正感念影片心存發表務必致詞首度一定醫護人員奮戰提到前線對於醫療</t>
  </si>
  <si>
    <t>台灣大學今(26)日首度舉辦線上畢業典禮校長管中閔以預錄影片發表致詞時提到對於正在醫療前線奮戰的眾多醫護人員務必心存感念「他們是真正的英雄。只要大家共同努力疫情終會過去我們一定會贏得抗疫的最後勝利」最後也用台灣人與朋友告別時常說的一句話「要小心哦」送給所有畢業生。
以下是管中閔致詞稿全文：
去年新冠疫情初起學校雖仍舉辦實體的畢業典禮但規模大為縮小許多師生和家長均以無法參加典禮為憾。今年初臺灣的疫情持續穩定大家原本期待今年畢業典禮能按照往年方式辦理。不料五月時疫情急轉直下臺北市疫情警戒程度提高我們於是推遲畢業典禮並改以線上方式進行。這也是臺大首次以線上方式舉辦畢業典禮。
隨著疫情發展線上活動如今已成為生活中的新常態。我們雖逐漸習慣線上教學線上會議線上交流線上購物訂餐等但連期待了四年的畢業典禮也只能在線上參加許多同學與家長們難免失望。為此學務處與許多同學攜手精心策劃了今天這場特殊的線上畢業典禮希望能讓大家留下不一樣但仍美好的記憶。
因為新冠疫情有些同學會抱怨：這樣大的疫情怎麼就正好被我們在畢業時碰上了？也有些同學則樂觀的想一旦有了疫苗疫情得到控制世界最終還是會回到以前的軌道大家仍可以過著平穩安定的日子。
然而這個世界從不曾平靜。今年畢業的同學多數出生於1999 年那正是規模達 73 的 921 大地震發生的那一年。時隔四年亞洲（包括臺灣）爆發了罕見的急性呼吸道感染病 SARS。不過五年之後源自美國的金融海嘯席捲全球影響全世界經濟數年之久。2009 更是不平靜的一年臺灣出現莫拉克風災造成慘重傷亡；全球則爆發了 H1N1 流感大流行數十萬人因此死亡。這些當時都曾被認為是數十年（甚至百年）一遇的重大災難。
回顧二十多年來的這些事件（這還僅僅是一部份與臺灣相關的事件）我們就會發現：巨大的天災人禍過去曾頻繁出現未來應該也不會少見。
當然新冠疫情的影響範圍遠超過 SARS 與 H1N1 流感對世界的衝擊則更大於金融海嘯。近代能與這次疫情相比的是一百年前 (1918-1920) 的全球流感大流行；據後來估計當時全世界人口三分之一染疫約有五千萬人因此不幸喪生。
那次流感爆發時正值第一次世界大戰末期對當時的德軍主力造成嚴重打擊。而後疫情時代戰敗的德國被列強宰割奧匈帝國及奧圖曼帝國亦隨之瓦解徹底改變了舊的國際秩序也為後來的世局（從歐陸到中東和亞洲）埋下許多不安定的種子。
這次新冠疫情並未伴隨著世界大戰但出現在國際強權針鋒相對世界產業供應鏈重整的關鍵時刻；後疫情時代因此充滿不確定性。而重組後的國際政經秩序我不知道那會是一個「美好或不美好的新世界」＊但它就是大家必須面對的世界。那裡將充滿挑戰和機會如何善用所學回應挑戰如何從機會中脫穎而出都是大家新的功課。這些功課沒有標準答案你們必須自己解答自己審閱答案。
我也希望利用這個機會提醒同學們對於正在醫療前線奮戰的眾多醫護人員其中包括了許多學校師長與大家的學長姐們我們一定要心存感念。當疫情大浪襲來時他們勇往直前力挽狂瀾不僅保護病人也捍衛著臺灣社會。他們是真正的英雄。只要大家共同努力疫情終會過去我們一定會贏得抗疫的最後勝利。
最後我謹代表所有老師和行政主管向所有畢業同學們表達最深切的祝福也恭喜辛苦多年的家長們。敬祝大家未來一切順利身體健康。
最後我還想講幾句話。我記得我看過一篇外國人寫的文章他說他在臺灣多年注意到臺灣有個很奇怪的習慣朋友分手時都常常會說：「要小心哦」。我看到這篇文章的時候也突然心有所感；多年來我媽媽每次看到我出門時會跟我講這句話而後來我跟自己的小孩也會講這樣的話。所以在畢業典禮這個時刻我敬祝大家未來一切順利身體健康大家都要小心哦！</t>
  </si>
  <si>
    <t>疫情同學畢業典禮臺灣世界流感全球國際出現爆發當時家長</t>
  </si>
  <si>
    <t>台灣大學管中閔畢業生新冠肺炎小心</t>
  </si>
  <si>
    <t>畢業生管中肺炎小心臺灣大學</t>
  </si>
  <si>
    <t>美食漢來觀光開源節流股利逆風</t>
  </si>
  <si>
    <t>漢來美食（1268）今（28）日召開股東常會通過2019年財報及盈餘分派案擬配發每股現金股利7元其中以盈餘配發4918元、資本公積配發2082元。展望今年公司以各式開源節流方式因應新冠肺炎疫情逆風並按原定計</t>
  </si>
  <si>
    <t>配發肺炎召開股東因應方式常會開源節流公司今年疫情分派展望逆風公積資本股利現金原定美食</t>
  </si>
  <si>
    <t>漢來美食（1268）今（28）日召開股東常會通過2019年財報及盈餘分派案擬配發每股現金股利7元其中以盈餘配發4918元、資本公積配發2082元。展望今年公司以各式開源節流方式因應新冠肺炎疫情逆風並按原定計畫持續展店、創設新品牌拓市不變。
漢來美食2019年合併營收登3775億元新高年增914％。毛利率4412％、營益率907％分創歷史次高及新高。稅後淨利亦創266億元新高年增1365％每股盈餘（EPS）72元優於前年追溯調整後的607元亦創歷史次高。
漢來美食去年營運成長除了受惠既有店面改裝、漢來海港調升餐價帶動營收年增4％外主要受惠開出2家上海湯包、2家名人坊、1家漢來蔬食並從既有品牌衍生開創五梅先生、潮之鍋物2個新品牌展店效益、客群拓展配合成本控管得宜所帶動。
展望今年面對疫情衝擊營運、經營環境日趨嚴峻漢來美食在春節期間即展開防疫工作並快速推出外送、外帶、即食、冷凍食品佈局通路及經營餐廳常客等各式開源節流的因應措施相信能在全體員工共同努力及堅持下渡過難關。
隨著台灣新冠肺炎疫情趨緩已超過1個月無本土新增病例中央流行疫情指揮中心宣導「防疫新生活」民眾信心回溫升已帶動來客數回升。漢來美食表示旗下餐廳來客數5月已回升至超過6成母親節檔期全滿看好營運狀況可望逐步回溫。
而漢來美食今年既有品牌展店計畫亦未受疫情影響並預計下半年開出2個中菜新品牌分別聚焦雞湯及烤鴨相關料理。同時也確定以「世貿名人坊」進駐臺北信義區的國貿大樓預計7月開張營業藉此經營頂級消費客群。</t>
  </si>
  <si>
    <t>美食疫情品牌漢來營運帶動經營今年既有展店預計名人坊防疫餐廳開出超過受惠開源節流</t>
  </si>
  <si>
    <t>漢來美食股東會股利營收獲利</t>
  </si>
  <si>
    <t>股利股東會美食獲利漢來</t>
  </si>
  <si>
    <t>活動景區警戒關閉防疫資訊全國</t>
  </si>
  <si>
    <t>全國新冠肺炎疫情警戒標準升至第3級交通部觀光局公佈各國家風景區、旅客服務中心、觀光遊樂業防疫措施以及6月14日前的大型群聚活動取消延期資訊。國家風景區部分封閉型景點部分66處遊客中心、114處販賣店全</t>
  </si>
  <si>
    <t>中心國家風景區疫情部分警戒標準升至交通部觀光局肺炎公佈日前防疫措施遊樂業活動觀光旅客資訊服務取消延期遊客封閉型景點販賣</t>
  </si>
  <si>
    <t>全國新冠肺炎疫情警戒標準升至第3級交通部觀光局公佈各國家風景區、旅客服務中心、觀光遊樂業防疫措施以及6月14日前的大型群聚活動取消延期資訊。
國家風景區部分封閉型景點部分66處遊客中心、114處販賣店全部關閉；152處開放型景點則於出入口處放置公告請遊客勿前往並機動派員至景點勸離遊客。
觀光遊樂業則自即日起至5月28日暫停營業觀光局已通知業者配合辦理並請業者將公告暫停營業時間於進出口及相關網站。
考量桃園國際機場仍有配合防疫服務旅客需要因此桃機旅客服務中心將維持營運並加強防疫措施而松山機場國際線、台中、台南及高雄機場等旅客服務中心自即日起停止現場服務改以電話提供服務。
大型活動部分5月22、23日「南莊花卉節亮點活動-乾花香氛蠟燭手作」、5月27日「觀音觀鷹樂活行腳系列-觀音觀鷹市集活動」、5月29日「關山小鎮自行車漫旅」、6月3日「世界自行車日騎遊環台活動」與「世界自行車日響應活動」、6月5日「愛玩中彰小鎮旅展市集」、6月6日「秀姑巒溪泛舟鐵人三項」等活動取消。
「福隆國際沙雕藝術季」延至6月8日後開幕、「東海岸大地藝術節開幕場次及月光海音樂首場」延至7月22日、「過山古道尋寶趣」及「蟹蟹你的愛」延至6月9日。
「觀音觀鷹樂活行腳系列-綠竹筍季推廣活動」、「南莊花卉節亮點活動-花月夕照花卉餐桌」、「參山騎旅-二林水深度農遊單車行、「參山騎旅-獅頭山小鎮騎旅」、「2021屏東觀光圈經典小鎮藝術嘉年華活動」、「北寮-赤嶼淨灘減塑活動」、「澎湖自行車領騎服務活動」等活動則待後續公告日期。</t>
  </si>
  <si>
    <t>活動服務中心小鎮旅客觀光防疫延至景點公告遊客部分國際配合國家自行車暫停營業取消自即日起措施花卉</t>
  </si>
  <si>
    <t>新冠肺炎台灣 活動關閉自行車</t>
  </si>
  <si>
    <t>肺炎臺灣活動關閉自行車</t>
  </si>
  <si>
    <t>面臨生死分離民眾國人染病剛稱治療免疫放棄</t>
  </si>
  <si>
    <t>新冠病毒在歐洲地區快速蔓延就在英相強森向國人喊話「要有與所愛之人生離死別」的心理準備之後政府團隊的首席科學顧問暗示政府將放任讓近六成民眾染病使普遍民眾獲得免疫。此消息一出立即受到廣泛抨擊認為</t>
  </si>
  <si>
    <t>政府民眾快速立即蔓延消息免疫英相強獲得國人喊話歐洲地區受到生離死別心理準備之後團隊暗示放任普遍</t>
  </si>
  <si>
    <t>新冠病毒在歐洲地區快速蔓延就在英相強森向國人喊話「要有與所愛之人生離死別」的心理準備之後政府團隊的首席科學顧問暗示政府將放任讓近六成民眾染病使普遍民眾獲得免疫。此消息一出立即受到廣泛抨擊認為政府根本已經「放棄治療」其他專家也認為風險極高。
綜合英媒《每日郵報》與《衛報》報導就在首相強生（Boris Johnson）13日向英國民眾示警「可能很多家庭會失去他們摯愛的親友」後政府首席科學顧問瓦倫斯（Patrick Vallance）表示若只想全力壓制疫情後果就是年底疫情復發屆時只會產生更多問題；他並建議若近六成的國人感染病毒就可以讓全國民眾獲得一定程度的免疫力防止疫情再次爆發。
《每日郵報》指出曾幫助非洲應對伊波拉病毒的前任英國國際發展大臣史都華（Rory Stewart）向美國有線電視新聞網表示這是非常怪異的政策並指出若全球只有英國採取如此放任讓民眾感染病毒獲得免疫的政策只會讓病毒傳播更加快速造成其他國家更大壓力。
史都華也表示獲得免疫力的理論是建立在「非常、非常複雜的模型之中」這種數學模型內也加入許多個人信念才讓疫情在夏季達到高峰但若政府放任如此「我認為恐怕是低估疫情對英國醫療體系的衝擊」。
英《衛報》也指出群體免疫的原理是靠接種疫苗獲得免疫力但這通常是用來對付麻疹一類等疾病目前尚未有利用這種方法應對如新冠病毒等大規模流行在先前無實證的情況下採取風險極高的手段難免讓人憂心。
目前英政府正嘗試藉由禁止大型聚會或關閉學校等嚴格手段控制疫情傳播在國內傳播速度並預計在12周之後也就是將近6月會面臨疫情高峰到9月才會減緩。</t>
  </si>
  <si>
    <t>疫情病毒政府獲得英國民眾指出認為表示免疫免疫力放任目前手段之後快速郵報衛報採取史都華國人高峰</t>
  </si>
  <si>
    <t>新冠病毒新冠肺炎武漢肺炎COVID-19NCP</t>
  </si>
  <si>
    <t>肺炎武漢covid-病毒ncp</t>
  </si>
  <si>
    <t>桃園特教bnt體育課施打昏迷不治</t>
  </si>
  <si>
    <t>15歲葉姓特教生15日在學校上體育課時突然身體不適陷入昏迷護理師立即CPR但消防員獲報到場已失去生命跡象緊急送醫仍宣告不治葉姓少女21天前曾施打BNT疫苗警方已報請檢方相驗初步研判是神經異常引發的休克</t>
  </si>
  <si>
    <t>葉姓初步學校體育課突然方相身體不適神經陷入昏迷護理報請警方立即cpr少女疫苗不治</t>
  </si>
  <si>
    <t>15歲葉姓特教生15日在學校上體育課時突然身體不適陷入昏迷護理師立即CPR但消防員獲報到場已失去生命跡象緊急送醫仍宣告不治葉姓少女21天前曾施打BNT疫苗警方已報請檢方相驗初步研判是神經異常引發的休克詳細死因仍待釐清。
葉姓特教生10月15日一早在校上體育課時在走廊跑步、健行30分鐘後突然身體不適坐在樓梯間休息體育老師發現她面色有異通知學校護理師到場並立即施作CPR同時呼叫救護車但消防員抵達時已失去生命跡象以AED電擊數次仍未有反應送醫後仍宣告不治。
因葉姓特教生9月24日曾施打第一劑BNT疫苗衛生局目前尚未接獲疫苗不良反應通報或傷害救濟仍將主動跟校方聯繫瞭解相關狀況。警方已報請檢方相驗初步研判是神經異常引發的休克詳細死因仍待釐清。</t>
  </si>
  <si>
    <t>疫苗學校bnt特教不適身體突然護理cpr失去生命跡象葉姓立即送醫警方宣告不治報請神經</t>
  </si>
  <si>
    <t>新冠肺炎台灣特教生葉姓體育課</t>
  </si>
  <si>
    <t>特教臺灣肺炎葉姓體育課</t>
  </si>
  <si>
    <t>晶圓強到semi</t>
  </si>
  <si>
    <t>國際半導體產業協會（SEMI）19日公佈發布年度半導體產業矽晶圓出貨預測報告看好全球矽晶圓產業前景預測出貨量2021年將創下歷史新高且成長力道一路走強延續到2024年。業界預期矽晶圓供不應求且價格持續調漲法</t>
  </si>
  <si>
    <t>晶圓產業半導體價格供不應求成長延續semi新高預期歷史創下發佈年度持續預測出前景全球看好</t>
  </si>
  <si>
    <t>國際半導體產業協會（SEMI）19日公佈發布年度半導體產業矽晶圓出貨預測報告看好全球矽晶圓產業前景預測出貨量2021年將創下歷史新高且成長力道一路走強延續到2024年。業界預期矽晶圓供不應求且價格持續調漲法人看好環球晶、台勝科、合晶、嘉晶等矽晶圓廠營運可望再旺三年。
SEMI發布年度矽晶圓出貨預測報告2021年受惠於半導體廠產能滿載並積極回補庫存矽晶圓出貨量預估達13998百萬平方吋（MSI）較2020年大幅成長139％並創下年度出貨量歷史新高。
SEMI全球行銷長暨台灣區總裁曹世綸指出在終端市場推動下半導體出現強勁的長期成長需求帶動矽晶圓出貨量顯著攀升。這波成長態勢持續增強可望延續好幾年的時間。不過總體經濟復甦步伐放緩以及晶圓製造產能何時增加以因應不斷地增長需求也都可能帶來一定的影響。
SEMI預期2022年全球矽晶圓出貨量將達14896百萬平方吋較今年成長64％2023年再成長46％達15587百萬平方吋2024年突破16000百萬平方吋大關達16037百萬平方吋等於未來三年的出貨量將逐年創下歷史新高。
雖然法人對於終端市場需求轉弱有所疑慮但半導體晶圓製造產能仍供不應求台積電在法人說明會中分析主要原因在於新冠肺炎疫情帶動的數位元轉型加速裝置內含晶片（silicon content）大幅增加。而隨著晶圓廠新產能開出帶動矽晶圓強勁需求包括日本信越（Shin-Etsu）、日本勝高（SUMCO）、台灣環球晶、德國世創（Siltronic）等全球四大廠均看好矽晶圓市場供不應求情況會延續到2023年而SEMI則預期會一路走強到2024年。
矽晶圓2022年缺貨且2023年仍會供不應求。矽晶圓廠與半導體廠協商2022年長約已順利調漲合約價並獲得客戶預付款用以擴建矽晶圓產能以因應2023～2024年強勁需求。業者預期2022年長約合約價全面上漲其中6吋及8吋矽晶圓合約價上漲約10％12吋矽晶圓合約價調漲約15％對環球晶、台勝科、合晶、嘉晶營運帶來正面助益。</t>
  </si>
  <si>
    <t>晶圓成長semi出貨量全球半導體需求預期法人供不應求產能晶圓廠延續帶動看好強勁歷史終端產業合約大幅</t>
  </si>
  <si>
    <t>成長調漲矽晶圓出貨量延續矽晶圓</t>
  </si>
  <si>
    <t>晶圓出貨量延續成長</t>
  </si>
  <si>
    <t>淪陷全台司機員自發性台鐵出國</t>
  </si>
  <si>
    <t>新冠肺炎疫情持續在全球肆虐台灣近日的確診案例皆有旅遊史中央流行疫情指揮中心呼籲國人非必要應避免出國。台鐵企業工會16日發布公告呼籲1500名司機員暫時不要出國旅遊一旦有任何一個人遭到感染就會連帶</t>
  </si>
  <si>
    <t>出國呼籲疫情旅遊遭到持續全球肆虐臺灣近日確診一旦案例感染中央指揮中心台鐵發佈公告流行非必要國人企業避免工會</t>
  </si>
  <si>
    <t>新冠肺炎疫情持續在全球肆虐台灣近日的確診案例皆有旅遊史中央流行疫情指揮中心呼籲國人非必要應避免出國。台鐵企業工會16日發布公告呼籲1500名司機員暫時不要出國旅遊一旦有任何一個人遭到感染就會連帶影響到全台灣人民因此懇請所有司機員配合辦理。
全國火車駕駛產業工會昨日發出公告指出「為避免群聚感染的風險也為了您自身及所愛的家人健康！全國火車駕駛產業工會呼籲所有司機員配合政府防疫措施暫不出國旅遊懇請所有司機員配合辦理防疫工作人人有責！共同做好防疫」。
全國火車駕駛產業工會秘書長吳長智表示司機員平常是全省跑一個中鏢連帶影響全台若不加強防疫台灣就會毀了不要為自己和家人也要為社會著想。除了自發性不出國工會也將全面發放防疫手套、酒精給司機員乘務人員離開備勤房舍後就會馬上放進臭氧機消毒半小時。
不過台鐵至今並無強制司機或是任何員工禁止出國一切規定待中央流行疫情指揮中心指示。台鐵為加強防疫目前也持續加強員工辦公及備勤環境的清潔消毒工作以降低群聚及交叉感染的風險也陸續在20站加裝紅外線測溫儀器並暫停販售車上熱飲區間車則改採目測驗票。</t>
  </si>
  <si>
    <t>司機員防疫出國工會台鐵臺灣旅遊呼籲感染疫情加強配合消毒員工備勤持續避免產業駕駛全國火車連帶工作影響家人</t>
  </si>
  <si>
    <t>新冠肺炎司機台鐵出國COVID-19</t>
  </si>
  <si>
    <t>肺炎台鐵司機出國covid-</t>
  </si>
  <si>
    <t>停課家長上課班級校方確診高中生北市</t>
  </si>
  <si>
    <t>(3/19 15：13更新)今天指揮中心宣佈因為案59北市高中生的同班同學確診該校確診人數達2例因此宣佈自3月20日至3月27日全校學生停課7天。昨天指揮中心公佈了一名北市高中生遊希臘確診新冠肺炎全班停課14天</t>
  </si>
  <si>
    <t>宣佈確診指揮中心高中生停課北市希臘公佈人數全校學生同班同學昨天肺炎全班今天更新</t>
  </si>
  <si>
    <t>(3/19 15：13更新)今天指揮中心宣佈因為案59北市高中生的同班同學確診該校確診人數達2例因此宣佈自3月20日至3月27日全校學生停課7天。
昨天指揮中心公佈了一名北市高中生遊希臘確診新冠肺炎全班停課14天引起許多同校家長們恐慌狂打電話問學校是否還要上課。對此校方表示只要沒接獲停課通知的學生都可到校上課學校運作一切正常。
案59是一名北市高中生於3月5日返台、13日出現咳嗽等症狀、15日確診教育部國教署表示該生所就讀的班級已達停課標準是全台第一起確診而該班停課的案例。校內也已完成消毒。
但緊張的是案59高中生回國後正常到校上課引發該校家長恐慌。消息傳開後許多家長打電話到學校問自己的小孩還需要照常上課嗎？對此校方回應如果沒收到停課通知都可以回來上課一切正常。</t>
  </si>
  <si>
    <t>停課確診上課學校高中生北市家長表示宣佈到校對此通知恐慌校方打電話中心指揮一切正常教育部國教</t>
  </si>
  <si>
    <t>高中生確診確診北市停課家長</t>
  </si>
  <si>
    <t>停課確診北市高中生家長</t>
  </si>
  <si>
    <t>bnt指揮中心</t>
  </si>
  <si>
    <t>首批BNT疫苗933萬劑到貨目前有3425萬人意願登記想打BNT有不少民眾期盼下一輪是否會開放BNT預約接種但中央流行疫情指揮中心發言人莊人祥今天透露第八輪預約接種不是BNT由於下周可能還有疫苗到貨待確定</t>
  </si>
  <si>
    <t>bnt接種預約到貨疫苗目前中心意願指揮發言人疫情莊人祥流行今天中央民眾透露期盼可能是否開放登記</t>
  </si>
  <si>
    <t>bnt疫苗接種目前預約到貨表示才會意願民眾等到校園登記中秋節開放中心指揮疫情流行中央</t>
  </si>
  <si>
    <t>BNT第八輪接種疫苗342萬</t>
  </si>
  <si>
    <t>接種bnt疫苗</t>
  </si>
  <si>
    <t>嚴重專家副作用原因疫苗</t>
  </si>
  <si>
    <t>不少人在接種第2劑新冠疫苗後副作用表現得更明顯、嚴重加拿大專家指出這很正常是抗體與免疫系統雙重發揮作用的結果。加拿大環球新聞（Global News）報導加拿大女子楊蓓佳（Becca Young音譯）表示自己接</t>
  </si>
  <si>
    <t>加拿大疫苗becca副作用楊蓓佳女子表現報導明顯嚴重環球專家結果指出發揮作用免疫系統正常抗體youngnewsglobal新聞音譯接種</t>
  </si>
  <si>
    <t>不少人在接種第2劑新冠疫苗後副作用表現得更明顯、嚴重加拿大專家指出這很正常是抗體與免疫系統雙重發揮作用的結果。
加拿大環球新聞（Global News）報導加拿大女子楊蓓佳（Becca Young音譯）表示自己接種完第2劑疫苗後隔天幾乎無法起身她說手臂、背部都痠痛非常痛還有頭痛就像宿醉。楊蓓佳第1劑打的是輝瑞/BNT疫苗第2劑打莫德納疫苗打完第1劑時只有手臂痠痛的症狀。
報導指出加拿大有許多人像楊蓓佳這樣第2劑後症狀更明顯不過專家表示這很正常。
加拿大渥太華大學（University of Ottawa）神經免疫學、壓力及內分泌學實驗室（Neuro-Immunology Stress and Endocrinology Laboratory）主任伊斯梅爾（Nafissa Ismail）表示在第2次接觸到同一個病原體時人體的免疫反應通常不會同樣劇烈但是新冠疫苗作用方式不同。
他解釋mRNA或病毒載體（Viral vector）疫苗指引細胞偵測出冠狀病毒的棘狀蛋白（spike protein）接種這類疫苗並不是像一般其他疫苗那樣將已經弱化或是死掉的病毒注射進人體內所以人體第一次接觸到訊息時「我們的免疫系統還沒有製造出抗體。」
「但是當我們接種第2劑疫苗時就有雙重作用已經有部分抗體就緒準備上戰場再加上我們要求免疫系統製造更多抗體所以症狀往往會被放大。」
加拿大西安大略大學（Western University）免疫學家克富特（Steven Kerfoot）表示第2劑疫苗後的副作用更強的說法還沒有被證實不過他個人的經驗確實也是如此他第1劑接種AZ疫苗第2劑接種mRNA疫苗他認為混打疫苗可能會讓部分民眾有更強烈的副作用反應不過如果2劑都接種mRNA疫苗可能就不會出現較強烈的副作用。
克富特解釋民眾在接種第1劑疫苗後幾個小時至幾天內出現的輕微不適感覺是因為免疫系統「開始對病毒感染感到懷疑」並且開始抵抗。
如果民眾感到疼痛、疲倦那代表身體在向你宣告該休息了以保存能量；如果發燒代表身體正在抑制病毒的複製能力。
他說無論是接種第1劑或第2劑民眾都可能出現上述副作用差別在於第2劑後體內出現了抗體等特定的感測器所以民眾接種第2劑後會有更多症狀是相當合理的因為額外的抗體檢測系統已經準備好更快、更強烈地做出反應。
關於第2劑疫苗的副作用英國政府在官網指出接種第2劑AZ疫苗的副作用較第1劑更輕微第2劑輝瑞/BNT或莫德納疫苗的副作用會比第1劑更強烈研究也指出第1劑施打AZ疫苗後第2劑換打BNT疫苗或莫德納疫苗出現副作用的風險也會比較高。</t>
  </si>
  <si>
    <t>疫苗接種抗體副作用病毒加拿大免疫系統民眾表示出現指出症狀已經楊蓓佳強烈反應mrna免疫university可能</t>
  </si>
  <si>
    <t>#新冠肺炎#全球疫苗第2劑副作用嚴重</t>
  </si>
  <si>
    <t>全球肺炎疫苗副作用嚴重</t>
  </si>
  <si>
    <t>確診病例滿月本土</t>
  </si>
  <si>
    <t>中央流行疫情指揮中心表示國內今日無新增病例已連續30天無本土病例昨日新增363例新型冠狀病毒肺炎相關通報截至目前累計通報6萬7千758例其中440例確診分別為349例境外移入55例本土病例及36例敦睦艦隊。</t>
  </si>
  <si>
    <t>病例本土通報中心表示國內今日相關指揮肺炎病毒冠狀昨日新增截至連續疫情確診分別境外累計目前流行</t>
  </si>
  <si>
    <t>中央流行疫情指揮中心表示國內今日無新增病例已連續30天無本土病例昨日新增363例新型冠狀病毒肺炎相關通報截至目前累計通報6萬7千758例其中440例確診分別為349例境外移入55例本土病例及36例敦睦艦隊。確診個案中7人死亡372人解除隔離其餘持續住院隔離中。有關129名印度返台民眾全員持續於集中檢疫所密切健康監測。
今天指揮中心官員都卸下口罩中間加了隔板也向外界說明卸下口罩前提需要有好的防護。指揮中心再次提醒民眾應做好手部衛生與咳嗽禮節；出門若無法保持社交距離或是搭乘捷運、台鐵、高鐵等大眾交通運輸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中心通報指揮口罩病例檢疫民眾症狀持續搭乘咳嗽卸下確診就醫本土隔離是否tocc史及接觸職業</t>
  </si>
  <si>
    <t>國際護師節護士節5天零確診台灣本土病例</t>
  </si>
  <si>
    <t>護士節確診臺灣本土病例國際</t>
  </si>
  <si>
    <t>能源銷量聯會</t>
  </si>
  <si>
    <t>看好大陸車市需求提升與官方政策扶持大陸乘聯會25日上調年初時的預估預料2021年大陸新能源車銷量可望達到220萬輛這項估計較2020年大陸新能源車銷量增長逾六成顯見對今年大陸新能源車前景看佳。新浪財經25日</t>
  </si>
  <si>
    <t>大陸能源銷量政策扶持聯會上調年初前景需求提升預估預料官方顯見增長今年估計達到可望</t>
  </si>
  <si>
    <t>看好大陸車市需求提升與官方政策扶持大陸乘聯會25日上調年初時的預估預料2021年大陸新能源車銷量可望達到220萬輛這項估計較2020年大陸新能源車銷量增長逾六成顯見對今年大陸新能源車前景看佳。
新浪財經25日報導大陸乘聯會祕書長崔東樹表示2021年大陸新能源乘用車的銷量可望達到200萬輛左右這較2020年的117萬輛增長將近70％。由此推算2021年大陸新能源汽車的銷量也有希望達到220萬輛增量規模達90萬輛。
2020年受到新冠肺炎影響大陸新能源車銷量呈現「先低後高」走勢全年銷量達1367萬輛年增109％。2021年1月乘聯會預估2021年全年大陸新能源汽車銷量為150萬輛。稍後中汽協則預估2021年的新能源汽車銷量為180萬輛。如今乘聯會上調預測數字較2020年銷量大增逾六成。
市場人士指出隨著大陸疫情趨緩新能源汽車需求提升加上看好市場前景中外業者如特斯拉、吉利、比亞迪、長城、蔚來等都加大投入力度大陸互聯網巨頭阿裡巴巴、騰訊、百度等也積極與車企及供應鏈者結盟希望在市場搶得先機因此新能源車產銷拉高是可以想見的事。
同時大陸政府政策上支持補貼車企並鼓勵汽車下鄉大力推展停車場、充電樁、換店站等新能源汽車配套建設以及加速動力電池回收體系建設這些都有利於新能源車的推廣更是車企業者另一個可開發的廣闊市場。</t>
  </si>
  <si>
    <t>能源大陸汽車銷量聯會市場預估達到政策希望全年增長提升上調需求汽車銷量看好建設</t>
  </si>
  <si>
    <t>大陸新能源汽車萬輛車企新能源車大陸新能源車</t>
  </si>
  <si>
    <t>能源大陸汽車車企</t>
  </si>
  <si>
    <t>真相男友流鶯返台留學影響分手肺炎</t>
  </si>
  <si>
    <t>不管是情侶、還是夫妻兩人相處最重要就是互相尊重一名女網友在網路吐苦水表示自己平時在英國念書因為新冠肺炎的關係回台灣終於見到男友讓女網友相當開心但兩人與朋友出去時男友總愛叫她「留英」直到</t>
  </si>
  <si>
    <t>男友女網友相處出去重要互相就是念書英國肺炎尊重關係朋友網路吐苦水平時表示臺灣開心終於相當見到</t>
  </si>
  <si>
    <t>不管是情侶、還是夫妻兩人相處最重要就是互相尊重一名女網友在網路吐苦水表示自己平時在英國念書因為新冠肺炎的關係回台灣終於見到男友讓女網友相當開心但兩人與朋友出去時男友總愛叫她「留英」直到問別人才知道什麼意思讓女網友非常難過。
這名女網友在「Zuvio校園」發文表示因為疫情關係從英國返回台灣與男友1年沒見內心相當興奮但回來後男友一直叫她「流鶯流鶯」女網友說「可能一陣子沒接觸中文的關係我其實聽不太懂我一直以為他是說留英但沒道理他講留英他朋友會一直笑吧」。
開始受不了的女網友詢問男友朋友到底在笑什麼對方才說男友其實是在罵你「流鶯」不過也強調男友是開玩笑結果女網友查流鶯究竟是什麼意思「不查還好一查發現流鶯是很難聽的詞」這讓女網友非常生氣又失望即使男不斷道歉仍無法消除心中的疙瘩。
網友看完女網友經歷勸她快點分手認為男友非常不懂的尊重將無聊當有趣「會用這種玩笑對待自己女友的也不是什麼多正經的人」、「很不尊重人尤其是說給朋友一起笑」、「如果是男人之間笑對方的垃圾話就算了是自己女友還這樣說實話是把沒禮貌當幽默不是無腦而已的小問題」。</t>
  </si>
  <si>
    <t>女網友男友朋友流鶯關係尊重非常一直留英女友英國其實意思表示臺灣相當沒禮貌</t>
  </si>
  <si>
    <t>留學英文流鶯留英肺炎</t>
  </si>
  <si>
    <t>流鶯肺炎留英英文留學</t>
  </si>
  <si>
    <t>接觸確診球員pga陰性</t>
  </si>
  <si>
    <t>高爾夫PGA美巡賽這個月恢復比賽每一站比賽都會針對所有選手、桿弟、工作人員進行新冠肺炎病毒檢測本周出現首位病毒檢測呈陽性的病例是美國選手瓦尼（Nick Watney）大會也針對和他有近距離接觸的11人進行病毒</t>
  </si>
  <si>
    <t>選手進行病毒檢測比賽距離恢復杆弟工作人員大會watney肺炎nick瓦尼陽性美國病例接觸都會出現</t>
  </si>
  <si>
    <t>高爾夫PGA美巡賽這個月恢復比賽每一站比賽都會針對所有選手、桿弟、工作人員進行新冠肺炎病毒檢測本周出現首位病毒檢測呈陽性的病例是美國選手瓦尼（Nick Watney）大會也針對和他有近距離接觸的11人進行病毒檢驗收到都是陰性的好消息。
外媒指出當地時間週五瓦尼成為PGA停賽三個月後、復賽兩周以來第一位新冠肺炎病毒檢驗呈陽性的選手目前世界排名第一的北愛爾蘭好手麥克羅伊（Rory McIlroy）之前在練習果嶺有遇到過瓦尼表示目前不會接受另一次病毒檢測但做好必要的健康管理與預防措施。
麥克羅伊補充：「我覺得和瓦尼應該沒有靠得很近我只是看到他人在練習果嶺我們有保持社交距離。」</t>
  </si>
  <si>
    <t>瓦尼選手病毒檢測麥克羅伊進行目前pga病毒檢驗練習果嶺陽性肺炎距離比賽當地指出時間週五恢復消息</t>
  </si>
  <si>
    <t>高爾夫瓦尼PGA選手比賽</t>
  </si>
  <si>
    <t>瓦尼比賽pga高爾夫選手</t>
  </si>
  <si>
    <t>肺炎魔掌華盛頓大學病理學教授逝世</t>
  </si>
  <si>
    <t>新冠肺炎疫情持續擴大就連知名病理學教授有不敵病毒肆虐病逝！根據美國華盛頓大學醫學院在推特宣佈病理學系核心成員史瓦茲（Stephen Schwartz）教授因感染新冠肺炎身亡享壽78歲。根據綜合外電報導史瓦茲19</t>
  </si>
  <si>
    <t>病理學教授肺炎瓦茲美國華盛頓大學病逝肆虐醫學院病毒宣佈身亡知名享壽核心成員持續擴大stephen感染schwartz綜合</t>
  </si>
  <si>
    <t>新冠肺炎疫情持續擴大就連知名病理學教授有不敵病毒肆虐病逝！根據美國華盛頓大學醫學院在推特宣佈病理學系核心成員史瓦茲（Stephen Schwartz）教授因感染新冠肺炎身亡享壽78歲。
根據綜合外電報導史瓦茲1967年就開始與華盛頓大學醫學院合作完成博士研究計畫並取得居留權。據華盛頓大學醫學院網站簡介史瓦茲博士自1984年起在病理學系任教專門研究血管生物學、癌症流行病學及遺傳流行病學而史瓦茲不僅是病理學系的核心成員還是研究人員及生物工程和醫學系的兼職教授。
華盛頓大學醫學院病理學系發文說：「他在我們的系所、大學與科學界留下永垂不朽的印記將受到眾人緬懷。」
華盛頓州新冠肺炎死亡人數目前來到66人包括史瓦茲也是其中之一另外華盛頓大學發言人杜諾惠（Brian Donohue）透過電子郵件表示由於史瓦茲沒有跟確診病患合作也不是在工作時受到感染因此目前無法確認史瓦茲感染的途徑和時間。
更多 CTWANT 報導</t>
  </si>
  <si>
    <t>瓦茲病理學醫學院華盛頓大學研究教授感染肺炎受到合作博士目前核心成員途徑流行病印記科學界donohue留下永垂不朽透過</t>
  </si>
  <si>
    <t>史瓦茲華盛頓大學醫學院新冠肺炎</t>
  </si>
  <si>
    <t>醫學院華盛頓大學瓦茲肺炎</t>
  </si>
  <si>
    <t>自律原因關鍵臺灣人看出真的口罩</t>
  </si>
  <si>
    <t>台灣自5月中爆發大規模社區疫情單日本土新增確診連續破百震驚全國但自從升級三級警戒後靠著疫苗施打及全民努力配合防疫終於再度控制疫情將本土疫情再度壓回個位數。一位網友佩服表示「台灣人非常自律」</t>
  </si>
  <si>
    <t>疫情本土再度佩服網友壓回新增確診震驚全國升級警戒疫苗終於施打全民破百配合努力連續防疫表示社區控制臺灣人爆發非常</t>
  </si>
  <si>
    <t>台灣自5月中爆發大規模社區疫情單日本土新增確診連續破百震驚全國但自從升級三級警戒後靠著疫苗施打及全民努力配合防疫終於再度控制疫情將本土疫情再度壓回個位數。一位網友佩服表示「台灣人非常自律」和歐美國家相比戴口罩防疫更是一流背後關鍵原因引起熱議。
「沒想到台灣人的口罩自律很高」一名PTT網友發文表示沒想到台灣人非常自律大家出門都戴口罩且大多數人都守法怕罰錢。相對下來其他國家就很淒慘破千甚至破萬人確診都有原因就在於人民自律程度很差不愛戴口罩。
原PO認為台灣人水準真的高口罩防疫一流 加上高風險的民眾也都打了疫苗「所以現在台灣整體是很安全每天個位數確診」想必讓歐美大國都很羨慕。
此文一出網友無奈表示「因為沒疫苗啊只能自救」、「要罰錢啊笑死」、「怕死（X）怕罰錢（O）」、「沒戴會被拍照po上網」、「說個笑話台灣人自律不罰錢我看會多自律」、「怕罰錢貪財怕染病怕死」。
但不少人指出戴口罩好處很多習慣養成後也沒有壞處。「台灣就是靠人民自主防疫和醫護撐起來」、「去年疫情沒嚴重時就滿街一堆人戴口罩」、「到底哪一國人不貪生怕死」、「戴口罩不只可防疫防空汙也很好用阿」、「換個角度想是大家珍惜生命」、「外國一堆想證明肺炎是感冒的」。</t>
  </si>
  <si>
    <t>口罩防疫自律臺灣人疫苗疫情確診臺灣網友表示原因po人民本土</t>
  </si>
  <si>
    <t>戴口罩罰錢自律防疫台灣人</t>
  </si>
  <si>
    <t>自律防疫口罩臺灣人</t>
  </si>
  <si>
    <t>時中出席關鍵市府</t>
  </si>
  <si>
    <t>高雄市府因應新冠肺炎恐釀社區感染風險特別訂定5月3日要在四維及鳳山行政中心兩地展開大規模「實兵推演」並邀請中央流行疫情指揮中心陳時中蒞臨指導衛生局長林立人今（27）日透透上週五市府已發函給中央</t>
  </si>
  <si>
    <t>中心市府中央肺炎社區感染風險特別衛生局長陳時中蒞臨指導邀請指揮疫情流行兩地鳳山推演實兵展開行政</t>
  </si>
  <si>
    <t>高雄市府因應新冠肺炎恐釀社區感染風險特別訂定5月3日要在四維及鳳山行政中心兩地展開大規模「實兵推演」並邀請中央流行疫情指揮中心陳時中蒞臨指導衛生局長林立人今（27）日透透上週五市府已發函給中央今早聯繫部長辦公室對方希望先提供實兵演練腳本才決定是否出席。
韓國瑜表示新加坡、日本全部進入緊急狀態呼籲市民對新冠肺炎切勿掉以輕心高市本土0確診但敦睦艦隊高雄有14位確診相關工作要抓得更緊尤其昨天又發生重大公安意外市府加大力度巡檢外也請消防局拍攝30秒宣傳影片給KTV業者播放。
針對5月3日兵推韓國瑜提到已召開兩次協調會後續邀請周邊區域聯防的台南及屏東政府以及請中央也派人來指導彼此當面溝通可望讓防疫工作更紮實、透徹。
研考會主委李銘義說明4月30日會先展開兵推預演5月3日則是正式登場市府動員近200人時間為1個半小時在四維及鳳山行政中心兩地同步展開演練。
李銘義指出四維行政中心將模擬辦公大樓群聚感染已經有確診個案將入住到負壓隔離病房有救護車護送到醫院另疑似密切接觸者要評估做疫調。而有防疫旅館需求的民眾則有賴衛生局通知觀光局安排入住事宜。後續辦公大樓清空消毒、外環警方會拉起封鎖線也有環保局、化學兵清消。
另一方面鳳山行政中心當天則模擬集合住宅爆發社區感染李銘義表示 模擬有位住戶味覺異常經消防車後送到指定醫院就醫其他住戶家中有長輩要安排進住防疫旅館另有居家隔離送餐、清消等需求以及小朋友遠距教學等。
李銘義重申主要演練目的是在過度期至警戒期當中模擬爆發疑似社區感染整個流程怎麼跑要制訂一套SOP出來並再三強調這不是封城完全是風馬牛不相及。
至於陳時中是否蒞臨指導林立人透露今早透過陳時中辦公室秘書聯繫部長希望高市府先提供腳本會先等週三預演完後將確定的腳本寄給部長參考再歡迎部長或相關所屬長官蒞臨指教。</t>
  </si>
  <si>
    <t>市府中心李銘義感染部長中央防疫行政腳本社區陳時中確診相關鳳山展開是否邀請</t>
  </si>
  <si>
    <t>市府中心感染陳時中社區感染</t>
  </si>
  <si>
    <t>社區感染中心陳時中市府</t>
  </si>
  <si>
    <t>不怕死停賽義甲</t>
  </si>
  <si>
    <t>義大利體育部8日緊急下達禁賽令防止新冠肺炎疫情蔓延。所有賽事暫停到4月3日為止但指標聯盟義甲接獲命令當天卻是照踢不誤部長暴跳如雷。這也是沒辦法的事英媒BBC指出單是閉門1場就讓尤文圖斯承受300萬歐元</t>
  </si>
  <si>
    <t>閉門單是指出bbc緊急英媒下達辦法禁賽就讓防止暴跳如雷部長不誤肺炎疫情卻是當天命令</t>
  </si>
  <si>
    <t>義大利體育部8日緊急下達禁賽令防止新冠肺炎疫情蔓延。所有賽事暫停到4月3日為止但指標聯盟義甲接獲命令當天卻是照踢不誤部長暴跳如雷。這也是沒辦法的事英媒BBC指出單是閉門1場就讓尤文圖斯承受300萬歐元的損失唯一的對抗手段是電視轉播如果比賽也停了就什麼都沒了。
不守規矩的不只義甲閉門比賽的歐洲聯賽狼隊出戰施洛萬現場居然出現2萬多位觀眾。施洛萬因為球迷種族歧視而一度被禁止售票然後他們就把票拿來招待小孩子看球視防疫如無物。義國奧委會聲明他們正面臨「史無前例」的緊急狀態但義甲踢完10日的薩索羅對佈雷西亞才開始停賽在禁令後多踢了6場球。
義甲停賽後歐冠足仍以閉門方式續踢。除了受制於轉播合約歐洲足球比賽的賽程很滿卡住一個就會影響到很多比賽。雖然疫情比較輕微英格蘭的英超亦面臨停賽壓力如果停賽命令下達英媒預估他們大概不會像義甲那麼囂張。
利物浦不愧是一支悲劇性的球隊他們好不容易要奪下英超改制以來的隊史首冠(暌違30年)因為撞上疫情必須趕在停賽之前封王。如果第2名的曼城連輸兩場利物浦有機會於週末加冕但目前的情況即使摘下冠軍肯定也無法享受奪冠遊行了。</t>
  </si>
  <si>
    <t>義甲停賽閉門疫情比賽利物浦歐洲英媒下達面臨命令施洛萬肯定冠軍情況目前看球防疫</t>
  </si>
  <si>
    <t>義甲停賽英超足球閉門</t>
  </si>
  <si>
    <t>足球英超停賽閉門義甲</t>
  </si>
  <si>
    <t>年輕人回馬槍兒童確診肺炎</t>
  </si>
  <si>
    <t>新冠肺炎疫情接連在各國回溫而且新增病例集中在40歲以下青壯人口美國的兒童確診人數甚至暴增9成。年輕人感染新冠肺炎雖然多無大礙傳染力卻不容小覷。新冠肺炎（英文：Covid-19一稱武漢肺炎）疫情再度延燒</t>
  </si>
  <si>
    <t>肺炎疫情人口美國兒童確診以下人數集中甚至病例新增年輕人接連感染傳染容小覷</t>
  </si>
  <si>
    <t>年輕人病例美國病毒感染兒童防疫疫情族群新增確診增加以下肺炎出現專家研究症狀who年輕日本</t>
  </si>
  <si>
    <t>年輕人兒童美國新增病例新冠病毒</t>
  </si>
  <si>
    <t>新增病例美國兒童年輕人病毒</t>
  </si>
  <si>
    <t>外館防疫作戰</t>
  </si>
  <si>
    <t>新冠肺炎病毒持續肆虐全球我國駐外館處亦陸續出現確診案例且有未歇趨勢。外交部與中央流行疫情指揮中心恐要提出更周全的防疫方案以保護外交人員的生命安全。必要時甚至通令關閉一些駐外館處的對外領務大廳</t>
  </si>
  <si>
    <t>駐外持續肆虐全球我國中心指揮疫情提出流行中央周全外交部防疫趨勢方案保護外交人員生命安全必要案例病毒</t>
  </si>
  <si>
    <t>新冠肺炎病毒持續肆虐全球我國駐外館處亦陸續出現確診案例且有未歇趨勢。外交部與中央流行疫情指揮中心恐要提出更周全的防疫方案以保護外交人員的生命安全。必要時甚至通令關閉一些駐外館處的對外領務大廳都是必須的防疫作為。
媒體報導我國駐外館處接連有外交人員確診新冠肺炎包括美國、法國、波蘭、比利時、匈牙利、瑞士、希臘、土耳其、宏都拉斯、瓜地馬拉和俄羅斯；外交部長吳釗燮為此寫了封長信給外交人員強調外交部是外館後盾。但媒體亦獲爆料指出我國駐紐約臺北經濟文化辦事處拒絕讓員工輪班工作因此讓感染風險大增；甚至駐美代表處仍頻繁舉行餐會與宴客活動後來係因確診人數暴增才取消。
雖然相對世界各國來說台灣目前對新冠肺炎的防疫措施及疫情控制得宜受到國際社會的高度肯定但是全球其他國家則依然受到新冠病毒的影響且災情慘重尤其是美國、中南美洲及歐洲的疫情皆十分嚴峻。因此身處在上述地區的我國人員在推展外交工作上也就備極艱辛。因為其所面臨的感染新冠病毒機率可能是高於台灣人民的數十倍甚至百倍以上。
我駐美代表處於11月26日一口氣暴增9名新冠肺炎確診駐美代表蕭美琴也因為接觸過確診者須居家隔離等情事說明我國外館人員感染病毒的風險確實很大。早在今年4月底我國駐法國代表處即有一名職員確診新冠肺炎當時外交部發言人對外表示該確診者5月21日康復即回到代表處上班；不料8月5日駐法國代表處竟又出現第2名職員感染新冠病毒此時外交部才知事態不單純。
我國駐法代表處於兩個半月內出現兩次確診的情事以及此次駐美代表處於1個月內連續發生3次確診累計12個確診病例來看我國駐外館處在維護外交人員健康以及防疫措施方面確有疏漏之處。
外交部作為駐外人員的防疫後盾未來除持續寄送口罩給駐外館處人員與眷屬之外將來更應全盤掌握我國所有駐外館處的防疫措施是否做得確實。未來不論是採分流上班措施、限縮活動範圍、強制配戴口罩定期全館消毒或是透過視訊彈性辦公台灣所有的駐外館處都應謹慎小心不能有任何的防疫破口。畢竟「防疫視同作戰」是不分境內或境外的。（作者為宏國德霖科技大學講座教授）</t>
  </si>
  <si>
    <t>我國確診防疫駐外外交部外交人員措施人員病毒肺炎感染代表處疫情臺灣甚至出現代表活動口罩</t>
  </si>
  <si>
    <t>外館駐外館處外交人員外交部病毒</t>
  </si>
  <si>
    <t>外交人員外交部駐外外館病毒</t>
  </si>
  <si>
    <t>肆虐肺炎知道幸福</t>
  </si>
  <si>
    <t>或許只有當災難來臨的時候我們才知道什麼是真正的幸福。2020年的春天註定會成為每一個中國人刻骨銘心的記憶。新冠肺炎疫情防控期間城市如此安靜可這安靜之下卻湧動著1500萬天津人民的心跳聲。醫護員與百姓</t>
  </si>
  <si>
    <t>安靜天津湧動知道真正幸福春天防控註定疫情人民肺炎成為中國人刻骨銘心記憶時候之下城市期間心跳聲來臨</t>
  </si>
  <si>
    <t>或許只有當災難來臨的時候我們才知道什麼是真正的幸福。2020年的春天註定會成為每一個中國人刻骨銘心的記憶。
新冠肺炎疫情防控期間城市如此安靜可這安靜之下卻湧動著1500萬天津人民的心跳聲。
醫護員與百姓相扶持
截至3月5日18時天津已連續一周無新增病例而在確診的136例患者中已有128例患者治癒出院。這背後不僅有一線白衣戰士的辛苦付出也有著萬千百姓的配合、理解與相互扶持。
疫情讓我們學會珍惜
疫情總會過去這段日子教會我們珍惜每一個平常而又不平常的日子珍惜每一個愛我們和我們愛的人。春天一定會在冬天後到來而這些影像將會留在記憶中。</t>
  </si>
  <si>
    <t>疫情天津春天珍惜扶持百姓記憶患者日子知道安靜真正時候幸福教會冬天註定一線防控</t>
  </si>
  <si>
    <t>肺炎珍惜才知道幸福出院</t>
  </si>
  <si>
    <t>珍惜知道幸福肺炎出院</t>
  </si>
  <si>
    <t>石油戰爭</t>
  </si>
  <si>
    <t>國際油價跌跌不休首當其衝將是規模較小的石油生產國。國際能源署（IEA）警告油價崩跌恐讓「脆弱」產油國的石油收入銳減高達85％。■The Paris-based agency said that countries such as Ecuador Iraq and Niger</t>
  </si>
  <si>
    <t>石油油價國際assuchcountriesthatsaidagencyparis-basedecuadorthe銳減收入產油國首當其衝脆弱規模較警告iea</t>
  </si>
  <si>
    <t>國際油價跌跌不休首當其衝將是規模較小的石油生產國。國際能源署（IEA）警告油價崩跌恐讓「脆弱」產油國的石油收入銳減高達85％。
■The Paris-based agency said that countries such as Ecuador Iraq and Nigeria would be particularly hard hit by the price slump
新冠肺炎來勢洶洶不但迫使歐美國家封國或封城也對全球經濟造成重創並進而導致石油需求受到侵蝕。
此時又遭遇俄羅斯與沙烏地阿拉伯兩大產油國爆發油價戰爭在油價連連探底下也讓規模較小的非主要產油國招架無力只能眼睜睜的看著身為國內經濟主要來源的石油收入不斷萎縮。
石油收入銳減難抗疫
總部位於巴黎的國際能源署（IEA）警告這波油價崩盤當中受創最深將屬厄瓜多、伊拉克與奈及利亞等產油國。因此IEA呼籲國際貨幣基金（IMF）在必要情況下介入以避免因為這些石油收入銳減讓這些國家更沒有能力因應肺炎疫情危機。
IEA執行董事畢羅爾（Fatih Birol）表示「若油價仍舊停留在每桶30美元的水準附近我們將可預見這些脆弱產油國的石油收入將下滑介於50％到85％。」此情況將使這些油國的石油收入將創下20年來最低。
因此他強調「國際金融機構可能需要介入並採取必要行動。」
IEA指出石油輸出國家組織（OPEC）的其他會員國像是阿爾及利亞與安哥拉等目前也深陷危機之中主要是它們對石油與天然氣營收高度倚賴。該情況勢必也將加劇OPEC內部歧異例如該組織老大哥沙烏地阿拉伯為了與俄羅斯搶占市場版圖不惜甘冒低油價可能造成的重傷將持續增產對市場「灌油」。
這兩大產油國在3月初因為對於如何因應肺炎危機看法不同導致雙方的減產協議宣告破裂緊接兩國的油價戰爭也開始揭開序幕。
產油國社會經濟重創
由於油價近來實在跌得太凶IEA與OPEC日前還曾罕見的發布聯合聲明聲稱油價從1月初的每桶70美元暴跌迄今很可能將「導致社會與經濟的重大衝擊」特別是在醫療保健與教育等公共部門的支出將受到影響。
IEA曾在一份報告中指出相較於前一波的2014年油價暴跌這次許多國家對於因應油價崩盤並沒有做太多準備。
為支付公務員薪資與退休年金伊拉克將面臨每月40億美元的預算赤字然而未來它在醫療服務上預料還會承受更多壓力。奈及利亞的經濟對於這次「油價衝擊」也準備不足目前該國的人均國內生產毛額（GDP）已萎縮近三分之一。
除了OPEC外在中東身為最大產油國之一的阿曼也恐將為了捍衛該國貨幣盯緊美元匯制而將陷入一場艱苦的戰役。畢羅爾認為這可能將使阿曼的外匯存底大幅縮減。
至於已經必須減少支出的厄瓜多預料將是這波油價崩盤的最大受害者。IEA表示該國油氣營收預料將驟減85％。</t>
  </si>
  <si>
    <t>油價石油iea產油國經濟收入opec可能導致肺炎預料情況危機銳減對於the國內因應準備受到國際</t>
  </si>
  <si>
    <t>油價崩盤奈及利亞肺炎因應準備</t>
  </si>
  <si>
    <t>因應奈及利亞肺炎準備油價</t>
  </si>
  <si>
    <t>掛號人數就診王是就醫</t>
  </si>
  <si>
    <t>受到新冠疫情衝擊這1、2年醫療院所門診量大減但仍有患者天天往醫院跑2020年就醫次數之冠是1名50多歲罹患骨關節炎、頭痛的男性1年內就診839次等於每天至少就醫2次以上。健保署統計2019年就醫總件數37</t>
  </si>
  <si>
    <t>就醫衝擊以上醫療門診量院所至少等於就診男性頭痛年內患者骨關節炎醫院次數疫情統計</t>
  </si>
  <si>
    <t>受到新冠疫情衝擊這1、2年醫療院所門診量大減但仍有患者天天往醫院跑2020年就醫次數之冠是1名50多歲罹患骨關節炎、頭痛的男性1年內就診839次等於每天至少就醫2次以上。
健保署統計2019年就醫總件數37億件2020年就醫總件數減少至34億件就醫件數減少2000多萬次幾乎每個人少看1次門診但仍有33萬人去年就醫次數超過90次。
該名中年男子因為骨關節炎、頭痛、神經痛自覺全身疼痛而到處就醫從醫學中心看到基層診所去年就醫次數多達839次平均1天至少跑2趟。
此外高就醫次數民眾看病科別前3名分別為家醫科、內科、耳鼻喉科醫療費用達39億元為近3年新高。
健保署醫務管理組表示這位患者係因腳受傷總覺不舒服而持續就醫整年下來健保支付此民眾的醫療費用約達548萬元。
就醫次數第2名為1名40多歲女性因罹患關節病變、頭痛及目眩等疾病就醫564次。第3名則是30多歲女性就醫原因為長期失眠、精神疾病等就醫555次。
至於今年上半年雖然5、6月本土疫苗大爆發但1至6月仍有人就醫次數超過300次就醫原因仍以關節炎、頭痛為主總計622人就醫次數超過90次健保費用達5000多萬元。
健保統計國人每年平均就醫15次平均每月至少就醫診1次比起「經濟合作暨發展組織」（OECD）國家高出6、7次這也使得門診醫療費用支出占了健保總額一半以上。
對此健保署表示為來將推動整合門診例如高齡、糖尿病、新冠肺炎等減少門診次數也可能提高一點部分負擔在醫療資源使用及分配上仍更為合理。</t>
  </si>
  <si>
    <t>就醫次數醫療門診頭痛費用超過至少患者骨關節炎民眾女性去年表示原因減少</t>
  </si>
  <si>
    <t>NOW健康就醫王就醫次數頭痛關節炎</t>
  </si>
  <si>
    <t>就醫次數健康頭痛關節炎now</t>
  </si>
  <si>
    <t>排隊杏仁口罩感歎</t>
  </si>
  <si>
    <t>新冠肺炎疫情延燒政府推出口罩實名制後藥局仍可見許多排隊人潮。作家苦苓日前點出現在還在排隊買口罩的應該只有四種人引來許多議論。對此挺韓五虎將之一的「杏仁哥」直言有時候他常在想這些只會挖苦人</t>
  </si>
  <si>
    <t>口罩排隊政府推出常在杏仁有時候疫情虎將直言韓五對此議論引來可見藥局人潮作家</t>
  </si>
  <si>
    <t>新冠肺炎疫情延燒政府推出口罩實名制後藥局仍可見許多排隊人潮。作家苦苓日前點出現在還在排隊買口罩的應該只有四種人引來許多議論。對此挺韓五虎將之一的「杏仁哥」直言有時候他常在想這些只會挖苦人的渣子什麼時候會得到報應呢？引來許多網友感嘆表示「口德真的很重要」、「不是不報時間未到。造口業者自做自受」。
苦苓日前表示現在還在路上排隊買口罩應該只有四種人。包括一、年紀不大卻不長進不去學網購口罩的人。二、年紀大但是子女不孝不來幫他們網購、代領口罩的人。三、年紀大用不到那麼多口罩卻非要買來放著才安心的人以及閒著沒事就是想出來排排隊、看看人的人。
該文章引來許多議論。杏仁哥則在臉書表示有時候他常在想這些只會挖苦人的渣子什麼時候會得到報應呢？
網友也紛紛表示「口德真的很重要」、「不是不報時間未到。造口業者自做自受」、「相由心生沒有慈悲心沒有苦民所苦悲天憫人之心早晚遭天譴」、「只會刷存在感沒有一句好聽的話」、「有同感！終會有報應」、「口無遮攔沒有同理心沒有道德心沒有善心」、「他這人不值得大家浪費精神去說他」、「沒有水準亂批評的人」、「台灣最不缺的就是嘴臭的人」、「這個人管太多了真丟臉」。</t>
  </si>
  <si>
    <t>沒有口罩表示引來排隊報應年紀杏仁議論自做自受日前有時候業者口德</t>
  </si>
  <si>
    <t>苦苓排隊杏仁哥口罩新冠肺炎</t>
  </si>
  <si>
    <t>口罩杏仁排隊肺炎</t>
  </si>
  <si>
    <t>慧洋-KY（2637）4日公告2月營收845億元年減1984％累計前2月營收1852億元年減1721％2月單月稅前虧損為064億元自結每股稅前虧損009元；累計前2月稅前虧損03億元自結每股稅前虧損004元。慧洋指出</t>
  </si>
  <si>
    <t>虧損公告單月累計-ky指出</t>
  </si>
  <si>
    <t>慧洋-KY（2637）4日公告2月營收845億元年減1984％累計前2月營收1852億元年減1721％2月單月稅前虧損為064億元自結每股稅前虧損009元；累計前2月稅前虧損03億元自結每股稅前虧損004元。慧洋指出公司主力巴拿馬型船BPI指數2月5日之後一路回升3月市場轉趨樂觀。
慧洋上一次單月出現虧損是2017年4月因ECB執行賣回權出現虧損公司分析第一季為運輸業傳統淡季今年再加上新冠肺炎疫情影響市場信心以及延緩開工造成的生產停工、港口缺工影響作業流程使波羅的海乾貨船綜合指數（BDI）大跌2月份平均指數為460點較上月平均668點、跌幅達31％散裝航運業呈現保守觀望態度。
慧洋因有近半船隻簽有長期租約使營收跌幅較BDI緩和不過公司原估今年首季因低硫油問題有較多船隻進廠裝脫硫器有利運價提升有些到期合約不急著簽新約未料遭遇新冠肺炎打亂市場另公司長約中約有一成與指數做連結也讓這兩個月收入減少。
2月中下旬大陸正式復工後原物料進口與產品出口帶動運輸需求回補下市場運價已見回穩巴拿馬型船運費指數BPI自2月5日最低520點回升至2月28日905點最為明顯漲幅74％本月3日續漲至935點。
在船隊佈局與換租方面慧洋今年仍將照預定計畫交付7艘節能新船其中2艘加裝脫硫設備並依市況適時汰舊老舊船舶。針對疫情對散裝航運業之影響慧洋將持續審慎評估適時調配船舶配置保留營運彈性。</t>
  </si>
  <si>
    <t>市場指數公司今年影響虧損運價船舶適時航運業bdi單月跌幅疫情船隻出現</t>
  </si>
  <si>
    <t>稅前虧損回升肺炎累計前慧洋</t>
  </si>
  <si>
    <t>肺炎回升累計虧損</t>
  </si>
  <si>
    <t>防疫首季業績</t>
  </si>
  <si>
    <t>杏一醫療(4175)3月合併營收497億元較去年同期成長1604%第一季合併營收達1435億元較去年同期成長1736%。隨新冠肺炎疫情持續延燒杏一積極配合政府防疫措施除了社區健保藥局配合口罩領用及民眾衛教並在</t>
  </si>
  <si>
    <t>配合合併去年同期藥局措施防疫政府積極口罩持續疫情肺炎社區</t>
  </si>
  <si>
    <t>杏一醫療(4175)3月合併營收497億元較去年同期成長1604%第一季合併營收達1435億元較去年同期成長1736%。
隨新冠肺炎疫情持續延燒杏一積極配合政府防疫措施除了社區健保藥局配合口罩領用及民眾衛教並在醫院型門市推出暖心方案祭出團購活動予前線醫護提供N95口罩及民生用品回饋醫護人員辛勤付出。
杏一更體貼國人推出宅配優惠方案提供長者、居家隔離者與大眾更彈性的購買管道。杏一全力協助國人抗疫三月業績逆勢成長。
杏一近年積極投入社區型門市滿足各年齡層的需求而杏一強勁的成長力道即來自於強健的展店實力以及開設地點的策略正確。目前杏一門市已遍佈各大醫院周邊黃金地點以及深入社區全台門市數共256家分店透過會員制度創造高黏著度消費群而新設的門市也將持續帶入新會員、創造亮眼營收表現。</t>
  </si>
  <si>
    <t>門市提供創造口罩持續方案成長社區國人配合醫院推出積極合併去年同期展店實力于強健來自開設團購</t>
  </si>
  <si>
    <t>新冠肺炎疫情杏一N95口罩</t>
  </si>
  <si>
    <t>疫情肺炎口罩</t>
  </si>
  <si>
    <t>柯文哲準備下禮拜封城桌上演習</t>
  </si>
  <si>
    <t>國軍敦睦艦隊發生群聚感染磐石艦上共計有27名官兵確診新冠肺炎。臺北市長柯文哲被問及此事時他說軍人是國家命脈該檢討就檢討大家應坐下來開誠布公該怎麼解決就怎麼解決。他說就他的專業來看「這是危機」</t>
  </si>
  <si>
    <t>檢討感染磐石共計解決官兵確診發生肺炎臺北市軍人柯文哲問及此事開誠佈公艦隊命脈國家專業</t>
  </si>
  <si>
    <t>國軍敦睦艦隊發生群聚感染磐石艦上共計有27名官兵確診新冠肺炎。臺北市長柯文哲被問及此事時他說軍人是國家命脈該檢討就檢討大家應坐下來開誠布公該怎麼解決就怎麼解決。他說就他的專業來看「這是危機」就要把問題處理掉。對於封城演習柯文哲表示下個禮拜會桌上演習。
對於很多縣市都在做封城計畫臺北市做法是什麼？柯文哲表示一般演習是書面作業才是桌上演習後來實體演練前面還是要做。他說北市封城與否比想像中困難行政院跟立院關起來要怎麼做北市要跟中央協調他說北市不是要封就封下個禮拜會桌上演習。
至於多少人確診會封城？柯文哲表示封城有各種程度按照實際上的需要或執行上困難與否執政上有務實考量成本跟效益因此無法回應多少人確診就封城。
對於磐石艦上共計有27名官兵確診新冠肺炎柯文哲被問及此事時他說軍人是國家命脈該檢討就檢討大家應坐下來開誠布公該怎麼解決就怎麼解決。他說就他的專業來看「這是危機」就要把問題處理掉。他說越混亂的時刻越不要罵人先把問題解決才是重點。他說應該先把危機處理完現在不是獵女巫的時候。</t>
  </si>
  <si>
    <t>封城柯文哲演習確診對於表示處理桌上困難解決問題北市危機臺北市磐石拜會</t>
  </si>
  <si>
    <t>柯文哲新冠肺炎新冠病毒COVID-19海軍</t>
  </si>
  <si>
    <t>肺炎covid-病毒海軍柯文哲</t>
  </si>
  <si>
    <t>首季效應化工業績</t>
  </si>
  <si>
    <t>永捷(4714)受惠轉單效應3月合併營收1億673萬元年增24倍第一季合併營收1億7441萬元年增40%。永捷說今年除了在國防類新產品開發已完成階段性認證通過在新客戶開發上有顯著成效預期可在未來帶進業績成長</t>
  </si>
  <si>
    <t>永捷合併預期成效顯著上有開發效應客戶認證未來產品開發國防今年階段性完成帶進業績受惠成長</t>
  </si>
  <si>
    <t>永捷(4714)受惠轉單效應3月合併營收1億673萬元年增24倍第一季合併營收1億7441萬元年增40%。永捷說今年除了在國防類新產品開發已完成階段性認證通過在新客戶開發上有顯著成效預期可在未來帶進業績成長。目前因石油價格大幅下降原物料成本也隨之降低毛利率有逐月上升的趨勢待市場恢復公司獲利將可隨著業績成長一同提升。
永捷指出受新冠肺炎疫情影響全球傳產供應鏈大亂大陸與許多東南亞國家出貨都不穩定許多大廠開始都把訂單移往台灣由於台灣在疫情控制上相對穩定可有效降低客戶風險因此永捷在紡織類樹脂及TPU等產品出貨量提升受惠於客戶近期急單與轉單需求第一季業績逆勢激增。
永捷在可撓性有機發光二極體(Flexible OLED)顯示器高硬度耐磨材料已陸續試產驗證配合客戶不斷開發摺疊顯示器新產品的佈局目前已經開發出十幾種新產品線未來有望帶動出貨成長。</t>
  </si>
  <si>
    <t>客戶業績永捷產品成長開發降低疫情顯示器提升穩定目前未來受惠趨勢市場恢復</t>
  </si>
  <si>
    <t>永捷3月營收首季營收新冠肺炎疫情</t>
  </si>
  <si>
    <t>首季肺炎疫情永捷</t>
  </si>
  <si>
    <t>洗手未來達到生產寶格麗</t>
  </si>
  <si>
    <t>新冠肺炎（COVID-19）成為全球流行疾病各國都相繼鎖國來控制疫情尤其是義大利更成為歐洲最嚴重疫區也因些讓各精品紛紛投入捐錢、捐物資給醫療機構來守護第一線的醫療人員。在新冠疫情還看不到盡頭下寶格麗</t>
  </si>
  <si>
    <t>疫情成為精品疫區嚴重歐洲守護第一線流行全球人員醫療大利疾病相繼鎖國尤其控制</t>
  </si>
  <si>
    <t>新冠肺炎（COVID-19）成為全球流行疾病各國都相繼鎖國來控制疫情尤其是義大利更成為歐洲最嚴重疫區也因些讓各精品紛紛投入捐錢、捐物資給醫療機構來守護第一線的醫療人員。
在新冠疫情還看不到盡頭下寶格麗持續支持科學與醫學界對抗新型冠狀病毒 (Covid-19)除了一個月前捐贈給率先分離出病毒株的羅馬Spallanzani醫院最新的3D高清晰顯微鏡以利研發疫苗之外今(26)日另宣佈另外一項慷慨貢獻希望對義大利對於預防、打擊和根除新型冠狀病毒(Covid-19) 盡一份心力。
決定與其長久合作的香水製造夥伴ICR（Industrie Cosmetiche Riunite Lodi）一起生產數十萬個抗菌洗手凝膠將這些產品透過義大利民防部門優先提供給所有的醫療機構。目標在前兩個月內達到單日6000瓶的產量並且在未來兩個月內達到生產數量20萬瓶。
抗菌洗手凝膠為75毫升的可回收瓶未來將透過義大利政府分發以幫助在前線對抗病毒的關鍵醫療機構及相關基礎建設單位。</t>
  </si>
  <si>
    <t>病毒大利醫療機構covid-成為疫情對抗冠狀生產透過未來洗手達到以利顯微鏡研發清晰</t>
  </si>
  <si>
    <t>寶格麗抗菌洗手凝膠義大利新冠肺炎COVID-19</t>
  </si>
  <si>
    <t>大利洗手肺炎寶格麗covid-</t>
  </si>
  <si>
    <t>醫護確診海巡網友前線防疫送暖</t>
  </si>
  <si>
    <t>新冠肺炎疫情延燒中央流行疫情指揮中心今(12)日公佈國內新增2例新冠肺炎本土病例分別為本國籍30多歲男醫師(案838)及本國籍20多歲女護理師(案839)。消息傳出各界議論紛紛。對此同樣是防疫第一線的海巡人員格</t>
  </si>
  <si>
    <t>肺炎疫情防疫國籍同樣對此議論紛紛傳出消息第一線指揮中心病例本土公佈國內新增醫師海巡流行分別中央</t>
  </si>
  <si>
    <t>新冠肺炎疫情延燒中央流行疫情指揮中心今(12)日公佈國內新增2例新冠肺炎本土病例分別為本國籍30多歲男醫師(案838)及本國籍20多歲女護理師(案839)。消息傳出各界議論紛紛。對此同樣是防疫第一線的海巡人員格外有感。海巡署長室臉書粉絲專頁PO出貼文力挺前線醫護人員呼籲網民一人一句鼓勵短短一小時就湧進大批留言。
海巡署長室貼文提到「同在防疫第一線的我們知道後最難過的是看見不少網友對此的回應：『終於有醫護被感染囉』、『只有一個女友嗎？』、『真羨慕』等等留言」對醫護人員遭不理性網民酸言襲擊感到相當不捨。
小編指出「防檢疫人員的工作風險相當高每天要面對可能感染病毒的對象下班後還得擔心身上有沒有消毒乾淨影響家人……但其中最危險的一群絕對包含『守在負壓病房的醫護人員』」。
在傳出醫護人員染疫之後海巡署長室立刻發起一人一句謝謝希望告訴醫護人員「比起酸言酸語願意給他們溫暖的人更多！」
一人一句謝謝告訴醫護人員比起酸言酸語願意給他們溫暖的人更多！
今天新增了2例本土案例初步瞭解是一位在負壓病房的醫師處理病患時意外遭到感染。
同在防疫第一線的我們知道後最難過的是看見不少網友對此的回應：「終於有醫護被感染囉</t>
  </si>
  <si>
    <t>醫護人員感染署長防疫海巡相當醫師留言新增第一線本土傳出人員病房肺炎</t>
  </si>
  <si>
    <t>新冠肺炎醫護人員海巡署長室臉書北部某醫院</t>
  </si>
  <si>
    <t>海巡署長醫護人員肺炎北部醫院</t>
  </si>
  <si>
    <t>辦法跟上防疫新增病例黃珊珊</t>
  </si>
  <si>
    <t>【愛傳媒黃珊珊專欄】每天的日常早上七點半晨會八點與中央指揮中心視訊會議九點臺北市指揮中心會議中午出去看看防疫旅館與快篩站下午兩點半工作討論會三點半臺北市政府記者會四點到六點處理其他公文</t>
  </si>
  <si>
    <t>指揮中心會議臺北市政府早上討論會工作下午中央旅館防疫看看中午記者會出去專欄黃珊珊臺北市處理傳媒公文</t>
  </si>
  <si>
    <t>【愛傳媒黃珊珊專欄】每天的日常早上七點半晨會八點與中央指揮中心視訊會議九點臺北市指揮中心會議中午出去看看防疫旅館與快篩站下午兩點半工作討論會三點半臺北市政府記者會四點到六點處理其他公文七點到九點處理明日議程與積案每天都有新變化每天都在挑戰極限5月24日晚上有一家大型旅館終於答應轉為防疫專責旅館了短時間內醫護人力可以上線的話我們就可以把暫留在家中的確診患者接到專責旅館了醫院的專責病房又多開很多後勤戰線跟上來第一線的人更無後顧之憂。
很多人很好奇為什麼確診者在家裡等因為中央的集中檢疫所已經被前幾波累積的確診者佔滿了臺北市的防疫專責旅館開設後要收住快篩站的陽性病患（每天約百例）還有還在家中未住院的確診病患（每天還會新增百例以上）我們每天新增的防疫專責旅館房數是150左右沒辦法跟上新增快篩陽性病例與累積確診病例的數量所以才每天都在拜託旅館轉為防疫專責旅館。
我這輩子都不會忘記每天晚上的那種煎熬每一個數字都是一個人我們也想趕快從家裡接走他們但就算有空房間也沒用還需要勇敢的房務人員與醫護人員進駐才行我們每天都跟時間賽跑也跟病毒賽跑但我們一定要跑更快！
現在社區已經停止活動已經有九百位快篩陽性都在專責防疫旅館了大部分傳染鏈被斷掉大家不要動快篩與隔離加快速度我們一定可以跑更快的！
作者為臺北市副市長
照片來源：作者臉書截圖。
●更多文章見作者臉書經授權刊載。
●專欄文章不代表i-Media 愛傳媒立場。</t>
  </si>
  <si>
    <t>旅館專責確診防疫臺北市可以陽性新增已經作者家裡中央專欄時間家中文章</t>
  </si>
  <si>
    <t>旅館專責防疫新冠肺炎台灣</t>
  </si>
  <si>
    <t>防疫專責肺炎旅館臺灣</t>
  </si>
  <si>
    <t>確診肺炎境外日新輸入大陸</t>
  </si>
  <si>
    <t>18日大陸首度無新增本土確診病例湖北以外省份無新增死亡病例並已連續7日無新增本土確診病例；最近7日大陸境外輸入確診病例數占新增確診病例總數8455％國際疫情快速蔓延也為大陸帶來輸入性風險增加。19</t>
  </si>
  <si>
    <t>病例確診大陸輸入本土帶來快速蔓延疫情總數國際最近死亡省份湖北以外境外連續新增風險首度</t>
  </si>
  <si>
    <t>18日大陸首度無新增本土確診病例湖北以外省份無新增死亡病例並已連續7日無新增本土確診病例；最近7日大陸境外輸入確診病例數占新增確診病例總數8455％國際疫情快速蔓延也為大陸帶來輸入性風險增加。
19日大陸國務院聯防聯控機制就畜禽產品保供穩價工作情況舉行發佈會大陸國家衛健委新聞發言人、宣傳司副司長米鋒指出湖北除武漢外連續14日無新增本土確診病例。應落實外防輸入重點任務。
18日大陸新增報告境外輸入確診病例34例包括北京21例、廣東9例、上海2例、黑龍江1例、浙江1例累計報告境外輸入確診病例189例。</t>
  </si>
  <si>
    <t>大陸病例確診輸入湖北境外新增本土報告連續保供工作產品畜禽情況舉行機制發言人國家衛健</t>
  </si>
  <si>
    <t>報到隔離劉致榮獨居mlb</t>
  </si>
  <si>
    <t>去年以簽約金75萬美元加盟紅襪隊的「火球男」劉致榮今（24）日在臉書報平安表示他已抵達位於佛羅裡達州的春訓基地麥爾茲堡（Fort Myers）由於球團對新冠肺炎的防疫態度十分慎重劉致榮先被要求隔離1周以策安</t>
  </si>
  <si>
    <t>劉致榮要求火球慎重十分態度肺炎防疫平安表示myersfort書報抵達位於麥爾茲佛羅里達州</t>
  </si>
  <si>
    <t>去年以簽約金75萬美元加盟紅襪隊的「火球男」劉致榮今（24）日在臉書報平安表示他已抵達位於佛羅裡達州的春訓基地麥爾茲堡（Fort Myers）由於球團對新冠肺炎的防疫態度十分慎重劉致榮先被要求隔離1周以策安全。
劉致榮在臉書粉絲專頁寫著：「今天來報平安！」他是在上週四中午從台灣出發經過超過24小時的二次轉機及飛行終於被球團派車給接進佛州春訓基地Fort Myers。由於球隊對於新冠肺炎疫情的謹慎態度他先被安排1周的單獨隔離居住；每天對著風光明媚的佛羅裡達三餐都叫外送食物他還形容「早餐簡單到不行」。
對於目前的飲食劉致榮說還好球隊有給餐費可以自己選餐！而佛州天氣很好隔離期間除了可在室內做徒手重量訓練也可以到處跑步。而且所謂隔離也不是寸步難行球隊允許他順便到處看看當然還有許多時間可以上網、觀看球隊給的資訊、翻翻書（灌籃高手）他還打趣說這是在「享受孤獨」。
最後劉致榮強調球團要他練習英文版的簽名這也是職業選手必須具備的。為了保持體能他趕緊出門跑步且不忘說：「願大家一切平安願台灣一切安好」還自我解嘲：「出境被隔離的第一人嗎？哈哈哈！」</t>
  </si>
  <si>
    <t>劉致榮隔離球隊臺灣平安對於佛州可以態度肺炎基地myersfort</t>
  </si>
  <si>
    <t>劉致榮隔離新冠肺炎麥爾茲堡</t>
  </si>
  <si>
    <t>肺炎麥爾茲隔離劉致榮</t>
  </si>
  <si>
    <t>一舉民怨蔡英文質疑掩護高端疫苗</t>
  </si>
  <si>
    <t>中華代表團近日在東京奧運奪下好成績選手群表現亮眼更讓全台掀起東奧熱總統蔡英文更頻頻致電恭喜選手對此藍委李德維直言「疫苗空窗期」已經山雨欲來這或許就解釋了蔡英文為什麼要化身「蔡主播」全民</t>
  </si>
  <si>
    <t>蔡英文選手奧運奪下解釋成績或許已經山雨欲來表現疫苗東京直言李德維藍委全台對此總統頻頻恭喜化身</t>
  </si>
  <si>
    <t>中華代表團近日在東京奧運奪下好成績選手群表現亮眼更讓全台掀起東奧熱總統蔡英文更頻頻致電恭喜選手對此藍委李德維直言「疫苗空窗期」已經山雨欲來這或許就解釋了蔡英文為什麼要化身「蔡主播」全民心繫奧運就能延緩疫苗空窗的民怨爆發甚至能掩護高端「暗渡陳倉」。
李德維今（1日）在臉書發文表示東京奧運賽程進入最後一週感謝所有選手的精湛表現真的從你們身上得到太多也學到太多了但是相較於選手的成就與此同時「疫苗空窗期」已經山雨欲來AZ疫苗即將在第4輪施打後告罄莫德納疫苗第5輪上場但也僅有不到百萬劑。
李德維感嘆結果就是300多萬等待第一劑莫德納的民眾不知要等到猴年馬月已經接種第一劑莫德納的民眾的第二劑也沒有著落而已經接種第一劑AZ的很多民眾第二劑也不知道在哪然後繞了一圈還是繞回了民進黨政府最初的劇本要逼使民眾只能選擇高端疫苗還不只於此伴隨著恐慌即將重新襲來的還有各種不公義李認為這或許就解釋了蔡英文為什麼要化身「蔡主播」全民心繫奧運就能延緩疫苗空窗的民怨爆發甚至能掩護高端「暗渡陳倉」。
看到台灣選手們的表現李德維直言很棒沒錯但是播報請交給主播與記者錦上添花的越洋電話打過就好。張羅更多疫苗更快到貨才是蔡英文的責任與當務之急。
針對疫苗恐不足的情形指揮中心指揮官陳時中7月28日在記者會上表示目標10月底全台覆蓋率要達到6成來看可能會遇到三大難題分別是民眾施打疫苗的意願接種能力和疫苗數量夠不夠。而目前看來疫苗進貨量比較會是問題不過他們會努力掌握進貨的速度避免接種速度變慢。</t>
  </si>
  <si>
    <t>疫苗選手民眾李德維接種蔡英文奧運表現已經莫德納高端全台表示東京az</t>
  </si>
  <si>
    <t>新冠肺炎民眾蔡英文選手李德維</t>
  </si>
  <si>
    <t>肺炎蔡英文民眾選手李德維</t>
  </si>
  <si>
    <t>媽祖陳時中贊成大甲鎮</t>
  </si>
  <si>
    <t>國內連續29天沒有本土疫情是否能準備復辦大甲鎮瀾宮媽祖遶境？中央流行疫情指揮中心指揮官陳時中表示遶境活動還是要繼續維持社交安全距離戴口罩。目前來說他還不贊成這麼快就舉行這麼大型的活動。陳時中說</t>
  </si>
  <si>
    <t>疫情活動陳時中是否準備目前口罩贊成距離安全大甲鎮社交維持繼續媽祖本土中央</t>
  </si>
  <si>
    <t>國內連續29天沒有本土疫情是否能準備復辦大甲鎮瀾宮媽祖遶境？中央流行疫情指揮中心指揮官陳時中表示遶境活動還是要繼續維持社交安全距離戴口罩。目前來說他還不贊成這麼快就舉行這麼大型的活動。
陳時中說現在放寬餐飲限制職棒場地入場次序都很好可以放寬到2000人但現在他並不贊成這麼快舉辦大型遶境活動。鎮瀾宮副董事長鄭銘坤則表示若可以辦就讓媽祖提早繞境帶動經濟信徒很期待。
鄭銘坤說從頭至尾各遶靜團隊都很期待以及蓄勢待發只要一聲令下隨時都可以出發。</t>
  </si>
  <si>
    <t>活動可以疫情表示期待放寬現在贊成媽祖是否準備距離安全本土社交一聲令下口罩</t>
  </si>
  <si>
    <t>遶境鄭銘坤出發大甲鎮瀾宮媽祖復辦</t>
  </si>
  <si>
    <t>大甲鎮出發媽祖鄭銘坤</t>
  </si>
  <si>
    <t>專家爆發機師疫情香港</t>
  </si>
  <si>
    <t>香港10日新增5例新冠肺炎輸入個案當中包括3名男患者為機組人員港專家指出未來21天要小心有病徵人士要盡早就醫或檢測希望盡早發現社區傳播鏈避免爆發第5波疫情。香港大學感染及傳染病中心總監何栢良今（1</t>
  </si>
  <si>
    <t>儘早傳染病感染肺炎香港大學輸入疫情個案爆發當中包括避免患者傳播社區機組人員發現中心專家未來指出人士小心就醫</t>
  </si>
  <si>
    <t>香港10日新增5例新冠肺炎輸入個案當中包括3名男患者為機組人員港專家指出未來21天要小心有病徵人士要盡早就醫或檢測希望盡早發現社區傳播鏈避免爆發第5波疫情。
香港大學感染及傳染病中心總監何栢良今（11日）表示港府目前豁免檢疫安排存在漏洞建議嚴加管控相關豁免檢疫安排要求機組人員也需要在酒店隔離後才能進入社區。
何栢良指由於歐美實施與病毒共存策略機組人員在當地感染風險增加但抵港後仍可以豁免檢疫自由在社區活動相關安排需考慮對其他民眾是否公平。
香港呼吸系統專科醫生梁子超今也表示2名確診機師曾到過社區不同地方很難排除有傳播風險未來21日要小心有病徵人士要盡早看醫生或檢測希望盡早發現社區傳播鏈避免爆發第5波疫情。</t>
  </si>
  <si>
    <t>社區機組人員安排豁免檢疫感染傳播風險表示儘早相關香港未來發現檢測人士希望肺炎病徵輸入小心</t>
  </si>
  <si>
    <t>機組人員香港新冠肺炎機師染疫</t>
  </si>
  <si>
    <t>肺炎機師香港機組人員</t>
  </si>
  <si>
    <t>《業績-生醫》明達醫去年EPS約42元擬配息255元</t>
  </si>
  <si>
    <t>明達醫eps去年業績</t>
  </si>
  <si>
    <t>明達醫(6527)2019年稅後淨利9107萬元年增3成以加權股本計算每股盈餘約42元董事會決議每股將配息255元現金殖利率約4%。明達醫去年大陸去年營收占比約13%相較前一年的4~5%成長大陸新冠肺炎疫情衝擊</t>
  </si>
  <si>
    <t>大陸明達醫加權股本計算去年董事會決議利率現金成長淨利相較占比約肺炎</t>
  </si>
  <si>
    <t>明達醫(6527)2019年稅後淨利9107萬元年增3成以加權股本計算每股盈餘約42元董事會決議每股將配息255元現金殖利率約4%。
明達醫去年大陸去年營收占比約13%相較前一年的4~5%成長大陸新冠肺炎疫情衝擊市場需求遞延法人認為2月起營收表現恐將受到影響首季業績保守看待。但由於市場需求只是遞延明達醫下半年業績仍可望回升回升外加全自動眼底相機及自動磨片機新品上市中長期業績仍樂觀。
明達醫開發出臺灣第一台由國人自行研發設計、生產製造的專業眼底照相機及全自動眼壓計產品並積極朝醫療耗材領域發展包括引進德國知名大廠內視鏡耗材。明達醫深耕高階醫療儀器代工業務另外也有自有品牌Crystalvue業務除了代工業務獲得全球知名廠商長期ODM合約自有品牌產品的銷售代理商已遍佈全世界40多個國家。</t>
  </si>
  <si>
    <t>明達醫業績產品知名耗材眼底醫療品牌自有大陸工業市場需求銷售加權股本計算研發自行</t>
  </si>
  <si>
    <t>明達醫配息現金殖利率新冠肺炎</t>
  </si>
  <si>
    <t>現金利率明達醫肺炎</t>
  </si>
  <si>
    <t>傳播東方紅衛生局長端午節確診新增</t>
  </si>
  <si>
    <t>南投縣6月9日新增3例確診個案皆為東方紅案5450之同住者分別為案12029男性88歲、案12030女性84歲及案12031女性53歲由於3位為5月24日至6月7日居家隔離期間之第2次核酸（PCR）檢測確診固無公共場所活動史。縣府</t>
  </si>
  <si>
    <t>確診固無新增檢測pcr紅案核酸東方個案公共場所分別同住者居家隔離期間活動女性男性縣府</t>
  </si>
  <si>
    <t>南投縣6月9日新增3例確診個案皆為東方紅案5450之同住者分別為案12029男性88歲、案12030女性84歲及案12031女性53歲由於3位為5月24日至6月7日居家隔離期間之第2次核酸（PCR）檢測確診固無公共場所活動史。縣府因此11日將再於草屯再辦理一場社區篩檢、東方紅採檢專案再延長一周。
南投縣衛生局指出案5450是上月5月25日公佈確診他因5月間8日及12日前往東方紅消費後有鼻塞及味覺異常現像24日前往醫院採檢確診後送往集中檢疫所同住的父母親及妻子即今日確診3人匡列為居家隔離沒想到就在要解除隔離時（PCR）檢測確診。另與案5450密切接觸同事2人目前2採均陰性。
由於南投9日新冠肺炎確診者皆為東方紅傳播鏈南投縣衛生局長黃昭郎表示「東方紅養生會館及養生館核酸（PCR）採檢專案」延長一周至6月16日止要求4月至5月曾前往東方紅時尚會館、養生館的消費者不要怕這是專線縣府會為你保密一定要勇敢來採檢上一波僅有4人來採檢均為陰性相信還有繼續提供的必要所以繼續延長一周。
還有因這三起皆居住草屯鎮南投衛生局除了6月10日至12日啟動「竹山鎮新冠肺炎社區篩檢站」三場次外；為控制社區傳播風險預定6月11日再於草屯鎮再辦理一場次新冠肺炎社區篩檢。4場次地點及時間如附表。
黃昭郎最後強調端午節快到了雖然是三天的連假鄉親們或遠方的親戚盡量不要回來一些社群網站也看到因為最近下雨了日月潭水位回升美麗風景吸引民眾到風景區露營等等呼籲鄉親及國內的朋友防疫期間要減少人口移動及群聚希望大家能克制自己盡自己一份約束的能力才能安全、度過這次疫情。</t>
  </si>
  <si>
    <t>確診東方紅社區pcr鄉親隔離延長肺炎縣府黃昭郎期間傳播</t>
  </si>
  <si>
    <t>新冠肺炎台灣東方紅確診南投</t>
  </si>
  <si>
    <t>臺灣東方紅確診肺炎</t>
  </si>
  <si>
    <t>屆時不可侯友宜用盡柯稱同調機會雙北</t>
  </si>
  <si>
    <t>雙北研議共同防疫但從防疫旅館、關閉場館等種種措施都不同調新北市長侯友宜今出席活動時更重申沒有所謂資源要不要用盡的問題關鍵時刻就是要用盡全部力量否則大規模社區一旦感染發生得了病想救都沒機會；</t>
  </si>
  <si>
    <t>防疫措施旅館得了發生感染同調一旦新北社區力量出席市長用盡侯友宜活動關閉時更就是重申關鍵時刻要用沒有資源</t>
  </si>
  <si>
    <t>雙北研議共同防疫但從防疫旅館、關閉場館等種種措施都不同調新北市長侯友宜今出席活動時更重申沒有所謂資源要不要用盡的問題關鍵時刻就是要用盡全部力量否則大規模社區一旦感染發生得了病想救都沒機會；似乎影射臺北市長柯文哲日前「力不可用盡」一說。
面對新北市屢屢超前部署柯文哲日前質疑疫情至少蔓延6個月以上現階段「力不可用盡」就連新北關閉大型密閉場所北市副市長黃珊珊也質疑「關了人民要去哪？」種種措施都呈現雙北不同調。
侯友宜今下午出席防疫基金捐贈活動時致詞表示疫情延燒迄今2個多月如何做到阻絕於境外、管控於境內是現階段防疫關鍵面對第一波中港澳疫情台灣成功守住了但第二波歐美、甚至全球大蔓延因為發現較晚疫情也較嚴重。
侯友宜指出畢竟醫療體系有限現階段雖只有幾個小規模、零星的社區感染案例負壓隔離病床已占盡7成若大規模社區感染發生剩下的3成病床勢必供不應求「因此現階段所有的力都要用盡否則疫情擴散後醫療體系跟著崩潰得了病想救都沒機會」。
侯友宜認為境外阻絕、境內管控要雙頭進行一方面慢慢阻絕境外移入案例一方面境內的個案也一一圍堵、擊破而非等到疫情擴散出去引發大規模社區感染再來處理「現階段全部力量都要用盡沒有所謂資源要不要用盡的問題！」</t>
  </si>
  <si>
    <t>疫情現階段用盡侯友宜社區感染防疫新北境內案例面對質疑市長蔓延關閉活動病床柯文哲日前體系醫療擴散措施管控</t>
  </si>
  <si>
    <t>經濟土耳其貨船疫情世界襲擊</t>
  </si>
  <si>
    <t>精選《中時新聞網》5件不可不知的國際大事帶讀者掌握今天(2月19日)的國際新聞重點。【1】各國防疫反應過度？專家曝新冠病毒可怕關鍵大陸新冠肺炎確診病例數仍持續攀升包括美國在內全球多國對陸實施入境限制措</t>
  </si>
  <si>
    <t>國際多國全球不可不美國包括攀升大事持續今天實施病例肺炎確診新聞重點防疫專家反應過度新聞網讀者掌握</t>
  </si>
  <si>
    <t>精選《中時新聞網》5件不可不知的國際大事帶讀者掌握今天(2月19日)的國際新聞重點。
【1】各國防疫反應過度？專家曝新冠病毒可怕關鍵
大陸新冠肺炎確診病例數仍持續攀升包括美國在內全球多國對陸實施入境限制措施遭北京痛批「反應過度」。但真的反應過度嗎？不少專家認為和流感等其他病毒相比此波新冠狀病毒可怕之處在於不可預測性不過他們也無法保證實施旅行禁令將能有效阻止病毒傳播。
【2】日本首例 十多歲青少年確診新冠肺炎
2019年新型冠狀病毒疾病疫情在日本逐漸擴大和歌山縣政府表示日前縣內一名醫師確診今天這名醫師的十幾歲兒子也確診。和歌山縣累計12人感染武漢肺炎。
【3】12國92例人傳人 世衛仍樂觀無社區感染
世界衛生組織(WHO)總幹事譚德塞(Tedros Adhanom Ghebreyesus)週二對媒體說明新冠肺炎的疫情除了大陸以外的地區共有92的病例證實是人傳人案例分佈在12個國家。但譚德塞強調世衛並沒有觀察到「持續性」的社區感染。
【4】蘋果聲明受到疫情打擊 美股全面收黑
全球市值最高的企業蘋果公司週二發出銷售警告強調新冠肺炎已對全球供應鏈造成嚴重衝擊。因大陸工廠生產電子零件的效能大幅降低iPhone的製造速度大打折扣加上大陸市場對智慧型手機的需求也因疫情而降低預計今年度第一季的財報將很不樂觀。聲明一出當日股價應聲下跌26%。
【5】利比亞LNA擊毀土耳其貨船
利比亞國民軍(LNA)的官方Facebook上發表聲明其部隊摧毀了一艘泊在的黎波里港口的土耳其船隻因此該船運載了提供給敵對勢力利比亞民族協議政府(GNA)的武器和彈藥。這是LNA首度攻擊土耳其的資產目前土耳其當局尚未就此事件發表評論。</t>
  </si>
  <si>
    <t>疫情肺炎大陸土耳其確診聲明全球感染利比亞lna病毒今天降低國際實施反應和歌週二樂觀日本過度強調世衛發表</t>
  </si>
  <si>
    <t>1分鐘看世界新冠肺炎日本美股土耳其</t>
  </si>
  <si>
    <t>肺炎日本世界土耳其</t>
  </si>
  <si>
    <t>新冠肺炎持續在中國市場造成影響系統廠春節後的復工時間仍受到衝擊智慧手機出貨量亦同步減少。三星在此之際利用越南廠產能擴大出貨及搶攻市占持續蠶食大陸品牌手機廠市占三星因此擴大對零組件供應鏈下單神</t>
  </si>
  <si>
    <t>持續三星擴大中國市場造成受到衝擊智慧手機系統影響出貨量時間復工春節同步減少之際利用產能越南搶攻</t>
  </si>
  <si>
    <t>新冠肺炎持續在中國市場造成影響系統廠春節後的復工時間仍受到衝擊智慧手機出貨量亦同步減少。三星在此之際利用越南廠產能擴大出貨及搶攻市占持續蠶食大陸品牌手機廠市占三星因此擴大對零組件供應鏈下單神盾（6462）受惠急單湧入且放量出貨並同步對晶圓代工廠追加投片量以因應客戶強勁需求。
供應鏈傳出由於復工時間延後部分陸系品牌春節前發表的新機目前仍無法大量鋪貨三星由於大部分組裝產能設在越南因此不受衝擊目前正在向供應鏈追單準備搶食陸手機品牌在海外市占率。法人表示指紋辨識IC廠神盾已經接獲三星追單出貨將可望開始一路放量到3月。
新冠肺炎從中國爆發疫情後開始對全球市場造成影響原因在於目前各大系統廠仍以中國為主要生產據點因此自農曆春節假期後業者原因預期上周便可全面復工不過中國各省政府因新冠肺炎而決議延後復工日期後供應鏈開始連帶受到衝擊。
供應鏈指出目前部分系統廠雖已經獲得復工許可但由於仍舊缺工因此產能回復有限當前各大智慧手機組裝廠幾乎都落在中國大陸因此部分陸系品牌在春節前發表的新機出貨量相當有限使陸廠手機在第一季未能全面搶攻全球市場。
三星由於先前已經全面關閉大陸的組裝廠將生產鏈移轉至越南及印度等東南亞市場因此在本次系統廠延後開工衝擊潮當中受影響程度相當低。供應鏈傳出三星目前正在向供應鏈緊急追單準備搶食陸系品牌在海外的市占率。
神盾由於目前至少有五成營收來自三星貢獻因此將可望受惠於三星追單、大搶海外市占率帶動神盾業績全面衝刺。法人指出神盾接獲的三星急單除了加大拉貨力道之外也已經向晶圓代工廠追加投片量預期神盾出貨量有機會一路放大到3月左右。
神盾公告2020年1月合併營收達548億元寫下歷史同期次高相較2019年同期成長384％。法人看好神盾可望受惠於三星追單效益帶動神盾第一季合併營收繳出亮眼成績單。</t>
  </si>
  <si>
    <t>三星目前供應復工中國已經手機全面衝擊市場出貨量系統法人產能越南影響開始</t>
  </si>
  <si>
    <t>中國肺炎神盾三星追單</t>
  </si>
  <si>
    <t>三星肺炎中國</t>
  </si>
  <si>
    <t>嚇壞眼前暫時性az失明原因</t>
  </si>
  <si>
    <t>年輕族群陸續接種疫苗一名24歲的女網友上午打完AZ後晚上開始出現發燒、全身痠痛等症狀隔天清晨要上廁所時突然眼前一片黑甚至失去意識嚇得她在好轉後趕緊到醫院檢查貼文一出引起熱議許多處在搖滾區的</t>
  </si>
  <si>
    <t>疫苗引起女網友上午文一打完az檢查處在醫院晚上接種開始清晨全身酸痛症狀廁所趕緊突然</t>
  </si>
  <si>
    <t>年輕族群陸續接種疫苗一名24歲的女網友上午打完AZ後晚上開始出現發燒、全身痠痛等症狀隔天清晨要上廁所時突然眼前一片黑甚至失去意識嚇得她在好轉後趕緊到醫院檢查貼文一出引起熱議許多處在搖滾區的朋友也分享打完AZ後的症狀。
一名網友昨(12日)在Dcard發文表示24歲、沒任何疾病的她當天早上11點半打完AZ後大約晚上8點半開始發燒到38度到了半夜甚至發燒得更嚴重還全身酸痛、忽冷忽熱、會突然大爆汗。結果在清晨6點半原PO要上廁所時突然頭暈眼前一片黑什麼都看不到也聽不到大概持續了5分鐘「在以為要昏倒的時候我慢慢恢復意識但還是看不到我呼喊還在睡覺的室友幸好室友有醒來然後我慢慢看得到也恢復正常了。」
原po因為不太放心於是到大醫院檢查而醫生給她打完點滴後表示應該是缺水的緣故。並提醒大家若施打疫苗需多喝水然後可以買寶礦力、舒跑補充電解質打疫苗前可以多吃維他命C還有吃奇異果等。
貼文一出引起討論「喝很多水不代表不會缺水喔反而會因為上太多次廁所導致電解質失衡」、「我男友前幾天跟妳一樣！他也是突然暈眩一天大概有兩次之後阿姨帶他去急診我有跟去醫生也是說水喝不夠」、「我退燒後開始出現嘔吐跟頭痛還有爆冷汗」、「打完az 現在第四天頭還會一直不時抽痛是正常的嗎」、「打完第4天沒有發燒了但頭就是會痛特別是彎腰、打噴嚏那種大動作會特別痛」。</t>
  </si>
  <si>
    <t>打完az突然疫苗發燒大概表示廁所開始看不到慢慢意識醫生症狀電解質可以還有</t>
  </si>
  <si>
    <t>AZ疫苗失去意識昏倒發燒</t>
  </si>
  <si>
    <t>昏倒失去意識疫苗發燒az</t>
  </si>
  <si>
    <t>社交圈男子確診嘉玲連續匡列</t>
  </si>
  <si>
    <t>彰化縣16日添1例確診鄉親失望沒有打破連續4天零確診的紀錄但是確診在匡列範圍病毒沒有外擴的危險。衛福部長陳時中表示今天本土新增29病例、3例境外移入、4人死亡。彰化縣在連續嘉玲之後10日主動篩檢出1</t>
  </si>
  <si>
    <t>連續沒有確診之後部長陳時中表示衛福危險今天本土病毒新增嘉玲病例境外死亡鄉親主動</t>
  </si>
  <si>
    <t>彰化縣16日添1例確診鄉親失望沒有打破連續4天零確診的紀錄但是確診在匡列範圍病毒沒有外擴的危險。
衛福部長陳時中表示今天本土新增29病例、3例境外移入、4人死亡。
彰化縣在連續嘉玲之後10日主動篩檢出1例確診為年輕男子衛生局疫調發現男子有特殊社交活動還跨越了3縣市透過警方協助才匡列社交圈10名成員7人在台中已經兩人發病3人在彰化居家隔離又增添一起發病個案了。
彰化縣衛葉局長表示為了不造成破口還是持續主動監測以防有任何隱形的傳染鏈目前主動監測已累積77570人次希望能維持一天1000人的量能用主動監測的方式將疑似的症狀轉診做採檢早期發現隱藏的感染鏈早期圍堵。</t>
  </si>
  <si>
    <t>主動確診監測表示發現連續沒有男子發病早期社交圈症狀才匡列部長警方</t>
  </si>
  <si>
    <t>社交圈發病彰化縣新冠肺炎台灣</t>
  </si>
  <si>
    <t>肺炎發病臺灣社交圈</t>
  </si>
  <si>
    <t>不實北市秘辛再說</t>
  </si>
  <si>
    <t>本土疫情趨緩傳染病防治網臺北區副指揮官、臺北市立聯合醫院總院副總院長璩大成今天出席疾病管制署「感染管制與防治策略研討會」談到5月中旬北市爆發大規模本土疫情時團隊認知到過去習慣的「傳統疫調」已無法</t>
  </si>
  <si>
    <t>防治疫情本土管制傳統習慣過去出席今天院長副總總院臺北市立聯合醫院指揮官臺北區認知團隊傳染病策略研討會爆發</t>
  </si>
  <si>
    <t>本土疫情趨緩傳染病防治網臺北區副指揮官、臺北市立聯合醫院總院副總院長璩大成今天出席疾病管制署「感染管制與防治策略研討會」談到5月中旬北市爆發大規模本土疫情時團隊認知到過去習慣的「傳統疫調」已無法負荷因此改採重點式的「精準疫調」成功化解疫情海嘯帶來的危機。
璩大成直言經常有人會說「疫調不實」他請大家別再這樣講；因為他也曾經做過疫調相當清楚要在短時間內瞭解一個不認識的人可能只知其一卻不知其二例如長官詢問「他坐哪班飛機？」他能回答出來但又被問到「他坐第幾排？」可能就答不上來。
璩大成指出傳統疫調是從肺結核以來沿用的作法但光是閱讀一份手寫版疫調就需要3、5分鐘更別說填寫疫調表單相當耗時。他以臺北市過去的疫調經驗為例回溯過去一位同仁每天能做多少疫調？他得到的答案是「3個人」；但如果一天要做30個人的疫調他直言「那就毀了」。
疫調的重點在於找出可能傳染源並阻斷後續可能的傳染鏈。璩大成強調在「人地時事物」中疫調的優先順序是「時、人、地」至於確診者做了哪些事、用了什麼物並不重要。
當面對疫情海嘯來襲璩大成強調疫調的首要關鍵就是「快」。在密密麻麻的疫調手稿中找出最重要的資訊其中最重要的就是聯繫確診者的接觸者只要願意出來篩檢就派車去接送；透過各單位緊密合作北市府確立了擴大篩檢、熱區圍堵等防疫作法精準疫調的戰略佈局也逐漸成形。</t>
  </si>
  <si>
    <t>疫情可能過去防治作法重要出來精准傳統</t>
  </si>
  <si>
    <t>新冠肺炎台灣疫調璩大成北市</t>
  </si>
  <si>
    <t>臺灣肺炎大成北市</t>
  </si>
  <si>
    <t>收益資金台新避風港</t>
  </si>
  <si>
    <t>台新投信今（21）日表示在新冠肺炎的黑天鵝衝擊下全球金融市場普遍難以倖免面臨修正潮但新興短期高收益債發揮「短天期低波動」及「高息收」優勢深具抗跌力。台新投信指出在雷曼事件、美國降評、油價重挫、</t>
  </si>
  <si>
    <t>台新美國事件雷曼指出面臨修正倖免難以普遍收益金融市場全球發揮衝擊天鵝波動高息肺炎</t>
  </si>
  <si>
    <t>台新投信今（21）日表示在新冠肺炎的黑天鵝衝擊下全球金融市場普遍難以倖免面臨修正潮但新興短期高收益債發揮「短天期低波動」及「高息收」優勢深具抗跌力。台新投信指出在雷曼事件、美國降評、油價重挫、中美貿易戰及新冠肺炎等重大利空期間新興短期高收益債跌幅明顯小於全球高收債、美國高收益債、美國短高收債甚至在中美貿易戰期間逆勢上揚建議投資人將新興短期高收債納入資產配置組合強化資產防禦力。
台新新興短期高收益債券基金經理人尹晟龢表示據Bloomberg統計在2008年雷曼事件引發的金融海嘯期間全高收、美高收及美國短高收等最大跌幅分別達308％、2972％、2273％但新興短高收最大跌幅僅124％。在2018年中美貿易戰期間全高收、美高收及美國短高收等最大跌幅分別達382％、467％、24％但新興短高收卻逆勢上漲089％。在此次新冠肺炎爆發至3月20日止全高收、美高收及美國短高收等最大跌幅分別達1937％、1873％、1438％而新興短高收跌幅僅817％；從各重大經濟事件衝擊來看新興短高收的抗震特性皆明顯勝出。
尹晟龢指出受到新冠病毒的影響國際貨幣基金（IMF）最新發布的《世界經濟展望報告》下修了全球經濟成長率由+29％調降至-3％其中已開發國家陷入較大的衰退經濟成長降至-61％而新興市場在中國與印度的拉抬下經濟僅微幅衰退1％且預估明年將恢復66％的高增速。另由FED與ECB聯手大舉降息與擴張資產負債表一旦疫情平復可望出現資金行情並使新興高收債表現受惠。</t>
  </si>
  <si>
    <t>經濟收益全球事件期間跌幅肺炎美國貿易戰尹晟表示指出高收衝擊衰退雷曼明顯</t>
  </si>
  <si>
    <t>新興全球短高收美國最大跌幅</t>
  </si>
  <si>
    <t>美國跌幅全球</t>
  </si>
  <si>
    <t>熱像儀體溫走過斥資現形</t>
  </si>
  <si>
    <t>Big City遠東巨城購物中心因應新冠肺炎疫情2月起即建立完善防疫機制9日起更提升防疫等級實施顧客入館量測體溫與管制除了部分入口以人工進行額溫量測外更斥資約150萬添購3台熱像儀打造全年齡消費者最安全無</t>
  </si>
  <si>
    <t>防疫全年齡打造購物熱像儀中心因應斥資肺炎疫情消費者建立溫量完善進行人工等級</t>
  </si>
  <si>
    <t>Big City遠東巨城購物中心因應新冠肺炎疫情2月起即建立完善防疫機制9日起更提升防疫等級實施顧客入館量測體溫與管制除了部分入口以人工進行額溫量測外更斥資約150萬添購3台熱像儀打造全年齡消費者最安全無虞的購物環境。
巨城購物中心今年2月起要求全體員工、各單位服務人員皆自主管理並回報健康狀況館內全天候換氣維持空氣流通、公共設施定時消毒擦拭等各項防疫措施3月9日起更提升防疫等級實施顧客入館量測體溫與管制。
此次首度推出的熱像儀監測與量測體溫管制措施依徒步型、機車族與汽車族消費者及各出入口人流量規畫管制點。徒步入館的消費者可經由1樓民權路側巨城創藝大樓、中央及民權路口廣場以及地下1樓UNIQLO入口處經由熱像儀量測體溫。而機車族與汽車族消費者在進入停車場和停車塔時在提前設置的車道管制點接受額溫測量。如體溫超過375度之消費者將以柔性勸導就醫等建議。
遠東巨城購物中心董事長李靜芳表示巨城全體動員以嚴謹的態度做好消費者安心購物的第一道防線配合中央流行疫情指揮中心提升至一級開設巨城防疫專責小組也全面升級防疫措施透過層層把關確實控管守護民眾的健康。</t>
  </si>
  <si>
    <t>消費者防疫管制購物措施中心測體溫熱像儀全體疫情中央提升徒步汽車族機車遠東確實健康狀況館內回報</t>
  </si>
  <si>
    <t>新冠肺炎巨城消費者防疫體溫</t>
  </si>
  <si>
    <t>肺炎消費者防疫體溫</t>
  </si>
  <si>
    <t>全家市場海鮮華南感染</t>
  </si>
  <si>
    <t>新冠肺炎病例不斷增加尤其大陸不時傳出醫療緩不濟急的消息武漢當地居民更是人人自危。一名住在華南海鮮市場附近的武漢高中生指出封城後他與家人都足不出戶一家人每天靠做3件事躲過感染。這名學生接受《中新</t>
  </si>
  <si>
    <t>武漢不斷增加尤其大陸不時一家足不出戶傳出感染家人病例醫療緩不濟急消息封城指出高中生當地居民附近更是</t>
  </si>
  <si>
    <t>新冠肺炎病例不斷增加尤其大陸不時傳出醫療緩不濟急的消息武漢當地居民更是人人自危。一名住在華南海鮮市場附近的武漢高中生指出封城後他與家人都足不出戶一家人每天靠做3件事躲過感染。
這名學生接受《中新社》訪問時指出與家人住在新型冠狀病毒發源地華南海鮮市場附近1月23日封城之後就過著與封城前截然不同的生活。他們全家每天嚴守3原則：足不出戶、在家消毒、早晚都量體溫。他甚至說：「恨不得把體溫計一直夾著！」。他指出去年底當「武漢不明原因肺炎」消息傳出後他趕緊去買了2包N95口罩殊不知過沒多久武漢就封城了沒想到這僅存的2包口罩就成為一家人日後的救命符。
這名高中生就住在離市場15公里的距離華南海鮮市場可以說是他們家出門的必經之地。大陸媒體披露武漢市民眼中的華南海鮮市場宛如「髒亂」的代名詞由於市場占據了整條街加上售賣的海鮮與雜貨時常飄出腥味整體衛生環境髒亂不堪。</t>
  </si>
  <si>
    <t>武漢海鮮市場指出封城華南大陸足不出戶傳出肺炎一家家人消息高中生口罩髒亂附近不斷整體腥味增加消毒</t>
  </si>
  <si>
    <t>新冠肺炎武漢肺炎新型冠狀病毒NCP中國大陸</t>
  </si>
  <si>
    <t>肺炎冠狀武漢病毒ncp中國大陸</t>
  </si>
  <si>
    <t>試劑成功研發最新肺炎病毒</t>
  </si>
  <si>
    <t>自從新冠肺炎疫情發生以來大陸各界專業人士紛紛加緊研究腳步。有專家研發出最新檢驗病毒的試劑可在90分鐘內完成六種呼吸道病毒檢測而且靈敏度比原本的高三倍並能在30分鐘內確認病患體內是否有抗體能有校幫</t>
  </si>
  <si>
    <t>發生以來大陸專業人士紛紛加緊研究體內腳步疫情專家研發確認最新並能檢驗高三倍原本病毒病毒檢測試劑呼吸道完成抗體</t>
  </si>
  <si>
    <t>自從新冠肺炎疫情發生以來大陸各界專業人士紛紛加緊研究腳步。有專家研發出最新檢驗病毒的試劑可在90分鐘內完成六種呼吸道病毒檢測而且靈敏度比原本的高三倍並能在30分鐘內確認病患體內是否有抗體能有校幫助臨床醫務人員做鑒別診斷。
據《人民網》報導大陸工程院院士、清華大學醫學院講席教授程京昨（6日）發表多個新款試劑盒有三大特色第一可以在90分鐘以內完成高靈敏度的檢測靈敏度可以比過去的還要高三倍。
第二個特色是針對咽拭子採樣過程中獲得的抗原檢測在30分鐘之內就可以快速地獲知病人體內是否有病毒的存在。第三則是針對抗體檢測同樣也是在30分鐘內完成。
程京表示已有七個項目近入臨床階段最新審批上市的一款試劑盒有三大優點第一是利用恆溫擴增晶片技術一次能對六種呼吸道病毒進行快速檢測。第二是檢測速度更快所有檢測能在90分鐘內完成。第三是能幫助臨床醫務人員做鑒別診斷迅速區分哪些人是新冠病毒感染哪些患者是其他病毒感染能區分合併感染、交叉感染等不同情況。
更多 CTWANT 報導</t>
  </si>
  <si>
    <t>檢測完成病毒試劑大陸可以臨床呼吸道最新區分特色高三倍三大報導快速抗體靈敏度是否診斷鑒別醫務人員</t>
  </si>
  <si>
    <t>檢測試劑90病毒靈敏度</t>
  </si>
  <si>
    <t>檢測試劑靈敏度病毒</t>
  </si>
  <si>
    <t>共有新北疫苗施打接種準備</t>
  </si>
  <si>
    <t>日本捐贈124萬劑AZ新冠肺炎疫苗昨運抵台灣新北市長侯友宜今（5日）前往五股視察全市首座大型室內疫苗接種站他表示新北市大、中型的疫苗接種站總共有23處整個安排的動線跟順序都非常清楚整個作業的流程、SO</t>
  </si>
  <si>
    <t>疫苗新北接種非常順序肺炎安排清楚總共市長侯友宜臺灣前往視察室內全市作業</t>
  </si>
  <si>
    <t>日本捐贈124萬劑AZ新冠肺炎疫苗昨運抵台灣新北市長侯友宜今（5日）前往五股視察全市首座大型室內疫苗接種站他表示新北市大、中型的疫苗接種站總共有23處整個安排的動線跟順序都非常清楚整個作業的流程、SOP早就準備就緒了「就等待中央疫苗發送下來我們就可以立即施打。」
至於新北市可獲得多少疫苗侯友宜說中央有說過用高風險、中風險的方式來分配疫苗尊重中央在整個疫苗的分配方式。</t>
  </si>
  <si>
    <t>疫苗新北中央侯友宜接種方式肺炎清楚非常作業流程順序sop早就準備安排就緒</t>
  </si>
  <si>
    <t>新冠肺炎台灣整個疫苗準備</t>
  </si>
  <si>
    <t>疫苗臺灣肺炎準備</t>
  </si>
  <si>
    <t>領袖通電話習近平</t>
  </si>
  <si>
    <t>新華社報導大陸國家主席習近平23日晚間先後與法國總統馬克洪、埃及總統塞西、英國首相強森通電話表達對各國新冠肺炎疫情的關切。習近平介紹大陸疫情防控形勢強調願同各方一道加強在聯合國、20國集團等架構下協</t>
  </si>
  <si>
    <t>習近平大陸疫情總統聯合國加強一道主席強調形勢集團晚間英國首相先後防控通電話表達肺炎國家馬克洪埃及塞西法國</t>
  </si>
  <si>
    <t>新華社報導大陸國家主席習近平23日晚間先後與法國總統馬克洪、埃及總統塞西、英國首相強森通電話表達對各國新冠肺炎疫情的關切。習近平介紹大陸疫情防控形勢強調願同各方一道加強在聯合國、20國集團等架構下協調合作開展聯防聯控協助發展中國家和有需要的各國加強能力抵禦疫情衝擊。
習近平向馬克洪強調今年1月以來在抗擊新冠肺炎疫情的關鍵時期與馬克洪3次通話充分體現雙方高度互信及高水準的陸法關係。他注意到法方正採取一系列積極有效防控措施。陸方願繼續向法方提供力所能及的支援和幫助。
習近平應詢介紹了陸方疫情防控的形勢強調願同法方一道推動有關各方加強在聯合國、20國集團等架構下協調合作開展聯防聯控完善全球衛生治理幫助發展中國家和其他有需要的國家加強能力建設抵禦疫情給世界經濟帶來的衝擊。
馬克洪表示法方願同陸方開展雙邊衛生合作並共同推動各方在20國集團、世衛組織等多邊框架內加強合作攜手戰勝疫情應對疫情給世界經濟帶來的衝擊。
兩國元首同意保持密切溝通推動雙邊各領域交往合作確保陸法關係繼續在高水準上向前發展維護陸法、陸歐產業鏈、供應鏈穩定。
習近平對埃及總統塞西指出疫情發生後埃方對大陸抗擊疫情表達了支援。埃及當前也面臨抗擊疫情的緊迫任務陸方願同埃方及時分享疫情資訊、防控救治經驗、醫療研究成果提供醫療物資支援埃方疫情防控工作共同抗擊疫情。
塞西表示埃方感謝陸方提供的支持和幫助相信通過共同抗擊疫情埃陸兩國友好關係將更加深入。埃陸是特殊友好的夥伴。他高度重視埃中關係願同陸方共同努力推進兩國各領域務實互利合作加強在國際事務中的溝通協調。
習近平向強森強調大陸政府高度重視保護海外大陸公民身體健康和生命安全。希望英方採取切實有效措施維護好在英大陸公民特別是留學生的健康安全和正當權益。各國要在聯合國和20國集團架構內推進合作加強資訊和經驗交流共用加強科研攻關合作支援世衛組織發揮應有作用。
強森表示當前英國疫情形勢嚴峻正研究借鑒陸方有益經驗採取科學有效防控措施。英方將盡力照顧好在英大陸公民特別是留學生的健康和安全。疫情當前任何國家都不能獨善其身各國應加強合作。英方支援世衛組織發揮重要作用希望各方在20國集團等多邊架構內深化有關合作。陸英兩國今年將分別舉辦《生物多樣性公約》第15次締約方大會和《聯合國氣候變化框架公約》第26次締約方大會雙方要以此為契機推動國際社會加強衛生防疫合作。他並期疫情過後早日訪陸。</t>
  </si>
  <si>
    <t>疫情合作加強習近平陸方大陸防控抗擊法方推動支援強調國家英方關係馬克洪表示幫助聯合國當前採取集團塞西埃及衝擊措施</t>
  </si>
  <si>
    <t>新冠肺炎COVID-19武漢肺炎新型冠狀病毒習近平</t>
  </si>
  <si>
    <t>武漢肺炎covid-病毒冠狀習近平</t>
  </si>
  <si>
    <t>堵住疫情漏洞精選午間防疫車隊上路</t>
  </si>
  <si>
    <t>◎堵住疫情漏洞 防疫車隊上路交通部長林佳龍2日於臉書宣佈目前陸、港、澳、韓、義、伊朗等國家入境旅客都需要「居家檢疫」14天。從機場入境後就不能搭乘客運、軌道運輸等大眾運輸工具。長程旅客如何返家才不會</t>
  </si>
  <si>
    <t>旅客入境車隊上路交通部長林佳龍於臉書宣佈運輸工具目前防疫大眾軌道運輸客運搭乘不能伊朗機場國家檢疫</t>
  </si>
  <si>
    <t>◎堵住疫情漏洞 防疫車隊上路
交通部長林佳龍2日於臉書宣佈目前陸、港、澳、韓、義、伊朗等國家入境旅客都需要「居家檢疫」14天。從機場入境後就不能搭乘客運、軌道運輸等大眾運輸工具。長程旅客如何返家才不會形成防疫漏洞就是非常重要的課題。
◎教部小編反串國師教防疫 瀏海遭本尊抓包
受新冠肺炎疫情影響部分學校延到3月才開學有網友發現臉書上有一個狀似星座專家唐綺陽的身影在分析12星座開學運勢。仔細一看才發現竟然是教育部小編也在官方臉書上反串星座國師並認真製作12星座防疫相關要點沒想到竟釣出本尊唐綺陽在底下留言「我有瀏海」但仍忍不住大讚：「太有才！」。
◎連虧13年 bossini要關台51家分店
香港上市服裝零售連鎖公司bossini（堡獅龍）宣佈由於台灣消費市場疲弱不振台灣業務自2005/2006年會計年度起一直處於虧損狀態該公司董事局決議退出台灣市場目標在今年7月底關閉當地51家分店。
◎明全台有雨 氣象局曝最低溫時間點
今天短暫回暖之後氣象局預報員王品翔說明天到週五清晨(3/4~3/6)東北季風影響北部、東北部降溫、濕冷全台都有出現短暫雨的機率。這波冷空氣低溫預估西半部約14到17度竹苗平地近山區有機會下探13度最冷時間點落在週五清晨。</t>
  </si>
  <si>
    <t>防疫星座臺灣宣佈公司bossini旅客分店影響瀏海短暫開學反串時間唐綺陽全台入境氣象疫情發現</t>
  </si>
  <si>
    <t>防疫車隊小編國師武漢肺炎</t>
  </si>
  <si>
    <t>國師武漢車隊防疫肺炎</t>
  </si>
  <si>
    <t>外地人武漢滯留解禁分批局部封城</t>
  </si>
  <si>
    <t>武漢肺炎肆虐大陸政府從1月23日開始封鎖武漢至今將屆滿一個月。據陸媒最新報導武漢發布消息城市運行、生產生活、特殊疾病治療等原因必須出城的人員以及滯留在漢外地人員（以下簡稱出城人員）可以出城但要</t>
  </si>
  <si>
    <t>武漢人員開始封鎖至今最新報導發佈簡稱消息城市生產運行生活特殊滯留疾病治療原因必須屆滿陸媒外地人以下大陸政府肆虐</t>
  </si>
  <si>
    <t>武漢肺炎肆虐大陸政府從1月23日開始封鎖武漢至今將屆滿一個月。據陸媒最新報導武漢發布消息城市運行、生產生活、特殊疾病治療等原因必須出城的人員以及滯留在漢外地人員（以下簡稱出城人員）可以出城但要堅持錯峰出城、分批實施適時安全有序原則。意謂武漢封城局部解禁。
據《新京報》報導武漢市新冠肺炎疫情防控指揮部針對人員和車輛管理最新發布在人員管理上因保障疫情防控、城市運行、生產生活、防疫物資運輸等原因必須進城的人員和車輛以及滯留在外地的武漢市民及車輛按照省、市疫情防控指揮部有關規定辦理相關手續後可以進城。但要堅持錯峰出城、分批實施適時安全有序原則。
至於車輛方面保障武漢市城市運行的水、電、油、氣及生活物資保障車輛（本市車輛）憑所在單位開具的證明、派工單、收件函對車上人員（原則上一車2人含司機）身份核驗無誤、體溫檢測正常後及時放行。
據悉出城人員必須為不屬於被要求隔離的人員（包括確診患者、疑似患者、發熱患者、密切接觸者及處於觀察期的治癒出院患者）且需身體健康沒有發熱、乾咳、氣喘等症狀。出城人員到達目的地後須做好不少於14天的健康監測並向當地疫情防控指揮部門備案。
此外因保障疫情防控、城市運行、生產生活、防疫物資運輸等原因而必須進城的人員和車輛以及滯留在外地的武漢市民及車輛可按照省、市疫情防控指揮部有關規定辦理手續後進城。當局在進出城通道設置檢查站核實進城車輛和人員身份並對車輛消毒、人員體溫檢測等。</t>
  </si>
  <si>
    <t>人員車輛武漢防控疫情進城保障原則城市患者運行必須生活指揮部發熱武漢市發佈肺炎身份物資滯留生產原因檢測</t>
  </si>
  <si>
    <t>武漢封城新冠病毒武漢肺炎新型冠狀病毒大陸</t>
  </si>
  <si>
    <t>武漢病毒肺炎冠狀封城大陸</t>
  </si>
  <si>
    <t>警告疫情delta方向</t>
  </si>
  <si>
    <t>就在未接種新冠疫苗的民眾確診率飆升之際美國新冠肺炎首席專家佛奇（Anthony Fauci）警告美國正朝「錯誤的方向」走。據BBC新聞網26日報導Delta新冠變種病毒在接種率低的區域攀向感染高峰。佛奇說衛生官員為</t>
  </si>
  <si>
    <t>美國接種高峰bbc感染方向錯誤新聞網警告區域fauci報導deltaanthony疫苗病毒變種首席專家肺炎</t>
  </si>
  <si>
    <t>接種美國疫苗確診疫情民眾口罩cdc可以地方delta</t>
  </si>
  <si>
    <t>Delta新冠肺炎變種佛奇洛杉磯</t>
  </si>
  <si>
    <t>變種肺炎洛杉磯delta</t>
  </si>
  <si>
    <t>瑞德西韋未來買斷搶光產量</t>
  </si>
  <si>
    <t>《衛報》7月1日消息川普政府已經向吉利德（Gilead）購買了超過50萬劑瑞德西韋（remdesivir）這是吉利德公司7、8、9月份所有產能的90%。預計在接下來的三個月裡除美國以外的其他國家將很難買到該治療藥物。專家</t>
  </si>
  <si>
    <t>衛報 7 月 1 日 消息 川普 政府 已經 向吉利 德 gilead 購買 了 超過 50萬 劑 瑞德西韋 remdesivir 這 是 吉利 德 公司 789 月份 所有 產能 的 90 預計 在 接下來 的 三 個 月 裡 除 美國 以外 的 其他 國家 將 很 難 買到 該 治療 藥物 專家</t>
  </si>
  <si>
    <t>政府已經國家以外向吉利美國接下來gilead預計買到購買超過產能remdesivir月份吉利公司川普治療瑞德西韋消息藥物</t>
  </si>
  <si>
    <t>《衛報》7月1日消息川普政府已經向吉利德（Gilead）購買了超過50萬劑瑞德西韋（remdesivir）這是吉利德公司7、8、9月份所有產能的90%。預計在接下來的三個月裡除美國以外的其他國家將很難買到該治療藥物。
專家和醫界都對美國對瑞德西韋的單方面行動及其不顧他國情況感到震驚而且如果在有疫苗可用的情況下。川普政府已經表明它準備出價和超越其他所有國家以確保獲得美國所需的醫療用品。
利物浦大學高級訪問研究員安德魯·希爾（Andrew Hill）博士說：「他們用盡了瑞德西韋的大部分的供應因此歐洲沒有任何東西。」
瑞德西韋是吉利德生產的是美國許可證頒發機構批准的第一種用於治療新冠肺炎的藥物已被證明可以幫助人們更快地從疾病中康復。目前提供給全球藥物試驗的前140000劑已經用完。在川普政府已經購買了超過50萬劑這是所有吉利德公司生產的未來3個月的9成產能。
美國衛生和公共服務部長亞歷克斯·阿紮爾（Alex Azar）表示：「川普總統達成了一項了不起的協議以確保美國人能夠獲得新冠肺炎的首個授權治療劑。」 「在可能的範圍內我們希望確保任何需要瑞德西韋的美國患者都能得到它。川普政府正在竭盡所能以瞭解有關新冠肺炎的救生療法的更多資訊並確保美國人民能夠獲得這些選擇。」
不過瑞德西韋一個療程要花費3千美元被批評可能只有相當財力的人才有資格接受這個治療。</t>
  </si>
  <si>
    <t>美國瑞德西韋川普政府確保藥物肺炎已經治療獲得可能國家產能吉利情況能夠公司購買超過生產andrew安德魯·希爾研究員訪問</t>
  </si>
  <si>
    <t>衛報瑞德西韋美國川普政府新冠肺炎</t>
  </si>
  <si>
    <t>川普政府美國瑞德西韋肺炎衛報</t>
  </si>
  <si>
    <t>檢視台股上市櫃3月合併營收創新高且外資進場搶先佈局的個股有台積電、京元電子等15檔其中半導體及防疫概念股為兩大族群。3月合併營收創新高的個股有52檔其中外資近五個交易日提前佈局的依序是台積電、京元電、</t>
  </si>
  <si>
    <t>佈局合併外資個股提前交易日防疫導體概念電子大族京元台積電依序是新高搶先進場創新上市京元電</t>
  </si>
  <si>
    <t>檢視台股上市櫃3月合併營收創新高且外資進場搶先佈局的個股有台積電、京元電子等15檔其中半導體及防疫概念股為兩大族群。
3月合併營收創新高的個股有52檔其中外資近五個交易日提前佈局的依序是台積電、京元電、晶豪科、大聯大、群聯、聯茂、中裕、亞德客-KY、科嘉-KY、和潤企業、健策、祥碩、騰輝電子-KY、聯詠、南六等集中在電子股及少數因新冠肺炎受惠的防疫傳產股。
晶圓代工大廠台積電3月合併營收113519億元首度突破1100億大關。下週四（16日）台積電將舉辦線上法說會但法說會前外資圈已紛紛下修台積電今年營運成長幅度與目標價外資擔憂疫情衝擊民眾消費全球智慧型手機出貨將衰退以及美國將限縮台積對華為的晶片供應今年台積電合併營收恐無法達到雙位數成長。因此全球投資人都相當關注16日台積電對未來展望的說法。
雖然疫情衝擊經濟但遠距教學、筆記型電腦、5G相關及記憶體需求逆勢成長激勵IC通路商大聯大3月合併營收創新高3月合併營收540億元年增3263％、月增4444％。不過市場也擔憂第二季因客戶下單偏保守Q2業績是否還能續強有待觀察。
新冠肺炎的受惠產業以生技醫療類股為主中裕來自全球搶藥潮的貢獻3月業績繳出亮眼成績單並創新高3月合併營收為119億元年增7942％月增29993％。
南六為不織布廠因醫療相關防護產品訂單暴增、產線滿載如醫療口罩、防護衣、抗菌濕巾等推升南六3月合併營收699億元創新高月增7295％、年增2442％。</t>
  </si>
  <si>
    <t>合併外資台積電全球醫療成長電子-ky業績相關擔憂衝擊防疫今年疫情</t>
  </si>
  <si>
    <t>肺炎新高台積電創新高合併營收創</t>
  </si>
  <si>
    <t>新高台積電合併肺炎</t>
  </si>
  <si>
    <t>別無選擇法國總理宣佈封鎖</t>
  </si>
  <si>
    <t>法國衛生部星期六公佈最新新冠肺炎疫情數字將近4500人確診新冠肺炎其中300人住加護病房91人死亡。隨後法國總理愛德華·菲力普(Edouard Philippe)也對外宣佈: 從星期六午夜開始全國大部分商店、餐廳、遊憩場</t>
  </si>
  <si>
    <t>星期六肺炎部分全國開始午夜宣佈商店對外edouardphilippe愛德華·菲力普法國總理隨後死亡疫情餐廳最新病房確診將近數字</t>
  </si>
  <si>
    <t>法國衛生部星期六公佈最新新冠肺炎疫情數字將近4500人確診新冠肺炎其中300人住加護病房91人死亡。隨後法國總理愛德華·菲力普(Edouard Philippe)也對外宣佈: 從星期六午夜開始全國大部分商店、餐廳、遊憩場所將關閉直到疫情和緩為止。
根據路透社報導總理菲力普表示政府已經別無選擇大多數人都沒有遵守先前政府警示的防疫措施太多人都還在外頭活動沒有注意公共衛生安全以致於疫情持續擴散。現在只剩下一條路宣佈封鎖。
法國從星期六午夜開始只有民生必需品的商店可以營業包括超市、藥局、加油站。他也強調即便加油站目前沒有關閉民眾也必須限制自身的移動盡可能待在家中。</t>
  </si>
  <si>
    <t>疫情沒有星期六關閉商店政府宣佈開始午夜肺炎加油站限制必須民眾死亡移動隨後營業超市剩下擴散持續法國總理可以包括菲力普</t>
  </si>
  <si>
    <t>高階款支援notehz更新galaxy三星</t>
  </si>
  <si>
    <t>三星(Samsung)今年下半年預計推出的 Galaxy Note 20 系列到底有幾款？先前曾經爆料指出蘋果不會在新一代 iPhone 中採用 LTPO(低溫多晶矽氧化物)技術的 Display Supply Chain Consultant(DSCC) CEO Ross Young</t>
  </si>
  <si>
    <t>consultant預計chain推出supplygalaxydisplaynote到底技術氧化物多晶矽低溫先前ltpo曾經採用dscc下半年iphone指出一代蘋果</t>
  </si>
  <si>
    <t>三星(Samsung)今年下半年預計推出的 Galaxy Note 20 系列到底有幾款？先前曾經爆料指出蘋果不會在新一代 iPhone 中採用 LTPO(低溫多晶矽氧化物)技術的 Display Supply Chain Consultant(DSCC) CEO Ross Young透過在 Twitter 回答網友問題提前揭曉了不少關於 Galaxy Note 20 系列的猛料！關心的你應該要知道。
三星自 2019 年起也在 Galaxy Note 系列中採用 Galaxy S 系列的策略推出多種款式讓使用者有更多選擇而今年看似也將延續。不過不像 Galaxy S20 系列一口氣推出三款Note 20 系列預計將僅有兩款分別是 Galaxy Note 20 以及 Galaxy Note 20+而沒有所謂的 Ultra 款式。
No Note 20 Ultra Note 20 and 20+
Ross Young 進一步指出根據他們從三星方面得知的消息三星雖然在 Galxay S20 系列中全線支援了 120Hz 螢幕更新率的功能但是在 Galaxy Note 20 系列中僅有 Galaxy Note 20+ 會支援 120Hz 螢幕更新率Galaxy Note 20 則不會。對此說法三星並沒有對外回應證實。
Note 20+ supports 120Hz but Samsung confirmed to us that Note 20 does not
至於三星要如何在 Galaxy Note 20+ 中實現 120Hz 螢幕更新率。Ross Young 指出三星是在 Galaxy S20 系列的面板採用 LTPS 技術但是這項技術在功耗上的表現不是很好。因此三星計畫在 Galaxy Note 20+ 中改用 LTPO 技術但是由於這項技術的成本過高因此很可能這是三星僅在高階款式中導入的可能原因之一。
I see Note the iPad uses an oxide panel which can show low refresh rates without flicker More difficult for LTPS panelsthis is why LTPO is coming to smartphones
在與網友的問答中Ross Young 還有知名爆料達人之一 Max Weinbach (@MaxWinebach)指出三星在下半年除了有望發表 Galaxy Note 20 系列外可能還會推出 Galaxy Fold Lite 4G、Galaxy Fold e、Galaxy Fold 2 等可折疊螢幕新機。Max Weinbach 表示三星正在開發中的可折疊螢幕機種有三款其中兩款採用塑膠螢幕、另一款採用 UTG 螢幕有可能後者是指 Galaxy Flip 5G(Galaxy Flip 採用的就是 UTG 螢幕)。
There&amp;apos;s a rumor and keep in mind this is a rumor Samsung will be releasing a Galaxy Fold e for $1100 They are also working releasing 3 folds Two with plastic one with UTG Could explain the Winner2 vs Champ codenames
More Galaxy Fold 2 Leaks:Launch Date - We think it will be announced with the Galaxy Note Series which has been happening annually in August since 2015 We would expect shipments to start from September
Ross Young 認為可折疊螢幕的新機與 Galaxy Note 20 系列有望在八月發表並期待從九月開始出貨。這一點跟先前韓媒的說法不謀而合。此前《韓國先驅報》(The Korea Herald)報導指出雖然業界受到新冠肺炎(COVID-19)疫情影響程度不低但是按照三星的準備Galaxy Note 20 系列還有 Galaxy Fold 2 等新機都將如期在原本預期的八月亮相。</t>
  </si>
  <si>
    <t>galaxynote三星指出therossyoungfold採用可能to技術推出ltpo款式utgsamsunghzwhichwith</t>
  </si>
  <si>
    <t>三星GalaxyNote 20LTPO120Hz</t>
  </si>
  <si>
    <t>hzltpogalaxy三星note</t>
  </si>
  <si>
    <t>何大轉彎莊人祥公關原因酒店</t>
  </si>
  <si>
    <t>案379新冠肺炎確診者為一名酒店公關疫情中心發言人莊人祥表示目前其接觸者有71位已經採檢5位其中3例為陰性另2位尚檢驗中。莊人祥指出疫調部分還在持續進行將針對目前可掌握的工作人員還有客人部分進行</t>
  </si>
  <si>
    <t>莊人祥目前部分進行確診酒店公關疫情肺炎發言人陰性中心檢驗已經指出表示接觸掌握持續工作人員</t>
  </si>
  <si>
    <t>案379新冠肺炎確診者為一名酒店公關疫情中心發言人莊人祥表示目前其接觸者有71位已經採檢5位其中3例為陰性另2位尚檢驗中。莊人祥指出疫調部分還在持續進行將針對目前可掌握的工作人員還有客人部分進行瞭解至於還沒有辦法掌握的相關人等將與內政部警政署合作追蹤。
至於案379的身份從家庭主婦變酒店女公關是否在疫調有所隱匿陳時中表示是否對她開罰還要再研究一下畢竟也不會在第一次講錯就開罰會再請行政人員瞭解一下。
至於疫調的問題莊人祥坦言開記者會和做疫調時間有限疫調人員應有掌握但是填寫回來的資料在記者會上說明會比較保守。做疫調的時候有掌握到若講得太多晚上疫調行動會打折但疫調一直都有在進行。</t>
  </si>
  <si>
    <t>掌握至於莊人祥記者會表示酒店進行公關目前人員是否部分確診陰性</t>
  </si>
  <si>
    <t>新冠肺炎武漢肺炎新型冠狀病毒台灣疫調</t>
  </si>
  <si>
    <t>肺炎冠狀武漢病毒臺灣</t>
  </si>
  <si>
    <t>臺胞民航大陸台辦接種疫苗</t>
  </si>
  <si>
    <t>台灣新冠疫苗荒出現民眾赴美打疫苗現象也有報導稱近期有不少民眾希望能赴大陸接種疫苗大陸國台辦今天稱「願意盡最大努力提供幫助」對搭乘民航客運航班來大陸的臺胞在嚴格執行入境防疫規定、自願和知情同</t>
  </si>
  <si>
    <t>疫苗大陸民眾入境嚴格執行臺胞航班搭乘客運幫助提供民航努力防疫願意今天台辦現象希望出現</t>
  </si>
  <si>
    <t>疫苗大陸接種疫情馬曉光臺胞臺灣臺灣同胞願意全球民眾儘早報導幫助緊急使用規定防疫方面入境</t>
  </si>
  <si>
    <t>新冠肺炎台灣大陸接種疫苗臺胞</t>
  </si>
  <si>
    <t>臺灣大陸肺炎接種疫苗臺胞</t>
  </si>
  <si>
    <t>時中推衛福部羅一喊話鈞來導演斯卡羅</t>
  </si>
  <si>
    <t>第56屆金鐘獎頒獎典禮於2日舉行電視劇《斯卡羅》的導演曹瑞原擔任本屆金鐘獎擔任評審委員會主委以及金鐘典禮頒獎人他在頒發最後2個獎項時向衛福部長陳時中喊話希望找衛福部來拍片對此陳時中回應找羅</t>
  </si>
  <si>
    <t>陳時中金鐘獎擔任斯卡羅電視劇金鐘典禮頒獎人希望頒發喊話最後獎項向衛福部長舉行導演曹瑞原對此評審委員會衛福部主委回應頒獎典禮</t>
  </si>
  <si>
    <t>陳時中羅一鈞導演曹瑞原比較部長頒發今天斯卡羅覺得回應金鐘獎衛福部可以喊話向衛福擔任金鐘</t>
  </si>
  <si>
    <t>斯卡羅曹瑞原拍片陳時中金鐘獎</t>
  </si>
  <si>
    <t>斯卡羅金鐘獎陳時中曹瑞原</t>
  </si>
  <si>
    <t>護理部同仁主任成標醫院憤怒主公堅守崗位</t>
  </si>
  <si>
    <t>高雄市長陳其邁砲轟新北市疫調缺失導致高雄群聚感染三峽恩主公醫院被推上砲口醫護人員士氣大受影響一位恩主公醫院專科護理師請新北市議員葉元之轉發護理部主任鼓勵同仁的信希望讓更多民眾知道真相也希望</t>
  </si>
  <si>
    <t>新北醫院主公希望同仁鼓勵主任護理部轉發葉元之民眾議員缺失導致高雄群感染三峽士氣護理</t>
  </si>
  <si>
    <t>高雄市長陳其邁砲轟新北市疫調缺失導致高雄群聚感染三峽恩主公醫院被推上砲口醫護人員士氣大受影響一位恩主公醫院專科護理師請新北市議員葉元之轉發護理部主任鼓勵同仁的信希望讓更多民眾知道真相也希望高雄市長能向恩主公醫院所有辛苦的第一線醫護人員道歉不要因為政治打擊抹煞基層醫護人員的辛勞。
信中提到恩主公醫護人員不做英雄、沒有推卸但從不退縮因為政治爭鬥卻把恩主公當做標靶不公不義。醫院資源沒有醫療中心多為配合國家政策已人仰馬翻甚至丟下家庭不敢回家。
這次事件因病人不願做PCR事實被操弄大家都感到憤怒但醫院仍選擇將能量盡心盡力守護民眾健康請各位同仁諒解。
葉元之表示陳其邁批新北疫調不實雖然昨天恩主公醫院院長已回應一切按照衛福部的指引但綠營民代及側翼今天又扯出5月13日指引已更新認為恩主公醫院仍有疏失。
但實際上衛福部「感染管理措施指引」從未更新至今仍是去年的版本。綠營所指5月13日的規定只是一個因應醫院院內感染的處置建議並不是具強制力的指引。
葉元之說大家都希望防疫可以更好做法上當然可以討論且5月中下旬當時新北疫情大爆發確實醫護能量略有不足。南部綠營窮追猛打的結果讓北部醫護人員灰心真的無助防疫。
信件全文：
各位護理夥伴大家早安我是碧端昨天又一個把恩主公推上媒體新聞的浪潮吞噬著我們⋯我們不做英雄我們沒有推卸那是我們在健康體系照顧的責任在防疫戰疫中我們醫院不大但從不退卻。這次因爲政治競爭把恩主公當做標靶不公不義。
醫院不大資源沒醫中多常常配合國家政策弄得我們人仰馬翻因為院長說我們一定要盡力救人不要讓病人在外面徘徊就3個病房當專責兩個加護病房一起努力。其他病房及單位也沒休息過⋯
5月以來的事件護理部因為忙著匡列召回檢測過去沒實際經驗事件來得急又快。護理部在突然面對一般病房病人陰轉陽的情況。也是亂。沒日沒夜忙碌不已⋯
忙茫忙沒有照顧到11樓同仁讓他們直接面對種種例如：如何跟病人解釋、轉床、隔離自己是隔離還是自主管理擔心同事、擔心病人也因此有了對大眾抒發。謝謝他們提醒我們讓護理部重新調整並面對此次病毒防疫的種種政策醫院也給予支持。
謝謝各位護理夥伴在專責單位每日的驚心動迫捅鼻子、N95勒痕不能回家、丟下家庭⋯
維持運作的一般單位內外科的交叉照顧不熟悉的科別一樣擔負著病人照顧需要要學會防疫防護注意陰轉陽的病人⋯
這次高雄事件因為病人就診不願意做PCR被操弄的事實我們很憤怒但醫院選擇將能量要盡心盡力守護著民眾健康請各位理解。
敬祝大家注意健康共同抗疫平安。</t>
  </si>
  <si>
    <t>醫院主公病人防疫醫護人員護理部事件新北指引照顧沒有健康單位感染護理</t>
  </si>
  <si>
    <t>恩主公醫院護理師染疫病人操弄</t>
  </si>
  <si>
    <t>護理病人醫院主公</t>
  </si>
  <si>
    <t>接觸消費拉客人數估計茶藝</t>
  </si>
  <si>
    <t>萬華阿公店疫情持續升溫14日又公佈有16例確診據當地業者表示其中1名50多歲的染疫女子是三水街「313」茶藝館的「伊拉客」花名是「跳跳」伊拉客就是阿公店派駐街頭嚮往來民眾拉客的女子因嚴重影響市容</t>
  </si>
  <si>
    <t>拉客女子持續升溫公佈疫情確診當地業者民眾表示阿公店派駐嚮往茶藝街頭就是</t>
  </si>
  <si>
    <t>萬華阿公店疫情持續升溫14日又公佈有16例確診據當地業者表示其中1名50多歲的染疫女子是三水街「313」茶藝館的「伊拉客」花名是「跳跳」伊拉客就是阿公店派駐街頭嚮往來民眾拉客的女子因嚴重影響市容加上發生多起乾洗、竊盜案件警方多次舉辦專案取締。
據瞭解「跳跳」是原籍大陸浙江的陸配來台20多年已有身分證在當地工作多年負責在街頭拉人也就是俗稱的「伊拉客」「跳跳」通常是傍晚入夜後在三水街、廣州街、華西街一帶走來走去看到男性民眾便會開口招攬生意。
萬華疫情爆發後不少店家的小姐、員工都紛紛前往醫院檢查「跳跳」因有發燒、咳嗽狀況後來被驗出確診。
「伊拉客」是萬華阿公店特有產物當初是店裡生意不好時叫沒客人的小姐出去外面找客人但後來逐漸演變成專責制有不想喝酒、坐檯的女子專門負責到外面拉人。
但後來「伊拉客」開始變調有人鎖定喝醉的民眾進店之後隨便灌單、漲價喝1小時竟要收1萬多元甚至直接扒竊對方皮包因此鬧出多起糾紛。
「伊拉客」後來更是明目張膽到大街上隨意拉人鶯鶯燕燕嚇壞不少觀光客造成反感當地飲酒協會甚至發起「拒用伊拉客」的活動還安排巡邏隊驅趕。
伊拉客亂拉人「有眼不識泰山」還曾拉到員警當年萬華分局長陳文智竟也被拉過陳當時立刻通知部屬將該名白目女逮捕、法辦。
警方指出「伊拉客」每天跑來跑去除了在街頭遊走外也常常要帶客人進入不同店家確實是高風險群但因伊拉客不是小姐不屬於店家出事後一鬨而散連帶造成疫調聯繫控管的難度。</t>
  </si>
  <si>
    <t>拉客拉人後來民眾女子當地小姐店家街頭客人警方造成甚至確診疫情負責</t>
  </si>
  <si>
    <t>伊拉客街頭跳跳拉人萬華</t>
  </si>
  <si>
    <t>街頭拉客拉人萬華</t>
  </si>
  <si>
    <t>警員汙名蜜月旅行出國擔心環島</t>
  </si>
  <si>
    <t>新冠肺炎疫情全球擴散不少出國者返台染疫遭撻伐台南市長黃偉哲日前急令兩名出國旅遊公務員停休返台其中1人蜜月旅行泡湯台南市警3分局偵查佐王詠程新婚原定出國到奧地利度蜜月碰上新冠肺炎疫情自行改成</t>
  </si>
  <si>
    <t>出國返台台南肺炎疫情蜜月碰上奧地利原定新婚全球偵查擴散分局出國者市長令兩名泡湯</t>
  </si>
  <si>
    <t>新冠肺炎疫情全球擴散不少出國者返台染疫遭撻伐台南市長黃偉哲日前急令兩名出國旅遊公務員停休返台其中1人蜜月旅行泡湯台南市警3分局偵查佐王詠程新婚原定出國到奧地利度蜜月碰上新冠肺炎疫情自行改成環島旅行覺得可惜但也有趣。
人生唯一一次度蜜月竟然出國變環島從警的王詠程與擔任教師的妻子楊雅涵近期完婚原訂2月底要去奧地利、捷克10天竟碰上新冠肺炎疫情全球擴散兩人決定取消出國改為台灣環島9日遊平白損失20％旅費近兩萬元。
金錢損失事小人生唯一的蜜月旅行竟是歐洲旅遊變環島王員覺得有點可惜幸好妻子不計較兩人3月初快樂完成9日環島踏遍台灣各景點。
夫妻第一次相偕暢遊台灣兩人趁機看到台灣各地美景都覺得有趣直呼幸好沒出國不然可能除了返台要被居家檢疫最難受的是面對親友擔心的眼光。
公務員法定婚假14天有請假期限台灣這波出國禁令讓不少原訂蜜月旅遊的新婚夫妻都得更改出國或者延期配合防疫卻損失荷包疫情沸騰期間王員以自身為例希望社會多點包容這段期間非必要盡量不要出國。</t>
  </si>
  <si>
    <t>出國臺灣環島返台旅遊疫情損失蜜月覺得台南公務員蜜月旅行王員妻子原訂人生新婚夫妻有趣幸好可惜奧地利期間</t>
  </si>
  <si>
    <t>出國環島台灣新冠疫情</t>
  </si>
  <si>
    <t>環島臺灣出國疫情</t>
  </si>
  <si>
    <t>病毒最新delta擋不住研究az資料</t>
  </si>
  <si>
    <t>資料az感染病毒delta力抱懷疑態度胸腔醫師蘇一峰分享最新研究指出英國施打發現保護bnt預防可防疫苗</t>
  </si>
  <si>
    <t>疫苗azdelta研究bnt感染打完變異蘇一峰網友接種兩劑起來討論病毒分享指出可以資料差異完成英國認為</t>
  </si>
  <si>
    <t>AZDelta變種病毒疫苗BNT</t>
  </si>
  <si>
    <t>變種delta病毒疫苗bntaz</t>
  </si>
  <si>
    <t>境外返台台商解封湖北挑戰</t>
  </si>
  <si>
    <t>中國湖北省即將解除封城預計還會有一波台商返台潮外界不禁擔憂是否能防範？醫師指出有些台商的確可能帶著病毒回來這是下一波挑戰。中央流行疫情指揮中心指揮官陳時中表示入境一樣都要據實申報有吃藥和有</t>
  </si>
  <si>
    <t>台商封城預計入境表示陳時中指揮官中心指揮疫情解除流行中央挑戰是否擔憂回來病毒醫師防範</t>
  </si>
  <si>
    <t>中國湖北省即將解除封城預計還會有一波台商返台潮外界不禁擔憂是否能防範？醫師指出有些台商的確可能帶著病毒回來這是下一波挑戰。中央流行疫情指揮中心指揮官陳時中表示入境一樣都要據實申報有吃藥和有症狀都不罰但申報不實便會加以處分。
對於中國一直宣稱自己0確診甚至已無病毒傳播現象台灣感染症醫學會理事長黃立民認為這有待商榷但可能有些台商是會帶著病毒回來的這是台灣境外移入下一波挑戰。
24日陳時中在記者會上被問及此事表示原先湖北返台都有註記現在不封城就能讓他們回來但會照居家檢疫措施流程走與陸委會進行相關商議討論。而回台的人也都要觀察若有吃退燒藥也要據實以報不會處罰但若隱匿就會有所處分。
陳時中也強調若回來時有發燒等症狀先服藥才入境者希望都能誠實通報絕不會因為吃藥而處分但沒通報就會他也重申吃藥身體退燒、壓抑住咳嗽機場幾乎查驗不到其實對自己而言並非好事。</t>
  </si>
  <si>
    <t>回來吃藥處分台商臺灣陳時中返台可能症狀表示挑戰中國申報通報查驗幾乎機場病毒咳嗽不到</t>
  </si>
  <si>
    <t>新冠肺炎湖北台商陳時中封城</t>
  </si>
  <si>
    <t>湖北台商肺炎陳時中封城</t>
  </si>
  <si>
    <t>肺炎死亡出現日本病例</t>
  </si>
  <si>
    <t>日本政府今天證實出現第一起新冠肺炎死亡病例死者是一名居住在神奈川縣的80多歲女性。這也是除了菲律賓外全球第二宗在大陸以外地區的新冠肺炎死亡案例。日本厚生勞動大臣加藤勝信在記者會中表示死者並無海外</t>
  </si>
  <si>
    <t>死者肺炎死亡記者會加藤勝大臣勞動菲律賓厚生全球日本宗在大陸案例以外地區病例表示出現女性神奈川縣居住</t>
  </si>
  <si>
    <t>日本政府今天證實出現第一起新冠肺炎死亡病例死者是一名居住在神奈川縣的80多歲女性。這也是除了菲律賓外全球第二宗在大陸以外地區的新冠肺炎死亡案例。
日本厚生勞動大臣加藤勝信在記者會中表示死者並無海外旅遊史。婦女因為身體出現症狀本月初即入院接受治療稍後轉往其他醫院在今天過世。
加藤審慎指出老婦人是否因新冠肺炎死亡「仍不清楚」新冠病毒與婦人之死之間的關聯尚未明朗但她是日本第一位新冠病毒呈陽性反應的死亡案例。</t>
  </si>
  <si>
    <t>死亡肺炎死者出現日本今天病毒案例接受治療稍後入院初即本月醫院症狀身體婦女過世海外加藤旅遊表示</t>
  </si>
  <si>
    <t>出現新冠肺炎死亡病例神奈川縣80歲</t>
  </si>
  <si>
    <t>死亡肺炎病例出現神奈川縣</t>
  </si>
  <si>
    <t>口罩便當兒子全家表情動員賈永婕</t>
  </si>
  <si>
    <t>女星賈永婕持續為台灣醫護送暖昨（21日）不畏高溫帶著全家人駕車到基隆礦工醫院送餐和飲料賈永婕表示這是第一次全家一起出動兒子因可多玩一小時電動終於加入行列雖然有在幫忙不過被媽媽抓包表情不太對</t>
  </si>
  <si>
    <t>賈永婕媽媽幫忙行列醫護加入終於送暖小時不畏高溫兒子全家人出動駕車一起基隆礦工全家</t>
  </si>
  <si>
    <t>女星賈永婕持續為台灣醫護送暖昨（21日）不畏高溫帶著全家人駕車到基隆礦工醫院送餐和飲料賈永婕表示這是第一次全家一起出動兒子因可多玩一小時電動終於加入行列雖然有在幫忙不過被媽媽抓包表情不太對「不要以為戴著口罩我就不知道你臭臉」母子的互動太幽默。
賈永婕全家昨（21日）來到基隆礦工醫院送100份便當、100杯飲料、50份貝果和紅豆餅暖舉讓院方又驚又喜因為不確定本人會不會來沒想到真的親自開車送餐而賈永婕的車款因被媒體拍到眼尖網友一看發現是要價160萬起跳的鐵灰色Tesla Model 3是賈永婕夫婦今年初買給滿18歲的大女兒當代步工具。
賈永婕在臉書透露兒子願意出動是因為自己讓步給他多一個小時玩電動「想說讓他見識一下媽媽的超人氣會不會比較聽話一點。好啦算是有在幫一點小忙雖然一開始臉很臭！不要以為戴著口罩我就不知道你臭臉。」提及女兒賈永婕笑說自從長女安安加入後醫護人員的伙食就越來越豐富像今天的100份便當就是安安國文老師贊助的。
文中賈永婕也表示高流量氧氣鼻導管全配系統（HFNC）都在持續配送中21日已直接送往南部、東部；到了晚餐時間賈永婕好奇問三個孩子們心中的偶像是誰「原本以為會是我這個媽媽全民女神……安安：玄彬小羽：瘦子恩恩：我沒有偶像」讓媽媽好氣又好笑！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賈永婕媽媽口罩務必安安以為便當加入偶像表示持續</t>
  </si>
  <si>
    <t>賈永婕HFNC救命神器新冠肺炎台灣</t>
  </si>
  <si>
    <t>救命肺炎hfnc賈永婕臺灣</t>
  </si>
  <si>
    <t>肺炎確診當日宣告不治伊朗</t>
  </si>
  <si>
    <t>伊朗衛生部證實週三有兩人初步確診新冠肺炎這是伊朗首度通報新冠肺炎的案例。兩起確診病例都出現在伊朗首都德黑蘭南方的什葉派聖城庫姆(Qom)病患都是伊朗人。而當日稍晚庫姆醫科大學負責人向媒體表示這兩名</t>
  </si>
  <si>
    <t>伊朗確診肺炎醫科稍晚初步聖城南方什葉當日德黑蘭首都大學伊朗人qom出現病例案例</t>
  </si>
  <si>
    <t>伊朗衛生部證實週三有兩人初步確診新冠肺炎這是伊朗首度通報新冠肺炎的案例。兩起確診病例都出現在伊朗首都德黑蘭南方的什葉派聖城庫姆(Qom)病患都是伊朗人。而當日稍晚庫姆醫科大學負責人向媒體表示這兩名病患已在醫院不治身亡。
伊朗衛生部發言人賈漢普爾(Kianush Jahanpour)也證實兩名病患不幸死亡的消息死因為呼吸系統疾病。
這兩名病患當日檢驗出新冠病毒後隨即住院隔離治療然而病情迅速惡化當日逝世。目前新冠肺炎已造成全球2014人死亡。</t>
  </si>
  <si>
    <t>伊朗當日肺炎證實確診衛生部死亡隔離治療住院病情隨即迅速惡化病毒賈漢南方發言人</t>
  </si>
  <si>
    <t>徵召退休學生醫科醫護入境國際航班共同越南</t>
  </si>
  <si>
    <t>由於越南新冠肺炎疫情升高越南總理阮春福21日宣佈即日起暫停所有國際航班入境但未說明期限至何時為止。據路透報導阮春福發表聲明說：「越南將暫停所有搭載外國乘客的航班服務這是為了減少入境旅客數量。」</t>
  </si>
  <si>
    <t>越南暫停阮春福入境升高服務乘客航班總理外國搭載路透國際航班報導發表即日起宣佈期限未說明聲明減少疫情肺炎旅客</t>
  </si>
  <si>
    <t>由於越南新冠肺炎疫情升高越南總理阮春福21日宣佈即日起暫停所有國際航班入境但未說明期限至何時為止。
據路透報導阮春福發表聲明說：「越南將暫停所有搭載外國乘客的航班服務這是為了減少入境旅客數量。」
截至21日越南新冠肺炎累計確診病例為92起。同日越南衛生部也呼籲國內所有衛生工作者包括醫科學生與退休醫護人員一起加入國家的抗疫工作。
越南政府昨（20）日下午宣佈自21日淩晨0時起來自各國的所有入境者皆須集中隔離14天；若發現發燒、咳嗽、呼吸困難等症狀者將立即送醫隔離。</t>
  </si>
  <si>
    <t>越南入境暫停阮春福宣佈隔離肺炎醫護人員退休一起學生加入症狀醫科國家包括發燒衛生工作者發現呼吸困難咳嗽集中</t>
  </si>
  <si>
    <t>越南鎖國禁止入境新型冠狀病毒</t>
  </si>
  <si>
    <t>鎖國冠狀入境禁止越南病毒</t>
  </si>
  <si>
    <t>雙雄企業臺灣永續獎航空</t>
  </si>
  <si>
    <t>台灣企業永續學院主辦的「2020年第13屆台灣企業永續獎」（TCSA）今進行頒獎中華航空連續7年摘下「台灣企業永續獎」長榮航空則再次拿到《企業永續報告類–運輸業白金獎》並首度獲頒《企業永續綜合績效類–台灣TOP</t>
  </si>
  <si>
    <t>企業永續臺灣航空永續獎金獎首度運輸業報告中華tcsa頒獎進行連續再次綜合績效主辦學院</t>
  </si>
  <si>
    <t>台灣企業永續學院主辦的「2020年第13屆台灣企業永續獎」（TCSA）今進行頒獎中華航空連續7年摘下「台灣企業永續獎」長榮航空則再次拿到《企業永續報告類–運輸業白金獎》並首度獲頒《企業永續綜合績效類–台灣TOP50永續企業獎》。
今年在新冠肺炎疫情下航空業經營不易。華航董事長謝世謙表示公司持續推動永續經營在經濟、環境和社會面努力達成企業使命繼本月14日獲得道瓊永續指數（DJSI）肯定連續4年榮獲全球航空業第3名的佳績今再獲頒全球及台灣企業永續獎。
長榮航空總經理孫嘉明指出長榮的永續發展藍圖圍繞著公司「安全、服務、永續」的核心價值不斷地以紀律來落實飛航安全以真誠來做好服務以創新來成就永續。他說即使今年全球航空業受到新冠肺炎疫情嚴重衝擊長榮仍以「世界在變安全不變疫情再難克服困難」的原則擬定策略、調整態度、落實行動以厚植企業韌性持續創造投資人、員工、社會大眾及利害關係人最大的利益善盡企業社會責任。</t>
  </si>
  <si>
    <t>永續企業航空安全臺灣全球疫情落實持續永續獎經營公司社會服務連續今年肺炎</t>
  </si>
  <si>
    <t>永續獎中華航空長榮航空新冠肺炎航空業</t>
  </si>
  <si>
    <t>航空肺炎中華永續獎</t>
  </si>
  <si>
    <t>優惠字體廣告特價外帶發毛防疫</t>
  </si>
  <si>
    <t>廣告主要為了吸引人關注因此圖片與字形設計顯得格外重要。日本中華料理連鎖店「餃子的王將」為了新冠肺炎防疫措施日前在店門口貼海報表示只要外帶商品可享10%折價明明是開心的優惠活動但由於字形相當</t>
  </si>
  <si>
    <t>字形圖片設計明明折價顯得格外重要日本商品中華外帶料理表示連鎖店海報餃子王將店門口日前措施肺炎防疫</t>
  </si>
  <si>
    <t>廣告主要為了吸引人關注因此圖片與字形設計顯得格外重要。日本中華料理連鎖店「餃子的王將」為了新冠肺炎防疫措施日前在店門口貼海報表示只要外帶商品可享10%折價明明是開心的優惠活動但由於字形相當詭異讓民眾看得不禁寒毛直豎。
日本網友@obamametal經過「餃子的王將」時發現店家為了防疫鼓勵民眾外帶食物回家吃因此在店門口貼出全商品特價優惠指在3月22日前享有限定回饋全商品外帶都折價10%但值得注意的是店家使用的字體竟是「古印體」這通常用於日本靈異節目因此讓不少人覺得毛毛的。
フォントどうした pictwittercom/AK1fNt4d5G
許多人紛紛表示「這字體是怎麼回事」、「如果你常看恐怖節目的話真的會留下既定印象」、「雖然有點怪但真的引起我注意了」、「古印體給人恐怖感可能是受七龍珠的影響而年長者沒看過七龍珠就覺得這字體給人『歷史』的印象而更年輕一輩則認為字『澎澎的很可愛』」。原PO也表示廣告最後寫著「便宜到恐怖」推測這可能是店家使用「古印體」的原因。</t>
  </si>
  <si>
    <t>日本字體外帶店家商品表示字形印體日前民眾節目印象覺得恐怖店門口防疫餃子王將可能廣告真的折價七龍珠使用</t>
  </si>
  <si>
    <t>廣告折價防疫行銷古印體</t>
  </si>
  <si>
    <t>古印折價行銷防疫廣告</t>
  </si>
  <si>
    <t>大合唱人氣youtuber明天傳遞溫暖</t>
  </si>
  <si>
    <t>過去曾在1983-1985年非洲衣索比亞大飢荒。為援助饑民美國歌手推出合唱歌曲We Are the World（天下一家）將專輯版稅捐作賑災用途。隔年。1985年台灣光復節40周年召集台灣60位華語歌手共同錄唱《明天會更好》並推出</t>
  </si>
  <si>
    <t>歌手推出衣索比亞大饑荒援助饑民明天美國共同版稅專輯賑災用途非洲天下一家臺灣光復worldthe華語are臺灣合唱召集</t>
  </si>
  <si>
    <t>過去曾在1983-1985年非洲衣索比亞大飢荒。為援助饑民美國歌手推出合唱歌曲We Are the World（天下一家）將專輯版稅捐作賑災用途。隔年。1985年台灣光復節40周年召集台灣60位華語歌手共同錄唱《明天會更好》並推出。35年後由台灣一群高人氣Youtuber重新詮釋這首由羅大佑作曲的經典名歌。
當年《明天會更好》的創作者們希望模仿《We Are The World》群星為公益而唱的模式來呼應「1986世界和平年」的主題。於是羅大佑、張艾嘉等臺灣歌手共同填詞作曲這首名歌並召集了香港、新加坡以及馬來西亞等地共60位華人歌手共同演唱。更邀集台灣當時最知名的唱片公司包括飛碟唱片、滾石有聲出版社(後來的滾石唱片)、福茂唱片等都參與這張專輯。
隔了35年因新冠狀肺炎疫情升溫、世界各地仍有飢荒、戰事《就將娛樂》攜手《獨角音樂》由台灣女網路歌手「蕭小M」邀請22個Youtuber頻道主獻聲合唱其中破百萬訂閱數的超高人氣頻道就有7個分別是「阿滴英文」、「滴妹」、「黃氏兄弟」、「魚乾」、「重量級」、「葉式特工」、「聖結石」。
超過50萬訂閱的則有「聖嫂Dodo」、「嘎老師Miss Ga」。另外也有性學知識頻道「超直白」、女網紅「壽司張佳瑩」、「小A辣」等人獻聲。
擁有25萬訂閱數的頻道主發起人「蕭小M」表示「偶然間聽到這首歌時被它深深的打動喜歡唱歌的她萌生了一個念頭或許她可以邀請朋友們一起來為這首歌創造一段新的生命一段屬於我們這一代的新能量於是這念頭慢慢成形了。
她說「很謝謝願意參與的每一個人因為有這些好朋友平凡的她才能完成這麼特別的事因為有你們我能相信明天一定會更好！謝謝你(妳)們為這世界傳遞了溫暖！」。</t>
  </si>
  <si>
    <t>歌手臺灣頻道共同唱片訂閱饑荒念頭明天首歌專輯參與謝謝朋友羅大佑邀請人氣推出</t>
  </si>
  <si>
    <t>明天會更好武漢肺炎新冠肺炎Youtuber羅大佑</t>
  </si>
  <si>
    <t>肺炎武漢羅大佑youtuber明天</t>
  </si>
  <si>
    <t>飯店女人球員開除nfl</t>
  </si>
  <si>
    <t>NFL例行賽還沒開打就有球員嚴重違規海鷹隊菜鳥席弗藍德(Kemah Siverand)因為偷帶女人進入球隊飯店直接被球團宣佈開除。NFL球隊目前在訓練營雖然他們例行賽不打算採用隔離式的「泡泡」來阻擋新冠肺炎他們仍然</t>
  </si>
  <si>
    <t>球隊例行nfl阻擋泡泡隔離採用打算球員違規海鷹嚴重席弗藍德kemahsiverand女人</t>
  </si>
  <si>
    <t>NFL例行賽還沒開打就有球員嚴重違規海鷹隊菜鳥席弗藍德(Kemah Siverand)因為偷帶女人進入球隊飯店直接被球團宣佈開除。NFL球隊目前在訓練營雖然他們例行賽不打算採用隔離式的「泡泡」來阻擋新冠肺炎他們仍然很重視防疫。
23歲的席弗藍德今年5月才與海鷹隊簽約NFL官網記者指出這是殺一儆百「清楚傳達了NFL對球員的要求如果敢讓大家暴露在風險中這就是你們的下場。」席弗藍德的劣跡都被監視器拍下他讓那女人假扮成海鷹隊球員試圖溜進飯店但騙不過旁人的眼睛。
即使依照疫情爆發前的規定球員也不可以攜帶外人進入球隊飯店或房間公羊隊2016年就以同樣理由開除了外接員Deon Long。有球迷質疑聯盟只敢拿這些小人物開刀如果是明星球員犯錯球團絕對不敢重罰。
無論如何NFL下令球員每日檢測新冠肺炎一直到9月5日為止他們預計美國時間9月10日開打完整的例行賽。由於他們每隊的例行賽只有16場所以不需要縮短球季。</t>
  </si>
  <si>
    <t>球員nfl藍德飯店球隊例行開除女人肺炎席弗進入海鷹質疑聯盟球迷</t>
  </si>
  <si>
    <t>NFL美國海鷹隊例行賽新冠肺炎</t>
  </si>
  <si>
    <t>例行海鷹美國nfl肺炎</t>
  </si>
  <si>
    <t>嚴峻疫情國外必須侯友宜阻絕境外新北</t>
  </si>
  <si>
    <t>新北市侯友宜今（26日）主持疫情說明會全市新增0例確診居家列管數55人今天可解隔2人目前新北市疫情近2周多為0但也不能太輕忽疫情侯強調國外疫情仍嚴峻必須要阻絕於境外、要戒慎恐懼面對疫情。侯友宜</t>
  </si>
  <si>
    <t>疫情新北侯友宜嚴峻列管輕忽居家確診新增全市說明會周多為目前主持境外阻絕戒慎恐懼必須國外強調今天</t>
  </si>
  <si>
    <t>新北市侯友宜今（26日）主持疫情說明會全市新增0例確診居家列管數55人今天可解隔2人目前新北市疫情近2周多為0但也不能太輕忽疫情侯強調國外疫情仍嚴峻必須要阻絕於境外、要戒慎恐懼面對疫情。
侯友宜說新北再「＋0」是否已經非常穩定？是否都沒有問題？還是要特別提醒市民目前警戒二級維持至10月4日Delta印度變異株仍然肆虐新加坡、南韓、日本甚至包含歐美都非常嚴重必須要阻絕於境外、要戒慎恐懼。
此外警戒二級有相關規定還是要提醒市民今天為周日人潮儀表板仍然有警示烏來、十分瀑布已經達到40％容留量建議市民非必要不要再前往都會隨時提醒把疫情穩穩守住尤其面對千變萬化的病毒要學會謙卑、學習、全力以赴守好意情台灣疫情愈趨穩定。
侯友宜表示期盼可以長期看到「＋0」阻絕於境外、沒有病毒再進來口罩一定要戴好一定要遵守相關規定。
★《中時新聞網》提醒您：因應新冠肺炎疫情疾管署持續加強疫情監測與邊境管制措施 如有疑似症狀請撥打：1922專線或 0800-001922 並依指示配戴口罩儘速就醫同時主動告知醫師旅遊史及接觸史以利及時診斷及通報。</t>
  </si>
  <si>
    <t>疫情市民提醒侯友宜仍然新北口罩目前病毒阻絕今天境外沒有已經穩定面對警戒規定相關非常接觸</t>
  </si>
  <si>
    <t>侯友宜阻絕於境外疫情戒慎國外疫情</t>
  </si>
  <si>
    <t>境外戒慎疫情阻絕侯友宜國外</t>
  </si>
  <si>
    <t>醫院胃癌超載消失不敢唐玲回診</t>
  </si>
  <si>
    <t>46歲性感女星唐玲身材火辣、大方健談經常穿梭在各大綜藝節目前年卻悄悄淡出原來她得了胃癌眼見最近本土疫情升溫主治醫師派去前線支援篩檢唐玲也擔心醫院量能不足遲遲不敢回診。唐玲2年前被診斷出胃癌</t>
  </si>
  <si>
    <t>唐玲胃癌健談經常大方穿梭綜藝節目回診前年悄悄不敢淡出原來升溫主治醫師眼見最近本土遲遲疫情不足前線</t>
  </si>
  <si>
    <t>46歲性感女星唐玲身材火辣、大方健談經常穿梭在各大綜藝節目前年卻悄悄淡出原來她得了胃癌眼見最近本土疫情升溫主治醫師派去前線支援篩檢唐玲也擔心醫院量能不足遲遲不敢回診。
唐玲2年前被診斷出胃癌起初因不想留疤婉拒開刀被醫生警告會有生命危險才開啟1年多的化療與手術過程相當艱辛身心靈都瀕臨崩潰邊緣。這陣子本土確診數飆高唐玲上月30日在臉書憂心忡忡：「最近疫情升溫醫院量能超載緊張我躲在家裡面防疫不敢去醫院回診…不知道什麼時候才好？回去追蹤檢查。」協助切除胃部惡性腫瘤的主治醫師因疫情關係支援篩檢她不禁感嘆：「如此技術高超的外科主任醫師也要去第一線跟病毒打仗；現在醫療人員真的很辛苦！很危險。」
唐玲希望醫師要多多保重自己感謝對方「幫我開刀拿出胃癌而且沒有留下疤痕」同時呼籲外界要提高警覺、保持社交安全距離勤洗手並戴口罩不要隨意的趴趴走。
許多網友看到唐玲的遭遇忍不住留言：「我能懂得癌症的人的心情」、「趕快就醫不要拖了命是自已的」、「乖乖回診吧沒染疫胃癌也會要你命」。
事實上唐玲得知罹胃癌需進行化療聽到血液腫瘤科醫師詢問：「家裡還有誰？父、母可以陪妳嗎？」情緒數度崩潰因為她單身獨居「我家裡都沒有人父母皆雙亡」好在醫師拿出名片直接告訴唐玲不能只有一個人有任何問題都可以來問他才讓唐玲感受到人間溫暖。</t>
  </si>
  <si>
    <t>唐玲胃癌醫師家裡回診醫院疫情化療不要開刀拿出沒有本土崩潰可以不敢主治醫師最近升溫</t>
  </si>
  <si>
    <t>唐玲胃癌醫院量能新冠肺炎台灣</t>
  </si>
  <si>
    <t>醫院肺炎胃癌唐玲臺灣</t>
  </si>
  <si>
    <t>消毒到校全面暫停校友確診社團</t>
  </si>
  <si>
    <t>針對海軍敦睦艦隊發生新冠肺炎群聚感染其中1名確診官兵曾經到過屏東大學即刻啟動疫調發現確診個案是音樂系校友16日夜間到校參加社團活動地點為屏師校區表演廳一樓弦樂社未曾到過其他校內場所當天直接</t>
  </si>
  <si>
    <t>確診肺炎未曾表演感染師校區地點社團活動參加到校夜間發生校友官兵曾經音樂東大即刻</t>
  </si>
  <si>
    <t>針對海軍敦睦艦隊發生新冠肺炎群聚感染其中1名確診官兵曾經到過屏東大學即刻啟動疫調發現確診個案是音樂系校友16日夜間到校參加社團活動地點為屏師校區表演廳一樓弦樂社未曾到過其他校內場所當天直接接觸同學共有3名現已居家隔離檢疫中並並進行環境消毒並密切追蹤相關學生後續健康情況。
屏大指出直接接觸的3名同學17日均未到校上課18日、19日是假日沒有課程20日即居家檢疫也就是說與這3名同學一起修課的同學都未接觸不必恐慌。
另全校與這3名直接接觸的同學有過接觸的師生共有20名學生及9名教職員工目前均自主健康管理並持續疫調中已經啟動安心就學方案實施線上教學。至於確診個案曾到過的場館週末均已全面消毒。
屏大也宣佈即日暫停所有學生社團活動且出入校園均須佩戴識別證非洽公者不得進入。</t>
  </si>
  <si>
    <t>同學確診學生接觸直接社團活動健康消毒個案檢疫啟動居家共有到校肺炎識別證</t>
  </si>
  <si>
    <t>新冠肺炎屏大消毒音樂系取消社團</t>
  </si>
  <si>
    <t>消毒音樂肺炎取消社團</t>
  </si>
  <si>
    <t>中心紀錄員工確診出國機場遭到傳染</t>
  </si>
  <si>
    <t>國內新冠肺炎確診人數日益增多因此從國外回到台灣的旅客都要進行隔離檢疫而在機場工作的人也無不小心翼翼但今（28）日傳出觀光局桃園機場旅客服務中心的一名男員工因身體不適就醫後確診為新冠肺炎病例。根據</t>
  </si>
  <si>
    <t>旅客機場確診肺炎人數日益就醫不適增多國外回到小心翼翼身體臺灣無不工作男員工檢疫中心服務傳出</t>
  </si>
  <si>
    <t>國內新冠肺炎確診人數日益增多因此從國外回到台灣的旅客都要進行隔離檢疫而在機場工作的人也無不小心翼翼但今（28）日傳出觀光局桃園機場旅客服務中心的一名男員工因身體不適就醫後確診為新冠肺炎病例。
根據《ETtoday》報導交通部觀光觀光局桃園機場旅客服務中心的一名男員工因身體不適就醫後確診為新冠肺炎病例不過該員工並沒有出國歷史因此推斷為因為接觸確診旅客而被感染。
觀光局副局長張錫聰也證實此消息表示這名員工的工作內容為接待旅客、提供旅各相關資訊等而也有知情人士透露這名員工平常主要是接待貴賓有時會在一、二航廈之間走動但生活方面相當單純不是待在家就是在辦公室。
而觀光局也立即作出反應桃園機場中心已全面啟動消毒並且中心的3位同仁已經返家進行14天的字主管力觀光局也準備好了異地上班及準備機制並會配合中央疫情流行指揮中心的相關檢疫作業。
更多 CTWANT 報導</t>
  </si>
  <si>
    <t>觀光局旅客中心員工機場確診相關檢疫進行桃園工作接待肺炎報導病例準備生活方面相當走動之間單純有時</t>
  </si>
  <si>
    <t>確診觀光局新冠肺炎桃園機場旅客</t>
  </si>
  <si>
    <t>肺炎桃園觀光局機場確診旅客</t>
  </si>
  <si>
    <t>周?莊鬆口縮短間隔時間討論</t>
  </si>
  <si>
    <t>Omicron變異病毒株日前於我國邊境發現為加緊防範變異病毒株入侵中央流行疫情指揮中心今天表示目前已於夜診、部分車站開放符合資格的民眾接種第三劑疫苗目前符合接種資格的第一至三類人員共六萬多人目前已</t>
  </si>
  <si>
    <t>目前病毒變異資格符合接種我國加緊防範入侵中央流行疫情開放指揮車站中心今天表示已於部分日前人員邊境發現民眾</t>
  </si>
  <si>
    <t>Omicron變異病毒株日前於我國邊境發現為加緊防範變異病毒株入侵中央流行疫情指揮中心今天表示目前已於夜診、部分車站開放符合資格的民眾接種第三劑疫苗目前符合接種資格的第一至三類人員共六萬多人目前已打了三萬多劑佔整體比例的一半。
部份專家指出高風險族群應縮短第三劑的接種間隔不一定要等滿五個月後才打可提前至八到十二周對此指揮中心發言人莊人祥說近期ACIP將召開專家會議會將此議題提出由專家進行討論。
指揮中心醫療應變組副組長羅一鈞表示從我國上周公佈的三例Omicron病毒來看全部都是突破性感染其中兩人還是打完疫苗不到六個月遭感染的病例然而各廠牌疫苗對Omicron病毒的實際防護效果必須分開比較若藉此對入境者實施不同的檢疫措施對旅客來說可能過於嚴苛恐不利國人將來返台因此是否因應不同廠牌的疫苗提出不同檢疫方式必須加強研議。
莊人祥則說防範Omicron病毒需要呼籲民眾踴躍接種疫苗目前第十八期的公費疫苗接種符合第一劑BNT接種資格對象有三十一點四萬人第二劑則有八十五點八萬人；AZ混打BNT的也有二點八萬人目前除臺北車站外部份車站還有提供第三劑的莫德納疫苗也有不少基層醫療有夜診服務歡迎民眾多加利用。</t>
  </si>
  <si>
    <t>疫苗病毒目前接種omicron指揮中心專家不同民眾必須車站檢疫表示提出我國防範感染醫療資格符合</t>
  </si>
  <si>
    <t>Omicron莊人祥接種縮短討論</t>
  </si>
  <si>
    <t>莊人祥討論接種縮短omicron</t>
  </si>
  <si>
    <t>動能可期前景導體</t>
  </si>
  <si>
    <t>鈺太(6679)第二季營運受惠疫情下帶動的居家商機NB市場活絡有助於鈺太MEMS(微機電系統)麥克風出貨長線也在窄邊框NB滲透率看俏下於產業界具有發展優勢除NB市場外鈺太在無線藍芽耳機(TWS)、遊戲機以及智慧T</t>
  </si>
  <si>
    <t>nb市場耳機藍芽麥克風系統長線微機邊框mems疫情tws受惠滲透帶動看俏產業界居家有助於</t>
  </si>
  <si>
    <t>鈺太(6679)第二季營運受惠疫情下帶動的居家商機NB市場活絡有助於鈺太MEMS(微機電系統)麥克風出貨長線也在窄邊框NB滲透率看俏下於產業界具有發展優勢除NB市場外鈺太在無線藍芽耳機(TWS)、遊戲機以及智慧TV方面下半年也可望有新進展不僅第二季營運表現可望勝第一季外下半年仍具有正向動能。
今年上半年因為全球受到新冠肺炎衝擊居家辦公、遠端教學趨勢快速成長帶動筆電需求急速攀升預計鈺太第二季在此趨勢下筆電MEMS麥克風出貨將明顯貢獻營運動能整體業績表現將勝第一季。
目前各大PC品牌廠為優化視覺體驗於原機身架構下設計將螢幕邊框縮窄以求提高呈現的畫面比例窄邊框筆電MEMS麥克風由樓式與鈺太承作兩者市占率各約50%MEMS麥克風單價亦高於傳統NB。2016年為窄邊框筆電的第一年彼時滲透率僅1%~2%今年預計滲透率可以上看22%~23%隨鈺太在NB逐步拓展營運其市占率已由2018年的20%攀升至目前35%~40%未來在產業持續具有優勢地位。
TWS自去年以來躍升消費電子當紅炸子雞鈺太在TWS藍芽耳機以搭載ANC(自動降噪)為主要切入口而預計在今年終端市場推出的中高階產品也會陸續撘載ANC毛利率會相較先前TWS高且普及率會持續提升鈺太目前已和各主晶片設計合作鈺太將於第三季量產支援ANC方案智慧TV品牌廠將TV轉換成帶語音控制隨客戶第二季開始復工鈺太亦將跟隨出貨遊戲機客戶將遞延於下半年推出新款機種鈺太預計也可望在第三季陸續出貨。
鈺太第一季營收367億元季減少5%、年增加34%單季毛利率攀升到335%每股稅後EPS為14元帶動毛利率成長的原因主要是產品結構變化與成本控管所致鈺太第一季產品結構為數位式麥克風占比69%、類比式麥克風占比11%、Audio占比6%、電源晶片5%以及其他產品9%其中類比式麥克風與電源晶片兩者下滑幅度大是因主要消費區域位於大陸受到新冠肺炎疫情拖累所致預計該衝擊到第二季隨著疫情在大陸陸續解封後已經得到緩解。
鈺太5月營收147億元續創單月歷史新高月增加482%年增加2844%累計前5月營收654億元年增加3199%。</t>
  </si>
  <si>
    <t>麥克風預計nbtws產品營運邊框ancmems具有下半年今年疫情目前陸續市場攀升毛利率</t>
  </si>
  <si>
    <t>鈺太NBMEMSTWS智能TV</t>
  </si>
  <si>
    <t>twsmemsnb智能tv</t>
  </si>
  <si>
    <t>衝擊疫情肺炎捐款急凍</t>
  </si>
  <si>
    <t>全球新冠肺炎疫情不見趨緩影響民眾出門意願產業多少都受衝擊就連靠著各界善款支應的社福團體也不例外小額捐款數目急凍在開源不易、只能靠著節流度冬屏東創世近日拆掉一半燈管力拚省電因為不知道防疫還</t>
  </si>
  <si>
    <t>疫情不見影響民眾出門意願力拼產業肺炎燈管近日衝擊創世連靠著節流善款</t>
  </si>
  <si>
    <t>全球新冠肺炎疫情不見趨緩影響民眾出門意願產業多少都受衝擊就連靠著各界善款支應的社福團體也不例外小額捐款數目急凍在開源不易、只能靠著節流度冬屏東創世近日拆掉一半燈管力拚省電因為不知道防疫還得持續多久。
咳！創世屏東分院長林艾樺深深嘆了口氣說社福團體最重要的捐款旺季就是年底與年初年底企業為了節稅、年初民眾領了年終獎金通常都會順勢捐款作公益未料這波疫情來得又快又急年底還沒感受一過了農曆年彷彿變了一個世界連二手市集都少了買氣。
收入相較同期少了將近4成林艾樺表示植物人照護服務還是得繼續包括使用的醫材、健康食品開銷都是固定只能從日常生活去省；抬頭看看日光燈從過去每格4盞、已經全部減半她開玩笑地說現在每天都是想著要如何省錢。
力拚節流也想著如何開源創世目前推動守護天使方案林艾樺說希望找到每月願意主動捐款的善士透過每月固定善款挹注就像是守護院民的天使讓植物人及家屬都能無後顧之憂。</t>
  </si>
  <si>
    <t>捐款創世疫情植物人民眾林艾樺年底固定天使善款守護團體力拼開源節流</t>
  </si>
  <si>
    <t>捐款疫情年底新冠肺炎創世</t>
  </si>
  <si>
    <t>年底肺炎疫情捐款創世</t>
  </si>
  <si>
    <t>侯友宜板橋歧視責成衛生局瞭解醫院馬偕狀況</t>
  </si>
  <si>
    <t>雙北本土病例大爆炸馬偕醫院今起公告「登記居住於萬華、板橋者」不得入內就醫但仍在院外設置就醫門診卻被民眾誤解為全面禁止質疑馬偕涉嫌歧視；對此新北市長侯友宜今主持防疫會議受訪表示他目前沒有聽說這</t>
  </si>
  <si>
    <t>馬偕就醫受訪會議爆炸防疫主持醫院侯友宜門診市長不得表示板橋于萬華登記居住新北民眾歧視全面禁止公告涉嫌質疑</t>
  </si>
  <si>
    <t>雙北本土病例大爆炸馬偕醫院今起公告「登記居住於萬華、板橋者」不得入內就醫但仍在院外設置就醫門診卻被民眾誤解為全面禁止質疑馬偕涉嫌歧視；對此新北市長侯友宜今主持防疫會議受訪表示他目前沒有聽說這件事但每間醫院都有責任收治所有病患不該分「來自板橋、來自哪裡」。
侯友宜說他沒有聽說馬偕醫院這件事但病患沒有說來自板橋、或是來自哪裡每個醫院都有責任收治所有病患他會責任衛生局來瞭解狀況。</t>
  </si>
  <si>
    <t>馬偕醫院板橋責任侯友宜沒有就醫聽說來自都有門診爆炸民眾誤解全面禁止不得質疑收治涉嫌于萬華歧視</t>
  </si>
  <si>
    <t>板橋萬華馬偕醫院新冠肺炎侯友宜</t>
  </si>
  <si>
    <t>醫院馬偕肺炎萬華板橋侯友宜</t>
  </si>
  <si>
    <t>醫護支票疫苗去年津貼</t>
  </si>
  <si>
    <t>本土疫情未降溫行政院長蘇貞昌承諾的「第一季到貨2000萬劑進口疫苗」至今僅到貨8766萬劑到貨率不到5％；即使加上今（4）日下午預計從日本運來的124萬劑AZ疫苗也僅達承諾的1/10。立委指政府的「疫苗支票」至少</t>
  </si>
  <si>
    <t>疫苗承諾到貨行政院長蘇貞昌加上下午預計日本運來az降溫政府進口至今疫情</t>
  </si>
  <si>
    <t>本土疫情未降溫行政院長蘇貞昌承諾的「第一季到貨2000萬劑進口疫苗」至今僅到貨8766萬劑到貨率不到5％；即使加上今（4）日下午預計從日本運來的124萬劑AZ疫苗也僅達承諾的1/10。立委指政府的「疫苗支票」至少跳票50次2成醫護還沒拿到去年第4季津貼蘇貞昌失信於民是「放羊的孩子」。
5月下旬以來本土疫情燒得又快又猛本土確診病例累計近萬例、死亡累計166例。立委邱臣遠表示蘇貞昌2月至立法院專案報告新冠肺炎篩檢、疫苗整備及百億養豬產業基金相關事項時提到台灣可獲得國外疫苗約2000萬劑（含COVAX約476萬劑、AZ疫苗1000萬劑及莫德納疫苗505萬劑）預計第1季起陸續供應。但衛福部花了370多億採購疫苗實際到貨僅8766萬劑（COVAX到貨率128％、ＡZ到貨率117％、莫德納297％）。加上衛環委員會下的「疫苗調閱小組」從4月29日成立到第三會期最後一天5月31日都沒有開過會邱臣遠表示最快下周將要求蘇揆赴立法院報告疫苗採購細節。
立委蔡壁如強調有網友整理去年中以來政府的「疫苗支票」至少跳票50次政府「超前部署」已證明是「落後倒數」。另根據第一線臨床醫療的預測圖「COVID-19醫療壓力60日發展過程」統計表疫情爆發後的第30天、正好就是未來一周重症案例將增加政府應考慮盤點重症資源的公開建置資訊且熱區監控應該細到以鄰裡為單位。
蔡壁如表示仍有部分醫院第一線醫護沒有拿到防疫津貼甚至去年第4季還有2成沒下來今年第1季也還沒有完全撥款「聽說是審計部刁難。」第一線人員防疫保險提供未來1至7年長期防疫的準備同時落實執行第五類傳染病防治工作致傷病或死亡補助辦法社區快篩站設置經費應簡審快速撥款「不要輕易解封或應該輪流解封相關店家。」
邱臣遠說蘇貞昌2019年就任至今重大事故傷亡不斷統計至6月3日死亡人數高達246人（包含疫情、重大交通事故、國軍意外事故等）台灣防疫下半場要拚疫苗接種率蘇揆應正視內閣系統性失靈。蔡壁如強調全民都在等疫苗然而看不到盡頭的隧道最令人恐慌政府必須要當「出口的那一道光。」
邱臣遠說感謝美、日捐贈疫苗馳援我國但國人更關注疫苗怎麼打？可以選擇什麼品牌？蔡壁如則要求指揮中心應在最短時間內公佈疫苗施打時程與規劃讓大家知道「什麼時候輪到我注射疫苗」包括各類別接種疫苗時程、哪些人、哪個時間點、可以打哪個廠牌、自費與公費接種辦法、以及疫苗接種受害救濟機制等。</t>
  </si>
  <si>
    <t>疫苗政府蔡壁如疫情蘇貞昌防疫邱臣遠沒有死亡接種表示去年到貨應該本土相關臺灣撥款辦法</t>
  </si>
  <si>
    <t>新冠肺炎台灣 疫苗到貨立委</t>
  </si>
  <si>
    <t>臺灣疫苗肺炎到貨</t>
  </si>
  <si>
    <t>升級折疊新機發表</t>
  </si>
  <si>
    <t>因著新冠肺炎的影響一年一度的西班牙巴塞羅納世界通訊大會MWC也取消以後各大廠商都改以網路發表會來公佈品牌最新產品像華為就在24日晚上發表了全新升級版5G摺疊手機HUAWEI Mate Xs而其他陸牌手機如OPPO也將</t>
  </si>
  <si>
    <t>影響一年一度西班牙巴塞羅納牌手機世界mate通訊xshuawei大會手機折疊mwc肺炎升級發表晚上取消華為以後產品最新品牌</t>
  </si>
  <si>
    <t>因著新冠肺炎的影響一年一度的西班牙巴塞羅納世界通訊大會MWC也取消以後各大廠商都改以網路發表會來公佈品牌最新產品像華為就在24日晚上發表了全新升級版5G摺疊手機HUAWEI Mate Xs而其他陸牌手機如OPPO也將於3月6日舉行全球線上發表會預計將推出全新Find X2系列至於小米雖早已發表了陸版的小米10系列不過國際版將會延後於歐洲發表。
華為全新的升級版5G摺疊手機HUAWEI Mate Xs也是今年讓消費者期待的手機之一畢竟三星的Galaxy Z Flip摺疊手機甫在台推出就被一掃而空因此華為的摺疊新機想當然也是本年度的一大亮點此次採用了業界獨有的鷹翼鉸鏈摺疊設計仍是以外摺、螢幕在外的方式呈現展開後為8吋的柔性顯示螢幕合上後則變成66吋和638吋的雙螢幕手機再配上多組5G天線、品牌最高性能的Kirin 990 5G SoC旗艦晶片等硬體下不過要價2499歐元（台幣約8萬2300元）因此同樣主攻高端消費層。
至於小米10系列早已發布陸版系列採用了1億圖元8K超高解析度相機可說是本次最大亮點更搭載了高通驍龍865處理器配上對稱式立體聲喇叭為今年品牌的旗艦頂級機種。小米10 Pro更在甫推出就以相機124分躍升為DXOMARK上第1位不過目前因新冠肺炎影響國際版將延後於歐洲舉行而另一陸牌手機OPPO則預計於3月6日舉辦全球線上發表會將推出全新Find X2系列新機主打迄今為止最好的螢幕、訂製的旗艦級圖像感光元件作主打。</t>
  </si>
  <si>
    <t>手機折疊旗艦品牌小米推出華為發表會亮點發表採用今年新機相機影響牌手機</t>
  </si>
  <si>
    <t>螢幕主打升級版系列小米</t>
  </si>
  <si>
    <t>升級小米</t>
  </si>
  <si>
    <t>pcb解禁族群湖北</t>
  </si>
  <si>
    <t>中國大陸24日宣佈湖北省除武漢市以外解除封城禁令武漢市規畫4月8日跟進。法人指出陸官方解封顯示當地疫情已見減緩隨著對外交通恢復復工生產進度加快就供給端而言可望以PCB族群受惠程度最高搭上臺</t>
  </si>
  <si>
    <t>武漢市族群pcb可望湖北省供給加快進度生產復工受惠恢復交通對外減緩跟進法人疫情當地顯示解封</t>
  </si>
  <si>
    <t>中國大陸24日宣佈湖北省除武漢市以外解除封城禁令武漢市規畫4月8日跟進。法人指出陸官方解封顯示當地疫情已見減緩隨著對外交通恢復復工生產進度加快就供給端而言可望以PCB族群受惠程度最高搭上臺股步入反彈格局激勵瀚宇博（5469）、健鼎（3044）等股價表態上攻。
萬寶投顧總經理蔡明彰表示中國大陸先前政策方向已宣示要將復工動作加快隨著疫情高峰已過新增確診人數減少湖北解除封城更可望讓生產狀況恢復原先水準早前因封城受害的台廠供應鏈可望恢復生機PCB族群有機會扮演盤面反攻要角。
台股24日大漲395點由電子族群領銜上攻次產業以PCB表現最為亮眼瀚宇博、柏承亮燈漲停華通、台郡分別上漲918％、872％扭轉近期跌勢。群益投顧分析此次新冠肺炎重災區大陸湖北省為PCB生產重鎮台廠健鼎、欣興、台光電、定穎等都在當地有生產據點因封城令解除利空訊息逐步漸散加上5G、伺服器等大產業趨勢之下帶動類股走強。
除了中國大陸當地的基建需求外5G智慧型手機將進入成長爆發期預期也將帶動PCB產業相關的SLP、天線軟板等規格升級及應用增加。
日盛投顧總經理鍾國忠指出新冠肺炎疫情最多只是絆住5G發展腳步不會真正影響到新興科技應用導入對電子產業需求仍以向後遞延看待中國疫情狀況趨緩目前看來亞洲區相對控制得當生產端持續轉好後續看英國、美國隊防疫重視程度越來越高也有助於縮短景氣衝擊。</t>
  </si>
  <si>
    <t>生產pcb疫情產業中國大陸當地恢復解除可望族群封城程度應用狀況需求指出上攻</t>
  </si>
  <si>
    <t>封城肺炎中國大陸PCB湖北</t>
  </si>
  <si>
    <t>pcb大陸中國肺炎湖北封城</t>
  </si>
  <si>
    <t>pa收看京元電</t>
  </si>
  <si>
    <t>射頻元件及功率放大器（PA）大廠Skyworks墨西哥封測廠受到新冠肺炎疫情影響被當地政府要求停工至4月底。雖然Skyworks手中仍有庫存因應市場需求但考量到封測廠停工若延長至5月將對全球PA元件供應造成衝擊。據了</t>
  </si>
  <si>
    <t>skyworkspa停工元件放大器全球大廠影響肺炎疫情庫存因應要求當地政府手中月底延長市場需求墨西哥受到考量功率</t>
  </si>
  <si>
    <t>射頻元件及功率放大器（PA）大廠Skyworks墨西哥封測廠受到新冠肺炎疫情影響被當地政府要求停工至4月底。雖然Skyworks手中仍有庫存因應市場需求但考量到封測廠停工若延長至5月將對全球PA元件供應造成衝擊。
據瞭解Skyworks近期已轉單台灣封測代工廠測試大廠京元電（2449）獲急單加持第二季營收將創歷史新高。
全球新冠肺炎疫情蔓延墨西哥政府要求境內所有工廠暫停所有非必要的營運到4月30日Skyworks位於墨西哥封測廠暫停營運。
Skyworks在聲明中表示墨西哥封測廠因為新冠肺炎情而暫時停工到4月30日預期不會對公司營運造成明顯影響但是若新工要求延後到5月Skyworks恐無法滿足客戶需求並會對營運造成衝擊。Skyworks將在5月4日召開2020年會計年度第二季法人說明會並對外說明新冠肺炎造成的影響。
Skyworks是全球PA元件市場龍頭包括蘋果、華為、三星、索尼等全球手機廠都是其主要客戶並與聯發科、高通、華為海思等手機晶片廠有緊密合作。受惠於5G市場進入成長爆發期Skyworks位於美國的自有砷化鎵（GaAs）晶圓廠仍全線滿載投片超過80％以上自有產能的後段封測業務都在墨西哥廠完成。
Skyworks墨西哥封測廠暫時停工到4月底手中庫存水位仍可因應市場需求但該廠的停工時間若延續到5月將直接影響到PA元件出貨。由於全球主要手機廠第二季已陸續啟動將於下半年推出的5G智慧型手機的零組件備貨Skyworks若5月後無法順利供貨將對下半年手機出貨造成影響。
而據業界消息Skyworks為了降低生產斷鏈風險近期計畫擴大對封測代工廠釋出委外代工訂單除了將部分封裝訂單釋出予日月光最重要的測試代工急單已交由京元電代工測試機台開機數上看43台且測試訂單將逐步放量到下半年。
京元電受惠於5G基地台及手機晶片等測試訂單到位加上CMOS影像感測器（CIS）及伺服器相關晶片測試訂單續強3月合併營收月增120％達2491億元創下單月營收歷史新高與去年同期相較成長354％。第一季合併營收季減20％達7001億元與去年同期相較成長331％為歷年同期新高紀錄。法人看好京元電第二季營收將創歷史新高。</t>
  </si>
  <si>
    <t>skyworks測試手機訂單造成全球影響停工營運元件pa墨西哥下半年肺炎要求</t>
  </si>
  <si>
    <t>營運墨西哥肺炎封測廠京元電</t>
  </si>
  <si>
    <t>肺炎墨西哥京元電營運</t>
  </si>
  <si>
    <t>基金會哀嚎創世延長植物人警戒重災戶</t>
  </si>
  <si>
    <t>新冠肺炎本土疫情延燒全國三級警戒自5月19日實施至今已逾1個月中央宣佈再延長至7月12日百工百業衝擊大專門照顧植物人的創世基金會哀嚎成為「重災區」因為植物人的所需開銷8成來自各界捐款如今捐款斷崖式</t>
  </si>
  <si>
    <t>植物人捐款疫情開銷如今重災區全國創世警戒照顧來自專門本土實施至今衝擊百業百工中央宣佈延長</t>
  </si>
  <si>
    <t>新冠肺炎本土疫情延燒全國三級警戒自5月19日實施至今已逾1個月中央宣佈再延長至7月12日百工百業衝擊大專門照顧植物人的創世基金會哀嚎成為「重災區」因為植物人的所需開銷8成來自各界捐款如今捐款斷崖式大減難以為繼。
創世基金會嘉義院表示創世基金會全台17所安養院目前照護約800位植物人每位植物人一個月需4至6萬元每天開銷支出約100多萬元警戒第一周專案捐款即驟降5成發票、抽痰管、奶粉等捐贈物資也驟減。
創世嘉義院表示嘉義院目前安養22位植物人、到宅服務100位植物人及失能臥床老人三級警戒防疫期間到宅服務改為電話關心護理人員也「疫」無反顧守候植物人創世咬牙苦撐以往經常有人上門捐款現今幾乎一個也沒有基金會也無法辦理活動募款收支捉襟見肘。
創世嘉義院表示基金會各服務據點陸續接到電話部分捐助人表明將暫停定期定額捐款加上民眾減少出門郵政劃撥捐款也減少整體捐款面臨斷崖式下滑逾3成對服務經費約8成仰賴社會大眾小額捐款的創世而言影響甚钜。
創世嘉義院表示現在還有防疫紀念T恤227件、運動毛巾210條待認購捐助期盼各界展現同島一命的精神幫助社會底層弱勢也歡迎每日10元捐贈1片尿布每月定期定額300元詳情洽詢創世官網、創世臉書或愛心專線（05）232-0578分機9撐舟小組。</t>
  </si>
  <si>
    <t>創世捐款植物人基金會服務警戒嘉義表示防疫定期定額捐贈電話目前開銷</t>
  </si>
  <si>
    <t>新冠肺炎台灣植物人創世捐款</t>
  </si>
  <si>
    <t>肺炎臺灣植物人創世捐款</t>
  </si>
  <si>
    <t>金正恩今日世界復工</t>
  </si>
  <si>
    <t>《中時新聞網》精選5件不可不知的國際大事帶讀者掌握今（27）日的國際新聞重點。【1】生死成謎！南韓總統顧問：金正恩依然健在北韓領導人金正恩許久未公開露面生死行蹤成謎美媒盛傳他已經成為植物人也有報導</t>
  </si>
  <si>
    <t>國際生死金正恩成為不可不已經大事盛傳植物人精選依然領導人新聞重點顧問未公開行蹤露面總統南韓讀者掌握</t>
  </si>
  <si>
    <t>《中時新聞網》精選5件不可不知的國際大事帶讀者掌握今（27）日的國際新聞重點。
【1】生死成謎！南韓總統顧問：金正恩依然健在
北韓領導人金正恩許久未公開露面生死行蹤成謎美媒盛傳他已經成為植物人也有報導說他在躲新冠肺炎南韓方面則堅稱金正恩身體狀況良好。南韓總統文在寅的統一外交安保特別顧問文正仁26日向美國媒體透露金正恩仍「活著而且狀況很好」。
【2】神隱多日 專列停靠元山
北韓領導人金正恩的健康狀況成全球焦點他的行蹤也依舊成謎。南韓總統特別顧問指出「金正恩平安健康」。美國智庫證實金正恩的專列出現在元山。南韓媒體甚至表示北韓可能在金正恩指導下試射飛彈。有媒體指出隨著五一勞動節的逼近金正恩的狀況到底如何將會更為清晰。
【3】英首相強森 今日復工
英國首相辦公室發言人昨天證實英國首相強森（Boris Johnson）治療加休養整整超過3周後27日將重返工作崗位比原定時間提早。他缺席期間的代理人外務大臣拉布說強森「迫不及待」全面復工而強森的復出有助於「提振政府與英國的士氣」。
【4】WHO呼籲 別發免疫通行證
世界衛生組織（WHO）表示迄今尚無證據顯示擁有新冠抗體的痊癒者可免疫不會受到二次感染所以無法保證「免疫護照」或是「無風險證書」的準確性並提醒各國政府不要發放「免疫通行證」（immunity passport）。
【5】不尋常！年輕新冠患者中風死亡數激增
新冠肺炎高風險族群不再只局限於高齡人士美國醫院近期發現愈來愈多年輕新冠患者因中風喪命顛覆過去高齡患者死亡風險較高的認知。</t>
  </si>
  <si>
    <t>金正恩南韓免疫媒體美國強森患者高齡顧問政府國際總統證實復工表示專列指出who</t>
  </si>
  <si>
    <t>1分鐘看世界國際新聞全球新聞中時電子報金正恩</t>
  </si>
  <si>
    <t>新聞全球電子國際世界金正恩</t>
  </si>
  <si>
    <t>專家行為危險風險外面家裡</t>
  </si>
  <si>
    <t>新冠肺炎國內確診病例目前仍以境外移入為主不過專家表示相較於外出無時無刻不戴著口罩在家中密閉空間若沒有做好徹底防護家裡可能比外面還危險！防堵大規模社區傳播是目前台灣的防疫關鍵《Heho健康》報導</t>
  </si>
  <si>
    <t>目前防疫確診臺灣病例仍以境外傳播社區為主危險專家表示外面相較外出可能無時無刻家裡防護徹底戴著口罩</t>
  </si>
  <si>
    <t>新冠肺炎國內確診病例目前仍以境外移入為主不過專家表示相較於外出無時無刻不戴著口罩在家中密閉空間若沒有做好徹底防護家裡可能比外面還危險！
防堵大規模社區傳播是目前台灣的防疫關鍵《Heho健康》報導台大公衛學院教授張靜文指出台灣目前的案例以家人間的傳染問題最嚴重。近日確診個案中有一名太太因為每天為居家檢疫的先生送餐但並沒有確實戴口罩打掃的時候也沒有戴手套醫師推測很可能就是因為沒有徹底做好衛生防護而導致感染。
專家提醒包括門把、電燈開關、冰箱、微波爐、抽屜、遙控器、桌面和水龍頭…等家人每天都會碰觸的地方一定要每天清潔而且建議清潔時要戴上手套若不習慣戴手套清潔後也一定要洗手。
此外由於台灣已經有幼兒園停課因此「玩具清潔」也是居家防疫的重點之一除了孩子的手部衛生千萬不要忘了家中的玩具也可能成為一大污染源。無縫的玩具可直接以肥皂水清洗；不能水洗的則可用稀釋後的漂白水消毒後再用清水徹底擦拭一次並放在通風良好處陰乾。</t>
  </si>
  <si>
    <t>沒有目前徹底臺灣可能玩具清潔確診專家居家家中手套防疫口罩一定放在擦拭微波爐抽屜冰箱遙控器開關桌面</t>
  </si>
  <si>
    <t>清明連假確診社交距離社區感染居家檢疫</t>
  </si>
  <si>
    <t>距離社交社區確診感染居家清明連檢疫</t>
  </si>
  <si>
    <t>感動便當眾人愛心全身奉獻賈永婕</t>
  </si>
  <si>
    <t>新冠肺炎持續肆虐全球也打破台灣長達1年多的平靜日常掀起本土確診潮醫療量能因此吃緊所幸民間也以各自的方式努力送上後援女星賈永婕就向各界親友募款買救命神器捐給全台醫院還天天親自送便當如今雖暫</t>
  </si>
  <si>
    <t>肆虐親自全球醫院打破全台臺灣救命長達掀起募款本土親友平靜確診醫療賈永婕女星後援</t>
  </si>
  <si>
    <t>新冠肺炎持續肆虐全球也打破台灣長達1年多的平靜日常掀起本土確診潮醫療量能因此吃緊所幸民間也以各自的方式努力送上後援女星賈永婕就向各界親友募款買救命神器捐給全台醫院還天天親自送便當如今雖暫停送愛心便當但賈永婕又出動了讓眾人看了感動到不行直呼：「妳真是把全身都奉獻出來了」。
一直形象正向且相當熱心公益的賈永婕在這回台灣本土疫情嚴峻之際第一時間低調伸出援手不但自掏腰包還動用廣大人脈號召演藝圈、商業界親友行善募捐上百台「救命神器」HFNC及動力濾淨式呼吸防護具(PAPR)日前又爭取到生產HFNC的紐西蘭總公司再捐450萬耗材給台灣讓很多長輩、親友都勸她差不多了可以休息了但賈永婕仍跟家人一同盡心盡力持續奔走著。
前天賈永婕考量台灣疫情微解封加上大女兒安安出國將出國念書要準備的事情還很多因此宣佈每天送一百個愛心便當的活動暫時告一段落結果昨天(7/15)賈永婕又po文透露沒送便當也沒閒著她衝去捐血。
賈永婕在臉書寫下：「熱血少女捐血中血庫缺血喔我下午4:00到26號」還貼心叮嚀大家打完AZ疫苗後不要急著捐要等兩週才能來捐血她的暖舉讓眾人超驚訝感動直呼「女神內心充滿了愛血液一定超級純」、「熱血美少女戰士是大家的楷模」不禁讚嘆「妳真是把全身都奉獻出來了」。
★《中時新聞網》提醒您：因應新冠肺炎疫情疾管署持續加強疫情監測與邊境管制措施 如有疑似症狀請撥打：1922專線或 0800-001922 並依指示配戴口罩儘速就醫同時主動告知醫師旅遊史及接觸史以利及時診斷及通報。</t>
  </si>
  <si>
    <t>賈永婕臺灣疫情親友持續便當hfnc本土少女熱血眾人救命愛心出來</t>
  </si>
  <si>
    <t>賈永婕抗疫女神愛心便當救命神器新冠肺炎</t>
  </si>
  <si>
    <t>愛心便當救命女神肺炎賈永婕</t>
  </si>
  <si>
    <t>返台關鍵檢討回台旅美治療夫妻</t>
  </si>
  <si>
    <t>新冠肺炎疫情持續升溫各國為防堵疫情疲於奔命台灣方面近來確診案例多屬境外移入其中一對先後從美國返台的夫妻引發熱議理由是2人30年來鮮少回台灣且早在搭機前就都出現染疫症狀先生雖先一步抵台後確</t>
  </si>
  <si>
    <t>臺灣疫情先生症狀出現疲於奔命方面近來先後美國返台境外夫妻引發持續確診理由</t>
  </si>
  <si>
    <t>新冠肺炎疫情持續升溫各國為防堵疫情疲於奔命台灣方面近來確診案例多屬境外移入其中一對先後從美國返台的夫妻引發熱議理由是2人30年來鮮少回台灣且早在搭機前就都出現染疫症狀先生雖先一步抵台後確診然相關單位正通報註記攔截時同樣有症狀的妻子已在機上而兩人確診的相關隔離、治療費用卻是由台灣政府負擔因此引發爭議。
旅美夫妻案引發外界議論紛紛今(4/15)作家苦苓在臉書po文討論此事呼籲眾人不要再幹譙這對出國30年、如今卻回來免費隔離並治療的夫妻了直揭關鍵點「應該檢討的是雙重國籍問題」畢竟「沒有後者根本不會有前者」網友也支持這個立論認為應就這狀況訂定自費模式盼立院盡速修法。</t>
  </si>
  <si>
    <t>確診夫妻引發臺灣症狀相關隔離治療疫情立院模式自費狀況應就認為討論呼籲立論po眾人持續</t>
  </si>
  <si>
    <t>案393案384確診苦苓旅美夫妻</t>
  </si>
  <si>
    <t>旅美確診夫妻</t>
  </si>
  <si>
    <t>fed所得目標低於增幅</t>
  </si>
  <si>
    <t>支出經濟大月增幅美國個人符合爆發疫情肺炎個人所得個人消費顯示資料相關目標物價pcefed</t>
  </si>
  <si>
    <t>美國經濟支出公佈疫情增加市場薪資個人減弱低於fed指數個人所得高於油價可能表現pce增幅</t>
  </si>
  <si>
    <t>肺炎美國通膨上升PCE指數</t>
  </si>
  <si>
    <t>上升美國pce指數肺炎</t>
  </si>
  <si>
    <t>出爐羅一鈞序列基因幼稚園夫妻相同裝修工</t>
  </si>
  <si>
    <t>新北幼兒園群聚案今天新增2人確診累計32人染疫其中21人的基因定序結果是Delta而居住在臺北市的裝修工人（案16168）與妻子也在其中疫情指揮中心醫療應變組副組長羅一鈞表示兩人病毒序列都與幼兒園病毒序</t>
  </si>
  <si>
    <t>幼稚園今天醫療中心表示羅一鈞指揮疫情delta妻子病毒應變組長裝修工人臺北市結果居住確診新增基因序列累計</t>
  </si>
  <si>
    <t>新北幼兒園群聚案今天新增2人確診累計32人染疫其中21人的基因定序結果是Delta而居住在臺北市的裝修工人（案16168）與妻子也在其中疫情指揮中心醫療應變組副組長羅一鈞表示兩人病毒序列都與幼兒園病毒序列完全相同。
羅一鈞今於疫情記者會指出裝修工與其妻子基因定序今日中午前完整定序出爐兩人和幼兒園以及過去Delta序列比較和幼兒園群聚序列完全一致研判為同一起事件。
羅一鈞說明整起幼兒園序列和過去國內境外移入、屏東、桃園機師相關群聚都是不同的屬於國內全新的序列。
對於裝修工人基因序列與幼兒園群聚的病毒序列與埃及目前流行病毒株基因序列是否相似？羅一鈞回應這次偵測到的序列以國內資料庫中比對最接近南非境外移入與美國境外移入2起案例但也只能免強的說相似因為有6、7個位點差異不能推論有相關也可能無關。這起案件會說是全新的序列原因在於先前並沒有相同或接近的序列。
至於埃及曾在8月公佈過七月底驗出全國Delta的首例之後就沒再公佈相關序列比對因此會持續關注國際上的發展現在來說跟埃及部分沒辦法。</t>
  </si>
  <si>
    <t>序列幼稚園基因相關delta埃及國內病毒接近相似疫情妻子境外羅一鈞裝修</t>
  </si>
  <si>
    <t>幼兒園基金定序病毒裝修工新冠肺炎</t>
  </si>
  <si>
    <t>病毒裝修工金定序幼稚園肺炎</t>
  </si>
  <si>
    <t>便當名廚菁華餐廳濃縮盒飯業績</t>
  </si>
  <si>
    <t>新冠肺炎疫情重創餐旅業台中多家知名餐廳推出便當外賣昔日單人消費800到1000元才吃得到的經典名菜濃縮在盒飯中還200元有找討論度破表其中粵菜名店與玥樓推出198元便當單日狂銷400份；以藝鴨三吃聞名的</t>
  </si>
  <si>
    <t>便當推出重創旅業台中知名疫情餐廳盒飯元有名菜濃縮討論粵菜昔日</t>
  </si>
  <si>
    <t>新冠肺炎疫情重創餐旅業台中多家知名餐廳推出便當外賣昔日單人消費800到1000元才吃得到的經典名菜濃縮在盒飯中還200元有找討論度破表其中粵菜名店與玥樓推出198元便當單日狂銷400份；以藝鴨三吃聞名的「印月創意東方宴」也推出銷魂燒鴨三款180元的餐盒一PO上網即湧入50筆訂單。
五星飯店賣便當已不稀奇最近吃客們討論度最高的是與玥樓三月推出的便當包括：招牌三寶飯、玫瑰油雞飯、人氣燒鴨飯全部都只要198元還滿3免費（限3公里內）外送滿10送1盒油雞便當；相較於昔日與玥樓1000元到1800元的客單價這平價便當讓人備感超值曾創下單日狂銷400份的紀錄還有人一周訂三回吃不膩廣大迴響也讓與玥樓計畫3月28前進烏日高鐵站設櫃。
與玥樓表示所有便當菜色用的是過去店內供應消費者的製作水準而主菜無論是油雞、燒鴨與三寶都是店內經典名菜濃縮版這也是為什麼有饕客一周訂兩、三回的原因。
另以創意東方宴與藝鴨三吃吸引兩岸饕客的「印月」3月17日起推出銷魂燒鴨、神品豬腳、陳麻婆牛肉三款售價180元的餐盒以及清蒸鮮魚大蝦＋五香肋排的280元頂級頭等艙海陸餐盒同樣是精選店內經典菜做發想消息一出一小時湧入50張訂單。
印月成立14年其藝鴨三吃一年賣出上萬隻烤鴨但受疫情影響不得不傚法同業做外賣生意其盒餐無論論是燒鴨、豬腳、陳麻婆牛肉都是店裏招牌菜打出180元的價格也較過去店內點餐一個人至少800元到1000元的消費平價許多；此外也推出外帶自取價1480元一鴨二吃把店內藝鴨三吃濃縮為片皮鴨＋京醬炒鴨架或酸蘿蔔鴨架湯二選一防疫期間也滿足消費者在家吃「烤鴨」的口腹之慾。</t>
  </si>
  <si>
    <t>便當推出餐盒濃縮油雞疫情經典討論招牌</t>
  </si>
  <si>
    <t>與玥樓印月創意東方宴武漢肺炎新形冠狀病毒新冠肺炎</t>
  </si>
  <si>
    <t>肺炎武漢東方創意冠狀印月病毒</t>
  </si>
  <si>
    <t>肺炎境外輸入新增居高不下</t>
  </si>
  <si>
    <t>大陸國家衛生健康委員會週二公佈8月10日31個省（自治區、直轄市）和新疆生產建設兵團新增新冠肺炎確診病例44例其中境外輸入病例31例居高不下具體為陝西9例上海8例山東6例廣東3例甘肅2例河北1例黑</t>
  </si>
  <si>
    <t>病例委員會週二確診肺炎自治區直轄市新疆生產建設兵團新增健康居高不下上海陝西衛生具體輸入甘肅境外廣東山東國家河北大陸</t>
  </si>
  <si>
    <t>大陸國家衛生健康委員會週二公佈8月10日31個省（自治區、直轄市）和新疆生產建設兵團新增新冠肺炎確診病例44例其中境外輸入病例31例居高不下具體為陝西9例上海8例山東6例廣東3例甘肅2例河北1例黑龍江1例浙江1例。本土病例13例仍均在新疆。
當日無新增死亡病例；新增疑似病例2例均為境外輸入病例（上海1例福建1例）。當日新增治癒出院病例52例解除醫學觀察的密切接觸者1729人重症病例較前一日增加3例。
境外輸入現有確診病例154例（其中重症病例1例）現有疑似病例3例。累計確診病例2200例累計治癒出院病例2046例無死亡病例。
截至8月10日24時大陸現有確診病例794例（其中重症病例44例）累計治癒出院病例7萬9284例累計死亡病例4634例累計報告確診病例8萬4712例現有疑似病例3例。累計追蹤到密切接觸者80萬2273人尚在醫學觀察的密切接觸者2萬3790人。
當日新增無症狀感染者17例（境外輸入6例）；當日轉為確診病例2例（均為境外輸入）；當日解除醫學觀察13例（境外輸入3例）；尚在醫學觀察無症狀感染者285例（境外輸入137例）。
累計收到港澳臺通報確診病例4671例。其中香港4148例（出院2917例死亡55例）澳門46例（出院46例）台灣477例（出院441例死亡7例）。</t>
  </si>
  <si>
    <t>病例新增當日確診輸入境外累計死亡醫學觀察現有重症疑似病例上海密切接觸大陸解除治癒週二委員會症狀出院</t>
  </si>
  <si>
    <t>病例境外死亡觀察醫學</t>
  </si>
  <si>
    <t>境外病例死亡觀察醫學</t>
  </si>
  <si>
    <t>賽程出爐具體複賽nba熱身賽</t>
  </si>
  <si>
    <t>《The Athletic》權威記者查拉尼亞13日淩晨搶先爆料NBA本季復賽具體賽程已經全部出爐除了本季例行賽將於7月31日開打總冠軍賽預計也在10月1日到14日期間進行不過《紐約時報》記者史坦同時爆出各隊將先進行3</t>
  </si>
  <si>
    <t>記者進行查拉尼亞紐約時報淩晨複賽賽將nba例行出爐搶先史坦爆出冠軍賽期間已經賽程具體權威預計</t>
  </si>
  <si>
    <t>Sources: NBA&amp;apos;s expected restart dates:- July 30-Aug 14: Seeding games- Aug15-16: Play-in tournaments- Aug 17: Playoffs begin- Aug 30: Family/guests of teams arrive- Aug 31-Sept 13: Conf Semifinals- Sept 15-Sept 28: Conf Finals- Sept 30-Oct 13: NBA Finals
《The Athletic》權威記者查拉尼亞13日淩晨搶先爆料NBA本季復賽具體賽程已經全部出爐除了本季例行賽將於7月31日開打總冠軍賽預計也在10月1日到14日期間進行不過《紐約時報》記者史坦同時爆出各隊將先進行3場熱身賽提前備戰。
查拉尼亞爆出的復賽具體賽程如下(台灣時間)：例行賽7月31日到8月15日、分區資格賽8月16到17日、季後賽8月18日開打、球員親友與球隊人員8月31日抵達、分區準決賽9月1日到14日、分區決賽9月16日到29日、總冠軍賽10月1日到14日。
史坦也在13日報導目前參加復賽的22隊已被告知將在7月31日本季復賽之前也就是7月9日到29日期間各隊必須先在奧蘭多的廣闊世界體育綜合園區進行3場熱身賽然後6月23日開始各隊總教練可以參加球員在訓練館進行的個人訓練。</t>
  </si>
  <si>
    <t>複賽進行augnba記者球員查拉尼亞參加爆出熱身賽例行具體期間賽程restartdates-septjulyconfsept</t>
  </si>
  <si>
    <t>復賽NBA例行賽季後賽奧蘭多</t>
  </si>
  <si>
    <t>季後例行複賽nba奧蘭多</t>
  </si>
  <si>
    <t>導入ai醫學院國防疫苗宏棋研發</t>
  </si>
  <si>
    <t>新冠肺炎疫災襲擊全球嚴峻的防疫挑戰成為重要議題宏碁（2353）9日宣佈將參與由科技部規畫、國防醫學院建置之防疫科學研究中心（Research Center for Epidemic Prevention Science）研究計畫雙方並將合作透過智</t>
  </si>
  <si>
    <t>防疫研究襲擊全球嚴峻雙方計畫挑戰成為重要prevention宏棋scienceepidemic宣佈議題參與center科技research國防中心醫學院科學</t>
  </si>
  <si>
    <t>新冠肺炎疫災襲擊全球嚴峻的防疫挑戰成為重要議題宏碁（2353）9日宣佈將參與由科技部規畫、國防醫學院建置之防疫科學研究中心（Research Center for Epidemic Prevention Science）研究計畫雙方並將合作透過智慧醫療的研發導入推助未來流行傳染病的預防更有效率降低防疫醫療體制的負擔。
宏碁9日並與國防醫學院簽訂合作備忘錄包括宏碁創辦人暨榮譽董事長施振榮、宏碁董事長暨執行長陳俊聖及宏碁技術長張瑞川皆到場共襄盛舉國防醫學院則由軍醫局局長陳建同、國防醫學院校長查岱龍及三軍總醫院院長王智弘代表出席展現國防醫學單位及科技產業對於新型傳染病防治及智慧醫療的重視在各自領域的專長上貢獻己力。
宏碁董事長陳俊聖表示宏碁擁有先進AI技術與資通訊產業經驗以國防醫學院在醫學基礎及三軍總醫院在臨床醫學研究的深厚實力加乘宏碁在人工智慧（AI）技術領域的科技合作建立先進疫苗開發平臺。此次雙方合作將針對未來新型傳染病的疫苗研發宏碁也因此成為台灣第一家運用智慧醫療協助疫苗研發的科技公司。
今年爆發疫情以來宏碁持續以其在智慧醫療之基礎多領域與防疫及醫學單位合作包括與台灣疾病管制署（CDC）合作建立醫院感染管制即時通報系統。
此回參與防疫科學研究中心的研究計畫將首先瞄準疫苗開發透過宏碁在AI技術之研發加速抗原開發過程結合國防醫學院的基礎研究設立AI先進疫苗技術平臺可在未來新型傳染病再次蔓延全球前加速進行疫苗研發。
除此之外宏碁也正與國防醫學院研議合辦智慧醫療學程培養醫學及AI雙元人才。未來宏碁將與國防醫學院在智慧醫療開發進行策略合作協助加速智慧醫療的產業化、產品化與國際化進程將台灣智慧醫療研發能力及產品推廣至全世界結合醫療及科技能量創造更大的價值。</t>
  </si>
  <si>
    <t>宏棋醫療國防醫學院智慧合作防疫研究研發疫苗技術ai傳染病科技未來開發醫學臺灣領域加速基礎先進全球單位醫院參與結合包括三軍</t>
  </si>
  <si>
    <t>新冠肺炎宏碁國防醫學院施振榮AI先進疫苗技術平臺</t>
  </si>
  <si>
    <t>國防ai醫學院施振榮先進宏棋肺炎疫苗技術平臺</t>
  </si>
  <si>
    <t>起跑卓越保險綠色金融奧斯卡</t>
  </si>
  <si>
    <t>素有保險奧斯卡由金管會及行政院消保處指導、保發中心主辦的「第九屆台灣保險卓越獎」4日宣佈起跑保發中心董事長桂先農表示2021年將以綠色金融、ESG為新的亮點。桂先農表示保卓獎是2005年創立每二年舉辦一</t>
  </si>
  <si>
    <t>保發中心表示先農保險行政院保卓指導主辦卓越臺灣亮點esg金融綠色宣佈起跑金管會董事長奧斯卡創立</t>
  </si>
  <si>
    <t>素有保險奧斯卡由金管會及行政院消保處指導、保發中心主辦的「第九屆台灣保險卓越獎」4日宣佈起跑保發中心董事長桂先農表示2021年將以綠色金融、ESG為新的亮點。
桂先農表示保卓獎是2005年創立每二年舉辦一次一向被保險界譽為國家級保險獎是其最高榮耀宗旨是客觀公正專業的評審選拔優質保險公司且促進保險公司改善服務品質透過公開頒獎肯定保險業穩定社會的功能且彼此觀摩促進彼此提升。
2020年因為新冠肺炎沖擊全球但桂先農強調台灣保險業受影響「相當有限」成績有目共睹保發中心亦不受新冠肺炎影響持續主辦保險卓越獎與時俱進創新獎項即時鼓勵保險業進行商品創新。
2021年在針對產險競逐的「新興風險保障商品卓越獎」上桂先農透露將強調綠色金融推動近年ESG議題非常熱門人類造成溫室氣體集中度已達歷史新高工業革命至今全球溫度上升1度造成海平面上升台灣最大風險就是強降雨、淹水、森林大火若再不降溫全球都會遭遇浩劫。
壽險部分則是強調ESG的責任投資不過國際間標準仍在發展中桂先農強調一旦標準確定未來的卓越獎也會納入新的獎項規畫。
保險卓越獎分為三大類獎項一是公司卓越獎又有保戶服務、人手培訓、資訊應用、公益關懷及風險管理寺五大獎項其次是專案企畫卓越獎有保戶服務、人才培訓、公益關懷、商品創新、風險管理等五項專案企畫獎項鼓勵各公司以自家創新專案參選各公司在公司卓越與專案企畫中只能二擇一參賽讓中小型公司亦有機會得獎。
第三是政策推展卓越獎上也有微型保險、保型商品、住宅地震保險、強制汽車責任保險、資訊安全、新興風險保商品等推展卓越獎。
保發中心強調擔任保卓獎的評審每屆都會調整同時要求評審本人、其配偶及二親等親屬不得擔任保險公司董事、經理人等極嚴謹、公正及獨立性高。
2019年保卓獎共有36家保險公司及保險輔助人參賽有14家壽險、11家產險及11家保險輔助人提出125件作單共有32件獲得金質獎46件獲得銀質獎；且去年有保險終身卓越獎由國泰人壽董事長黃調貴獲獎。</t>
  </si>
  <si>
    <t>保險卓越公司強調商品先農全球中心獎項保險業臺灣esg風險創新保發保卓評審造成公正都會資訊專案</t>
  </si>
  <si>
    <t>保險奧斯卡新興卓越獎桂先農</t>
  </si>
  <si>
    <t>奧斯卡卓越先農保險</t>
  </si>
  <si>
    <t>服務站高風險移民署免費萬華</t>
  </si>
  <si>
    <t>繼臺北市長柯文哲先前發出「特赦令」呼籲5萬無證移工「出面篩檢、就醫不會抓捕」移民署宜蘭服務站也針對在4月21日至5月14日曾經出入萬華或周邊地區的失聯移工提出「安心採檢防疫專案」強調「不收費、不通報、</t>
  </si>
  <si>
    <t>先前發出防疫特赦令呼籲移民署抓捕柯文哲周邊地區強調不會安心就醫提出出面專案服務站曾經</t>
  </si>
  <si>
    <t>繼臺北市長柯文哲先前發出「特赦令」呼籲5萬無證移工「出面篩檢、就醫不會抓捕」移民署宜蘭服務站也針對在4月21日至5月14日曾經出入萬華或周邊地區的失聯移工提出「安心採檢防疫專案」強調「不收費、不通報、不查處」無論是合法或失聯、逾期移工只要疑似出現染疫症狀都可盡快前往羅東聖母醫院、陽大醫院免費採檢。
全國仍處於新冠肺炎疫情的紅色警戒狀態特別是行蹤更難掌控的逃逸外籍移工是否會成為四處藏匿傳染病毒的帶源者更讓人擔憂。
配合移民署的整體政策宜蘭服務站另外與宜蘭縣政府衛生局商議除了「不通報、不查處」宜蘭縣進一步提供「不收費」的服務只要是在4月21日至5月14日曾經出入萬華地區或周邊地區不論是合法或失聯、逾期的移工只要出現疑似染疫的症狀都可立即前往羅東聖母醫院、陽大醫院採檢一律免收採撿費用相關的就醫資料也不會通報警政及移民等治安機關這段期間也不會因為接受篩檢、治療而被治安機關查處。
另外因應這波嚴重疫情移民署宜蘭服務站及專勤隊也啟動分區及異地辦公機制並推動「外籍人士安心採檢防疫專案」如果發現身邊有外籍人士、失聯移工曾出入萬華地區週邊或宜蘭高風險地區可立即向移民署宜蘭服務站聯繫服務站將會協助聯繫醫院進行核酸檢測篩檢；同樣是採取不收費、不通報、不查處的方式協助移民朋友們安心平安渡過這次的疫情難關。</t>
  </si>
  <si>
    <t>移民署查處疫情服務站醫院安心宜蘭地區立即就醫外籍人士治安機關協助移民出入通報收費</t>
  </si>
  <si>
    <t>新冠肺炎台灣宜蘭服務站移民署</t>
  </si>
  <si>
    <t>臺灣宜蘭肺炎服務站移民署</t>
  </si>
  <si>
    <t>投票用事</t>
  </si>
  <si>
    <t>中央選委會主委李進勇在日前南下瞭解罷韓投票防疫演練時表示高雄市要洽借的國立大學、國公營單位場所如果借不到「我這顆頭剁給你！」在疫情仍持續緊張之際這種偏頗、情緒性的發言恐已嚴重傷害了中選會的獨立</t>
  </si>
  <si>
    <t>日前南下瞭解發言情緒投票之際防疫緊張演練持續表示疫情不到李進勇嚴重高雄市</t>
  </si>
  <si>
    <t>中央選委會主委李進勇在日前南下瞭解罷韓投票防疫演練時表示高雄市要洽借的國立大學、國公營單位場所如果借不到「我這顆頭剁給你！」在疫情仍持續緊張之際這種偏頗、情緒性的發言恐已嚴重傷害了中選會的獨立公正性。
中選會副主委陳朝建4日又變本加厲的召開記者會以「我依法、我驕傲給高雄市區長、校長的一封信」表示如不借用投票場所會有法律責任云云。陳朝建指出：「依據《公職人員罷免法》57條、《選罷法》11條區公所、學校辦理地方選舉應出借場地。因此第三屆高雄市長罷免案出借場地是屬法定義務。」這種無視法律規定驕傲、恫嚇性的胡亂發言更凸顯了中選會乖離民主的異化現象。
《公職人員選舉罷免法》第11條規定各級選舉委員會分別辦理投票所、開票所之設置及管理事項。而第3屆高雄市長罷免案的投票所、開票所之設置及管理事項高雄市選委會是主辦單位可以全權決定。又《公職人員選舉罷免法》第57條僅規定：「公職人員選舉（罷免）應視選舉區廣狹及選舉人分佈情形就機關（構）、學校、公共場所或其他適當處所分設投票所。」並無陳朝建所說出借場地是區公所、學校的法定義務。陳朝建胡亂曲解法律恫嚇區長、校長恐才要負法律責任。
這幾天新冠肺炎疫情在台灣並未完全消止中央流行疫情指揮中心在2日公佈新增3例境外移入4日又新增1例境外疫情。對此振興醫院感染科主任李明政表示估計磐石艦已進入第3、4波群聚感染當前居家隔離有症狀才採檢的措施恐無法及時掌握到無症狀感染者。
由此可見新冠肺炎疫情仍屬嚴峻而依教育部在3月31日發布下達的校園防疫措施明文規定：「校園集會活動參加人數應有所限制。凡室內超過100人以上、室外超過500人以上的集會活動建議停辦以減低社區感染的風險。」是以各級學校依此拒絕借用場地並非無據。
而國立大學、國公營單位場所依照宣告室內超過100人以上、室外超過500人以上的公眾集會活動建議停辦以減低社區感染的風險之規範行事拒絕借用場地時李進勇真要剁頭嗎？
中央選委會主委李進勇、副主委陳朝建不應無視法律規定胡言亂語而應依據中央流行疫情指揮中心「新冠肺炎因應指引：公眾集會」的6項指標進行風險評估並考量是否延期舉辦第三屆高雄市長罷免案之投票。（作者為東海大學法律系退休教授）</t>
  </si>
  <si>
    <t>投票疫情學校感染陳朝建場地法律規定公職人員集會高雄市選舉表示借用場所風險肺炎中央中選會主委發言</t>
  </si>
  <si>
    <t>投票高雄市長超過肺炎主委</t>
  </si>
  <si>
    <t>市長肺炎高雄超過投票主委</t>
  </si>
  <si>
    <t>肺炎確診新加坡</t>
  </si>
  <si>
    <t>一個月前全球將新加坡視為控管新冠肺炎(COVID-19)的模範生對感染者後續處理的「黃金標準」獲得讚賞但從3月中開始新加坡確診案例飆升22倍從266例增加到5992例其中有60%是外籍移工顯示新加坡忽視移工這</t>
  </si>
  <si>
    <t>新加坡視為控管外籍肺炎covid-模範感染者後續案例處理黃金標準確診開始獲得月中讚賞增加</t>
  </si>
  <si>
    <t>一個月前全球將新加坡視為控管新冠肺炎(COVID-19)的模範生對感染者後續處理的「黃金標準」獲得讚賞但從3月中開始新加坡確診案例飆升22倍從266例增加到5992例其中有60%是外籍移工顯示新加坡忽視移工這塊低估傳播速度導致確診暴增。
根據外媒報導社會輿論認為政府忽視移工處境對待移工方式等同第三世界他們像沙丁魚30萬人擠在40多家宿舍等於是將成千上萬的人「困在」同一棟建築且12至20人共用狹小房間與衛浴是常態4月7日新加坡下令關閉國內非必要工作場所14日封鎖所有移工宿舍但所有人全擠在室內反而比平時更危險。
新加坡律師、前外交官湯米科姆(Tommy Koh)曾警告「這些宿舍就像一顆定時炸彈正在爆炸」為了降低傳染政府將部分男性移工安置在停車場、軍營打算將健康移工安置在郵輪鑿於先前郵輪爆發感染還需考慮是否符合防疫規範。
其實新加坡移工住宿環境糟糕的問題存在已久2008年多名移工感染水痘、2016年新加坡受登革熱、茲卡病毒重創移工之間也爆發疫情新加坡國立大學的醫學教授戴爾費雪(Dale Fisher)表示如果不儘快阻止移工群聚感染醫療系統恐不堪負荷戴爾費雪也指出新加坡防疫政策與香港形成對比「在新加坡我們希望生活繼續正常進行」反觀香港關閉學校、在家辦公、升級控管目前來看香港做法更加有效「新加坡應對病毒方式更像是一場賭博你可能會小贏幾把然後輸一把大的」。</t>
  </si>
  <si>
    <t>新加坡香港宿舍感染確診控管關閉戴爾費雪病毒政府防疫爆發忽視安置可能賭博郵輪</t>
  </si>
  <si>
    <t>新冠肺炎肺炎移工新加坡控管</t>
  </si>
  <si>
    <t>肺炎新加坡控管</t>
  </si>
  <si>
    <t>歐洲解封臺灣不停笨蛋疫情考生本土</t>
  </si>
  <si>
    <t>國內疫情持續升溫本土今（20日）再新增286例確診。眼看全國進入第三級警戒台灣疫情陷入水深火熱一名男網友拿目前歐洲疫情當作對照直呼「台灣真的像一個笨蛋考生」引起熱議。據外媒報導歐盟外交官員今天</t>
  </si>
  <si>
    <t>疫情臺灣報導引起本土歐盟考生新增笨蛋確診真的眼看全國目前歐洲進入警戒水深火熱陷入</t>
  </si>
  <si>
    <t>國內疫情持續升溫本土今（20日）再新增286例確診。眼看全國進入第三級警戒台灣疫情陷入水深火熱一名男網友拿目前歐洲疫情當作對照直呼「台灣真的像一個笨蛋考生」引起熱議。
據外媒報導歐盟外交官員今天達成同意若旅客能證明已接種經認證過的疫苗將可入境歐盟新規最快於下周開始實施。一位網友將其引用並分享在網路論壇Dcard上他表示歐洲已經幾乎正式解封了但台灣卻還處在水深火熱當中。」對此坦言「台灣真的像一個笨蛋考生」。
該網友指出若用考試來比喻的話台灣就像一位考生用了不到一半的考試時間就把考題寫完然後就大聲的對其他考生喊著「I can help」結果考試時間快結束時才悲劇的發現原來考卷背面還有題目。同一時間其他考生已經幾乎快寫完考卷了只剩下台灣這個考生還在埋頭苦寫只能怪之前太驕傲又很粗心。
該網友接著說更悲哀的是當這位考生帶著懊悔之心回到家時想先洗個澡再打場遊戲「結果沒水不能洗澡也沒電不能打電動。」
對此說法不少人認同表示「台灣分數還高？沒水沒電沒疫苗都快成為亞洲笑話了」、「台灣的情況疫苗施打率過低、醫護負荷過高、篩檢產能低落哪來的前幾名？」認為台灣防疫已落為B段班。
但有人認為現在不應過度自卑覺得台灣好像是全世界最慘的國家。「目前背面考卷雖然還沒寫 但考試分數還是比大部分的人還高」。一位網友指出目前台灣篩檢陽性率是04％排全世界倒數的低且都是針對比較高風險的人進行篩檢沒有進行普篩否則數字還可能更低。「這也證明瞭台灣的防疫成績還是世界前幾名的當然這只是目前未來還不確定。」
一位在歐洲的網友則指出目前歐洲不但沒有解封看起來也沒有「幾乎」正式解封入境只是針對有施打疫苗的對象但歐洲施打疫苗的狀況仍不是很理想「一天確診人數看國家不同但基本都是破千。」</t>
  </si>
  <si>
    <t>臺灣考生網友疫苗目前歐洲考卷疫情考試幾乎歐盟確診指出</t>
  </si>
  <si>
    <t>台灣考生歐洲解封新冠肺炎</t>
  </si>
  <si>
    <t>歐洲解封考生肺炎臺灣</t>
  </si>
  <si>
    <t>疫苗重症鏈球菌肺炎</t>
  </si>
  <si>
    <t>國內引進COVID-19疫苗進度緩慢數量嚴重不足引發中央分配不公、權貴偷打等爭議近日網路傳出肺炎鏈球菌疫苗可抗COVID-19訊息引起民眾熱議確實也出現民眾搶打現象。亞東醫院家醫科醫師翁資閔表示施打肺炎鏈</t>
  </si>
  <si>
    <t>疫苗covid-民眾肺炎醫科醫師醫院亞東現象進度緩慢出現數量中央分配不公權貴偷打引發爭議嚴重不足近日引起網路傳出訊息鏈球菌</t>
  </si>
  <si>
    <t>國內引進COVID-19疫苗進度緩慢數量嚴重不足引發中央分配不公、權貴偷打等爭議近日網路傳出肺炎鏈球菌疫苗可抗COVID-19訊息引起民眾熱議確實也出現民眾搶打現象。亞東醫院家醫科醫師翁資閔表示施打肺炎鏈球菌疫苗僅能降低感染後引發重症的機率無法有效預防新冠肺炎。
翁資閔表示COVID-19是「新冠病毒」感染而肺炎鏈球菌的疫苗是針對「肺炎鏈球菌」做防護。儘管接種肺炎鏈球菌疫苗無法直接預防COVID-19但是接種肺炎鏈球菌疫苗的民眾不幸感染COVID-19後將可減低重症或續發性感染的機會。
亞東醫院指出國內目前有23價的公費肺炎鏈球菌疫苗、與13價的自費肺炎鏈球菌疫苗尚未輪到施打新冠疫苗的族群可考慮先接種肺炎鏈球菌疫苗以降低重症風險；已施打新冠疫苗者也可在與新冠疫苗間隔28天時接種肺炎鏈球菌疫苗增加自我保護力。
據衛福部疾管署網站資訊13價結合型肺炎鏈球菌疫苗是一種不活化疫苗內含13種血清型適用於出生滿6周以上幼兒、青少年、成人與長者疫苗保護力約為10年；23價肺炎鏈球菌多醣體疫苗內含23種血清型適用於一般成人與2歲以上兒童疫苗保護力約為5年。
新北市衛生局長陳潤秋15日表示新北肺炎鏈球菌庫存足夠民眾要施打可到衛生所去洽詢但她強調肺炎鏈球菌疫苗打完兩周內不能打新冠肺炎疫苗提醒符合新冠疫苗施打資格的長者暫時先不要施打。
亞東醫院表示為使疫情獲得控制亞東醫院積極協助政府防疫作為廣設篩檢站、注射站並派出機動性強的篩檢巡迴車加強防疫動能民眾可以多加利用。另對有意接種肺炎鏈球菌疫苗的民眾皆可至亞東醫院家醫科門診諮詢接種。</t>
  </si>
  <si>
    <t>疫苗肺炎鏈球菌民眾醫院亞東covid-施打接種感染表示重症保護引發防疫新北以上力約為長者醫科</t>
  </si>
  <si>
    <t>肺炎鏈球菌疫苗亞東醫院肺炎鏈球菌疫苗接種</t>
  </si>
  <si>
    <t>醫院肺炎鏈球菌疫苗亞東接種</t>
  </si>
  <si>
    <t>業者沒用顏色重點鼻樑口罩壓條</t>
  </si>
  <si>
    <t>新冠肺炎境外移入病例再度引起恐慌民眾又開始瘋搶口罩尤其特殊色特別搶手不過專家提醒口罩別只挑顏色或品牌最重要的其實是壓條鼻樑壓條長短不但影響隔絕效果還攸關製造成本。一名醫材商在臉書社團《口</t>
  </si>
  <si>
    <t>口罩壓條名醫成本製造病例再度效果隔絕引起恐慌民眾重要境外品牌開始顏色</t>
  </si>
  <si>
    <t>新冠肺炎境外移入病例再度引起恐慌民眾又開始瘋搶口罩尤其特殊色特別搶手不過專家提醒口罩別只挑顏色或品牌最重要的其實是壓條鼻樑壓條長短不但影響隔絕效果還攸關製造成本。
一名醫材商在臉書社團《口罩現貨資訊 台灣製造MIT口罩交流 口罩神社》發文指出仔細比較各家口罩會發現鼻樑壓條的長短不一由於衛福部沒有規定壓條長度因此部分業者為了節省成本越做越短。
醫材商透露其實鼻樑壓條越長隔絕效果越好而且較能適應不同臉型鼻樑壓條需完全貼合臉部才能達到較好的隔絕效果。他以9公分的壓條為例約只能蓋到鼻翼兩旁相較於11、12公分長的壓條就略顯不足。
貼文曝光後讓不少網友震驚紛紛回應「長知識了！」、「好專業」、「13公分真的掛起來比較貼合臉型」。還有內行網友指出由於西方人五官輪廓較立體有注意到老外的口罩壓條幾乎與口罩一樣長而東方人只要不短於9公分都有包覆效果；也有人說要看銷售市場銷歐美的壓條一定會比較長。</t>
  </si>
  <si>
    <t>壓條口罩鼻樑效果網友比較隔絕臉型指出製造其實病例再度引起恐慌境外</t>
  </si>
  <si>
    <t>口罩鼻樑壓條中衛口罩隔絕效果</t>
  </si>
  <si>
    <t>中衛口罩隔絕壓條效果鼻樑</t>
  </si>
  <si>
    <t>小時悍馬車新北登場</t>
  </si>
  <si>
    <t>新冠肺炎本土案例激增新北市14日動員3萬多人展開全市大清消全面向病毒開戰新北市長侯友宜昨到現場視察表示台灣確診個案頻頻出現新北位置位於北台灣中心點在足跡還沒有完全掌控下超前部署消毒有其必要</t>
  </si>
  <si>
    <t>新北臺灣超前案例激增完全沒有部署展開足跡動員全市中心全面病毒開戰市長侯友宜本土</t>
  </si>
  <si>
    <t>新冠肺炎本土案例激增新北市14日動員3萬多人展開全市大清消全面向病毒開戰新北市長侯友宜昨到現場視察表示台灣確診個案頻頻出現新北位置位於北台灣中心點在足跡還沒有完全掌控下超前部署消毒有其必要也呼籲民眾謹慎面對。
位居中心點 超前部署
侯友宜14日10時抵達三重六張公園視察消毒狀況由三重區長陳奇正簡報概況隨後侯友宜巡視附近公園、銀行、餐廳商家等防疫作為一路上除清潔隊員、公所人員外還動用國軍兵力30名、悍馬車2輛、MDS106輕消車2具、氣霧式消毒器4具、輕型戰術輪車3輛場面相當浩大消毒人員更是仔細噴灑藥劑氣氛嚴肅。
侯友宜表示新北市在中央公佈足跡前已先針對6行政區包含三重、蘆洲、新莊、中和、永和、五股提前做好消毒工作近期因臺北萬華、宜蘭、基隆群聚爆發範圍擴散至北北基宜桃新北市位於中心點更該加強。
侯友宜也說病毒傳播快速鄰近縣市都有確診個案頻出現確診者未必能記得每個足跡而新北市不可能只有先前消毒的6行政區有足跡因此新北市超前部署啟動全市24小時全面大清消。
物資充裕 民眾勿搶購
民政局表示新北市29區共動員3萬1310人環保局防疫消毒大隊也出動362名消毒人力針對市民活動中心、商圈等公有場所進行全面大清消並請公寓大廈、宮廟、各行政機關及各級學校配合動員響應同時透過裡鄰長廣播系統、LINE群組等多元管道向家戶宣導大清消作業。
此外消防局協調國軍三三化兵群調派人車支援警察局亦動員16分局320人協助各區大清消進行交通管制。
經發局表示13日已邀集轄內百貨賣場、超商超市代表開會討論防疫措施新北市41座公有市場及127處民有市場也同步進行消毒。針對日前發生民眾搶購民生物資情形目前物資充裕無缺貨困擾。</t>
  </si>
  <si>
    <t>消毒新北侯友宜表示中心動員足跡防疫民眾部署超前確診全面物資國軍公園</t>
  </si>
  <si>
    <t>三重動員消毒中心點物資</t>
  </si>
  <si>
    <t>消毒動員中心物資</t>
  </si>
  <si>
    <t>生活口罩防疫</t>
  </si>
  <si>
    <t>口罩大眾戴上口罩新生活感染</t>
  </si>
  <si>
    <t>口罩生活大眾感染</t>
  </si>
  <si>
    <t>感染社區高風險</t>
  </si>
  <si>
    <t>台灣嚴堵新冠肺炎疫情進入大規模社區感染各公署都有防疫整備工作員警工作環境與社區接觸緊密加上機動性高遇到突發事件根本無暇思考是否要穿著防護衣若疫情大爆發恐成感染高風險群要避免警力在病毒高傳</t>
  </si>
  <si>
    <t>疫情感染社區工作進入避免接觸緊密加上遇到公署突發事件高風險機動性思考根本是否無暇爆發防護衣肺炎</t>
  </si>
  <si>
    <t>台灣嚴堵新冠肺炎疫情進入大規模社區感染各公署都有防疫整備工作員警工作環境與社區接觸緊密加上機動性高遇到突發事件根本無暇思考是否要穿著防護衣若疫情大爆發恐成感染高風險群要避免警力在病毒高傳染的環境中癱瘓現行辦案模式得重新思考如何在安全前提下進行。
台南市2015年登革熱疫情大爆發當年2萬多確診病例中就有不少員警「中鏢」。今年不只新冠肺炎疫情又逢4年一次的登革熱大流行週期人民保母面對登革熱病媒蚊前得先度過新冠肺炎的考驗。
新冠肺炎具高度傳染性有的感染者無明顯症狀不難預見未來若疫情持續擴散員警將身處防疫破口險境政府除提供完整防護裝備還需一套完善的防疫制度。
隨著疫情升溫居家檢疫、隔離民眾愈來愈多但各縣市屢傳失聯、趴趴走等事件最後皆依賴警力處理目前疫情仍看不到終點警方不管是偵辦案件或協助防疫執行上面臨的防疫考驗勢必更複雜嚴峻。
儘管警政署下令全台所有警局籌畫防疫因應措施一旦疫情蔓延若有員警感染警局不可能維持正常警力運轉員警工作性質禁不起一處疫情破口面對前所未見的新病毒務必有周全的保護機制才能保障人民保母執勤安全。</t>
  </si>
  <si>
    <t>疫情防疫警力員警肺炎感染思考面對工作環境社區人民登革熱考驗爆發保母安全</t>
  </si>
  <si>
    <t>員警工作肺炎考驗思考感染</t>
  </si>
  <si>
    <t>肺炎考驗工作思考員警感染</t>
  </si>
  <si>
    <t>始祖吃到和平火鍋臺灣月底利亞熄燈</t>
  </si>
  <si>
    <t>台灣火鍋吃到飽始祖「可利亞」走過52年全盛時期全台高達42家分店但不敵日新月異的飲食習慣及後起之秀競逐目前只剩3家今（4）日業者宣佈因新冠肺炎疫情影響高雄和平店業績暴跌6成決定在5月底吹熄燈號</t>
  </si>
  <si>
    <t>始祖暴跌利亞業績走過全盛時期和平全台高雄影響疫情分店肺炎決定日新月異宣佈飲食習慣業者後起之秀</t>
  </si>
  <si>
    <t>台灣火鍋吃到飽始祖「可利亞」走過52年全盛時期全台高達42家分店但不敵日新月異的飲食習慣及後起之秀競逐目前只剩3家今（4）日業者宣佈因新冠肺炎疫情影響高雄和平店業績暴跌6成決定在5月底吹熄燈號也讓老高雄人不捨直呼「又是時代的眼淚」。
「可利亞」曾經稱霸一方民國58年以石頭火鍋起家後來開發「火烤兩吃」風靡全台餐飲業加上民國81年又開創自火鍋自助吃到飽刮起台灣吃到飽風潮。
「可利亞」總經理今在臉書公告指出全盛時期在台灣有超過40間直營店「可惜現在很多年輕人可能已經不認識她了」尤其這幾年品牌的老化、世代觀念的落差、管理思維的轉變等等都使得轉型之路異常艱辛。
「我真的不願意讓可利亞就這麼消失她不只是大家的記憶也是我一生中最精彩的時光」。可利亞總經理提到因新冠肺炎疫情影響無法負擔沉重管理費用可利亞和平店只能暫時陪各位到5月31日希望這次別離不會是最後的道別未來能以嶄新的面貌再次與大家見面。
事實上「可利亞」左營博愛分店經營13年之久但業者去年公告因租約到期在2019年2月28日結束營業也讓許多顧客為之不捨。這次和平店結束營業後高雄版圖只剩「可利亞無煙火燒肉日式涮涮鍋」楠梓右昌店但與臺北「可利亞石頭火鍋Koriya」分屬不同經營者。</t>
  </si>
  <si>
    <t>利亞和平民國石頭火鍋臺灣全台全盛時期分店公告業者高雄結束營業總經理疫情影響肺炎</t>
  </si>
  <si>
    <t>吃到飽火鍋可利亞火烤兩吃新冠肺炎</t>
  </si>
  <si>
    <t>火烤利亞火鍋吃到肺炎</t>
  </si>
  <si>
    <t>新北肆虐首創肺炎為民服務中心</t>
  </si>
  <si>
    <t>新冠肺炎持續升溫新北地院為因應大量人流全台首創「臨時為民服務中心」13日上午舉辦啟用典禮未來民眾可在院外做諮詢、遞狀作業若有需要再至院內辦理後續事項。新北地方法院長陳賢慧表示以往每日都有300</t>
  </si>
  <si>
    <t>新北升溫地方法院事項因應後續人流辦理首創全台為民服務院內需要中心上午作業舉辦啟用典禮未來民眾</t>
  </si>
  <si>
    <t>新冠肺炎持續升溫新北地院為因應大量人流全台首創「臨時為民服務中心」13日上午舉辦啟用典禮未來民眾可在院外做諮詢、遞狀作業若有需要再至院內辦理後續事項。新北地方法院長陳賢慧表示以往每日都有300人擠在院內服務處新的「臨時為民服務中心」啟用後成功分流人潮大幅減低群聚感染風險。
新北地院平均每日有300位民眾至此辦理法務事項但因作業時間長小小的服務中心常擠滿人群院方擔心有群聚感染可能決定以組合屋方式興建「臨時為民服務中心」。
「臨時為民服務中心」共21坪包含快速遞狀區、法律諮詢區、閱卷區民眾可在此先做初步法律諮詢、遞狀再至一樓服務處繳費即可完成所有作業快速又省時。
民眾周小姐說以往院內服務處常擠滿人潮除有感染肺炎風險外還得排隊等上1個小時才能輪到她「臨時為民服務中心」成立後排隊時間縮短至20分鐘人流分散也讓她更安心。
陳賢慧表示現在法院都有視訊諮詢但多數民眾仍喜歡面對面處理法律事務因此院方才興建「臨時為民服務中心」將文書處理工作擺在第一線若有需要繳費、提存、登記再至院內服務處辦理此舉有效分流人潮大幅提升效率。
新北地院指出此構想主要是參考大型醫院的防疫措施認為若將人流分散至戶外空間可有效避免肺炎傳染機率未來若疫情趨緩將會把組合屋移至它處再做規畫。</t>
  </si>
  <si>
    <t>中心民眾為民服務新北服務處院內人流作業肺炎感染人潮辦理未來排隊表示分散有效組合都有院方</t>
  </si>
  <si>
    <t>服務中心諮詢民眾新北</t>
  </si>
  <si>
    <t>中心民眾新北服務</t>
  </si>
  <si>
    <t>基層傳染家人衛生局疫情死者看不到盡頭確診</t>
  </si>
  <si>
    <t>1名員警在值勤時獲報1名疑似染疫的民眾在家中死亡他依流程通報衛生局對方卻是回覆「不到場不篩檢一切都給員警、檢察官跟法醫處理」他最後只能硬著頭皮穿防護裝備到現場處理；而現場3名家屬之後做篩檢均確</t>
  </si>
  <si>
    <t>處理現場民眾家中死亡流程通報衛生局對方卻是頭皮防護最後</t>
  </si>
  <si>
    <t>1名員警在值勤時獲報1名疑似染疫的民眾在家中死亡他依流程通報衛生局對方卻是回覆「不到場不篩檢一切都給員警、檢察官跟法醫處理」他最後只能硬著頭皮穿防護裝備到現場處理；而現場3名家屬之後做篩檢均確診他痛批中央衛生單位完全不照SOP執行不及時阻斷風險放任確診者擴散病毒臉書發文罵「這場疫災我看不到盡頭。」
1名員警在臉書上表示他日前接獲報案有民眾在家中死亡詢問後得知死者年紀大、有慢性病「上週有感冒症狀119到場量測體溫有發燒」死者家屬之後聯絡醫院希望做行政相驗對方則回應「因為死者有相關症狀所以不能報行政相驗請員警到場處理走司法相驗」；該員警通報1922後對方則要他自行聯繫北市衛生局。
該員警說之後聯繫衛生局對方回應「因為死者不是居家檢疫、居家隔離或遭匡列對象也不是確診者所以不會到場處理」要求他請檢察官做司法相驗若有必要再由法醫採檢；他痛批明明死者是確診疑似個案醫院和衛生局卻甩鍋不理「三個小時過去對於新冠肺炎的高度疑似確診死亡案件衛生單位給的答案就是：不到場、不篩檢一切都給員警、檢察官跟法醫處理」。
該員警說他之後還是與同事穿戴完整防護裝備到現場當下完全不知道死者是否染疫而戴著醫療口罩的家屬離僅遺體1公尺雖傷痛家人逝世但也同樣緊張會染疫他後來建議家屬做自費篩檢稍晚獲知3位家屬結果均為陽性而他也超級焦慮處理過程自己是否也不慎染疫當晚選擇入住旅館不回家隔天馬上去做快篩所幸結果陰性。
該員警說他5月26日處理案件但直到6月5日才在CDC公佈的死亡名單看見該個案直言「如果不是家屬有聽建議自費採檢他們會再接觸多少人？更別說對這4位確診者我也是應該要被匡列的接觸者吧除了我5/27-5/29自主管理外我完全沒接到任何衛生單位的電話」。
該員警說類似的案件不只這1件許多員警單位都有處理過類似案件衛生單位都是不到場、不採檢完全沒有照SOP流程執行「CDC的超前部署部在哪邊我看不到只看得到各種甩鍋、各種鴕鳥疫情期間類似案件一定不少衛生單位難道連組織辦理可疑染疫死者的評估快篩人員都做不到？」PO文最後提到「太多的無力感反正這場疫災我看不到盡頭。」</t>
  </si>
  <si>
    <t>死者確診處理衛生家屬到場單位死亡該員案件完全之後衛生局</t>
  </si>
  <si>
    <t>新冠肺炎台灣基層員警甩鍋染疫</t>
  </si>
  <si>
    <t>基層臺灣肺炎</t>
  </si>
  <si>
    <t>作法回轉防疫日本餐廳</t>
  </si>
  <si>
    <t>新冠病毒疫情持續影響為了因應疫情及衛生問題避免群聚感染日本知名連鎖迴轉壽司店開第一槍宣佈目前暫停自動迴轉台改由平板點餐方式送餐台灣分店目前尚未實施。日本幾乎每天都有確診案例為了避免病毒散</t>
  </si>
  <si>
    <t>目前日本避免病毒疫情衛生確診問題改由回轉台暫停自動感染幾乎宣佈連鎖回轉實施知名尚未壽司店持續影響</t>
  </si>
  <si>
    <t>新冠病毒疫情持續影響為了因應疫情及衛生問題避免群聚感染日本知名連鎖迴轉壽司店開第一槍宣佈目前暫停自動迴轉台改由平板點餐方式送餐台灣分店目前尚未實施。
日本幾乎每天都有確診案例為了避免病毒散播大型遊樂園與觀光熱門景點均暫時休園各縣市知事也紛紛宣佈停課。近期也是日本最具代表性的櫻花季。以往賞櫻景點都是擠滿人群東京都政府已呼籲民眾盡量不要參加舉行賞櫻活動以免群聚感染。
更多 CTWANT 報導</t>
  </si>
  <si>
    <t>日本目前避免賞櫻景點宣佈病毒感染疫情改由衛生儘量活動民眾呼籲回轉台參加自動暫停舉行暫時</t>
  </si>
  <si>
    <t>迴轉壽司迴轉群聚感染日本防病毒</t>
  </si>
  <si>
    <t>感染回轉日本防病毒</t>
  </si>
  <si>
    <t>天氣肺炎學者傳播</t>
  </si>
  <si>
    <t>香港大學感染及傳染病中心總監何柏良今日（31日）接受商台節目訪問提到潮濕天氣或增加飛沫傳播的速度形容猶如「超級跑車」。他稱若於不通風的環境、加上潮濕天氣有人咳嗽的話飛沫射程可遠至八米猶如「超</t>
  </si>
  <si>
    <t>天氣猶如總監何柏良今日接受商台中心節目訪問射程提到跑車增加通風咳嗽環境速度形容加上傳播傳染病感染</t>
  </si>
  <si>
    <t>香港大學感染及傳染病中心總監何柏良今日（31日）接受商台節目訪問提到潮濕天氣或增加飛沫傳播的速度形容猶如「超級跑車」。他稱若於不通風的環境、加上潮濕天氣有人咳嗽的話飛沫射程可遠至八米猶如「超級跑車的速度」將無人躲得過。他呼籲市民盡量外帶食物若需要內用則於進食時不說話。
COVID-19新型冠狀病毒肺炎疫情持續香港累計確診個案超過600宗。政府日前公佈新防疫措施禁止多於4人在公眾地方聚集措施對不少餐廳構成影響。
香港大學感染及傳染病中心總監何柏良於商台節目上說過往指出的6個階磚距離適用於無戴上口罩時能減少飛沫傳播風險不過香港近日潮濕天氣或影響相關論述。他指近日有美國研究指出若於濕度高的環境加上有人咳嗽飛沫的速度將增至1秒30米而射程更可遠至8米形容猶如「超級跑車的速度」。
何柏良說若於不通風的環境下加上潮濕天氣沒人能夠躲得過這些高速飛沫的攻擊。他說明白這項措施對餐飲業的影響也心痛餐廳的經營情況但仍希望市民盡量不要堂食若必須堂食則應避免進食時談話。
至於近日有違反隔離令的人士被判刑何栢良稱歡迎法庭判決認為自3月起違反禁令的嚴重程度更高因當時全世界疫情嚴峻認為法庭會考慮嚴重性有合適懲罰。他指政府於執行措施時應有一致性對於近日頒布的聚眾法例要零容忍。
至於近日醫院管理局行政總裁高拔陞提出讓康復中的病人出院回家隔離。何柏良不認同有關做法認為必須以集體隔離方式處理並採取加強版防感染措施包括立法強制戴口罩。</t>
  </si>
  <si>
    <t>措施近日何柏良天氣隔離認為影響速度政府感染疫情香港違反餐廳指出至於環境必須法庭儘量</t>
  </si>
  <si>
    <t>香港天氣新冠肺炎武漢肺炎新型冠狀病毒</t>
  </si>
  <si>
    <t>肺炎武漢天氣冠狀香港病毒</t>
  </si>
  <si>
    <t>紐西蘭央行加倍利率國際金融qe</t>
  </si>
  <si>
    <t>紐西蘭央行週三宣佈維持官方現金利率不變仍為025%但將量化寬鬆（QE）計畫規模擴大一倍並表明已準備好在必要時採用額外的貨幣政策工具包括進一步調降現金利率以緩解新冠肺炎疫情對經濟造成的衝擊。紐西蘭</t>
  </si>
  <si>
    <t>現金利率紐西蘭疫情肺炎維持官方表明準備擴大規模必要計畫qe採用寬鬆額外量化貨幣政策緩解工具包括</t>
  </si>
  <si>
    <t>紐西蘭央行週三宣佈維持官方現金利率不變仍為025%但將量化寬鬆（QE）計畫規模擴大一倍並表明已準備好在必要時採用額外的貨幣政策工具包括進一步調降現金利率以緩解新冠肺炎疫情對經濟造成的衝擊。
紐西蘭央行宣佈將規模龐大的資產收購計畫由330億紐元進一步擴大至600億紐元（3622億美元）。央行擴大QE且不排除再度降息週三盤中紐西蘭元下跌07%報06033美元。
此決議符合市場普遍預期。該央行3月召開臨時會議宣佈緊急降息3碼（75基點）。
紐西蘭央行週三在會後聲明中表示決策委員會認為負利率可能成為未來的一個政策選項儘管目前金融機構尚未準備就緒但與金融機構為負利率做好準備的討論正在進行中。</t>
  </si>
  <si>
    <t>央行準備紐西蘭宣佈週三負利率現金利率擴大規模進一步降息qe計畫金融機構目前政策未來成為選項可能認為委員會採用決策</t>
  </si>
  <si>
    <t>紐西蘭央行利率QE量化寬鬆</t>
  </si>
  <si>
    <t>qe利率央行量化寬鬆紐西蘭</t>
  </si>
  <si>
    <t>染病鬧翻爵士戈貝爾米契爾握手言和nba</t>
  </si>
  <si>
    <t>根據美國媒體報導指出NBA第一位染上新冠肺炎的爵士中鋒戈貝爾以及後衛米契爾因為疫情問題而鬧翻但爵士副總裁鄧尼斯受訪時表示兩人目前已經握手言和了。戈貝爾可說是NBA的罪人因為他的染病導致NBA停賽至今</t>
  </si>
  <si>
    <t>nba戈貝爾爵士握手言和已經表示目前肺炎受訪鄧尼斯總裁中鋒鬧翻後衛問題疫情指出染病罪人米契爾報導導致媒體停賽</t>
  </si>
  <si>
    <t>根據美國媒體報導指出NBA第一位染上新冠肺炎的爵士中鋒戈貝爾以及後衛米契爾因為疫情問題而鬧翻但爵士副總裁鄧尼斯受訪時表示兩人目前已經握手言和了。
戈貝爾可說是NBA的罪人因為他的染病導致NBA停賽至今何時能復賽可說是遙遙無期而米契爾認為自己生病是戈貝爾傳染給他的所以雙方開始交惡很長一段時間沒有說過話甚至傳出爵士打算把戈貝爾交易出去。
鄧尼斯說米契爾和戈貝爾已化解誤會將所有不愉快的事情拋諸腦後我們需要一個團結的球隊他們也知道互相需要彼此。</t>
  </si>
  <si>
    <t>戈貝爾爵士米契爾nba鄧尼斯需要團結事情愉快球隊停賽誤會至今遙遙無期交惡開始複賽握手言和</t>
  </si>
  <si>
    <t>戈貝爾NBA米契爾爵士新冠肺炎</t>
  </si>
  <si>
    <t>米契爾爵士nba戈貝爾肺炎</t>
  </si>
  <si>
    <t>台商經濟疫情擾亂策略delta防疫應變大陸</t>
  </si>
  <si>
    <t>近期大陸因Delta變異病毒導致疫情再起一度波及約一半省分包含南京、揚州、鄭州、張家界等地都成為重點警戒城市同時也衝擊大陸經濟專家研判雖然復甦趨勢不改但勢必會影響部分產業的短期表現。這也讓大陸台</t>
  </si>
  <si>
    <t>大陸病毒疫情導致再起一度波及省分包含南京揚州部分鄭州勢必會張家界產業影響趨勢復蘇成為重點警戒專家</t>
  </si>
  <si>
    <t>近期大陸因Delta變異病毒導致疫情再起一度波及約一半省分包含南京、揚州、鄭州、張家界等地都成為重點警戒城市同時也衝擊大陸經濟專家研判雖然復甦趨勢不改但勢必會影響部分產業的短期表現。這也讓大陸台商為因應變局而持續調整經營策略像是廈門日前就與當地台辦機關溝通討論訂單雖滿但運往海外物流不易與企業申請周轉金等問題。
此外揚州台協會長方丁玉也透露這段期間也開設像是直播班等課程幫助當地的台商同業可多利用直播發展業務。甚至在較軟性的需求上也透過揚州台協舉辦如乒乓球、羽毛球訓練班日前又開設免費瑜珈課都吸引不少臺胞參加。
由於大陸近期受到變異株Delta疫情影響從7月底開始就有不少省市一度發布各種防控限制措施等。大陸財信證券首席經濟學家伍超明表示這不可避免會對人員聚集行業如消費、服務業產生影響抑制短期經濟表現。
同時在疫情衝擊全球大環境未完整復甦之前台商也得持續「精打算盤」思考怎麼防衝擊、擴發展。廈門台商協會會長吳家瑩透露近日與廈門市台辦官員就舉行座談會就疫情下所面對的經營問題進行溝通討論。
吳家瑩表示由於歐美疫情因素廈門在體育用品、衛浴設備跟高科技相關訂單滿滿。但卻面對海運費用變貴甚至沒有貨櫃可運輸問題希望大陸官方可協助增加船運量與從廈門出發的中歐班列班次好協助台商更多、更便利的將貨品出口到海外各國。
吳家瑩也指出另外像是餐飲業等類型台商基於產業特性衝擊仍較嚴重需要週轉金這塊也在座談會上向與會的當地金融監管官員反映有望加速幫忙台企小額貸款等問題。
此外實際從去年初疫情爆發以來就有很多台商、台幹至今滯留在大陸。這波疫情是否再度影響台商台幹的兩岸移動。對此吳家瑩認為沒有太大變化。觀察抵達廈門班機的台灣人沒有明顯減少。
他表示目前兩岸對入境的邊境管制力道都未放鬆許多在廈門的台商或台幹雖然待了很久暫時也還沒有返台打算。他坦言中秋節回台人數大概也不多只能期待明年過年。</t>
  </si>
  <si>
    <t>台商大陸疫情廈門沒有衝擊問題影響吳家表示揚州當地像是台幹一度訂單海外日前面對甚至復蘇周轉金兩岸</t>
  </si>
  <si>
    <t>新冠肺炎廈門台商問題吳家瑩</t>
  </si>
  <si>
    <t>台商廈門問題肺炎吳家</t>
  </si>
  <si>
    <t>肺炎疫情近幾周來開始穩定巴西</t>
  </si>
  <si>
    <t>巴西衛生部上週末表示過去24個小時內新增確診數4萬1350人讓累計確診達384萬6153人新增死亡758人讓累計死亡逾12萬人。儘管累計確診與死亡均為全球第二高國家但近幾周來單日的新增與死亡數已穩定下來而沒再</t>
  </si>
  <si>
    <t>巴西 衛生部 上週末 表示 過去 24 個 小時 內 新增 確診 數 4萬1350 人 讓 累計 確診 達 384萬6153 人 新增 死亡 758 人 讓 累計 死亡 逾 12萬 人 儘管 累計 確診 與 死亡 均 為 全球 第二 高 國家 但 近幾周來 單日 的 新增 與 死亡數 已 穩定下來 而 沒 再</t>
  </si>
  <si>
    <t>新增確診死亡累計過去死亡數小時近幾周來國家全球表示上週末穩定下來衛生部巴西</t>
  </si>
  <si>
    <t>巴西衛生部上週末表示過去24個小時內新增確診數4萬1350人讓累計確診達384萬6153人新增死亡758人讓累計死亡逾12萬人。儘管累計確診與死亡均為全球第二高國家但近幾周來單日的新增與死亡數已穩定下來而沒再激增。</t>
  </si>
  <si>
    <t>巴西 衛生部 上週末 表示 過去 24 個 小時 內 新增 確診 數 4萬1350 人 讓 累計 確診 達 384萬6153 人 新增 死亡 758 人 讓 累計 死亡 逾 12萬 人 儘管 累計 確診 與 死亡 均 為 全球 第二 高 國家 但 近幾周來 單日 的 新增 與 死亡數 已 穩定下來 而 沒 再 激增</t>
  </si>
  <si>
    <t>新增確診死亡累計過去死亡數小時近幾周來國家全球表示穩定下來上週末衛生部巴西激增</t>
  </si>
  <si>
    <t>全球近幾周確診死亡新增</t>
  </si>
  <si>
    <t>死亡確診全球</t>
  </si>
  <si>
    <t>部長美海軍辭職笨蛋艦長致歉</t>
  </si>
  <si>
    <t>美國代理海軍部長莫德里（Thomas Modly）週一早上向「羅斯福」號（USS Theodore RooseveltCVN-71）航母官兵發表談話時痛批被拔官的前艦長克勞齊（Brett Crozier）是「笨蛋」。據CNN新聞網7日報導莫德里告訴艦</t>
  </si>
  <si>
    <t>莫德里thomas新聞網modlycnn週一笨蛋早上羅斯福crozierussbretttheodore克勞齊roosevelt艦長cvn-航母官兵發表談話部長報導海軍</t>
  </si>
  <si>
    <t>美國代理海軍部長莫德里（Thomas Modly）週一早上向「羅斯福」號（USS Theodore RooseveltCVN-71）航母官兵發表談話時痛批被拔官的前艦長克勞齊（Brett Crozier）是「笨蛋」。
據CNN新聞網7日報導莫德里告訴艦上官兵前艦長克勞齊身為指揮官卻故意把備忘錄洩漏給媒體警告艦上新冠肺炎疫情蔓延力促高層採取行動以拯救艦上官兵不是「太天真就是太笨」。不過他週一晚已向克勞齊致歉。
事實上除了笨蛋說外莫德里還指控克勞齊「背叛」藉由廣泛向海軍官員示警在華府製造「大爭議」。
根據多名海軍官員提供的錄音顯示莫德里說「這是背叛而我還可以告訴各位一件事：由於他那麼做了將事情置於輿論下如今這在華府成了大爭議。」然而在眾議院軍事委員會（House Armed Services Committee）高層週一晚要求他辭職後莫德里終於為這番話道歉。
「讓我說清楚我不認為克勞齊艦長天真或愚蠢。我認為並始終堅信他恰恰相反」他說「我們挑選航母艦長時小心翼翼克勞齊艦長既聰明又熱情。我認為正由於他既不天真也不笨因此刻意向公共領域發送示警電子郵件想要引起大眾對他艦上狀況的注意。我為這用字遣詞可能引發的任何困擾致歉。」
此外莫德里還為自身「言語可能造成的任何痛苦」直接向克勞齊賠不是。他並表示向克勞齊與他家人還有海軍全體衷心承諾將繼續幫「羅斯福」號全體人員恢復健康克服這不幸的狀況以重返海上。
當美國總統川普週一被問及莫德里的言論時他表示自己沒親耳聽到但已經聽說了。川普說如果莫德里真是這麼說了那措詞很強烈。不過他指出克勞齊不該寄出那些信當然也不該外洩。他強調「這是軍事行動」。可是川普也打圓場說他們兩人都是紳士他聽到有關兩人的好評並將從化解的立場來介入。
除了前艦長克勞齊檢測呈陽性外據海軍官員說到週一為止「羅斯福」號約4800人中已有61%人員接受新冠肺炎檢測並有173人確診。而艦上約有2000人已下船撤離到關島。而原本軍方說到上週五傍晚時將讓2700人上岸。</t>
  </si>
  <si>
    <t>克勞齊莫德里週一艦長海軍羅斯福川普官員天真狀況高層認為告訴表示航母檢測致歉</t>
  </si>
  <si>
    <t>羅斯福號航母新冠肺炎艦長海軍部長</t>
  </si>
  <si>
    <t>肺炎艦長海軍航母羅斯福部長</t>
  </si>
  <si>
    <t>聯合聲明合作台美防疫蘇揆</t>
  </si>
  <si>
    <t>新冠肺炎疫情攀升行政院長蘇貞昌在臉書表示為了合作對抗新冠肺炎 今天早上外交部 Ministry of Foreign Affairs ROC（Taiwan）與美國在台協會 AIT 共同發出「 台美防疫夥伴關係聯合聲明 」。未來兩國將攜手合</t>
  </si>
  <si>
    <t>肺炎聲明聯合夥伴關係防疫發出共同ait美國在台協會未來taiwanrocaffairsforeignofministry外交部早上蘇貞昌行政院長今天表示攀升合作對抗</t>
  </si>
  <si>
    <t>新冠肺炎疫情攀升行政院長蘇貞昌在臉書表示為了合作對抗新冠肺炎 今天早上外交部 Ministry of Foreign Affairs ROC（Taiwan）與美國在台協會 AIT 共同發出「 台美防疫夥伴關係聯合聲明 」。未來兩國將攜手合作防疫。
蘇揆說除了防疫醫療物資和設備互通有無兩國的專家將會攜手合作共同研究生產快篩、疫苗、藥物致力讓兩國的人民都能獲得最好的醫療保護。
蘇揆文中還說A friend in need is a friend indeed 這就是患難見真情未來在對抗疫情的路上台灣不會孤單、台灣可以幫忙。
新冠肺炎行政院蘇貞昌台美防疫夥伴關係聯合聲明台南大學成大南部國立大學居家檢疫衞福部</t>
  </si>
  <si>
    <t>防疫合作肺炎共同對抗醫療未來攜手疫情蘇貞昌聲明聯合夥伴關係friend大學臺灣南部affairsforeignofroc致力indeedtaiwan</t>
  </si>
  <si>
    <t>防疫合作新冠新冠肺炎肺炎</t>
  </si>
  <si>
    <t>防疫合作肺炎</t>
  </si>
  <si>
    <t>松翰去年同期</t>
  </si>
  <si>
    <t>微控制器（MCU）廠松翰（5471）在新冠肺炎疫情持續延燒下耳溫槍及紅外線測溫MCU訂單持續湧入預期上半年接單量將可望遠高於2019年水準。法人看好在陸系、台系客戶追單力道維持強勁格局帶動下松翰上半年合併營</t>
  </si>
  <si>
    <t>持續上半年mcu陸系台系客戶看好法人單力道水準帶動高於強勁維持格局肺炎可望單量疫情溫槍</t>
  </si>
  <si>
    <t>微控制器（MCU）廠松翰（5471）在新冠肺炎疫情持續延燒下耳溫槍及紅外線測溫MCU訂單持續湧入預期上半年接單量將可望遠高於2019年水準。法人看好在陸系、台系客戶追單力道維持強勁格局帶動下松翰上半年合併營收將可望相較2019年同期明顯成長。
新冠肺炎目前除了中國大陸受疫情影響之外日本及新加坡等國也傳出社區感染狀況由於新冠肺炎最顯而易見的病癥就是發燒因此市場上掀起大量額溫槍及耳溫槍等訂單需求切入相關供應鏈的廠商接單量開始大幅成長。
市場傳出松翰已經接獲中國大陸電商的大筆訂單量且光是單一陸廠的下單量就已經超越松翰2019年的全年耳溫槍MCU訂單水準另外還有其他陸廠也開始向松翰緊急下單因此松翰光是大陸客戶的訂單水準就已經相較松翰2019年倍數成長。
不僅如此由於全球各地陸續出現新冠肺炎疫情因此台系廠商為搶食這波耳溫槍訂單亦開始向供應鏈追單除外銷到中國大陸外歐美及東南亞同樣也是目標市場法人指出松翰自農曆春節後在訂單持續湧入帶動下全年接單量將可望遠高於2019年水準。
松翰公告2020年1月合併營收達171億元寫下11個月新低。不過法人指出由於1月有農曆春節假期且第一季本就為傳統淡季因此松翰當月業績表現為正常水準。
但進入2月後在耳溫槍訂單持續湧入帶動下法人預期松翰業績將可望開始逐步升溫3月起合併營收更將出現明顯成長上半年合併營收有機會超越2019年同期並繳出雙位數成長水準。
松翰在醫療產品線當中除了耳溫槍之外還具備血壓計、血糖儀及紅外線測溫等解決方案且過去就已經獲得歐美及日本等一線大廠訂單在該產品線上與國際IDM廠齊名。</t>
  </si>
  <si>
    <t>訂單松翰溫槍水準成長大陸開始已經法人肺炎合併市場中國可望持續疫情上半年mcu</t>
  </si>
  <si>
    <t>成長法人中國大陸肺炎松翰</t>
  </si>
  <si>
    <t>大陸肺炎法人中國松翰成長</t>
  </si>
  <si>
    <t>啟用醫院安泰獨立隔離</t>
  </si>
  <si>
    <t>因應新冠肺炎疫情延燒口罩實名制20上路但站在第一線的醫院防疫物資卻嚴重吃緊東港安泰醫院估算目前庫存的隔離衣恐怕撐不到1個月因此近日啟用獨立採檢室不讓民眾進入院內以減少資源使用同時也建置獨立</t>
  </si>
  <si>
    <t>醫院獨立疫情口罩減少資源院內進入民眾上路肺炎不讓第一線啟用近日恐怕防疫物資</t>
  </si>
  <si>
    <t>因應新冠肺炎疫情延燒口罩實名制20上路但站在第一線的醫院防疫物資卻嚴重吃緊東港安泰醫院估算目前庫存的隔離衣恐怕撐不到1個月因此近日啟用獨立採檢室不讓民眾進入院內以減少資源使用同時也建置獨立發燒篩檢中心與急診分流提升防疫量能。
「醫院的防疫物資真的太缺乏！」東港安泰醫院榮譽院長蘇清泉指出當大家都在關注口罩夠不夠用時唯有站在防疫第一線的醫護人員擔心隔離衣、防護衣還有沒有而答案往往令他們壓力倍增以東港安泰來說防護衣約剩500件、隔離衣約800件。
蘇清泉說隔離衣、防護衣過去多靠中國、越南、菲律賓進口且生產原料也幾乎仰賴他國若這些國家再不開工趕製對台灣醫護很不利以東港安泰1天約用掉30件隔離衣來看如果不再控管使用可能不到1個月就沒得用。
他無奈說有加護病房的醫護人員為留隔離衣以防疫情大爆發時有得穿目前已穿起布製隔離衣彷彿回到過去般靠高溫消毒來防堵病菌。
東港安泰為減少防疫物資使用並兼顧醫護品質近日在院外1間半開放空間成立獨立採檢室並將Ｘ光機搬到室外讓有發燒、旅遊史、接觸史等需要接受採檢的民眾不必進到醫院也能做。蘇清泉說以往民眾進到醫院做採檢後幾乎要全面消毒而啟用獨立採檢室後只需顧好這個區就能有效防範交叉感染。
此外院方也建置獨立發燒篩檢中心與急診分流同時將慢性病處方箋領藥處移到室外做到「分艙分流、盡量不讓民眾進入醫院」的最高防疫原則。</t>
  </si>
  <si>
    <t>隔離醫院防疫安泰東港獨立使用民眾防護衣分流蘇清泉疫情物資口罩幾乎發燒醫護室外消毒近日</t>
  </si>
  <si>
    <t>麻煩疫苗時中高端總統蔡英文預約</t>
  </si>
  <si>
    <t>接種總統登記疫苗意願上網選擇高端衛福安排到時候外界關心表示今天施打蔡英文第一時間民眾平臺開放公費部長陳時中</t>
  </si>
  <si>
    <t>總統登記疫苗表示接種高端意願預約陳時中開放選擇上網審查關心到時候進行趕快莫德納老鼠施打</t>
  </si>
  <si>
    <t>總統陳時中高端疫苗蔡英文台灣</t>
  </si>
  <si>
    <t>陳時中疫苗高端蔡英文總統臺灣</t>
  </si>
  <si>
    <t>可能絕對清零可看本土香港臺灣經驗</t>
  </si>
  <si>
    <t>台灣疫情趨緩究竟未來疫情會如何發展有沒有機會清零？精神科醫師沈政男表示清零絕對有可能且內用與清零並不違背從香港經驗就可以看到他們從確診一萬一千多例目前已經本土零確診超過50天更點出臺灣現</t>
  </si>
  <si>
    <t>清零確診臺灣疫情超過看到可以發展經驗香港違背沒有機會表示精神本土究竟已經目前未來醫師絕對沈政男</t>
  </si>
  <si>
    <t>台灣疫情趨緩究竟未來疫情會如何發展有沒有機會清零？精神科醫師沈政男表示清零絕對有可能且內用與清零並不違背從香港經驗就可以看到他們從確診一萬一千多例目前已經本土零確診超過50天更點出臺灣現在的全民公敵就是特殊社交群聚。
國內昨天(28日)新增18例本土確診沈政男在臉書表示從7月8日出現18例以來已經過了20天還是18例代表最近三周傳染力R值已經維持在09-1有往下降但速度很慢「為什麼？當然是特殊社交群聚今天高雄又傳出確診可能也是從臺北傳下來而且一直到前幾天都還在聚會顯見即使成為全民公敵也是不怕」。更懷疑北市長照機構住民染疫是不是間接來自特殊社交圈「這也得把疫調做清楚否則清零遙遙無期」。
接下來台灣疫情會怎麼發展？沈政男表示可以參考香港經驗香港至今確診1萬1千多例幾個月前也有一個高峰後來慢慢下降目前已經本土零確診超過50天。並指出清零之路很漫長因為到了新增個位數以後R值就會拉抬到接近1這時必須施加另外的防控力道才可能繼續壓制傳播鏈。
至於開放內用沈政男表示看香港的防疫須知便知規定非常清楚依餐廳每桌用餐人數畫分防疫要求而非一概而論。但共通點是餐廳人員必須接種疫苗或定期檢測PCR。從香港的新增確診曲線來看後半段看起來跟台灣現在很像「但台灣有其他人去看嗎？沒有了」強調內用與清零並不違背清零絕對可能但前提是不要放棄清零目標。</t>
  </si>
  <si>
    <t>確診清零臺灣可能表示香港沈政男新增特殊餐廳已經清楚防疫必須本土全民</t>
  </si>
  <si>
    <t>本土確診清零沈政男香港經驗</t>
  </si>
  <si>
    <t>確診沈政男香港清零本土經驗</t>
  </si>
  <si>
    <t>娛樂拖累疫情</t>
  </si>
  <si>
    <t>受台積電等企業改按季配發股利等因素影響財政部昨公佈前4月稅收統計包含綜所稅、營業稅與總稅收都創歷史新高。財政部統計處副處長陳玉豐表示依經濟部統計今年以來國內零售、餐飲業銷售額受新冠肺炎波及逐</t>
  </si>
  <si>
    <t>統計財政部稅收配發股利銷售額因素影響餐飲業國內今年以來零售經濟部處長營業稅公佈歷史表示</t>
  </si>
  <si>
    <t>受台積電等企業改按季配發股利等因素影響財政部昨公佈前4月稅收統計包含綜所稅、營業稅與總稅收都創歷史新高。財政部統計處副處長陳玉豐表示依經濟部統計今年以來國內零售、餐飲業銷售額受新冠肺炎波及逐月衰退預期稅收衝擊將在5、6月反映。不過從4月娛樂稅、契稅、印花稅等小稅目稅收較去年同期下滑已可初步看到疫情已波及KTV等娛樂業與商業活動。
財政部公佈4月稅收實徵淨額為1191億元年增為61％累計前4月稅收5196億元較去年同期年增率92％。陳玉豐表示營業稅、營所稅及綜所稅合計占總稅額約7成且前4月稅收占全年總額僅約2成新冠肺炎疫情對全年稅收影響尚難評斷要等5、6月大稅目如房屋稅、所得稅開徵後才會陸續顯現。
娛樂稅受到衝擊則非常明顯依財政部統計受演唱會等活動取消民眾赴KTV等場所聚會情形減少4月娛樂稅年減243％；攸關訂定契約等商業活動的印花稅也較去年同月減少46％。值得注意的是美股3月大洗三溫暖4月回穩統計前4月臺股日均成交量約1864億證交稅達371億元創12年同期新高。
依財政部統計目前申請緩繳或分期繳稅案約3000件影響稅收約4億元。</t>
  </si>
  <si>
    <t>稅收統計財政部娛樂影響ktv商業活動波及減少稅目印花稅疫情衝擊去年同期公佈表示陳玉豐肺炎全年</t>
  </si>
  <si>
    <t>肺炎財政部稅收依財政部統計娛樂稅</t>
  </si>
  <si>
    <t>財政部稅收統計娛樂肺炎</t>
  </si>
  <si>
    <t>拓展腳步觀光保守</t>
  </si>
  <si>
    <t>韓式連鎖餐飲集團豆府（2752）2020年原訂加快旗下品牌展店步伐惟受新冠肺炎疫情衝擊門市來客數仍受影響。董事長吳柏勳坦言目前展店計畫將暫趨保守籌備中的3家新店仍將如期在上半年陸續開出其他展店計畫進</t>
  </si>
  <si>
    <t>展店原訂加快集團品牌步伐肺炎門市開出來客影響疫情衝擊董事長坦言餐飲目前保守</t>
  </si>
  <si>
    <t>韓式連鎖餐飲集團豆府（2752）2020年原訂加快旗下品牌展店步伐惟受新冠肺炎疫情衝擊門市來客數仍受影響。董事長吳柏勳坦言目前展店計畫將暫趨保守籌備中的3家新店仍將如期在上半年陸續開出其他展店計畫進度則暫時延後。
豆府目前旗下品牌有涓豆腐、銅盤、北村豆腐家、韓薑熙的小廚房加上透過代理跨足非韓系料理的飛機河粉2019年合計新展12家店帶動合併營收創1395億元新高年增2617％稅後淨利亦創13億元新高年增13％每股盈餘（EPS）666元。
受惠展店效益持續顯現豆府2020年2月自結合併營收121億元雖月減2285％、仍年增799％。累計1～2月合併營收278億元年增達3042％雙創同期新高受新冠肺炎疫情影響相對較輕。
不過隨著新冠肺炎疫情日益嚴峻吳柏勳坦言對營運影響已見擴大3月集團門市總來客數雖持平去年同期但低於內部預期逾15％。因此集團原定擴大新展14～16家的目標雖尚未調整但展店進度將較原先預期延後。
吳柏勳指出包括新燒肉品牌在內集團目前共有3家新店籌備中將如期在上半年陸續開幕迎賓。至於其他仍在洽談條件的展店計畫進度則會稍微延後。同時集團也緊鑼密鼓加快新冷凍商品研發包括豆腐煲、辣炒年糕、人蔘雞湯等。</t>
  </si>
  <si>
    <t>展店集團豆腐延後影響目前品牌新高進度包括肺炎疫情預期加快</t>
  </si>
  <si>
    <t>豆府展店進度計畫新冠肺炎</t>
  </si>
  <si>
    <t>計畫進度展店肺炎</t>
  </si>
  <si>
    <t>人份疫苗主公醫院稀釋原因bnt</t>
  </si>
  <si>
    <t>全台首例！三峽恩主公醫院因醫療作業疏失將未稀釋的原液疫苗BNT誤認是殘劑疫苗原本可供150人施打的疫苗變成25人施打新北市衛生局獲報後對醫院做出即起暫停疫苗施打一周的懲處恩主公醫院今表示因部分散裝疫</t>
  </si>
  <si>
    <t>疫苗醫院主公施打原液原本稀釋醫療疏失作業懲處做出新北市衛生局暫停誤認bnt</t>
  </si>
  <si>
    <t>全台首例！三峽恩主公醫院因醫療作業疏失將未稀釋的原液疫苗BNT誤認是殘劑疫苗原本可供150人施打的疫苗變成25人施打新北市衛生局獲報後對醫院做出即起暫停疫苗施打一周的懲處恩主公醫院今表示因部分散裝疫苗瓶蓋掉落工作人員誤以為是已稀釋完成的疫苗就替民眾施打對於醫院訓練不足坦承疏失並向民眾道歉。
恩主公醫院27日負責在鶯歌區永福宮接種站進行BNT疫苗接種作業時因作業疏失造成25位民眾遭施打「未經稀釋的疫苗原液」恩主公醫院副院長王炯珵表示27日現場工作人員於中午清點施打數量時發現異常經詢問值班藥師、護理師後發現此次配發疫苗包含散裝25瓶因有部分散裝疫苗瓶蓋掉落造成工作人員誤以為是已稀釋完成的疫苗未經過再次確認即進行施打事件發生後本院立即進行檢討與改善對於現場人員警覺性不夠、交班資訊落差及未再確認疫苗狀況就進行施打造成25名民眾施打未稀釋的原液疫苗一事致上最深的歉意。
恩主公醫院指出25名民眾接種原液包含11位男性、14位女性年齡分佈18到65歲間。其中20名已回門診進行相關檢查有9位民眾同意住院觀察目前檢查均正常未入院者將由專人聯繫追蹤若有身體不適立即協助就醫診療請民眾回診。
院方已成立專案緊急應變小組由心臟內科、小兒心臟科主治醫師、護理團隊、醫事人員醫療團隊並對25名民眾進行相關預防性醫療措施包括心電圖、心臟超音波、X-光及血液檢查、生化檢查及D-dimer及尿液檢查目前有住院民眾接受留院觀察3天出院後預計每週回診一次並安排心電圖、心臟酵素檢查第四週將安排心電圖、心臟酵素、心臟超音波、血液檢查、生化檢查等。無法留院觀察者安排門診回診及每日專人電話追蹤健康狀況為主目前除2位民眾於施打處有打完疫苗常見的紅腫外其他檢查結果一切正常相關監測將會持續追蹤一個月。
醫院昨已於第一時間通報中央疫情流行指揮中心及新北衛生局王炯珵說指揮中心聽聞後感到震驚要醫院深切檢討院內會深刻檢討事件發生始末並立即改善作業流程、加強教育訓練避免類似錯誤再次發生此次事件給予醫院全體上下深刻的學習未來我們會更謹慎仔細盡最大努力給與病人最好的照護。</t>
  </si>
  <si>
    <t>疫苗醫院民眾檢查進行施打主公心臟原液稀釋作業事件追蹤回診醫療目前立即相關造成接種觀察檢討疏失</t>
  </si>
  <si>
    <t>BNT恩主公醫院疫苗稀釋新冠肺炎</t>
  </si>
  <si>
    <t>疫苗稀釋醫院主公bnt肺炎</t>
  </si>
  <si>
    <t>去年病毒研究武漢哈佛傳播</t>
  </si>
  <si>
    <t>顯示研究搜尋醫院就診去年症狀有關記錄疫情衛星之前民眾肺炎武漢圖像正式資料引擎進行病毒冠狀可能</t>
  </si>
  <si>
    <t>研究大陸病例肺炎病毒之前有關已經搜尋累計確診症狀顯示疑似病例新增報告就診醫院去年輸入直轄市現有新疆生產建設兵團</t>
  </si>
  <si>
    <t>病例研究大陸新冠哈佛</t>
  </si>
  <si>
    <t>研究大陸哈佛病例</t>
  </si>
  <si>
    <t>開放臺灣歐盟水漂twneedhelp口罩</t>
  </si>
  <si>
    <t>新冠肺炎擴散全球台灣在指揮中心的全力防堵下交出亮眼成績單更做起「口罩外交」贈送大量口罩給重災區未料不論是日本或是歐盟第一波解禁名單卻都沒台灣引起網友熱議就有人表示若台灣一直沒被解封</t>
  </si>
  <si>
    <t>臺灣口罩全球指揮中心成績單表示全力交出日本歐盟解禁網友引起名單擴散外交</t>
  </si>
  <si>
    <t>新冠肺炎擴散全球台灣在指揮中心的全力防堵下交出亮眼成績單更做起「口罩外交」贈送大量口罩給重災區未料不論是日本或是歐盟第一波解禁名單卻都沒台灣引起網友熱議就有人表示若台灣一直沒被解封恐怕「Taiwan can help」要變成「Taiwan need help」了。
歐盟宣佈將在7月1日重開邊境首波名單除了加拿大、紐西蘭、澳洲等10餘國外對大陸也將「有條件開放」表示若大陸願意開放歐盟國家旅客們入境那就會列入安全清單中然而對台灣卻隻字未提。
此事也引起PTT網友熱議不少人紛紛大嘆：「Taiwan can help結果」、「口罩外交事實證明人家拿了後就懶得理你」、「收我們一堆口罩結果翻臉不認人」、「台灣就小島而已又沒邦交誰理你阿」、「國際只跟你講現實跟利益誰跟你講人情」、「熱臉貼人冷屁股」、「覺青要出征歐盟了嗎」更有人發問：「如果到時候全世界都已經陸續向其他國家解封結果一直沒台灣是不是要把口號改成Taiwan need help」？</t>
  </si>
  <si>
    <t>臺灣歐盟口罩結果taiwanhelp國家名單外交表示大陸can網友解封一直</t>
  </si>
  <si>
    <t>口罩台灣歐盟Taiwan need help Taiwan can help</t>
  </si>
  <si>
    <t>taiwanneedhelp歐盟臺灣口罩can</t>
  </si>
  <si>
    <t>黃安怒疫苗自產強打台商</t>
  </si>
  <si>
    <t>自去年初爆發新冠肺炎至今全國多數國家仍處於嚴峻的疫情中目前除積極擬定防疫對策外疫苗也陸續研發完成日前大陸推出自己研發的疫苗但功效如何受到外界質疑有待在對岸的台商爆料接獲當局寄來的單子並</t>
  </si>
  <si>
    <t>疫苗研發肺炎至今全國國家台商處於對岸嚴峻疫情有待當局目前質疑積極外界擬定受到功效防疫對策陸續</t>
  </si>
  <si>
    <t>自去年初爆發新冠肺炎至今全國多數國家仍處於嚴峻的疫情中目前除積極擬定防疫對策外疫苗也陸續研發完成日前大陸推出自己研發的疫苗但功效如何受到外界質疑有待在對岸的台商爆料接獲當局寄來的單子並被要求填寫填完竟遭強迫接種直呼毫無選擇權就被施打此事讓定居大陸多年的資深藝人黃安震怒嗆爆料台商胡說：「放屁！你愛打不打你想打就打」。
日前爆出臺商被陸相關單位強打自產疫苗傳聞黃安聽了氣不過近日在微博po文直接暴怒嗆聲「哪個台商打了疫苗？哪個台商又被強迫打疫苗？站起來走兩步我會會你」、「這種逼樣我肯定給它動次打次」接著又貼出自己受訪的影片表示會對自己說的話負責「不要造謠不要傳謠不要相信假新聞相信真話」氣到說話都沙啞。
黃安誓言說真話後先是大讚大陸了不起「世界唯二、唯三的疫苗我們都有了而且口碑很好世界各國搶購作為中國人我們都可以被通知分別安排去施打疫苗」還讚中國人是很聰明、小心的民族做疫苗絕不會拿自己的人民開玩笑「所以中國疫苗值得信賴高貴不貴」黃安說自己定居對岸就等同台商「我的感受就是真實的感受」。
黃安更說大陸當局絕對沒有逼打疫苗的情事「你愛打不打你想打就打你想怎麼打就怎麼打」還說自己「我不打誰能逼我打？」表示在對岸施打疫苗都是個人自由影片中黃安慷慨激昂的訪談還被旁人盛讚說得好。</t>
  </si>
  <si>
    <t>疫苗黃安台商大陸施打對岸影片當局真話中國強迫定居表示世界日前肺炎</t>
  </si>
  <si>
    <t>黃安台商新冠肺炎大陸疫苗</t>
  </si>
  <si>
    <t>肺炎台商大陸黃安疫苗</t>
  </si>
  <si>
    <t>縣長潘孟安延期出面確定全中運說明</t>
  </si>
  <si>
    <t>全台新冠肺炎疫情持續延燒在防疫優先的前提下原訂4月將在屏東舉辦的全中運宣佈延期稍後屏東縣長潘孟安將出面說明。</t>
  </si>
  <si>
    <t>疫情持續防疫縣長優先前提稍後肺炎舉辦原訂潘孟安延期全中運宣佈出面全台說明</t>
  </si>
  <si>
    <t>新冠肺炎武漢肺炎新型冠狀病毒台灣屏東</t>
  </si>
  <si>
    <t>超過接種預約施打疫苗新北</t>
  </si>
  <si>
    <t>新北市長侯友宜今（3日）主持防疫記者會表示今天有長者非常踴躍施打2日至3日中午12時共預約4萬8713人完成接種4萬6385人接種率達95％會依據年齡、順序安心施打請長者安心到現場施打。侯友宜也提到感謝</t>
  </si>
  <si>
    <t>施打侯友宜長者安心接種主持現場依據年齡防疫記者會今天順序表示時共中午踴躍非常完成</t>
  </si>
  <si>
    <t>新北市長侯友宜今（3日）主持防疫記者會表示今天有長者非常踴躍施打2日至3日中午12時共預約4萬8713人完成接種4萬6385人接種率達95％會依據年齡、順序安心施打請長者安心到現場施打。
侯友宜也提到感謝很多朋友、企業、宗教團體捐贈愛心大台平給予社會很多的愛心。
★《中時新聞網》提醒您：因應新冠肺炎疫情疾管署持續加強疫情監測與邊境管制措施 如有疑似症狀請撥打：1922專線或 0800-001922 並依指示配戴口罩儘速就醫同時主動告知醫師旅遊史及接觸史以利及時診斷及通報。</t>
  </si>
  <si>
    <t>施打侯友宜長者疫情愛心安心接觸史及旅遊醫師告知主動就醫以利接種口罩肺炎配戴新聞網因應</t>
  </si>
  <si>
    <t>施打接種率侯友宜踴躍長者</t>
  </si>
  <si>
    <t>踴躍侯友宜接種施打長者</t>
  </si>
  <si>
    <t>葉彥伯局長神話遭殃醫師</t>
  </si>
  <si>
    <t>57歲的葉彥伯擔任彰化縣衛生局長長達16年創下全台最資深衛生局長紀錄但這位聲名大噪的食安英雄卻在積極對抗新冠肺炎防疫時慘遭中央動用政風單位嚴打嚴辦只因他戳破了衛福部拒不普篩的神話！葉彥伯是全台唯</t>
  </si>
  <si>
    <t>全台葉彥伯衛生局神話創下衛福部嚴辦嚴打單位政風動用中央慘遭防疫衛生局長肺炎對抗積極</t>
  </si>
  <si>
    <t>衛生局單位全國葉彥伯中央公務政風醫師攜手全台衛生局長確診事件塑化劑死亡肺炎擔任</t>
  </si>
  <si>
    <t>聲名大噪英雄彰化縣肺炎食安</t>
  </si>
  <si>
    <t>肺炎英雄聲名大噪</t>
  </si>
  <si>
    <t>疫苗指揮難怪中心打槍只能國家隊冷鍊</t>
  </si>
  <si>
    <t>南投縣長林明溱日前表示盼與上海復星購買30萬劑輝瑞BNT疫苗遭中央流行疫情指揮中心打槍。國民黨臺北市議員羅智強辦公室法案主任楊植鬥今爆料衛福部冷卻倉儲只能存放44萬劑的疫苗這才是中央處處攔阻南投的主因</t>
  </si>
  <si>
    <t>中央疫苗日前表示上海主任法案楊植辦公室羅智強議員處處臺北市國民黨衛福部打槍購買冷卻中心倉儲指揮</t>
  </si>
  <si>
    <t>南投縣長林明溱日前表示盼與上海復星購買30萬劑輝瑞BNT疫苗遭中央流行疫情指揮中心打槍。國民黨臺北市議員羅智強辦公室法案主任楊植鬥今爆料衛福部冷卻倉儲只能存放44萬劑的疫苗這才是中央處處攔阻南投的主因因為30萬劑疫苗進口後「根本放不下」。
楊植鬥說衛福部在今年4月宣佈疫苗來台需要大量冷卻倉儲以及物流配送系統最後在決標公告中只找到這件標案且只能存放44萬劑疫苗就算真讓林明溱買到30萬劑國家也沒有相應的倉儲物流可以存放。
他推測上星期行政院載回40萬劑AZ疫苗和這件標案可儲存的疫苗數幾乎一模一樣也就是說國家的冷鍊已接近緊繃根本挪不出空間放其它疫苗「我認為這才是指揮中心處處阻攔南投縣的主因因為30萬劑疫苗一來就曝露出臺灣超前零部署的事實。」
他批評輝瑞疫苗應保存在零下70度的環境中需要高規格冷錬國家隊支援但比起人命政府顯然更怕沒做事的形象被拆穿即便有不少民眾跟政治人物都呼籲政府放下兩岸間的政治意識型態衛福部長陳時中依然選擇跟地方政府對幹。但仇不仇中已成了假議題如果今天美國突然送台灣100萬劑疫苗國家卻沒有冷鍊可以支援陳時中你敢收嗎？
他表示衛福部還有件「疫苗14083萬劑倉儲物流與配送」案在4月29日截止投標標案金額高達2億4000萬後續卻沒有決標公告也沒登記無法決標他要求指揮中心應告知民眾此案到底有沒有廠商接手？是否流標？如若有廠商得標為什麼沒有決標公告？</t>
  </si>
  <si>
    <t>疫苗沒有政府倉儲衛福部中心指揮國家存放政治根本陳時中支援需要表示輝瑞臺灣民眾冷鍊林明溱</t>
  </si>
  <si>
    <t>疫苗楊植鬥新冠肺炎台灣冷卻倉儲</t>
  </si>
  <si>
    <t>肺炎臺灣冷卻楊植倉儲疫苗</t>
  </si>
  <si>
    <t>感染院內醫院結果北部出爐</t>
  </si>
  <si>
    <t>台灣出現首起院內感染導致1醫師染疫更造成社區感染其護理師女友也確診中央流行疫情指揮中心表示針對該起感染事件院內接觸者468人都採檢完畢全部陰性社區採檢除了護理師女友外其他54人也都是陰性。院</t>
  </si>
  <si>
    <t>感染社區院內女友護理陰性導致疫情中心指揮表示流行醫師中央事件確診接觸完畢造成都采檢</t>
  </si>
  <si>
    <t>專家陰性全院表示疫情感染擴大醫院社區第一圈時中檢討醫護同仁</t>
  </si>
  <si>
    <t>院內感染陳時中新冠肺炎變種病毒</t>
  </si>
  <si>
    <t>陳時中肺炎感染變種病毒院內</t>
  </si>
  <si>
    <t>《科技》疫情影響遞延出貨H2台商PCB兩岸產值拚旺季更旺</t>
  </si>
  <si>
    <t>產值兩岸pcb台商影響旺季疫情科技</t>
  </si>
  <si>
    <t>儘管全球新冠肺炎疫情持續延燒但大陸在疫情受控後各地加速復工腳步TPCA預估今年第1季台商PCB兩岸海內外產值為新台幣1312億元上半年被疫情影響而遞延出貨的訂單將會遞延至下半年下半年有機會呈現旺季更旺的</t>
  </si>
  <si>
    <t>疫情下半年機會今年預估tpca腳步復工台商pcb兩岸加速海內外產值影響台幣上半年延至旺季呈現</t>
  </si>
  <si>
    <t>儘管全球新冠肺炎疫情持續延燒但大陸在疫情受控後各地加速復工腳步TPCA預估今年第1季台商PCB兩岸海內外產值為新台幣1312億元上半年被疫情影響而遞延出貨的訂單將會遞延至下半年下半年有機會呈現旺季更旺的狀況預估2020年整體產值可達新台幣6811億元。
原本市場預期今年PCB產業將受惠於5G基礎建設與終端的帶動周邊消費電子需求而大幅成長未料新冠肺炎疫情自農曆年前自大陸地區大爆發造成大陸地區延後復工打亂全球電子產業生產節奏相較於全球疫情持續蔓延大陸各區域因疫情受控復工率逐步提高不過業界在開工後仍須克服不同程度的問題如：物流及人流的管制導致防疫物資、原料與成品運送都難以掌握交期人員返廠比率及自主管理期造成短期低稼動率營運壓力儘管部分廠商因年初訂單滿載春節期間採不停工加班生產者復工率相對較佳但仍受物流不順問題影響既定排程。
TPCA表示新冠肺炎(COVID-19)目前已確定將對全球經濟衰退造成影響國際市調機構紛紛下調全球終端產品需求原來樂觀5G與各項電子終端產品需求動能將延後發生未來幾個月有幾個面向可以留意包括：供給面部分電子產業鏈上下游供貨狀況的復原速度需求面則要觀察全球終端產品消費動能降低何時回溫；就目前疫情的發展情況來看多數認為將會於第2季完全結束主要的衝擊亦集中於第1季。
在此情境下由於2月稼動率下降且終端需求減少TPCA保守預估今年第1季台商PCB兩岸海內外產值為新台幣1312億元而上半年被疫情影響而遞延出貨的訂單將會遞延至下半年下半年有機會呈現旺季更旺的狀況2020年預估整體產值可達新台幣6811億元。
值得注意的是去年至今的美中貿易戰讓電子組裝與PCB產業有了重新佈局的思考不過根據統計2019年台商兩岸產值生產比重大陸地區生產比重達約634%相較主要競爭對手日本及韓國已分散在東南亞各國佈局台灣廠商海外佈局的分散程度較低在大陸生產比重僅次於陸資廠商也導致面對疫情衝擊的應變上更加捉襟見肘；此次新冠肺炎疫情將讓產業加速分散風險的策略短期可以看到廠商將重新檢視現有海內外產能配置、原物料供應來源的彈性長遠則將加速產業升級與分散佈局避免雞蛋放在同一的籃子的佈局調整、強化智慧製造體質以避免大環境突如其來的變數打亂企業成長的腳步。</t>
  </si>
  <si>
    <t>疫情全球電子廠商大陸產業佈局復工需求分散影響造成肺炎生產pcbtpca加速產值預估導致終端產品問題台幣</t>
  </si>
  <si>
    <t>TPCAPCB新冠肺炎5G基礎建設</t>
  </si>
  <si>
    <t>肺炎基礎pcbtpca建設</t>
  </si>
  <si>
    <t>免疫力資料聚餐歡樂才能</t>
  </si>
  <si>
    <t>指揮中心昨宣佈降二級的相關指引包括開放餐廳內用的規定但雙北仍舊宣佈不鬆綁餐飲內用的規定讓不少民眾好奇到底啥時才能歡樂聚餐？醫師薑冠宇則回應說如果是以感染英國變異株為主的前提第一劑疫苗覆蓋率須</t>
  </si>
  <si>
    <t>宣佈規定為主變異英國感染回應前提薑冠宇醫師相關聚餐歡樂才能指引到底開放包括好奇餐廳民眾雙北餐飲</t>
  </si>
  <si>
    <t>指揮中心昨宣佈降二級的相關指引包括開放餐廳內用的規定但雙北仍舊宣佈不鬆綁餐飲內用的規定讓不少民眾好奇到底啥時才能歡樂聚餐？醫師薑冠宇則回應說如果是以感染英國變異株為主的前提第一劑疫苗覆蓋率須達70%若是Delta那就擋不住了；或是在接種率未達標前啟用疫苗護照或篩檢證明作聚餐的依據免疫力夠的人先用餐。
薑冠宇昨在臉書引述美國醫學會雜誌（JAMA）模擬美國北卡州的研究表示如果經歷疫情高峰才開始打疫苗六個月內的施打率沒有達到25%以上只要一個鬆懈警戒措施例如個人衛生、社交距離和場所關閉等就會再引起一大波疫情。
薑冠宇指出疫苗二劑普及率達75%才有完全恢復經濟活動的本錢在此之前都是公衛與經濟的拉鋸戰許多國家人民在餓死與病死作矛盾大對決如果再來一波我們的老人和許多罹患慢性疾病的族群也命不久矣同時也會增加很多醫療照護成本。
薑冠宇強調新冠肺炎是能不得就不要得千萬別認為輕症就沒事已有許多醫師手上的輕症患者轉為長期肺纖維化後遺症的病人還有內分泌失常、憂鬱症等狀況未來這些族群都需大量心肺復健與心理支持而不是去專責病房與檢疫所就好了。
指揮中心昨宣佈7月27日降二級的相關指引其中包括開放餐廳內用但新北市長與臺北市長仍堅持不開放讓許多民眾好奇台灣究竟要等到何時才可以開放過去歡樂聚餐的狀況？對此薑冠宇提出兩點回應。
薑冠宇說若台灣是以感染英國變異株為主的前提根據英國三月初成功壓制疫情的經驗第一劑疫苗覆蓋率須達70%但若不幸是Delta變異株那是擋不住的新加坡、韓國都沒有擋住何況是台灣？因此在台灣的Delta病人要特別嚴格處理。
薑冠宇也說在疫苗接種率未達目標之前也許可以啟用疫苗護照或篩檢證明作為聚餐的依據讓免疫力夠的先用餐雖然這在第一輪接種未打完前是有點不公平但萬一我們真的要打到第三劑、第四劑這就是每年都要面對的狀況。</t>
  </si>
  <si>
    <t>薑冠宇疫苗開放疫情聚餐臺灣狀況接種delta宣佈族群醫師變異</t>
  </si>
  <si>
    <t>聚餐餐飲內用台灣新冠肺炎疫苗覆蓋率</t>
  </si>
  <si>
    <t>臺灣肺炎餐飲疫苗聚餐覆蓋率</t>
  </si>
  <si>
    <t>老藥新用老骨頭變出新把戲</t>
  </si>
  <si>
    <t>骨頭新用把戲</t>
  </si>
  <si>
    <t>2020年全球最嚴峻的問題目前看來非新冠肺炎莫屬更讓人擔心的是透過醫療技術研發出疫苗解藥從醫學研究、研發到動物測試、臨床測試至少要半年時間實在緩不濟急。所幸世界衛生組織（WHO）傳出一個好消息</t>
  </si>
  <si>
    <t>研發測試世界衛生組織目前所幸看來緩不濟急實在時間肺炎莫屬who更讓人擔心問題研究醫學透過疫苗醫療技術至少臨床動物</t>
  </si>
  <si>
    <t>新藥疾病名藥原廠新用藥廠藥品藥物臨床美國時間上市治療發現目前沒有試驗</t>
  </si>
  <si>
    <t>藥品原廠藥新藥美國名藥</t>
  </si>
  <si>
    <t>新藥美國原廠名藥藥品</t>
  </si>
  <si>
    <t>宏達電裁員公司通信網</t>
  </si>
  <si>
    <t>宏達電(2498)驚傳財裁員！受到產業結構調整、智慧機市場持續萎縮加上新冠肺炎衝擊大環境宏達電今日驚爆裁員對此公司回應推動策略性人力資源調整精簡人力與有效降低營運費用方有助於實現長遠企業目標</t>
  </si>
  <si>
    <t>調整裁員宏達電有助於費用營運降低有效人力實現精簡人力資源加上萎縮肺炎持續策略市場衝擊大環境回應產業結構推動智慧公司</t>
  </si>
  <si>
    <t>宏達電(2498)驚傳財裁員！受到產業結構調整、智慧機市場持續萎縮加上新冠肺炎衝擊大環境宏達電今日驚爆裁員對此公司回應推動策略性人力資源調整精簡人力與有效降低營運費用方有助於實現長遠企業目標但對於本次人力調整規模、員工人數宏達電則是未明確說明。
宏達電表示在過去數年宏達電持續優化流程、成本控制及審慎地投入新科技等重要節流工作雖然主要產品毛利已呈現正向走勢但整體營運表現仍承受著極大壓力。在謹慎研究過後今日決定推動策略性人力資源調整持續優化組織、精簡人力與有效降低營運費用相信此行動是實現宏達電長遠企業目標、推動持續創新、確保創造能力與為我們的股東返回最大值的必要的步驟之一。
宏達電進一步指出今年全球各地受到嚴峻的新冠肺炎疫情影響甚钜各國政府實施嚴格的封鎖大規模實施前所未見的自我隔離及保持社交距離措施原本的日常活動例如上班、娛樂、教育、溝通等都只能待在家裡以遠距的方式進行巨集達電認知到世界上每一項顛覆式變化也正是運用科技提升生活的契機宏達電期望藉由VIVE虛擬實境系統平臺以及與應用內容的策略夥伴合作讓交談、會議、團隊工作、學習、訓練、醫療等等都能夠以遠距的方式進行在明確的願景與產品平臺策略下宏達電證明有充分的準備及能力能夠因應各種挑戰與機會讓企業邁入另一次的轉型。</t>
  </si>
  <si>
    <t>宏達電持續策略調整推動營運企業科技工作人力能力能夠產品受到今日明確平臺肺炎優化進行裁員以遠方式實施目標</t>
  </si>
  <si>
    <t>宏達電智慧型手機VRVIVE虛擬實境</t>
  </si>
  <si>
    <t>vr手機vive智慧宏達電虛擬實境</t>
  </si>
  <si>
    <t>返國例案確診新增</t>
  </si>
  <si>
    <t>中央流行疫情指揮中心昨天公佈新增一例新冠肺炎確診病例為北部30多歲女性是國內第48例於2月28日至3月8日前往英國旅遊及探訪友人返國後出現頭痛、咳嗽等症狀兩度就醫後確診是首例英國境外感染確診個案</t>
  </si>
  <si>
    <t>確診英國中心昨天公佈新增指揮出現友人返國探訪肺炎就醫病例北部女性疫情頭痛前往咳嗽旅遊首例國內症狀</t>
  </si>
  <si>
    <t>中央流行疫情指揮中心昨天公佈新增一例新冠肺炎確診病例為北部30多歲女性是國內第48例於2月28日至3月8日前往英國旅遊及探訪友人返國後出現頭痛、咳嗽等症狀兩度就醫後確診是首例英國境外感染確診個案目前已經匡列9名在台親密接觸者。
9親密接觸者 居家隔離
指揮官陳時中指出這名個案獨自前往英國旅遊返國後於3月9日因頭暈、頭痛等症狀至診所就醫又出現微燒及輕微咳嗽於3月10日至醫院就醫經通報檢驗於昨天確診目前收治負壓隔離病房治療。
指揮中心依女子發病前活動史研判境外感染的可能性較高；女子同住家人目前皆無疑似症狀將進一步調查女子在英國期間的旅遊行程並持續追蹤其同住親友、英國當地友人、直飛班機的同機旅客及就醫接觸者等健康情形。接觸者掌握9人都已經居家隔離並持續匡列中。
案33案35 新增解除隔離
陳時中表示衛生單位也會再瞭解她英國拜訪了什麼人但英國較遠無法親自調查時間會較久飛機上也會匡列前後兩排的人進行疫調。至於感染源是在英國或是出境前就已經在台灣感染目前還無法確定。
國內48名確診個案中共有22名境外移入個案除了陸港澳以外還有包含自有日本旅遊史的案33、埃及杜拜等中東旅遊史的案39、日本的鑽石公主號旅客案40、菲律賓旅遊史的44案、有荷蘭旅遊史的案47昨日確診的案48則是首次有英國旅遊史。
至目前國內通報累計1萬4635例。確診個案中1名死亡、昨新增兩個案解除隔離分別是首例日本移入個案第33案及發生首起院內感染的北部某醫院清潔工案35累積17名解除隔離、其餘個案穩定持續住院隔離。</t>
  </si>
  <si>
    <t>英國個案確診旅遊目前感染隔離就醫女子已經新增症狀國內日本境外解除持續接觸中心昨天</t>
  </si>
  <si>
    <t>返國英國境外感染解除隔離匡列</t>
  </si>
  <si>
    <t>境外解除感染英國隔離匡列返國</t>
  </si>
  <si>
    <t>粽子阿嬤指揮後壁中心台南</t>
  </si>
  <si>
    <t>中央流行疫情指揮中心今天公佈台灣再度零確診是本土第45天連續第6天零確診。台南後壁區頂長社區動員40多位長者包2000顆千歲粽子送至中央疫情指揮中心慰勞防疫團隊也行銷台灣傳統米食。中央流行疫情指揮中心</t>
  </si>
  <si>
    <t>臺灣疫情中央中心指揮確診後壁台南社區動員長者千歲再度粽子送至公佈行銷傳統今天團隊慰勞防疫流行連續</t>
  </si>
  <si>
    <t>中央流行疫情指揮中心今天公佈台灣再度零確診是本土第45天連續第6天零確診。台南後壁區頂長社區動員40多位長者包2000顆千歲粽子送至中央疫情指揮中心慰勞防疫團隊也行銷台灣傳統米食。
中央流行疫情指揮中心今(27)日表示國內今日無新增病例昨(26)日新增310例新型冠狀病毒肺炎相關通報截至目前累計通報71405例(含70330例排除)其中441例確診分別為350例境外移入55例本土病例及36例敦睦艦隊。確診個案中7人死亡419人解除隔離其餘持續住院隔離中。</t>
  </si>
  <si>
    <t>確診中心臺灣指揮疫情本土病例中央通報相關社區流行肺炎動員長者後壁解除隔離病毒台南艦隊</t>
  </si>
  <si>
    <t>解封大規模7月指揮中心說明</t>
  </si>
  <si>
    <t>說明中心解封指揮</t>
  </si>
  <si>
    <t>匡列確診護理隔離醫院臺北</t>
  </si>
  <si>
    <t>本土疫情數日來每天都超過200例傳出衛福部立臺北醫院有護理師確診院方緊急匡列8人隔離採檢初步結果均為陰性。院方表示該名護理師有萬華活動史研判為社區感染、非院內感染目前等待指揮中心通知二採。據了</t>
  </si>
  <si>
    <t>護理院方感染超過傳出等待衛福部判為臺北醫院活動初步隔離結果目前匡列陰性緊急</t>
  </si>
  <si>
    <t>本土疫情數日來每天都超過200例傳出衛福部立臺北醫院有護理師確診院方緊急匡列8人隔離採檢初步結果均為陰性。院方表示該名護理師有萬華活動史研判為社區感染、非院內感染目前等待指揮中心通知二採。
據瞭解臺北醫院外科病房一名病患疑似確診後醫院針對病房護理師全面篩檢其中3人因有接觸史被匡列住進防疫旅館隔離中沒想到檢驗報告出爐反而是1名沒有接觸病人的護理人員採檢陽性。
臺北醫院說明5月18日一名病患一採弱陽性經二次檢測確定為陰性。至於確診的護理師有萬華社區活動史5月17日自覺喉嚨癢、無其他症狀院方對護理站人員及病人做PCR檢測均為陰性疫調醫師判斷非院內感染為社區感染。</t>
  </si>
  <si>
    <t>護理醫院臺北陰性院方確診隔離病人接觸檢測匡列陽性感染院內超過傳出</t>
  </si>
  <si>
    <t>新冠肺炎台灣部立臺北醫院</t>
  </si>
  <si>
    <t>臺灣肺炎臺北醫院</t>
  </si>
  <si>
    <t>確診翁北不治</t>
  </si>
  <si>
    <t>彰化縣13日零確診但新增1名死亡案例為萬華家族返鄉聚餐導致彰化4名親友染疫男子。1名年約65歲男性在5月15日採檢確診後、同月19日收治住院至本月12日宣告不治。而中部年輕人跨縣市社交傳播圈因社交活動型態</t>
  </si>
  <si>
    <t>確診跨縣年輕人中部不治宣告社交同月家族萬華導致返鄉聚餐死亡男性親友案例男子新增傳播本月住院</t>
  </si>
  <si>
    <t>彰化縣13日零確診但新增1名死亡案例為萬華家族返鄉聚餐導致彰化4名親友染疫男子。1名年約65歲男性在5月15日採檢確診後、同月19日收治住院至本月12日宣告不治。而中部年輕人跨縣市社交傳播圈因社交活動型態十分隱密、私密已知參與者10人台中、彰化已相繼有1人確診後續恐還有新增確診者。
彰化縣新增第11位新冠肺炎染疫死亡個案為臺北萬華夫妻5月8日帶孩子回娘家母親節聚餐餐會後又前往岳父母的表姊家拜訪泡茶導致岳父、岳母、外甥與岳父母的表姊夫等人確診；該傳播鏈共造成縣內8人確診其中60幾歲表姊夫死亡。
60幾歲的表姐夫5月12日發病、5月15日採檢確診Ct值16由於他沒有慢性病史、身體健康且家族其他染疫成員均相繼康復出院他卻一直收治中住院近60天直到7月12日病逝死亡原因還有待收治醫院瞭解其收治期間樣態、由臨床醫師進一步判斷釐清。
針對台中市新增1名30歲男家教確診與彰化曾逛過台中新光三越的20幾歲確診男有過接觸彰化縣衛生局長葉彥伯指出這個橫跨中部地區3縣市的年輕人社交圈共同點是曾一同參與7月5日的一場活動。
葉彥伯說參與那場社交活動共10人有些是透過社交軟體、交友APP相約有些人原本彼此就認識此社交圈的社交樣態多元且活動場所多半較隱密又是不通風的室內場所近距離接觸又沒戴口罩風險很高。
目前該社交圈設籍彰化縣內約3、4人其中彰化確診男的家族與職場接觸者初步採檢皆陰性疫調持續進行中而其他參與跨縣市社交活動的年輕人中有2人初採陰性另1人近日才追蹤聯繫上採檢結果尚未出爐。</t>
  </si>
  <si>
    <t>確診死亡收治社交社交圈家族接觸新增台中社交活動參與聚餐導致</t>
  </si>
  <si>
    <t>彰化確診社交圈收治新冠肺炎</t>
  </si>
  <si>
    <t>收治社交圈確診肺炎</t>
  </si>
  <si>
    <t>消毒對策部署超前何必猶豫號稱</t>
  </si>
  <si>
    <t>大陸在進口冷凍食品包裝驗出新冠病毒擔憂為防疫漏洞採取嚴格的檢驗及暫停輸入作為但國內中央流行疫情指揮中心卻僅嗆明「不會比照大陸限制進口」而邊境抽驗、強制消毒等防制對策至今仍是空中樓閣時間表付之</t>
  </si>
  <si>
    <t>進口大陸至今對策防制消毒強制抽驗病毒防疫漏洞出新擔憂採取嚴格檢驗暫停輸入邊境作為國內中央流行疫情指揮中心</t>
  </si>
  <si>
    <t>大陸在進口冷凍食品包裝驗出新冠病毒擔憂為防疫漏洞採取嚴格的檢驗及暫停輸入作為但國內中央流行疫情指揮中心卻僅嗆明「不會比照大陸限制進口」而邊境抽驗、強制消毒等防制對策至今仍是空中樓閣時間表付之闕如老愛掛在嘴邊的「超前部署」再成笑話。
年初新冠肺炎疫情爆發衛福部和川普一搭一唱痛批大陸隱瞞疫情為了一封電子郵件內容是否提到「病毒會人傳人」甚至與WHO各說各話竭盡所能嘲笑對岸輕忽疫情進而造成全球大災難。
結果大半年後大陸控制住疫情反觀美國累計破1000萬人感染新冠肺炎逾24萬人死亡連西方主流媒體也不得不承認大陸透過嚴格的封鎖與隔離措施這次抗疫表現確實比歐美各國相對更好。
最近大陸方面陸續查出冷凍食品外包裝夾帶新冠病毒很快祭出強制消毒、禁止逾百家企業進口等因應措施並提醒各國注意不料台灣最愛自誇「超前部署」的中央流行疫情指揮中心反而綁手綁腳應對速度牛步連何時開始要廠商強制消毒都說不清。
更誇張的是食藥署長吳秀梅竟強調新冠病毒不是食媒性病毒其他國家都沒提「唯獨大陸在發布」綠營執政縣市當然也「順時中」幫忙解釋冷凍食品極低溫運送病毒存活機率很低暗指大陸小題大做。
《孫子兵法》提到「勿恃敵之不來恃吾有以待之」尤其針對醫學界至今摸不透的新冠病毒若無法完全排除病毒變異可能性當然得趕快做好萬全準備一再袖手觀望難道要坐等台灣第一例帶病毒的冷凍食品打開防疫破口？
令人無奈的是衛福部竟畫地自限「不會比照大陸禁止進口」因為「很多國家都說不會透過食物傳播若要推動必須有進一步的理由」；若官員真站在人民這邊其實何必猶豫「保護國人健康、守住防疫成果」就是最正當理由。</t>
  </si>
  <si>
    <t>大陸病毒疫情冷凍防疫進口食品強制消毒當然提到措施嚴格臺灣至今超前國家</t>
  </si>
  <si>
    <t>大陸冷凍食品肺炎病毒衛福部</t>
  </si>
  <si>
    <t>冷凍食品肺炎病毒衛福部大陸</t>
  </si>
  <si>
    <t>捉摸喪失嗅覺肺炎</t>
  </si>
  <si>
    <t>新冠肺炎症狀難以捉摸有人可能出現永久性嗅覺喪失壽險業者表示若有此症狀失能險可依失能等級11級理賠但可能只有一次性失能保險金的5％並沒有觸及月月或年年給付的失能扶助金理賠。至於新冠肺炎可能造成</t>
  </si>
  <si>
    <t>可能症狀理賠肺炎嗅覺喪失永久性壽險業出現月月保險金表示難以捉摸等級扶助金一次性至於觸及沒有</t>
  </si>
  <si>
    <t>新冠肺炎症狀難以捉摸有人可能出現永久性嗅覺喪失壽險業者表示若有此症狀失能險可依失能等級11級理賠但可能只有一次性失能保險金的5％並沒有觸及月月或年年給付的失能扶助金理賠。
至於新冠肺炎可能造成肺部纖維化算不算失能？壽險業者說必須要看實際狀況即肺部損壞的程度及可否工作、自理生活因胸腹部臟器機能遺存極度障害終身不能從事任何工作需要專人周密照護者是第一級失能就是會啟動每月或每年給付的失能扶助金100％；僅是不能工作、生活需人扶助是給付90％；若是還能自理生活是80％；能從事輕便工作者是給付40％。 　這些理賠都必須看各公司保單條款及理賠部門的判定因為容易存有爭議壽險公司也不敢以此為號召在疫情期間推薦失能險同時有些公司的失能險沒有等待期恐造成損率難以預估。
國泰人壽指出若失能險保戶罹患新冠肺炎而有永久性「兩側嗅覺完全喪失」的情形屬於因疾病所致的第11級失能是否理賠給付應依各別商品條款約定。　例如投保含有失能給付項目的傷害險因新冠肺炎非屬意外事故所以無法給付；但如果是投保含有失能給付項目的健康險時須再檢視保障範圍若保障範圍包括11級失能時則可理賠。　富邦人壽表示2020年1月1日前所銷售的失能險針對鼻部失能條款約定僅有「鼻部缺損致其機能永久遺存顯著障害者」的失能等級但從今年1月1日起才新增「鼻未缺損而鼻機能永久遺存顯著障害者」也就是以前是鼻子一定要有缺損才能算11級失能現在是嗅覺喪失即可視為11級失能。
同時基於從新從優理賠原則即便是今年1月1日前投保失能險的保戶若事故發生日是在今年1月1日後且經六個月治療後症狀固定即可申領失能保險金。</t>
  </si>
  <si>
    <t>理賠工作肺炎症狀條款公司喪失嗅覺可能今年生活缺損投保造成肺部給付</t>
  </si>
  <si>
    <t>工作障害肺炎失能永久</t>
  </si>
  <si>
    <t>肺炎工作</t>
  </si>
  <si>
    <t>疫情陳時中結束磐石</t>
  </si>
  <si>
    <t>敦睦磐石艦30人染新冠肺炎引起社會關注中央流行疫情指揮中心指揮官陳時中昨在記者會上樂觀指出第6天過去了沒有看到第二層的情況觀察到4月30日大概可知台灣是否過關。陳時中說台灣連12天沒有本土個案也</t>
  </si>
  <si>
    <t>沒有陳時中臺灣肺炎引起社會關注中央流行疫情指揮中心大概指揮官可知觀察情況看到記者會過去指出樂觀</t>
  </si>
  <si>
    <t>敦睦磐石艦30人染新冠肺炎引起社會關注中央流行疫情指揮中心指揮官陳時中昨在記者會上樂觀指出第6天過去了沒有看到第二層的情況觀察到4月30日大概可知台灣是否過關。
陳時中說台灣連12天沒有本土個案也因如此敦睦艦隊這起獨立事件引發社會不滿覺得都是「你們害的」。但事實不然每個獨立事件都有那樣的可能性我們的態度很清楚準備好是為什麼？就是為了能夠處理這些突發狀況。有準備碰到就可以處理。
陳時中表示現在也第6天了我沒有看到第二層的情況看起來情況是好的。敦睦艦隊4/15下船加14天潛伏期大概觀察到4月30日可知台灣能否過關。但重要的是這段時間大家是痛苦的因為努力很久卻突然發生此事件。他強調「有問題我們就面對、處理」希望民眾不要恐慌心慌對事情沒有幫助。</t>
  </si>
  <si>
    <t>沒有事件處理敦睦社會臺灣獨立情況艦隊準備看到時中過關觀察大概可知指揮中心</t>
  </si>
  <si>
    <t>磐石鑑敦睦艦隊陳時中疫情過關台灣</t>
  </si>
  <si>
    <t>陳時中艦隊敦睦疫情過關磐石臺灣</t>
  </si>
  <si>
    <t>英國席捲店潮商店閒置</t>
  </si>
  <si>
    <t>新冠肺炎疫情席捲全球各國實施封城措施導致實體店舖經營陷入危機研究機構Springboard於週四（3日）出臺研究報告顯示逾一成的英國商店目前處於空置狀態。Springboard的研究指出英國商店空置率從2020年一月的9</t>
  </si>
  <si>
    <t>研究英國springboard商店空置席捲全球實施封城措施導致疫情實體店鋪經營陷入危機機構出臺報告顯示目前狀態處於肺炎週四指出</t>
  </si>
  <si>
    <t>新冠肺炎疫情席捲全球各國實施封城措施導致實體店舖經營陷入危機研究機構Springboard於週四（3日）出臺研究報告顯示逾一成的英國商店目前處於空置狀態。
Springboard的研究指出英國商店空置率從2020年一月的98%上升至108%創下自2014年一月以來的最高紀錄也反映出英國除了食物以外的零售業大幅受到封城措施衝擊。
英國的商店原先便已承受著高租金和高稅金的雙重壓力加上近年電商興起使實體店鋪遭逢激烈競爭英國實體店鋪近年皆在艱困環境中掙紮。
這幾年原先就面臨經營或財政危機的企業陸續宣佈裁員或破產在亞洲擁有高人氣的經典印花品牌Cath Kidston宣佈關閉英國60間實體店鋪僅保留網路銷售服務且裁員逾900名員工；英國服飾及家用品品牌Laura Ashley宣佈破產；大型百貨公司如丹本漢百貨（Debenhams）和馬莎百貨（Marks &amp; Spencer）也接連宣佈裁員。
Springboard的報告顯示有六成地區的商店空置率都攀升尤以大倫敦（ Greater London）地區的空置率增速最快增加近三分之二該研究機構也指出雖然購物人數已連續三個月攀升但英國高街（High streets）迎接的顧客人數相較2019年同期仍萎縮了308%。
英國高街項目工作組（High Streets Task Force）首席羅賓森（ Mark Robinson）指出新冠肺炎疫情帶來了原先可能還要數年時間的全新變化「人們不再詢問通勤時間要多久而是改成思考自身住所附近的各項服務（商店、公園、診所、學校等）是否在步行距離內。」</t>
  </si>
  <si>
    <t>英國商店宣佈實體店鋪原先研究空置裁員指出springboard近年服務破產經營人數品牌攀升封城措施時間機構streets地區</t>
  </si>
  <si>
    <t>新冠肺炎倒店潮英國</t>
  </si>
  <si>
    <t>肺炎店潮英國</t>
  </si>
  <si>
    <t>沒有蝙蝠傳染疑慮臺灣</t>
  </si>
  <si>
    <t>外傳新冠肺炎可能藉由蝙蝠傳染引發部分民眾對蝙蝠的誤解甚至敵視雲林縣水林鄉黃金蝙蝠生態館3日強調目前沒有任何科學證明是蝙蝠導致新冠肺炎的發生請大家不要因此恐懼蝙蝠、甚至傷害蝙蝠還蝙蝠一個公道。</t>
  </si>
  <si>
    <t>蝙蝠甚至肺炎可能誤解不要敵視林鄉黃金生態館林縣強調目前沒有科學證明發生導致引發民眾部分傳染</t>
  </si>
  <si>
    <t>外傳新冠肺炎可能藉由蝙蝠傳染引發部分民眾對蝙蝠的誤解甚至敵視雲林縣水林鄉黃金蝙蝠生態館3日強調目前沒有任何科學證明是蝙蝠導致新冠肺炎的發生請大家不要因此恐懼蝙蝠、甚至傷害蝙蝠還蝙蝠一個公道。
黃金蝙蝠在雲林縣的數量銳減除了棲地破壞、農藥汙染等因素還有可能是民眾因誤解而驅趕甚至傷害蝙蝠所造成。黃金蝙蝠生態館負責人張恒嘉強調目前全世界已確診的新冠肺炎案例中沒有1例是直接經由蝙蝠傳染而確診。
張恒嘉還表示新冠肺炎不論是來源、是否有中間宿主及如何感染人類都還不清楚雖然曾發現蝙蝠身上帶有與新冠肺炎基因序列相似度達96％的病毒但僅此1條件並不足以斷定其來源即是蝙蝠例如人類與黑猩猩的基因序列相似度高達988％但兩者是完全不同的物種一樣。
截至目前為止並無足夠的科學證據顯示伊波拉病毒感染、中東呼吸症候群（MERS）、嚴重急性呼吸道症候群（SARS）、嚴重特殊傳染性肺炎（新冠肺炎）與蝙蝠直接有關雖然過去曾在多種蝙蝠身上找到與SARS病毒類似的冠狀病毒但都非真正的SARS病毒。
張恒嘉說目前台灣蝙蝠的身上並沒有任何人畜共通的疾病農委會動植物防疫檢疫局也證實近5、6年監測顯示台灣原生蝙蝠不具感染人的能力。
張恒嘉強調美國德州奧斯丁國會大橋下棲息著約150萬隻蝙蝠多年來從未有人因為蝙蝠的存在而致死；東南亞與非洲也有人長期蒐集洞穴或建築物的蝠糞當肥料販售都沒有因此傳出重大疫情因此蝙蝠絕非新冠肺炎的原罪請大家不要以訛傳訛。</t>
  </si>
  <si>
    <t>蝙蝠肺炎沒有強調身上病毒sars目前顯示甚至科學黃金可能來源人類感染確診臺灣林縣傳染</t>
  </si>
  <si>
    <t>身上誤解蝙蝠傳染肺炎蝙蝠</t>
  </si>
  <si>
    <t>誤解蝙蝠傳染身上肺炎</t>
  </si>
  <si>
    <t>事業生產發行社會責任遠東</t>
  </si>
  <si>
    <t>櫃買中心24日表示遠東新世紀公司（1402）領先國內生產事業發行首檔社會責任債券24日於櫃買中心上櫃掛牌。該檔債券發行額度12億元是目前發行規模最大的社會責任債券也是繼5月18日中信銀、凱基銀及永豐銀發</t>
  </si>
  <si>
    <t>發行債券責任社會中心公司新世紀領先遠東表示中信國內生產事業規模掛牌上櫃凱基額度目前永豐</t>
  </si>
  <si>
    <t>櫃買中心24日表示遠東新世紀公司（1402）領先國內生產事業發行首檔社會責任債券24日於櫃買中心上櫃掛牌。該檔債券發行額度12億元是目前發行規模最大的社會責任債券也是繼5月18日中信銀、凱基銀及永豐銀發行首批社會責任金融債以來國內的第四檔社會責任債券；截至5月24日社會責任債券累計發行金額新台幣為39億元。
櫃買中心表示遠東新世紀本次發行之社會責任債券發行金額為新台幣12億元發行年期為5年期票面利率為年息052％由凱基證券擔任主辦承銷商並由安永聯合會計師事務所擔任外部認證機構。
遠東新世紀社會責任債券募資金將用於「基本服務需求」、「創造就業及可以減輕或避免因社會經濟危機所導致失業的計畫」、及「社會經濟發展和權利保障」的社會效益投資計畫；具體投資項目包含新冠肺炎疫情期間口罩布料、防護衣及面具塑膠等原料生產提供弱勢族群就業機會及支援中小企業和優先收購弱勢族群獨立回收商之回收寶特瓶等。
櫃買中心指出社會責任債券是協助企業落實社會責任及幫助特定目標人群以促進社會正面效益與發展的最佳金融工具有關更多遠東新世紀公司社會責任債券的相關資訊投資人可至櫃買中心網站（wwwtpexorgtw）之「永續發展債券」專區查詢。</t>
  </si>
  <si>
    <t>社會債券責任發行發展中心遠東新世紀生產擔任弱勢計畫凱基族群經濟公司國內台幣投資表示口罩布料收購</t>
  </si>
  <si>
    <t>遠東新社會責任債券櫃買中心遠東新世紀生產</t>
  </si>
  <si>
    <t>遠東中心債券責任社會新世紀生產</t>
  </si>
  <si>
    <t>理由曝光出國一面倒祝福堅持</t>
  </si>
  <si>
    <t>新冠肺炎疫情升溫台灣連日來確診數激增幾乎全是歸國遊客也讓前陣子堅持出國的人成為箭靶但一名年輕人堅持赴日在19日前往高雄小港機場準備出境一旁母親則含淚送行原因曝光後網友也紛紛送上祝福。根據《</t>
  </si>
  <si>
    <t>堅持升溫臺灣連日來確診激增網友幾乎機場準備出境曝光一旁送行母親含淚原因疫情歸國出國遊客紛紛</t>
  </si>
  <si>
    <t>新冠肺炎疫情升溫台灣連日來確診數激增幾乎全是歸國遊客也讓前陣子堅持出國的人成為箭靶但一名年輕人堅持赴日在19日前往高雄小港機場準備出境一旁母親則含淚送行原因曝光後網友也紛紛送上祝福。
根據《三立》報導這名25歲的許姓學生堅持赴日原來是因為努力念書後好不容易申請到公費留學終於可以前往神戶大學就讀研究所儘管日本政府蓋牌導致疫情不明但由於獎學金明文規定不得延期想延到下學期再去就只能自費他也怕錯過這次機會就再也無法實現夢想只好咬緊牙根收拾行李前往日本圓夢。
一旁的媽媽儘管擔心哭紅了眼但也支持兒子築夢的決定。網友看到消息也紛紛表示：「這個真的沒辦法加油」、「獎學金制度不能因應疫情改變嗎」、「留學真的無奈尤其是家庭經濟沒很好的真的沒辦法」、「是我的話我也會選擇留學」、「祝福記得去日本要勤洗手」。</t>
  </si>
  <si>
    <t>前往疫情真的堅持一旁留學祝福獎學金網友辦法升溫記得臺灣連日來激增申請日本政府大學神戶可以就讀確診</t>
  </si>
  <si>
    <t>新冠肺炎學生留學赴日日本</t>
  </si>
  <si>
    <t>留學學生肺炎日本</t>
  </si>
  <si>
    <t>確診大利首度捷克肺炎通報病例</t>
  </si>
  <si>
    <t>新冠肺炎來勢洶洶！義大利民防保護部1日指出在過去24小時境內新冠肺炎疫情死亡數再增加5人累計達到34死全國確診病例數來到1694例。另新冠肺炎也入侵中歐捷克國內首度通報3起新冠肺炎確診病例。此外新冠</t>
  </si>
  <si>
    <t>肺炎確診病例保護累計達到民防增加全國指出大利過去國內捷克死亡數小時疫情境內首度中歐入侵通報</t>
  </si>
  <si>
    <t>新冠肺炎來勢洶洶！義大利民防保護部1日指出在過去24小時境內新冠肺炎疫情死亡數再增加5人累計達到34死全國確診病例數來到1694例。另新冠肺炎也入侵中歐捷克國內首度通報3起新冠肺炎確診病例。此外新冠肺炎也入侵加勒比海多明尼加1日確診首起病例。
新冠肺炎在歐洲許多國家發現案例遍及北歐到南歐幾乎每個國家都壟罩在疫情的恐懼當中其中最嚴重的國家是義大利大多數病例集中於義大利北部地區截至1日義大利累計達到34死全國確診病例數來到1694例。
另捷克衛生部官員1日表示國內首度通報3起新冠肺炎確診病例3名患者分別是2名捷克人及1名在義大利米蘭讀書的美國學生其近來都曾去過義大利北部目前他們都出現輕微症狀正在醫院治療中。
此外新冠肺炎也入侵加勒比海多明尼加1日確診首起病例此患者是62歲的義大利遊客。
世衛2月11日將其定名為COVID-19（2019年冠狀病毒疾病）目前新冠肺炎確診幾乎蔓延全球台灣也出現多個確診病例疾管署呼籲民眾勿恐慌勤洗手、有上呼吸道感染時戴口罩、做好自主健康管理。</t>
  </si>
  <si>
    <t>肺炎大利病例確診國家捷克出現幾乎疫情目前北部口罩患者上呼吸道感染累計做好國內勤洗手</t>
  </si>
  <si>
    <t>捷克義大利武漢肺炎新冠肺炎新型冠狀病毒</t>
  </si>
  <si>
    <t>肺炎大利武漢冠狀病毒捷克</t>
  </si>
  <si>
    <t>確診韓列第省市相比</t>
  </si>
  <si>
    <t>韓國新冠肺炎確診病例連日暴增24日下午韓國中央防疫對策本部宣佈增加231例確診個案累計確診人數來到了833人死亡人數則有7人。若與大陸各省市確診人數相比韓國排在第7次於江西省截至24日中午統計的934人。</t>
  </si>
  <si>
    <t>確診韓國人數病例增加宣佈江西省對策下午截至本部防疫中央次於相比排在個案來到累計大陸肺炎中午</t>
  </si>
  <si>
    <t>韓國新冠肺炎確診病例連日暴增24日下午韓國中央防疫對策本部宣佈增加231例確診個案累計確診人數來到了833人死亡人數則有7人。若與大陸各省市確診人數相比韓國排在第7次於江西省截至24日中午統計的934人。突然升溫的疫情也衝擊旅遊業目前有多國對韓提升旅遊警示還有不少旅遊團取消相關行程。
因應韓國的新型冠狀病毒疫情嚴重香港保安局長李家超昨日公佈保安局將向韓國發出紅色旅遊警示市民如非必要應避免前往。現時在韓國約有十多個香港旅行團涉及300多人。他說從25日早上6時開始將不容許來自韓國的非香港居民入境包括14日內到過韓國的非香港居民。
香港也有多家旅行社陸續宣佈取消韓國旅遊團香港康泰旅行社稱因韓國大邱爆發嚴重疫情為保障客人以及員工健康安全決定取消3月31日之前出發的所有韓國旅行團共約65團、1300名旅客已報名的旅客可選擇轉團、保留團費6個月或扣除手續費後退團。
韓國在24日確診的病例中有129人與新天地耶穌會大邱教會有關其餘感染者受感染的途徑目前仍在調查。死亡病例中也有一名57歲女性疑似也是在新天地耶穌會大邱教會遭到群聚感染是該教會首起的死亡案例。
另外其餘有4起死亡病例死者都曾在生前於慶尚北道清道郡大南醫院接受過治療。該醫院的精神病房曾爆發群聚感染有近百名的確診病例且該醫院採封閉式管理加上醫院應對緩慢才讓疫情失去控制。</t>
  </si>
  <si>
    <t>韓國香港確診病例疫情醫院死亡感染取消警示爆發宣佈目前旅行團嚴重旅遊團人數保安</t>
  </si>
  <si>
    <t>香港醫院教會韓國新天地</t>
  </si>
  <si>
    <t>教會韓國醫院天地香港</t>
  </si>
  <si>
    <t>紓困觀光局領隊放寬導遊加速認定產業條件</t>
  </si>
  <si>
    <t>交通部觀光局表示為回應產業期待及新冠肺炎疫情紓困宗旨、加速補助款補助已修正「補貼導遊與領隊人員及國民旅遊隨團服務人員生計費用實施要點」放寬對導遊、領隊補貼認定條件並回溯自4月16日起適用。觀光局1</t>
  </si>
  <si>
    <t>補貼領隊導遊人員期待肺炎回溯疫情紓困條件宗旨產業加速認定補助款補助服務生計修正費用放寬國民實施要點回應</t>
  </si>
  <si>
    <t>交通部觀光局表示為回應產業期待及新冠肺炎疫情紓困宗旨、加速補助款補助已修正「補貼導遊與領隊人員及國民旅遊隨團服務人員生計費用實施要點」放寬對導遊、領隊補貼認定條件並回溯自4月16日起適用。
觀光局14日公佈「補貼導遊與領隊人員及國民旅遊隨團服務人員生計費用實施要點」近1年內曾接待或引導達8個出入境旅遊團、且總天數達40天的導遊及領隊人員以及帶達40團、且總天數達80天的隨團服務人員每月補貼1萬元、共3個月。
不過上述紓困適用條件引發部分導遊及領隊抱怨認為認定門檻過高、需備妥資料及審核程式太複雜單單一名導遊至少要準備超過40頁的證明文件對負責審核的觀光局員工亦是一大負擔紓困補助申請不易。
對此觀光局修正放寬認定「有實際執業維生」條件將導遊與領隊人員放寬為達8個旅遊團「或」總天數達40天隨團服務人員為達40團「或」總天數達80天申請補貼日起3個月內未任職於旅行社者。
同時要求提供的證明檔由原先的帶團行程表及旅行業責任保險單減化為旅行社出具的帶團證明或旅行業責任保險單盼透過證明檔簡化降低申請繁瑣度達到加速審查及撥款提供即時性保障。
觀光局表示為配合防疫措施、避免排隊群聚請申請人備齊檔後以郵寄方式提出申請。交通部長林佳龍亦指示簡化並加速核撥各項觀光產業紓困補助款對此除將增加審查人力外亦會在週末假日全力加班審查已受理案件以儘速撥款。</t>
  </si>
  <si>
    <t>導遊申請觀光局紓困補貼審查證明檔加速認定領隊放寬條件人員審核提供旅行社簡化產業表示修正補助款對此補助</t>
  </si>
  <si>
    <t>觀光局導遊領隊隨行人員新冠肺炎</t>
  </si>
  <si>
    <t>隨行人員領隊導遊觀光局肺炎</t>
  </si>
  <si>
    <t>散佈四處政治佩奧病毒陸媒罪責難逃</t>
  </si>
  <si>
    <t>中共黨媒《人民日報》鐘聲一文「蓬佩奧四處散佈政治病毒罪責難逃」指出當前美國新冠肺炎疫情十分嚴重確診病例和死亡人數持續攀升讓一切富有同情心的人都感到揪心。正當新冠病毒在美國露出最猙獰的面目催演</t>
  </si>
  <si>
    <t>病毒美國佩奧四處散佈政治露出鐘聲持續攀升人數死亡富有病例同情心確診罪責難逃嚴重十分感到指出疫情揪心</t>
  </si>
  <si>
    <t>中共黨媒《人民日報》鐘聲一文「蓬佩奧四處散佈政治病毒罪責難逃」指出當前美國新冠肺炎疫情十分嚴重確診病例和死亡人數持續攀升讓一切富有同情心的人都感到揪心。正當新冠病毒在美國露出最猙獰的面目催演一齣又一出喪失生命的人倫慘劇之際美國國務卿蓬佩奧也露出了最猙獰的面目四處散播同樣凶險的「政治病毒」以偏見和傲慢煽風點火造謠生事消散人類共同迎擊新冠病毒的精力力圖把全球都拉入對抗衝突的局面。大陸
文章指蓬佩奧不顧新冠病毒這一人類當前面對的共同敵人橫行肆虐不僅無視國際組織和醫學專家的科學論據還到處搬弄是非連續對大陸進行造謠污蔑攻擊。據報道他多次詆毀大陸未能及時報告疫情妄稱大陸「銷毀了所有樣本」拉幫結派「索賠」圖謀「抱團敲詐」並指責世界衛生組織助長大陸關於疫情的「虛假資訊」。有媒體評論說這個曾經掌控美國情報機關的國務卿正在將美國國務院徹底「中情局化」。他罔顧事實不斷借向大陸潑污水轉移視線妄圖以「甩鍋」推責嫁禍於人。蓬佩奧如此散「毒」罪責難逃。
文章表示。蓬佩奧四處散佈「政治病毒」他的信口雌黃就連美國媒體都看不下去。美國《華盛頓郵報》一針見血指出當更有責任心的領導人努力遏制新冠肺炎疫情大流行時蓬佩奧卻在追求他「鐘愛的事業」致力於將疫情的暴發歸咎於北京蓬佩奧在疫情期間的表現將使他成為有史以來最糟糕的國務卿之一。
文末強調蓬佩奧針對大陸的種種無端指責都在事實面前不攻自破。面對突如其來的新冠肺炎疫情陸方第一時間向世衛組織報告疫情第一時間同世界各國分享新冠病毒基因序列第一時間同國際社會開展疫情防控合作這是事實充分、有目共睹的也為國際社會普遍稱道。大陸在兩個月左右時間裡取得了疫情防控重大階段性成效14億大陸人民的生命安全和身體健康得到了最大程度的保護。這些都是鐵的不爭事實任何人也無法抹殺和篡改。</t>
  </si>
  <si>
    <t>大陸疫情美國病毒佩奧事實國際國務卿蓬佩四處肺炎政治防控媒體社會文章指出面對共同第一時間罪責難逃面目</t>
  </si>
  <si>
    <t>疫情台灣全球大陸新冠肺炎</t>
  </si>
  <si>
    <t>全球大陸臺灣肺炎疫情</t>
  </si>
  <si>
    <t>防疫公開</t>
  </si>
  <si>
    <t>南韓29歲人氣女星潤娥近日公開私下外出時的穿搭照不僅全身包緊緊也為了防疫戴上口罩卻因此受到網友的注意。少女時代出身的潤娥憑著甜美的外表與清新的氣質受到大眾喜愛近幾年更將事業重心轉往戲劇圈發展</t>
  </si>
  <si>
    <t>受到事業喜愛大眾重心近日全身緊緊公開外出防疫氣質私下清新口罩外表</t>
  </si>
  <si>
    <t>南韓29歲人氣女星潤娥近日公開私下外出時的穿搭照不僅全身包緊緊也為了防疫戴上口罩卻因此受到網友的注意。
少女時代出身的潤娥憑著甜美的外表與清新的氣質受到大眾喜愛近幾年更將事業重心轉往戲劇圈發展表現亮眼成功轉型成一線女演員。而受到新冠肺炎疫情不少活動及拍攝皆取消潤娥捐出善款後大部分的時間也都待在家裡近日曬出出遊時的私服穿搭只見她打扮輕便、臉上沒有任何妝容戴上眼鏡及口罩即使從頭包到腳依然擋不住星味。
不過不少網友的注意力卻停留在她的臉上紛紛留言「她的臉在哪？」、「到底是口罩太大還是潤娥臉太小」、「怎麼戴口罩跟眼鏡也能這麼美」。
@yoona__lim 分享的貼文 於 PDT 2020 年 3月 月 19 日 下午 11:25 張貼</t>
  </si>
  <si>
    <t>受到口罩臉上近日網友眼鏡分享發展戲劇表現重心事業</t>
  </si>
  <si>
    <t>潤娥少女時代韓星女星韓國女星</t>
  </si>
  <si>
    <t>韓星少女時代女星韓國女</t>
  </si>
  <si>
    <t>返台專案春節臺灣</t>
  </si>
  <si>
    <t>今起接種完整兩劑疫苗者且相隔14天的民眾可選擇7+7方案入境為此臺北副市長黃珊珊今淩晨在臉書有感而發說「天佑台灣！」而根據指揮中心統計春節專案開放首日入境總人數為826人其中就有557人選擇「7+7」專</t>
  </si>
  <si>
    <t>入境選擇疫苗兩劑相隔首日統計開放中心民眾指揮臺灣專案春節有感而發淩晨方案黃珊珊市長為此臺北完整</t>
  </si>
  <si>
    <t>陳時中臺灣沒有其實專案選擇方案春節黃珊珊入境人數omicron對於疫苗政策完整檢疫居家</t>
  </si>
  <si>
    <t>春節專案方案7+7Omicron黃珊珊</t>
  </si>
  <si>
    <t>omicron方案黃珊珊專案春節</t>
  </si>
  <si>
    <t>鳴槍爭奪戰人才</t>
  </si>
  <si>
    <t>引言：　大陸經濟快速成長匯聚海內外人才助其經濟轉型並在國際間佔有一席之地。不過近年來因中美貿易戰和新冠肺炎疫情衝擊大陸在「十四五」期間面臨重大挑戰之一就是人才議題。不突圍必難以戰勝環境工商時報</t>
  </si>
  <si>
    <t>人才大陸經濟突圍議題成長難以貿易戰和近年來一席之地面臨肺炎挑戰佔有疫情期間衝擊重大轉型</t>
  </si>
  <si>
    <t>引言：　大陸經濟快速成長匯聚海內外人才助其經濟轉型並在國際間佔有一席之地。不過近年來因中美貿易戰和新冠肺炎疫情衝擊大陸在「十四五」期間面臨重大挑戰之一就是人才議題。不突圍必難以戰勝環境工商時報即起一連三天以受訪專家的視角與讀者共同探索這全球都在關注的動態那就是中國如何打響新時代的人才爭奪戰。
2021年5月28日大陸科技最高學術機構－中國科學院和中國工程院時隔三年後再次召開「兩院」院士大會。中共中央總書記習近平率領六位中央政治局常委與會。他宣示：世界科技強國必須能夠「在全球吸引人才、留住人才、用好人才」這一席話意味著北京宣告新一波人才爭奪戰啟動。
兩次院士大會之間的三年大陸遭逢中美科技戰和新冠病毒疫情兩大變局全球政經情勢驟變其中在美國科技圍堵下大陸半導體等領域遭遇技術瓶頸的「卡脖子」窘境在最近一次院士大會召開之際大陸舉國上下正絞盡腦汁尋求如何突破難題而毫無疑問的人才是解開這道圍牆的鑰匙。
中華經濟研究院大陸經濟所所長劉孟俊接受本報專訪時指出大陸人口老化自2012年起勞動人口從成長轉為萎縮顯示人口紅利正在縮減大陸經濟快速成長的時期已經過去要維繫經濟持續發展就要仰賴「制度創新」或是「科技進步」。創新有幾種可能性例如製造、傳統產業的「科技化」以及新興科技的「產業化」。而要完成這些任務都需要仰賴高階人才。
千人計劃獲明顯成效
大陸想從製造大國邁向製造強國之林光靠豐沛的勞動力遠遠不夠各種產業要順利升級到足以跟歐美一較長短更需要尖端技術專家和管理人才因此早在2008年大陸就提出「千人計劃」以優渥的補貼和獎勵金吸引海外高階人才協助大陸發展實施以來也獲得明顯成效十多年吸引近八千位海外華人菁英和外籍專家台灣也是大陸引才的重點對象至少有三十多位台灣高階人才加入「千人計劃」對近年大陸產學的快速發展發揮一定的作用。
積極啟動本地育才
資策會產業情報研究所資深總監陳子昂說台灣人才願不願意赴大陸主要有三個考量：家庭因素、公司前景和薪資條件現在仍有許多年輕的台灣人想赴大陸一闖。
自中美關係自2017年交惡之後大陸的「千人計劃」被美國和其西方盟友視為大陸竊取各國智財權的手段自學術界到科技產業展開嚴厲執法重挫大陸吸引海外菁英的這個計畫新冠肺炎疫情爆發及蔓延讓各國進入類似鎖國模式人員流動嚴重受阻增添大陸引進海外人才的難度。如今大陸只能著手積極培養本地高階人才。
習近平5月在院士大會中的講話通篇未提「美國」二字但中美科技戰的煙硝味甚濃。習近平說：「科技創新成為了國際戰略博弈的主要戰場圍繞科技制高點的競爭空前激烈。」他點名科技突破要鎖定基礎原材料、高階晶片等核心技術並強調「當今世界的競爭說到底還是人才競爭、教育競爭」。
習近平強調人才競爭
習近平的一席話切中大陸在2021年3月公佈的「十四五規劃」和「2035年遠景目標綱要」重點。專家指出「十四五規劃」聚焦突破七大科技領域又以人工智慧、量子資訊、積體電路最為關鍵。其中對於歐美尚在萌芽階段的量子技術「十四五規劃」提出七次之多由此可見大陸未來五年內在科技發展上超歐趕美的企圖心。
在人才需求上相較於過去的廣納人才如今大陸更聚焦在吸引高科技領域的專才。相較「十三五規劃」提出要建設的人才隊伍「十四五規劃」更凸顯大陸未來更需要的是高階工程師和高技能人才。在激勵頂尖科技人才方面「十四五規劃」也賦予更大的技術路線決定權及經費使用權。
劉孟俊表示大陸作為追趕型經濟體過去是透過龐大市場吸引外商進駐再進行逆向工程學習、模仿。但由於積體電路等高科技的門檻高與新興產業領域的原創性高難循先前模式。因此策略轉向挖角高階人才這也是大陸經濟轉型力爭跨越「中等收入陷阱」的過程。
中美衝突和新冠疫情影響廣泛且深遠同時反全球化、單邊主義、保護主義思潮亦暗流湧動。大陸定下人才強國戰略準備要在後疫情時代大展拳腳不僅要做到「栽下梧桐樹引來金鳳凰」為人才營造良好的創新生態環境「聚天下英才而用之」之野心亦從此可見。</t>
  </si>
  <si>
    <t>大陸人才科技吸引經濟規劃疫情專家發展習近平創新高階院士大會計畫突破全球強國技術過去</t>
  </si>
  <si>
    <t>大陸高階人才吸引疫情競爭</t>
  </si>
  <si>
    <t>疫情高階吸引人才競爭大陸</t>
  </si>
  <si>
    <t>有空侯友宜觀光戶外衝擊疫情</t>
  </si>
  <si>
    <t>新冠肺炎疫情蔓延觀光產業首當其衝對此新北市長侯友宜今(9)表示這段時間台灣觀光可以說是非常蕭條像金山好山、好水、好風景都沒有人走動非常可惜他也呼籲民眾有空到戶外走走看看漂亮的風景讓自己</t>
  </si>
  <si>
    <t>觀光非常風景蔓延走走產業戶外首當其衝有空對此市長民眾新北侯友宜呼籲表示可惜時間沒有走動臺灣蕭條可以</t>
  </si>
  <si>
    <t>新冠肺炎疫情蔓延觀光產業首當其衝對此新北市長侯友宜今(9)表示這段時間台灣觀光可以說是非常蕭條像金山好山、好水、好風景都沒有人走動非常可惜他也呼籲民眾有空到戶外走走看看漂亮的風景讓自己身體更健康提高免疫力「大家不要忘了希望我們的郊區、偏鄉風景好的地方民眾有空就到戶外走一走。」</t>
  </si>
  <si>
    <t>風景觀光非常有空民眾戶外蔓延產業首當其衝對此市長新北侯友宜表示時間臺灣疫情可以提高免疫力不要健康希望</t>
  </si>
  <si>
    <t>新冠肺炎新型冠狀病毒NCP台灣防疫</t>
  </si>
  <si>
    <t>病毒冠狀ncp肺炎臺灣防疫</t>
  </si>
  <si>
    <t>《產業》2020台灣燈會閉幕明年新竹市接棒</t>
  </si>
  <si>
    <t>明年新竹閉幕燈會臺灣產業</t>
  </si>
  <si>
    <t>2020台灣燈會昨（23）日晚間正式閉幕雖面臨新冠肺炎的防疫艱钜挑戰但憑著藉口碑好評16天燈期人潮仍超乎預期共吸引1182萬人次前往賞燈。而2021年台灣燈會將由新竹市接棒主辦交通部長林佳龍表示將進一步詮</t>
  </si>
  <si>
    <t>燈會臺灣林佳龍交通部長閉幕主辦肺炎面臨防疫艱钜挑戰正式口碑好評天燈人潮晚間超乎預期新竹</t>
  </si>
  <si>
    <t>2020台灣燈會昨（23）日晚間正式閉幕雖面臨新冠肺炎的防疫艱钜挑戰但憑著藉口碑好評16天燈期人潮仍超乎預期共吸引1182萬人次前往賞燈。而2021年台灣燈會將由新竹市接棒主辦交通部長林佳龍表示將進一步詮釋「台灣燈會20」的美學全貌。
觀光局表示2020台灣燈會在防疫工作下除保留傳統燈節熱鬧氣氛並融入全球環境保護概念、以人為本方針將創意設計融入政策並透過設計美學與工藝、傳統與創新、用藝術與國際對話3大主軸升級台灣燈會燈藝美學為「台灣燈會20」創新的開始。
觀光局指出2020台灣燈會有4大創新突破。首先為導入美學藝術為延續設計美學提升燈會設計力籌畫階段特別辦理「讓世界為台灣而來」觀光設計力研討會並以藝術策展方式邀請國內外知名藝術家及團隊於燈會布展深獲各界肯定好評。
其次2020台灣燈會主燈「森生守護－光之樹」融合園區地景首度以樹木為題邀請國際知名藝術家林舜龍創作大型裝置藝術。除了日、夜間觀賞均各具風貌並首度開放民眾穿越其中以全新角度及視野演繹結合裝置藝術的主燈深獲佳評。
再者2020台灣燈會延伸台中國美館的台灣國際光影藝術節連結在地產業及光影展演導入光影藝術將燈會轉型成大型設計博覽會。「聆聽花開-永晝心」及科技展演燈區則結合機械、科技及光影打造為燈的節慶、光的國度。
最後2020台灣燈會首次規畫以大型環境劇場為主軸結合主燈秀、永晝心展演、巨蟲秀及無人機表演閉園時更搭配精靈遊行。透過導入全面式的沉浸式劇場表演規畫引領遊客感受全新的五感體驗。
林佳龍表示受到新冠肺炎疫情影響今年台灣燈會在燈會期間做了萬全的防疫措施盡全力打造安心賞燈環境。他感謝台中市長盧秀燕對中央的信任在高度壓力下做出決定認為此次是「中央和地方合作很好的典範」。
而2021年台灣燈會將由新竹市接棒主辦。林佳龍預告將攜手科技產業、大學及科技師生將竹科技術結合舊新竹車站、護城河等傳統地景透過改造城市光環境發展成光的國度以進一步詮釋「台灣燈會20」的美學全貌民眾可拭目以待。</t>
  </si>
  <si>
    <t>燈會臺灣藝術環境設計結合美學防疫國際透過傳統表示導入光影科技林佳龍展演中央創新首度新竹賞燈融入</t>
  </si>
  <si>
    <t>觀光局台灣燈會2020台中人潮</t>
  </si>
  <si>
    <t>燈會觀光局台中人潮臺灣</t>
  </si>
  <si>
    <t>贏球複出費爸規則</t>
  </si>
  <si>
    <t>去年結束澳洲網球公開賽後「瑞士特快車」費德勒因為動了2次膝傷手術暫別賽場臺北時間昨天淩晨在卡達網球公開賽正式回歸是他暌違405天首場比賽經過2小時24分鐘的3盤激戰7比6（10比8）、3比6、7比5力克英國</t>
  </si>
  <si>
    <t>公開賽網球比賽暌違回歸正式瑞士小時膝傷手術費德勒賽場臺北卡達特快車時間淩晨昨天激戰澳洲力克結束英國去年</t>
  </si>
  <si>
    <t>去年結束澳洲網球公開賽後「瑞士特快車」費德勒因為動了2次膝傷手術暫別賽場臺北時間昨天淩晨在卡達網球公開賽正式回歸是他暌違405天首場比賽經過2小時24分鐘的3盤激戰7比6（10比8）、3比6、7比5力克英國選手伊文斯、晉級8強賽後他笑說因為太久沒比賽都忘了現在職業賽因為新冠肺炎增加了新規則。
費德勒去年因為膝傷在澳網後就整季報銷同時國際體育賽事也因為新冠肺炎大流行停賽過一段期間恢復比賽後主辦單位為了防疫增加一些新規定例如避免接觸感染選手現在得自己拿毛巾擦汗昨天賽後費德勒說：「太久沒比賽我忘了不少事像是我要求球僮幫忙遞毛巾給我但他們因為防疫規定不能這麼做。」
「感覺我缺席比賽的時間比我想的還久。」費德勒說但也很開心終於可以回到賽場「能回來感覺真好不論輸贏能夠站在球場就很快樂。」而他首輪輪空、次輪獲勝下一輪要和世界第42名的喬治亞選手巴西拉許維利爭奪4強席次兩人過去僅在2016年澳網交手過一次當時費爸直落3獲勝。</t>
  </si>
  <si>
    <t>比賽費德勒選手賽場感覺毛巾時間昨天現在公開賽規定膝傷防疫網球獲勝增加賽後肺炎</t>
  </si>
  <si>
    <t>太久沒澳網肺炎膝傷新規</t>
  </si>
  <si>
    <t>肺炎膝傷</t>
  </si>
  <si>
    <t>陳時中不敢升溫絕對疫情判斷不會</t>
  </si>
  <si>
    <t>日本3月連假後新冠肺炎疫情升溫對於台灣疫情是否也會升溫？中央流行疫情指揮中心指揮官陳時中表示不敢說絕對不會但是判斷不會原因是台灣的社區群聚沒有像日本櫻花季的時候那樣國外入境者也在居家檢疫中</t>
  </si>
  <si>
    <t>疫情臺灣日本升溫不會入境者國外時候不敢表示櫻花季陳時中肺炎沒有社區指揮官中心指揮流行中央絕對判斷原因</t>
  </si>
  <si>
    <t>日本3月連假後新冠肺炎疫情升溫對於台灣疫情是否也會升溫？中央流行疫情指揮中心指揮官陳時中表示不敢說絕對不會但是判斷不會原因是台灣的社區群聚沒有像日本櫻花季的時候那樣國外入境者也在居家檢疫中。因此指揮中心才會讓大家多散心否則就會禁止了。</t>
  </si>
  <si>
    <t>疫情臺灣中心指揮日本升溫不會不敢社區肺炎沒有表示才會櫻花季陳時中時候國外入境者指揮官檢疫居家流行中央</t>
  </si>
  <si>
    <t>連假疫情升溫陳時中判斷入境者</t>
  </si>
  <si>
    <t>陳時中判斷升溫疫情入境者</t>
  </si>
  <si>
    <t>快樂死者重症不乏缺氧肺炎死神慣用手法</t>
  </si>
  <si>
    <t>全台本土疫情連續10天都破百例近日更出現死亡案例其中還有猝死在家的個案。重症醫師黃軒對此表示其實在國外確診者猝死的案例很常見國外媒體替這種現象取名為「快樂缺氧」（Happy Hypoxia）。疫情指揮中心專</t>
  </si>
  <si>
    <t>疫情案例國外猝死hypoxia天都happy破百缺氧近日快樂取名為出現現象死亡媒體連續個案重症黃軒常見表示在家醫師其實</t>
  </si>
  <si>
    <t>全台本土疫情連續10天都破百例近日更出現死亡案例其中還有猝死在家的個案。重症醫師黃軒對此表示其實在國外確診者猝死的案例很常見國外媒體替這種現象取名為「快樂缺氧」（Happy Hypoxia）。
疫情指揮中心專家諮詢小組召集人張上淳指出這波猛烈疫情造成的死亡案例有許多都是中高齡長者且有不少人都有慢性病史。黃軒在臉書發文提到新冠病毒會影響人類肺部功能國外則建議這些輕症或無症狀感染者在沒有明顯症狀出現時待在家中自我隔離。當有些患者想就醫時就遲了因此在家中不幸死亡。
黃軒指出很多輕症或無症狀感染者若是合併成隱形缺氧症狀通常都會讓醫師感到很驚訝由於這些輕症或無症狀感染者初期心臟功能仍有將血液輸送到身體末梢的能力但隨著新冠病毒入侵會讓身體慢慢缺氧患者初期不會感到呼吸困難直到部分患者逐漸感到胸悶和難以呼吸後就已是「隱形缺氧」（Silent Hypoxia）病情就會迅速惡化。
至於隱形缺氧如何形成黃軒解釋附著在細胞膜表面的受體蛋白「ACE2」上入侵細胞而肺臟和肺泡上有非常多的ACE2。一旦COVID-19病毒侵犯細胞達到一定數量人體免疫反應和病毒之間的大戰就會造成許多肺泡破壞。這可能會阻礙氧氣從肺泡進入血液的通道如果病人體力很好心臟夠強可以用肌肉多作幾次的呼吸急促代償可以多吸一點氧分子二氧化碳也可以較快從血液進入肺臟、排出體外因此較不受影響。隱形缺氧正在發生時也就難以察覺。
黃軒進一步解釋新冠肺炎會讓人類肺部氧氣移動與血流不協調（V/Q mismatch）通常血管會收縮讓血液盡量流入肺臟中充滿氣體的部位載運氧氣減少缺氧部位的血流。但新冠患者這套保衛機制可能會失常使得更多血液流向肺臟受損的部位反而較少血液流經健康部位所以隱形缺氧發生難以察覺。
換言之很多「病者本身是自己根本沒有能力判斷自己是不是要去看醫生」的一直吸不到氣、昏迷、臉色變黑這些會造成很多在家突然猝死的病例一直在上昇有些是死後才知道原來這些都是COVID-19病毒造成的但一切往往都來不及了。有時候有些人只是正在「快樂缺氧」（Happy Hypoxia)而這一切只是死神的慣用手法連病人本身也不知道他快要死了更何況沒有受訓重症醫療訓練過的家人呢。
更多 CTWANT 報導</t>
  </si>
  <si>
    <t>缺氧血液黃軒病毒造成患者肺臟疫情部位死亡沒有症狀國外氧氣案例難以猝死</t>
  </si>
  <si>
    <t>快樂缺氧黃軒肺臟血液猝死</t>
  </si>
  <si>
    <t>缺氧血液肺臟黃軒快樂猝死</t>
  </si>
  <si>
    <t>鬆綁戶外口罩新北</t>
  </si>
  <si>
    <t>新冠肺炎疫情趨緩新北市長侯友宜15日宣佈擴大開放管制除校園、親子館仍禁止開放18日起室外場館500人以下除了生病者其他全面開放不用戴口罩室內場館開放人數上限100人全程保持社交距離但仍要戴口罩；</t>
  </si>
  <si>
    <t>開放場館口罩新北市長侯友宜疫情宣佈擴大開放管制校園保持社交禁止全程上限人數不用全面室外</t>
  </si>
  <si>
    <t>新冠肺炎疫情趨緩新北市長侯友宜15日宣佈擴大開放管制除校園、親子館仍禁止開放18日起室外場館500人以下除了生病者其他全面開放不用戴口罩室內場館開放人數上限100人全程保持社交距離但仍要戴口罩；北市副市長黃珊珊則表示室外本來就沒有限制戴口罩重點在能否保持社交距離沒有打算公有場館解禁戴口罩畢竟很多國家都有回馬槍。
侯友宜說新北在2周前分兩階段四梯次開放第一階段民眾配合良好第二階段將從18日開始實施。
侯友宜說第二階段開放場所仍須秉持不共餐、不共食、不歡唱三原則室內、室外都要保持社交距離至於校園現階段仍不開放。室內仍要戴口罩教室戴口罩也沒有改變戶外活動如有生病還是要戴口罩但若能保持社交距離可以不用戴口罩。
侯友宜說這波開放中銀髮俱樂部及社區關懷據點也開放50人以下活動社區大學春季班也將於18日開課但都須落實量體溫、戴口罩、疫情調查三大關卡並禁止中途報名及旁聽落實人員控管；長照住宿機構部分新北市也放寬為探視人數一次改為3人探視組數改由機構自行決定。疫情指揮中心指揮官陳時中認為侯市長所提的措施仍是照指揮中心防疫的大方向。
交通部長林佳龍說6月1日起維持社交距離下放寬雙鐵車內飲食但飲食完畢仍須戴回口罩。高鐵防疫梅花座引起好評民眾買票時系統會維持此種分法。</t>
  </si>
  <si>
    <t>口罩開放距離社交侯友宜疫情市長新北室外保持沒有場館室內防疫落實機構禁止階段民眾中心指揮</t>
  </si>
  <si>
    <t>室內落實室外社交侯友宜</t>
  </si>
  <si>
    <t>侯友宜社交室外室內落實</t>
  </si>
  <si>
    <t>疫苗打完比例黃金發燒倦怠療養不適感飲食</t>
  </si>
  <si>
    <t>施打完疫苗之後可以像做完開刀手術一樣適度進補並注意飲食將有助於身體狀況的恢復、完善的啟動身體的保護力。嫚嫚營養師表示施打完疫苗後的飲食主要可著重在維持免疫力和降發炎反應良好的免疫力有助於盡早啟</t>
  </si>
  <si>
    <t>飲食有助於疫苗免疫力打完維持重在身體保護啟動完善開刀手術適度恢復身體狀況蔓蔓注意可以營養師表示</t>
  </si>
  <si>
    <t>施打完疫苗之後可以像做完開刀手術一樣適度進補並注意飲食將有助於身體狀況的恢復、完善的啟動身體的保護力。嫚嫚營養師表示施打完疫苗後的飲食主要可著重在維持免疫力和降發炎反應良好的免疫力有助於盡早啟動完善的保護力而發燒、頭痛等副作用和發炎息息相關降低發炎反應有助緩和副作用、避免不適。因此建議施打疫苗後飲食可著重三大重點包括了優質蛋白質、多色蔬果、充足水分。
●優質蛋白質
嫚嫚營養師指出蛋白質為建造白血球、抗體的主要成分份量一定要充足而質地較軟的攝取來源可以避免增加腸道負擔因此正如做完手術、開刀打完疫苗後也可喝點清淡的魚湯、雞湯、雞精進補當中可先以魚肉優先其次可選擇雞肉因為魚肉除了優質蛋白質以外也含有Omega-3脂肪酸有助降低發炎反應。
而這類熬煮過的補品也有個好處術後、打完疫苗後不僅往往身體虛弱也變得會沒食慾不振這些補品內含的蛋白質分子比較小、容易吸收液態也容易下嚥因此建議在打完疫苗後可以適度補充有助加速營養吸收調節身體機能。其他也可選擇豆腐、蒸蛋等。
●多色蔬果
蔬果方面建議以「蔬果579」的方式進行也就是小孩5份成年女性7份成年男性9份。嫚嫚營養師表示蔬果除了有各種不同的維生素、礦物質更有蔬果特有的各種植化素國內外皆有不少研究指出充足的攝取蔬果對於抗病毒、抗發炎、抗氧化都有非常出色的幫助。
且蔬果當中也有膳食纖維有助調節腸道菌叢生態、增加益菌使腸道健康人體有7成的免疫細胞位於腸道周圍腸道健康免疫力自然就好。也提醒民眾蔬菜和水果皆有各自的營養不可互相取代攝取時應以多色為佳以利攝取各種不同的植化素。
●充足水分
至於水分攝取也相當重要嫚嫚營養師表示身體水分充足有助促進新陳代謝身體代謝好便有助於緩解不適。打完疫苗後發燒、流汗等狀況皆可能使得身體出現體液不平衡、缺水的情況應留意水分補充。
水分攝取量建議以自身體重乘以40為佳例如體重若為60kg一日就喝2400ml毫升/cc但注意一小時以250~300 ml毫升/cc為佳避免超過1000 ml毫升/cc以免加重腎臟負擔。
●接種疫苗後宜地中海飲食菜：澱粉：蛋白質=2:1:1
在飲食整體比例上嫚嫚營養師建議蔬菜、澱粉、蛋白質以2:1:1的比例攝取為佳可以「地中海飲食」為主地中海飲食已連續蟬聯4年最佳飲食方式其飲食特色就包括了大量的蔬果以及使用好的油脂包括了橄欖油、堅果等蛋白質也以前述提到的雞肉、魚肉等白肉為主並以其它有助抗發炎的辛香料輔佐攝取充足的水分搭配適度的運動整體而言不論是對術後、施打疫苗後或是平時日常的健康保養都非常有幫助。
不過飲食調節健康需要時間通常約三週左右就可以漸漸感受到改變就和減肥一樣提醒民眾別求快、急著看見效果慢慢培養出習慣才是關鍵。</t>
  </si>
  <si>
    <t>飲食蛋白質攝取疫苗蔬果有助充足可以身體水分發炎建議打完腸道健康營養師蔓蔓適度調節避免有助於</t>
  </si>
  <si>
    <t>今健康新冠肺炎台灣飲食蔬果</t>
  </si>
  <si>
    <t>肺炎臺灣健康飲食蔬果</t>
  </si>
  <si>
    <t>門市麥當勞罕見禁內</t>
  </si>
  <si>
    <t>新冠肺炎本土疫情爆炸國內速食龍頭麥當勞今宣佈臺北市、新北市逾130家門市自今日上午10點半起禁止顧客內用實施日至5月28日寫下麥當勞1984年來台成立首家門市後的罕見紀錄。在中央流行疫情指揮中心宣佈雙北進</t>
  </si>
  <si>
    <t>疫情門市麥當勞宣佈爆炸國內流行禁止中央速食上午紀錄今日龍頭罕見成立首家新北臺北市本土指揮顧客實施</t>
  </si>
  <si>
    <t>新冠肺炎本土疫情爆炸國內速食龍頭麥當勞今宣佈臺北市、新北市逾130家門市自今日上午10點半起禁止顧客內用實施日至5月28日寫下麥當勞1984年來台成立首家門市後的罕見紀錄。
在中央流行疫情指揮中心宣佈雙北進入三級警戒後已有不少連鎖速食店決定門市即日起只提供外帶或外送服務不讓顧客進店內用餐降低染疫風險。
麥當勞雙北超過130個據點人流頻繁為配合防疫政策也維護顧客及員工健康今宣佈禁內用政策暫定實施至5月28日後續視疫情發展調整。
麥當勞表示凡位在臺北市、新北市的麥當勞餐廳均暫停餐廳內用服務及洗手間使用；感謝顧客配合請多加利用外帶、得來速與歡樂送服務。</t>
  </si>
  <si>
    <t>麥當勞顧客疫情門市宣佈服務配合政策外帶實施臺北市新北爆炸國內決定連鎖速食店風險警戒得來進入</t>
  </si>
  <si>
    <t>新冠肺炎台灣麥當勞禁內用</t>
  </si>
  <si>
    <t>臺灣肺炎麥當勞禁內</t>
  </si>
  <si>
    <t>小時莫德納錯失提前預約</t>
  </si>
  <si>
    <t>新冠肺炎第12期疫苗採分階段開打第1階段自18日起開放預約已在今日中午預約截止。根據中央流行疫情指揮中心統計BNT、AZ、莫德納合計超過293萬人符合預約資格但僅188萬人完成預約其中莫德納疫苗出現115萬名</t>
  </si>
  <si>
    <t>預約莫德納疫苗階段開放截止中央指揮流行中心疫情統計bnt超過az合計完成今日中午符合肺炎資格</t>
  </si>
  <si>
    <t>新冠肺炎第12期疫苗採分階段開打第1階段自18日起開放預約已在今日中午預約截止。根據中央流行疫情指揮中心統計BNT、AZ、莫德納合計超過293萬人符合預約資格但僅188萬人完成預約其中莫德納疫苗出現115萬名造冊者重複預約情況另有26萬名未造冊、但合乎資格的55歲以上長者未及時預約。指揮中心今宣佈未完成預約的55-64歲民眾可提前預約接種第2階段疫苗優先預約時間為10月22日上午10時至16時。
第12期疫苗第1階段開放30歲以上民眾接種第1劑BNT、55歲以上7月16日（含）前打過1劑莫德納者接種第2劑以及7月30（含）前接種第1劑AZ的38歲以上民眾施打第2劑18日起開放預約第1階段預約已在今午12時截止施打時程為10月22日至27日。
截至今日中午BNT疫苗共有7496%合資格者完成預約、AZ疫苗有7179%合資格者完成預約而莫德納則只有2881%合資格者完成預約。指揮中心發言人莊人祥解釋莫德納疫苗合資格者包括造冊接種的民眾這些民眾實際上不需至平臺預約此次預約平臺出現了115萬人重複預約的情形亦有26萬名未造冊、但合乎資格的55歲以上長者未及時完成預約。
有鑑於此指揮中心特別開放55歲以上、7月16日（含）前打過1劑莫德納的民眾優先預約第2階段疫苗可提前於10月22日上午10時至16時上平臺預約並在10月28日至10月31日接種。至於其餘第2階段對象預約時間不變。
依照既有規劃第12期疫苗第2階段開放23歲以上民眾接種第1劑BNT、7月16日（含）前接種第1劑莫德納的18歲以上民眾接種第2劑莫德納、7月30（含）前接種1劑AZ疫苗的18歲以上民眾接種第2劑AZ疫苗以及7月31日至8月6日（含）已接種第1劑AZ疫苗的45歲以上民眾接種第2劑AZ疫苗。
第2階段BNT、莫德納疫苗將在10月25日上午10時至27日中午12時開放預約而AZ疫苗則是在10月26日上午10時至27日中午12時開放預約。BNT疫苗將在10月28至31日接種莫德納及AZ則是在10月28日至11月3日接種。</t>
  </si>
  <si>
    <t>預約疫苗階段莫德納接種az民眾以上完成開放bnt資格指揮中心造冊中午上午時至截止時間</t>
  </si>
  <si>
    <t>預約AZ接種莫德納10月</t>
  </si>
  <si>
    <t>接種az莫德納預約</t>
  </si>
  <si>
    <t>校園盧秀燕軍方一中表達直闖抗議譴責防疫</t>
  </si>
  <si>
    <t>國軍敦睦艦隊傳群聚感染18日軍方緊急召回軍艦官兵採檢、隔離防疫車竟直駛入台中一中校園引發反彈。台中市長盧秀燕21日對軍方表達抗議對選擇在台中一中門口當集合地點深表遺憾今早也在市政會議表揚阻擋防</t>
  </si>
  <si>
    <t>台中軍方一中市政感染深表遺憾會議集合地點緊急門口隔離防疫官兵召回軍艦駛入市長盧秀燕選擇</t>
  </si>
  <si>
    <t>國軍敦睦艦隊傳群聚感染18日軍方緊急召回軍艦官兵採檢、隔離防疫車竟直駛入台中一中校園引發反彈。台中市長盧秀燕21日對軍方表達抗議對選擇在台中一中門口當集合地點深表遺憾今早也在市政會議表揚阻擋防疫車到校園接發燒者的學務主任與教官全場官員以掌聲鼓勵避免引發師生暴露在感染風險的疑慮。
要接疑似新冠肺炎確疹者的地點竟選在逛街人潮眾多的一中商圈裡？盧秀燕上午市政會議前受訪時表示「向軍方表達抗議！」經抽絲剝繭的調查發現敦睦艦隊在召回他們的官士兵的時候選擇台中一中的門口當作集合地點對這個事情我們深表遺憾。
盧秀燕對此大為不滿抗議軍方的救護車人員、車輛直闖台中一中的校園完全沒有跟台中市政府或者是台中一中商量協調或者是事先告知一中的同仁處在完全不知情的狀況他們也沒有全副的防疫裝備質疑軍方「你們自己全副武裝別人要不要全副武裝？」一中的師生莫名其妙「怎麼會一大堆人穿著防護衣跑進去救護車也跑進去了」。
盧秀燕說幸好學校很有警覺性他們自己防護的很好防止一中師生或是同仁暴露在很可能接觸到發燒的案例確診個案在高風險的環境之下我們是覺得非常的不妥幸好台中一中及時攔下她在市政會議中也當場表揚台中一中學務主任劉殊賢及教官肯定他們的防疫觀念非常正確。
「他們立刻去瞭解發生什麼事情並且繼續打交道要求軍方防疫人員、救護車相關的人員退出校園外」盧秀燕對軍方表示譴責同時也對台中一中勇於守護校園、守護師生安全以及防疫觀念非常落實表示肯定值得表揚。
但相較之下台中一中防疫觀念落實盧秀燕表示軍方這樣的作為呼籲軍方對於防疫作為要再教育要再加強教育要再加強。
盧秀燕表示台中市在這次敦睦艦隊有不少基層官士兵是我們台中市民他們的家屬其實頗為焦慮當初不管是志願役或者是義務役的基層士兵他們基於保家、衛國、守護國家、守護人民觀念去從軍那結果呢？還沒有保家衛國就被這樣的一個那個防疫觀念的偏差或是疏忽造成折損。
她強調如果我們沒有辦法保護我們的役男保護我們的軍士、官兵？他們怎麼保護我們的國家、保護人民？包中彰投大概有七十多名的敦睦艦隊役男現在集體檢疫當中希望好好照顧他們家屬跟市政府與市民朋友都希望海軍總部好好的照顧他們。
身為媽媽市長盧秀燕難掩心疼的說如果是自己的兒女想想看現在一趟的遠洋遠行後現在返台後每個人都有感染的風險在這十四天當中他們被檢疫親朋、好友的焦慮可想而知她拜託海軍總部好好的照顧他們、他們的相關訊息、健康狀況等等也應該讓社會大眾有所瞭解讓家屬及政府對他們的關心跟焦慮能夠減少一些。</t>
  </si>
  <si>
    <t>一中台中防疫盧秀燕軍方校園觀念表示師生沒有家屬艦隊敦睦焦慮感染好好照顧非常救護車會議市政現在抗議表揚士兵</t>
  </si>
  <si>
    <t>新冠肺炎新型冠狀病毒盧秀燕台中一中軍方</t>
  </si>
  <si>
    <t>病毒冠狀盧秀燕肺炎台中一中軍方</t>
  </si>
  <si>
    <t>封鎖紐約州全境擴散新增</t>
  </si>
  <si>
    <t>美國新冠肺炎疫情升溫紐約州州長郭謨10日宣佈在嚴重群聚感染的威斯賈斯特郡新羅謝爾（New Rochelle）設置全美國第一個「封鎖區」（containment area）防止群聚感染持續擴大。當天紐約州新增病例超過170例其</t>
  </si>
  <si>
    <t>紐約州感染美國當天擴大持續升溫州長疫情設置封鎖謝爾rochelle郭謨new防止嚴重areacontainment宣佈賈斯特威斯新增</t>
  </si>
  <si>
    <t>美國新冠肺炎疫情升溫紐約州州長郭謨10日宣佈在嚴重群聚感染的威斯賈斯特郡新羅謝爾（New Rochelle）設置全美國第一個「封鎖區」（containment area）防止群聚感染持續擴大。當天紐約州新增病例超過170例其中威斯賈斯特郡確診108例。
郭謨10日表示當局在新羅謝爾畫一個半徑1英里（16公里）、面積約81平方公里的圓形「封鎖區」出動國民兵協助防疫維持期間從12日開始至25日。封鎖區以一間與部分新冠病例有關的猶太教堂附近為中心這段時間內區域裡的學校、社區中心、宗教場所等容易出現人群聚集的設施將關閉但零售店、熟食店等店舖保持營業。國民兵會進行檢疫和消毒工作並為隔離中的居民運送食品。
新羅謝爾位在紐約市以北的郊區。郭謨指出該地區已經有108名確診病例病例群聚規模可能是全國最大。
美國新冠肺炎疫情不斷擴大截至當地時間10日晚間11時確診病例突破1000達1004例累計死亡31人。疾病管制及預防中心（CDC）通報當天晚間全美已有至少37個州和華盛頓特區出現確診病例。
疫情最嚴重的華盛頓州新確診病例從9日的162人暴增百餘人達到267人。西雅圖所在的金郡（King County）則是該州重疫區確診數有190人。情況嚴峻的還有加州。雖然新增病例只有24例但累計確診人數也已經達到157人其中2人死亡。當地媒體則預測潛在的感染者可能有數千人。密西根州10日晚間確診首起病例當局隨後宣佈進入緊急狀態。</t>
  </si>
  <si>
    <t>病例確診封鎖郭謨晚間國民兵疫情出現中心時間美國當局當天紐約州當地可能感染謝爾死亡</t>
  </si>
  <si>
    <t>封鎖區美國國民兵新羅紐約州</t>
  </si>
  <si>
    <t>國民兵美國紐約州封鎖</t>
  </si>
  <si>
    <t>口罩加碼白癡公車萬華男</t>
  </si>
  <si>
    <t>國內新冠肺炎疫情嚴峻隨時戴口罩已成為全民共識。1名黃姓男子去年12月間搭公車因未戴口罩與公車司機起爭執4名員警獲報到場處理竟遭黃男辱罵「白癡」當場遭逮捕送辦。臺北地院審結依侮辱公務員罪判黃男拘</t>
  </si>
  <si>
    <t>口罩黃男公車疫情嚴峻隨時公務員侮辱審結臺北地院逮捕成為全民去年肺炎男子共識處理</t>
  </si>
  <si>
    <t>國內新冠肺炎疫情嚴峻隨時戴口罩已成為全民共識。1名黃姓男子去年12月間搭公車因未戴口罩與公車司機起爭執4名員警獲報到場處理竟遭黃男辱罵「白癡」當場遭逮捕送辦。臺北地院審結依侮辱公務員罪判黃男拘役50日得易科罰金5萬元緩刑2年並捐助3萬元。可上訴。
判決指出黃男去年12月6日中午在臺北市萬華區西園路一段、桂林路口處因搭乘公車未戴口罩而與公車司機發生糾紛萬華警分局青年路派出所4名員警獲報到場處理黃男因不願配合警方執法當場辱買員警「白癡喔」警方當場逮捕黃男黃男後來又在派出所內再飆三字經。
檢方認定黃男涉犯侮辱公務員罪向法院聲請簡易判決處刑北院考量他認罪並表明願意尊循受害員警的意願向勵馨社會福利事業基金會捐助3萬元認為他應知所警惕而無再犯之虞予以緩刑。</t>
  </si>
  <si>
    <t>黃男口罩公車捐助去年判決當場派出所逮捕公務員侮辱緩刑報到處理未戴警方白癡疫情司機嚴峻隨時警惕肺炎</t>
  </si>
  <si>
    <t>新冠肺炎台灣辱罵戴口罩員警</t>
  </si>
  <si>
    <t>辱駡臺灣肺炎口罩員警</t>
  </si>
  <si>
    <t>友志eua疫苗高端</t>
  </si>
  <si>
    <t>高端陳時中表示疫苗緊急供貨對此媒體eua羅友志譏諷授權小白使用袖子記者會部長</t>
  </si>
  <si>
    <t>疫苗高端表示網友最後陳嘉行預約目前羅友志az供貨緊急陳時中使用授權</t>
  </si>
  <si>
    <t>高端疫苗EUA緊急使用授權羅友志陳時中</t>
  </si>
  <si>
    <t>緊急使用授權eua羅友志疫苗陳時中高端</t>
  </si>
  <si>
    <t>軍方承認說法天一磐石牙膏到底透視說謊新聞</t>
  </si>
  <si>
    <t>敦睦艦隊於疫情期間出訪造成24名官兵確診全台防疫一夕拉警報。磐石艦從曾有多人看診、5人發燒至軍艦靠港後有官兵休假等說法不一軍方的解釋如同擠牙膏讓人懷疑海軍是否隱瞞官兵染疫情事或是敦睦支隊刻</t>
  </si>
  <si>
    <t>官兵敦睦出訪造成確診全台磐石防疫警報隱瞞是否軍艦靠港海軍如同軍方休假說法不一解釋牙膏</t>
  </si>
  <si>
    <t>敦睦艦隊於疫情期間出訪造成24名官兵確診全台防疫一夕拉警報。磐石艦從曾有多人看診、5人發燒至軍艦靠港後有官兵休假等說法不一軍方的解釋如同擠牙膏讓人懷疑海軍是否隱瞞官兵染疫情事或是敦睦支隊刻意隱瞞海上所發生的事而軍方卻未察覺。
看診放假 高層全不知
以艦隊靠港、官兵的休假時間言海軍最早對外說是4月15日即參謀總長黃曙光校閱後才放軍方高層也信以為真。但台南市、高雄市的疫調都指出官兵早在14日就到市區消費海軍昨才坦承14日上午即架設舷梯讓部分非輪值人員放假。外界直指軍方說謊軍方是百口莫辯。
據瞭解敦睦支隊依權限提早放人高層根本不知；海軍參謀長敖以智上周在立法院說沒有官兵確診情況相同。連一個官兵放假的事都說不清又爆出有70人不舒服看診還有人發燒又怎能怪外界不信任軍方認定軍方可能隱瞞疫情。
中尉醫官 恐成替死鬼
令人不解的是磐石艦指派的醫官並非資深有經驗的高階醫官而是一位中尉艦上所有軍官階級都比這位醫官高擺明瞭吃定菜鳥醫官。海軍用意是希望醫官醫術不要太高明或是打算用階級壓制醫療專業意見耐人尋味。
更令人訝異的是立法院國防委員會明天舉行專案報告指名這位中尉醫官視訊備詢軍方竟也同意。在這節骨眼上軍方如果把他送到質詢台等於送上斷頭台讓醫官當替死鬼。
疫期出訪 決策仍是謎
由於敦睦官兵現全住檢疫所軍方接觸不到人要瞭解事件始末有一定難度但真相只有一個軍方說法不一。相信陳時中對軍方處理疫情方式也有疑慮。
為什麼敦睦非要在疫情期間出訪有綠委爆料因有重要機密任務。但這說法不通。套句美國羅斯福航母艦長克勞齊對海軍高層說的話「現在不是戰時無需讓弟兄犧牲」。敦睦艦隊再怎樣的天大任務會比艦上官兵健康重要？決策過程如何軍方仍須對國人交代。</t>
  </si>
  <si>
    <t>軍方官兵海軍醫官敦睦高層放假中尉疫情出訪隱瞞艦隊階級任務重要</t>
  </si>
  <si>
    <t>說法軍方官兵敦睦出訪</t>
  </si>
  <si>
    <t>軍方官兵敦睦出訪說法</t>
  </si>
  <si>
    <t>登場副作用混打qa疫苗</t>
  </si>
  <si>
    <t>首波疫苗混打今正式開打共有183萬人完成預約其中選擇莫德納疫苗者佔多數有124萬人選BNT者僅6萬人左右。不過台大混打研究顯示初步看起來AZ混打莫德納疫苗的保護力較佳但相對的副作用的發生率與嚴重程</t>
  </si>
  <si>
    <t>疫苗混打莫德納較佳保護相對正式研究az台大共有占多數完成預約選擇副作用bnt初步顯示看起來發生率</t>
  </si>
  <si>
    <t>首波疫苗混打今正式開打共有183萬人完成預約其中選擇莫德納疫苗者佔多數有124萬人選BNT者僅6萬人左右。不過台大混打研究顯示初步看起來AZ混打莫德納疫苗的保護力較佳但相對的副作用的發生率與嚴重程度也會較強對此《中時新聞網》也整理出接種疫苗常見的6個問題供民眾參考。
一、打疫苗前需要準備什麼？
家醫科醫師陳欣湄在節目《健康20》中建議打疫苗必備的3大法寶為水、體溫計以及消炎退燒藥。另在打疫苗前不需先服藥等打完有相關症狀再吃即可。
二、接種疫苗前後注意事項？
家醫科醫師陳欣湄提醒打疫苗前3天盡量避免吃炸物、蛋糕和餅乾等精緻澱粉因為這類食物恐讓身體發炎反應加劇打完疫苗後可能會比較不舒服；另臺北慈濟醫院兒科部醫師沈君毅則提醒疫苗接種前後維持規律作息、避免劇烈運動將打疫苗當作生活一部分別太緊張。
三、一般成人每天可吃多少普拿疼？
家醫科醫師許書華曾在臉書分享止痛退燒藥的主要成分是「乙醯胺酚」一般成人最大日劑量建議不超過4千毫克過量恐造成肝臟損傷甚至重症或死亡。
四、混打疫苗後的注意事項有哪些？
國外研究與台大研究都顯示混打疫苗的副作用會比兩劑打同款疫苗還要更強因此提醒民眾打完疫苗後務必在現場觀察30分鐘確認無不良反應再返家。另返家後若身體非常不舒服且症狀持續未減緩建議可以盡速就醫。
五、接種BNT後常見的副作用為何？
成年人打BNT常見的副作用為注射部位疼痛（841%）、疲倦（629%）、頭痛（551%）、肌肉痛（383%）、畏寒（319%）、關節痛（236%）以及發燒（142%）但症狀多在數天內會消失。極罕見的心肌炎與心包膜炎較常發生在第二劑。
六、打完莫德納後的副作用有哪些？
莫德納常見副作用為注射部位疼痛（92%）、疲倦（70%）、頭痛（647%）、肌肉痛（615%）、關節痛（464%）、畏寒（454%）與發燒（155%）。極罕見的心肌炎與心包膜炎較常發生在第二劑或年輕男性身上打完若持續性胸痛、呼吸急促或心悸請就醫。</t>
  </si>
  <si>
    <t>疫苗打完混打副作用接種醫師莫德納建議症狀醫科提醒常見bnt退燒藥一般成人身體</t>
  </si>
  <si>
    <t>混打開打莫德納BNT副作用</t>
  </si>
  <si>
    <t>莫德納bnt副作用混打</t>
  </si>
  <si>
    <t>上路步驟電子系統檢疫健康聲明入境</t>
  </si>
  <si>
    <t>「入境檢疫電子系統」即將上路中央流行疫情指揮中心表示具有國內電信業者手機門號的旅客只要掃描二維碼、輸入健康資料、接收確認簡訊、出示手機憑證」四步驟即可快速通關。為因應新冠肺炎疫情中央流行疫情指</t>
  </si>
  <si>
    <t>手機疫情中央流行上路指揮通關因應中心快速表示即可資料健康步驟國內具有憑證電信業者出示簡訊旅客門號確認掃描接收輸入即將</t>
  </si>
  <si>
    <t>「入境檢疫電子系統」即將上路中央流行疫情指揮中心表示具有國內電信業者手機門號的旅客只要掃描二維碼、輸入健康資料、接收確認簡訊、出示手機憑證」四步驟即可快速通關。
為因應新冠肺炎疫情中央流行疫情指揮中心宣佈從2月11日起所有入境台灣旅客須填寫紙本入境健康聲明書健康聲明書內容包括14天內是否有旅遊史、發燒、呼吸道症狀或咳嗽等症狀。
但先前健康聲明書以紙本方式填寫旅客完成資料後需要手動輸入系統再與旅客電話號碼等基本資訊串流如果遇到需要進行居家隔離、居家檢疫的旅客從資料輸入彙整到轉達民政單位的時間過長造成空窗期因此無法即時掌握隔離人口狀況且日前陸續傳出針對隔離人口發放的專用手機傳出數量不足、裡長抱怨電話關心也無法遏止部分隔離民眾四處「趴趴走」等問題。
因此為提升國內檢疫作業效能及旅客通關速度指揮中心公佈由行政院資通安全處與衛生福利部已共同主導開發「旅客入境健康聲明暨居家檢疫電子化系統（入境檢疫系統）」近期可正式上線具有國內電信業者手機門號的旅客掃描郎航空公司櫃台的二維碼後進入「入境檢疫系統」網站線上填寫健康資料完成抵台後出示憑證畫面即可快速通關只有「掃描、輸入資料、接收簡訊、出示手機」四個步驟也能以資訊化的方式處理資料將入境健康聲明書電子化快速完成資料彙整串流。
指揮中心表示系統已經完成並於日前在部分航班測試希望航空公司能夠協助宣導民眾也多加運用以節省紙本作業讓防疫更有效率。
指揮中心提醒未如實填寫入境健康聲明書或拒絕配合依規定可開罰1至15萬元。</t>
  </si>
  <si>
    <t>旅客健康入境資料中心檢疫指揮手機系統隔離完成聲明書輸入通關填寫紙本快速國內無法作業部分民眾掃描資訊航空公司出示</t>
  </si>
  <si>
    <t>入境檢疫健康聲明書資料系統</t>
  </si>
  <si>
    <t>聲明書資料檢疫健康系統入境</t>
  </si>
  <si>
    <t>疫情可能洪峰真心話沒到深夜撐過去柯文哲</t>
  </si>
  <si>
    <t>臺北市的防疫已經進入第三級警戒臺北市長柯文哲16日深夜發文表示為了確保防疫的量能足夠這幾天北市府全體總動員。他說政治的核心是執行力現在就是考驗的時候臺北市政府一定會扛起來面對這場突然爆發的</t>
  </si>
  <si>
    <t>防疫一定臺北市政府時候考驗就是臺北市現在柯文哲執行扛起來核心深夜政治發文總動員表示全體確保市府足夠</t>
  </si>
  <si>
    <t>臺北市的防疫已經進入第三級警戒臺北市長柯文哲16日深夜發文表示為了確保防疫的量能足夠這幾天北市府全體總動員。他說政治的核心是執行力現在就是考驗的時候臺北市政府一定會扛起來面對這場突然爆發的疫情。但他也說今晚還是想跟大家說些真心話就是疫情洪峰可能還沒到。
柯文哲表示為了更快速的找出在社區潛藏的感染者四天內臺北市迅速地設了四個快篩站。
第一天在中興院區的站點人潮洶湧醫護人員一直篩檢到深夜但還是有上百位沒辦法做完原本很多民眾怒氣沖沖但當醫護同仁耐心的解釋並遞上號碼牌民眾也很快的平靜下來我想那是因為他們知道自己將會得到完善的照護覺得可以安心。
隔天一大早醫護人員先用廣播宣佈採檢的流程、並請市民朋友體諒醫療量能有限可能無法全部做完但還是會先發放號碼牌做不到的請隔天再來。這個時候現場竟然出現此起彼落的掌聲醫護人員聽到的都是體諒、鼓勵與感謝。
柯文哲感動地說這是這幾天來在疫情中得到的最大鼓舞；即使大敵當前人們仍能相互體諒、感同身受。
柯文哲呼籲此刻讓大家一起齊心抗疫；臺北市的所有醫護、市府團隊都會很努力希望你也一起。而你要做的事情很簡單「戴好口罩、勤洗手、沒事就乖乖待在家」我們會撐過去的！</t>
  </si>
  <si>
    <t>柯文哲臺北市醫護人員體諒疫情時候醫護市府一起深夜就是得到號碼牌表示民眾</t>
  </si>
  <si>
    <t>柯文哲新冠肺炎疫情台灣</t>
  </si>
  <si>
    <t>疫情肺炎柯文哲臺灣</t>
  </si>
  <si>
    <t>《美股》貿易戰衝擊＋運動賽事喊卡Nike、UA股價重挫</t>
  </si>
  <si>
    <t>賽事nike運動ua股價衝擊貿易戰</t>
  </si>
  <si>
    <t>新冠狀病毒疫情在全球快速擴散繼各地政要、名人陸續傳出確診後美國職籃（NBA）球星也中鏢迫使全球主要體育賽事接連宣佈暫停或延期已經受美中貿易戰波及的體育用品巨頭Nike又再面臨疫情大流行帶來的營運挑戰</t>
  </si>
  <si>
    <t>疫情全球面臨巨頭nike用品體育快速波及貿易戰美中經受擴散名人陸續確診傳出美國延期nba政要球星暫停</t>
  </si>
  <si>
    <t>新冠狀病毒疫情在全球快速擴散繼各地政要、名人陸續傳出確診後美國職籃（NBA）球星也中鏢迫使全球主要體育賽事接連宣佈暫停或延期已經受美中貿易戰波及的體育用品巨頭Nike又再面臨疫情大流行帶來的營運挑戰週四股價暴跌1167%收在7420美元。
Under Armour（UA）亦重挫1478%收在969美元。
在美國方面美國職棒大聯盟（MLB）、NBA、國家冰球聯盟（NHL）與國家美式足球聯盟（NFL）已宣佈賽事延期或暫停。歐洲的歐足總歐洲聯賽、義大利足球甲級聯賽、德國甲級足球聯賽、西班牙足球甲級聯賽以及在捷克與斯洛維尼亞等地舉辦的體育賽事都已宣佈延期或閉門比賽。
美國鞋類經銷與零售商協會宣佈1月從中國進口的美國鞋類產品創下逾10年來同期最大跌幅。該協會成員包括沃爾瑪、Nike、Crocs與Steven Madden等公司。
美國七成銷售的鞋類從中國進口但美國鞋業近來流年不利先是遭美中貿易關稅大戰波及接著又面臨中國爆發武漢肺炎帶來的斷鏈衝擊。今年1月美國從中國進口的鞋類產品較去年同期大減157%創下逾10年來同月份與逾4年來的最大跌幅。</t>
  </si>
  <si>
    <t>美國宣佈中國延期全球疫情進口nikenba帶來美中波及面臨體育賽事收在協會足球甲級聯賽暫停創下類產品國家聯盟</t>
  </si>
  <si>
    <t>NikeUnder Armour股價運動賽事</t>
  </si>
  <si>
    <t>armour股價運動undernike賽事</t>
  </si>
  <si>
    <t>打者主力禍不單行洋基mlb</t>
  </si>
  <si>
    <t>洋基隊的春訓20頗為不順首日投手田中將大受傷主力打者勒瑪修(DJ LeMahieu)與投手瑟薩(Luis Cessa)同時宣佈感染了新冠肺炎！勒馬修沒有症狀瑟沙則是症狀輕微。勒瑪修早年效力國聯洛磯隊上季首度轉到美聯球隊</t>
  </si>
  <si>
    <t>投手症狀首度不順首日洛磯轉到田中國聯效力頗為感染早年宣佈肺炎勒馬修cessa受傷沒有</t>
  </si>
  <si>
    <t>勒瑪修洋基大聯盟美國MLB</t>
  </si>
  <si>
    <t>洋基聯盟美國mlb</t>
  </si>
  <si>
    <t>拜登政府病毒中國禁用</t>
  </si>
  <si>
    <t>美國總統拜登簽署行政命令譴責反亞裔的偏見歧視禁止聯邦政府使用「中國病毒」的名詞並且指示司法部要與社區合作預防針對亞太裔的仇恨犯罪。國民黨立委賴士葆指出蔡政府凡事以美國為師但是行政院發言人認為</t>
  </si>
  <si>
    <t>政府美國行政命令譴責凡事亞裔偏見歧視指出國民黨犯罪仇恨亞太賴士葆預防針禁止合作社區司法部聯邦指示使用中國名詞</t>
  </si>
  <si>
    <t>美國總統拜登簽署行政命令譴責反亞裔的偏見歧視禁止聯邦政府使用「中國病毒」的名詞並且指示司法部要與社區合作預防針對亞太裔的仇恨犯罪。國民黨立委賴士葆指出蔡政府凡事以美國為師但是行政院發言人認為用疫病起源地形容沒有歧視這樣是不是打臉拜登政府？
賴士葆表示有別於川普政府過去不斷地使用「中國病毒」、「武漢病毒」的用詞來替代新冠病毒政府帶頭歧視性的言論激化亞太裔在校園、職場和社區被霸淩仇視對待。根據人權團體蒐集到的報告從過去幾百件去年就激增到2800件台裔的國會眾議員孟昭文也曾就此提出「譴責因新冠病毒反亞裔」的決議案。
賴士葆認為人權是普世的價值蔡政府凡事以美國為師但是行政院發言人認為用疫病起源地形容沒有歧視這樣是不是打臉拜登政府？
賴士葆批評蔡政府選擇性的雙重標準也及於國際事務例如川粉攻擊國會山莊的暴力事件全世界領袖包括美國兩黨政要都同聲譴責只有台灣對暴力攻擊國會無感因為太陽花攻擊國會是被民進黨肯定褒獎的。
賴士葆表示拜登肯定200萬亞太裔人士在新冠病毒肆虐的時刻投入醫療急救的工作這樣的肯定政府同時帶頭的撕去負面標籤以免亞裔受到歧視與傷害對這些亞太裔包括很多來自台灣的醫療專業人士是一個遲來的正義。
賴士葆說過去網路上看到很多的影片記錄亞裔醫師整天投入在第一線搶救新冠病患在沒有穿上醫師袍的時候被美國人嗆聲的畫面讓人心疼不捨那只是現實世界的一個縮影反映當時川普政府帶風向帶來歧視的後遺症。「對於反暴力、反歧視蔡政府堅持雙重標準無誤！」</t>
  </si>
  <si>
    <t>政府賴士葆歧視病毒美國亞裔亞太國會過去譴責拜登肯定攻擊醫師人權社區沒有包括認為臺灣醫療</t>
  </si>
  <si>
    <t>賴士葆拜登蔡英文武漢肺炎中國病毒</t>
  </si>
  <si>
    <t>蔡英文武漢肺炎中國拜登賴士葆病毒</t>
  </si>
  <si>
    <t>生活急診正常確診回不去</t>
  </si>
  <si>
    <t>至昨天(4/29)為止台灣已連續4天沒有新增新冠肺炎確診讓大家燃起希望若一直+0是不是就能約吃飯、出國玩？但醫師謝宗學指出「我必須殘忍地說不管台灣零確診天數有多少以前那種出門不用戴口罩、可以自由出</t>
  </si>
  <si>
    <t>確診臺灣不用出門以前天數口罩燃起是不是吃飯出國醫師希望宗學指出一直殘忍必須沒有</t>
  </si>
  <si>
    <t>至昨天(4/29)為止台灣已連續4天沒有新增新冠肺炎確診讓大家燃起希望若一直+0是不是就能約吃飯、出國玩？但醫師謝宗學指出「我必須殘忍地說不管台灣零確診天數有多少以前那種出門不用戴口罩、可以自由出國旅行的日子幾年內是回不去了！」
中山醫學大學附設醫院兒童急診科主任謝宗學在臉書po文解釋不管疫苗還是解藥最快仍要1到2年時間而且中間還可能失敗打掉重練。謝說要有安全、有效的疫苗或藥物絕對需要大量時間研發和試驗。
謝宗學說在台灣死亡案例維持6例的同時全球的疫情依舊延燒沒有大幅度趨緩的現象「我們在為『+0』開心的同時許多人正在為逝去的家人朋友哭泣」。
謝宗學指出他很認同陳時中部長講的只有嚴守個人生活規範才可能有幾乎正常化的生活「我們必須認清勤洗手、戴口罩、維持社交距離等個人防護已經不是暫時的生活模式而是生活的必需行為」一定要這樣做才能守住台灣不爆發大規模社區疫情。</t>
  </si>
  <si>
    <t>臺灣生活宗學時間確診沒有疫苗出國維持必須可能個人口罩指出疫情開心現象燃起中山醫學回不去是不是</t>
  </si>
  <si>
    <t>謝宗學台灣4天零確診回不去</t>
  </si>
  <si>
    <t>回不去確診臺灣宗學</t>
  </si>
  <si>
    <t>定額定期轉機股市就是正逢危機</t>
  </si>
  <si>
    <t>今年來全球金融市場受到新冠肺炎疫情擴散全球影響股債市產生劇烈波動在疫情擴散全球鎖國效應、美債殖利率攀升、油價下跌眾多利空因素下全球股債市恐慌性賣壓傾巢而出許多股市在短短一個月不到時間都跌破10年</t>
  </si>
  <si>
    <t>全球債市疫情擴散股市傾巢而出賣壓受到恐慌性下跌油價攀升利率因素肺炎效應鎖國影響波動金融市場時間</t>
  </si>
  <si>
    <t>今年來全球金融市場受到新冠肺炎疫情擴散全球影響股債市產生劇烈波動在疫情擴散全球鎖國效應、美債殖利率攀升、油價下跌眾多利空因素下全球股債市恐慌性賣壓傾巢而出許多股市在短短一個月不到時間都跌破10年線其中以新興股市表現最震盪幾乎都已跌到10年均線下方。
投信法人表示「危機就是轉機」尤其目前市況正處風吹草動的震盪格局投資信心更易隨著市況搖擺操作難度也因而大增這個時候反而是定期定額逢低加碼的好時機。
群益投信投資長李宏正表示由於市場波動甚大與其絞盡腦汁選擇進場時點不如在波段低點時利用定期定額分批累積單位數一方面以分攤成本的方式降低波動度另一方面在市場反彈時也具投資效益。在好的時機點單筆逢低買進可提高獲利機會但一般人要掌握時機點不易採用定期定額分批買進有效分散不同時點進場風險也是絕佳的投資方法。
李宏正表示單筆投資最重要是懂得低買高賣而定期定額投資只要懂得選對市場針對有波動且長期趨勢向上的市場如台灣、印度、大陸、新興市場等並堅持扣款不中斷長期累積效果驚人。後市來講雖無法斷定股市最低點是否已過但以目前偏低的本益比、政策轉折的角度而言定期定額投資新興股市相關基金將會是好的時機。
群益馬拉松基金經理人沈萬鈞指出台股短線因市場過度恐慌而造成的回檔可視為中長線佈局良機對一般投資人而言定期定額台股基金便是最為簡單方便投資台股的方式既能透過專業投資團隊操作降低選股不確定性亦有助分散風險、平均成本。
沈萬鈞指出根據過往20年經驗當台股波段低位時採定期定額投資台股基金後1年、後3年平均報酬率近8％、15％勝率都有8成若投資時間拉長至5年平均報酬率更達3成勝率為百分百是最省時省力參與台股行情又能取得不錯回報的投資工具。</t>
  </si>
  <si>
    <t>投資定期定額市場全球股市波動時機基金表示平均市況目前累積操作震盪一般降低債市成本</t>
  </si>
  <si>
    <t>全球定期定額新興股市李宏危機就是轉機</t>
  </si>
  <si>
    <t>李宏股市危機定額定期就是轉機全球</t>
  </si>
  <si>
    <t>西班牙通報肺炎死亡病例</t>
  </si>
  <si>
    <t>西班牙地方衛生官員今天表示瓦倫西亞地區（Valencia）一名男子死於2019年冠狀病毒疾病（COVID-19武漢肺炎）為西班牙首起武漢肺炎死亡病例。路透社報導地方衛生首長巴瑟洛（Ana Barcelo）在記者會上說驗屍</t>
  </si>
  <si>
    <t>衛生地方武漢肺炎西班牙barceloana瑟洛首長記者會地區男子死於valencia冠狀瓦倫西亞病毒covid-表示報導疾病今天死亡病例路透社官員</t>
  </si>
  <si>
    <t>西班牙地方衛生官員今天表示瓦倫西亞地區（Valencia）一名男子死於2019年冠狀病毒疾病（COVID-19武漢肺炎）為西班牙首起武漢肺炎死亡病例。
路透社報導地方衛生首長巴瑟洛（Ana Barcelo）在記者會上說驗屍結果顯示這名2月13日過世的男子是死於武漢肺炎。
不久前西班牙衛生部在推特宣佈多項體育賽事將閉門舉行醫療會議也將取消以抑制武漢肺炎疫情擴散。
西班牙共約150人確診感染武漢肺炎巴斯克地區（Basque）約有100名醫護人員在接觸感染患者後居家隔離。
有關當局正在監督巴斯克地區維多利亞-加斯提伊茲市（Vitoria-Gasteiz）的一起群聚感染以及托芮榮艾多茲（Torrejon de Ardoz）兩起群聚感染案例。托芮榮艾多茲是靠近馬德里的郊區城市人口約13萬。</t>
  </si>
  <si>
    <t>武漢肺炎感染地區西班牙巴斯克男子死于衛生多茲地方芮榮艾barcelo記者會閉門ana瑟洛體育賽事驗屍宣佈</t>
  </si>
  <si>
    <t>肺炎武漢武漢肺炎西班牙感染</t>
  </si>
  <si>
    <t>感染西班牙武漢肺炎</t>
  </si>
  <si>
    <t>增至教宗肺炎方濟各身體大利不適</t>
  </si>
  <si>
    <t>義大利外交部週四對外表示當日新增3起新冠肺炎的死亡病例總計死亡數攀升至17人確診病例數已增加至650新增的病例大多位於北部的倫巴底區(Lombardy)與威尼托區(Veneto)。根據《路透社》報導梵蒂岡官方表示</t>
  </si>
  <si>
    <t>病例新增表示對外路透社當日倫巴北部位於大多總計確診死亡肺炎週四veneto報導威尼托lombardy攀升死亡數增加外交部</t>
  </si>
  <si>
    <t>義大利外交部週四對外表示當日新增3起新冠肺炎的死亡病例總計死亡數攀升至17人確診病例數已增加至650新增的病例大多位於北部的倫巴底區(Lombardy)與威尼托區(Veneto)。
根據《路透社》報導梵蒂岡官方表示天主教教宗方濟各(Pope Francis)因為「身體微恙」決定取消主持本週四與羅馬其他神職人員的共同彌撒。義大利新冠肺炎疫情不斷升溫教宗健康狀況格外引人憂心。
教宗方濟各今年高齡83歲梵蒂岡沒有透露任何關於教宗生病的細節只表示身體出現「輕微不適」(mild ailment)。</t>
  </si>
  <si>
    <t>表示教宗身體病例方濟各新增週四梵蒂岡肺炎大利出現倫巴北部大多位於確診路透社報導總計透露今年細節取消決定主持</t>
  </si>
  <si>
    <t>傳播ktv及第重罰朝陽</t>
  </si>
  <si>
    <t>新冠疫情全國蔓延台中市19日爆發朝陽夜唱團首例確診個案連日來已有朝陽科大、中國醫大兩校學生及家人14人及2名KTV工作人員確診26日新增鄰近包廂中科大1名22歲女學生確診；為斬斷該傳播鏈市府積極將5月13、14</t>
  </si>
  <si>
    <t>確診學生朝陽蔓延台中斬斷爆發全國中科新增鄰近科大首例中國醫大連日來個案家人工作人員ktv傳播</t>
  </si>
  <si>
    <t>新冠疫情全國蔓延台中市19日爆發朝陽夜唱團首例確診個案連日來已有朝陽科大、中國醫大兩校學生及家人14人及2名KTV工作人員確診26日新增鄰近包廂中科大1名22歲女學生確診；為斬斷該傳播鏈市府積極將5月13、14日同一場域工作人員及消費者匡列採檢其中13名消費者實聯制黑白填台中市長盧秀燕26日在中市疫情指揮中心記者會說重話強調會依法裁罰。
從台灣爆發社區感染後美樂蒂夜唱團是台中目前最大一查不到來源的傳播鏈最開始是一名19歲的朝陽科大女學生確診因同團共20人有多人發燒台中市政府還立即到朝陽科大設置前進指揮所安排仍在住校的1400名師生進行採檢；最後疫情發展指向位東協廣場內的美樂蒂KTV為群聚感染源。
當時朝陽科大夜唱團有20人鄰近包廂中國醫大則有11人而相鄰的中科大包廂也有6名學生當時同一場域同時段超過300人市府為掌握相關人進行採檢發現13人一度失聯經警方戒入才發現他們實聯制黑白寫記載不實也決定依法對這13人裁罰3000到15000元罰鍰。</t>
  </si>
  <si>
    <t>朝陽科大確診學生台中疫情包廂爆發ktv傳播市府當時發現依法樂蒂</t>
  </si>
  <si>
    <t>新冠肺炎台灣台中朝陽科大夜唱團</t>
  </si>
  <si>
    <t>朝陽台中科大臺灣肺炎</t>
  </si>
  <si>
    <t>肺炎死亡案例出現開低臺灣</t>
  </si>
  <si>
    <t>市場持續關注大陸新冠肺炎疫情發展日、韓確診人數增加台灣出現首例新冠病毒患者死亡案例對市場投資信心造成影響台股17日開盤開在1177030點下跌454點。美國政府將推動下一輪減稅方案及給予免稅優惠</t>
  </si>
  <si>
    <t>市場減稅推動美國政府方案下跌開在開盤影響造成信心投資人數確診案例肺炎增加臺灣出現首例疫情死亡患者病毒</t>
  </si>
  <si>
    <t>表現疫情市場持續指數新高出現加上信心操作明顯死亡外資投資大陸指出半導體</t>
  </si>
  <si>
    <t>台股出現美股指數趨緩</t>
  </si>
  <si>
    <t>指數出現</t>
  </si>
  <si>
    <t>嚴重暫停地區學校上課國教升溫教學疫情</t>
  </si>
  <si>
    <t>國內疫情升溫多數大專院校均已停掉實體課程改為線上教學但中小學生卻仍要到校上課引發擔心。國教行動聯盟今天發出聲明要求位於疫情嚴重地區的各級學校應暫停上課或採遠距教學。國教行動聯盟表示新冠疫情持</t>
  </si>
  <si>
    <t>疫情教學上課聯盟行動國教實體課程改為表示嚴重位於中小學生地區要求學校聲明仍要暫停大專院校今天發出</t>
  </si>
  <si>
    <t>國內疫情升溫多數大專院校均已停掉實體課程改為線上教學但中小學生卻仍要到校上課引發擔心。國教行動聯盟今天發出聲明要求位於疫情嚴重地區的各級學校應暫停上課或採遠距教學。
國教行動聯盟表示新冠疫情持續昇溫昨天就有180例確診指揮中心也宣佈雙北進入第三級警戒但至今尚無法完全掌握確診者的足跡可見其難度尤其是染疫的熱區人心惶惶人人自危。因為校園的安全難以確保已有家長考慮讓孩子請假留在家中避免受到感染。
國教盟認為校園屬於群聚密度高的區域特別是近來天氣炎熱教室多開冷氣密閉空間更令人擔憂若是讓小孩繼續上學有可能家人染疫傳給小孩小孩又在學校傳給同學同學回去後又傳給家人這樣的傳播鏈只會讓新冠疫情更加無法控制造成更多的傷害。
現已有50多所大學宣佈將從5／17起全面實施遠距教學國教盟質疑群聚密度較低的大學都已採取嚴格的防疫措施為何密度高的中小學卻要繼續到校上課？國教盟強烈呼籲位於疫情嚴重地區(如萬華區)的各級學校應暫停上課或採遠距教學以確保學生安全並防止病毒擴散。
全國家長團體聯盟理事長彭淑燕表示以現在的疫情考量到學生安全他支持一、兩周這樣的短時間停止實體上課改為線上教學。或至少有確診案例的學校就全校停課改為線上教學。
不過彭淑燕進一步指出根據規定12歲以下小朋友不能單獨在家因此政府跨部會應該超前部屬一旦小朋友必須在家線上教學家長又要上班這個問題要怎麼解決？譬如應該考慮落實防疫照顧假。
「中小學停實體課改為線上教學可以做但有很多問題要克服。」全國教師工會總聯合會理事長侯俊良表示線上教學之前學校都有演練過對多數老師來講不難問題在學生或家長是否能配合。
侯俊良表示要進行線上教學學生家裡需有網路或電腦、平板等設備但這不是每個家庭都有應該要解決。此外小學低年級及幼兒園學生要有家長在一旁陪伴才能進行線上教學但家長若要工作無法在家這個問題也要克服。</t>
  </si>
  <si>
    <t>教學疫情家長學生國教學校上課問題表示確診應該密度聯盟改為實體小朋友宣佈大學無法在家</t>
  </si>
  <si>
    <t>新冠肺炎台灣國教盟遠距教學地區</t>
  </si>
  <si>
    <t>國教臺灣肺炎教學地區</t>
  </si>
  <si>
    <t>員工薪資補貼紓困經濟部</t>
  </si>
  <si>
    <t>為了協助艱困企業渡過難關並維持員工生計經濟部將於9月1日公告今(109)年第3季「經濟部辦理製造業及其技術服務業受嚴重特殊傳染性肺炎影響之艱困事業薪資及營運資金補貼申請須知」凡有稅籍登記的製造業者及提供</t>
  </si>
  <si>
    <t>經濟部須知申請補貼資金營運薪資生計渡過難關辦理事業員工製造業嚴重技術服務業維持特殊影響肺炎傳染性</t>
  </si>
  <si>
    <t>為了協助艱困企業渡過難關並維持員工生計經濟部將於9月1日公告今(109)年第3季「經濟部辦理製造業及其技術服務業受嚴重特殊傳染性肺炎影響之艱困事業薪資及營運資金補貼申請須知」凡有稅籍登記的製造業者及提供製造業技術服務之業者在109年7月至9月期間如屬營業額衰退達50%以上之「艱困企業」政府即補貼該企業正職員工3個月經常性薪資費用4成(每月上限2萬元)及以正職員工數乘以1萬元之一次性營運資金補貼(已獲4月至6月營運資金補貼者不再補貼)。
根據經濟部網站公告由於全球新冠肺炎疫情仍然嚴峻我國主要出口國家邊境管制措施未解封市場需求疲弱導致國內與外銷相關之製造業及其技術服務業持續受到衝擊經由密集檢討並與相關產業公協會溝通後經濟部公告前述第3季薪資及營運資金補貼申請須知其與第2季補貼措施之差異說明如下：
一、營業額衰退幅度採同期比較：考量產業皆有淡旺季採同期比較方式較能排除景氣循環因素造成之營業額差異客觀反映營業額受衝擊程度。
二、增列興櫃、上市櫃公司上半年或第3季EPS應為負值或有營業損失方得申請：考量興櫃、上市櫃公司於公開市場募資相對容易且其上半年及第3季EPS為正表示企業財務較為寬裕較有能力以其上半年或第3季盈餘彌補虧損；另為避免EPS為正係因賣土地、資產等非本業收益所致其本業仍為虧損併將有營業損失列入申請資格。
三、技術服務業應提出對製造業提供相關技術服務之實績佐證資料：考量技術服務業所提供之技術服務應與製造業相關方屬製造業之相關技術服務業可能因製造業外銷訂單減少而受影響爰增加本項條件。
四、一律採線上申請：為提升審查作業效率及品質減少因紙本文件錯漏、補正所耗時間爰規定一律採線上申請業者如有申請之困難可洽各服務視窗提供協助。
由於本次疫情造成國內部分業者營業額嚴重衰退而陷入經營困境連帶波及受僱員工；經濟部於本次特別預算追加第3季補貼經費編列1562億元預估除協助受影響企業可以持續營運外亦可穩定30萬人以上之員工就業維持社會安定。
本次薪資及營運資金補貼措施之申請期間自公告日起至經費用罄為止或最遲至109年10月31日。補貼措施之詳情可至專屬網站（https://csm-subsidymittworgtw/）或至產業競爭力發展中心網站(https://assistnatgovtw)查詢若仍有其他疑義可撥打0800-000-257由本局產業競爭力發展中心專人提供服務。</t>
  </si>
  <si>
    <t>補貼申請技術經濟部營運營業額產業措施服務業製造業員工提供服務公告相關上半年eps網站影響薪資衰退考量企業業者資金</t>
  </si>
  <si>
    <t>新冠肺炎經濟部紓困</t>
  </si>
  <si>
    <t>經濟部肺炎紓困</t>
  </si>
  <si>
    <t>子宮bnt疫苗安排流感疫苗中生基隆</t>
  </si>
  <si>
    <t>基隆市議員林旻勳今天下午市政總時詢時指出日前接擭陳情暖暖國高中生於9月24日接種第一劑BNT疫苗其中更有數名國中女學生於2周後施打子宮頸疫苗再2周接續打BNT第2劑原訂11月10日還要打流感疫苗等於48天內</t>
  </si>
  <si>
    <t>疫苗bnt今天下午林旻勳市政指出接種陳情接續子宮施打學生周後國中女議員還要國高中生於原訂</t>
  </si>
  <si>
    <t>基隆市議員林旻勳今天下午市政總時詢時指出日前接擭陳情暖暖國高中生於9月24日接種第一劑BNT疫苗其中更有數名國中女學生於2周後施打子宮頸疫苗再2周接續打BNT第2劑原訂11月10日還要打流感疫苗等於48天內連挨4針有家屬擔心前後時間太靠近會有不良反應。
林旻勳說中央流行疫情指揮中心昨天宣佈青少年第二劑BNT疫苗暫緩施打但近期不斷有家屬到服務處哭著陳情小孩就讀暖暖高中已接種第二劑擔心會出狀況。其中一名洪姓家屬更指出有多數國一女學生在打BNT第一劑2周後打子宮頸疫苗10月29日又打BNT第2劑等於40多天連打4支疫苗不免讓人質疑時間安排不當。
林旻勳說8日接到民眾表示學生原本被安排昨天要打流感疫苗趕緊致電教育處要求處長一定要把期程往後延他質疑讓一個只有12、13歲的小女生在40多天裡挨那麼多針真的沒問題嗎？
對此衛生局長吳澤誠回應學生施打這三種疫苗完全符合規範也是合理的如果是自己的小孩也會依照這樣的期程他提及如果是流感疫苗只要相隔7天到10天就可以未來會持續關注已接種第二劑BNT疫苗的學生身體狀況。
基隆市長林右昌進一步指出有關女學生40多天連續施打3支疫苗的情況未來會請衛生局在安排疫苗施打時特別注意期程的問題。</t>
  </si>
  <si>
    <t>疫苗學生bnt施打安排指出流感疫苗家屬接種昨天擔心質疑未來時間陳情旻勳基隆</t>
  </si>
  <si>
    <t>BNT施打疫苗子宮頸疫苗流感疫苗</t>
  </si>
  <si>
    <t>疫苗子宮bnt施打流感疫苗</t>
  </si>
  <si>
    <t>清理深度下令白宮除去拜登川普痕跡</t>
  </si>
  <si>
    <t>由於擔心川普團隊渾身都是新冠肺炎病毒美國總統當選人拜登已下令要徹底清理白宮。據《太陽報》（THE SUN）13日報導拜登明年1月20日宣誓就職後即將入主白宮而曾罹患新冠肺炎的現任總統川普將捲舖蓋走路。據</t>
  </si>
  <si>
    <t>白宮拜登肺炎總統川普都是新病毒美國當選清理即將入主太陽宣誓就職sun下令徹底the渾身</t>
  </si>
  <si>
    <t>由於擔心川普團隊渾身都是新冠肺炎病毒美國總統當選人拜登已下令要徹底清理白宮。
據《太陽報》（THE SUN）13日報導拜登明年1月20日宣誓就職後即將入主白宮而曾罹患新冠肺炎的現任總統川普將捲舖蓋走路。據說由於拜登擔心會有殘留的新冠肺炎病毒已下令在他入住前全面消毒白宮132個房間還有廣達55萬平方英呎（近5110平方公尺）的空間。
在川普搬出白宮以及拜登入住之間約有5個小時的空檔身穿防護衣的清潔人員將全面把它擦洗乾淨。除了川普10月罹患新冠肺炎外白宮也爆發一連串疫情。儘管如此川普仍在耶誕季舉行了各式派對而廣受外界批評說這位白宮主人和團隊面對新冠肺炎疫情態度輕率。
一名拜登過渡團隊成員說川普政府「充滿新冠病毒」因此拜登不會冒任何危險。他透露白宮上下將深度清潔更換門把並汰換窗簾地毯和靠墊等室內陳設。「病毒可能留在表面所以整個官邸和辦公室都會用消毒劑清乾淨以根除川普團隊留下的任何痕跡。」
白宮歷史學家布洛兒（Kate Andersen Brower）說等川普走人後拜登會有一支95人團隊將相關物品打包並進行清理。她說新任總統和第一夫人可以從秘密倉庫選用新傢俱。
拜登已78歲是美國史上最高齡的總統一直嚴格遵守新冠防疫措施以避免感染新冠病毒。而曾協助拜登擬定新冠防治計畫的蘿蕊（Nicole Lurie）說新政府對新冠肺炎的態度將和川普政府「截然不同」。</t>
  </si>
  <si>
    <t>白宮拜登川普病毒團隊總統肺炎清潔清理全面疫情乾淨入住下令美國政府擔心</t>
  </si>
  <si>
    <t>拜登川普白宮新冠肺炎病毒就職</t>
  </si>
  <si>
    <t>肺炎白宮病毒川普拜登就職</t>
  </si>
  <si>
    <t>貓狗疫情屠殺</t>
  </si>
  <si>
    <t>新冠肺炎肆虐全球的同時最早爆發疫情的大陸也面臨貓狗生存大戰因主人離家多時大量貓狗恐怕已活活餓死甚至有地方政府擔心寵物會傳染病毒已下令對滯留在公共場所、無人看管的寵物格殺勿論。美國有線電視新聞</t>
  </si>
  <si>
    <t>寵物貓狗全球爆發疫情大陸看管面臨肆虐滯留恐怕公共場所下令活活地方政府擔心甚至病毒傳染</t>
  </si>
  <si>
    <t>新冠肺炎肆虐全球的同時最早爆發疫情的大陸也面臨貓狗生存大戰因主人離家多時大量貓狗恐怕已活活餓死甚至有地方政府擔心寵物會傳染病毒已下令對滯留在公共場所、無人看管的寵物格殺勿論。
美國有線電視新聞網（CNN）報導動保團體表示自新冠肺炎疫情爆發以來武漢已有許多貓狗跟著死亡、或是瀕臨死亡不過牠們的死因並不是病毒而是被餓死牠們的主人趕在封城之前離家至今未歸。
不只是武漢大陸其他大城市如北京、大連、西安等也都有同樣情形國際人道對待動物協會（Humane Society International）主任希金斯（Wendy Higgins）表示難以估算確切數字不過光是武漢動保人士就已協助至少1000戶人家的寵物因此若以全大陸來看數字將會非常可觀。
動保團體表示起初出城人士以為只是短暫離開因此只為家中毛小孩留下幾天份的食物及水沒想到疫情延續超過1個月許多人至今尚未返家。
大陸微善愛護動物協會（Vshine Animal Protection Association）估算光是湖北省就有成千上萬隻寵物被留在家裡許多飼主找上他們幫忙。另外以大連為例協會收到了400通求救電話協會人員幫忙救出了約380隻寵物。
此外2月底香港傳出全球首例寵物狗確診新冠肺炎案例激起部分民眾恐慌以為寵物會傳播新冠病毒更導致大陸出現針對動物的暴力事件地方政府警告民眾不要讓狗外出。
一份當地官員刊出的警告指出一個稱為「Urban Construction Administration」的團體聲稱要撲殺所有在住家之外遊蕩的貓狗以防止新冠病毒傳播。另外湖南省洪江市以及浙江省等也都發布告示如果在公共場所看到寵物、或是無人看管的動物政府將全面撲殺絕無例外。</t>
  </si>
  <si>
    <t>寵物大陸協會貓狗動物疫情武漢病毒政府團體表示肺炎大連警告幫忙至今</t>
  </si>
  <si>
    <t>紐西蘭央行擴大購債規模至1000億紐元</t>
  </si>
  <si>
    <t>擴大央行規模紐西蘭</t>
  </si>
  <si>
    <t>基於新冠肺炎持續衝擊經濟紐西蘭央行12日宣佈擴大貨幣刺激購債規模將由600億紐元提高至1000億紐元（約658億美元）以減緩疫情對經濟的影響。央行指出公衛不確定性仍然持續基本經濟模擬情境依然存在下行風</t>
  </si>
  <si>
    <t>經濟央行持續情境衝擊基本刺激貨幣擴大紐西蘭疫情仍然宣佈影響確定性指出公衛依然規模提高減緩存在肺炎</t>
  </si>
  <si>
    <t>基於新冠肺炎持續衝擊經濟紐西蘭央行12日宣佈擴大貨幣刺激購債規模將由600億紐元提高至1000億紐元（約658億美元）以減緩疫情對經濟的影響。央行指出公衛不確定性仍然持續基本經濟模擬情境依然存在下行風險。</t>
  </si>
  <si>
    <t>紐元紐西蘭央行擴大購債新冠肺炎衝擊經濟</t>
  </si>
  <si>
    <t>擴大央行肺炎衝擊紐西蘭經濟</t>
  </si>
  <si>
    <t>早于病人市場海鮮華南症狀</t>
  </si>
  <si>
    <t>武漢市衞健委去年12月31日首次通報稱當地出現新冠肺炎而首批確診患者共27人大多來自華南海鮮批發市場（下稱海鮮市場）。據大陸媒體取得的一份首批感染者名單顯示全部人均無活禽暴露史其中24人有該海鮮市場暴</t>
  </si>
  <si>
    <t>首批海鮮市場通報當地出現去年肺炎人均顯示名單暴露感染者確診來自患者大多華南取得大陸</t>
  </si>
  <si>
    <t>武漢市衞健委去年12月31日首次通報稱當地出現新冠肺炎而首批確診患者共27人大多來自華南海鮮批發市場（下稱海鮮市場）。據大陸媒體取得的一份首批感染者名單顯示全部人均無活禽暴露史其中24人有該海鮮市場暴露史其中零號病人早於去年12月11日出現症狀。
據報導最早出現發燒症狀的魏女士被指為首名確診患者她在海鮮市場經營活蝦生意並長期租住在市場附近的民居與市場直線距離不到500米。12月11日出現症狀後她第一時間在樓下診所就醫。她表示以往不舒服便會立即去打針打完第二就好轉但該次她打了兩針都無效曾到武漢市第十一醫院照肺部CT也沒發現。到去年12月16日她才前往了協和醫院門診部就診。
從陸媒獲得的感染者名單顯示海鮮市場首批確診患者中共11人出現發燒症狀後都選擇到就近診所就醫。據記者上月實地瞭解名單中的診所多位於市場附近的老舊小區現已全部歇業。
名單中首名無海鮮市場接觸史患者陳先生去年12月16日出現發熱症狀後隨即到江夏人民醫院就醫。從事財務工作的他表示確診前期其家人未做任何防護但至今無一發現感染。據知陳先生家與市場直線距離超過30公里。他指自己病發前半個月除上班外沒去過其他地方最有可能出現感染估計是乘坐地鐵或後來前往醫院期間。</t>
  </si>
  <si>
    <t>市場出現海鮮去年名單確診症狀診所就醫患者首批感染前往表示陳先生附近距離</t>
  </si>
  <si>
    <t>準備時中籲內化防護邊境開放觀念</t>
  </si>
  <si>
    <t>新冠肺炎疫情趨緩中央流行疫情指揮中心先前提出防疫新生活運動預告了接下來台灣將走向開放。指揮官陳時中表示這幾天大家都有疑問既然台灣很安全戴口罩要幹什麼？為什麼還要維持社交距離、實聯制、勤洗手等</t>
  </si>
  <si>
    <t>臺灣疫情距離社交維持還要幹什麼指揮口罩中心先前安全提出防疫疑問陳時中生活運動表示預告指揮官開放</t>
  </si>
  <si>
    <t>新冠肺炎疫情趨緩中央流行疫情指揮中心先前提出防疫新生活運動預告了接下來台灣將走向開放。指揮官陳時中表示這幾天大家都有疑問既然台灣很安全戴口罩要幹什麼？為什麼還要維持社交距離、實聯制、勤洗手等。事實上如果要一直鎖國那民眾什麼都不用做但台灣不能一直鎖下去否則經濟會崩潰呼籲大眾將防護觀念內化到生活建立防疫網才能逐步推動經濟復甦甚至是國外觀光。
陳時中表示基本的健康行為對我們是有幫助的防疫新生活運動是開放邊境的超前佈署如果邊境都封住那民眾其實不用戴口罩什麼都不用做。
然而台灣不可能鎖國鎖國會讓經濟崩潰難以振興。陳時中表示要解決的方式一個是靠疫苗、藥物另一個是防疫新生活運動藉由守住防線就能阻擋病毒傳播。每個國民都有責任將防疫新生活運動內化到生活中把防護措施當成習慣防疫網就會形成也就不至於形成大破口。
陳時中表示大家希望快速恢復經濟能與國外恢復交流不管是經濟上的交流還是觀光只有做好防疫網才能開放希望大家一起努力。</t>
  </si>
  <si>
    <t>防疫經濟生活表示臺灣開放運動民眾一直陳時中觀光口罩才能鎖國希望時中崩潰疫情</t>
  </si>
  <si>
    <t>陳時中開放防疫新生活運動邊境台灣</t>
  </si>
  <si>
    <t>生活防疫運動邊境開放陳時中臺灣</t>
  </si>
  <si>
    <t>完成隊員消毒防疫疫苗桃園接種</t>
  </si>
  <si>
    <t>全國的第三級防疫警戒延長至6月14日為保障環保局防疫消毒隊員的健康安全桃園市政府日前已向中央爭取隊員可優先施打公費疫苗目前200名防疫消毒隊員皆已完成疫苗接種日後將持續執行熱點清潔消毒等繁重勤務同</t>
  </si>
  <si>
    <t>隊員消毒防疫疫苗熱點執行環保局持續日後接種市政府日前已向中央爭取完成桃園健康安全優先施打公費目前清潔保障</t>
  </si>
  <si>
    <t>全國的第三級防疫警戒延長至6月14日為保障環保局防疫消毒隊員的健康安全桃園市政府日前已向中央爭取隊員可優先施打公費疫苗目前200名防疫消毒隊員皆已完成疫苗接種日後將持續執行熱點清潔消毒等繁重勤務同時也呼籲民眾確實做好防疫作為避免疫情逐漸擴散。
環保局長呂理德表示早在去年疫情之初桃園的防疫消毒大隊就已訓練成軍目前編制有200位防疫消毒隊員37部消毒車以及137部背負式的消毒機在年初桃醫事件期間更與國軍33化學兵群合作執行全市環境大消毒而5月10日起更進行三階段消毒計畫不僅對於確診足跡熱點進行即時消毒也針對足跡熱點的當地裡及週邊裡共約200個裡、以及404處人潮密集熱區進行消毒。
呂理德說根據統計今年1月至5月底的消毒數量約9466次相比去年一整年消毒7158次可見今年消毒隊員負擔很重因防疫消毒大隊人員為第一線直接面對新冠病毒的威脅故採優先接種並持續投入確診者足跡的消毒第一線在完成全市大消毒後環保局會持續進行公共環境消毒作業。
桃園市環保局環境清潔稽查大隊長羅文林表示桃園市政府向中央申請隊員優先施打公費疫苗後目前近200位的防疫消毒隊員皆已疫苗接種完畢同時呼籲民眾倒垃圾時請務必戴口罩保護自己也保護清潔隊員若有經稽查不戴口罩者最重處1萬5000元罰鍰。</t>
  </si>
  <si>
    <t>消毒防疫隊員進行桃園清潔持續接種疫苗環境優先足跡熱點呂理德表示去年疫情民眾目前執行呼籲環保局口罩大隊今年</t>
  </si>
  <si>
    <t>新冠肺炎台灣 隊員200防疫消毒</t>
  </si>
  <si>
    <t>隊員臺灣肺炎防疫消毒</t>
  </si>
  <si>
    <t>認可留學生返校疫苗才能通知大學包括az</t>
  </si>
  <si>
    <t>台灣疫情爆發疫苗短缺。一名留美的台灣學生表示校方通知若要返校就必須接種疫苗且必須施打校方認可的3種疫苗包括輝瑞／BNT、嬌生及莫德納而AZ疫苗因未獲得美國FDA的EUA（緊急使用授權）因此不在認可名單</t>
  </si>
  <si>
    <t>疫苗校方認可臺灣使用eua緊急fda美國獲得學生az表示莫德納通知bnt必須返校包括輝瑞授權短缺接種不在</t>
  </si>
  <si>
    <t>台灣疫情爆發疫苗短缺。一名留美的台灣學生表示校方通知若要返校就必須接種疫苗且必須施打校方認可的3種疫苗包括輝瑞／BNT、嬌生及莫德納而AZ疫苗因未獲得美國FDA的EUA（緊急使用授權）因此不在認可名單內令他十分吃驚。
據《聯合報》報導台中市一名留美學生為了返回美國上秋季課程日前接獲校方通知表示若要返校需施打校方認可的3種疫苗包括輝瑞／BNT、嬌生及莫德納名單中並未見到AZ疫苗但台灣目前僅有AZ有機會打極少數的莫德納僅供第一線醫護接種因此只好提早回美國施打疫苗後再返校。
據瞭解美國有愈來愈多的大專院校強制學生若要於暑期返校必須完成新冠疫苗接種台灣不僅面臨疫苗短缺窘境也沒有多種品牌疫苗可選再加上預計下月開打的國產高端疫苗同樣面臨未獲美國EUA（緊急使用授權）的問題讓留美學生擔心即使在台灣打了疫苗也不算數得提前返美打完疫苗才能返校。
★《中時新聞網》提醒您：因應新冠肺炎疫情疾管署持續加強疫情監測與邊境管制措施 如有疑似症狀請撥打：1922專線或 0800-001922 並依指示配戴口罩儘速就醫同時主動告知醫師旅遊史及接觸史以利及時診斷及通報。</t>
  </si>
  <si>
    <t>疫苗美國返校臺灣接種莫德納疫情校方az認可留美學生名單施打學生面臨必須授權短缺通知接觸eua</t>
  </si>
  <si>
    <t>新冠肺炎AZ疫苗美國校方</t>
  </si>
  <si>
    <t>az肺炎疫苗美國校方</t>
  </si>
  <si>
    <t>黃偉哲不爽指揮中心警示應該景點台南感到高興</t>
  </si>
  <si>
    <t>五一連假將近為了避免清明連假部分景點人潮過多拉高感染新冠肺炎風險的情況重演政府推出1968app用不同顏色燈號提醒民眾各景點人潮但台南市長黃偉哲不滿當中台南景點被列最多認為有些景點人潮根本不多質</t>
  </si>
  <si>
    <t>景點人潮台南部分重演情況政府風險肺炎推出app過多不同拉高顏色感染燈號民眾提醒清明連當中認為不滿市長</t>
  </si>
  <si>
    <t>景點人潮政府指揮中心台南出來地方疫情提醒民眾指揮官應該黃偉哲表示部分肺炎風險情況重演過多拉高</t>
  </si>
  <si>
    <t>指揮中心景點人潮應該台南景點</t>
  </si>
  <si>
    <t>中心應該人潮景點台南指揮</t>
  </si>
  <si>
    <t>流感專家感染混合病毒不利疫情防治</t>
  </si>
  <si>
    <t>新冠肺炎疫情持續在大陸延燒有專家提醒目前疫情最嚴重的南方城市即將進入季節性流感高發期病毒可能與流感病毒混合感染恐對疫情防治帶來衝擊。根據廣州市公共衛生專家發表的最新論文就警告新冠肺炎防疫進</t>
  </si>
  <si>
    <t>疫情專家流感肺炎病毒季節性進入即將警告感染城市南方論文嚴重最新發表防治衛生持續帶來衝擊廣州市目前大陸提醒</t>
  </si>
  <si>
    <t>新冠肺炎疫情持續在大陸延燒有專家提醒目前疫情最嚴重的南方城市即將進入季節性流感高發期病毒可能與流感病毒混合感染恐對疫情防治帶來衝擊。
根據廣州市公共衛生專家發表的最新論文就警告新冠肺炎防疫進入關鍵時期與此同時目前疫情嚴重的大陸南方城市將進入季節性流感高發期新冠病毒與季節性流感可能會出現混合感染的情形恐對防疫帶來幹擾呼籲民眾可考慮接種流感疫苗。
廣州日報引述「中華預防醫學雜誌」線上最新發表由廣州市胸科醫院副院長李鐵剛和大陸國務院特殊津貼專家王鳴撰寫的論文稱「在抗擊新型冠狀病毒肺炎疫情同時應該警惕季節性流感的疊加效應」。
根據世界衛生組織報告顯示流感每年可導致5%至10%的成人和20%至30%的兒童發病。正如論文中提到在流感季節每10人至少就有1人感染流感。流感病毒可以引起嚴重併發症如重症肺炎或合併其他細菌感染並導致死亡。全球每年流感流行可導致65萬例死亡。
根據疾病監測資料與新冠肺炎一起即將進入流行季節的還有其他呼吸道傳染病如流感病毒、副流感病毒、腺病毒、呼吸道合胞病毒、鼻病毒、人偏肺病毒等相關疾病其臨床表現與新型冠狀病毒肺炎有相似之處難以通過臨床表現、胸部影像學鑒別。
專家認為在對呼吸道病例排查過程中如果檢測到季節性流感病毒陽性也需要進一步檢測新冠肺炎病毒。即便檢測結果呈現陰性對於特殊病例如密切接觸者、流行區域活動史人員等也需要持續觀察滿14天並在觀察結束時再次進行新型冠狀病毒檢測。
更多 CTWANT 報導</t>
  </si>
  <si>
    <t>流感病毒肺炎專家疫情季節性冠狀論文感染流行大陸呼吸道進入檢測嚴重病例導致疾病防疫持續發表最新</t>
  </si>
  <si>
    <t>季節性流感專家檢測病毒武漢肺炎</t>
  </si>
  <si>
    <t>檢測專家病毒武漢流感季節性肺炎</t>
  </si>
  <si>
    <t>鄭照新韓國瑜譏諷當初再起議員聲浪那去</t>
  </si>
  <si>
    <t>中央流行疫情指揮中心24日表示日官方通報一名20多歲日本女學生於機場入境時被檢驗出新冠肺炎陽性確診震撼全國。這也讓前高雄市心聞局長鄭照新感嘆現在許多專家要求我國有必要時行普篩對照前高雄市長韓國瑜</t>
  </si>
  <si>
    <t>日本中心學生對照機場入境檢驗必要出新表示時行我國肺炎要求陽性專家現在確診感歎鄭照新震撼全國局長</t>
  </si>
  <si>
    <t>中央流行疫情指揮中心24日表示日官方通報一名20多歲日本女學生於機場入境時被檢驗出新冠肺炎陽性確診震撼全國。這也讓前高雄市心聞局長鄭照新感嘆現在許多專家要求我國有必要時行普篩對照前高雄市長韓國瑜提出抗體篩檢補助卻被民進黨轟是恐嚇市民請問現在那些市議員去哪裡了？
鄭照新在臉書發文表示如同他之前所述主觀的情緒會遠離客觀的數字會留下當時的韓國瑜市長為了體恤第一線醫護人員需求主動提出提供抗體篩檢補助被諷刺是「封城秀急」大量網軍不斷抹黑韓市長要「普篩恐嚇市民」
鄭照新感嘆這些民進黨團的議員們（其實不只）（歡迎大家幫忙google當時是那幾位更歡迎大家把這篇報導直接貼去詢問這些議員說法給高雄一個交代）一個個說擴大篩檢的不對如今專家們振振有詞說曾經提議小型普篩議員們都到那裡去了？覺青呢？愛高雄的we care呢？鄭照新強調「謊言經不起時間的考驗公道終將來臨」！</t>
  </si>
  <si>
    <t>鄭照新議員高雄市長表示當時專家韓國瑜現在感歎恐嚇歡迎市民補助提出抗體時間學生機場日本</t>
  </si>
  <si>
    <t>鄭照新普篩韓國瑜高雄市新冠肺炎</t>
  </si>
  <si>
    <t>韓國高雄市鄭照新肺炎</t>
  </si>
  <si>
    <t>星國進軍據點萬里雲啟用</t>
  </si>
  <si>
    <t>台灣雲端新創CloudMile萬裡雲近期擴大營運觸角創辦人暨執行長劉永信表示有鑒於新加坡政府對AI和雲端運算的重視和投入萬裡雲在新加坡設立新總部辦公室15日正式啟用。劉永信指出新據點成立將成為萬裡雲推動</t>
  </si>
  <si>
    <t>劉永信雲端萬里雲近期擴大營運觸角成立創辦執行長據點表示有鑒於指出新加坡政府運算重視ai投入新加坡總部設立啟用辦公室cloudmile</t>
  </si>
  <si>
    <t>新加坡萬里雲服務管理新加坡政府學習ai劉永信新創雲端轉型重要據點預測市場企業產業運算推動近期提供當地機器成立指出</t>
  </si>
  <si>
    <t>服務雲端運算劉永信新加坡政府萬裡雲</t>
  </si>
  <si>
    <t>劉永信雲端新加坡政府運算萬里雲服務</t>
  </si>
  <si>
    <t>準備解封好萊塢</t>
  </si>
  <si>
    <t>新冠肺炎疫情爆發以來美國影視產業拍攝工作全面停擺造成大批失業人口。在加州及紐約兩大拍片重鎮醞釀重啟拍攝活動之際工會提出嚴密安全規範。■The coronavirus has cast a spotlight on a lack of hygiene on se</t>
  </si>
  <si>
    <t>拍攝on爆發has以來coronavirus美國the規範產業安全嚴密工作提出全面造成工會失業人口spotlight加州紐約疫情之際活動</t>
  </si>
  <si>
    <t>新冠肺炎疫情爆發以來美國影視產業拍攝工作全面停擺造成大批失業人口。在加州及紐約兩大拍片重鎮醞釀重啟拍攝活動之際工會提出嚴密安全規範。
■The coronavirus has cast a spotlight on a lack of hygiene on sets with some people recalling situations where there were not enough bathrooms or places to wash their hands
加州州長紐森（Gavin Newsom）在5月20日宣佈州政府即將重新開放拍片活動並表示合乎標準的縣市最快一周後就能開始拍片但許多工會成員仍舊認為加州疫情尚未脫離險境草率開拍只會讓工作人員及演員處於險境。
自從疫情爆發以來加州新冠肺炎確診人數已逼近12萬人至今單日新增病例約在2千人左右。6月3日當天新增的死亡病例有54人雖低於前一天的100人但距離疫情消退還有一段時間。
專案小組 擬安全規範
為了確保電影從業人員能在某種程度的安全環境下返回工作岡位美國影視產業罕見地團結一心。由迪士尼、網飛、華納兄弟、NBC環球等產業巨頭及國際戲劇舞臺工作者聯盟（IATSE）、美國電視廣播演員工會（SAG-AFTRA）、美國導演工會（Directors Guild of America）、美國電影電視製作人聯盟（Alliance of Motion Picture and Television Producers）等眾多勞工團體組成的專案小組共同規劃這段非常時期的拍片安全規範。
上述名為「影視產業勞工管理安全委員會」的專案小組在6月1日向加州及紐約州政府提交長達22頁的《新冠肺炎疫情期間電影、電視、串流影片製作健康安全規範》目的是希望好萊塢及紐約兩大影視重鎮能在安全環境下重啟拍片活動。
根據這份白皮書日後演員及工作人員進入片場前都必須測量體溫並戴上個人防護裝備。除了演員因拍戲需求無法戴上口罩之外現場工作人員全都要戴口罩。拍戲劇本也應避免演員之間親密接觸必要時運用特效後製取代實際肢體接觸的戲份。
棚內錄影節目若不得以非要觀眾參與的話也將要求觀眾戴口罩。此外一天中參與同一部片拍攝工作的各組人馬應盡量分流依不同時段進場。
片場人員 強制病毒篩檢
最重要的是片場的演員及工作人員都將強制進行新冠肺炎病毒篩檢。美國導演工會會長史拉姆（Thomas Schlamme）及全國執行總監歐蘭德（Russell Hollander）強調病毒篩檢是片場防疫安全規範的「基礎」且篩檢結果必須迅速確實。兩人表示：「缺乏篩檢將使演員及工作人員全體處於未知風險環境。」
疫情爆發以來美國各大片場的環境衛生引起外界關注因為不少工作人員透露片場廁所不足也沒有洗手台可使用。尤其在影帝湯姆漢克斯、韓裔演員金大賢等人相繼確診新冠肺炎後演員更成為影視產業公認的最高風險族群。
上述工會代表於白皮書中表示：「限制面對面近距離接觸是防止新冠肺炎病毒傳播的最佳方法。此外持續定期針對演員及工作人員進行病毒篩檢也能降低感染風險。」
這份白皮書除了送交紐森及紐約州長郭謨（Andrew Cuomo）辦公室之外也交給縣市政府主管機關審議。好萊塢大型片場聚集的洛杉磯縣政府已在6月2日開會討論重啟拍片活動的先決條件但紐森及郭謨尚未針對白皮書發表回應。一名產業人士向媒體表示：「現在決定權掌握在政府手裡。」</t>
  </si>
  <si>
    <t>演員安全產業片場工作人員工會美國加州規範疫情表示肺炎白皮書接觸of活動環境</t>
  </si>
  <si>
    <t>工作加州美國肺炎篩檢</t>
  </si>
  <si>
    <t>加州美國肺炎工作</t>
  </si>
  <si>
    <t>配合大陸中國蔡英文台人早日包機武漢返台</t>
  </si>
  <si>
    <t>第二批武漢包機遲遲無法成行 蔡英文總統今天表示 我們第二批的作業早就已經完成接機的班機隨時可以出發。希望在我們已經完全準備好的情況下中國政府可以配合讓武漢的台灣人可以早日返台。蔡英文今晚在臉書</t>
  </si>
  <si>
    <t>可以蔡英文已經武漢返台早日成行總統今天表示中國政府作業早就完成準備情況完全班機隨時希望出發無法臺灣人配合今晚</t>
  </si>
  <si>
    <t>第二批武漢包機遲遲無法成行 蔡英文總統今天表示 我們第二批的作業早就已經完成接機的班機隨時可以出發。希望在我們已經完全準備好的情況下中國政府可以配合讓武漢的台灣人可以早日返台。
蔡英文今晚在臉書表示今天她到國家衛生研究院關心新冠肺炎治療藥物的研發情況。目前國衛院已經完成被視為極有可能對抗武漢肺炎最有效藥物瑞德西韋的合成並確認了化學結構和純度。「我相信如果未來的疫情有需要我們可以透過國際合作和自身能量來對抗武漢肺炎。」
她說當全國團結一致面對防疫挑戰的時刻針對國民黨立委吳斯懷認為她挑釁中國「我只是基於真實的情況進行表述也展現自我防衛的決心這些是國家領導人應該要說的話」。曾經做過軍人的吳斯懷這時質疑總統講的話她相信會讓很多國軍弟兄姊妹感到非常失望。
蔡英文表示我們拒絕戰爭但我們絕對不是弱者我們不挑釁但我們也不會卑躬屈膝這就是我們基本的態度。
另外國際上持續有很多主要國家包括法國的議員也都支持台灣參與WHO。她要表達感謝之意也再次強調台灣優秀的醫療制度和團隊尤其我們有從SARS累積的豐富防疫經驗能夠為世界帶來貢獻。
她認為防疫不該有缺口在武漢疫情的期間更凸顯台灣加入WHO的重要性。人民的健康是最重要的事情政治因素不該淩駕健康權利。
她說同樣的道理把武漢的台灣人接回來的計畫我們第二批的作業早就已經完成名單給了飛機也準備好了相關的檢疫、防疫、醫療照顧的人員也都待命。接機的班機隨時可以出發把我們的國人接回來。
蔡英文表示 我們對防疫風險的掌控一直用最嚴謹的態度在面對希望在我們已經完全準備好的情況下中國政府可以配合讓武漢的台灣人可以早日返台。</t>
  </si>
  <si>
    <t>武漢防疫可以蔡英文已經表示情況臺灣肺炎完成相信吳斯懷認為健康總統不該醫療國家面對態度藥物挑釁who</t>
  </si>
  <si>
    <t>月底返台境外確診新增</t>
  </si>
  <si>
    <t>中央流行疫情指揮中心今(3)日公佈國內新增1例境外移入COVID-19(新冠肺炎)確定病例為本國籍30多歲女性(案687)自美國入境。指揮中心表示案687於美國工作11月29日返臺探親入境後至住處居家檢疫同日於住處出</t>
  </si>
  <si>
    <t>入境中心指揮美國住處covid-境外探親肺炎新增確定國內公佈病例返台居家國籍女性工作檢疫表示</t>
  </si>
  <si>
    <t>中央流行疫情指揮中心今(3)日公佈國內新增1例境外移入COVID-19(新冠肺炎)確定病例為本國籍30多歲女性(案687)自美國入境。
指揮中心表示案687於美國工作11月29日返臺探親入境後至住處居家檢疫同日於住處出現喉嚨不適情形並主動通報由衛生單位安排就醫採檢及收治住院於今日確診。
指揮中心指出已掌握個案同班機接觸者共25人其中14人為前後二排座位旅客列居家隔離11人為機組員因有適當防護列自主健康管理。
指揮中心統計截至目前國內累計111230例新型冠狀病毒肺炎相關通報(含109532例排除)其中686例確診分別為594例境外移入55例本⼟病例36例敦睦艦隊及1例不明；另1例(案530)移除為空號。確診個案中7人死亡、572人解除隔離、107人住院隔離中。</t>
  </si>
  <si>
    <t>指揮中心確診通報居家個案肺炎入境病例國內隔離住院住處美國境外主動衛生不適單位喉嚨情形出現</t>
  </si>
  <si>
    <t>新冠肺炎境外移入確診指揮中心</t>
  </si>
  <si>
    <t>境外肺炎確診指揮中心</t>
  </si>
  <si>
    <t>大陸形成救治肺炎重症經驗主任世界衛健分享國家</t>
  </si>
  <si>
    <t>大陸央視新聞25日報導隨著武漢最後一例重症患者新冠肺炎24日治癒武漢重症病例實現了「清零」。大陸國家衛健委主任馬曉偉接受陸媒專訪表示新冠肺炎重症救治形成了寶貴的經驗可與世界分享。馬曉偉指出湖北武</t>
  </si>
  <si>
    <t>重症馬曉偉武漢大陸肺炎分享世界經驗寶貴報導主任衛健國家形成接受陸媒救治專訪實現最後病例表示</t>
  </si>
  <si>
    <t>大陸央視新聞25日報導隨著武漢最後一例重症患者新冠肺炎24日治癒武漢重症病例實現了「清零」。大陸國家衛健委主任馬曉偉接受陸媒專訪表示新冠肺炎重症救治形成了寶貴的經驗可與世界分享。
馬曉偉指出湖北武漢危重症治療現在「清零」這標誌著湖北武漢保衛戰取得了決定性的勝利標誌著大陸新冠肺炎治療方面達到了國際先進水準。同時也標誌著大陸重症醫學呼吸科、感染科治療水準取得了長足的進步。
報導指出武漢在院重症病例數量從最高峰時2月19日的9689例到現在重症和危重症病例清零武漢市累計治癒率是922％重症患者轉歸為治癒的比例為889％。並且在新冠肺炎重症救治方面也探索形成了「中國經驗」。包括國家呼吸、重症、感染等骨幹力量整建制接管重症病區建立了有效的醫療管理組織體系把各地馳援的42000多醫務人員有序組織起來堅持醫療與護理相結合醫療與管理結合狠抓救治規範化、同質化。
馬曉偉說建立了醫療管理制度比如說24小時病例報告制度死亡病例討論制度專家會診制度專家巡診制度護理管理制度等等。從細微處管理每一個病人看住每一個病人使每一個病人在他治療的整個過程中都在醫療照顧之下。
馬曉偉指出在治療方面大陸有很多特點：
第一基礎和臨床結合開展病理解剖瞭解病毒對身體侵害的部位明確下一步治療方向。
第二前方和後方結合前方重症醫學科、呼吸科和迴圈科等和各方的血液免疫等許多學科進行遠端會診。組織起了全大陸的學科力量開展救治工作。
第三醫療和護理結合這對重症病人的護理是十分重要的整體護理、專業護理、生活護理和心理護理這四個方面要結合在一起。
第四醫療和管理結合大陸建立了一套完整的統一的標準流程和評價體系這使得整個治療水準能夠達到同質化能夠達到國家一級的水準。
馬曉偉認為這些經驗不僅為大陸今後治療病毒性肺炎提供了寶貴的經驗也完全可以同國際社會分享。
馬曉偉表示新冠肺炎的治療結束之後一些其他患有基礎病的患者正在相關學科進行專門的治療都在武漢高水準的醫院進行專科的治療。這方面已經做了妥善的安排。</t>
  </si>
  <si>
    <t>治療重症大陸醫療結合方面武漢病例曉偉護理水準肺炎經驗管理學科救治進行患者建立標誌著組織指出呼吸管理制度</t>
  </si>
  <si>
    <t>護理治療大陸肺炎醫療</t>
  </si>
  <si>
    <t>大陸肺炎醫療護理治療</t>
  </si>
  <si>
    <t>滿載貨車趕路洗手起火防疫</t>
  </si>
  <si>
    <t>1輛滿載乾洗手液等消毒用品的大貨車13日淩晨行經台61線快速道路台西鄉段時後車鬥突然起火由於乾洗手液含有酒精火勢猛烈經消防隊全力搶救才將火勢撲滅消防人員呼籲民眾為了防疫購買含有酒精的消毒用品載</t>
  </si>
  <si>
    <t>含有酒精火勢消毒用品洗手台西快速道路段時行經淩晨才將車鬥撲滅消防人員突然貨車呼籲起火猛烈民眾防疫購買</t>
  </si>
  <si>
    <t>1輛滿載乾洗手液等消毒用品的大貨車13日淩晨行經台61線快速道路台西鄉段時後車鬥突然起火由於乾洗手液含有酒精火勢猛烈經消防隊全力搶救才將火勢撲滅消防人員呼籲民眾為了防疫購買含有酒精的消毒用品載運時務必做好安全措施。
新冠肺炎疫情引發民眾搶購酒精、乾洗手液台南1家清潔用品公司林姓司機12日晚間載送1貨車乾洗手液前往台中補貨13日清晨零點許行經台61線快速道路雲林縣台西鄉段時發現後車鬥冒出火苗馬上停車查看。
由於乾洗手液含有大量易燃酒精後車鬥火勢一發不可收拾林姓司機見自己無法撲滅打電話向消防單位求援台西消防分隊獲報立即出動2輛消防車與1輛救護車前往救援到達現場時大貨車已陷入一片火海。
5名消防人員以強力水柱灌救滅火約30分鐘後將火勢控制只見後車鬥的乾洗手液已付之一炬車頭也遭到波及燒得面目全非所幸林姓司機即時下車並沒有受傷初步研判起火原因可能是貨品因碰撞產生壓力變化引起。
消防人員表示最近因民眾防範新冠疫情工廠大量生產酒精、乾洗手液等消毒用品運輸量也相對增加提醒大家載運這些易燃物時需小心謹慎加強固定避免因碰撞產生壓力變化、不要置於車體高溫處、遠離火源務必做好防護措施以免發生意外。</t>
  </si>
  <si>
    <t>洗手火勢酒精司機消防人員貨車民眾車鬥用品含有消毒台西前往起火撲滅載運務必林姓碰撞產生壓力變化</t>
  </si>
  <si>
    <t>心包心肌疫苗國際累計接種</t>
  </si>
  <si>
    <t>BNT疫苗上月開始在校園施打不少家長都擔心孩子接種後出現心肌炎及心包膜炎。根據中央流行疫情指揮中心統計國內截至10月6日所有廠牌的疫苗接種共有27人出現心肌炎及心包膜炎。指揮中心發言人莊人祥表示10月</t>
  </si>
  <si>
    <t>中心指揮接種疫苗心包出現心肌炎校園施打家長擔心孩子截至國內統計疫情共有流行開始中央上月發言人</t>
  </si>
  <si>
    <t>BNT疫苗上月開始在校園施打不少家長都擔心孩子接種後出現心肌炎及心包膜炎。根據中央流行疫情指揮中心統計國內截至10月6日所有廠牌的疫苗接種共有27人出現心肌炎及心包膜炎。
指揮中心發言人莊人祥表示10月6日為止國內共累計27人接種疫苗後出現心肌炎、心包膜炎其中AZ疫苗有8人、莫德納13人、BNT有6人。6人都是13-16歲青少年已經出院指揮中心後續會再報告其他的個案。
昨國內疫苗新增141件不良事件通報其中68件非嚴重不良事件、8件死亡通報、65件其他疑似嚴重不良事件。8名死亡個案中4人接種AZ疫苗、4人接種莫德納4名AZ接種者年齡介於54-85歲在接種後6-74天發生另4名接種莫德納者年齡介於53-80歲分別在接種後1-57天發生。</t>
  </si>
  <si>
    <t>疫苗接種國內中心指揮個案不良事件az心包心肌炎莫德納死亡出現通報年齡嚴重校園施打家長bnt擔心</t>
  </si>
  <si>
    <t>接種心包膜炎AZ莫德納BNT</t>
  </si>
  <si>
    <t>az莫德納心包bnt接種</t>
  </si>
  <si>
    <t>地名標籤網路心寒認知鄉民病毒根本鍋霸電視臺</t>
  </si>
  <si>
    <t>國內新冠肺炎情勢嚴峻頻頻炸鍋的本土個案讓人心惶惶尤其「阿公店」群聚感染大爆發以來大量確診病例皆與萬華茶室、茶藝館有關儼然讓該處成為此波疫情的「重災區」但今（25）日有PTT眾多鄉民不滿直指有電</t>
  </si>
  <si>
    <t>情勢嚴峻ptt頻頻本土重災區肺炎個案疫情人心惶惶成為以來感染確診爆發病例萬華尤其阿公店不滿有關</t>
  </si>
  <si>
    <t>國內新冠肺炎情勢嚴峻頻頻炸鍋的本土個案讓人心惶惶尤其「阿公店」群聚感染大爆發以來大量確診病例皆與萬華茶室、茶藝館有關儼然讓該處成為此波疫情的「重災區」但今（25）日有PTT眾多鄉民不滿直指有電視台使用「萬華病毒」一詞無疑是不尊重當地人感受。
根據PTT該文指出面對台灣COVID-19疫情不斷延燒過去「武漢肺炎」一詞曾引起大陸民眾的不滿如今有電視台使用「萬華病毒」一詞也惹來鄉民怒火對此原PO就痛批「是怎樣萬華會無緣無故生出病毒是不是？」認為疫情擴散跟政府防堵不力有關不應甩黑鍋給萬華人揹。
由於原PO還將電視台放送的影像擷圖貼上PTT不少網友看了也都認為這件事需要更多同理心所以紛紛質疑「已經有霸淩事件了這種名詞會加重」、「羞辱自己國家行政區很爽對嗎？」「標籤化地名 對人民很傷的」、「認知作戰開打」另外也有人直呼「明明是獅子王傳過來的」或揚言要「去跟NCC檢舉」但也有網友呼籲理性表示疫情嚴峻大家不要口水戰病毒才是台灣的敵人。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情ptt病毒肺炎使用電視臺有關po嚴峻認為務必臺灣網友鄉民防疫口罩專線不滿</t>
  </si>
  <si>
    <t>電視台萬華病毒鄉民PTT</t>
  </si>
  <si>
    <t>病毒電視臺鄉民萬華ptt</t>
  </si>
  <si>
    <t>週三開放流程口罩預購</t>
  </si>
  <si>
    <t>預購民眾口罩表示週三取得進行儘早上網指出歡迎縮短需求相同訂購指揮流程中心陳時中</t>
  </si>
  <si>
    <t>預購週三民眾序號口罩進行身分成功中心指揮晚上上午時至表示ibonfamiport機台</t>
  </si>
  <si>
    <t>新冠肺炎武漢肺炎COVID-19口罩20預購</t>
  </si>
  <si>
    <t>武漢肺炎covid-口罩預購</t>
  </si>
  <si>
    <t>陳時中內訌證實陸委會看法不同配子</t>
  </si>
  <si>
    <t>陳時中政策部會放到宣佈急轉彎疫情風向走向決定形成失效溝通之前是否上演戲碼衛福部長陳明陸委會主委</t>
  </si>
  <si>
    <t>陸委會沒有陳時中疫情宣佈父母表示部會指揮中心政策記者會措施認為開放防疫撤回風向時候孩子</t>
  </si>
  <si>
    <t>最慘萎縮經濟gdp衰退</t>
  </si>
  <si>
    <t>資料指出以來受到記載肺炎疫情衝擊創下百業蕭條經濟導致丟掉萎縮工作大幅史上去年同期失業率gdp毛額生產</t>
  </si>
  <si>
    <t>經濟萎縮疫情消費者史上美國連續支出去年同期gdp資料指出受到肺炎衝擊百業蕭條旅遊商場航空導致餐館丟掉</t>
  </si>
  <si>
    <t>萎縮GDP經濟新冠肺炎美國疫情</t>
  </si>
  <si>
    <t>經濟肺炎美國gdp萎縮疫情</t>
  </si>
  <si>
    <t>北市地圖病例整理確診網友</t>
  </si>
  <si>
    <t>台灣新冠肺炎目前共有28例確診案例臺北市長柯文哲屢屢喊話中央公佈確診者的居住地點且稱對是否有確診者「不知道」。在公佈第27、28例前有網友整理衛福部公開的26例資訊統計出目前臺北市確診者共7人是全</t>
  </si>
  <si>
    <t>確診臺北市目前公佈共有衛福部公開資訊居住案例統計屢屢柯文哲中央喊話肺炎整理網友是否地點知道</t>
  </si>
  <si>
    <t>台灣新冠肺炎目前共有28例確診案例臺北市長柯文哲屢屢喊話中央公佈確診者的居住地點且稱對是否有確診者「不知道」。在公佈第27、28例前有網友整理衛福部公開的26例資訊統計出目前臺北市確診者共7人是全台最多。
有網友表示公開管道取得台灣26例新冠肺炎病例縣市分佈資料統計目前以臺北市7例最多彰化縣5例居次再者是台中市4例、新北市3例、南投縣及高雄市各2例、宜蘭縣、桃園市、台南市各1例。其餘縣市則都是0人。資料一出引起網友熱烈討論並質疑為何中央流行疫情指揮中心不主動公佈。
這名網友稱自己是台南的資訊人員在2015製作登革熱地圖時就知道可以取得鄉鎮市區層級的統計資料因自己家人感染了登革熱因此著手整理台南市政府衛生局公開的村裡層級資料而後促成疾管署願意直接提供系統化的資料。而自己「很無法適應這次資訊揭露的倒退所以在取得資料之後第一時間選擇公開。」
疾管署副署長莊人祥說「這些資料都有它的限制」網友公佈的只是新冠肺炎在台灣的早期資料很多案例都是境外移入也有許多例是在機場就被直送到醫院根本沒有進到社區。因此即便看到案例的戶籍地案例也沒有造成社區疫情。
衛福部長陳時中表示大家對於疫情的公佈一直有爭論指揮中心目前為止至少兩次對於疫情公開的基本原則就是「特定的、能掌握的人員就不公佈」、「有不特定且掌握不到的就會公佈」。就像日前鑽石公主號因為沒辦法掌握每個人所以公佈細胞簡訊讓大家知道這些旅客走過的點有哪些早期發現可以早期預防「有助於防疫的才會公佈。」</t>
  </si>
  <si>
    <t>公佈資料公開網友疫情取得確診案例資訊知道台南臺北市掌握早期目前層級可以中央人員</t>
  </si>
  <si>
    <t>臺北市取得肺炎掌握公開</t>
  </si>
  <si>
    <t>掌握取得公開臺北市肺炎</t>
  </si>
  <si>
    <t>學校市府執行家中體溫發條上緊防疫並行</t>
  </si>
  <si>
    <t>台中市教育局1日表示上學前家長為孩子先量測體溫並記錄於自主健康管理表有助瞭解孩童每日的身體健康狀況；學校仍有量測體溫機制將督導校方加強查閱學生自主健康管理表透過量測雙軌制落實防疫措施。教育</t>
  </si>
  <si>
    <t>測體溫自主管理健康教育表示上學家長孩子先量身體健康狀況透過學校孩童機制督導校方加強瞭解</t>
  </si>
  <si>
    <t>台中市教育局1日表示上學前家長為孩子先量測體溫並記錄於自主健康管理表有助瞭解孩童每日的身體健康狀況；學校仍有量測體溫機制將督導校方加強查閱學生自主健康管理表透過量測雙軌制落實防疫措施。
教育局指出依據教育部函文學生每日上學前家長應主動關心其身體健康並量測體溫如有發燒、咳嗽或非過敏性流鼻水等呼吸道症狀應主動告知校方盡速就醫或在家休息。
教育局要求台中市各校發放自主健康管理表學生上學前由家長協助量測體溫並在表上紀錄、簽名再由學校人員檢閱後即可入校。
如家中未有體溫量測器具學校也有安排專人協助量測體溫。
教育局強調透過發放自主健康管理表及校園出入口設置體溫量測站的量測雙軌制學生若有發燒情形可於家中立即可得知避免到校後才發現也可避免體溫量測站等待學生過多、大排長龍。
教育局要求各校做好校園防疫加強落實查閱管理表並請督學到校督導改善確保孩童每日的健康狀況。
＃新冠肺炎＃新型冠狀病毒＃台灣＃台中市＃量體溫＃教育局</t>
  </si>
  <si>
    <t>測體溫教育局學生管理學校體溫上學自主健康孩童台中家長到校校方發燒督導即可身體健康主動校園</t>
  </si>
  <si>
    <t>新冠肺炎武漢肺炎新型冠狀病毒台灣量測</t>
  </si>
  <si>
    <t>社區感染omicron再現新增韓國</t>
  </si>
  <si>
    <t>韓國中央防疫對策本部12日通報新增15例感染新冠新變異株omicron病例累計90例。其中7例為社區感染。另外全國新增新冠肺炎確診病例6689例死亡病例43例。重症患者894例較前一天增加38例刷新紀錄。冬季寒冷</t>
  </si>
  <si>
    <t>病例新增感染本部通報增加對策肺炎患者防疫累計刷新紀錄確診變異社區全國重症死亡omicron中央冬季韓國寒冷</t>
  </si>
  <si>
    <t>韓國中央防疫對策本部12日通報新增15例感染新冠新變異株omicron病例累計90例。其中7例為社區感染。
另外全國新增新冠肺炎確診病例6689例死亡病例43例。重症患者894例較前一天增加38例刷新紀錄。
冬季寒冷天氣有利於病毒存活和傳播以及新冠新變異株omicron等變數疫情形勢有可能進一步惡化。</t>
  </si>
  <si>
    <t>新增病例變異omicron感染形勢本部疫情變數通報刷新紀錄冬季寒冷天氣有利於對策病毒肺炎患者增加可能防疫存活傳播</t>
  </si>
  <si>
    <t>全國omicron韓國社區感染新冠</t>
  </si>
  <si>
    <t>感染韓國社區omicron全國</t>
  </si>
  <si>
    <t>豐原聚賭破門民宅疫情無視</t>
  </si>
  <si>
    <t>台中市黃姓男子於神岡區中山路一帶租屋處經營賭場常有不特定人士進出群聚警方經多日來監控蒐證19日持搜索票進行查緝當場查獲負責人黃男、8名賭客及在場人人士1名共10人並查扣賭具2組、賭資及抽頭金3萬6200</t>
  </si>
  <si>
    <t>人士神岡賭具中山路查扣一帶男子經營在場人賭場賭客查獲當場常有查緝進行黃男搜索蒐證負責人</t>
  </si>
  <si>
    <t>台中市黃姓男子於神岡區中山路一帶租屋處經營賭場常有不特定人士進出群聚警方經多日來監控蒐證19日持搜索票進行查緝當場查獲負責人黃男、8名賭客及在場人人士1名共10人並查扣賭具2組、賭資及抽頭金3萬6200元全案依法移請偵辦。
豐原警分局長吳銘淵表示警方接獲情資59歲黃姓男子於神岡區中山路一帶租屋處經營賭場招集賭客以十三支、麻將等方式聚賭並提供飲食及茶水等服務經常有不特定人士進出群聚極可能成為防疫破口。
員警經過多日監控蒐證確實掌握該賭場狀況19日下午4時許見時機成熟持台中地方法院核發搜索票進行查緝員警守候俟屋內人員開門之際趁其不備衝入屋內當場查獲賭場負責人黃姓男子。
現場還有8名賭客及在場人士1名共計10人查扣麻將、撲克牌等賭具2組、賭資及抽頭金3萬6200元等相關物證全案依賭博罪、社會秩序維護法移請偵辦並將10人依傳染病防治法函請相關單位裁罰。
豐原警分局呼籲在此疫情嚴峻時刻民眾務必遵守政府防疫規定警方將持續嚴加查察各項不法行為上緊治安發條維持轄區治安平穩。</t>
  </si>
  <si>
    <t>賭場人士警方賭客男子黃姓防疫麻將相關豐原屋內當場蒐證查獲監控全案負責人查緝進出進行</t>
  </si>
  <si>
    <t>新冠肺炎台灣10人賭場黃姓男</t>
  </si>
  <si>
    <t>臺灣肺炎賭場黃姓</t>
  </si>
  <si>
    <t>爆發高雄活動影響疫情</t>
  </si>
  <si>
    <t>國內新冠肺炎疫情大爆發！高雄市也傳出基隆確診婦女曾在5月初南下高雄廟宇進香引起各界恐慌高雄市長陳其邁12日緊急臨時召開防疫會議決議停辦、延後舉辦各142場大型活動。為了配合中央提升疫情警戒至第二級高</t>
  </si>
  <si>
    <t>疫情高雄中央配合爆發大型活動高雄市舉辦延後傳出停辦基隆決議確診會議防疫南下召開月初曾在婦女市長陳其邁緊急肺炎提升廟宇</t>
  </si>
  <si>
    <t>國內新冠肺炎疫情大爆發！高雄市也傳出基隆確診婦女曾在5月初南下高雄廟宇進香引起各界恐慌高雄市長陳其邁12日緊急臨時召開防疫會議決議停辦、延後舉辦各142場大型活動。
為了配合中央提升疫情警戒至第二級高雄市各局處、單位在6月8日前原訂辦理的大型活動共計停辦142場、延後辦理142場原先預計在5月底舉辦的王心淩巡迴演唱會、全明星運動會演唱會都受到疫情影響而延期舉辦。
高市府衛生局表示目前國內疫情嚴峻衛生局呼籲市民減少參加非必要性活動或聚會以防範社區傳播發生。</t>
  </si>
  <si>
    <t>疫情舉辦高雄市衛生局高雄停辦延後大型活動辦理國內聚會演唱會活動必要性參加防範減少南下月初市長曾在陳其邁婦女市民確診基隆緊急傳出</t>
  </si>
  <si>
    <t>新冠肺炎台灣本土大型活動停辦高雄</t>
  </si>
  <si>
    <t>本土臺灣大型活動肺炎停辦高雄</t>
  </si>
  <si>
    <t>最慘危機糧食全球確診世界</t>
  </si>
  <si>
    <t>《中時新聞網》精選5件不可不知的國際大事帶讀者掌握今（11）日的國際新聞重點。【1】聯合國警告 疫情可能引爆50年來最嚴重的糧食危機聯合國秘書長古特雷斯9日警告新冠肺炎疫情過後的經濟衰退可能觸發全球50年</t>
  </si>
  <si>
    <t>國際疫情警告聯合國可能不可不大事精選肺炎糧食嚴重危機新聞古特雷斯秘書長引爆重點經濟衰退讀者掌握新聞網</t>
  </si>
  <si>
    <t>《中時新聞網》精選5件不可不知的國際大事帶讀者掌握今（11）日的國際新聞重點。
【1】聯合國警告 疫情可能引爆50年來最嚴重的糧食危機
聯合國秘書長古特雷斯9日警告新冠肺炎疫情過後的經濟衰退可能觸發全球50年來最嚴重的糧食危機對百萬名兒童及成年人造成長遠影響促請各國政府迅速行動以阻止災難。
【2】美新冠確診破200萬 12州住院數暴增
美國新冠肺炎確診人數已在10日正式突破200萬人不過隨著各州解封當地疫情出現升溫跡象12州的住院人數再次飆升當中亞利桑那州（Arizona）已要求各大醫院啟動緊急應變計畫。
【3】崔順實因韓閨密門終審重罰近5億 獲判18年徒刑
韓國前總統朴槿惠因閨密干政風波入獄而其中主角之一的崔順實（後改名崔瑞元）11日獲判18年徒刑並被罰款200億韓元（約496台幣）。
【4】北韓要美閉嘴 怒嗆「可怕大事會發生」
北韓9日宣佈切斷與南韓聯絡管道美國回應「失望」對此北韓外務省11日痛罵美國不要插手兩韓事務否則將面臨「無法承受的可怕大事」更指如果美國想要大選順利就乖乖「閉嘴」。
【5】捷克外長：建議議長別訪台
捷克參議院議長維特齊9日宣佈將於8月底率團訪台將是有史以來訪台層級最高的捷克官員而曾競選總統的捷克參議員德拉霍斯同日也宣佈將在10月訪問台灣促進兩國在網路安全和防疫等領域的交流。不過對於議長的決定不僅親陸的捷克總統齊曼透過發言人表示「議長此行如同烏克蘭東部分離地區」捷克外交部長派提賽克也表示在尊重一中原則下建議議長別訪台。</t>
  </si>
  <si>
    <t>捷克美國議長大事總統宣佈疫情訪台表示人數國際住院可怕</t>
  </si>
  <si>
    <t>1分鐘看世界國際新聞全球新聞中時電子報聯合國</t>
  </si>
  <si>
    <t>新聞全球電子國際世界聯合國</t>
  </si>
  <si>
    <t>照片張國煒曝光網友航班星宇沒</t>
  </si>
  <si>
    <t>新冠肺炎疫情擴散全球才剛正式上路的星宇航空受到嚴重衝擊如今落到無航班可飛的情況就有網友詢問董事長張國煒如今在幹嘛星宇小編在臉書公佈答案貼出2張照片讓網友笑翻直呼真的跪了。星宇航空昨天(1日)</t>
  </si>
  <si>
    <t>網友如今星宇航空擴散全球才剛正式上路疫情真的公佈受到照片貼出答案嚴重落到星宇小衝擊</t>
  </si>
  <si>
    <t>新冠肺炎疫情擴散全球才剛正式上路的星宇航空受到嚴重衝擊如今落到無航班可飛的情況就有網友詢問董事長張國煒如今在幹嘛星宇小編在臉書公佈答案貼出2張照片讓網友笑翻直呼真的跪了。
星宇航空昨天(1日)在臉書PO文表示近日大家很關心不斷私訊「星宇航空開航不久就受到疫情影響是不是很慘 ?」、「張董最近都在幹嘛」為此小編表示「請大家攏麥來問阮恁去問我家董仔」並貼出2張照片原來張國煒化身「清潔小弟」雙膝跪地拿著吸塵器認真清潔辦公室每一個角落。
勤奮的背影也湧入大量網友留言打氣「董仔加油啊」、「張董辛苦了」、「星宇牌吸塵器 何時上架」、「認真的男人最帥」、「k董就是那種會自己下去實做的好老闆」還有人打趣說「董事長：為了您的安全及健康建議您打掃環境時配戴口罩和手套」結果小編神回一句「還有護膝」讓網友都笑翻了。</t>
  </si>
  <si>
    <t>網友航空還有疫情董事長表示董仔如今認真張國煒受到吸塵器清潔貼出照片擴散全球</t>
  </si>
  <si>
    <t>星宇張國煒星宇航空小編臉書</t>
  </si>
  <si>
    <t>星宇航張國煒星宇</t>
  </si>
  <si>
    <t>下跪會長暴動教會天地韓國新留言</t>
  </si>
  <si>
    <t>韓國新天地教會教主李萬熙當地時間今（2）日下午3時（台灣時間下午2時）召開記者會戴著口罩跪地道歉也對許多信眾感染新冠病毒感到抱歉。李萬熙雙膝一跪意外引發網友暴動PTT版上瞬間湧入大量留言。李萬熙今日</t>
  </si>
  <si>
    <t>李萬熙時間下午瞬間當地ptt暴動網友感染引發召開病毒意外戴著記者會口罩地道感到</t>
  </si>
  <si>
    <t>韓國新天地教會教主李萬熙當地時間今（2）日下午3時（台灣時間下午2時）召開記者會戴著口罩跪地道歉也對許多信眾感染新冠病毒感到抱歉。李萬熙雙膝一跪意外引發網友暴動PTT版上瞬間湧入大量留言。
李萬熙今日召開記者會為教會一名教徒造成多人感染新冠肺炎道歉更稱這起傳染事件是「大災難」並下跪6秒致上最高的歉意也會尋求原諒。
記者會場外抗議人士聚集大罵他是騙子網路上也掀起一股罵潮就連台灣網友也群起激憤。PTT網友留言表示「切腹吧」、「還不呼籲信徒出來檢查」、「博取同情求減緩其刑嗎？」「不是自稱萬能的神嗎？」「道歉有用要法律幹嘛」、「還是去坐牢吧你」、「道歉有個P用」、「很會演」。</t>
  </si>
  <si>
    <t>道歉網友李萬熙留言記者會召開教會臺灣ptt感染時間下午同情博取檢查減緩出來坐牢信徒自稱</t>
  </si>
  <si>
    <t>李萬熙記者會道歉留言韓國</t>
  </si>
  <si>
    <t>道歉留言記者會李萬熙韓國</t>
  </si>
  <si>
    <t>增加案例死亡旅遊疫情警示伊朗升到</t>
  </si>
  <si>
    <t>中央流行疫情指揮中心今日表示伊朗近日COVID-19病例數及死亡病例快速增加目前確診病例數已達95例15例死亡病例擴及13省份死亡病例數僅次於中國大陸且輸出病例至阿曼、伊拉克、科威特、阿拉伯聯合大公國及</t>
  </si>
  <si>
    <t>病例死亡中心伊拉克今日阿曼表示伊朗指揮科威特輸出近日確診僅次於大陸covid-中國目前疫情阿拉伯省份快速增加流行聯合中央</t>
  </si>
  <si>
    <t>中央流行疫情指揮中心今日表示伊朗近日COVID-19病例數及死亡病例快速增加目前確診病例數已達95例15例死亡病例擴及13省份死亡病例數僅次於中國大陸且輸出病例至阿曼、伊拉克、科威特、阿拉伯聯合大公國及加拿大等多國。中東多國已關閉對伊朗邊界。
由於該國疫情明顯擴大指揮中心即日起提升伊朗旅遊疫情建議至第二級：警示(Alert)提醒民眾至當地應採取加強防護措施。</t>
  </si>
  <si>
    <t>病例伊朗疫情死亡中心指揮當地多國民眾提醒alert採取聯合伊拉克阿曼科威特阿拉伯警示建議旅遊今日邊界表示提升明顯即日起擴大加強</t>
  </si>
  <si>
    <t>施正鋒返鄉端午何不國人呼籲蔡英文糜?</t>
  </si>
  <si>
    <t>全國染疫人數突破萬人蔡總統幾度透過視訊公開喊話要民眾不要群聚和隨便移動遭到網友砲轟。東華大學教授施正鋒直言蔡英文的談話內容有種何不食肉糜的感覺並指現在的防疫三級警戒其實只是半吊子。同時也</t>
  </si>
  <si>
    <t>突破其實警戒萬人防疫總統現在透過感覺公開喊話何不人數民眾內容不要談話蔡英文隨便</t>
  </si>
  <si>
    <t>全國染疫人數突破萬人蔡總統幾度透過視訊公開喊話要民眾不要群聚和隨便移動遭到網友砲轟。東華大學教授施正鋒直言蔡英文的談話內容有種何不食肉糜的感覺並指現在的防疫三級警戒其實只是半吊子。同時也有民眾對蔡英文所言感到十分不滿。
《中天新聞》8日報導施正鋒表示蔡英文這種講法有點何不食肉糜那種感覺他更指出現在的情況有如已經進入第三次世界大戰然後他躲在防空洞裏面。施正鋒還認為「三級這樣子的防衛其實我必須講還是半吊子好嘛」。
有一位民眾接受《中天新聞》採訪時則表示「她(蔡英文)完全都沒有負責任你今天減班了可是很多人還是一樣下去沒有用啊如果今天要這樣子不如封城就好病毒也不會擴散」同時這位民眾也說「因為疫苗沒有來應該先封城現在這個病毒早就已經擴散出去現在疫苗過來也不夠疫苗本來就是政府要去跟人家接洽的一年多怎麼沒辦法準備？各國的疫苗可以收集多少個就進來嘛應該要每個人都去打」。
另一名受訪民眾則指出「從去元旦有這個肺炎開始就說我們有疫苗我們自己會做疫苗都騙人的不要老是講假話天天開那個電視會有屁用」。
此外蔡英文總統今天再度呼籲民眾放棄回家的機會用視訊向家人報平安。對於將車票退掉的人她說「真的謝謝大家也向大家說聲不好意思」。今年端午為了減少接觸的風險在線上團聚就是我們為彼此努力最大的心意。</t>
  </si>
  <si>
    <t>民眾蔡英文疫苗現在施正鋒沒有今天總統不要指出應該其實中天病毒已經表示</t>
  </si>
  <si>
    <t>新冠肺炎台灣蔡英文施正鋒端午節</t>
  </si>
  <si>
    <t>肺炎臺灣蔡英文施正鋒端午節</t>
  </si>
  <si>
    <t>莫德納疫苗配送開放接種</t>
  </si>
  <si>
    <t>中央流行疫情指揮中心今天宣佈6月18日起配送第二批莫德納(Moderna) COVID-19疫苗7萬3200劑開放6萬3200劑量的莫德納疫苗給一到三類對象接種另外一萬劑保留給邊境人員接種。指揮官陳時中表示昨天已經把第二</t>
  </si>
  <si>
    <t>莫德納接種疫苗指揮官中心今天宣佈對象配送moderna指揮陳時中人員邊境保留covid-劑量疫情表示開放流行昨天中央已經</t>
  </si>
  <si>
    <t>中央流行疫情指揮中心今天宣佈6月18日起配送第二批莫德納(Moderna) COVID-19疫苗7萬3200劑開放6萬3200劑量的莫德納疫苗給一到三類對象接種另外一萬劑保留給邊境人員接種。
指揮官陳時中表示昨天已經把第二批AZ疫苗配送讓大家比較可以掌握數量施打效率上可以增加今天宣佈接下來會再配送莫德納疫苗發到縣市政府中總共發放六萬三千兩百劑量針對一、二、三類都可以打莫德納雖然劑量數不多但近日因為接種沒有特別快所以希望六萬三千出去後可以對一、二、三類有幫助
另外陳時中表示也會保留一萬劑給交通部對於邊境人員大家強調邊境有相當的風險且要防止相關可能變種病毒入侵因此邊境人員的保護很重要所以一萬劑撥給交通部交給機場邊境人員施打。
指揮中心說明莫德納(Moderna) COVID-19疫苗已於6月9日起陸續提供第一類醫事及非醫事人員接種截至昨(15)日累計接種3萬7505人。為儘速提升第二類及第三類對象免疫保護力將於6月18日起進行第二次配送同時開放至第三類對象接種。本次疫苗配送量是以各縣市符合第一類至第三類對象中尚未接種人數接種率４成核估同時考量疫情風險程度高風險縣市（臺北市、新北市）分配數量係以尚未接種人數接種率達5成以上計算總計配送63200劑。
指揮中心表示另10000劑疫苗提供交通部認定之第二類及第三類對象所需疫苗量其中分配給國籍航空機組員5000劑含長榮、立榮、華航、華信、台灣虎航、星宇及飛特立等7家公司的駕駛員、空服員與隨機維修員等；另外5000劑分配給民航航空第一線人員含桃園機場及相關廠商、民航局、航空站、航管人員、飛機維修、倉儲、地勤及空廚等人員。</t>
  </si>
  <si>
    <t>人員接種疫苗配送物件可以邊境莫德納分配中心指揮交通部表示維修劑量風險相關民航保護數量機場疫情航空施打</t>
  </si>
  <si>
    <t>邊境莫德納疫苗接種新冠肺炎台灣</t>
  </si>
  <si>
    <t>接種疫苗肺炎莫德納邊境臺灣</t>
  </si>
  <si>
    <t>特別基金救援國發新創</t>
  </si>
  <si>
    <t>國發會副主委鄭貞茂30日表示國發基金管理會通過「對新冠肺炎影響新創事業投資作業要點」凡受疫情影響的新創事業即日起至9月底可提申請獲審查通過者給予6個月的營運資金而業者則須發行等額的「特別股」給國</t>
  </si>
  <si>
    <t>事業影響新創業者資金營運給予國發發行基金審查管理申請月底肺炎即日起表示投資疫情要點</t>
  </si>
  <si>
    <t>國發會副主委鄭貞茂30日表示國發基金管理會通過「對新冠肺炎影響新創事業投資作業要點」凡受疫情影響的新創事業即日起至9月底可提申請獲審查通過者給予6個月的營運資金而業者則須發行等額的「特別股」給國發基金。
鄭貞茂表示受疫情衝擊觀光業、中小企業可以向交通部、經濟部請求紓困。但新創事業卻無法適用成為「漏網之魚」近日主委陳美伶與新創業接觸發現這個問題因此昨日迅速通過方案以協助業者度過難關。
國發會表示　過去國發基金面對疫情、不景氣協助新創事業皆循融資方式這是有史以來首次以投資方式協助。
鄭貞茂表示疫情期間新創事業營運停擺但仍有租金、薪資、進料等營運成本得支出壓力不小。藉此要點新創業者可提出受疫情影響情況、以及所需營運資金等資料申請獲審查通過可給予6個月營運資金最多不超過12個月營運資金。
「救急不救窮」是本作業要點的精神鄭貞茂表示這次是循投資方式協助業者獲資金協助的業者需發行等額的「特別股」給國發基金之所以循不具投票權的特別股是因國發基金不希望因股權提高而介入經營。業者需明訂來日景氣恢復後贖回的條件（本金加股息）或轉換「普通股」的程式。
他強調國發基金將設專案審查會議加速審查投資總額雖未匡列但會盡量協助。即日起至今年9月底前皆可來申請為讓救援更即時審查時程也由三個月縮至一個月從申請到撥款於一個月內完成。
何謂新創事業？鄭貞茂表示比照創業天使投資方案的定義以設立未逾3年、實收資本不超過於8千萬元的事業為原則。創業天使方案投資的八十多家都符合來申請資格文創業若有新創概念也行。</t>
  </si>
  <si>
    <t>事業新創國發營運協助申請基金表示創業業者疫情鄭貞茂審查投資資金要點影響方案天使</t>
  </si>
  <si>
    <t>新創事業方案國發基金特別股營運資金</t>
  </si>
  <si>
    <t>基金國發特別方案事業營運資金新創</t>
  </si>
  <si>
    <t>取締警察局勤務台南照常黃偉哲執行</t>
  </si>
  <si>
    <t>因應新冠肺炎疫情內政部長徐國勇今天宣佈警政署暫時取消全國性酒測但地區性酒測還是要做；台南市長黃偉哲表示防疫期間台南市警察局取締酒駕勤務照常執行酒後駕車危害市民生命、財產安全甚钜市警局仍將持續</t>
  </si>
  <si>
    <t>台南疫情內政部長徐國勇今天宣佈警政署暫時肺炎取消安全生命財產市民危害駕車市長酒後期間執行照常勤務警察局</t>
  </si>
  <si>
    <t>因應新冠肺炎疫情內政部長徐國勇今天宣佈警政署暫時取消全國性酒測但地區性酒測還是要做；台南市長黃偉哲表示防疫期間台南市警察局取締酒駕勤務照常執行酒後駕車危害市民生命、財產安全甚钜市警局仍將持續攔査取締但防疫期間為避免民眾及員警遭受感染風險暫停酒精檢知器使用。
台南市警局指出台南市維持酒測勤務但依內政部警政署規定暫停酒精檢知器使用。執勤員警一律佩戴口罩及乳膠手套並攜帶隨身型乾式洗手液做好自我保護措施另市警局近期也將配發護目鏡供執勤員警防護使用。
此外同時要求員警於取締酒駕勤務應保持一定距離先觀察駕駛人行為及有無酒氣、酒容對於疑似飲酒者才要求駕駛人下車進行酒精濃度檢測檢測時特別提醒受測者對酒測器之吹嘴吹氣不要有倒吸行為。使用後均以消毒漂白水擦拭儀器外觀後才提供下一位駕駛人使用確保民眾安全使用後之吹嘴也應用塑膠袋包覆後卸載妥善處理。</t>
  </si>
  <si>
    <t>使用員警駕駛人取締勤務台南酒精安全要求民眾行為執勤防疫期間暫停疫情內政部長徐國勇</t>
  </si>
  <si>
    <t>取締勤務員警台南市市警局</t>
  </si>
  <si>
    <t>員警南市勤務取締</t>
  </si>
  <si>
    <t>設施陳時中開放遊樂公園</t>
  </si>
  <si>
    <t>疫情學校家長疫苗陳時中開放現在儘量對於可以雙北開學警戒午餐表示中心指揮是否不能公園問題</t>
  </si>
  <si>
    <t>陳時中公園遊樂設施營養午餐學校</t>
  </si>
  <si>
    <t>設施遊樂營養公園午餐陳時中學校</t>
  </si>
  <si>
    <t>所屬租金國營事業經部紓困受惠經濟</t>
  </si>
  <si>
    <t>經濟部今(24)日表示有鑒於新冠肺炎疫情持續延燒為減輕受疫情衝擊之承租人負擔經濟部已研訂「經濟部所屬國營事業提供租金紓困措施」。經濟部表示紓困措施包括「緩繳租金」及「減收租金」兩部分在「緩繳租金」</t>
  </si>
  <si>
    <t>經濟部疫情表示租金措施紓困國營事業持續有鑒於肺炎承租人衝擊緩繳包括研訂所屬提供減輕負擔減收部分</t>
  </si>
  <si>
    <t>經濟部今(24)日表示有鑒於新冠肺炎疫情持續延燒為減輕受疫情衝擊之承租人負擔經濟部已研訂「經濟部所屬國營事業提供租金紓困措施」。
經濟部表示紓困措施包括「緩繳租金」及「減收租金」兩部分在「緩繳租金」方面承租經濟部所屬台電、中油、台糖及台水公司土地房舍之承租人(不含政府機關)均可申請109年度租金展延繳納期限至今年12月底屆期如無法一次繳清可分最長3年繳納緩繳期間免計收違約金及遲延利息。
經濟部表示在「減收租金」方面109年全年租金以減收2成為原則包括減收後租金不低於各國營事業需負擔之地價稅以及房屋稅等持有成本初估受益承租戶約有9000餘戶租金約減收66億元。
另外承租各國營事業土地房舍作製造業使用者則比照經濟部工業局產業園區、加工出口區所訂租金紓困方案辦理。
經濟部並強調由國營事業帶頭降租2成希望能有示範作用以期減輕承租人受疫情之影響。</t>
  </si>
  <si>
    <t>經濟部租金國營事業承租人表示緩繳減收繳納疫情負擔房舍土地紓困承租減輕所屬方面包括成本無法屆期</t>
  </si>
  <si>
    <t>經濟部新冠肺炎國營事業台電中油</t>
  </si>
  <si>
    <t>肺炎國營事業台電中油經濟部</t>
  </si>
  <si>
    <t>視窗防疫單一車隊配合政府賴香伶旅館</t>
  </si>
  <si>
    <t>民眾黨立委賴香伶昨晚於臉書發文表示新冠肺炎疫情在世界各地爆發後政府規定入境者須進行14天居家隔離政府應結合機場單一視窗讓防疫車隊和防疫旅館結合做好「防疫一條龍」。賴香伶說台灣現在的境外移入確</t>
  </si>
  <si>
    <t>賴香伶結合政府防疫現在臺灣昨晚於臉書發文表示一條龍肺炎疫情世界各地爆發規定境外隔離單一機場做好車隊入境者須進行</t>
  </si>
  <si>
    <t>民眾黨立委賴香伶昨晚於臉書發文表示新冠肺炎疫情在世界各地爆發後政府規定入境者須進行14天居家隔離政府應結合機場單一視窗讓防疫車隊和防疫旅館結合做好「防疫一條龍」。
賴香伶說台灣現在的境外移入確診人數暴增而大量回國人口也已衍生很多問題比方說家庭環境沒有妥當的隔離空間等等。為便利回國民眾尋求協助政府應該建立單一視窗讓國人可以安心歸國家人、鄰居也能放心。</t>
  </si>
  <si>
    <t>政府賴香伶隔離結合視窗單一防疫昨晚於臉書家人發文表示人數確診肺炎歸國人口境外現在</t>
  </si>
  <si>
    <t>賴香伶民眾黨防疫一條龍防疫車隊防疫旅館</t>
  </si>
  <si>
    <t>一條龍防疫民眾黨車隊旅館賴香伶</t>
  </si>
  <si>
    <t>黃暐瀚疫苗數字非常月底</t>
  </si>
  <si>
    <t>總統蔡英文23日施打高端疫苗時不經意透露8月底會有一批疫苗運抵台灣衛福部長陳時中昨天證實月底一定會有疫苗來台。資深媒體人黃暐瀚在談話性節目中透露8月底進來的疫苗「數字非常大比你想像中的還要大」</t>
  </si>
  <si>
    <t>疫苗月底透露高端數字進來談話黃暐瀚節目不經意衛福部長陳時中臺灣昨天媒體證實一定非常</t>
  </si>
  <si>
    <t>總統蔡英文23日施打高端疫苗時不經意透露8月底會有一批疫苗運抵台灣衛福部長陳時中昨天證實月底一定會有疫苗來台。資深媒體人黃暐瀚在談話性節目中透露8月底進來的疫苗「數字非常大比你想像中的還要大」可滿足現階段尚未施打疫苗的6萬教師、6萬軍人以及7千名的中華郵政員工。
黃暐瀚昨（24）日於《關鍵時刻》中表示總統蔡英文週一施打高端時在等待的過程中曾向旁人說「8月底會有一批疫苗進來」黃暐瀚說因為不可能是國產高端所以蔡英文口中的疫苗一定是國際疫苗可能是AZ、莫德納甚至會是輝瑞／BNT。
黃暐瀚指出高端開打2天已出現施打後死亡案例雖然不能說與打高端有直接關聯但實際上的確是施打後猝逝「大家心裡會怕」若已預約卻還沒施打者在有疑慮的情況下「可以再等一等」因為8月底也就是接下來的一個禮拜會突然有大量的國際疫苗來。
黃暐瀚接著說這批疫苗的數字非常大「比你想像中的還要大」可以滿足現階段尚未施打的6萬教師、6萬軍人以及7千名中華郵政員工主持人劉寶傑追問「有上百萬嗎？」黃暐瀚則以「非常接近」回應但實際數量還得由中央流行疫情指揮中心對外宣佈。
★《中時新聞網》提醒您：因應新冠肺炎疫情疾管署持續加強疫情監測與邊境管制措施 如有疑似症狀請撥打：1922專線或 0800-001922 並依指示配戴口罩儘速就醫同時主動告知醫師旅遊史及接觸史以利及時診斷及通報。</t>
  </si>
  <si>
    <t>疫苗黃暐瀚施打月底高端疫情蔡英文非常可以一定進來接觸國際史及透露旅遊</t>
  </si>
  <si>
    <t>高端疫苗國產疫苗國劑疫苗AZ莫德納</t>
  </si>
  <si>
    <t>疫苗az莫德納高端</t>
  </si>
  <si>
    <t>最高紀錄確診神奈川縣連續警報東京都</t>
  </si>
  <si>
    <t>東京都17日新冠肺炎確診人數達293人繼16日的286人之後再度更新單日確診數的最高紀錄而且已連續9日破百人。神奈川縣也因疫情擴大而獨自發布「神奈川警戒警報」。東京都指出17日確診者當中以20至39歲者居多</t>
  </si>
  <si>
    <t>確診東京都指出奈川發佈獨自人數警戒擴大疫情警報神奈川縣破百最高紀錄再度更新連續肺炎之後當中</t>
  </si>
  <si>
    <t>東京都17日新冠肺炎確診人數達293人繼16日的286人之後再度更新單日確診數的最高紀錄而且已連續9日破百人。神奈川縣也因疫情擴大而獨自發布「神奈川警戒警報」。
東京都指出17日確診者當中以20至39歲者居多共210人占全部的7成而且感染途徑不明者近半數。除了與夜生活的相關工作人員有69人外因聚餐感染的有24人托兒所和照護設施等有20人確診。
新宿的劇場因公演爆發群聚感染17日再添7人確診至今包括表演者、工作人員和觀眾等在內累計共52人確診。中央大學位於八王子市的運動社團宿舍則有10人確診。
日本全國17日共有593人確診其中埼玉縣共51人、兵庫縣24人 都創下解除「緊急事態宣言」後的最高紀錄。
神奈川縣17日有43人確診因為超過1週內平均單日確診人數的上限故神奈川縣決定獨自發布「神奈川警戒警報」籲請縣民勿前往沒有做好防疫措施的場所、公司行號讓員工居家上班或錯開交通巔峰時間通勤以減少人與人接觸的機會。</t>
  </si>
  <si>
    <t>確診感染神奈川縣人數工作人員最高紀錄警報警戒奈川東京都發佈獨自交通錯開員工上班居家行號公司場所措施防疫</t>
  </si>
  <si>
    <t>確診新冠肺炎神奈川縣東京都單日確診</t>
  </si>
  <si>
    <t>東京都確診肺炎神奈川縣</t>
  </si>
  <si>
    <t>《通信網路》前景依舊看好日系外資挺全新目標價140元</t>
  </si>
  <si>
    <t>看好外資前景通信網目標價</t>
  </si>
  <si>
    <t>砷化鎵磊晶廠—全新(2455)前2月合併營收為425億元年增5241%由於大陸加速推動5G基礎建設全新3月光通訊訂單狀況優於2月全新對3月業績不看淡日系外資則認為在去美化以及5G、3D感測等需求推動下新冠肺</t>
  </si>
  <si>
    <t>推動合併需求晶廠大陸加速看淡業績優於外資狀況訂單美化認為通訊基礎</t>
  </si>
  <si>
    <t>砷化鎵磊晶廠—全新(2455)前2月合併營收為425億元年增5241%由於大陸加速推動5G基礎建設全新3月光通訊訂單狀況優於2月全新對3月業績不看淡日系外資則認為在去美化以及5G、3D感測等需求推動下新冠肺炎疫情對全新核心業務前景不會造成損害重申「買進」評等目標價140元。
新冠肺炎疫情在全球持續蔓延讓大陸及全球經濟蒙上陰霾大陸為降低疫情負面衝擊在大陸各地陸續復工後加速推動5G基礎建設且WiFi 6滲透率持續提升加上VCSEL等新應用激增讓全新2月合併營收維持水準單月合併營收為208億元月減415%但年增5276%累計前2月合併營收為425億元年成長5241%。
受惠於大陸5G基礎建設需求全新3月光通訊訂單狀況優於2月將有助於全新3月營收表現。
日系外資在最新報告指出QRVO在3月3日發布季度中期警告認為有可能比其原本預估的收入範圍中點低6%QRVO是全新的主要客戶之一有鑑於新冠肺炎(COVID-19)影響我們認為全新今年第1季合併收入預測為698億元較去年同期約成長48%不過儘管新冠肺炎疫情可望拖累今年上半年需求但這是季節性問題不會影響我們對全新結構性業務前景的樂觀看法預期全新仍將受惠於5G和3D感測兩種長期需求以及今年不斷增加的去美國化趨勢重申「買進」評等目標價140元。</t>
  </si>
  <si>
    <t>合併需求大陸疫情認為肺炎今年推動收入qrvo影響持續受惠基礎建設外資前景</t>
  </si>
  <si>
    <t>全新外資報告5G基礎建設3D感測去美化</t>
  </si>
  <si>
    <t>建設基礎報告美化外資</t>
  </si>
  <si>
    <t>乘客公主鑽石下船</t>
  </si>
  <si>
    <t>停泊在日本橫濱港、新冠肺炎疫情擴大的鑽石公主號郵輪上約3100名乘客19日將以年長者優先依序下船日本厚生勞動省預測今天將有500人下船。我駐日代表處的車已進到碼頭副代表蔡明耀和秘書帶了慰問物資準備迎接台籍</t>
  </si>
  <si>
    <t>下船日本慰問秘書蔡明耀代表肺炎物資疫情碼頭擴大鑽石進到公主郵輪車已代表處乘客預測厚生勞動</t>
  </si>
  <si>
    <t>停泊在日本橫濱港、新冠肺炎疫情擴大的鑽石公主號郵輪上約3100名乘客19日將以年長者優先依序下船日本厚生勞動省預測今天將有500人下船。我駐日代表處的車已進到碼頭副代表蔡明耀和秘書帶了慰問物資準備迎接台籍旅客。
橫濱港大黑碼頭19日一早已有7、8輛巴士及幾台計程車在外等待接人。救護車和自衛隊的車隊也在碼頭上待機船上的許多乘客都到陽臺上看觀望外面的動態。
船內廣播說病毒檢驗陰性且沒症狀者預定10點半（臺北時間9點半）開始下船以年長者優先。有船上乘客透過電話向日媒表示擔心下船後會不會受到外界異樣的眼光和歧視。
船上發給乘客的下船說明中指出自用車到碼頭接人沒問題但可能不能叫計程車要求大家下船後盡量利用大眾交通公具返家。
我國旅客由於還有2人的病毒檢驗未有結果故其餘旅客下船後將由代表處派的專車先接到飯店暫住。
由於新冠肺炎的許多感染者都沒有出現任何發病症狀故乘客下船後相關單位還會再電話追蹤健康狀況。鑽石公主號上約3700名乘客中已有542人感染新型冠狀病毒感染率約15%。</t>
  </si>
  <si>
    <t>下船乘客碼頭旅客病毒船上電話症狀計程車代表處檢驗肺炎</t>
  </si>
  <si>
    <t>下船碼頭乘客鑽石公主號新冠肺炎</t>
  </si>
  <si>
    <t>公主鑽石乘客碼頭下船肺炎</t>
  </si>
  <si>
    <t>發放atm補貼防疫家庭孩童</t>
  </si>
  <si>
    <t>行政院進行疫情紓困對有國小以下孩童或國、高中特教學生的家庭規畫發放每名孩童1萬元家庭防疫補貼。教育部今天表示6月15日起開始發放將透過民眾生活上習慣及便利使用的全國繳費網或ATM等方式讓孩童的監護</t>
  </si>
  <si>
    <t>孩童發放家庭國小atm以下繳費全國使用便利習慣生活高中民眾特教透過紓困開始學生今天表示教育部防疫</t>
  </si>
  <si>
    <t>行政院進行疫情紓困對有國小以下孩童或國、高中特教學生的家庭規畫發放每名孩童1萬元家庭防疫補貼。教育部今天表示6月15日起開始發放將透過民眾生活上習慣及便利使用的全國繳費網或ATM等方式讓孩童的監護人簡便快速的領取這項補貼。
根據統計可以領取家庭防疫補貼的約218萬人。教育部表示為加速讓民眾能夠立即領到這項補助同時避免在防疫期間造成群聚的情形目前規畫由中央政府統一來作業將透過民眾生活上習慣及便利使用的全國繳費網或ATM等方式來發放。
教育部說監護人只要有孩童的健保卡及自己的提款卡(銀行帳號)可不用出門透過全
國繳費網領取或到實體 ATM 領取。
根據網路上流傳的「行政院院長會議文件」孩童家庭防疫補貼的領取方式是：一、有開通全國繳費網帳號者→輸入帳密→選擇孩童家庭防疫補貼→輸入孩童健保卡號→將孩童家庭防疫補貼1萬元存入指定戶頭（監護人只要一人領取另一位就不能再領）
二、到ATM操作→插入監護人提款卡及輸入密碼→選擇孩童家庭防疫補貼→輸入孩童健保卡號→領現金或存入戶頭（監護人只要一人領取另一位就不能再領)。
教育部說孩童家庭防疫補貼是一項全新的措施因屬全新的方案且新增補貼對象人數眾多基於籌畫時間及分流需要之考量自6月15日起始啟動讓民眾領取；至於如有實體臨櫃作業需要部分將於疫情趨緩後提供。相關細緻規劃會再整體公佈。</t>
  </si>
  <si>
    <t>孩童防疫領取補貼家庭監護人民眾繳費教育部atm發放透過方式輸入需要疫情作業提款卡</t>
  </si>
  <si>
    <t>孩童家庭防疫補貼領取ATM監護人</t>
  </si>
  <si>
    <t>補貼領取防疫atm家庭監護人孩童</t>
  </si>
  <si>
    <t>未納畢業生高中疫情取消肺炎出國退費問題</t>
  </si>
  <si>
    <t>新冠肺炎疫情升溫民眾紛紛取消國外旅遊行程很多不知退費權益如何保障新竹縣消費爭議諮詢專線1950近1周有1百餘通詢問案件其中有1成是6月23日到30日的國高中畢業生取消出國部分政府並未納入國外旅遊定型化</t>
  </si>
  <si>
    <t>取消國外旅遊升溫民眾紛紛專線爭議消費並未出國新竹部分保障權益政府退費行程不知疫情案件詢問</t>
  </si>
  <si>
    <t>新冠肺炎疫情升溫民眾紛紛取消國外旅遊行程很多不知退費權益如何保障新竹縣消費爭議諮詢專線1950近1周有1百餘通詢問案件其中有1成是6月23日到30日的國高中畢業生取消出國部分政府並未納入國外旅遊定型化契約第14條辦理。
新竹縣消保官羅鈞盛指出新冠肺炎疫情教育部宣佈延後開學暑假延到7月15日開始但有些國三或高三學生6月23日畢業後就要出國因政策改變6月30日或7月1日才畢業被迫取消出國交通部並未考慮這類型消費者退費問題。
目前公佈旅客參團解約退費原則中在6月23日到30日取消出國的學生及家長並無法比照國外旅遊定型化契約第14條因不可歸責於雙方當事人的事由可以解除契約旅客只付護照及代墊住宿等行政規費。
羅鈞盛說他已向行政院消保處反應上述問題消保處原則上同意國高中畢業生及家長取消出國退費應比照國外旅遊定型化契約第14條辨理將會請交通部觀光旅遊局讓旅行業者配合辦理只收行政規費。
羅鈞盛並說新冠肺炎疫情讓原本計畫出國的民眾因恐慌取消旅程不少是非疫區國家如泰國屬國際疫情及建議等級第一級注意民眾任意解約後旅行社依國外旅遊定型化契約第13條扣行政規費外並依取消行程日期的遠近收取旅費總價5到50％的問題。
國際疫情及建議等級第二級警示如新加坡如取消旅程則依國外旅遊定型化契約第15條不論日期扣行政規費外並要付旅費總價的5％。
政府宣佈中港澳為第三級警告禁止所有航班入境大陸民眾取消行程旅行社要依國外旅遊定型化契約第14條辦理僅扣行政規費。</t>
  </si>
  <si>
    <t>取消契約旅遊國外疫情民眾退費出國定型化規費行政問題行程辦理交通部宣佈解約新竹政府</t>
  </si>
  <si>
    <t>現金紓困門檻勞動部勞工放寬國民黨</t>
  </si>
  <si>
    <t>國民黨文傳會主委王育敏今與多位職業工會代表召開記者會呼籲政府提出無雇主之勞工紓困方案能放寬限制建議從現行24萬元放寬348萬元。勞動部次長林明裕今下午出席行政院紓困振興記者會主動回應表示某政黨這樣</t>
  </si>
  <si>
    <t>記者會紓困放寬王育敏職業工會代表召開振興呼籲主委次長政府行政院下午方案雇主明裕今出席提出勞工主動建議勞動部限制回應</t>
  </si>
  <si>
    <t>國民黨文傳會主委王育敏今與多位職業工會代表召開記者會呼籲政府提出無雇主之勞工紓困方案能放寬限制建議從現行24萬元放寬348萬元。勞動部次長林明裕今下午出席行政院紓困振興記者會主動回應表示某政黨這樣的呼籲會把資源稀釋反而會讓受惠勞工資源受減。
因應新冠肺炎衝擊勞動部針對2018年沒達到課稅標準有在職業工會投保且投保薪資2萬4000元以下給予每月現金1萬元給3個月共3萬元目前已經陸續發放入帳但國民黨要求把投保薪資標準放寬到348萬元讓更多勞工受惠。
對此林明裕回應政府紓困勞工以受衝擊且未達課稅門檻優先照顧若把紓困補助金申請門檻放寬這會稀釋資源截至今天已經有95萬符合資格勞工申請預估本周可能會發放完畢。</t>
  </si>
  <si>
    <t>勞工紓困放寬資源已經記者會呼籲勞動部職業工會申請衝擊課稅政府薪資投保發放標準回應受惠門檻稀釋國民黨目前現金次長</t>
  </si>
  <si>
    <t>紓困勞工勞動部國民黨新冠肺炎</t>
  </si>
  <si>
    <t>勞動部國民黨勞工紓困肺炎</t>
  </si>
  <si>
    <t>首例張上淳接觸傳人傳播泰國</t>
  </si>
  <si>
    <t>泰國出現全球首例接觸遺體後染疫死亡的案例對此中央流行疫情指揮中心專家諮詢小組召集人張上淳表示剛過世的人身上還是存在病毒的之前也發現病人的床單、衣服等都會帶有病毒若接觸病毒後觸摸到口鼻也有可能</t>
  </si>
  <si>
    <t>病毒接觸遺體中心專家指揮疫情小組流行中央召集人張上淳死亡表示案例剛過身上存在病人</t>
  </si>
  <si>
    <t>泰國出現全球首例接觸遺體後染疫死亡的案例對此中央流行疫情指揮中心專家諮詢小組召集人張上淳表示剛過世的人身上還是存在病毒的之前也發現病人的床單、衣服等都會帶有病毒若接觸病毒後觸摸到口鼻也有可能傳播。病毒雖然幾天後會死亡但是遺體不會放好幾天確實是存在感染的可能。政府訂有標準作業流程醫護人員接觸（包含法醫）都需依規定採取防護措施。</t>
  </si>
  <si>
    <t>接觸病毒遺體死亡存在可能都需依法醫包含小組專家召集人中心張上淳指揮表示規定剛過疫情醫護人員流行中央流程</t>
  </si>
  <si>
    <t>新冠肺炎武漢肺炎新型冠狀病毒台灣接觸</t>
  </si>
  <si>
    <t>肺炎武漢冠狀病毒臺灣接觸</t>
  </si>
  <si>
    <t>年前口罩開學學校完勝政</t>
  </si>
  <si>
    <t>新冠肺炎疫情肆虐台灣民眾也爭先恐後搶購口罩隨著開學日即將到來不少家長也擔心孩子沒有口罩可用不過彰化一所學校則表示完全不用擔心因為他們已經備妥1萬5000個口罩網友也大讚校長根本先知應該也加入</t>
  </si>
  <si>
    <t>口罩擔心肆虐臺灣民眾大贊爭先恐後疫情網友搶購表示完全學校開學日已經到來家長可用即將沒有孩子</t>
  </si>
  <si>
    <t>新冠肺炎疫情肆虐台灣民眾也爭先恐後搶購口罩隨著開學日即將到來不少家長也擔心孩子沒有口罩可用不過彰化一所學校則表示完全不用擔心因為他們已經備妥1萬5000個口罩網友也大讚校長根本先知應該也加入指揮中心作戰。
寒假即將結束為了防疫彰化員林國小備妥15萬個口罩準備發放校長蕭勝斌受訪時表示員林國小全校師生大約2000人左右本來就備妥5倍、約9000個口罩的庫存量春節前看到新聞就驚覺事情可能不妙又緊急現金加購6000個口罩以備不時之需總數15萬個口罩如今也成為庫存量最多的學校。
不少網友也大讚：「校長先知啊」、「這校長有眼光學生有福了」、「這可以加入防疫中心作戰了XD」、「校長完勝行政院嗎？」還有人打趣：「保全要緊張了半夜會不會有人進來偷口罩」。</t>
  </si>
  <si>
    <t>口罩校長即將學校表示擔心防疫員林國小加入中心作戰網友先知大贊肆虐臺灣不妙民眾可能事情</t>
  </si>
  <si>
    <t>口罩武漢肺炎台灣彰化新型冠狀病毒</t>
  </si>
  <si>
    <t>臺灣肺炎冠狀武漢口罩病毒</t>
  </si>
  <si>
    <t>本土病例境外</t>
  </si>
  <si>
    <t>中央流行疫情指揮中心3日公佈國內新增7例COVID-19確定病例均為境外移入；另確診個案中無新增死亡。指揮中心說明今日新增7例境外移入個案為3例男性、4例女性年齡介於10多歲至60多歲分別自美國（案16532）、</t>
  </si>
  <si>
    <t>指揮中心新增境外個案介於年齡女性死亡公佈國內確診covid-說明確定今日病例男性分別疫情美國</t>
  </si>
  <si>
    <t>中央流行疫情指揮中心3日公佈國內新增7例COVID-19確定病例均為境外移入；另確診個案中無新增死亡。
指揮中心說明今日新增7例境外移入個案為3例男性、4例女性年齡介於10多歲至60多歲分別自美國（案16532）、俄羅斯（案16533）、印尼（案16534）、馬來西亞（案16535）、泰國（案16536）、菲律賓（2例案16537、案16538）入境入境日介於今（2021）年10月16日至11月1日。
指揮中心統計截至目前國內累計4022866例新型冠狀病毒肺炎相關通報（含4005367例排除）其中16428例確診分別為1785境外移入14589例本土病例36例敦睦艦隊、3例航空器感染、1例不明及14例調查中；另累計110例移除為空號。2020年起累計847例COVID-19死亡病例其中835例本土個案居住縣市分佈為新北市412例、臺北市320例、基隆市29例、桃園市27例、彰化縣15例、新竹縣13例、臺中市5例、苗栗縣3例、宜蘭縣及花蓮縣各2例新竹市、南投縣、雲林縣、臺南市、高雄市、屏東縣及臺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指揮中心措施個案累計境外感染病例死亡國內新增分別本土covid-確診新竹防疫配合積極集會避免</t>
  </si>
  <si>
    <t>新冠肺炎台灣境外移入指揮中心中央流行疫情指揮中心</t>
  </si>
  <si>
    <t>指揮境外中心臺灣肺炎中央流行疫情</t>
  </si>
  <si>
    <t>魔術師公主症狀患者鑽石</t>
  </si>
  <si>
    <t>新冠肺炎（COVID-19俗稱武漢肺炎）疫情持續延燒停靠在日本橫濱港的鑽石公主號郵輪截至16日為止全船累計達355人確診感染。人也在船上的台灣知名魔術師陳日昇不斷透過直播、發文向外界更新船上的狀況日前</t>
  </si>
  <si>
    <t>船上肺炎疫情持續外界停靠在發文日本橫濱透過直播不斷鑽石俗稱公主截至郵輪累計全船陳日升魔術師臺灣知名武漢更新</t>
  </si>
  <si>
    <t>新冠肺炎（COVID-19俗稱武漢肺炎）疫情持續延燒停靠在日本橫濱港的鑽石公主號郵輪截至16日為止全船累計達355人確診感染。人也在船上的台灣知名魔術師陳日昇不斷透過直播、發文向外界更新船上的狀況日前他再度PO文透露船上檢測出的確診病例中已出現「數十位無症狀患者」。
陳日昇16日在臉書直播表示自己的身體狀況良好並沒有出現症狀日本政府也提供很多物資請外界放心；目前船上確診總計355人其中包括數十位無症狀患者這讓他深感憂心不過他也透露日本政府提供2千支手機給船上乘客搭載厚生勞動省官方LINE作為醫療諮詢和聯繫增加效率。
先前陳日昇曾PO文求救希望政府能將20多位台灣人接回隔離他也透露最新情況「謝謝台灣政府提供包機選項實際執行方式究竟如何？乘客19號真的能如期下船？很多步驟應該都還需要仔細商確目前靜候佳音。」此外陳日昇表示自己回台灣後會持續隔離14天保護自己也保護他人。
陳日昇Facebook全文
我在鑽石公主號 / 隔離第14之11天 ( 會不會更久? )
1 乘客&amp;船員確診總計355人包括出現數十位無症狀患者而且這還只是篩檢一千多人…
2 日本政府提供兩千支iPhone 6S手機給乘客搭載厚生勞動省官方LINE 作為醫療諮詢&amp;聯繫增加效率(下船手機應該要還吧? 不然也太佛心)
3 船上380名美國人目前正由自衛隊派遣專車接往羽田機場預計兩班專機出發返回美國大家終於動起來了
4 感謝台灣政府提供包機選項實際執行方式究竟如何? 乘客19號真的能如期下船?很多步驟應該都還需要仔細商確目前靜候佳音
5 我個人回台灣肯定會持續隔離14天畢竟從疫情高風險區回去保護自己也保護他人有備無患
6 目前物資都充足船公司&amp;日本政府都有提供很多物資
7 感謝公主遊輪總公司已經投入大量資金&amp;人力進行防疫無論乘客或是內部員工都有得到妥善照顧! 讓大家都安心!
公視最近拍了《天橋上的魔術師》我是拍實境秀《遊輪上的魔術師》
剩下幾天了！加油加油！ 鑽石公主號加油
更多 CTWANT 報導</t>
  </si>
  <si>
    <t>船上提供乘客目前公主隔離日本政府確診陳日升症狀魔術師透露持續鑽石物資臺灣出現美國手機疫情遊輪保護</t>
  </si>
  <si>
    <t>要飯搶劫電鋸離開留下口罩</t>
  </si>
  <si>
    <t>這起詭異的搶劫案發生在日本北海道一名手持電鋸的男子闖進一對老夫婦家除了大聲嚷嚷討飯吃之外還搶走現金離開時卻留下10片口罩神秘舉動引起網友討論認為很像日本民間故事更有人形容男子是「狸貓變身」</t>
  </si>
  <si>
    <t>男子日本發生形容北海道手持民間故事電鋸闖進留下離開口罩現金網友搶走神秘舉動之外引起夫婦認為討飯</t>
  </si>
  <si>
    <t>這起詭異的搶劫案發生在日本北海道一名手持電鋸的男子闖進一對老夫婦家除了大聲嚷嚷討飯吃之外還搶走現金離開時卻留下10片口罩神秘舉動引起網友討論認為很像日本民間故事更有人形容男子是「狸貓變身」、「口罩神」。
上個月29日中午住在北海道的老夫婦家裡遭男子從後門闖入他拿著電鋸威脅要吃東西老太太端出飯菜讓他飽餐一頓接著他開口向老夫婦要錢奪取日幣2000元(約台幣561元)並留下10片口罩後離開嫌犯當時穿著黑色衣服年紀大約55至60歲身高160公分。
匪夷所思的新聞曝光後網友紛紛猜測男子身分「難道是沒有成功冬眠的熊」、「他其實是狸貓吧」、「可能是囤積太多口罩賣不出去」、「老夫婦賺到10片口罩在日本應該超過561元」、「關於口罩的都市傳說」、「西班牙的話現賺10萬台幣」、「神明報恩」、「座敷童子啦」。</t>
  </si>
  <si>
    <t>口罩夫婦男子日本台幣網友北海道電鋸狸貓留下離開發生傳說西班牙神明都市飯菜身高大約</t>
  </si>
  <si>
    <t>新冠肺炎肺炎防疫口罩日本</t>
  </si>
  <si>
    <t>防疫肺炎口罩日本</t>
  </si>
  <si>
    <t>消費調整季將擴大覆蓋面北京</t>
  </si>
  <si>
    <t>北京市商務局20日表示在做好常態化疫情防控基礎上將按照全面重啟、適度調整、線上為主、重點策劃、有序推進、嚴密組織等原則重啟北京消費季。據《北京青年報》報導北京消費季將延續至今年12月底同時北京市</t>
  </si>
  <si>
    <t>消費北京北京市表示季將做好常態疫情防控基礎有序推進原則策劃重點為主組織嚴密全面延續調整適度</t>
  </si>
  <si>
    <t>北京市商務局20日表示在做好常態化疫情防控基礎上將按照全面重啟、適度調整、線上為主、重點策劃、有序推進、嚴密組織等原則重啟北京消費季。據《北京青年報》報導北京消費季將延續至今年12月底同時北京市商務局正委託廠商進行消費券政策評估對消費券方案及時調整進一步擴大消費券使用企業覆蓋面滿足消費需求。
而北京市新型冠狀病毒肺炎疫情防控工作新聞發佈會上也提及要調整旅遊景區限量措施旅遊景區要繼續貫徹落實限量、預約、錯峰等要求接待遊客量由不得超過最大承載量的30％調至50％。在落實防控措施前提下採取預約限流等方式來開放旅遊景區室內場所。
此外北京新冠肺炎疫情防控工作領導小組社區防控組辦公室成員、北京市委組織部部務委員徐穎說將在完善衛生防疫措施和應急預案的前提下恢復賓館、餐館、超市等經營場所的正常營業秩序。</t>
  </si>
  <si>
    <t>消費防控調整措施疫情北京北京市預約旅遊景區前提肺炎商務限量超市餐館賓館恢復經營場所由不得</t>
  </si>
  <si>
    <t>北京消費券消費旅遊景區</t>
  </si>
  <si>
    <t>旅遊消費北京景區</t>
  </si>
  <si>
    <t>爭取文化部產業衝擊肺炎適用範圍</t>
  </si>
  <si>
    <t>行政院拍板編列600億特別條例與特別預算因應新冠肺炎的衝擊其中經濟部擬提出20億元抵用券希望刺激經濟。文化部長鄭麗君也在13日的行政院院會中說明藝文產業受到疫情衝擊的狀況並提出藝文產業短期紓困及中長期</t>
  </si>
  <si>
    <t>衝擊行政院產業特別肺炎希望刺激經濟經濟部文化部長鄭麗君擬提院會提出說明條例受到預算因應疫情</t>
  </si>
  <si>
    <t>行政院拍板編列600億特別條例與特別預算因應新冠肺炎的衝擊其中經濟部擬提出20億元抵用券希望刺激經濟。文化部長鄭麗君也在13日的行政院院會中說明藝文產業受到疫情衝擊的狀況並提出藝文產業短期紓困及中長期振興需求建請行政院也將藝文產業納入移緩濟急及後續特別預算支應項目。文化部也將爭取將藝文消費納入抵用券適用範圍。
鄭麗君表示藝文產業因疫情導致藝文消費減少衝擊包括表演藝術、傳統藝術演出取消、延期及退票視覺藝術及工藝產業受影響以及出版業及書店損失、電影票房及影視製作損失、流行音樂展演受影響、國內外展會延期等也有微型及小型文創業因此發生周轉及營運困難。
鄭麗君表示文化部希望受衝擊的藝文產業能納入經濟部中小企業貸款補貼方案提供還款展延及貸款利息補貼。此外希望能由文化部針對受衝擊的藝文產業訂定紓困補助作業要點對於受疫情影響發生的重大損害、無法負擔的損失或是因此營運困難的文化藝術事業、團體及個人給予特別補助。
鄭麗君在院會表示文化部在春節期間已依據中央流行疫情指揮中心所公佈的「公眾集會因應指引」訂定所屬場館的防疫注意事項並依疫情最新狀況滾動修正注意事項、強化相關措施目前所屬場館皆如常開放。
鄭麗君表示根據2018年文創產業統計臺灣文創產業從業人數已達26萬人產值成長到近8800億元為避免受疫情衝擊減緩成長動能在短期紓困後文化部將續推中長期振興措施包括加速投融資、鼓勵藝文消費、加速國際化佈局等希望維持成長動能。</t>
  </si>
  <si>
    <t>產業疫情衝擊鄭麗君文化部希望表示特別影響紓困消費行政院納入損失藝術延期措施經濟部因應注意事項發生所屬包括補助</t>
  </si>
  <si>
    <t>產業藝文衝擊文化部疫情</t>
  </si>
  <si>
    <t>文化部衝擊產業疫情</t>
  </si>
  <si>
    <t>肺炎檢測川普陰性</t>
  </si>
  <si>
    <t>白宮週六發佈聲明說美國總統川普接受新冠肺炎檢測的結果呈陰性。據美聯社與俄羅斯新聞網報導原本他一直不願接受新冠肺炎檢測但最近因接觸過確診的巴西總統新聞秘書加上包括女兒伊凡卡在內華府陸續傳出有人</t>
  </si>
  <si>
    <t>總統接受檢測肺炎女兒包括加上秘書美國新聞伊凡卡巴西川普新聞網報導確診俄羅斯原本美聯社聲明一直陰性接觸最近</t>
  </si>
  <si>
    <t>白宮週六發佈聲明說美國總統川普接受新冠肺炎檢測的結果呈陰性。
據美聯社與俄羅斯新聞網報導原本他一直不願接受新冠肺炎檢測但最近因接觸過確診的巴西總統新聞秘書加上包括女兒伊凡卡在內華府陸續傳出有人需自我隔離的情形可能受感染的擔憂與日俱增終於接受了檢測。
而宣佈檢測陰性結論的是川普的私人醫生康利（Sean P Conley）。他說經過和川普深入討論後這位白宮主人總算選擇受檢。此外康利說他每天都會和美國疾病管制與預防中心（CDC）及白宮新冠病毒專案小組（White House Coronavirus Task Force）聯繫週六晚獲得證實總統的檢測呈陰性。
據CNBC新聞網14日報導川普一直抗拒接受檢測但星期五召開記者會時記者一直追問他會不會接受檢測。有一名記者甚至直白地問他不接受檢測會不會太「自私」而川普隨即反擊道：「我又沒說不接受檢測。」
巴西總統波索納洛（Jair Bolsonaro）訪美期間曾和已確診的新聞秘書沃恩加藤（Fábio Wajngarten）在佛州海湖莊園（Mar-A-Lago）與川普共進晚餐。不過波索納洛先前傳出檢測也呈陽性後來又改口說是陰性。
而沃恩加藤公開的照片顯示他上周隨同巴西總統訪美期間曾在佛州海湖莊園和川普及副總統彭斯（Mike Pence）合影。繼川普之後彭斯週六也說他還沒接受檢測但表示：「我和彭斯夫人很樂意接受檢測。」</t>
  </si>
  <si>
    <t>檢測川普總統接受陰性彭斯白宮巴西週六一直傳出康利加藤沃恩美國波索納洛秘書新聞期間確診佛州</t>
  </si>
  <si>
    <t>川普武漢肺炎新型冠狀病毒全球美國</t>
  </si>
  <si>
    <t>冠狀病毒肺炎武漢全球川普美國</t>
  </si>
  <si>
    <t>社團網路口罩防疫廢紙</t>
  </si>
  <si>
    <t>新冠肺炎延燒日前苗栗劉姓女子利用網路社團訂購口罩沒想到取貨拆開發現裡面竟全是廢紙大罵網路詐騙猖獗。劉姓女子在網路發現有網友販賣口罩與對方私訊訂購2盒口罩。100片口罩加上運費總計1000元劉女到竹</t>
  </si>
  <si>
    <t>口罩網路發現女子訂購日前苗栗劉運費利用加上販賣大罵裡面網友拆開社團廢紙全是想到總計劉女肺炎</t>
  </si>
  <si>
    <t>新冠肺炎延燒日前苗栗劉姓女子利用網路社團訂購口罩沒想到取貨拆開發現裡面竟全是廢紙大罵網路詐騙猖獗。
劉姓女子在網路發現有網友販賣口罩與對方私訊訂購2盒口罩。100片口罩加上運費總計1000元劉女到竹南的超商取貨打開紙箱驚見一片片垃圾廢紙沒有口罩且無法退費讓她氣憤「嘔死了」。
苗栗縣政府消保官王德基呼籲此舉網路詐騙行為可處1年以上7年以下併科100萬元以下罰金且目前醫用口罩為防疫物資民眾可依循政府網路口罩預購系統或到健保特約藥局購買。</t>
  </si>
  <si>
    <t>口罩網路廢紙發現女子詐騙訂購日前以下苗栗劉氣憤苗栗縣政府退費利用官王劉女防疫</t>
  </si>
  <si>
    <t>防疫財網路社團買口罩1000元</t>
  </si>
  <si>
    <t>社團網路口罩防疫</t>
  </si>
  <si>
    <t>遍及足跡楊梅全聯確診桃園ikea</t>
  </si>
  <si>
    <t>桃園市29日有19例新冠確診者年齡介於不滿10歲至60多歲間新增最多行政區為楊梅5人足跡包含全聯楊梅新農店、Costco桃園南崁店、IKEA桃園店、自由聯盟生鮮超市等。目前桃園累積確診424人、居家隔離2105人。根據桃</t>
  </si>
  <si>
    <t>桃園確診楊梅累積新農年齡介於目前超市不滿行政區新增costco聯盟自由生鮮全聯足跡包含居家</t>
  </si>
  <si>
    <t>桃園市29日有19例新冠確診者年齡介於不滿10歲至60多歲間新增最多行政區為楊梅5人足跡包含全聯楊梅新農店、Costco桃園南崁店、IKEA桃園店、自由聯盟生鮮超市等。目前桃園累積確診424人、居家隔離2105人。
根據桃園市政府公佈資料5月29日足跡為22日至26日之間分別有億客成生鮮超市、大埕平價鐵板燒、全聯楊梅新農店、中山親水公園、Costco桃園南崁店、IKEA桃園店、寶島眼鏡楊梅二店5月28日足跡為23日至新美屋、27日至自由聯盟生鮮超市、中華電信內壢忠孝服務中心。
新增確診者中各區以楊梅新增5例最多其餘桃園、龜山各增加4例平鎮、大園2例中壢、八德各1例。</t>
  </si>
  <si>
    <t>桃園楊梅確診超市生鮮足跡新增新農全聯聯盟自由costco平鎮市政府年齡中心</t>
  </si>
  <si>
    <t>新冠肺炎台灣 楊梅桃園5人</t>
  </si>
  <si>
    <t>楊梅肺炎臺灣桃園</t>
  </si>
  <si>
    <t>患者華藥提供冠輕中新藥</t>
  </si>
  <si>
    <t>藥華藥（6446）18日表示旗下新一代長效型幹擾素P1101與印度已獲緊急核准用於治療新冠肺炎輕中症病患的長效幹擾素的Virafin（Pegylated interferon alfa-2b）相同將可協助國內患者公司已準備好與各大醫療院所</t>
  </si>
  <si>
    <t>長效干擾素準備公司患者國內協助相同一代alfa-interferon治療pegylated肺炎用於核准virafin緊急</t>
  </si>
  <si>
    <t>藥華藥（6446）18日表示旗下新一代長效型幹擾素P1101與印度已獲緊急核准用於治療新冠肺炎輕中症病患的長效幹擾素的Virafin（Pegylated interferon alfa-2b）相同將可協助國內患者公司已準備好與各大醫療院所合作透過恩慈療法為台灣盡一份心力。
P1101已獲台灣和歐盟核准用於治療真性紅血球增多症(PV)且在台灣有多年恩慈療法經驗安全性無虞。
藥華藥表示印度新冠疫情失控每天有數十萬名新確診、數千名死亡近期印度Zydus Cadila公司生產的生物相似藥Pegylated interferon alfa-2b已被印度緊急核准用於治療新冠肺炎輕中症病患。
藥華藥醫學長秦小強表示P1101之安全性已獲長期臨床試驗證實且根據目前Pegylated interferon alfa-2b在印度的臨床試驗資訊顯示其對新冠肺炎病患可能有極大幫助。
P1101為新一代長效型幹擾素與P1101同為長效幹擾素的Virafin（Pegylated interferon alfa-2b）在印度已獲緊急核准用於治療新冠肺炎輕中症病患；再者根據台灣衛署醫字第0990262180號函「藥品仿單核准適應症外的使用（Off Label Use）原則」藥華藥表示已準備好與台灣各大醫療院所合作期望P1101能即時協助治療台灣新冠肺炎患者。</t>
  </si>
  <si>
    <t>臺灣印度表示華藥核准pegylated治療alfa-interferon公司安全性協助長效臨床試驗肺炎干擾素療法用於</t>
  </si>
  <si>
    <t>藥華藥治療新冠肺炎輕中症已獲</t>
  </si>
  <si>
    <t>肺炎治療華藥</t>
  </si>
  <si>
    <t>崩潰商店大亂吐血</t>
  </si>
  <si>
    <t>因應新冠疫情為掌握疫調政府推出實聯制措施已好一段時間不過仍有民眾不願配合甚至大鬧商店事件頻傳。有超商店員以自身經驗親曝5大亂象指出常遇到包括故意忽略、鬼畫符、死不給看簡訊…等千奇百怪的客人崩</t>
  </si>
  <si>
    <t>商店掌握政府推出疫情鬼畫符措施忽略包括遇到故意指出大亂一段時間</t>
  </si>
  <si>
    <t>因應新冠疫情為掌握疫調政府推出實聯制措施已好一段時間不過仍有民眾不願配合甚至大鬧商店事件頻傳。有超商店員以自身經驗親曝5大亂象指出常遇到包括故意忽略、鬼畫符、死不給看簡訊…等千奇百怪的客人崩潰表示「被氣到快吐血」。
原PO在臉書社團《爆怨2公社》表示雖然實名制已經實施一段時間但身為超商店員的他真的會被氣到吐血透露讓他氣到想揍人的不是實名制本身而是客人並舉出最常遇到的下列5大亂象：
1 很多人進入超商後直接略過擺在中間寫有實名制的兩張桌子。
2 寫紙本的偏偏名字寫得比道士的符咒還更讓人看不懂連電話都鬼畫符。
3 每位客人進來他都會喊「麻煩刷完QRCODE讓我看一下簡訊」但總是有些人偏偏不給看等結帳時還得再請他出示簡訊。
4 有些人假裝拿手機掃QRCODE等到出示簡訊被發現根本沒有時才佯稱「欸？奇怪刷錯了！」等理由一堆還有些人刷了卻不按發送跟沒刷一樣。
5 有些人堅稱「沒要消費只是領個錢進來一下而已馬上就要出去了」讓他忍不住想問難道病毒會分你沒沒有消費嗎？還有些人直接衝進來後說他沒帶手機難道沒看到桌上有紙本的嗎？
該店員無奈表示真的氣到無處可宣洩才會在臉書社團發文並呼籲大家不管實聯制最終有沒有用政府規定的事還是要照做畢竟這是保護你跟我。貼文一出引起熱議網友則紛紛回應「辛苦了」、「終於有人把我的心聲説出來了」、「完全中肯」、「台灣真的很多這種自私鯛啊」、「有怎麼難嗎？搞不懂那些人」。</t>
  </si>
  <si>
    <t>簡訊客人真的表示商店政府進來鬼畫符手機消費一段時間直接難道</t>
  </si>
  <si>
    <t>實聯制5大亂象超商店員氣到吐血疫苗</t>
  </si>
  <si>
    <t>店員大亂吐血疫苗</t>
  </si>
  <si>
    <t>病例確診暫時查不出本土感染新增上海</t>
  </si>
  <si>
    <t>上海今天（3日）上午舉行新冠肺炎疫情防控工作新聞發佈會對昨日新增1例本地新冠肺炎確診病例的具體情況進行了通報。這名新增病例為浦東機場貨運區一名外航貨機服務人員男性53歲職業為駕駛員負責外航貨機機</t>
  </si>
  <si>
    <t>新增肺炎外航病例貨機駕駛員舉行人員服務貨運浦東機場疫情工作新聞防控確診昨日負責上午男性職業通報進行具體情況</t>
  </si>
  <si>
    <t>上海今天（3日）上午舉行新冠肺炎疫情防控工作新聞發佈會對昨日新增1例本地新冠肺炎確診病例的具體情況進行了通報。這名新增病例為浦東機場貨運區一名外航貨機服務人員男性53歲職業為駕駛員負責外航貨機機組浦東機場閉環運送但是疫調暫未發現其感染源。
通報稱：上海這名確診病例的居住地為浦東新區川沙新鎮華夏二路心圓西苑小區。根據大陸國務院聯防聯控機制有關要求經上海市防控辦研究決定將心圓西苑小區列為中風險地區上海市其他區域均為低風險。
該病例曾於7月21日和7月28日進行例行核酸檢測2次結果均為陰性。流行病學調查顯示該病例14天內未離滬除工作場所與居住地外到訪過永和大王（妙境路店）、工農飯店（喬家弄8號—10號）等場所。目前上述場所已進行封閉管理、終端消毒。
經連夜排查截至3日9時已排查到該病例的密切接觸者52人（其中家屬6人）均在上海已全部落實集中隔離措施首次核酸檢測結果均為陰性。
已排查到在滬密接的密接250人全部落實集中隔離措施首次核酸檢測結果均為陰性。截至3日9時已排查到的64860名篩查對象完成核酸採樣27174人完成核酸檢測結果為陰性其餘樣本尚在檢測中。
上海浦東新區人民醫院、浦東新區中醫醫院、川沙社區衛生服務中心（位於浦東新區中醫醫院院區）於8月2日下午暫停門急診接受全員核酸檢測。截至8月3日9時核酸檢測結果均為陰性。目前已對病例及密接相關場所的物品、環境等進行採樣共採集413份樣本檢測結果均為陰性。
上海市衛健委主任鄔驚雷表示截至8月2日上海全市完成全程接種人數達187663萬人18週歲以上人群完成全程新冠疫苗接種率已達85％上海全市累計接種381116萬劑次。
對於此次新增病例是否和國內其他地區疫情相關聯？是否為Delta病毒株？鄔驚雷表示根據目前流行病學調查患者近2周內無外出旅居史目前為止尚未發現該病例與國內其他地方的疫情存在關聯同時疾控部門正在抓緊開展基因測序。</t>
  </si>
  <si>
    <t>病例上海檢測進行陰性場所結果浦東新區上海市疫情核酸目前新增完成截至排查接種發現服務防控居住地工作</t>
  </si>
  <si>
    <t>心圓西苑浦東機場上海新冠肺炎大陸</t>
  </si>
  <si>
    <t>上海浦東機場西苑肺炎大陸</t>
  </si>
  <si>
    <t>口罩要到明年專家下半年大陸</t>
  </si>
  <si>
    <t>口罩成為人們出門必備之物已為期一年多隨著疫情逐漸有和緩的趨勢且大陸連續多日無新增本土病例不少人好奇「今年能摘口罩了嗎？」上海復旦大學附屬華山醫院感染科主任張文宏表示依照目前還未完成全民接種</t>
  </si>
  <si>
    <t>口罩目前表示張文宏主任必備為期感染華山醫院疫情附屬逐漸和緩上海復旦大學趨勢大陸連續</t>
  </si>
  <si>
    <t>口罩成為人們出門必備之物已為期一年多隨著疫情逐漸有和緩的趨勢且大陸連續多日無新增本土病例不少人好奇「今年能摘口罩了嗎？」上海復旦大學附屬華山醫院感染科主任張文宏表示依照目前還未完成全民接種以及國際疫情仍在蔓延「想摘口罩今年年底前會非常困難」恐怕要等到明年下半年。
大陸已連續多日無新增本土新冠肺炎案例北京更達到連續40天「零新增」疫情似有趨緩的情勢對於外界開始好奇能夠「摘口罩」的時間點張文宏10日表示想要在今年年底前摘口罩會非常困難因為大陸還沒有完成群體免疫性的疫苗接種且疫苗只是保證疾病在本地區不會造成爆發但無法給個體提供100%的保護。同時國際疫情仍在蔓延口罩用於防護的要求始終存在在「接種」和「國際疫情」兩個條件都未達到要求的情況下恐怕要到明年下半年才可能看到摘口罩的趨勢。
張文宏說現階段年輕人施打疫苗就是對家庭、對國家的貢獻他稱大陸的疫苗運輸方便、安全性高非常有利於全民接種「能打疫苗的都抓緊打」。
張文宏預計今年底或者明年初開始世界將重新打開如果不經過非常嚴格的公共衛生管控或疫苗接種疫情不會自行在世界上消亡很多人覺得大陸國內疫情管控得很好沒有急迫性但人們必然面臨世界重新打開時的風險。他強調全球各國將陸續打開國門打疫苗的急迫性也會越來越高在此之前迫切需要完成接種以應對輸入性風險建議疫苗最好在今年打、盡快打因為隨著時間推移接種可能出現擁擠現象。
雖然許多民眾都期待能「擺脫」口罩的那一刻不過也有大陸網友表示現在已經口罩戴習慣了沒戴反而「沒安全感」還有網友稱戴口罩太適合有「社交恐懼症」的人了也有女性表示戴口罩的這一年多裡省下不少口紅、化妝品的費用也挺不錯的。</t>
  </si>
  <si>
    <t>口罩疫苗疫情接種大陸張文宏非常表示今年完成打開連續國際風險開始急迫性</t>
  </si>
  <si>
    <t>口罩大陸疫苗張文接種</t>
  </si>
  <si>
    <t>大陸接種口罩張文疫苗</t>
  </si>
  <si>
    <t>反對派邊界封鎖防疫白俄羅斯異己</t>
  </si>
  <si>
    <t>今年以來政治局勢動盪的白俄羅斯今天宣佈將自本月20日起封鎖邊界該國公民和擁有暫時或永久居留權的外國人都不准透過陸路離境希望能遏阻新冠病毒蔓延。但反對派怒批政府此舉是嘴巴說防疫實際上是要進一步</t>
  </si>
  <si>
    <t>今天宣佈政府本月反對派蔓延封鎖病毒邊界公民擁有白俄羅斯暫時防疫居留權外國人希望離境不准</t>
  </si>
  <si>
    <t>今年以來政治局勢動盪的白俄羅斯今天宣佈將自本月20日起封鎖邊界該國公民和擁有暫時或永久居留權的外國人都不准透過陸路離境希望能遏阻新冠病毒蔓延。但反對派怒批政府此舉是嘴巴說防疫實際上是要進一步打壓異議人士。
這項政府命令並未說明陸地邊界封鎖為期多久。
反對派認為這項命令是衝著他們而來。8月大選後萬年總統盧卡申科第6度當選得票率高達8成。在野勢力信誓旦旦指盧卡申科涉嫌作票反對派領袖提克韓諾芙絲卡亞（Svetlana Tikhanovskaya）才是贏家；該國最大金主歐盟為首的多個西方國家也拒絕承認其合法性。選後近4個月以來反盧卡申科的示威抗議遍地開花盧氏則出動軍警暴力鎮壓反而掀起更大民怨。
包括提克韓諾芙絲卡亞在內的多位反對黨領袖都已陸續逃至他國以避免遭盧卡申科追捕。提克韓諾芙絲卡亞10日透過社群媒體Telegram表示關閉陸地邊界意味「這個政權竭盡所能要把我們國家變成現代的古拉格群島。」古拉格群島是蘇聯領導人史達林所建立的勞改營。
本次封鎖包括鐵路與河港唯一例外是明斯克國際機場。</t>
  </si>
  <si>
    <t>盧卡申科封鎖反對派邊界國家卡亞韓諾包括透過政府命令陸地領袖今天宣佈白俄羅斯出動軍警暴力鎮壓本月反而</t>
  </si>
  <si>
    <t>盧卡申科白羅斯新冠肺炎疫情提克韓諾芙絲卡亞</t>
  </si>
  <si>
    <t>疫情肺炎韓諾白羅斯卡亞盧卡申科</t>
  </si>
  <si>
    <t>國發衝擊疫情經濟</t>
  </si>
  <si>
    <t>新冠肺炎衝擊經濟行政院投入600億元紓困國發會也發動攻勢；國發會昨提出4項對策要讓今年公共建設達成率從去年93%提高至95%官員評估只要執行率提升今年執行量就可比去年增加966億元不僅替經濟成長率（G</t>
  </si>
  <si>
    <t>今年去年經濟國發行政院投入紓困提出執行率對策提升執行達成衝擊建設增加提高評估官員肺炎</t>
  </si>
  <si>
    <t>新冠肺炎衝擊經濟行政院投入600億元紓困國發會也發動攻勢；國發會昨提出4項對策要讓今年公共建設達成率從去年93%提高至95%官員評估只要執行率提升今年執行量就可比去年增加966億元不僅替經濟成長率（GDP）注入強心針也提供民間工作機會以「公共建設救經濟」具體又有效率還能讓資源發揮最大效益。
主計總處日前評估若新冠肺炎疫情持續達3個月將使我國經濟成長率至少減035個百分點以上為減緩衝擊國發會依行政院長指示全力協助加速公共建設推動並於昨邀集相關部會副首長研商對策與做法。
官員表示4項對策中最重要的是以「督導會報」的方式緊盯公共建設進度、提高達成率其次是分級給予同仁行政獎勵、針對工程流標案件務實檢討問題或依公共建設執行狀況適時追加預算等措施來提高達成率。
國發會表示公共建設是推動經濟成長率的引擎短期可刺激景氣、增加就業與內需的功能長期可蓄積資本存量促進民間投資、改善國民生活品質。
根據統計109年度公共建設經費預算為新台幣5365億元如達成率由108年的93%再提升至95%執行量與108年相比等於增加966億元的能量這對今年GDP貢獻不容小覷。</t>
  </si>
  <si>
    <t>建設經濟國發達成今年增加成長率執行提高民間對策表示評估衝擊推動gdp官員去年</t>
  </si>
  <si>
    <t>經濟成長率提高執行國發會肺炎</t>
  </si>
  <si>
    <t>國發提高執行成長率肺炎經濟</t>
  </si>
  <si>
    <t>全面申請fda批准使用美國莫德納疫苗</t>
  </si>
  <si>
    <t>美國藥廠莫德納今天向美國食品暨藥物管理局申請全面批准其研發的COVID-19疫苗成為第2家尋求監管機關核准並廣泛使用的藥廠。目前莫德納在美國只取得緊急使用授權。莫德納（Moderna Inc）的競爭對手美國藥廠輝瑞（Pf</t>
  </si>
  <si>
    <t>美國藥廠莫德納使用研發covid-批准疫苗全面成為尋求管理局申請監管競爭對手藥物機關食品核准廣泛inc授權moderna目前緊急取得今天輝瑞pf</t>
  </si>
  <si>
    <t>疫苗美國莫德納使用藥廠批准covid-全面食品藥物管理局猶豫機關疾病inc研發譯者施打約申請陳昱婷德國持續公司合作夥伴biontech</t>
  </si>
  <si>
    <t>莫德納新冠肺炎國際</t>
  </si>
  <si>
    <t>國際肺炎莫德納</t>
  </si>
  <si>
    <t>當局公佈防疫緊急肺炎爆發疫情標準嚴格</t>
  </si>
  <si>
    <t>一位知情人士透露北韓官方近日頒布了最新的新冠肺炎緊急防疫準則比過往的防疫規定更為嚴格。被推測或許是有一些疫情或疑似感染的病例出現！《每日北韓》（Daily NK）報導指出一位元平安道南部的消息人士向他們</t>
  </si>
  <si>
    <t>防疫報導nkdaily官方肺炎更為嚴格近日最新或許推測出現頒佈疫情病例感染指出準則過往緊急規定</t>
  </si>
  <si>
    <t>一位知情人士透露北韓官方近日頒布了最新的新冠肺炎緊急防疫準則比過往的防疫規定更為嚴格。被推測或許是有一些疫情或疑似感染的病例出現！
《每日北韓》（Daily NK）報導指出一位元平安道南部的消息人士向他們指出官方正向居民發布有關新冠肺炎疫情的緊急命令。他表示這些準則適用於政府、企業、與黨相關的工作人員且都是要「絕對遵守」的事項。消息人士指出緊急命令中禁止所有居民靠近標有「危險、隔離」的特定地區與建築物也要避免與該地區的人接觸或是換物品。
面對新冠肺炎疫情北韓長期都是採取嚴格的隔離離規定或是透過封城直接限制人民外出的自由來應對可疑病例的出現。並且禁止民眾靠近疑似病例者的家且這些人們的房子外面還會張貼標語寫明他們正在隔離中。
據瞭解在北韓的國家緊急檢疫法當中共有70條規定其中不少於12條帶有違反時的懲罰。不過該檢疫法僅包含消毒保護與管理檢疫設施的內容並沒有包含禁止當地人靠近的規定。
也就是說才頒布的緊急防疫命令比先前檢疫法規定的更嚴格。報導指出北韓當局有此作法很可能是因為有人嚴重違反防疫規定或是可能爆發了疫情。
報導指出9月9日參加北韓國慶活動一些學生都被隔離在平成療養院大樓消息人士指出有關當局明令禁止與這些學生接觸。《每日北韓》指出不僅如此是所有參與9月9日北韓建國73周年活動的人都被隔離了。且活動過後有約10名學生出現了類似新冠肺炎（COVID-19）的症狀之後被緊急送上救護車移送。
北韓當地人士也推測當局發布緊急的防疫命令就是因為9月9日參與活動的人當中有一些人生病了。消息人士指出這些被隔離的人當中有些人可能在新冠肺炎檢測中被診斷為陽性。也因此有一些人擔憂疫情會在當地傳染開來。
緊急頒布的防疫命令除了上述內容外也包含要常洗手、配戴口罩保持社交距離以及禁止觸摸鳥類還有野生動物；此外還包含當發現來自國外的氣球、奇怪物品或是來源不明的物品時要立即向當局報告。
報導指出北韓正在針對嚴重違反防疫規定的人進行嚴厲的處罰不僅以「危害國民經濟、違反黨的政策」之罪名控告更將他們送往政治犯集中營關押。由於違反隔離規定的人數不斷增加據瞭解北韓也正在建造新的政治犯集中營為的就是要提高收容能力。
目前在任何新冠肺炎疫情相關的官方統計中包含世界衛生組織（WHO）、約翰霍普金斯大學的統計中北韓都沒有任何確診與死亡病例。北韓也曾經兩度拒絕贈送的新冠肺炎疫苗且理由包含要把疫苗送到疫情更嚴重的國家。</t>
  </si>
  <si>
    <t>規定指出疫情包含隔離肺炎緊急防疫違反禁止當局消息人士出現官方靠近報導病例檢疫法</t>
  </si>
  <si>
    <t>北韓疫情防疫準則緊急命令北韓國慶</t>
  </si>
  <si>
    <t>防疫緊急命令準則疫情韓國慶</t>
  </si>
  <si>
    <t>狀物女神口罩內衣</t>
  </si>
  <si>
    <t>「內衣女神」拐拐（許采晴）從網拍內衣起家一路成立美胸泳裝品牌都有死忠的粉絲緊緊跟隨。近日適逢春酒旺季她特地打扮成「招財象神」超浮誇的造型引起網友熱議連「美胸女神」熊熊（卓毓彤）都忍不住誇讚：</t>
  </si>
  <si>
    <t>女神內衣特地旺季扮成近日跟隨浮誇緊緊起家造型粉絲引起死忠成立網友</t>
  </si>
  <si>
    <t>「內衣女神」拐拐（許采晴）從網拍內衣起家一路成立美胸泳裝品牌都有死忠的粉絲緊緊跟隨。近日適逢春酒旺季她特地打扮成「招財象神」超浮誇的造型引起網友熱議連「美胸女神」熊熊（卓毓彤）都忍不住誇讚：「你真的很猛」。
身為品牌的老闆娘之一拐拐立下春酒Dress Code主題為「諸神大吉合」規定每個人都要扮演東西方的神明她靈機一動決定化身招財象神頂著頭冠、化上泰式風情的妝容身穿金色的細肩帶深V中空裝露出渾圓的美胸和平坦腹部以及皮膚貼的紋身貼紙值得一提的是她手上拿著一條長長的金色象鼻剛好貼合臉部拐拐自豪的說：「這次全身的服裝、飾品都是手工訂製的尤其是我那隻全金打造的象鼻子可是做了兩週。」她也透露會扮象神的原因是因為象神代表智慧和財富「在泰國是非常吉祥的一尊。」
 S’dare 2020春酒 我是招財象神～～～～！?  這次規定大家的Dress Code 「諸神大吉合」 每個來的人都扮演一位東西方的神明 每次做Cosplay我都喜歡挑戰自己的極限?  記者打來問我為什麼會想到扮象神象神代表是智慧、財富在泰國是非常吉祥的一尊。 這次全身的服裝、飾品都是手工訂製的尤其是我那隻全金打造的象鼻子? 可是做了兩週。謝謝服裝師 @fishkuang 完成我的瘋狂任務她形容我是她遇到最奇妙的客戶?  也謝謝彩妝師 @ivanchangmakeup 跟髮型 @samq1020 把象神整體妝感詮釋的非常到味！ @sdare_self
 拐拐 Sabrina 許采晴（@sabrina888888_）分享的貼文 於 PST 2020 年 2月 月 10 日 上午 7:15 張貼
拐拐的春酒造型一PO出讓網友看得驚艷連連直呼：「只有拐拐可以突破拐拐」、「姐姐太強又太正了」、「根本沒有造型難得了你耶」還有人發揮想像力笑稱：「最新型口罩」。</t>
  </si>
  <si>
    <t>拐拐造型非常服裝金色品牌謝謝網友招財象許采晴女神規定dress神明</t>
  </si>
  <si>
    <t>拐拐象神春酒內衣女神美胸</t>
  </si>
  <si>
    <t>內衣女神拐拐</t>
  </si>
  <si>
    <t>晶光腳步穩住影響暫無形成營運</t>
  </si>
  <si>
    <t>國內新冠肺炎疫情大爆發上市櫃公司也陸續傳出員工確診的消息大立光（3008）也在15日證實有員工確診大立光表示公司確實有一位員工確診目前與該確診者接觸人員已進行隔離措施公司除在內部擴大消毒因應並</t>
  </si>
  <si>
    <t>公司確診員工疫情措施隔離進行人員爆發上市內部肺炎陸續傳出確實消息接觸表示證實擴大</t>
  </si>
  <si>
    <t>國內新冠肺炎疫情大爆發上市櫃公司也陸續傳出員工確診的消息大立光（3008）也在15日證實有員工確診大立光表示公司確實有一位員工確診目前與該確診者接觸人員已進行隔離措施公司除在內部擴大消毒因應並持續拉高防疫層級今天上班維持既有量測體溫等防疫工作並暫停外賓拜訪截至目前為止該確診人員對公司營運暫無影響。
在營運未受影響下大立光雖然早盤仍以2710元的低盤開出跌幅達491％但隨即在逢低買盤介入下盤中一度翻紅站上2900元終場亦以平盤2850元作收相較於台股重挫4732點跌幅299％以及光學股後玉晶光以跌停板的369元作收表現相對強勢。</t>
  </si>
  <si>
    <t>公司確診跌幅防疫人員員工影響疫情停板營運終場平盤翻紅站上一度光學盤中玉晶光</t>
  </si>
  <si>
    <t>新冠肺炎台灣  大立光玉晶光確診</t>
  </si>
  <si>
    <t>臺灣肺炎玉晶光確診</t>
  </si>
  <si>
    <t>確診肺炎服務代表處預約</t>
  </si>
  <si>
    <t>我駐俄羅斯代表處一名人員在12月1日因感到身體不適經篩檢後確診新冠肺炎（COVID-19）駐處已依據緊急應變計畫及俄國政府相關規定立即啟動防疫應變措施。外交部表示目前已進行辦公室全面消毒並通知曾與該名</t>
  </si>
  <si>
    <t>辦公室進行感到身體不適目前表示外交部應變確診防疫啟動措施立即規定相關俄國政府肺炎應變計covid-緊急</t>
  </si>
  <si>
    <t>我駐俄羅斯代表處一名人員在12月1日因感到身體不適經篩檢後確診新冠肺炎（COVID-19）駐處已依據緊急應變計畫及俄國政府相關規定立即啟動防疫應變措施。
外交部表示目前已進行辦公室全面消毒並通知曾與該名確診人員密集接觸的同仁實施居家檢疫14天其餘同仁則分組上班。此為駐俄羅斯代表處的第三位人員確診武漢肺炎。
外交部指出俄國新冠肺炎疫情持續蔓延為維護同仁及民眾健康安全駐俄羅斯代表處採取「預約制」提供領務服務。未來駐處將視疫情發展進行調整並適時對外公佈。國人倘有領務服務的需求可透過駐處電郵（[email protected]）洽請協助；如有急難救助事宜可撥打以下緊急電話：7-916-837-6058（俄國境外撥打）、8-916-837-6058（俄國國內撥打）。</t>
  </si>
  <si>
    <t>確診同仁人員肺炎代表處進行外交部疫情俄羅斯緊急俄國服務可撥打事宜急難救助協助立即規定相關</t>
  </si>
  <si>
    <t>俄國代表處同仁人員肺炎</t>
  </si>
  <si>
    <t>肺炎人員代表處同仁俄國</t>
  </si>
  <si>
    <t>使用疫苗緊急未列whoaz名單莊人祥必要條件</t>
  </si>
  <si>
    <t>日本捐贈台灣的AZ疫苗尚未通過WHO緊急使用認證通過！日本日前捐贈台灣124萬劑AZ疫苗開打以來目前接種累積死亡人數229人而根據世界衛生組織WHO在本月16日最新官網列管新冠疫苗緊急使用名單/更新資料顯示這批</t>
  </si>
  <si>
    <t>疫苗who使用緊急az臺灣捐贈日本累積接種人數死亡世界衛生組織本月目前最新以來列管官網認證日前尚未名單更新</t>
  </si>
  <si>
    <t>日本捐贈台灣的AZ疫苗尚未通過WHO緊急使用認證通過！日本日前捐贈台灣124萬劑AZ疫苗開打以來目前接種累積死亡人數229人而根據世界衛生組織WHO在本月16日最新官網列管新冠疫苗緊急使用名單/更新資料顯示這批來自日本廠的AZ疫苗直到6月16日都還沒完成相關查驗列入緊急使用名單。中央流行疫情指揮中心發言人莊人祥證實日本送給台灣的這批AZ疫苗確實還未獲得世界衛生組織的緊急使用認證但有關疫苗的使用並非必要條件。
根據WHO 2021/6/16更新的Status of COVID-19 Vaccines within WHO EUL/PQ evaluation process(WHO列管新冠疫苗緊急使用名單更新資料顯示AZ日本廠疫苗迄2021/6/16尚未完成相關查驗列入緊急使用名單其授權狀態仍然註記：「Anticipated date once all information has been received」（等到所有資料到齊再確定）。
而根據該表格來自韓國廠的AZ疫苗則早在2021年2月15日就已經獲得認證通過。
此外該表中也記載莫德納疫苗在2021年4月30日已經通過授權但並沒有如AZ區分韓國廠日本廠的細部資料。
莊人祥表示有關疫苗的使用都是需要經過使用國家的衛生主管機關核准後才能供應民眾接種是否已經列入世界衛生組織的EUL緊急使用列表 並非必要條件。
莊人祥指出日本捐贈給我們的疫苗是日本厚生勞動省已經在今年五月二十一日核准了AZ的EUA緊急授權使用台灣則是在六月二日核准AZ於日本廠的疫苗專案並核准了日本的AZ疫苗。
莊人祥並指出AZ公司確實是直到是今年六月十五日才向世衛提交日本廠的AZ疫苗申請陸續提供資料給世衛審查所以目前還在審查中但並不影響我國使用。
至於目前輸入我國的莫德納疫苗莊人祥表示包含西班牙廠、美國廠也都是經過食藥署審查後核准專案輸入都有經過食藥署審核專案輸入使用。
中華民國防疫學會理事長王任賢表示廠別其實沒有差異原本疫苗程式就是一個個廠陸續送件審而韓國廠的AZ疫苗早就通過韓國和日本廠基本上在質量控制、原料組成都是一樣日本只是還沒過而已民眾不必擔心仍可繼續接種。</t>
  </si>
  <si>
    <t>疫苗使用az日本緊急who資料已經核准表示接種臺灣世界衛生組織目前授權名單輸入認證審查民眾莊人祥更新eul列入</t>
  </si>
  <si>
    <t>AZ疫苗日本捐贈WHO緊急使用名單</t>
  </si>
  <si>
    <t>who捐贈日本緊急疫苗使用az名單</t>
  </si>
  <si>
    <t>垃圾資源環保家戶防疫分流廢棄物正常分類回收</t>
  </si>
  <si>
    <t>因應新冠肺炎環保署依據中央流行疫情指揮中心分工針對居家隔離、居家檢疫者及防疫旅館隔離及檢疫者廢棄物由縣市政府委託乙級清除機構收運送地方設置集中點再委託至甲級清除機構轉運送至甲級處理機構處理已</t>
  </si>
  <si>
    <t>機構清除隔離環保居家檢疫依據中央流行疫情指揮肺炎廢棄物縣市政府運送地方設置集中點中心分工送至旅館</t>
  </si>
  <si>
    <t>因應新冠肺炎環保署依據中央流行疫情指揮中心分工針對居家隔離、居家檢疫者及防疫旅館隔離及檢疫者廢棄物由縣市政府委託乙級清除機構收運送地方設置集中點再委託至甲級清除機構轉運送至甲級處理機構處理已徹底與清潔隊收運一般家戶垃圾分流一般家戶垃圾並無傳染新冠肺炎問題環保署呼籲民眾安心並呼籲國民排出家戶垃圾時應確實佩戴口罩、保持安全社交距離、並避免交談以確保防疫安全。
為執行新冠肺炎防疫工作特簽訂「因應嚴重特殊傳染性肺炎北區及南區居家隔離及居家檢疫者廢棄物清理服務開口契約」委託甲級廢棄物清除機構負責執行居家隔離、居家檢疫者及集中檢疫所隔離者之防疫垃圾收運處理工作；各地方環保局則委託乙級廢棄物清除機構負責清運。
針對居家隔離及居家檢疫者之垃圾清運依地方衛生或民政單位提供有垃圾清除需求名單給當地環保局後環保局即依上述作業流程由乙級清除機構清運至集中點再由甲級清除機構清運到甲級廢棄物處理廠對於防疫廢棄物嚴謹妥善收集清理並與一般家戶垃圾收運作業分流。
環保署指出由於一般家戶垃圾已與防疫垃圾分流家戶垃圾並無傳染新冠肺炎問題因此並無停止垃圾分類資源回收規劃經查世界各國及各大城市也未有因防疫停止垃圾分類資源回收而將回收物併入一般垃圾處理情事故請國人及清潔人員無需擔心環保署近期也已特別再請各地方環保局於辦理一般垃圾回收、清除及處理時強化清潔人員自我防護並適度增加人員與清運機具之消毒頻率以降低感染風險確保防疫安全。</t>
  </si>
  <si>
    <t>垃圾防疫清除一般地方肺炎機構環保廢棄物居家環保局清運隔離處理回收人員檢疫安全家戶收運清潔</t>
  </si>
  <si>
    <t>家戶垃圾防疫環保署新冠肺炎居家隔離</t>
  </si>
  <si>
    <t>環保肺炎防疫垃圾居家家戶隔離</t>
  </si>
  <si>
    <t>侯友宜疫苗中央免費打宣佈柯文哲預算</t>
  </si>
  <si>
    <t>臺北市長柯文哲5日主持防疫會議時宣佈新北市民施打新冠肺炎疫苗免費3小時後中央流行疫情指揮中心緊急宣佈早已編列40億元補助醫療院所對此新北市長侯友宜今（6日）表示同仁早在前2天就先告訴他中央有編列</t>
  </si>
  <si>
    <t>新北宣佈中央主持防疫會議同仁表示免費疫苗小時肺炎侯友宜告訴流行市長市民施打新對此</t>
  </si>
  <si>
    <t>臺北市長柯文哲5日主持防疫會議時宣佈新北市民施打新冠肺炎疫苗免費3小時後中央流行疫情指揮中心緊急宣佈早已編列40億元補助醫療院所對此新北市長侯友宜今（6日）表示同仁早在前2天就先告訴他中央有編列預算要做疫苗免費施打所以事先的準備工作已就緒了。
柯文哲連日來不斷向中央喊話只有打疫苗才能終結疫情5日下午霸氣宣佈未來市民打新冠疫苗全部免費結果立即引來中央流行疫情指揮中心跟進晚間發布新聞稿表示已編列40億元的特別預算補助接種公費疫苗的掛號費、藥事服務費等。</t>
  </si>
  <si>
    <t>疫苗中央宣佈免費疫情表示新北柯文哲補助市民預算指揮流行中心公費主持接種防疫同仁侯友宜市長</t>
  </si>
  <si>
    <t>柯文哲免費疫苗侯友宜新冠肺炎</t>
  </si>
  <si>
    <t>疫苗侯友宜免費柯文哲肺炎</t>
  </si>
  <si>
    <t>故事奕華源頭高嘉瑜</t>
  </si>
  <si>
    <t>陸委會11日對陸配子女能否來台政策一日三變昨疫情中心直接宣佈撤回陸配來台的政策堪稱「四度髮夾彎」。民進黨立委高嘉瑜指控整個事件源頭是從國民黨立委林奕華開了一場記者會。林則表示自己從未開過記者會</t>
  </si>
  <si>
    <t>政策記者會林奕華國民黨是從源頭事件林則指控高嘉瑜中心黨立委疫情直接民進宣佈髮夾撤回陸配來堪稱表示能否</t>
  </si>
  <si>
    <t>陸委會11日對陸配子女能否來台政策一日三變昨疫情中心直接宣佈撤回陸配來台的政策堪稱「四度髮夾彎」。民進黨立委高嘉瑜指控整個事件源頭是從國民黨立委林奕華開了一場記者會。林則表示自己從未開過記者會、從未提到「小明」也從未聯繫陸委會籲高別為護航執政黨轉移焦點最好出來說清楚、講明白。
高嘉瑜在政論節目《新聞面對面》表示「小明的故事」整個源頭的開始就是從林奕華年後開了一場記者會。高更表示陸委會的決定不僅完全未經疫情指揮中心之外連行政院長蘇貞昌、行政院副院長陳其邁等人都完全不知情然後就直接宣佈了這個政策就是對外新聞稿所知道的。並稱他們立委群組裡對此議題也是罵翻了。
林奕華接受本報訪問反問高嘉瑜：「哪場記者會？」直言自己根本從未開過記者會也從未提到「小明」這個人更沒有聯繫過陸委會自己只有接到民眾陳情陸配子女現況、與移民署聯絡而已。痛批高所言是為執政黨護航在轉移焦點相關指控根本不正確最好出來說清楚、講明白。</t>
  </si>
  <si>
    <t>陸委會高嘉瑜記者會政策表示完全從未就是指控源頭中心疫情根本直接宣佈配子聯繫執政黨焦點轉移護航最好</t>
  </si>
  <si>
    <t>陳揮文嚇壞展現強大實力青島</t>
  </si>
  <si>
    <t>大陸山東省青島市日前出現突發新冠肺炎本土確診病例感染源不明宣佈針對全市近千萬人口全面核酸檢測5日內完成檢測1089萬9145個核酸樣本檢測結果出爐無新增陽性樣本引發外界關注。對此資深媒體人陳揮文</t>
  </si>
  <si>
    <t>樣本檢測核酸關注出現外界突發引發肺炎陽性本土病例全面感染確診宣佈不明全市人口出爐對此日前結果媒體</t>
  </si>
  <si>
    <t>大陸山東省青島市日前出現突發新冠肺炎本土確診病例感染源不明宣佈針對全市近千萬人口全面核酸檢測5日內完成檢測1089萬9145個核酸樣本檢測結果出爐無新增陽性樣本引發外界關注。對此資深媒體人陳揮文也嚇一跳直呼「展現強大實力」。
陳揮文在政論節目「飛碟晚餐 陳揮文時間」中說青島5天普篩1089萬人這需要多大的檢驗能量、人力、物力連美國媒體都嚇一跳畢竟看看歐洲等國的疫情「所以你說青島料敵從寬對不對？這很難判斷。」
陳揮文進一步說「可是我要說他(青島)展現強大實力所有青島朋友都配合5天篩1089萬人嚇死人」；話鋒一轉陳揮文大笑地問「而我們呢？堅持不普篩每天檢測不到一萬所以我說陳時中跟指揮中心是顯然有問題。」
陳揮文認為「疫情爆發時台灣檢測量約為2、3000結果半年多還是不到一萬疫情控制好是運氣好我們是島國大家戴口罩爭取半年時間結果檢驗能量不到一萬到底在幹嘛？」然而針對青島篩檢結果衛福部長陳時中17日語帶嘲諷表示「太偉大了」不可能會出現這樣的結果。</t>
  </si>
  <si>
    <t>結果青島檢測揮文疫情出現陳時中時間樣本媒體陳揮文能量檢驗實力強大展現核酸突發病例</t>
  </si>
  <si>
    <t>青島陳揮文新冠肺炎篩檢陳時中</t>
  </si>
  <si>
    <t>肺炎陳揮文陳時中青島</t>
  </si>
  <si>
    <t>asonefight歌曲蔡依林說話</t>
  </si>
  <si>
    <t>蔡依林日前攜手陳奕迅合唱公益歌曲《Fight as One》用全英文的溫暖歌聲向全球醫護致敬歌詞觸動人心MV更搭配全球不分人種的抗疫鬥士溫馨又催淚不過卻意外掀起正反兩派論戰因為網友發現MV畫面中有小孩</t>
  </si>
  <si>
    <t>mv全球合唱公益歌曲fight發現as網友one論戰陳奕迅掀起意外全英文溫暖溫馨鬥士歌聲醫護人種致敬不分</t>
  </si>
  <si>
    <t>蔡依林日前攜手陳奕迅合唱公益歌曲《Fight as One》用全英文的溫暖歌聲向全球醫護致敬歌詞觸動人心MV更搭配全球不分人種的抗疫鬥士溫馨又催淚不過卻意外掀起正反兩派論戰因為網友發現MV畫面中有小孩「感謝China」片段蔡依林則在臉書發長文雖沒明確指出所言何事但似乎是在回應近期風波。
蔡依林和陳奕迅合作本是希望在疫情嚴峻下能給更多人力量卻因為MV畫面出現世界各國小朋友拿著「感謝China」的圖畫引起熱議對此蔡依林也發文「此刻的我感到渺小無論未來的蔡依林將會如何地被敘述和被形塑著。我都要深深地謝謝你謝謝你在我有限的表演生命裡 曾用力地拉過我一把 曾親臨現場地救贖過我更曾不離不棄地陪伴過我的你。」
另外她也說到「也許在某個時間你忽然間不再需要我了也不再記起我了我都相信那也本是我該收下的生命之禮。在此之前我一定會為蔡依林全力以赴的活著笑著哭著唱著。」雖沒明確表示指出對象但似乎是在回應近期風波粉絲也留言替她打氣「我們都還在」。</t>
  </si>
  <si>
    <t>蔡依林mv全球生命畫面china感謝陳奕迅似乎近期回應風波不再as公益歌曲onefight全英文溫暖</t>
  </si>
  <si>
    <t>蔡依林MV陳奕迅醫護公益歌曲</t>
  </si>
  <si>
    <t>mv醫護公益陳奕迅歌曲蔡依林</t>
  </si>
  <si>
    <t>中心指揮邊境鬆綁有望回應</t>
  </si>
  <si>
    <t>新冠肺炎疫苗覆蓋率陸續提升昨中央流行疫情指揮中心指揮官陳時中預告待單劑覆蓋率7成、第2劑覆蓋率6成再談邊境鬆綁。發言人莊人祥今表示開放邊境的時間點還沒到至於如何讓別人進來要看看從哪個國家入境</t>
  </si>
  <si>
    <t>覆蓋率邊境進來至於沒到陸續提升時間流行指揮官開放疫情中心中央指揮預告表示陳時中發言人鬆綁疫苗莊人祥</t>
  </si>
  <si>
    <t>新冠肺炎疫苗覆蓋率陸續提升昨中央流行疫情指揮中心指揮官陳時中預告待單劑覆蓋率7成、第2劑覆蓋率6成再談邊境鬆綁。發言人莊人祥今表示開放邊境的時間點還沒到至於如何讓別人進來要看看從哪個國家入境根據各國風險做計算。
昨日國民黨立委葉毓蘭質詢時提問國內疫苗接種覆蓋率要到多高才能考慮邊境鬆綁？陳時中答目前認為要第1劑覆蓋率達7成第2劑覆蓋率達6成才有基本保護力因此現在談邊境鬆綁都還太早。
莊人祥今日表示開放邊境的時間點還沒到至於如何讓別人進來要看看從哪個國家入境根據各國風險做計算會尊重專家意見。
至於近期有機組員傳出因執勤、派飛壓力大出現血栓、突發性耳聾問題是否有機會調整檢疫天數？對此莊人祥說會和航空公司、民航局暸機組員的需求是否能放寬還需要密切溝通、聯繫。針對檢疫期間的派飛他表示有注意到機組員的需求會看看是否可以有多幾天可以再和民航局溝通。</t>
  </si>
  <si>
    <t>覆蓋率邊境鬆綁是否表示陳時中疫苗至於檢疫莊人祥看看機組員需求計算溝通民航開放風險陸續流行</t>
  </si>
  <si>
    <t>疫苗覆蓋率邊境鬆綁莊人祥機組員新冠肺炎</t>
  </si>
  <si>
    <t>莊人祥鬆綁機組員邊境覆蓋率肺炎疫苗</t>
  </si>
  <si>
    <t>可期衝鋒字頭導體</t>
  </si>
  <si>
    <t>瑞昱(2379)第二季受惠新冠肺炎疫情衝擊PC、網通相關出貨湧現急單預計第二季獲利表現不淡展望第三季由於疫情延燒居家辦公、遠端教學等趨勢將延續加上TWS新品加持第三季可望不淡。另外瑞昱長線耕耘乙</t>
  </si>
  <si>
    <t>疫情瑞昱趨勢教學延續加上tws辦公新品相關衝擊網通pc湧現可望肺炎居家</t>
  </si>
  <si>
    <t>瑞昱(2379)第二季受惠新冠肺炎疫情衝擊PC、網通相關出貨湧現急單預計第二季獲利表現不淡展望第三季由於疫情延燒居家辦公、遠端教學等趨勢將延續加上TWS新品加持第三季可望不淡。另外瑞昱長線耕耘乙太車用網路據悉有機會打入特斯拉也將扮演長線營運動能之一今股價衝上新歷史新高一度飛越400元大關最高達401元午盤也維持逾45%的漲幅。
瑞昱第二季營收17338億元季增加885%寫下單季歷史新高紀錄累計上半年總營收33266億元年增1874%。
瑞昱第二季因新冠肺炎衝擊帶動PC周邊、網通需求大增加上全球疫情恐掀第二波遠距教學、居家上班等需求延續整體需求有機會延伸到第三季。另外瑞昱第三季還有TWS(無線藍芽耳機)新品入列預計將導入ANC(自動降噪)功能毛利率更勝先前產品瑞昱TWS在非蘋陣營中佔比高達80%下半年TWS將成重要動能之一。
另外瑞昱長線耕耘乙太車用網路據悉有機會和電動車大廠特斯拉合作車用市場毛利率高且產品週期長中長線具有想像空間。
瑞昱6月營收也傳捷報單月營收首度超越60億元關卡達6078億元月增加616%、年增加加2156%。
瑞昱將在本週三(8月5日)舉辦法人說明會屆時除公佈第二季財報外也將針對第三季營運做出明確說明。</t>
  </si>
  <si>
    <t>瑞昱tws疫情需求長線機會預計毛利率車用加上歷史產品網通居家動能特斯拉新品</t>
  </si>
  <si>
    <t>瑞昱TWS乙太車用網路PC網通</t>
  </si>
  <si>
    <t>乙太網路車用pctws瑞昱網通</t>
  </si>
  <si>
    <t>延長急診警戒臺灣意外隱憂</t>
  </si>
  <si>
    <t>台灣本土確診數昨在升回三位數指揮中心宣佈延長三級警戒至7/12對此中山醫學大學附設醫院兒童急診科主任謝宗學表示真的不意外因為台灣目前沒有可解封的條件各地仍有許多感染源不明的案例若在此刻鬆懈</t>
  </si>
  <si>
    <t>臺灣位數升回指揮感染中心宣佈延長警戒對此條件中山醫學大學附設醫院兒童急診科主任沒有目前宗學表示意外</t>
  </si>
  <si>
    <t>台灣本土確診數昨在升回三位數指揮中心宣佈延長三級警戒至7/12對此中山醫學大學附設醫院兒童急診科主任謝宗學表示真的不意外因為台灣目前沒有可解封的條件各地仍有許多感染源不明的案例若在此刻鬆懈先前的努力恐功虧一簣引起網友討論感覺沒清零或達成集體免疫生活都是威脅。
謝宗學昨在臉書發文表示前幾天確診數字不斷下降可惜23日的確診病例數字再度破百例上升至104例且雙北以外地區的確診人數明顯增加這波是否跟端午連假返鄉有關還要等疫調結果出爐才能知道。
謝宗學透露他其實不意外全國三級疫情警戒會延長至7/12因為目前台灣真的沒有可以解封的條件各地仍然有許多感染源不明的本土確診病例如果在這時候就開始鬆懈那麼之前的努力可能就功虧一簣了。
謝宗學指出他早就把暑假預約的住宿全部取消即使7/12真的三級解封了他在暑假期間也不敢帶孩子出門遊玩因為隨時可能再度爆發大規模社區疫情他並感謝立陶宛贈送台灣2萬劑的疫苗這波捐贈將有1萬名台灣人可以受惠。
貼文引起熱議不少網友表示台灣人鬆懈了現在真的沒有解封的條件。「竹東長照10幾天了還止不住每天不斷聽到救護車的聲音真的好恐慌」、「不意外好像飯店都滿了有很多人忙到昏天暗地也有很多人只想著玩」、「照這樣看沒清零或沒達到集體免疫的條件下生活都是威脅」。</t>
  </si>
  <si>
    <t>確診宗學真的臺灣條件表示鬆懈疫情可能沒有再度臺灣人警戒不斷延長引起病例網友功虧一簣意外數字</t>
  </si>
  <si>
    <t>三級警戒延長台灣解封新冠肺炎</t>
  </si>
  <si>
    <t>臺灣解封延長警戒肺炎</t>
  </si>
  <si>
    <t>疫情分享zoom筆記面試指南過關斬將新鮮</t>
  </si>
  <si>
    <t>新冠肺炎的來襲改變了2020年全球的生活模式在疫情之下求職也變得更加有挑戰性。根據勞動部的估計今年台灣約有19萬新鮮人加入求職潮。而因應海內外疫情仍然嚴峻企業紛紛改用視訊軟體如 Zoom 進行面試一方面</t>
  </si>
  <si>
    <t>疫情求職改變全球改用紛紛生活企業模式嚴峻仍然之下臺灣勞動部挑戰性海內外因應更加新鮮</t>
  </si>
  <si>
    <t>新冠肺炎的來襲改變了2020年全球的生活模式在疫情之下求職也變得更加有挑戰性。根據勞動部的估計今年台灣約有19萬新鮮人加入求職潮。而因應海內外疫情仍然嚴峻企業紛紛改用視訊軟體如 Zoom 進行面試一方面減少傳染風險另一方面減少雙方時間成本。當畢業季求職潮遇上疫情因素求職者要如何脫穎而出？又如何在螢幕一端展現出最好的自己讓面試官留下好印象？Zoom分享以下５招期待讓有需要視訊面試的你過關斬將！
【第一招：注重儀容姿態】
心理學家亞伯特馬布蘭（Albert Mehrabian）曾提出「55、38、7形象定律」說明對於陌生人的第一印象有55%來自其外貌表現與肢體動作、38%來自說話的聲調、音量及速度而內容只佔了7%。因此注重儀容姿態將是視訊面試的一大關鍵。如同到現場一般視訊面試也要記得穿著正式服裝但盡量避免條紋或格紋服裝避免面試官透過螢幕觀看久了造成雙眼不適。另一方面在姿態上善用肢體動作也是打造良好第一印象的關鍵例如：坐穩、進行眼神交流、搭配手勢與調整語氣、微笑直視鏡頭。
【第二招：視訊環境的設置】
優質的環境與硬體設備能夠減少斷訊、收音不佳而降低整體面試成效的機率。為避免面試中被幹擾建議事先安排一個安靜、背景乾淨及網路穩定的房間。Zoom高品質的視訊畫面與清晰音訊可以確保你在面試中能穩定、清楚的與面試官對談。此外視訊光線要足夠讓面試官看清楚長相。面試前也可以先透過Zoom的視訊預覽功能檢查鏡頭下的自己是否清晰並確認視訊鏡頭與眼睛同高讓面試官與你的視線平行。而面試時也須準備耳機麥克風讓雙方聽不清楚聲音的可能性降到最低。要是房間沒有適合的背景也可考慮利用Zoom的虛擬背景輕鬆打造優質面試環境。
【第三招：注意面試日期時間】
在家中視訊面試容易忘記時間建議利用Zoom會議設定連結個人Outlook或是Google日曆讓系統自動安排更新行事曆再也不用擔心錯過任何會議。同時在Zoom會議設定中也可以預先設定好會議起始畫面調整適合自己的影像及聲音選項並提早三分鐘準備連線。若是跨國面試也要注意時差問題避免錯失面試機會。
【第四招：與你的面試官互動】
透過螢幕面試與面試官的互動變得更加重要。在過程中說話放慢速度可以降低對方聽不清楚的可能性。若是聽不清楚問題記得要與面試官確認再回答。同時當面試中有不確定的詞語時可以善用Zoom Chat內建文字溝通功能清楚溝通避免語音對談上理解有誤差。另外Zoom也具備虛擬白板可以輔助口頭敘述讓資訊傳遞更清晰透明。  【第五招：準備充分資料隨時分享面試官參考】
最後預先準備個人作品集或相關參考資料也是面試加分關鍵。檔不須印成紙本可以在視訊面試過程中透過Zoom Chat直接傳送給面試官。若有準備簡報也可使用Zoom螢幕共用與面試官分享電腦畫面直接打開簡報講解展現自己的優勢。
後疫情時代改變了全球的工作模式遠距面試將會是申請入學與求職新常態。提升對Zoom等視訊設備的熟悉度並且根據提醒來提升面試分數期待能協助使用者在視訊面試上更無後顧之憂透過螢幕也能讓面試官感受到你的與眾不同。</t>
  </si>
  <si>
    <t>面試zoom可以清楚疫情求職避免透過準備畫面姿態關鍵會議時間清晰</t>
  </si>
  <si>
    <t>新鮮人畢業Zoom面試視訊面試</t>
  </si>
  <si>
    <t>面試zoom畢業新鮮</t>
  </si>
  <si>
    <t>女作家有如監獄檢疫所臺灣情侶</t>
  </si>
  <si>
    <t>新冠肺炎疫情肆虐全球一對英國情侶入境台灣接受居家檢疫但屢屢抱怨檢疫所沒熱水、食物品質很差甚至透過親友向BBC投訴宛如「住在監獄」此舉不僅惹怒許多台灣網友就連知名圖文作家吉娜兒也發文怒嗆：「台灣</t>
  </si>
  <si>
    <t>臺灣肆虐全球英國情侶入境接受食物品質熱水疫情抱怨檢疫所甚至居家透過親友檢疫屢屢bbc投訴吉娜兒宛如作家圖文</t>
  </si>
  <si>
    <t>新冠肺炎疫情肆虐全球一對英國情侶入境台灣接受居家檢疫但屢屢抱怨檢疫所沒熱水、食物品質很差甚至透過親友向BBC投訴宛如「住在監獄」此舉不僅惹怒許多台灣網友就連知名圖文作家吉娜兒也發文怒嗆：「台灣沒欠你們」。
這對英國情侶入境台灣後必須按規定居家檢疫14天但因為聲稱沒有錢便被安排至花蓮檢疫所每天住宿加三餐須收250元不過他們卻抱怨不僅房間骯髒又沒熱水連飲食品質也相當糟糕此舉讓知名圖文作家吉娜兒怒轟：「台灣沒欠你們當台灣人塑膠做的」更嗆聲：「出國旅遊沒錢是怎樣自以為是」。
對此網友也紛紛留言：「只能說無言啦…都什麼時候了以為渡假喔」、「台灣沒欠你們這麼自私的人還是別來台灣」、「請感恩慶幸你們在台灣隔離 不是在其他國家」。</t>
  </si>
  <si>
    <t>臺灣檢疫所網友抱怨檢疫品質熱水居家入境英國圖文情侶作家吉娜兒知名肆虐全球親友bbc投訴透過甚至宛如</t>
  </si>
  <si>
    <t>英國情侶吉娜兒台灣檢疫所監獄</t>
  </si>
  <si>
    <t>情侶臺灣吉娜兒檢疫所監獄英國</t>
  </si>
  <si>
    <t>印尼境外症狀確診</t>
  </si>
  <si>
    <t>中央流行疫情指揮中心今天公佈新增一名境外移入個案陳時中表示這名個案為沒症狀的印尼籍移工案551。個案接觸者25人。中央流行疫情指揮中心今(28)日公佈國內新增1例境外移入COVID-19病例為印尼籍10多歲女性移</t>
  </si>
  <si>
    <t>個案印尼境外公佈新增中心疫情指揮流行接觸中央症狀covid-國內今天病例表示陳時中女性</t>
  </si>
  <si>
    <t>中央流行疫情指揮中心今天公佈新增一名境外移入個案陳時中表示這名個案為沒症狀的印尼籍移工案551。個案接觸者25人。
中央流行疫情指揮中心今(28)日公佈國內新增1例境外移入COVID-19病例為印尼籍10多歲女性移工(案551)於今(2020)年10月7日入境台灣入境迄今均無症狀。
指揮中心表示個案入境時無症狀且檢附三日內檢驗陰性報告入境後由仲介安排入住防疫宿舍進行居家檢疫檢疫期間均回報無症狀。個案10月22日檢疫期滿後由仲介安排於原防疫宿舍持續進行自主健康管理並於10月26日由仲介安排至醫院自費採檢於今日確診目前住院隔離中。
指揮中心指出衛生單位已初步掌握個案接觸者共25人包含仲介1人、翻譯1人、宿舍工作人員1人、接送司機3人及醫院接觸者9人因接觸期間均有適當防護列自主健康管理；另10人為一同入境之印尼籍移工檢驗結果均為陰性列居家隔離。</t>
  </si>
  <si>
    <t>個案入境中心指揮仲介症狀接觸安排宿舍印尼檢驗檢疫自主陰性健康管理醫院進行期間隔離</t>
  </si>
  <si>
    <t>新冠肺炎流感疫苗境外移入指揮中心台灣</t>
  </si>
  <si>
    <t>境外流感疫苗指揮肺炎中心臺灣</t>
  </si>
  <si>
    <t>太平山莊假日解封自主提前</t>
  </si>
  <si>
    <t>距離原訂的三級防疫管制解封日還有一個星期雖然對於是否能如期解封還是個未知數但民眾已經紛紛提前「自主解封」甚至開始為解封後的出遊超前部署太平山莊七、八月份的訂房率不斷提高假日更是一房難求解封</t>
  </si>
  <si>
    <t>解封還有星期是否出遊太平超前山莊八月部署不斷提前如期紛紛已經民眾未知數管制對於開始甚至</t>
  </si>
  <si>
    <t>距離原訂的三級防疫管制解封日還有一個星期雖然對於是否能如期解封還是個未知數但民眾已經紛紛提前「自主解封」甚至開始為解封後的出遊超前部署太平山莊七、八月份的訂房率不斷提高假日更是一房難求解封後的出遊潮盛況恐怕會相當驚人。
即使中央尚未宣佈解封但憋不住的民眾早已自己出門透透氣根據統計國五、雪隧假日的車流量已經比前二周爆增了50％而民眾真的是悶壞了太平山莊七月的網路訂房率已經達到五成八月更提高到七成假日訂房則是「全滿」。
雖然許多民眾已紛紛為解封後的出遊「超前部署」不過如果對照疫情爆發之前目前的訂房率還是少了許多太平山莊經理黃信偉表示以往七、八月因正值暑假期間太平山莊是一房難求今年以目前的訂房率來看「算是很少了！」。
黃信偉說一但解封太平山上確實是個很不錯的地方山上白天的氣溫大約只有22度上下晚上更降至16、7度是絕佳的避暑去處此外太平山上現在的紫葉槭長得正好紫葉槭從4月展葉期開始一直持續到9月的落葉期都能欣賞到「楓紅」美景不需要等到秋天才能看到楓紅。
另外要提醒的是如果民眾想要上太平山搭乘「蹦蹦車」則會大失所望因為目前正在施做邊坡工程依照預定進度要到11月初才會恢復營運因此在今年暑假將無法體驗搭乘太平山蹦蹦車的樂趣。</t>
  </si>
  <si>
    <t>解封民眾太平已經山莊山上八月目前假日出遊楓紅暑假開始今年搭乘黃信偉紛紛平山</t>
  </si>
  <si>
    <t>解封太平山莊出遊三級警戒新冠肺炎</t>
  </si>
  <si>
    <t>警戒出遊山莊太平解封肺炎</t>
  </si>
  <si>
    <t>員工曝光確診足跡包含新竹電子城隍廟麥當勞苗栗縣</t>
  </si>
  <si>
    <t>苗栗縣13日新增1例確診案1538537歲男性居住在頭份市是新竹縣某電子廠員工7月9日開始有咳嗽、腹瀉、鼻塞等症狀自行購藥服用未就醫。7月11日由電子廠安排快篩結果為陽性7月12日經就醫採檢PCR後確診</t>
  </si>
  <si>
    <t>苗栗縣 13 日 新增 1 例 確診 案 1538537 歲 男性 居住 在 頭份 市 是 新竹 縣 某 電子 廠 員工 7 月 9 日 開始 有 咳嗽 腹瀉 鼻 塞 等 症狀 自行 購 藥 服用 未 就醫 7 月 11 日 由 電子 廠 安排 快 篩 結果 為 陽性 7 月 12 日經 就醫 采 檢 pcr 後 確診</t>
  </si>
  <si>
    <t>就醫電子確診男性居住頭份日經症狀自行陽性腹瀉咳嗽新竹結果服用開始</t>
  </si>
  <si>
    <t>苗栗縣13日新增1例確診案1538537歲男性居住在頭份市是新竹縣某電子廠員工7月9日開始有咳嗽、腹瀉、鼻塞等症狀自行購藥服用未就醫。7月11日由電子廠安排快篩結果為陽性7月12日經就醫採檢PCR後確診目前收治本縣醫院隔離病房。
經疫調確診生活史多數在新竹縣或新竹市工作職場在新竹縣家人則在新竹市本人則在頭份市居住目前匡列接觸者為外縣市家人及職場接觸者共有14人14人皆已完成採檢。12人居家隔離、2人防疫旅館隔離苗栗縣政府已對其在縣內活動足跡進行環境消毒。
案15385疫調足跡包括寶山第2水庫、摩斯漢堡新竹北大店、中國信託商銀新竹分行、新竹市中華路福特汽車、全家新竹金竹店、新竹城隍廟、青草湖、頭份中港肉圓店、新竹市中華路車麗屋、麥當勞等。
苗栗縣府在接種疫苗規劃方面截至7月12日17時於預約平臺意願登記共有49714人完成登記其中AZ 1424人、AZ＆莫德納皆可的16940人、莫德納31350人苗栗縣為因應疫苗擴大年齡層第9類（18-64歲具有易導致嚴重疾病高風險疾病者、罕見疾病及重大傷病者）、第10類（50-64歲人口）及第二劑時有效率接種除了已合約的13家醫院、34家診所、18鄉鎮市衛生所提供接種外新規劃7個大型場館接種站預計於7月16日開設開設原則以中央預約平臺預約接種人數為依據在縣內醫療次區域苗栗、中港、海線等3個區域分別設置接種站由縣內醫院負責大型接種站接種作業相關接種站資訊公告於縣府及衛生局官網、FB。</t>
  </si>
  <si>
    <t>苗栗縣 13 日 新增 1 例 確診 案 1538537 歲 男性 居住 在 頭份 市 是 新竹 縣 某 電子 廠 員工 7 月 9 日 開始 有 咳嗽 腹瀉 鼻 塞 等 症狀 自行 購 藥 服用 未 就醫 7 月 11 日 由 電子 廠 安排 快 篩 結果 為 陽性 7 月 12 日經 就醫 采 檢 pcr 後 確診 目前 收治 本 縣 醫院 隔離病房 經 疫 調 確診 生活 史 多數 在 新竹 縣 或 新竹 市 工作 職 場 在 新竹 縣 家人 則 在 新竹 市 本人 則 在 頭份 市 居住 目前 匡列 接觸 者 為 外縣市 家人 及 職 場 接觸 者 共有 14 人 14 人 皆 已 完成 采 檢 12 人 居家 隔離 2 人 防疫 旅館 隔離 苗栗 縣政府 已對 其 在 縣 內 活動 足跡 進行 環境 消毒 案 15385 疫 調 足跡 包括 寶山 第 2 水庫 摩斯漢堡 新竹 北大 店 中 國信 讬 商銀 新竹 分行 新竹 市 中華路 福特 汽車 全家 新竹 金竹店 新竹 城隍廟 青草湖 頭份 中港 肉 圓 店 新竹 市 中華路 車麗 屋 麥當勞 等 苗栗 縣府 在 接種 疫苗 規劃 方面 截至 7 月 12 日 17 時於 預約 平臺 意願 登記 共有 49714 人 完成 登記 其中 az 1424 人 az&amp; 莫德納 皆 可 的 16940 人 莫德納 31350 人 苗栗縣 為 因應 疫苗 擴大 年齡層 第 9 類 18 64 歲 具有 易 導致 嚴重 疾病 高風險 疾病 者 罕見 疾病 及 重大 傷病者 第 10 類 50 64 歲 人口 及 第二 劑 時 有效率 接種 除了 已 合約 的 13 家 醫院 34 家 診所 18 鄉鎮 市 衛生 所 提供 接種 外 新 規劃 7 個 大型 場館 接種 站 預計 於 7 月 16 日 開設 開設 原則 以 中央 預約 平臺 預約 接種 人數 為 依據 在 縣 內 醫療 次區域 苗栗 中港 海線 等 3 個 區域 分別 設置 接種 站 由 縣 內 醫院 負責 大型 接種 站 接種 作業 相關 接種 站 資訊 公告 於 縣府 及 衛生局 官網 fb</t>
  </si>
  <si>
    <t>接種新竹苗栗確診頭份醫院就醫疫苗目前縣府預約中港規劃平臺電子</t>
  </si>
  <si>
    <t>新冠肺炎台灣新竹縣苗栗縣電子廠</t>
  </si>
  <si>
    <t>新竹臺灣肺炎苗栗縣電子</t>
  </si>
  <si>
    <t>國泰人壽缺口一把抓七彩保障</t>
  </si>
  <si>
    <t>新冠肺炎疫情持續蔓延國泰人壽貼心提醒民眾在積極防疫的過程中除了注意健康外也別忘了檢視自身保障是否完善而到底保障要多少才算足夠？只要上網搜尋國泰人壽與學界合作開發的「幸福保障七彩盤」就可以藉由</t>
  </si>
  <si>
    <t>保障國泰人壽持續蔓延貼心幸福提醒民眾合作開發防疫過程積極注意健康學界別忘了搜尋上網足夠疫情七彩是否</t>
  </si>
  <si>
    <t>國泰人壽保障肺炎給付醫療條款保戶是否病房注意健康過程防疫體驗生動專業還有資料可以積極一舉</t>
  </si>
  <si>
    <t>保障缺口肺炎七彩國泰人壽保障</t>
  </si>
  <si>
    <t>保障國泰人壽缺口七彩肺炎</t>
  </si>
  <si>
    <t>派利強身雲品復蘇觀光</t>
  </si>
  <si>
    <t>雲朗觀光集團旗下雲品（2748）今（27）日召開股東常會通過2019年財報及股利分派案決議配發每股現金股利1元、股票股利15元合計派利25元。展望今年面對新冠肺炎疫情衝擊集團致力留住人才期許在疫情過後</t>
  </si>
  <si>
    <t>集團股利疫情雲品衝擊召開分派肺炎面對展望股東常會今年留住人才致力現金股票決議合計派利</t>
  </si>
  <si>
    <t>雲朗觀光集團旗下雲品（2748）今（27）日召開股東常會通過2019年財報及股利分派案決議配發每股現金股利1元、股票股利15元合計派利25元。展望今年面對新冠肺炎疫情衝擊集團致力留住人才期許在疫情過後的市場競爭中能更具競爭力。
雲品2019年合併營收創238億元新高年增394％但毛利率3064％、營益率1144％雙創新低加上業外虧損擴大稅後淨利183億元年減1305％每股盈餘（EPS）28元分創近4年、近5年低點。
雲品表示去年日月潭雲品、臺北君品住房業務表現良好但宴會市場因競爭激烈進入盤整期館外餐飲的頤品新店北新館、桃園民生館宴會較前年減少加上發行公司債利息認列與IFRS 16租賃新制影響相關認列費用增加均削弱獲利表現。
雲品對此積極拓展館外餐飲業務多角化佈局持續擴大婚宴平臺「君品Collection」業務規模逐步推升對館外餐飲業務營收貢獻占比。公司也持續致力優化日月潭雲品溫泉酒店、君品酒店等住房業務以及持續改良館外餐飲業務等營運體質、優化業務組合結構等。
展望今年新冠肺炎疫情對觀光業的短期衝擊顯著雲品預期景氣將較去年衰退除了在防疫上超前佈署並盡全力做到不減薪、不放無薪假希望能留住人才、凝聚團隊向心力期許在疫情過後的市場競爭中能更具競爭力。
雲品也與母公司雲朗主動出擊攜手凱撒飯店連鎖、老爺酒店集團共同發行1億元通用券給旗下及關係企業員工使用自創首波消費需求後續販售給各大企業及福委會主動開拓新藍海。預期在此良好基礎上三大集團未來可深化更多面向的合作。
發展策略方面雲品表示除了在自有營運據點持續深耕品牌、致力提升業績外亦將持續擴大多角化版圖透過委託經營管理的零資產、純管理模式延伸公司餐飲優勢、落實管理財競爭策略以增添公司未來營運成長動能。
此外「君品Collection」非傳統宴會場地接單在疫情逆風中逆勢成長累計已有超過250場宴會待辦理。雲品審慎樂觀預期宴會市場有望在第四季稍微回溫將持續新增合作據點、進一步優化平臺功能預計最快年底可進入「君品Collection」20階段。</t>
  </si>
  <si>
    <t>雲品持續宴會業務公司集團餐飲疫情預期擴大優化營運致力企業股利加上管理</t>
  </si>
  <si>
    <t>雲品股東會股利營運展望</t>
  </si>
  <si>
    <t>股利雲品營運展望股東會</t>
  </si>
  <si>
    <t>關鍵沒錯致命根本曝光出國兒子張上淳</t>
  </si>
  <si>
    <t>中央流行疫情指揮中心專家會議召集人張上淳的小兒子被爆說身為醫師卻仍在疫情期間執意出國看NBA球賽引發基層醫療人員不滿也遭到輿論撻伐。網路論壇批踢踢上就有網友提出不同看法討論「張上淳兒子根本沒錯吧</t>
  </si>
  <si>
    <t>張上淳疫情討論看法中心不同網友專家提出召集人踢踢論壇會議網路輿論遭到不滿人員醫療基層小兒引發球賽</t>
  </si>
  <si>
    <t>中央流行疫情指揮中心專家會議召集人張上淳的小兒子被爆說身為醫師卻仍在疫情期間執意出國看NBA球賽引發基層醫療人員不滿也遭到輿論撻伐。網路論壇批踢踢上就有網友提出不同看法討論「張上淳兒子根本沒錯吧？」PO文引發熱議。
原 PO 在批踢踢貼文指出「禁止醫護出國這點大家都討論過了沒有法源依據百分百違憲不用說連有沒有防疫效果都不知道他出國當時美國就還沒有被列到危險國啊？所以這時候出國哪裡錯？」
有網友說「有人說這種情況為何還要出國？」對此原PO反駁說「政府都說可以去了政府認證欸真的怕為何當時不把美國升第三級？」原PO認為從現在來看這些留言只是馬後砲而已「你要罵個人為何要出國那怎麼不先罵政府都這種情況怎沒把國家列第三級？事實就是他出國當時政府是有背書他要去的國家是可以去的。」
「有人說可是很多醫護都賠錢取消出國了欸」對此原PO則是認為「是阿但那幹張上淳兒子屁事阿？所以現在是因為忌妒就是了？」
貼文一出網友紛紛回應「兒子是醫生卻照樣出國對其他醫護不公平啦」、「一堆人搞錯點欸自己是醫生加上爸爸是召集人其他醫護當然不高興社會觀感太差」、「說真的他不是醫生我覺得還好重點是他是醫生啊其他醫護情何以堪」、「他不是醫生就給過啦但身份太尷尬了」。
還有人想到之前的裡長出國事件「裡長那時候怎麼不出來說呢」、「裡長、渡蜜月的＝垃圾；淳兒＝根本沒錯」、「重點是雙標吧」、「部長請國民沒必要盡量別出國是為了什麼？」</t>
  </si>
  <si>
    <t>出國醫護po醫生張上淳兒子政府網友沒有當時召集人踢踢現在疫情引發討論沒錯根本</t>
  </si>
  <si>
    <t>張上淳張上淳兒子兒出國張上淳兒禁醫護出國</t>
  </si>
  <si>
    <t>張上淳出國醫護兒子</t>
  </si>
  <si>
    <t>社區感染重點遲早直言失控</t>
  </si>
  <si>
    <t>台灣出現新冠肺炎首例死亡病例抗煞專家、前疾管局長蘇益仁也直言大陸疫情已經蔓延兩個月台灣期待沒有社區感染不切實際呼籲指揮中心不要排除社區感染該用社區感染的措施去做。臺北市長柯文哲表示即使是社</t>
  </si>
  <si>
    <t>感染社區臺灣臺北市首例肺炎死亡病例柯文哲專家局長蘇益仁呼籲直言大陸不切實際疫情已經蔓延沒有期待</t>
  </si>
  <si>
    <t>台灣出現新冠肺炎首例死亡病例抗煞專家、前疾管局長蘇益仁也直言大陸疫情已經蔓延兩個月台灣期待沒有社區感染不切實際呼籲指揮中心不要排除社區感染該用社區感染的措施去做。臺北市長柯文哲表示即使是社區感染也有程度的不同他提醒社區感染遲早會發生不要認為臺北市一定不會發生社區感染但重點是就算發生也要維持在「零星個案」不要像武漢那種失控局面。
蘇益仁說大陸疫情已經蔓延兩個月如果再拖半年生活會受到什麼影響？經濟會受到什麼影響？台灣怎麼可能期待在這樣的情形之下沒有社區感染「這期待不切實際」何況兩岸密切往來目前還有5條航線的台商來來往往。他認為不該再爭議社區感染的定義否則只會模糊接下來的防疫作為呼籲指揮中心不要排除社區感染該用社區感染的措施去做。
台灣出現首例新冠肺炎死亡病例又是第一起疑似社區感染衛福部長陳時中說法一夕數變看到這樣的情勢發展蘇益仁憂心忡忡直言好像又嗅到2003年SARS初期的氛圍當年國內同樣自豪於創下「零死亡、零輸出、零社區感染」的三零紀錄沾沾自喜於表現優於日本、韓國等後果就是大家不會特別重視隨後和平醫院就爆出了第一例案例。
蘇益仁說以新冠肺炎的這第19例來說原本被當作流感治療還傳給兄弟可說疑似社區感染此刻不要再爭議社區感染的定義否則只會模糊接下來的防疫作為；他強調「不要排除社區感染該用社區感染的措施去做」否則還會有多少人會依照指揮中心說的去做？導致喪失公信力。
他說目前宣佈加強篩檢、用藥只能這樣做也不能再多了。至於口罩政策要不要改他認為該回頭問的是防範流感同樣也是這樣做流感也會重症、也會死亡大家為什麼不怕？關鍵就在於知道流感怎麼傳播有藥可用；而我們目前對新冠肺炎的瞭解已經增加加上98%都是輕症該調整心態習慣新冠肺炎會常態化存在。
出現第一起新冠肺炎死亡病例柯文哲則認為第一點、這是不是社區感染還不一定因為死者載過陸港澳乘客所以要再確定；第二點、社區感染分很多種有零星案例還是群聚或散開來即使是社區感染也有程度的不同要依照不同程度制定不同應對方案。</t>
  </si>
  <si>
    <t>社區感染肺炎死亡蘇益仁不要認為目前流感臺灣已經直言期待病例零星</t>
  </si>
  <si>
    <t>去做社區感染蘇益仁肺炎直言</t>
  </si>
  <si>
    <t>蘇益仁社區感染肺炎直言</t>
  </si>
  <si>
    <t>同安相繼遺願奶奶夫婦不要隔離</t>
  </si>
  <si>
    <t>台中北屯家族傳播鏈再添一死繼6月2日78歲李爺爺染疫身亡後其妻72歲的奶奶也在12日不治身亡子孫悲痛因隔離治療無法送別協助處理後事的民政局長吳世瑋說家屬透露奶奶生前遺願是火化後要和爺爺的骨灰罈安厝在</t>
  </si>
  <si>
    <t>奶奶爺爺身亡傳播火化治療處理協助民政局長送別家屬無法透露隔離遺願悲痛世瑋生前子孫</t>
  </si>
  <si>
    <t>台中北屯家族傳播鏈再添一死繼6月2日78歲李爺爺染疫身亡後其妻72歲的奶奶也在12日不治身亡子孫悲痛因隔離治療無法送別協助處理後事的民政局長吳世瑋說家屬透露奶奶生前遺願是火化後要和爺爺的骨灰罈安厝在一起倆人不要再被隔離了！
台中市北屯區大坑裡5月底爆出家庭群聚感染家族中72歲奶奶先在5月27日確診事後疫調發現是其情同姐妹的鄰居曾接待過萬華友人該友人回到萬華後確診死亡整個傳播鏈累計21人確診（含萬華個案）78歲爺爺重症不治成為台中市首位因新冠病毒過逝的確診者當時奶奶相當悲痛也已簽署放棄急救DNR其兒子中也有人重症插管。
經過連日搶救奶奶的兒子病情好轉但奶奶卻在12日重症不治；由於三名兒子、媳婦和長孫都染疫全都收治在醫院隔離治療或居家隔離中6月2日78歲筍農爺爺病逝只有嫁到苗栗的女兒能治喪且因傳染病防治法規定需於24小時內火化與其家族相熟的市議員曾朝榮表示家屬相當無助幸經曾朝榮和民政局協助將爺爺骨灰安厝在潭子生命紀念館。
奶奶12日重症不治子孫仍在住院隔離或居家隔離中仍是其未同住的女兒處理相關事宜曾朝榮坦言家屬很無助也自責他也會協助相關事宜；民政局獲悉後立即啟動關懷流程致贈10萬元慰問金全力協助家屬治喪事宜。
民政局長吳世瑋說市府第一時間即派員前往衛生福利部豐原醫院關懷慰問奶奶的女兒她也透露爸媽相當恩愛去年才剛過完結婚50年的紀念日母親生前表達希望與父親同時安厝潭子生命紀念館令人悲慟市府已聯繫生管處全力協助家屬處理治喪事宜殯喪費用由公所急難救助金支應補助再由「新冠肺炎防疫捐款」專戶歸墊幫助家屬度過難關市府也會持續關懷與協助。</t>
  </si>
  <si>
    <t>奶奶家屬爺爺協助隔離確診重症事宜市府不治女兒家族相當處理治喪關懷兒子安厝曾朝榮生前火化台中</t>
  </si>
  <si>
    <t>奶奶安厝協助家屬爺爺</t>
  </si>
  <si>
    <t>家屬奶奶爺爺安厝協助</t>
  </si>
  <si>
    <t>口頭中心指揮風暴實在疫情匪夷所思</t>
  </si>
  <si>
    <t>台灣民意基金會董事長游盈隆今表示疫情5月風暴民怨已經沖天11天確診案例破五千大關四天奪29條人命這種情況若發生在國民黨主政時期早就天翻地覆了而指揮中心相關決策者竟無人表示願負起應負責任連禮貌性</t>
  </si>
  <si>
    <t>表示負起遊盈隆疫情風暴民怨相關確診已經決策者案例中心指揮天翻地覆大關早就人命時期主政情況國民黨發生</t>
  </si>
  <si>
    <t>台灣民意基金會董事長游盈隆今表示疫情5月風暴民怨已經沖天11天確診案例破五千大關四天奪29條人命這種情況若發生在國民黨主政時期早就天翻地覆了而指揮中心相關決策者竟無人表示願負起應負責任連禮貌性口頭請辭都沒有實在是匪夷所思。
遊盈隆今在臉書指出民進黨政府民意支持度最近出現系統性崩盤危機這是根據五方面證據得來的結論；五月蔡英文總統聲望、蘇貞昌內閣施政滿意度民進黨支持度、疫情指揮中心指揮官陳時中獲社會肯定的質與量都創新低連六都市長防疫表現民進黨三位市長包辦倒數三名。
他說這五項經驗證據對照民進黨政府曾走過長達22月樂翻天的民意支持高原期格外觸目驚心。冰凍三尺非一日之寒；「物必自腐而後蟲生」更是千古不變定律。
他說民進黨政府民意支持出現系統性崩盤意味著有相當大一部份台灣人開始收回對民進黨政府一向的政治支持或「善意的貯藏」而這已經構成府院黨明顯的政治危機；在一定程度上民進黨政府此刻正面臨人們相當廣泛地對特定公共政策的質疑進一步衍生出更基本、更深層的有關統治能力與正當性的質疑。
他認為疫情5月風暴已對全民生活造成嚴重的衝擊恐慌已經形成民怨已經沖天以蔡英文總統為首的民進黨政府或許感受不是那麼強烈還在摸索因應之道還提不出有效安定民心的作為這必將使民進黨政府系統性崩盤危機進一步惡化。
他說當5月15日疫情快速惡化11天確診案例破五千大關四天奪29條人命這種情況若發生在國民黨主政時期早就天翻地覆了而指揮中心相關決策者竟無人表示願負起應負責任連禮貌性口頭請辭都沒有實在是匪夷所思。
他表示當疫情危機越來越深重當人民完全感受不到主政者的誠心與歉意遑論能耐接下來的路要怎麼走下去？</t>
  </si>
  <si>
    <t>民進政府疫情支持已經表示民意危機感受質疑中心進一步系統性相當指揮風暴證據總統民怨蔡英文市長匪夷所思接下來惡化</t>
  </si>
  <si>
    <t>民進黨政府疫情遊盈隆新冠肺炎指揮中心</t>
  </si>
  <si>
    <t>遊盈隆疫情肺炎指揮黨政民進中心</t>
  </si>
  <si>
    <t>體質永豐證券大道星光欣興抗震</t>
  </si>
  <si>
    <t>台股18日受蘋果示警財測、美國擬擴大華為禁令影響指數終場下跌097％欣興（3037）股價經過先前修正加上營運體質轉好股價18日表現相對穩健僅小跌06％收411元。欣興先前受新冠肺炎衝擊導致以湖北為主</t>
  </si>
  <si>
    <t>股價先前欣興肺炎美國擴大華為禁令影響衝擊指數終場表現下跌體質加上相對</t>
  </si>
  <si>
    <t>台股18日受蘋果示警財測、美國擬擴大華為禁令影響指數終場下跌097％欣興（3037）股價經過先前修正加上營運體質轉好股價18日表現相對穩健僅小跌06％收411元。
欣興先前受新冠肺炎衝擊導致以湖北為主的大陸多個城鎮封城停工市場情緒面一度大舉翻空惟法人說明仙桃市、黃石市為PCB重鎮先前都列入湖北封城管制名單中欣興目前位於湖北廠區的工廠除黃石欣益興為生產HDI與傳統多層板（消費性電子、車用）占2019年下半年營收比重約3～5％另有黃石群立以載板為主但尚無貢獻。
若新冠肺炎影響因素可較快獲得控制法人展望2020年欣興主要成長動能除了ABF供給持續吃緊外5G智慧機需求增溫亦帶動BT載板以及高階HDI需求向上5G智慧機主機板將由HDI升級為SLP趨勢也有利支撐欣興HDI的淡季產能利用率。
＊【權證投資必有風險本專區資訊僅供參考並不構成邀約、招攬或其他任何建議與推薦請讀者審慎為之】</t>
  </si>
  <si>
    <t>欣興hdi湖北先前法人影響為主股價智慧肺炎建議招攬構成推薦資訊美國</t>
  </si>
  <si>
    <t>封城先前肺炎HDI欣興</t>
  </si>
  <si>
    <t>封城hdi欣興先前肺炎</t>
  </si>
  <si>
    <t>原址熄燈號飯店晶悅都更</t>
  </si>
  <si>
    <t>新冠肺炎重創飯店業三發地產關係企業晶悅飯店25日宣佈客房部將自4月1日起停止營運全部飯店業務6月30日結束營業飯店原址將都更重建為住宅。這是繼亞都麗緻旗下臺中亞緻飯店與六福旅遊集團旗臺北六福客棧後</t>
  </si>
  <si>
    <t>飯店飯店業地產關係企業重創晶悅住宅亞都都更重建原址集團肺炎旅遊宣佈客房部將停止營運</t>
  </si>
  <si>
    <t>新冠肺炎重創飯店業三發地產關係企業晶悅飯店25日宣佈客房部將自4月1日起停止營運全部飯店業務6月30日結束營業飯店原址將都更重建為住宅。這是繼亞都麗緻旗下臺中亞緻飯店與六福旅遊集團旗臺北六福客棧後近期宣佈熄燈的第三家上市櫃企業旗下飯店。
晶悅25日召開董事會公司表示因為新冠肺炎重挫國內飯店產業晶悅的住房率減少了七成造成營收銳減不堪負荷因此不得已提前啟動去年通過的原址都更重建計劃公司未來業務重點將朝向營建產業發展。
晶悅表示未來晶悅飯店原址將依去年股東會決議通過的決議飯店原址重建為住宅預計於2022年完工此外晶悅也不會放棄餐飲業務會尋找其他據點延伸發展飯店的餐飲業務如烘焙坊及中餐廳等。
桃園勞動局就服處日前接獲通報晶悅飯店將資遣約36人。晶悅表示公司去年底約有170名員工近期已陸續通報資遣部分員工飯店停止營業後總計影響員工人數約110人。</t>
  </si>
  <si>
    <t>飯店晶悅原址公司表示重建員工近期發展產業業務餐飲業通報住宅宣佈停止去年未來企業營業肺炎</t>
  </si>
  <si>
    <t>肺炎資遣晶悅飯店餐飲業務</t>
  </si>
  <si>
    <t>晶悅飯店餐飲業務肺炎</t>
  </si>
  <si>
    <t>完成醫院武漢任務</t>
  </si>
  <si>
    <t>大陸湖北武漢市方艙醫院宣佈全部休艙。自2月5日成立以來14家方艙醫院總共容納1萬2千多名輕症的新冠肺炎病患最後49名病患於今天全部出院。根據《中新網》報導湖北武漢武昌方艙醫院患者於今（10）日下午2時30</t>
  </si>
  <si>
    <t>醫院湖北患者中新報導武昌方容納總共武漢於今今天肺炎宣佈成立以來最後武漢市下午</t>
  </si>
  <si>
    <t>大陸湖北武漢市方艙醫院宣佈全部休艙。自2月5日成立以來14家方艙醫院總共容納1萬2千多名輕症的新冠肺炎病患最後49名病患於今天全部出院。
根據《中新網》報導湖北武漢武昌方艙醫院患者於今（10）日下午2時30分走出醫院這是武昌方艙醫院最後一批患者。他們出院後武昌方艙醫院將會休艙；並且武漢市所有方艙醫院全部休艙。</t>
  </si>
  <si>
    <t>醫院武昌方最後湖北患者武漢市容納總共中新報導武漢分走於今肺炎今天以來</t>
  </si>
  <si>
    <t>方艙醫院休艙武漢新冠肺炎新型冠狀病毒</t>
  </si>
  <si>
    <t>武漢肺炎冠狀醫院病毒</t>
  </si>
  <si>
    <t>民政局長減少曹桓榮人潮視察掃墓衝擊管制現況疫情</t>
  </si>
  <si>
    <t>新冠肺炎疫情衝擊清明連假掃墓潮高雄市政府民政局長曹桓榮4日上午代替市長韓國瑜至旗津生命紀念館視察防疫現況。曹桓榮強調連日來視察發現民眾都能配合防疫分流措施。對於納骨塔位需求漸增的趨勢曹也指示殯葬</t>
  </si>
  <si>
    <t>防疫曹桓榮視察衝擊清明連需求掃墓骨塔高雄疫情趨勢對於市政府措施民政局長分流上午韓國瑜代替市長配合都能</t>
  </si>
  <si>
    <t>新冠肺炎疫情衝擊清明連假掃墓潮高雄市政府民政局長曹桓榮4日上午代替市長韓國瑜至旗津生命紀念館視察防疫現況。曹桓榮強調連日來視察發現民眾都能配合防疫分流措施。對於納骨塔位需求漸增的趨勢曹也指示殯葬管理處盡快規劃。
曹桓榮視察生命紀念館由處長黃順成及殯葬管理處人員全程陪同兩人先行祭拜一樓地藏王菩薩後逐層視察硬體設施。
生命紀念館2015年落成整併旗津原土葬公墓及4座老舊納骨塔占地184公頃3層樓設計。1樓為祭祀大廳及牌位區2樓為單、雙人骨灰櫃位及西教專區3樓為傳統的骨骸塔位總櫃位數2萬6000位。
殯葬管理處長黃順成表示該館每月平均入塔數為80至90個櫃位由於園區規劃現代化寬敞舒適塔位價格僅4萬至6萬元不等是高雄市熱門的納骨塔。
曹桓榮表示連日來視察高雄數個納骨塔發現民眾對於防疫分流、總量管制措施均能配合甚至在擺放祭拜物品時也主動保持距離交通動線上也相當順暢。
殯葬服務職業工會現場反應生命紀念館最初建置的450個夫妻塔位已售罄仍有不少市民反應需求曹桓榮也指示殯葬管理處研議增加的配置額度。
黃順成則表示生命紀念館預計利用館內閒置空間明年再增加700個塔位同時針對環保金爐容量、園區周邊生態池等設施同步規劃提供市民更優質的殯葬服務。</t>
  </si>
  <si>
    <t>殯葬曹桓榮生命紀念館視察骨塔規劃表示管理處黃順成防疫祭拜增加設施樓為反應園區需求配合市民指示處長措施</t>
  </si>
  <si>
    <t>COVID-19高雄市政府民政局殯葬管理處旗津生命紀念館</t>
  </si>
  <si>
    <t>管理處殯葬民政局市政府高雄生命紀念館covid-</t>
  </si>
  <si>
    <t>上有壓下解析盤中攻防</t>
  </si>
  <si>
    <t>有鑑於美國各州重啟經濟加上失業申請連五週放緩為華爾街注入樂觀情緒美股四大指數收漲亞股也全面彈升台股今天開盤漲403點加權股價指數報在1088322點指數最高達109707點惟其後漲幅收斂回測10900</t>
  </si>
  <si>
    <t>指數經濟加上其後失業申請連五周放緩華爾街最高注入樂觀情緒漲幅股價指數開盤今天加權四大收斂</t>
  </si>
  <si>
    <t>有鑑於美國各州重啟經濟加上失業申請連五週放緩為華爾街注入樂觀情緒美股四大指數收漲亞股也全面彈升台股今天開盤漲403點加權股價指數報在1088322點指數最高達109707點惟其後漲幅收斂回測10900點盤中總統蔡英文也宣佈520後行政院長由蘇貞昌續任今台股量增近期外資持續站在賣方短線台股指數可望呈現震盪盤堅。
權值股方面股王大立光(3008)開高震盪走高大漲逾3%股價最高達4230元目前站穩短中期均線台積電(2330)則陷入震盪股價在平盤附近狹幅跳動進行300元攻防連續三次挑戰季線位置市場持續關注今即將公佈的營收可否站穩千億元大關鴻海(2317)則持穩震盪漲幅逾1%挑戰77元壓力區蘋概三雄漲多跌少其餘權值股來說聯發科(2454)祭出旗艦5G晶片升級版「天璣1000+」今股價持穩小漲漲幅在05%~1%面板雙虎友達(2409)、群創(3481)聯袂走揚。
盤面題材股各自表率建準(2421)受惠伺服器、車用大注入第二季營運動能開盤量價齊揚攻上漲停；茂迪(6244)因綠電自由交易起跑股價連拉2根漲停攻克季線；元太(8069)4月營收年增逼近6成今晨帶量大漲5%、寫9個月高價；松翰(5471)在疫情關係下額溫槍需求續爆量今一度漲停登上近6年高點惟盤中迅速壓回漲幅回到2%；欣興(3037)首季本業獲利登近7年同期高點今上漲約2%創近4月波段高點。
生醫股續搶鏡國光生(4142)自主研發的新冠肺炎候選疫苗傳出好消息今日再飆漲停股價已經拉出第4根漲停大學光(3218) 獲外資及投信連2買早盤一度漲停環瑞醫(4198)則漲停鎖死其餘浩鼎(4174)、藥華藥(6446)、醣聯(4168)等亦全數走揚。
分析師認為目前全球疫情逐漸受到控制歐美各國陸續恢復重啟經濟活動時間表且聯準會持續寬鬆政策金融市場資金充沛全球不安定因素逐漸削減整體資金面與基本面對多方有利。就台股來說雖技術面上臺股有年線上檔壓力但月線形成強力下檔支撐預期短期指數將在年線與月線震盪整理後續將向上突破年線建議逢回買進聚焦漲價概念股、PCB及居家防疫等相關族群。</t>
  </si>
  <si>
    <t>股價震盪指數漲幅持續注入逐漸疫情全球經濟開盤目前挑戰季線外資</t>
  </si>
  <si>
    <t>美股新冠肺炎解封蘇貞昌蔡英文</t>
  </si>
  <si>
    <t>解封肺炎蘇貞昌蔡英文</t>
  </si>
  <si>
    <t>體育首度大會高校日本停辦</t>
  </si>
  <si>
    <t>日本高中體育聯盟26日晚間宣佈停辦8月的「全國高校綜合體育大會」這是史上首度停辦該賽事首屆於昭和38年(1963年)舉辦。停辦理由是因應新冠肺炎疫情避免群聚、長途移動造成的感染風險。賽事包含30個項目參賽</t>
  </si>
  <si>
    <t>停辦賽事體育風險感染造成移動避免晚間疫情肺炎全國高校因應綜合理由首度史上聯盟宣佈舉辦昭和大會包含專案高中</t>
  </si>
  <si>
    <t>日本高中體育聯盟26日晚間宣佈停辦8月的「全國高校綜合體育大會」這是史上首度停辦該賽事首屆於昭和38年(1963年)舉辦。停辦理由是因應新冠肺炎疫情避免群聚、長途移動造成的感染風險。
賽事包含30個項目參賽者來自超過6000所學校加上教練團的總數將近4萬人預估觀眾70萬人。原本主辦方(高體聯)要把賽事分散到21個府縣結果支出過大也帶來麻煩。不得已只好放棄高三生期待的「最後的夏天」。
高體聯會長岡田正治說：「我知道運動大會是高中生夢想的舞臺我明白各位頓失目標的悲傷但我選擇守護大家的生命。希望大家畢生都不要放棄運動。」
日本政府16日宣佈全國進入緊急狀態要求把各地的人員移動降到最低。日本新冠肺炎感染數累積13萬人死亡372人康復1800人。</t>
  </si>
  <si>
    <t>賽事放棄停辦運動移動感染肺炎大會宣佈體育日本總數教練團學校加上超過支出選擇守護悲傷麻煩帶來</t>
  </si>
  <si>
    <t>日本停辦全國體育高校</t>
  </si>
  <si>
    <t>停辦高校日本全國體育</t>
  </si>
  <si>
    <t>火力全開川普大屠殺無能瘋子全球</t>
  </si>
  <si>
    <t>美國與大陸再度言詞交鋒美國總統川普昨（20）日在推特火力全開痛批大陸是「瘋子」讓新冠肺炎疫情在全球奪走數十萬人性命砲轟北京的「無能」造成「全球大屠殺」。法新社報導美國總統川普20日再度對大陸開砲</t>
  </si>
  <si>
    <t>全球大陸川普總統美國疫情肺炎炮轟性命北京瘋子無能造成全開火力再度大屠殺法新社</t>
  </si>
  <si>
    <t>美國與大陸再度言詞交鋒美國總統川普昨（20）日在推特火力全開痛批大陸是「瘋子」讓新冠肺炎疫情在全球奪走數十萬人性命砲轟北京的「無能」造成「全球大屠殺」。
法新社報導美國總統川普20日再度對大陸開砲他的推特貼文中並未指名道姓但是指出「大陸的一些瘋子才剛發布新聞稿」「怪罪所有人該為新冠病毒負責就是不怪大陸這隻病毒殺死了數十萬人。」
Some wacko in China just released a statement blaming everybody other than China for the Virus which has now killed hundreds of thousands of people Please explain to this dope that it was the “incompetence of China” and nothing else that did this mass Worldwide killing!
「拜託跟這個蠢貨說明一下是中國的無能不是別人導致這場全球大屠殺。」
澳洲廣播公司新聞網（ABC News）報導川普是在大陸回擊美國國務卿蓬佩奧（Mike Pompeo）祝賀蔡英文總統就職第2任期後發布這則貼文。蓬佩奧在給蔡英文的賀詞中推崇蔡英文帶領台灣民主的勇氣與願景「鼓舞了區域及世界」北京則痛斥華府祝賀蔡就職批評台灣獨立是「一條死路」。
根據美國約翰霍普金斯大學（Johns Hopkins University）全球疫情統計新冠肺炎已在全球奪走32萬人性命當中美國疫情最嚴重逾9萬人喪命經濟也受到衝擊。
疫情爆發之初川普曾試圖淡化病毒帶來的威脅並多次強調北京能夠處理疫情後來美國淪陷情勢惡化川普遂開始將矛頭指向大陸除了批評北京防疫不透明更指控病毒源自於武漢病毒研究所最近更對世界衛生組織（WHO）下達最後通牒令限期30天承諾做出重大改革否則要永久中斷金援。隨著美國11月總統大選逼近川普的砲火逐步升級美媒普遍認為川普劍指大陸是要為自己的防疫不力轉移焦點以挽救選情。</t>
  </si>
  <si>
    <t>大陸美國川普疫情北京病毒全球chinaof蔡英文總統thisthethat臺灣防疫批評發佈無能祝賀就職瘋子報導</t>
  </si>
  <si>
    <t>後遺症恐怖認得老婆確診</t>
  </si>
  <si>
    <t>國內新冠確診近1萬6000人（含境外移入）不少人併發嚴重後遺症卻有一名確診者「不記得老婆是誰」檢查發現他連大腦都遭到病毒攻擊。這起個案今年67歲今年5月因有萬華茶室活動史送往集中檢疫所隔離確診後緊</t>
  </si>
  <si>
    <t>確診檢疫所集中送往病毒遭到活動今年大腦發現檢查併發老婆嚴重記得後遺症隔離攻擊個案</t>
  </si>
  <si>
    <t>國內新冠確診近1萬6000人（含境外移入）不少人併發嚴重後遺症卻有一名確診者「不記得老婆是誰」檢查發現他連大腦都遭到病毒攻擊。
這起個案今年67歲今年5月因有萬華茶室活動史送往集中檢疫所隔離確診後緊急送醫救治。沒想到康復正準備出院前竟出現「失憶」症狀不記得太太是誰了。經檢查發現他的大腦血管遭新冠病毒入侵；近期回診還有腳水腫研判全身細胞都被攻擊。
根據媒體報導收治該名個案的醫師指出患者原本6月底要出院與家屬聯繫時對方妻子反映「老公怪怪的好像忘記我」院方緊急安排電腦斷層、磁振造影檢查發現男子多處腦組織發炎、腦血管有血栓損傷影響記憶力延到7月初才出院。
中央流行疫情指揮中心醫療應變組副組長羅一鈞說染疫後出現腦血栓是罕見案例比較常遇到的是肺部血栓。腦血栓在國內有過幾例之前曾有2例合併死亡。</t>
  </si>
  <si>
    <t>確診發現檢查緊急出現病毒腦血管腦血栓血栓個案攻擊國內記得聯繫家屬對方出院妻子反映</t>
  </si>
  <si>
    <t>新冠肺炎確診後遺症失憶病毒</t>
  </si>
  <si>
    <t>確診後遺症肺炎病毒</t>
  </si>
  <si>
    <t>國內本土案例</t>
  </si>
  <si>
    <t>中央流行疫情指揮中心今(3)日表示國內無新增病例昨(2)日新增178例新型冠狀病毒肺炎相關通報截至目前累計通報72683例(含71729例排除)其中443例確診分別為352例境外移入55例本土病例及36例敦睦艦隊。確</t>
  </si>
  <si>
    <t>病例通報中心表示國內相關肺炎病毒冠狀新增指揮本土目前截至疫情分別確診境外累計流行</t>
  </si>
  <si>
    <t>中央流行疫情指揮中心今(3)日表示國內無新增病例昨(2)日新增178例新型冠狀病毒肺炎相關通報截至目前累計通報72683例(含71729例排除)其中443例確診分別為352例境外移入55例本土病例及36例敦睦艦隊。確診個案中7人死亡428人解除隔離其餘持續住院隔離中。
指揮中心指出全球累計6358642例確診分佈於187個國家/地區；病例數以美國1862045例、巴西527096例、俄羅斯423741例、英國277985例及西班牙239932例為多；病例中378941例死亡以美國107543例、英國39369例、義大利33530例、巴西29937例及法國28940例為多。
指揮中心再次提醒民眾應做好手部衛生與咳嗽禮節；出門若無法保持社交距離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中心病例通報指揮確診檢疫症狀咳嗽就醫累計美國死亡巴西隔離英國是否tocc史及接觸職業</t>
  </si>
  <si>
    <t>指揮中心最新說明0確診新冠肺炎武漢肺炎</t>
  </si>
  <si>
    <t>確診說明最新肺炎中心武漢指揮</t>
  </si>
  <si>
    <t>確診美國回台疫苗柯文哲有錢</t>
  </si>
  <si>
    <t>先前有不少人特地到國外接種疫苗臺北市長柯文哲9日表示經疫調發現7月至今有8人去美國打疫苗回台結果確診他說現在台灣比較安全了不必特別跑去美國接種。柯文哲今午主持防疫記者會指出7月到現在發現有</t>
  </si>
  <si>
    <t>柯文哲疫苗接種美國現在發現臺灣比較記者會防疫國外安全指出主持確診表示不必臺北市結果特別</t>
  </si>
  <si>
    <t>先前有不少人特地到國外接種疫苗臺北市長柯文哲9日表示經疫調發現7月至今有8人去美國打疫苗回台結果確診他說現在台灣比較安全了不必特別跑去美國接種。
柯文哲今午主持防疫記者會指出7月到現在發現有8人去美國打疫苗結果回來確診由於接種後要10至14天疫苗才會發揮作用美國每天感染都好幾萬人在美國若沒戴口罩、沒做好保護在美國被感染的機會滿大的。
他表示1、2個月前當時台灣打不太到疫苗到美國的飛機班班客滿有錢人都跑去美國打但經統計臺北市跑去美國打疫苗回台確診的有8例現在台灣比較安全了這陣子不必特別跑去美國接種。</t>
  </si>
  <si>
    <t>先前 有 不少 人 特地到 國外 接種 疫苗 臺北市 長 柯文哲 9 日 表示 經 疫 調 發現 7 月 至今 有 8 人 去 美國 打 疫苗 回台 結果 確診 他 說 現在 臺灣 比較 安全 了 不必 特別 跑 去 美國 接種 柯文哲 今 午 主持 防疫 記者會 指出 7 月 到 現在 發現 有 8 人 去 美國 打 疫苗 結果 回來 確診 由於 接種 後 要 10 至 14 天 疫苗 才 會 發揮作用 美國 每天 感染 都 好幾 萬 人 在 美國 若 沒 戴 口罩 沒 做 好 保護 在 美國 被 感染 的 機會 滿大 的 他 表示 12 個 月 前 當時 臺灣 打 不 太 到 疫苗 到 美國 的 飛機 班班 客 滿 有錢 人 都 跑 去 美國 打 但 經 統計 臺北市 跑 去 美國 打 疫苗 回台 確診 的 有 8 例 現在 臺灣 比較 安全 了 這 陣子 不必 特別 跑 去 美國 接種</t>
  </si>
  <si>
    <t>美國疫苗接種臺灣現在表示柯文哲感染確診發現臺北市結果比較回台安全保護機會當時記者會滿大防疫</t>
  </si>
  <si>
    <t>疫苗美國接種確診北巿</t>
  </si>
  <si>
    <t>北市疫苗確診接種美國</t>
  </si>
  <si>
    <t>病毒outin唱起來</t>
  </si>
  <si>
    <t>嘉義縣新港鄉防疫不落人後日前退休校長王靜文寫詞、編舞完成《新港IN病毒OUT》防疫舞曲以大家耳熟能詳的台語歌曲《心花開》改編未來將結合新港鄉公所的村廣播系統播放將防疫深植民眾心中嘉義縣政府教育處</t>
  </si>
  <si>
    <t>防疫新港鄉嘉義民眾王靜文校長in日前不落人後病毒out退休舞曲耳熟能詳心花台語歌曲未來</t>
  </si>
  <si>
    <t>嘉義縣新港鄉防疫不落人後日前退休校長王靜文寫詞、編舞完成《新港IN病毒OUT》防疫舞曲以大家耳熟能詳的台語歌曲《心花開》改編未來將結合新港鄉公所的村廣播系統播放將防疫深植民眾心中嘉義縣政府教育處也計畫推廣至全縣目前正在處理相關行政程式。
近日來新冠肺炎確診人數不斷攀升為了戰勝恐懼與病毒王靜文以台語寫詞如「出門掛喙罨洗手愛照起工」、「逐工來也來運動、愛食也食營養」等編進舞步中傳授給長輩與孩童。
這首防疫歌曲由新港國小合唱團6位學生演唱經過幾次的台語發音教學、訓練、驗收後至國立新港藝術高中錄音室進行歌曲錄製未來將結合新港鄉23村的村廣播播放透過每天村廣播提醒民眾該注意的防疫事項。
嘉義縣議員陳文忠認為這樣的宣導應擴及全縣建議嘉義縣政府教育處跟進教育處長陳添丁表示目前縣府正在向環球公司申請授權將改歌詞為嘉義縣（原是新港鄉）取得授權後會再向中華智慧財產權協會申請公播屆時就可在全縣播放。</t>
  </si>
  <si>
    <t>防疫嘉義新港鄉台語歌曲全縣申請目前授權病毒播放縣政府王靜文民眾教育處未來結合洗手</t>
  </si>
  <si>
    <t>新港病毒播放寫詞新港鄉</t>
  </si>
  <si>
    <t>播放病毒新港鄉</t>
  </si>
  <si>
    <t>大陸疫情攻擊抹黑趁火打劫中共引火自焚</t>
  </si>
  <si>
    <t>大陸軍媒《解放軍報》「鈞聲」專欄21日刊文指出美國疫情呈暴發態勢大陸忙於防控新冠肺炎疫情時美國「蓬佩奧們」卻一邊將黑手伸向新疆、台灣、香港藉著通過所謂「法案」頻頻粗暴干涉大陸內政；一邊拋出「中</t>
  </si>
  <si>
    <t>大陸一邊美國疫情專欄內政所謂指出香港臺灣干涉頻頻法案新疆粗暴黑手忙於佩奧</t>
  </si>
  <si>
    <t>大陸軍媒《解放軍報》「鈞聲」專欄21日刊文指出美國疫情呈暴發態勢大陸忙於防控新冠肺炎疫情時美國「蓬佩奧們」卻一邊將黑手伸向新疆、台灣、香港藉著通過所謂「法案」頻頻粗暴干涉大陸內政；一邊拋出「中國製造了病毒」「中國隱瞞了疫情」等荒唐論調妄圖在國際社會汙名化大陸陷大陸於道義險境。這種趁火打劫的醜惡伎倆可謂無所不用其極。
文章稱說到趁火打劫「蓬佩奧們」絕對稱得上「慣犯」：但凡嗅到些許機會便迫不及待撲將上去。他們曾趁著伊朗國內局勢動盪出臺制裁措施施以高壓；也曾趁著卡達與沙烏地等國交惡玩起「兩頭通吃」把戲；還曾趁著香港修例風波打著「民主與人權」的幌子明目張膽為激進暴力分子撐腰打氣。
文章認為深究起來「蓬佩奧們」豈止慣於趁火打劫更善於放火縱火！這些人先是煽風點火繼而趁火打劫偶爾還假惺惺滅火唱了紅臉唱白臉輪流登臺多番表演好不熱鬧。
文章稱看看中東等地區的亂象：伊拉克、阿富汗多年的動亂難道不是美國發動「兩場戰爭」導致的？敘利亞等國持續動盪美國大力推動的「阿拉伯之春」脫得了幹係嗎？巴以衝突不斷加劇還不是緣於美國播下的動盪火種？然而美國一些政客卻總在放火之後趁火打劫收割地緣政治利益。「蓬佩奧們」甚至還擺出救世主的姿態自詡為天使號稱帶來了和平。「蓬佩奧們」的做派可笑更可恥。一邊喊抓賊一邊去做賊把霸權主義美化成主持公道把散播謠言包裝為言論自由。
文章指出「蓬佩奧們」的下場註定是可悲的。有句話說得好：「善惡到頭終有報只爭來早與來遲」。這句話在「蓬佩奧們」身上一次次得到應驗。比如在中東任憑他們如何吹噓美國都無可挽回地信譽掃地。
文章強調此次新冠肺炎疫情「蓬佩奧們」但凡用點心思在正道上疫情也不至於在其國內蔓延至如此程度。由於防控混亂不堪美國民眾深受其害越來越多追求正義的美國人民發出質疑和抗議蓬佩奧本人還被美國媒體歸入「史上最差國務卿」之列。</t>
  </si>
  <si>
    <t>美國佩奧文章趁火打劫疫情一邊大陸曾趁著動盪香港中東指出國內防控放火</t>
  </si>
  <si>
    <t>解放軍報新冠肺炎疫情蓬佩奧們黑手</t>
  </si>
  <si>
    <t>肺炎疫情佩奧黑手解放軍報</t>
  </si>
  <si>
    <t>傳播風險社區避免出入擁擠場所降低</t>
  </si>
  <si>
    <t>中央流行疫情指揮中心今(5)日表示清明連假期間人潮移動頻繁假期結束後民眾仍務必落實個人衛生並與他人保持社交距離避免出入人潮擁擠場所若無法維持社交距離請配戴口罩。搭乘大眾運輸時請全程配戴口罩並配</t>
  </si>
  <si>
    <t>人潮距離社交假期配戴口罩中心表示清明連指揮民眾結束務必落實個人衛生保持避免出入維持擁擠場所無法疫情</t>
  </si>
  <si>
    <t>中央流行疫情指揮中心今(5)日表示清明連假期間人潮移動頻繁假期結束後民眾仍務必落實個人衛生並與他人保持社交距離避免出入人潮擁擠場所若無法維持社交距離請配戴口罩。搭乘大眾運輸時請全程配戴口罩並配合體溫測量措施。若身體出現不適請戴口罩儘速就醫並告知醫師旅遊史、職業別、接觸史及是否群聚(TOCC)以及時診斷通報。
指揮中心表示為降低社區感染與傳播風險防止未被發現感染源潛在傳染鏈威脅國內防疫安全該中心除已訂定因應武漢肺炎疫情之公眾集會、大型營業場所等指引並函請各縣市政府落實轄內旅館、餐廳、大型營業場所及觀光旅遊景點等相關防疫措施也請民眾務必配合並與他人保持室內15公尺以上、室外1公尺以上之社交距離或正確配戴口罩。搭乘大眾運輸時亦請全程配戴口罩屢勸不聽者最高可處1萬5千元罰鍰。
指揮中心提醒縣市政府未來對於人群聚集之觀光旅遊景點應加派人力進行社交距離宣導對於未保持社交距離者加強勸導保持距離或配戴口罩並提供備用口罩。</t>
  </si>
  <si>
    <t>中心口罩距離社交配戴場所保持指揮防疫措施落實表示人潮疫情營業觀光旅遊景點民眾配合對於感染務必假期全程接觸職業史及</t>
  </si>
  <si>
    <t>社交距離配戴口罩擁擠場所民眾</t>
  </si>
  <si>
    <t>擁擠口罩配戴場所距離民眾社交</t>
  </si>
  <si>
    <t>中央成功攜手防疫地方金門確保作戰</t>
  </si>
  <si>
    <t>新冠肺炎疫情全球發燒防疫最前線金門全面備戰即日起包括本國籍漁船、動力小船、遊艇在內若離開禁限制水域一定範圍或與大陸漁船接觸船上人員返金後一律要居家檢疫14天。楊鎮浯縣長強調全島建立複式防疫網</t>
  </si>
  <si>
    <t>漁船防疫全球發燒強調縣長楊鎮前線檢疫金門居家全面一律金後備戰疫情即日起包括人員國籍船上限制接觸動力小船</t>
  </si>
  <si>
    <t>新冠肺炎疫情全球發燒防疫最前線金門全面備戰即日起包括本國籍漁船、動力小船、遊艇在內若離開禁限制水域一定範圍或與大陸漁船接觸船上人員返金後一律要居家檢疫14天。楊鎮浯縣長強調全島建立複式防疫網目標是做到滴水不漏。
楊鎮浯下午邀集海巡署金馬澎分署副分署長宋子陽、第12巡防區指揮部主任詹嘉德、金門岸巡隊副隊長王榮忠、疾病管制署金門辦事處主任吳俊輝、移民署金門國境事務隊副隊長朱事權與縣府業管單位主官管針對超前部署、妥善準備達成數項協力共識。
今天新增防疫措施重點是針對268艘漁船和動力小船、遊艇做到（1）絕對嚴防大陸漁工上岸。（2）海巡署協助自即日起本國籍漁船、動力小船、遊艇如離開禁限制水域一定範圍或與大陸漁船接觸船上漁民返金後應採取14天居家檢疫措施。（3）由疾管署協助對違規船隻、人員開具居家檢疫通知書。
另小三通貨船從業人員需「專案」列冊報備充分掌握人員出勤狀況及居住場所並派員不定期抽檢及進行健康關懷訪視。
縣府說明目前貨運航商所屬非本地籍的船員全數都住在船上在金廈泉3地的高規格防疫標準下已將雙方接觸的可能性降至最低後續從業人員自主健康管理的措施也會加強落實與抽檢。
目前在小三通貨船部分兩岸原已協商取得多項共識包括（1）	我方小三通貨船停靠於廈門、泉州等港口嚴禁船員下船及與陸籍人員近距離接觸。（2）陸籍貨船停靠金門港期間禁止船員下船嚴格落實船員防疫措施提交船員健康聲明卡等資料在船邊完成交接由佩戴防護設備人員拿取避免人員交叉登船或上岸。（3）宣導船舶做好防疫安全管控如有船員身體不適異常等VHF或電話通報港口單位並由檢疫海關部門處理後續防疫作業。
縣政府的針對性具體作法則有：（1）比照航空公司空服員管理模式要求小三通貨運航商及其從業人員抵金後必須自主健康管理每日量測體溫2次人員如需外出則應佩戴口罩。
(2)2月12日召開之CIQS聯檢會議已要求各單位加強小三通貨船防疫並落實船艙消毒清潔。另港區員警、岸巡與移民署國境隊也已增派人力巡檢嚴禁陸籍船員下船等具體作為。
楊鎮浯表示新冠肺炎疫情爆發之後縣府採取超前防疫作為固守海、空防疫前線目標就是將疫情阻絕於境外希望在中央與地方聯手進一步採取新作為的強化下做好確保金門的整備工作協力打贏這場防疫大作戰。</t>
  </si>
  <si>
    <t>防疫人員金門船員貨船健康三通檢疫措施漁船縣府單位採取接觸作為從業人員疫情居家下船落實金後船上佩戴大陸</t>
  </si>
  <si>
    <t>防疫人員金門船員小三通</t>
  </si>
  <si>
    <t>船員金門人員防疫三通</t>
  </si>
  <si>
    <t>退休醫護侯友宜找回部署超前</t>
  </si>
  <si>
    <t>新冠肺炎疫情蔓延全球新北市政府今（14日）上午9時許舉辦亞洲城市首場新冠肺炎社區感染大規模防疫演習新北市長侯友宜表示擔心未來醫護人員不夠已指示衛生局要把退休的醫護人員找回來。侯友宜表示必須要盤</t>
  </si>
  <si>
    <t>新北侯友宜醫護人員表示肺炎時許退休舉辦上午不夠市政府亞洲城市未來全球蔓延擔心市長社區感染防疫演習衛生局</t>
  </si>
  <si>
    <t>新冠肺炎疫情蔓延全球新北市政府今（14日）上午9時許舉辦亞洲城市首場新冠肺炎社區感染大規模防疫演習新北市長侯友宜表示擔心未來醫護人員不夠已指示衛生局要把退休的醫護人員找回來。
侯友宜表示必須要盤點防疫人力、防疫志工做好人力調配若確診超過3000人醫護人員永遠是不夠的「若防疫物資夠醫療人員不夠怎麼辦？」這些都是必須要先做的。</t>
  </si>
  <si>
    <t>防疫醫護人員不夠新北必須侯友宜表示肺炎人力時許舉辦上午市政府亞洲城市調配全球蔓延確診超過社區感染</t>
  </si>
  <si>
    <t>侯友宜新冠肺炎台灣新北市醫護人員</t>
  </si>
  <si>
    <t>肺炎臺灣新北醫護人員侯友宜</t>
  </si>
  <si>
    <t>院長做到大公恢復解封常態臺灣</t>
  </si>
  <si>
    <t>新冠肺炎疫情進入第4個月台灣雖不像其他國家一樣內部封城但卻對外封國所有的人都在問何時才能解封？台大公衛學院院長詹長權呼籲以「3個t」：testing（測試）、tracking（足跡追蹤）、tracing（接觸者追蹤）讓</t>
  </si>
  <si>
    <t>進入追蹤足跡臺灣tracking測試國家內部testing封城呼籲封國學院院長疫情tracing才能大公解封接觸</t>
  </si>
  <si>
    <t>新冠肺炎疫情進入第4個月台灣雖不像其他國家一樣內部封城但卻對外封國所有的人都在問何時才能解封？台大公衛學院院長詹長權呼籲以「3個t」：testing（測試）、tracking（足跡追蹤）、tracing（接觸者追蹤）讓健康者回到職場其中台灣testing做的不多但後2項做得不錯若能增加測試量能就能讓民眾逐漸回到疫後生活的常態。
詹長權表示以檢測量能而言紐約州每天可以檢測4萬人如果其他州支援可以增至8萬人這是紐約州恢復經濟的法寶檢測之後就能讓健康的人回到職場。紐約州州長還親自示範接受採檢幾分鐘就做好為的就是要告訴民眾「檢測是很簡單的」。目前能夠解封的大部分國家都是檢測量日以萬計也有許多國家開展大規模血清抗體偵測計畫許多核心工作人員包括醫護人員、交通運輸人員等都要提前瞭解其身體狀況以備後續配工、電子足跡追蹤等。
詹長權說現在大家都在問6、7、8月邊境管制是否可以解封？目前大部分國家要求入境者短則14天、長則28天隔離少數幾個國家互相同意商務旅遊但長久下來不是辦法。
又舉36萬人口的冰島為例以比例而言冰島是全球檢測做最多的國家他們也有一項重大決定就是不會晚於6月15日要讓入境者一律免費接受核酸檢測如果是陰性就可以入境旅遊而不需要隔離14天；甚至如果入境者在其他國家接受檢測冰島也願意接受。此外入境者還要在機場下載一個足跡追蹤、接觸者追蹤app「冰島甚至可能開放國際會議應該算是世界上走得很前面的國家。」
詹長權說以testing、tracking、tracing而言台灣testing做的不多但是後2項做得不錯。如果能增加測試量能就能讓民眾逐漸回到疫後生活的常態經濟方面不至於有太大影響。</t>
  </si>
  <si>
    <t>國家檢測入境者接受冰島追蹤可以解封臺灣紐約州足跡testing旅遊甚至</t>
  </si>
  <si>
    <t>邊境管制解封檢測詹長權追蹤</t>
  </si>
  <si>
    <t>解封管制詹長權檢測追蹤邊境</t>
  </si>
  <si>
    <t>探病禁止醫院</t>
  </si>
  <si>
    <t>新冠肺炎疫情蔓延南投縣為維持醫護防疫量能避免醫院內群聚感染造成社區流行自3月9日起提高醫院防疫標準縣內10家醫院含醫院附設護理之家全面停止探病陪病採實名制措施並限1人。衛生局表示因應肺炎防</t>
  </si>
  <si>
    <t>醫院肺炎防疫衛生局措施蔓延探病停止全面維持表示醫護社區流行疫情造成感染</t>
  </si>
  <si>
    <t>新冠肺炎疫情蔓延南投縣為維持醫護防疫量能避免醫院內群聚感染造成社區流行自3月9日起提高醫院防疫標準縣內10家醫院含醫院附設護理之家全面停止探病陪病採實名制措施並限1人。
衛生局表示因應肺炎防疫管制措施包括停止探病除加護病房、安寧病房及經主治醫師醫療專業同意者外一般病房一律禁止探病請家屬親友改採視訊、通訊聯繫；每名住院病人陪病者以1人為限（含照顧服務員）並採實名登記；醫院附設護理之家比照陪病限1人。
南投縣10家禁止探病醫院包括衛生福利部南投醫院、衛生福利部草屯療養院、台中榮總埔裡分院、埔裡基督教醫院、佑民醫院、竹山秀傳醫院、南投基督教醫院、曾漢棋醫院、中國醫藥大學附設醫院草屯分院、東華醫院。
護理之家包括南投醫院附設護理之家、草屯療養院附設精神護理之家、台中榮民總醫院埔裡分院附設護理之家及精神護理之家、埔基附設護理之家、竹山秀傳醫院附設護理之家、東華醫院附設護理之家。</t>
  </si>
  <si>
    <t>醫院附設探病護理防疫包括病房措施禁止肺炎停止草屯分院埔裡台中基督教療養院</t>
  </si>
  <si>
    <t>新冠肺炎新型冠狀病毒武漢肺炎COVID-19醫院</t>
  </si>
  <si>
    <t>肺炎病毒冠狀武漢covid-醫院</t>
  </si>
  <si>
    <t>az開放輪增預約</t>
  </si>
  <si>
    <t>中央流行疫情指揮中心今(31)日表示「COVID-19公費疫苗預約平臺」( https://1922govtw/ )第七期自8月29日10時開放之AZ疫苗預約接種已於今日12時截止總計約806萬人完成預約將自9月3日至9月10日施打。為利疫</t>
  </si>
  <si>
    <t>預約疫苗中心表示covid-指揮公費截止總計平臺今日已於twhttps接種govaz開放疫情完成流行中央</t>
  </si>
  <si>
    <t>中央流行疫情指揮中心今(31)日表示「COVID-19公費疫苗預約平臺」( https://1922govtw/ )第七期自8月29日10時開放之AZ疫苗預約接種已於今日12時截止總計約806萬人完成預約將自9月3日至9月10日施打。為利疫苗資源有效利用將於9月3日10時至9月4日18時止增加開放「7月19日前已意願登記選擇AZ疫苗且尚未接種過疫苗之23歲至28歲(含)[即1998年12月31日(含)以前出生]民眾」將會陸續收到提醒簡訊籲請民眾記得進行預約施打時間預定於9月9日至9月10日並視疫苗供應期程調整接種場次籲請民眾屆時準時前往接種。
指揮中心提醒前次(8月29日10時至8月31日12時止)已宣佈之符合預約資格對象包含7月19日前已意願登記選擇AZ疫苗且尚未接種過疫苗之29歲(含)以上對象[即1992年12月31日(含)以前出生]及滿18歲以上[即2003年9月3日(含)前出生]第九類對象依原預約期程已於8月31日中午12時停止預約及修改。
另針對BNT疫苗到貨後接種對象指揮中心說明目前已規劃採校園集中接種或依通知書至地方政府衛生局指定合約醫療院所方式開放12歲至17歲(含)對象造冊接種其餘將優先提供預約平臺意願登記且尚未接種過疫苗之18至22歲(含)民眾預約接種。
指揮中心強調防疫是政府唯一的考量疫苗接種開放對象會視疫情趨勢、接種狀況及疫苗到貨情形等綜合評估規劃儘速讓所有國民接種疫苗獲得保護力。</t>
  </si>
  <si>
    <t>接種疫苗預約對象開放中心指揮民眾規劃政府籲請意願提醒平臺出生到貨疫情已於登記az時至日前尚未</t>
  </si>
  <si>
    <t>第七輪公費疫苗疫苗預約公費疫苗AZ新冠疫苗</t>
  </si>
  <si>
    <t>疫苗az公費預約</t>
  </si>
  <si>
    <t>接種疫苗黃偉哲通知長輩接到長者指定高齡地點</t>
  </si>
  <si>
    <t>台南市15日起針對第一梯高齡長者(85歲以上、75歲以上且具原住民身分、75歲以上持重大傷病卡長者)施打疫苗台南市長黃偉哲說為方便長者施打疫苗市府會個別發送接種通知請長者接到通知後再到指定地點接種疫苗</t>
  </si>
  <si>
    <t>長者疫苗以上施打接種通知持重高齡傷病台南方便個別發送市府身分指定接到市長黃偉哲</t>
  </si>
  <si>
    <t>台南市15日起針對第一梯高齡長者(85歲以上、75歲以上且具原住民身分、75歲以上持重大傷病卡長者)施打疫苗台南市長黃偉哲說為方便長者施打疫苗市府會個別發送接種通知請長者接到通知後再到指定地點接種疫苗不要自行前往以免產生群聚。
衛生局長許以霖指出明天起將開始服務台南市高齡長者施打疫苗戶籍在外縣市但居住在台南市的長者請主動跟居住所在地區公所連絡登記；另75歲以上領有重大傷病卡長者也請長輩先向所在地區公所連絡登記市府會向健保局勾稽領有重大傷病卡長者的清單因此75歲以上的重大傷病長輩不必擔心打不到疫苗屆時都會主動通知。
民政局長薑淋煌說針對這一梯已列冊長者將由裡幹事或裡長個別發送接種通知單提供疫苗施打時間與地點並提醒長輩記得攜帶身分證、健保卡雙證件。
衛生局強調台南市會主動通知符合資格者前來注射避免民眾搶預約造成混亂情況目前已請各區公所掌握轄區裡面可接種對象的名單充足準備減少初期注射的混亂情形。</t>
  </si>
  <si>
    <t>長者疫苗接種施打通知長輩以上傷病主動區公所台南注射重大身分混亂地點市府個別發送</t>
  </si>
  <si>
    <t>新冠肺炎台灣長者台南市高齡長者</t>
  </si>
  <si>
    <t>長者肺炎臺灣南市高齡</t>
  </si>
  <si>
    <t>電臺連線跟鄉親報告下午防疫總統</t>
  </si>
  <si>
    <t>疫情尚未減緩蔡英文總統今下午接受電台連線將透過廣播跟地方鄉親報告防疫工作；這也是蔡總統近來首度接受媒體連線訪問。蔡總統疫情爆發後最近都採用直播方式對外說明相關防疫工作安撫人心但今下午首度透過</t>
  </si>
  <si>
    <t>總統防疫工作連線下午接受首度透過疫情直播採用方式最近對外說明相關爆發鄉親報告廣播地方安撫人心訪問</t>
  </si>
  <si>
    <t>疫情尚未減緩蔡英文總統今下午接受電台連線將透過廣播跟地方鄉親報告防疫工作；這也是蔡總統近來首度接受媒體連線訪問。
蔡總統疫情爆發後最近都採用直播方式對外說明相關防疫工作安撫人心但今下午首度透過電台連線跟鄉親報告。</t>
  </si>
  <si>
    <t>總統連線防疫工作首度下午接受透過疫情鄉親電臺報告直播採用方式最近對外說明相關爆發安撫訪問人心地方</t>
  </si>
  <si>
    <t>新冠肺炎台灣連線電台鄉親</t>
  </si>
  <si>
    <t>連線肺炎臺灣電臺鄉親</t>
  </si>
  <si>
    <t>川普陰性病毒檢測彭斯早班車新聞</t>
  </si>
  <si>
    <t>小編精選《中國時報》5件不可不知大事帶讀者掌握今天（16日）新聞重點。【1】病毒檢測 川普陰性 彭斯跟著測新冠疫情蔓延全球逾50名領袖、官員宣告「中鏢」一向「鐵齒」的美國總統川普13日也終於接受病毒檢測。</t>
  </si>
  <si>
    <t>川普病毒檢測不可不知大事讀者掌握中國時報今天領袖官員全球蔓延疫情一向總統新聞美國</t>
  </si>
  <si>
    <t>小編精選《中國時報》5件不可不知大事帶讀者掌握今天（16日）新聞重點。
【1】病毒檢測 川普陰性 彭斯跟著測
新冠疫情蔓延全球逾50名領袖、官員宣告「中鏢」一向「鐵齒」的美國總統川普13日也終於接受病毒檢測。隔日白宮醫師康利（Sean Conley）發布聲明稱川普的篩檢結果呈陰性。川普則宣佈將把英國與愛爾蘭納入歐洲旅遊禁令自16日午夜起生效。
【2】診破百 埃及旅遊升至二級警示
埃及近日新冠肺炎病例快速增加昨被中央流行疫情指揮中心提升至二級旅遊警示；歐洲多國17日起也將升至三級警示；澳洲政府昨天宣佈海外入境澳洲旅客無論國籍都必須在抵澳後自我隔離14天。
【3】口罩首輪網路配銷 233萬組
行政院政務委員唐鳳昨日於臉書表示口罩實名制20上路前內部盤點確認約有700萬片口罩可用於第一輪的網路配銷也就是233萬組左右；若超過233萬組預購就要用公平的方式決定誰可買到。
【4】美專欄作家 盛讚台防疫成果
新冠肺炎在全球大流行比起有的國家反應緩慢或者手忙腳亂台灣防疫成果令多國稱羨。美媒專欄作家高燦鳴（Tim Culpan）日前撰文指出台灣經過SARS慘痛教訓這回很早就開始正視疫情並採取行動因而能夠保全更多生命。
【5】恆述法師背債近4千萬 疫區賣鑽石籌錢
張菲、費玉清的大姊恆述法師（藝名費貞綾）15日驚傳欠高利貸近4000萬元目前人在新冠肺炎疫區設法還債。恆述法師15日在臉書還原債務始末「因為我在支票上面背書致使高利的兄弟們將債務轉嫁在我身上導致我利上滾利造成今日本金加利息3000多萬的外債。」</t>
  </si>
  <si>
    <t>川普口罩疫情旅遊肺炎警示法師債務臺灣宣佈流行病毒檢測專欄作家陰性多國網路配銷防疫疫區</t>
  </si>
  <si>
    <t>川普檢測陰性新冠肺炎恆述</t>
  </si>
  <si>
    <t>肺炎陰性檢測川普</t>
  </si>
  <si>
    <t>送醫原因小時出爐疫苗打完心肌炎</t>
  </si>
  <si>
    <t>國內新冠肺炎疫情穩定但醫師紛紛呼籲打疫苗仍是必要措施未來萬一疫情再度爆發才能發揮群體保護力。近來國內青少年BNT第2劑暫緩施打醫師認為疫苗預防重症住院的效果比心肌炎的風險來得高仍鼓勵年輕人都要</t>
  </si>
  <si>
    <t>疫情醫師疫苗國內來得風險心肌炎效果住院群體保護穩定近來發揮重症才能爆發預防再度青少年bnt認為鼓勵未來暫緩施打必要措施</t>
  </si>
  <si>
    <t>國內新冠肺炎疫情穩定但醫師紛紛呼籲打疫苗仍是必要措施未來萬一疫情再度爆發才能發揮群體保護力。近來國內青少年BNT第2劑暫緩施打醫師認為疫苗預防重症住院的效果比心肌炎的風險來得高仍鼓勵年輕人都要打疫苗。
「我心臟不好不敢打疫苗！」這是許多民眾對於新冠疫苗都有的疑慮。臺北市立萬芳醫院內科部主任謝敏雄今天在疾病管制署「COVID-19疫苗與心血管疾病臨床處置研討會」指出心臟病患者因新冠肺炎死亡比率是一般人的265倍；染疫後重症的比率更高達386倍這個數值非常高因此鼓勵心臟病患者一定要打疫苗。
不過他認為有幾種情況建議暫緩接種像是正處於急性疾病（例如胸痛）、不受控制的高血壓和心律不整；至於慢性病患或正在服用長期藥物者可諮詢醫師再接種。
國內AZ開打初期不少人擔心發生血栓問題。謝敏雄指出AZ疫苗確實在女性比較容易發生血栓尤其以第1劑發生率較高可能發生在接種後4到28天；在各國報告中最高的是德國每8萬多人就有1人；相較之下mRNA疫苗發生血栓機率低大約每100多萬人才會有1人。
而近來BNT接種後心肌炎風險引發討論。謝敏雄指出在大量接種BNT疫苗的以色列發生心肌炎比率是10萬分之2其中30歲以下族群發生率是10萬分之55；如果針對30歲以下男性發生率則為10萬分之107。值得注意的是報告中的預測值和真實世界的觀察值有落差30歲以下女性和50歲以下男性打BNT疫苗得到心肌炎的比率都比預測值來得高。
目前國內青少年BNT第2劑接種與否仍在討論中。謝敏雄認為利弊權衡確實需要評估但從國際文獻來看即使18歲以下族群打疫苗預防重症住院的效果都遠高於心肌炎的風險還是鼓勵年輕人都要打疫苗好處比壞處多很多。
至於新冠疫苗是否會引發其他心臟疾病謝敏雄分享萬芳醫院曾收治一名60歲男性打完新冠疫苗第1劑後短短2小時就出現嚴重胸痛檢查發現動脈明顯狹窄為急性心肌梗塞。但他補充目前國際間沒有很明確的資料顯示新冠疫苗會產生心肌梗塞該個案的關聯性仍有待釐清。
謝敏雄進一步比較心肌梗塞和心肌炎的差異。新冠疫苗接種後的心肌炎大多發生在年輕族群以接種後3天發生率最高；而新冠疫苗接種後的心肌梗塞通常發生在年紀大的族群以接種後1天發生率最高。</t>
  </si>
  <si>
    <t>疫苗接種發生心肌炎謝敏雄疾病心肌梗塞bnt比率國內醫師血栓認為發生率族群指出以下重症男性</t>
  </si>
  <si>
    <t>新冠肺炎台灣接種BNT心肌炎</t>
  </si>
  <si>
    <t>肺炎接種臺灣bnt心肌炎</t>
  </si>
  <si>
    <t>留學生印尼英國確診返台爆炸境外</t>
  </si>
  <si>
    <t>中央流行疫情指揮中心今(30)日公佈國內新增24例境外移入新冠肺炎確診創下了8個月以來新高移入國家分別為印尼20例(案653、案655至668、案672至676)、美國2例(案670、671)、英國(案654)及菲律賓(案669)各1例。其中</t>
  </si>
  <si>
    <t>中心公佈國內新增指揮國家境外新高以來確診肺炎創下分別疫情印尼流行英國中央菲律賓美國</t>
  </si>
  <si>
    <t>中央流行疫情指揮中心今(30)日公佈國內新增24例境外移入新冠肺炎確診創下了8個月以來新高移入國家分別為印尼20例(案653、案655至668、案672至676)、美國2例(案670、671)、英國(案654)及菲律賓(案669)各1例。其中案654為女留學生在英國確診後急返國陳時中表示目前已請法制組介入瞭解是否有違反返國規定如有違規會依法開罰。
指揮中心表示今日新增之20例印尼境外移入個案均為印尼籍移工分別為17女3男年齡介於20多歲至40多歲入境日介於11月20日至11月27日。其中案674於11月29日出現喉嚨不適症狀其餘19人入境迄今均無症狀。因應近期印尼境外移入個案遽增指揮中心於11月27日請衛生單位針對集中檢疫場所之印尼籍移工進行全面性採檢共計採檢939人其中916人陰性、23人陽性(3人已於11月29日公佈20人於今日確診)。
指揮中心指出案654為本國籍20多歲女性去(2019)年9月至英國就學今年11月7日起陸續出現流鼻水、發燒及嗅味覺異常等症狀未在英國當地就醫11月11日於當地採檢並於11月13日確診；個案11月27日返國入境時主動通報曾有症狀於機場採檢並於今日確診；同班機接觸者調查中。
指揮中心表示案669為本國籍30多歲男性是通緝犯2015年6月自臺灣出境今年11月16日於菲律賓當地出現咳嗽、頭痛等症狀僅自行服藥未就醫因通緝到案於11月27日自菲律賓遣送返臺入境時於機場採檢結果為陰性11月28日進行二採於今日確診；已匡列個案接觸者共27人其中11人為同班機前後二排座位旅客列居家隔離16人為入境後及就醫接觸者其中1人因未著防護裝備列居家隔離其餘15人有適當防護列自主健康管理。
指揮中心指出案670為本國籍30多歲男性去年8月至美國就學今年11月22日返國入境後進行居家檢疫11月24日起陸續出現咳嗽、流鼻水及嗅味覺異常症狀11月27日通報衛生單位安排就醫採檢於今日確診；同班機接觸者調查中。
指揮中心表示案671為本國籍50多歲男性長期居住美國(前次自臺灣出境日期為今年7月)11月20日返國入境後進行居家檢疫11月26日起陸續出現喉嚨痛、咳嗽及流鼻水症狀11月27日通報衛生單位安排就醫採檢於今日確診；因個案發病前2日已在居家檢疫期間未與他人接觸故無須匡列接觸者。
指揮中心統計截至目前國內累計110332例新型冠狀病毒肺炎相關通報(含108689例排除)其中675例確診分別為583例境外移入55例本土病例36例敦睦艦隊及1例不明；另1例(案530)移除為空號。確診個案中7人死亡、565人解除隔離、103人住院隔離中。</t>
  </si>
  <si>
    <t>確診中心指揮症狀入境個案返國今日居家通報就醫表示接觸印尼今年英國檢疫出現</t>
  </si>
  <si>
    <t>境外移入陳時中新冠肺炎印尼移工</t>
  </si>
  <si>
    <t>陳時中肺炎印尼境外</t>
  </si>
  <si>
    <t>議會疫苗提案三讀通過議員衛生局現階段窒礙難行台中</t>
  </si>
  <si>
    <t>台中市25到40歲是被政府放棄的一群？台中市議會國民黨、超黨派及無黨等日前提案要求市府編列預算採購疫苗讓73年次以後的年輕人可以施打疫苗；今天於市議會獲得三讀通過。但衛生局長曾梓展指出雖然議會通過但</t>
  </si>
  <si>
    <t>議會疫苗台中衛生局長三讀通過國民黨無黨獲得要求日前市府提案採購於市預算今天施打放棄以後年輕人可以政府</t>
  </si>
  <si>
    <t>台中市25到40歲是被政府放棄的一群？台中市議會國民黨、超黨派及無黨等日前提案要求市府編列預算採購疫苗讓73年次以後的年輕人可以施打疫苗；今天於市議會獲得三讀通過。但衛生局長曾梓展指出雖然議會通過但現階段窒礙難行市府將行文向議會解釋說明。
台中市議會國民黨團、超黨及無黨等共有38席議員連署要求台中市政府編列預算採購疫苗主要是針對尚未施打疫苗的年輕人讓他們長年在外打拼及工作免於受到新冠肺炎病毒威脅的風險增加保護力讓他們無後之憂因為他們都「上有老、下有小」。
台中市議員李麗華等38人日前提案建請台中市政府為台中市民自購疫苗。
市議員說目前全國疫苗仍處於不足狀態連第一劑尚無著落讓所有市民天天活在恐懼害怕生活中台中市議會超過半數議員聯合提案建請市府為台中市民自購疫苗呼籲購足國際認證的疫苗符合市民的期待保障台中市民生命安全。今天於市議中會獲得大會照案通過。
市長盧秀燕表示針對自購疫苗計畫市府有兩大考量第一現在國際疫苗供給量難以追蹤「要買得到買不到也沒用」；第二中央流行疫情指揮中心指揮官陳時中曾宣佈地方政府自購疫苗進到台灣仍然由中央統一分配市民是否支持市府自購疫苗交由中央分配出去各地也是市府考量的因素之一須先確定市府自購疫苗是否能用在市民身上還是市府編列上億預算結果全數疫苗交由中央統籌分配？
衛生局長曾梓展強調依現階段法令由市府自購疫苗仍窒礙難行。市府將函文向議會說明。</t>
  </si>
  <si>
    <t>疫苗市府台中市民議會中央議員提案預算台中市政府國際無黨獲得考量政府今天於市日前衛生局長現階段年輕人</t>
  </si>
  <si>
    <t>新冠肺炎台灣自購疫苗市府窒礙難行</t>
  </si>
  <si>
    <t>臺灣肺炎疫苗市府窒礙難行</t>
  </si>
  <si>
    <t>爆發疫情生活陳時中答案臺灣</t>
  </si>
  <si>
    <t>全球的疫情排名台灣排名第167台灣現在是486個確診病例、7人死亡；美國最嚴重有570萬個病例一天增加4萬4957病例一天死亡1263人。那到底何時才能回到疫情爆發前的生活？中央流行疫情指揮中心指揮官陳時中指</t>
  </si>
  <si>
    <t>疫情病例死亡指揮流行爆發確診回到才能中心到底臺灣中央生活美國嚴重增加指揮官排名現在陳時中指全球</t>
  </si>
  <si>
    <t>全球的疫情排名台灣排名第167台灣現在是486個確診病例、7人死亡；美國最嚴重有570萬個病例一天增加4萬4957病例一天死亡1263人。那到底何時才能回到疫情爆發前的生活？中央流行疫情指揮中心指揮官陳時中指出恐怕還是要等到有疫苗時國產疫苗大概在明年第二季就會量產。
陳時中在政論節目《鄭知道了》被問到何時才能恢復以前沒發生新冠肺炎的生活？陳時中在回說恐怕還是要有疫苗或是抗病毒的藥物產生的時候社區才會整個安全。
被問到台灣何時可以注射疫苗？陳時中表示在年底當然會有各種管道去做努力如果以國產的疫苗他認為明年到第二季應該有機會出來在年底或在第一季的時候應該有一些緊急授權使用的疫苗也會出來。至於誰可以打到這些疫苗陳時中說第二季的量恐怕就比較多了；那在年底或第一季的時候國產疫苗有機會比較有機會的時間是大概在明年春天12月時緊急授權的疫苗就會出來第二季量產。
那第二季一般人施打得到嗎？陳時中指出當然期待大部分的人能夠施打不過依照目前國產疫苗的速度是沒辦法做保證的。這整個還在臨床試驗中而第一期臨床試驗現在就可以開始做了。打一劑多少錢？以台灣的疫苗政策而言基本上是會設定6%到60%是公費使用也就是台灣全人口的60%台灣有1400萬人可以免費注射。</t>
  </si>
  <si>
    <t>疫苗陳時中臺灣可以明年恐怕時候疫情才能問到生活出來年底指出當然病例現在</t>
  </si>
  <si>
    <t>陳時中疫情新冠肺炎疫苗國產疫苗</t>
  </si>
  <si>
    <t>疫情肺炎陳時中疫苗</t>
  </si>
  <si>
    <t>開業西門解封歇業</t>
  </si>
  <si>
    <t>自國內本土疫情爆發全國進入三級防疫警戒以來八大行業收入受到重創遲遲無法恢復營業。今（7日）驚傳停業近2個月的臺北西門星聚點已歇業退租內部設備已全部搬空。星聚點KTV西門館位於西門町鬧區是許多人的</t>
  </si>
  <si>
    <t>西門全國進入防疫警戒以來八大行業收入受到重創爆發遲遲無法星聚恢復營業設備歇業停業</t>
  </si>
  <si>
    <t>自國內本土疫情爆發全國進入三級防疫警戒以來八大行業收入受到重創遲遲無法恢復營業。今（7日）驚傳停業近2個月的臺北西門星聚點已歇業退租內部設備已全部搬空。
星聚點KTV西門館位於西門町鬧區是許多人的歡唱聖地每到假日人聲鼎沸但受疫情影響已從5月15停業至今。近日有民眾在臉書社團《我是萬華人》貼出一張照片詢問「有人知道星聚點是裝潢還是要關掉了？」今有消息傳出業者已決定歇業退租並將內部設備搬空撤出。
已開業10年的星聚點傳出歇業消息讓許多民眾感到震撼網友紛紛表示「天啊」、「看看到年底會倒多少店家」、「賺10年休兩個月就倒？」、「小時候很常去QQ」、「政府疫苗就龜速全面解封遙遙無期」。但也有人指出公司早在疫情前就有付薪水與縮短營業時間問題。
根據業者官網資訊僅透露「因應政府防疫政策5/15起各分館暫停營業恢復原正常營業時間將另行公告」。官方目前尚未正式發布歇業聲明但Google地圖上顯示「永久停業」至於星聚點臺北旗艦館、板橋、復興館營業資訊則顯示「暫時關閉」。</t>
  </si>
  <si>
    <t>歇業疫情星聚停業防疫政府資訊營業時間營業民眾業者西門臺北顯示消息傳出全國</t>
  </si>
  <si>
    <t>星聚點歇業退租10年停業</t>
  </si>
  <si>
    <t>停業星聚歇業</t>
  </si>
  <si>
    <t>永豐證券大道旺季星光營運</t>
  </si>
  <si>
    <t>半導體檢測服務廠宜特（3289）上半年營收達1502億元稅後淨利為145億元每股盈餘（EPS）155元表現優於預期。隨第三季進入旺季公司高層表示7月在手檢測訂單創歷史新高目前營運不見烏雲不僅看好第三季</t>
  </si>
  <si>
    <t>檢測目前上半年營運新高歷史淨利訂單eps在手表現表示優於預期旺季高層進入公司</t>
  </si>
  <si>
    <t>半導體檢測服務廠宜特（3289）上半年營收達1502億元稅後淨利為145億元每股盈餘（EPS）155元表現優於預期。隨第三季進入旺季公司高層表示7月在手檢測訂單創歷史新高目前營運不見烏雲不僅看好第三季第四季成長更大明年表現也將較今年更好。
受惠於晶圓代工廠推進先進製程與先進封裝以及5G、HPC等晶片需求暢旺宜特今年檢測分析接單強勁。隨晶圓代工大廠向7奈米、5奈米推進材料分析與可靠度分析等需求持續放量宜特已跨入3奈米檢測市場7月在手檢測訂單已創歷史新高下半年旺季效應顯現。
在美中貿易戰與新冠肺炎疫情延燒之際台灣對疫情控制得宜而在地緣政治上則有半導體群聚優勢作為保護傘隨轉單效應持續發酵宜特檢測分析接單反而明顯受惠且過去幾年的佈局今年起進入收割期下半年會比上半年好且第四季營運更將有明顯成長並對明年營運樂觀以待。
＊【權證投資必有風險本專區資訊僅供參考並不構成邀約、招攬或其他任何建議與推薦請讀者審慎為之】</t>
  </si>
  <si>
    <t>檢測今年營運分析上半年表現效應旺季進入下半年需求疫情受惠四季明顯持續明年成長推進新高</t>
  </si>
  <si>
    <t>檢測訂單推進成長營運宜特</t>
  </si>
  <si>
    <t>推進訂單成長營運檢測宜特</t>
  </si>
  <si>
    <t>風格泳衣大變性感康復女星天美確診香港</t>
  </si>
  <si>
    <t>香港新生代女星施匡翹外型清新自然2019年因為翻唱歌曲〈假如真的再有約會〉脫俗的嗓音讓她開始受關注在2020年不幸成為香港首位確診新冠肺炎的女星意外讓她爆紅；施匡翹在染疫康復後突然轉換風格最近曬出</t>
  </si>
  <si>
    <t>施匡翹女星香港轉換突然康復風格唱歌曲真的約會脫俗嗓音開始清新自然成為首位關注不幸確診</t>
  </si>
  <si>
    <t>香港新生代女星施匡翹外型清新自然2019年因為翻唱歌曲〈假如真的再有約會〉脫俗的嗓音讓她開始受關注在2020年不幸成為香港首位確診新冠肺炎的女星意外讓她爆紅；施匡翹在染疫康復後突然轉換風格最近曬出穿性感高衩泳衣的美照展現不科學長腿讓網友超驚艷。
施匡翹今年25歲青春洋溢的她時常在IG更新個人近況尤其去年她確診新冠肺炎後粉絲意外暴增讓她除了唱歌外今年4月更成為香港無線電視台簽約藝人未來可能看到她演戲的另一面；此外從施匡翹IG也能得知她熱愛瑜珈5月時她更考取RYS200瑜珈導師執照。
從2019年出道以來施匡翹都是給外界清新可人的模樣昨（1）日她罕見PO出穿著一套高衩設計的酒紅色泳衣上半身看到渾圓雙球外下半身更有著一雙超逆天美腿；站在階梯上的施匡翹美腿就佔據多達9個台階不科學長腿超犯規她自己也笑說「為什麼我的雙腿有一點好像穿了絲襪的感覺」。
粉絲看到有別於平時的施匡翹也忍不住讚嘆「妳這雙腿太誇張」、「怎麼感覺妳不同了」、「人長得甜美身材卻那麼火辣太超過了」、「好迷人好誘人」、「第一次看到妳穿得那麼辣耶」。</t>
  </si>
  <si>
    <t>施匡翹看到ig成為今年感覺粉絲泳衣女星確診</t>
  </si>
  <si>
    <t>施匡翹美腿瑜珈康復風格</t>
  </si>
  <si>
    <t>康復風格施匡翹</t>
  </si>
  <si>
    <t>內閣鄭文燦行動續任執行蘇貞昌</t>
  </si>
  <si>
    <t>蔡英文總統宣佈行政院長蘇貞昌續任桃園市長鄭文燦8日表示蘇內閣是一個有行動力、執行力的內閣希望未來蘇內閣能夠把台灣建設帶領的更好。鄭文燦8日到議會總質詢接受媒體提問他說蘇內閣的5大任務從疫情防</t>
  </si>
  <si>
    <t>內閣鄭文燦蘇貞昌續任桃園市長行政院長提問能夠表示質詢接受媒體議會臺灣帶領建設執行宣佈未來</t>
  </si>
  <si>
    <t>蔡英文總統宣佈行政院長蘇貞昌續任桃園市長鄭文燦8日表示蘇內閣是一個有行動力、執行力的內閣希望未來蘇內閣能夠把台灣建設帶領的更好。
鄭文燦8日到議會總質詢接受媒體提問他說蘇內閣的5大任務從疫情防治到振興經濟、照顧人民及國家的重大建設。希望未來蘇內閣能夠把台灣的各種建設帶領的更好。
他說在振興的階段仍然有很漫長的路要走我相信台灣的體質很好在未來的全球經濟當中可以繼續的往前走。鄭文燦強調各種地方建設包括桃園的航空城軌道建設、亞洲·矽穀計畫相信都能夠在蘇內閣的支持之下能夠一步步完成計畫的目標。
鄭文燦也在臉書上發文指支持蘇貞昌續任他也稱讚去年1月14日蘇貞昌上任首日就到機場視察「非洲豬瘟」防疫也順利讓台灣豬肉重返國際市場。</t>
  </si>
  <si>
    <t>鄭文燦建設內閣臺灣蘇貞昌能夠未來相信經濟桃園振興支持續任希望帶領順利防疫豬瘟機場非洲</t>
  </si>
  <si>
    <t>內閣鄭文燦蘇貞昌行政院行政院長</t>
  </si>
  <si>
    <t>行政院行政院長鄭文燦內閣蘇貞昌</t>
  </si>
  <si>
    <t>年齡王鴻薇中央年輕az施打族群限制消化疫苗多國</t>
  </si>
  <si>
    <t>多家疫苗紛紛抵台指揮中心昨日也宣佈要開放23歲以上民眾預約AZ疫苗國民黨臺北市議員王鴻薇對此批評許多國家在AZ疫苗接種上都有提出施打年齡限制如日本限40歲以上、韓國則是50歲以上反觀蔡政府卻用「輪</t>
  </si>
  <si>
    <t>以上疫苗az昨日中心日本宣佈年齡限制施打開放提出反觀都有民眾接種預約國家國民黨批評臺北市議員王鴻薇對此</t>
  </si>
  <si>
    <t>多家疫苗紛紛抵台指揮中心昨日也宣佈要開放23歲以上民眾預約AZ疫苗國民黨臺北市議員王鴻薇對此批評許多國家在AZ疫苗接種上都有提出施打年齡限制如日本限40歲以上、韓國則是50歲以上反觀蔡政府卻用「輪到你就去打」來卸責。
王鴻薇表示在民間奔走下BNT疫苗即將抵台。但對於23歲以上年輕人來說是大失所望BNT沒有份指揮中心隨即宣佈23至29歲民眾可以預約施打AZ意圖平息年輕人之怒意即「有疫苗打了可以不用吵了吧！」
王鴻薇指出大量贈送AZ給台灣的日本即使准許AZ施打也僅限40歲以上民眾韓國施打AZ也只開放50歲以上的民眾。根據英國JCVI的建議在疫情得到控制、有其他疫苗供應的前提下建議讓18至39歲民眾可打其他品牌疫苗但台灣23至39歲民眾卻只有高端和AZ可選擇。
「政府一味拚疫苗覆蓋率直踩油門打下去的結果是什麼？」王批評AZ是英國牛津大學研究開發但英國疫苗接種和免疫聯合委員會（JCVI）在5月公開建議要將30到39歲民眾納入施打其他品牌疫苗的對象。先前JCVI只建議政府不要再讓30歲以下打AZ建議讓30歲以下民眾可選擇施打其他疫苗。
王說JCVI主席林偉勝表示「隨著COVID-19感染率得到控制我們建議沒有潛在健康問題的18到39歲成人在有疫苗可供應而不會造成延後接種的情況下可以改用其他品牌疫苗以取代牛津-阿斯特捷利康疫苗。」
王認為BNT已經將陸續抵台根據民間企業消息未來還可以有再加購3000萬劑BNT的機會結果指揮中心和行政院又是同樣的回覆說政府已經採買足夠的疫苗了明明可以為年輕族群加購AZ以外疫苗政府只想消化AZ拚疫苗覆蓋率。
王質疑但台灣疫苗真的足夠嗎？根本睜眼說瞎話在國外很多國家都有接種年齡限制的AZ現在台灣竟然變成23歲以上年輕施打疫苗主力多麼諷刺。</t>
  </si>
  <si>
    <t>疫苗az施打以上可以民眾政府建議接種jcvibnt臺灣中心品牌指揮表示民間沒有</t>
  </si>
  <si>
    <t>AZ疫苗新冠肺炎年輕族群王鴻薇</t>
  </si>
  <si>
    <t>肺炎年輕疫苗族群az王鴻薇</t>
  </si>
  <si>
    <t>呼籲市長大利援手</t>
  </si>
  <si>
    <t>新冠肺炎疫情重創義大利也讓留在台灣付出奉獻超過半世紀的義籍神父呂若瑟為他的家鄉憂心不已並且對外求助希望募集防疫物資幫助義大利抗疫消息傳出後立即引發台灣人的熱烈迴響宜蘭市長江聰淵也在3日出面呼籲</t>
  </si>
  <si>
    <t>大利江聰淵市長重創宜蘭熱烈迴響臺灣人引發立即若瑟神父家鄉義籍憂心不已世紀對外超過奉獻求助希望付出傳出募集臺灣</t>
  </si>
  <si>
    <t>新冠肺炎疫情重創義大利也讓留在台灣付出奉獻超過半世紀的義籍神父呂若瑟為他的家鄉憂心不已並且對外求助希望募集防疫物資幫助義大利抗疫消息傳出後立即引發台灣人的熱烈迴響宜蘭市長江聰淵也在3日出面呼籲大家伸出援手共同幫助義大利度過這場災疫。
江聰淵表示台灣人有句話「吃人一口還人一鬥」天主教靈醫會的義大利傳教士在早年台灣醫療資源不足且環境艱困的時期遠渡重洋來到台灣犧牲奉獻建立醫院長期守護台灣偏遠醫療呂若瑟神父更將一生奉獻給台灣守護台灣民眾的健康面對呂神父家鄉的困境此時的台灣人更應該感念他們的付出。
江聰淵說在這個艱困時刻大家感念呂神父過往付出的最好回報就是在有能力的時候給予必要的援助因此除了代表宜蘭市民響應捐款10萬元同時也在市公所成立專責櫃臺負責處理民眾的指定捐款事宜讓天主教靈醫會得以在不影響台灣國內防疫物資調配的情況下透過國際管道購買N95口罩等醫療物資援助義大利靈醫會的醫療機構。
江聰淵呼籲說希望有更多的民眾能夠一同響應對曾經無私奉獻給台灣土地的天主教靈醫會伸出台灣民眾溫暖的手幫助他們度過災疫。</t>
  </si>
  <si>
    <t>臺灣民眾大利神父臺灣人靈醫付出醫療物資奉獻天主教幫助援助捐款回應宜蘭希望伸出呼籲防疫</t>
  </si>
  <si>
    <t>新冠肺炎義大利神父呂若瑟防疫物資</t>
  </si>
  <si>
    <t>大利神父肺炎若瑟防疫物資</t>
  </si>
  <si>
    <t>居隔采確診機構新竹</t>
  </si>
  <si>
    <t>新竹縣19日新增3例確診案例都是長照機構住民竹東c長照機構的80多歲老翁和老婦被匡列隔離監控採檢陽性確診B機構80多歲老翁被匡列隔離2次PCR採檢陰性但發燒嘔吐就醫住院前第3次採檢陽性確診 3人皆已收治</t>
  </si>
  <si>
    <t>確診機構陽性老翁隔離匡列案例新增發燒住院陰性老婦pcr監控嘔吐就醫</t>
  </si>
  <si>
    <t>新竹縣19日新增3例確診案例都是長照機構住民竹東c長照機構的80多歲老翁和老婦被匡列隔離監控採檢陽性確診B機構80多歲老翁被匡列隔離2次PCR採檢陰性但發燒嘔吐就醫住院前第3次採檢陽性確診 3人皆已收治醫院隔離病房。
縣長楊文科說明竹東2家機構目前處置狀況B機構有68人包括住民51人和工作人員17人目前確診17位住民和2位工作人員共19人集中在機構2、3樓剩下49名健康者包括34位住民和15位工作人員有30位住民已遷往其他機構或醫院4人安置原機構5樓乾淨區域。
C機構有住民41人和工作人員34人共75人目前確診10位住民和7位工作人員包括A區域4人、B區域1人、C區域12人。其餘58名健康者中的31位住民皆已遷往其他醫院。
楊文科指出中央配發第一波13000劑疫苗到19日上午為止已施打11374劑整體接種率為875％。其中87歲以上長者有4231人接種、機構住民及工作人員有3306人接種、洗腎腎友有853人接種其餘是第一至三類的醫事及防疫人員。
為讓長者施打疫苗更有效率縣府將視疫苗撥放和施打情況滾動式調整接種年齡並製發通知單。中央配發新竹縣的900劑莫德納疫苗提供給尚未接種疫苗的第1、2、3類醫事及防疫人員預約接種時間是22日地點在湖口王爺壟運動公園大型施打站。</t>
  </si>
  <si>
    <t>新竹 縣 19 日 新增 3 例 確診 案例 都 是 長 照 機構 住 民 竹東 c 長 照 機構 的 80 多 歲 老翁 和 老婦 被 匡列 隔離 監控 采 檢 陽性 確診 b 機構 80 多 歲 老翁 被 匡列 隔離 2 次 pcr 采 檢 陰性 但 發燒 嘔吐 就醫 住院 前 第 3 次 采 檢 陽性 確診 3 人 皆 已 收治 醫院 隔離病房 縣長 楊文科 說明 竹東 2 家 機構 目前 處置 狀況 b 機構 有 68 人 包括 住 民 51 人和 工作人員 17 人 目前 確診 17 位 住 民和 2 位 工作人員 共 19 人 集中 在 機構 23 樓 剩下 49 名 健康 者 包括 34 位 住 民和 15 位 工作人員 有 30 位 住 民 已 遷 往 其他 機構 或 醫院 4 人 安置 原 機構 5 樓 乾淨 區域 c 機構 有 住 民 41 人和 工作人員 34 人 共 75 人 目前 確診 10 位 住 民和 7 位 工作人員 包括 a 區域 4 人 b 區域 1 人 c 區域 12 人 其 餘 58 名 健康 者 中的 31 位 住 民 皆 已 遷 往 其他 醫院 楊 文科 指出 中央 配發 第一 波 13000 劑 疫苗 到 19 日 上午 為止 已 施打 11374 劑 整體 接種 率 為 875 其中 87 歲 以上 長者 有 4231 人 接種 機構 住 民 及 工作人員 有 3306 人 接種 洗 腎 腎 友 有 853 人 接種 其 餘 是 第一 至 三類 的 醫 事 及 防疫 人員 為 讓 長者 施打 疫苗 更 有效率 縣府 將 視 疫苗 撥 放 和 施打 情況 滾 動式 調整 接種 年齡 並 制發 通知單 中央 配發 新竹 縣 的 900 劑 莫德納 疫苗 提供 給 尚未 接種 疫苗 的 第 123 類 醫 事 及 防疫 人員 預約 接種 時間 是 22 日 地點 在 湖口 王爺 壟 運動 公園 大型 施打 站</t>
  </si>
  <si>
    <t>接種機構施打疫苗確診醫院工作人員中央長者配發區域包括目前健康陽性竹東</t>
  </si>
  <si>
    <t>新冠肺炎台灣確診機構工作人員</t>
  </si>
  <si>
    <t>確診肺炎臺灣機構工作人員</t>
  </si>
  <si>
    <t>實體個人疫情威脅點名陸媒嚴懲</t>
  </si>
  <si>
    <t>大陸官媒《環球時報》引述相關消息人士表示大陸對美國內以疫情為向中國大陸浮濫訴訟極為不滿北京已著手準備對一些炮製反華議案的國會議員、密蘇裡州以及美方相關個人和實體採取必要的懲戒措施。大陸的美國專家甚</t>
  </si>
  <si>
    <t>大陸相關美國措施消息人士北京不滿準備炮製反華表示訴訟懲戒極為議案國會議員密蘇里州實體美方個人採取必要疫情中國</t>
  </si>
  <si>
    <t>大陸官媒《環球時報》引述相關消息人士表示大陸對美國內以疫情為向中國大陸浮濫訴訟極為不滿北京已著手準備對一些炮製反華議案的國會議員、密蘇裡州以及美方相關個人和實體採取必要的懲戒措施。大陸的美國專家甚至指稱反制措施不會是象徵性的「必須要打痛他」。
《環球時報》說最近以來美國國內一些國會議員及州官員頻頻借新冠肺炎疫情問題向大陸發難可謂是「濫訴成癮」。4月14日美國共和黨籍參議員霍利（Josh Hawley）在參議院推出《為新冠病毒受害者追求正義法案（ Justice for Victims of Coronavirus Act）》允許美國人對中國大陸提出私人訴訟。4月16日美國共和黨籍參議員科頓(Tom Cotton)提出《2020年追究中國共產黨感染美國人責任法案》要求剝奪大陸在美國的主權豁免。一天後美國共和黨籍眾議員史密斯(Chris Smith)等人在眾議院推出類似法案要求「北京對美國人民因為新冠肺炎承受的傷害負起責任」共和黨籍眾議員班克斯(Jim Banks)也在拼命鼓噪就疫情對大陸進行追責索賠。
報導認為對於上述議員而言反華幾乎成了他們的「日常」活動。例如參議員霍利就於3月12日聯合另一名共和黨籍參議員史考特(Rick Scott)提出議案要求禁止美國聯邦雇員在政府配發的手機上安裝大陸社交媒體應用程式「抖音」(TikTok)。眾議員史密斯也是在涉華問題、尤其是人權問題上的常客去年3月他在美眾議院推出一項決議案要求美國政府就大陸在美政治影響力活動發佈報告以全面審視由中國大陸帶來的威脅。
除了上述的美國國會議員包括美國保守派遊說組織「自由觀察」（Freedom Watch）以及總部位於德州的Buzz Photos等企業與實體也加入反華訴訟隊伍。今年4月17日「自由觀察」和德州體育攝影公司Buzz Photos並列共同原告向德州北部法庭提起訴訟要求中國大陸支付金額超過20兆美元的新冠疫情賠償。4月21日美國密蘇裡州總檢察長施密特（Eric Schmitt）向聯邦法院提起民事訴訟要求大陸對全球新冠病毒大流行負責並以現金賠償密蘇裡州因疫情蒙受的巨大經濟損失。
報導引述大陸中國社會科學院美國研究所研究員、美國外交研究室主任袁征的話說「中美合作是互利共贏的但是我們也不能一再退讓絕不能容忍有些人毫無原則地對中美關係造謠生事。」他說「對於這些無端造謠生事破壞中美關係、死不悔改進而在美國國內撈取政治利益的政客我們要堅決進行打擊。」</t>
  </si>
  <si>
    <t>大陸美國要求疫情訴訟中國反華德州推出提出參議員密蘇里州眾議員法案美國共和黨問題政治國會議員報導議員</t>
  </si>
  <si>
    <t>新冠病毒新冠肺炎COVID-19疫情大陸</t>
  </si>
  <si>
    <t>肺炎covid-疫情大陸病毒</t>
  </si>
  <si>
    <t>柯文哲應給開除鼓勵楊志良</t>
  </si>
  <si>
    <t>台灣日前再度發生新冠肺炎院內感染前衛生署長楊志良在政論節目稱應將染疫醫師開除。對此臺北市長柯文哲認為罵完以後還是應該鼓勵他醫護人員長期打仗要隨時都緊繃神經其實不容易。柯文哲表示大家當然可</t>
  </si>
  <si>
    <t>柯文哲肺炎院內不容易感染其實衛生署長神經楊志良政論發生節目隨時打仗應將長期醫護人員鼓勵應該</t>
  </si>
  <si>
    <t>台灣日前再度發生新冠肺炎院內感染前衛生署長楊志良在政論節目稱應將染疫醫師開除。對此臺北市長柯文哲認為罵完以後還是應該鼓勵他醫護人員長期打仗要隨時都緊繃神經其實不容易。
柯文哲表示大家當然可以怪那位醫生穿脫衣服、保護做得不太好不過自己在第一線作戰就知道最好外科醫師也不可能手術死亡率是0只是會比較低而已。
柯文哲表示假設自己還是柯P去檢查那位醫生口罩沒戴好、衣服沒有穿好、脫的技術不好相信還是可以找到他缺點不然怎麼會被感染但如果是老師罵完以後還是要關心對方罵完之後應要給他點鼓勵。
柯文哲指出新冠肺炎到目前為止全世界醫護人員死亡已經超過一萬人因此這次很高風險的北市今上午也開防疫會議並把衛生局長與聯合醫院總院長找來建議負責照顧確診案例的醫護人員如果未婚沒有家庭的盡量住在市府準備後的旅館減少跟人群接觸。
柯文哲直言現在國內疫情比較趨緩導致醫護人員比較鬆懈所以該案例出現感染女朋友的情形如果是疫情比較緊張時候相信對方會很謹慎一有發燒就會去做檢查然後不敢回家但醫護人員這麼長時間打仗要隨時都緊繃神經其實也不容易。</t>
  </si>
  <si>
    <t>柯文哲醫護人員比較感染醫師沒有相信案例疫情肺炎醫生可以檢查鼓勵表示衣服</t>
  </si>
  <si>
    <t>柯文哲醫護楊志良染疫新冠</t>
  </si>
  <si>
    <t>楊志良醫護柯文哲</t>
  </si>
  <si>
    <t>戰爭網路病毒賴嶽謙輿論覺醒無色</t>
  </si>
  <si>
    <t>歡迎收看《無色覺醒》第578集播出由主講人賴嶽謙為觀眾分析：「一場病毒抗疫戰爭？美俄網路輿論開打！」正當中國大陸全力對抗新型冠狀病毒（2019-nCov）之際美國與俄國的網路輿論戰打得如火如荼、波濤洶湧。美國</t>
  </si>
  <si>
    <t>病毒輿論網路美國播出主講賴岳謙觀眾覺醒分析打得大陸全力中國對抗戰爭冠狀正當-ncov俄國之際無色</t>
  </si>
  <si>
    <t>歡迎收看《無色覺醒》第578集播出由主講人賴嶽謙為觀眾分析：「一場病毒抗疫戰爭？美俄網路輿論開打！」
正當中國大陸全力對抗新型冠狀病毒（2019-nCov）之際美國與俄國的網路輿論戰打得如火如荼、波濤洶湧。美國阿肯色州的共和黨參議員柯頓（Tom Cotton）公然指控新冠肺炎是來自中國大陸實驗室的人工病毒因人為疏忽不慎外流。這種未經證實的揣測性言論一出引發網路一片論戰。
哈佛大學醫療團隊專家率先跳出來駁斥柯頓的指控他並強調這是一種新型病毒由重組所發生的病毒。柯頓則在反華鷹派安排下參加了福斯新聞網等節目繼續散播不實謠言任由網路媒體轉載。與此同時美國國務院亦控訴俄羅斯散播「新冠病毒來自CIA」等不實消息。
網路上還流傳一則消息稱俄羅斯衛生單位元證明新冠病毒由人工合成。俄羅斯官員氣憤地指有人惡意散播謠言明明在醫學報告中清楚明瞭寫著「基因重組」卻遭翻譯成「人工合成」似乎是有心人士想挑撥中俄之間矛盾。在國際共同防疫之際竟有人心中無存人溺己溺之心趁亂打擊落井下石。
在資訊爆炸世代不實消息散播全球各個角落若網民相信「新冠病毒來自CIA」恐激起中國大陸人民對美國的仇視；若相信俄羅斯官方證實新冠病毒由人工製造便會造成中俄友好產生矛盾；若相信「新冠病毒來自武漢P4實驗室」一說則會引發全球對中國大陸政府的反目與不信任；
這一場全球防疫戰中國際之間陰謀暗箭由此顯見網路散播謠言者不顧醫護人員之辛勞將人命視為草芥個人利益擺眼前缺乏同理之心為達目的不擇手段。政客操縱陰謀論摧毀人與人之間的信任使國際社會撕裂形成族群間對立與仇恨有損全人類的利益……更多分析請看影片解說！</t>
  </si>
  <si>
    <t>病毒網路中國俄羅斯美國散播不實國際柯頓之間全球分析大陸來自消息相信散播謠言之際引發人工合成證實中俄</t>
  </si>
  <si>
    <t>新冠病毒散播俄羅斯賴嶽謙無色覺醒</t>
  </si>
  <si>
    <t>俄羅斯散播賴嶽謙病毒無色覺醒</t>
  </si>
  <si>
    <t>東京銀座一直是日本地價最高的黃金地段國土交通省公告地價每坪平均為9301萬8782日圓據說泡沫經濟時代有的土地還漲到每坪逾35億日圓。但新冠肺炎爆發後銀座不動產的身價已大受衝擊。■Real estate company HU</t>
  </si>
  <si>
    <t>每坪日圓銀座衝擊日本身價不動產地價最高real黃金地段國土爆發交通肺炎公告地價平均時代土地據說</t>
  </si>
  <si>
    <t>東京銀座一直是日本地價最高的黃金地段國土交通省公告地價每坪平均為9301萬8782日圓據說泡沫經濟時代有的土地還漲到每坪逾35億日圓。但新冠肺炎爆發後銀座不動產的身價已大受衝擊。
■Real estate company HULIC expands into Ginza district through the purchase of Tiffany Ginza Building from SoftBank CEO Masayoshi Son
去年底新冠肺炎疫情開始對日本各行各業造成影響安倍政府呼籲民眾盡量減少外出籲請商家暫停營業連銀座實力雄厚的店家也支撐不下去許多知名的大樓也紛紛易主。最具代表性的不動產出售案是「蒂芙尼（Tiffany）銀座本店大樓」。
這棟九層高的大樓於1996年啟用軟體銀行集團會長兼社長孫正義於2013年以320億日圓（約台幣90億4600萬元）購入。由於軟銀在這波疫情中損失慘重這棟大樓也於7月3日脫手賣給大型不動產公司HULIC據說售價超過300億日圓蒂芙尼今後仍然在此營業。
此外服裝大廠「三陽商會」於7月17日賣掉位於銀座8丁目的旗艦大樓「GINZA TIMELESS 8」且店面將於8月底結束營業。三陽商會曾與英國的名牌廠商博柏利（Burberry）簽代理權合約並在銀座開店但於2015年解約失去了主要的合作商經營大不如前再加上新冠肺炎疫情形同雪上加霜。
銀座知名大樓陸續遭脫手
《週刊POST》報導指出房地產專業記者表示「在銀座名店街蓋的大樓很少聽說要脫手的。像現在這樣有名大樓在短期間內陸續脫手還是罕見的特例銀座可說是正面臨大的變動期。」
有百年以上歷史的「山野樂器銀座本店」3月底宣佈4月起將地下1樓至地上2樓的三個樓層租給KDDI。山野樂器1915年起在銀座開店昭和初期起銷售海內外唱片、樂器也曾是日本公告地價最高的大樓當時每坪為1億9074萬日圓。現在銷售CD、DVD的主要三個樓層都不得不租出去被外界猜測可能是受到疫情的影響。
但山野樂器的公關表示其實與疫情無關去年夏天就決定出租了因為近年來音樂軟體的市場縮小為了因應市場環境的變化決定活用不動產價值來強化收益。
該記者表示「到目前為止倒閉、破產店面很多是在疫情發生前業績就很嚴峻。但新冠肺炎疫情若是有第二、三波的話可能對原本經營順利的店家造成不良影響。靠著壓倒性的品牌力哄抬上漲的銀座地價也可能在疫情延燒擴大之下變成巨額的不良債權。」
沖繩飯店降價求售
除了銀座日本度假勝地沖繩的觀光業也在新冠肺炎疫情下遭受打擊許多飯店業者寧可降價也想將飯店脫手而感興趣的買主居然大多是外資企業或投資家。
《琉球新報》報導那霸市負責飯店營運企畫的「STAR RESORT」今年架設了介紹有意被併購（M＆A）的飯店案件網站刊載案件有：宮古島靠近私人海灘的飯店約10至30間客房希望售價為20億日圓（約台幣5億6500萬元）；沖繩本島附游泳池、家電、傢俱的海景房飯店共不到10個房間希望售價為4億8400萬日圓（約台幣1億3682萬元）等。
「STAR RESORT」表示今年5月左右起就有人詢問想買沖繩的飯店詢問件數一個月超過60件。買家大多是沖繩縣外的不動產開發業者或個人投資家。由於觀光客減少許多飯店等觀光設施的使用率大幅下滑雖然現在海外旅行仍然受限但有投資人認為開放日本國內旅遊的話沖繩應該是首選。
投資家看準了以長期的投資眼光來看沖繩的觀光還是會恢復因此現在拋出的沖繩房源在投資人的眼中是有投資價值且投資價值很高的。藤本擔心若是沖繩大多不動產和觀光收益都被縣外或國外搶去了那麼利潤、好處就很難留在沖繩了。
還有沖繩縣的不動產業者指出有台灣的投資家說想買沖繩縣的飯店。由於買賣飯店的金額是以億為計算單位的所以簽約需花半年左右的時間半年後因買賣成立而易主的飯店說不定會變多。</t>
  </si>
  <si>
    <t>銀座飯店沖繩大樓疫情日圓不動產脫手日本現在表示投資家肺炎樂器ginza觀光</t>
  </si>
  <si>
    <t>肺炎沖繩樂器疫情飯店</t>
  </si>
  <si>
    <t>疫情肺炎飯店沖繩樂器</t>
  </si>
  <si>
    <t>月底舉行computex延至</t>
  </si>
  <si>
    <t>國際大型科技會展又再取消一樁！受新冠肺炎（COVID-19）疫情從中國延燒至歐美影響原訂於6月2日開展的臺北國際電腦展（COMPUTEX）將延至9月28日舉行展覽日期也由原本的6天、縮減至3天展區則集中至世貿二館。</t>
  </si>
  <si>
    <t>國際展區縮減原本取消日期展覽肺炎covid-疫情舉行中國延至歐美影響computex原訂開展臺北</t>
  </si>
  <si>
    <t>國際大型科技會展又再取消一樁！受新冠肺炎（COVID-19）疫情從中國延燒至歐美影響原訂於6月2日開展的臺北國際電腦展（COMPUTEX）將延至9月28日舉行展覽日期也由原本的6天、縮減至3天展區則集中至世貿二館。
主辦單位表示新冠肺炎疫情不斷升溫大型展覽或發表會如2月底的MWC、3月的GDC以及原定在5月登場的開發者大會如Google I／O與臉書F8都先後取消其中Google甚至宣佈連Google I／O線上發表會都取消。而向來是國外買家、一線科技業者高層集結的臺北國際電腦展在歐美疫情無法降溫下就算貿然舉辦可能得面臨參加者在入境後得先隔離檢疫或是徒增搭機長途旅行染病的風險而人員聚集也恐怕會提高群聚感染的機率。
基於維護參展廠商及參觀者的健康與安全主辦單位宣佈臺北國際電腦展展覽日期將由原定的6月2～6日延期至9月28～30日舉行原先臺北國際電腦展與同時舉行的新創展橫跨世貿與南港共三個展館但是隨著上半年的展覽多已經改期至下半年下半年南港展覽館與世貿展覽館檔期很滿改期後的臺北國際電腦展展區將集中至臺北南港展覽館2館。
而針對持續力挺臺北國際電腦展的國內參展廠商主辦單位表示將在原檔期期間在台灣經貿網辦理臺北國際電腦展線上展覽除了邀請全球買主參加視訊採購洽談會並將力邀國內外指標廠商進行線上新產品發表會此外也鼓勵國內外資通訊指標性業者以網路研討會型式分享5G與AIoT等智慧科技應用。</t>
  </si>
  <si>
    <t>國際臺北電腦展展覽世貿取消發表會廠商科技疫情主辦單位業者舉行google南港改期歐美展覽館參展宣佈</t>
  </si>
  <si>
    <t>肺炎Computex展覽展覽日期疫情</t>
  </si>
  <si>
    <t>展覽日期computex肺炎疫情</t>
  </si>
  <si>
    <t>應該肺炎影響投資者巴菲特決策</t>
  </si>
  <si>
    <t>「股神」巴菲特週一（24日）接受財經網站CNBC專訪時指出新冠肺炎疫情持續蔓延有極大比重企業受到衝擊但投資者不應該受疫情影響而改變資產配置決定。另外針對今年美國總統大選自稱並非是活躍民主黨人的他也提</t>
  </si>
  <si>
    <t>疫情接受並非財經自稱網站總統大選cnbc美國專訪今年決定活躍指出配置資產改變肺炎影響比重衝擊企業受到持續</t>
  </si>
  <si>
    <t>「股神」巴菲特週一（24日）接受財經網站CNBC專訪時指出新冠肺炎疫情持續蔓延有極大比重企業受到衝擊但投資者不應該受疫情影響而改變資產配置決定。另外針對今年美國總統大選自稱並非是活躍民主黨人的他也提到將會投票給彭博。
巴菲特表示蘋果在內等多數企業目前正因這波疫情而受到衝擊不過他指出影響企業運作還有其他因素外界應把重點放在企業未來5到10年的長期發展。
他還聲稱對人類而言雖然新冠病毒大流行令人感到恐慌「但卻不應該影響投資者的買賣股票的決策。」他說投資者並「無法透過每天讀報預測股市走勢」但如果該新聞能讓投資者逢低買進喜歡的股票堪稱是「相當幸運」。
巴菲特還讚揚蘋果「或許是我所知道在全球表現最佳的企業」柏克夏海瑟威目前持股蘋果比重約55％。雖然身為蘋果大股東巴菲特最近才有一支智慧手機。
篤信股票是長期投資好選擇的巴菲特並對投資債券的投資者提出警告表示即使目前利率已降至低點股市看來也似乎不妙但為追求收益率而買進債券並非明智的選擇。
另外論及美國經濟巴菲特認為受到全球多項利空因素影響其經濟已不如半年前強勁。他說：「美國經濟仍強勁但卻比6個月前略為疲弱、而且受影響層面也很廣」。
在問及總統大選時巴菲特表示自己雖是民主黨人但並非是積極黨員。他說「自己對於投票給彭博毫無困難」。針對另一位聲勢看漲的民主黨參選人桑德斯巴菲特雖然認同他許多傾向社會主義的政見不過股神也認為資本主義制度不應該因此被破壞。
由於巴菲特今年8月將滿90歲針對外界最關心的接班問題他稱「沒有我的柏克夏海瑟威其價值與有我在時一樣」他還開玩笑說「我的附加價值不高但也不至於減損價值」。</t>
  </si>
  <si>
    <t>巴菲特影響企業投資者蘋果美國股票表示疫情目前受到經濟應該股市價值外界柏克夏海瑟威今年債券認為總統大選</t>
  </si>
  <si>
    <t>巴菲特投資者應該蘋果決策</t>
  </si>
  <si>
    <t>投資者決策巴菲特應該蘋果</t>
  </si>
  <si>
    <t>成員清潔隊金沙酒店確診桃園</t>
  </si>
  <si>
    <t>桃園市環境清潔稽查大隊龜山區中隊3名清潔隊員確診29日新增1名案例是清潔隊員的家人。桃園市長鄭文燦表示目前擴大採檢188人居家隔離185人。他說擴大隔離、採檢是希望築起防疫防火牆讓事件獲得控制另外</t>
  </si>
  <si>
    <t>清潔隊員桃園擴大防火牆防疫希望確診隔離目前表示家人鄭文燦市長稽查大隊山區中隊事件案例環境獲得</t>
  </si>
  <si>
    <t>桃園市環境清潔稽查大隊龜山區中隊3名清潔隊員確診29日新增1名案例是清潔隊員的家人。桃園市長鄭文燦表示目前擴大採檢188人居家隔離185人。他說擴大隔離、採檢是希望築起防疫防火牆讓事件獲得控制另外金沙酒店新增1名酒客確診。
鄭文燦表示採持續疫調採檢方式主要是希望用精準疫調、即時疫調。29日增加1位清潔隊員家人確診目前已經188人擴大採檢居家隔離185位元部分PCR採檢會在晚上出爐。目前龜山中隊3個隊部該確診者的隊部已全數居家隔離希望這次隊員確診能擴大隔離採檢築起防疫防火牆讓事件獲得控制也希望民眾放心。
衛生局長王文彥也說明29日公佈12人中有7人感染源還在調查有9人是家庭群聚感染其餘10人獨立個案。他呼籲傳統市場買菜避免久留、不要講話登山健行步道、工地、職場也要注意。另外家庭成員彼此盡量戴口罩聊天吃飯公筷母匙。
王文彥說明首名確診隊員在24日有咳嗽、發燒現象當時就立即隔離也因為他目前屬於中重度疫調還在進行中。對於感染源可能的原因還在調查中。
至於金沙酒店群聚感染案王也說29日新增1名顧客確診他在原本的匡列名單中。對於楊梅5起案例有4人屬於家庭群聚是原本1名長者確診全家匡列後4人採檢確診。</t>
  </si>
  <si>
    <t>確診隊員希望目前隔離感染清潔新增擴大金沙酒店王文彥屬於居家對於原本案例</t>
  </si>
  <si>
    <t>新冠肺炎台灣龜山確診清潔隊</t>
  </si>
  <si>
    <t>臺灣肺炎確診清潔隊</t>
  </si>
  <si>
    <t>公司餐廳華碩員工全面確診消毒上班</t>
  </si>
  <si>
    <t>和碩1名員工確診新冠肺炎傳出該名員工曾到華碩餐廳用餐目前2公司都已啟動相關防疫規定華碩可能與該員接觸的員工都進行居家辦公。和碩今（17日）指出1名員工無症狀確診新冠肺炎公司接獲通知員工確診後即進行</t>
  </si>
  <si>
    <t>員工確診公司華碩肺炎規定都已防疫相關啟動都進行居家可能該員接觸辦公目前通知用餐指出餐廳</t>
  </si>
  <si>
    <t>和碩1名員工確診新冠肺炎傳出該名員工曾到華碩餐廳用餐目前2公司都已啟動相關防疫規定華碩可能與該員接觸的員工都進行居家辦公。
和碩今（17日）指出1名員工無症狀確診新冠肺炎公司接獲通知員工確診後即進行消毒程式並啟動ABC分組分流上班。
《ETtoday》報導和碩該名員工的足跡曾進入華碩員工餐廳華碩得知檢驗呈陽性後已完成所有辦公室及餐廳消毒並通知可能與其足跡重疊者進行遠距上班並隨時監測身體狀況一般員工也採分流方式辦公。
除了和碩、華碩防疫拉警報外大立光、敬鵬及富邦金等上市公司都傳出有員工確診皆已啟動消毒與分流辦公流程並配合衛生主管機關指引。</t>
  </si>
  <si>
    <t>員工華碩公司分流啟動確診消毒餐廳上班進行可能通知防疫辦公足跡傳出肺炎敬鵬辦公流程</t>
  </si>
  <si>
    <t>新冠肺炎台灣和碩台股華碩</t>
  </si>
  <si>
    <t>臺灣肺炎華碩</t>
  </si>
  <si>
    <t>小米去年營收 破2000億人幣</t>
  </si>
  <si>
    <t>去年小米</t>
  </si>
  <si>
    <t>大陸手機品牌業者小米董事長雷軍13日在新機發表活動上表示受到新冠肺炎疫情影響預料今年第一季大陸手機行業銷量可能會銳減。本周稍早雷軍並呼籲大陸手機行業能儘早復工。綜合陸媒報導在送別銷售疲弱的2019年</t>
  </si>
  <si>
    <t>手機大陸行業陸媒綜合復工活動發表雷軍表示新機受到儘早董事長報導肺炎疫情小米影響預料今年銳減</t>
  </si>
  <si>
    <t>大陸手機品牌業者小米董事長雷軍13日在新機發表活動上表示受到新冠肺炎疫情影響預料今年第一季大陸手機行業銷量可能會銳減。本周稍早雷軍並呼籲大陸手機行業能儘早復工。
綜合陸媒報導在送別銷售疲弱的2019年後小米及華為等大陸手機廠商原本期望藉由推出更多5G手機拉抬今年銷售但肺炎疫情卻使業者希望落空。
小米13日舉行新機發表會小米當日稍早先對外公告稱2019年公司全年總收入預期超過人民幣（下同）2千億元研發費用預期約70億元。為了搶占5G市場今年全年研發投入將超過100億元。
由於疫情之故本次新機發表會小米改為線上發布。當天會上雷軍宣佈小米推出新款旗艦手機小米10和小米10 Pro其中小米10手機售價為3999元這個價格比2999元的小米9手機高出1千元突顯小米在5G時代欲切入高階手機市場的企圖心。
東方財富網報導雷軍在接受媒體提問時對今年大陸手機行業做出預測。他認為受到肺炎疫情影響第一季大陸手機行業銷量可能會銳減「但整個市場的下滑幅度沒有大家想像那麼大二季度、三季度有望報復性反彈」。
雷軍坦言在疫情影響下新手機的產能自然會受到一定影響很多工廠到2月10日都還不能恢復生產所以未來一兩周供貨會出現一些緊張。小米10日復工後目前正全力拚產能。
稍早有行業分析師預測受到供應斷鏈及消費者信心下滑影響大陸今年第一季智慧手機出貨量將較去年同期減少約40％。
在小米發表新款手機期間小米在港股的股價盤中一度飆升逾5％至1358港元最終收報1338港元漲356％。新冠肺炎疫情爆發後小米股價於春節後1月30日回檔至1150港元之後震盪上揚迄今累漲163％。</t>
  </si>
  <si>
    <t>小米手機疫情大陸雷軍影響今年受到行業市場肺炎港元新機報導下滑復工銷售產能全年發表股價</t>
  </si>
  <si>
    <t>稍早行業肺炎銳減銷量</t>
  </si>
  <si>
    <t>行業肺炎銳減銷量</t>
  </si>
  <si>
    <t>網友調侃陸生歧視就是</t>
  </si>
  <si>
    <t>對於中原大學老師招名威上課時拿毒奶粉、新冠肺炎開對岸玩笑還挑釁地說「就是在說你們。」網友痛批歧視就是歧視被檢舉的一點也不無辜。對於中原大學老師招名威上課爭議中原大學校方表示中原大學為中華</t>
  </si>
  <si>
    <t>中原大學招名威就是老師對於歧視玩笑對岸不無肺炎奶粉上課時上課挑釁檢舉校方爭議表示網友中華</t>
  </si>
  <si>
    <t>對於中原大學老師招名威上課時拿毒奶粉、新冠肺炎開對岸玩笑還挑釁地說「就是在說你們。」網友痛批歧視就是歧視被檢舉的一點也不無辜。
對於中原大學老師招名威上課爭議中原大學校方表示中原大學為中華民國之大學所聘任之老師皆受中華民國之保障校方從未禁止老師在課堂上提及中華民國。
嗣後招名威的爭議上課內容影片曝光被指出有以下爭議：
一招名威教授於講述氨基酸氮含量檢測時表示檢測有可能作假並以三聚氰胺的毒奶粉
事件為例向在座同學表示「在座的可能吃的很少」並對透過遠端教學上課的大陸學生表示：「可能透過攝影機的另外一個的一些同學吃得比較多一點對岸你知道嗎就是在講你們」。
二招名威教授表示：「所以你覺得武漢只死、只死1萬多人怎麼可能對就是在講你們。」
有網友在其臉書粉絲頁《文翔政論》指出招名威老師被檢舉的一點也不無辜。
《文翔政論》表示招老師只講了部分事實卻刻意隱瞞了自己用嘻笑方式調侃對岸在課堂上公然歧視大陸人還歧視黑人。
影片中清楚看到他拿毒奶粉、新冠肺炎開對岸玩笑嘲笑大陸人吃蝙蝠、吃野味還挑釁地說「就是在說你們。」在課堂上不僅調侃大陸人還嘲笑黑人跟中南美人。
《文翔政論》鏗鏘有力強調歧視沒有因為對像是誰而有正當性歧視就是歧視不會因為中國大陸對我們有敵意所以歧視就是對的。如果把歧視當成一種愛國行為那其實就是納粹法西斯。</t>
  </si>
  <si>
    <t>就是表示歧視老師招名威大陸對岸可能上課政論文翔爭議課堂中華民國奶粉影片教授中原大學指出透過</t>
  </si>
  <si>
    <t>歧視招名威納粹法西斯中原大學文翔政論</t>
  </si>
  <si>
    <t>法西斯納粹中原大學文翔招名威政論歧視</t>
  </si>
  <si>
    <t>疫苗美國優點</t>
  </si>
  <si>
    <t>台灣本土疫情雖稍微趨緩連續4天維持2位數確診但疫苗數量供不應求不少民眾選擇飛出國打疫苗。在台發展的美籍男星賈斯汀（Justin Caleb Cooper）是節目《請問今晚住誰家》主持人、《2分之一強》班底他近日透露</t>
  </si>
  <si>
    <t>疫苗分之一主持人今晚連續請問節目維持確診coopercaleb數量justin供不應求稍微賈斯汀民眾發展出國班底選擇疫情</t>
  </si>
  <si>
    <t>台灣本土疫情雖稍微趨緩連續4天維持2位數確診但疫苗數量供不應求不少民眾選擇飛出國打疫苗。在台發展的美籍男星賈斯汀（Justin Caleb Cooper）是節目《請問今晚住誰家》主持人、《2分之一強》班底他近日透露不回美國、繼續待台灣的主要原因。
賈斯汀最近在節目《單身行不行》被主持人邱沁宜問怎麼沒有在疫情爆發時回美國避難？他表示2019年底新冠病毒剛擴散時住在美國的媽媽擔心台灣離大陸很近恐怕很快就會被波及希望兒子能趕快回家賈斯汀左思右想認為這個時候搭飛機感染風險更高而且回美國沒有工作也沒有車更重要的是美國沒有健保制度賈斯汀直言：「美國的健保貴到要命你知道嗎！超級貴！」綜合三個因素他決定繼續留在台灣。
賈斯汀表示當時身邊的很多美國友人都選擇搭機回家鄉想說躲一躲就沒事想不到疫情擴散得如此嚴重「後來他們回去真的有躲了躲了兩年出不來了現在才開始解放可以讓他們回來真的很誇張。」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美國賈斯汀臺灣疫情沒有擴散務必疫苗選擇主持人節目表示防疫繼續口罩專線</t>
  </si>
  <si>
    <t>美國賈斯汀疫苗新冠肺炎台灣</t>
  </si>
  <si>
    <t>疫苗肺炎賈斯汀臺灣美國</t>
  </si>
  <si>
    <t>危機暗藏礦泉水瓶漂白容易出事</t>
  </si>
  <si>
    <t>防範新冠肺炎近來酒精、消毒水、漂白水等又成為搶手貨連噴罐都供不應求民眾紛紛拿著家中各式舊瓶自行分裝醫師提醒拿舊瓶分裝漂白水暗藏陷阱勸民眾千萬別鐵齒真的發生過憾事尤其是用礦泉水瓶來裝漂白</t>
  </si>
  <si>
    <t>漂白民眾分裝近來酒精尤其憾事消毒水發生千萬別肺炎成為搶手貨供不應求自行陷阱紛紛暗藏</t>
  </si>
  <si>
    <t>防範新冠肺炎近來酒精、消毒水、漂白水等又成為搶手貨連噴罐都供不應求民眾紛紛拿著家中各式舊瓶自行分裝醫師提醒拿舊瓶分裝漂白水暗藏陷阱勸民眾千萬別鐵齒真的發生過憾事尤其是用礦泉水瓶來裝漂白水或酒精最容易出事！
Icu醫生陳志金在臉書發文指出看到有熱心的藥局贈送漂白水給民眾分裝雖然這是好事但是看著民眾拿各式各樣的舊瓶去裝讓他非常擔心因為若直接使用原本裝礦泉水、飲料、酒、醋、醬油的舊瓶恐發生誤喝風險。在急診或加護病房經常會遇到誤喝農藥、殺蟲劑、清潔劑、漂白水的病人有一部分就是因為裝在「飲料瓶」內被小孩或老人家誤喝。
陳志金提醒用舊瓶分裝漂白水時必須嚴格遵守下列四個原則：
1最好用回漂白水的瓶子來裝儘量不要用飲料瓶！尤其是用礦泉水瓶來裝漂白水或酒精最容易出事！
2撕掉原有標籤（無法撕掉的可用不透明膠帶遮住）
3重新標示（可用防水貼布遮上後標示在明顯的地方）
4安全存放（擺放離原來可飲用的地方越遠越遠好！不要隨便放在小孩可接觸到的地方漂白水可放在廁所的櫃子裡）</t>
  </si>
  <si>
    <t>漂白民眾地方飲料分裝標示酒精小孩陳志金可用發生放在出事容易尤其提醒</t>
  </si>
  <si>
    <t>海洋音樂貢寮今年新北防疫停辦</t>
  </si>
  <si>
    <t>邁入21年的貢寮海洋音樂祭受新冠病毒影響新北市府先前已決定將其中的「海洋獨立音樂大賞」停辦雖國內疫情趨緩國外疫情仍居高不下新北市府27日討論後認為活動在沙灘難以全面落實社交距離或全程戴口罩</t>
  </si>
  <si>
    <t>音樂市府新北海洋疫情社交全面落實難以沙灘活動距離認為討論國內停辦居高不下獨立病毒影響</t>
  </si>
  <si>
    <t>邁入21年的貢寮海洋音樂祭受新冠病毒影響新北市府先前已決定將其中的「海洋獨立音樂大賞」停辦雖國內疫情趨緩國外疫情仍居高不下新北市府27日討論後認為活動在沙灘難以全面落實社交距離或全程戴口罩實名制也有執行問題決定停辦。
每年海祭吸引逾50萬人次為地方觀光一年一度引頸期盼的重頭戲不過今年因為新冠肺炎讓許多樂迷失望了。
新北市長侯友宜27日宣佈只要做好防疫措施即日起室內活動不再限制100人以內室外也不再限制500人以下外界期待海祭能夠如期舉行無奈仍因為國外疫情未趨緩最後決定停辦。</t>
  </si>
  <si>
    <t>新北決定活動停辦音樂市府疫情海洋不再限制國外距離全程社交全面落實口罩難以防疫</t>
  </si>
  <si>
    <t>新北疫情海祭國外新冠</t>
  </si>
  <si>
    <t>國外疫情新北</t>
  </si>
  <si>
    <t>陳時中瞎子摸象資料who瑞德西韋公開</t>
  </si>
  <si>
    <t>被寄予厚望的新冠肺炎新藥「瑞德西韋」傳試驗不理想中央流行疫情指揮中心專家諮詢小組召集人張上淳表示其為中國初期試驗試驗已提早結束資料是否完還要再檢視現在原廠有多國、多中心更大規模的臨床試驗</t>
  </si>
  <si>
    <t>試驗中心新藥瑞德西韋是否還要資料召集人理想張上淳多國小組現在原廠中央疫情專家指揮流行肺炎</t>
  </si>
  <si>
    <t>被寄予厚望的新冠肺炎新藥「瑞德西韋」傳試驗不理想中央流行疫情指揮中心專家諮詢小組召集人張上淳表示其為中國初期試驗試驗已提早結束資料是否完還要再檢視現在原廠有多國、多中心更大規模的臨床試驗包括了中度及嚴重感染患者台灣部分持續進行中個案數雖不多但仍是少數個案雖之前有表示有效但不能據此下結論。
對於WHO意外流出大陸的試驗資料中央流行疫情指揮中心指揮官陳時中表示參與臨床藥物的試驗各國都有保密義務其中還牽扯到商業機密至於WHO為何公佈陳時中認為這做法有點瞎子摸象的狀況除非是會造成傷害的訊息才會提早宣佈。</t>
  </si>
  <si>
    <t>試驗表示中心who陳時中資料臨床提早疫情指揮中央流行個案新藥瑞德西韋傷害造成狀況持續臺灣部分進行肺炎瞎子摸象是否</t>
  </si>
  <si>
    <t>新冠肺炎武漢肺炎新型冠狀病毒台灣試驗</t>
  </si>
  <si>
    <t>肺炎武漢冠狀病毒臺灣試驗</t>
  </si>
  <si>
    <t>還有社區時中憂心不太好感染者狀況疫情出來坦承</t>
  </si>
  <si>
    <t>中央流行疫情指揮中心今公佈國內新增299例新冠肺炎確定病例分別為297例本土個案及2例境外移入個案；另有校正回歸本土個案258例總計557例。確診個案中新增19例死亡創下單日新高。指揮官陳時中說今新增的297例</t>
  </si>
  <si>
    <t>新增個案本土中心公佈國內指揮病例指揮官創下陳時中死亡回歸校正分別疫情確定肺炎總計境外</t>
  </si>
  <si>
    <t>中央流行疫情指揮中心今公佈國內新增299例新冠肺炎確定病例分別為297例本土個案及2例境外移入個案；另有校正回歸本土個案258例總計557例。確診個案中新增19例死亡創下單日新高。
指揮官陳時中說今新增的297例本土病例為157例男性、140例女性年齡介於未滿5歲至90多歲發病日介於今年4月29日至5月27日；個案分佈以新北市136例最多其次為臺北市94例。
校正回歸258例其中133例男性、125例女性。陳時中坦承「疫情狀況不太好」因校正回歸後近期的確診數並沒有往下的趨勢。他憂心社區內還有潛藏病例若繼續留在裡面就有可能再造成傳染呼籲熱區篩檢的速度要加快。
陳時中說儘速把這些人找出來是目前很重要的工作本土疫情沒有突然上升看得出來三級警戒和社區防疫有一定效果後續要看哪個效果較好。
外界關心疫情警戒是否有升級可能陳時中說社區管理強度是夠的問題是執行力需要民眾把執行做好這個最重要。陳時中說5月28日以後本土疫情已過了2周指揮中心預計下週一整理這2周的趨勢待資料收集完全後再和大家報告。
綜合上述個案其中萬華活動史相關有110例、茶藝館相關9例、某社團相關1例、其他已知感染源181例、關聯不明143例、疫調中111例相關疫情調查持續進行中。
另外今日也新增19例死亡個案創下單日新高男性14位、女性5位年齡介於40多歲至80多歲發病日介於5月10日至5月24日確診日介於5月17日至5月28日死亡日期介於5月21日至5月27日。</t>
  </si>
  <si>
    <t>疫情個案本土陳時中社區新增病例相關趨勢校正回歸重要沒有女性可能警戒死亡確診男性</t>
  </si>
  <si>
    <t>新冠肺炎台灣確診死亡陳時中</t>
  </si>
  <si>
    <t>確診肺炎臺灣死亡陳時中</t>
  </si>
  <si>
    <t>浙江省召開複產復工創業台企創新助推推進會</t>
  </si>
  <si>
    <t>為助推台企復工復產2020浙江省台資企業創業創新推進會暨台企高品質復工復產座談交流會日前在浙江餘姚市舉行會上發布針對貫徹浙江省「惠台26條措施」實施指南介紹5家在浙台企的應對疫情、復工復產經驗做法並</t>
  </si>
  <si>
    <t>復工複產浙江省台企疫情介紹應對姚市指南措施實施發佈貫徹會上舉行浙江日前交流會座談推進會品質創新創業企業台資</t>
  </si>
  <si>
    <t>為助推台企復工復產2020浙江省台資企業創業創新推進會暨台企高品質復工復產座談交流會日前在浙江餘姚市舉行會上發布針對貫徹浙江省「惠台26條措施」實施指南介紹5家在浙台企的應對疫情、復工復產經驗做法並透過說明大陸中央和浙江省的惠台政策措施等進一步增強台商台企紮根浙江發展的信心。
該會議中指出實際有不少台企因為看到趨勢、行動快且身段柔軟及時調整市場佈局和產品結構表現出更強的抗風險能力在疫情期間反而獲得逆勢增長。例如寧波安拓實業公司在外貿訂單下滑甚至取消情況下抓住「一帶一路」與新基建機遇與大陸三一重工等企業合作轉向生產內銷建築機械配件今年第2季產值有望成長50％以上。
此外浙江三榮塑膠公司原來主營化妝品和食品包材等產品也根據市場需求在年初轉型生產消毒液包裝等產品預計今年訂單超過去年。
而參加會議的浙江省副省長朱從玖表示浙江應對疫情影響和困難的邏輯思路是「信心＋政策＋特別措施」從政府到企業都要堅定信心並指出相關政策支持力道會進一步加大「特別措施」表示的是省內每一項重點工作都將成立工作專班。</t>
  </si>
  <si>
    <t>浙江浙江省台企產品企業疫情措施複產復工公司訂單生產今年大陸指出會議政策表示進一步信心應對特別工作增長柔軟抓住市場</t>
  </si>
  <si>
    <t>台企浙江省台灣全球大陸</t>
  </si>
  <si>
    <t>浙江省臺灣大陸台企全球</t>
  </si>
  <si>
    <t>華人深深致歉已修</t>
  </si>
  <si>
    <t>偶像劇男星宥勝日前在臉書感嘆：「突然很感激有水有電有自由的日子。住在台中的我們今天同時遭遇停水停電再加上聽說附近有人去過萬華就突然覺得…如果我們失去一切那將會是什麼景象？」無心一句話意外引發萬</t>
  </si>
  <si>
    <t>突然景象感歎那將失去覺得台中今天遭遇停水停電加上聽說無心附近日前感激自由日子</t>
  </si>
  <si>
    <t>偶像劇男星宥勝日前在臉書感嘆：「突然很感激有水有電有自由的日子。住在台中的我們今天同時遭遇停水停電再加上聽說附近有人去過萬華就突然覺得…如果我們失去一切那將會是什麼景象？」無心一句話意外引發萬華網友不滿火大出征其臉書留言：「去過萬華怎麼了？」對此宥勝稍早也PO文向萬華人致歉也火速修改文章盼疫情早日平息。
形象健康陽光的宥勝近日因為一句「再加上聽說附近有人去過萬華就突然覺得…」惹來萬華網友不滿更火大出征其臉書留言「你以為只有萬華有病例嗎？」、「去過萬華怎樣？？」質疑宥勝沒有同理心宥勝被萬華網友出征一事更在PTT論壇引發熱議。
稍早宥勝也在臉書PO文致歉並將「再加上聽說附近有人去過萬華」修改為「聽說附近有人被框列檢測」表示對於上一篇文章因為提及了「萬華」而引起萬華朋友的困擾他感到非常抱歉「我以後會更謹慎的發言避免這種缺乏同理心的言論。目前已修改文章在這裡再次向萬華的朋友深深致歉！願疫情早日平息。」
對於宥勝道歉之舉不少網友也給予他極大肯定紛紛留言安慰他「不小心踩到雷沒事沒事」、「無心的小失誤而已我個人覺得你沒有什麼特別的意思」、「沒有推辭真心的道歉範例實在舒心加油團結」。</t>
  </si>
  <si>
    <t>網友萬華致歉修改留言覺得突然道歉沒有無心朋友引發對於聽說文章附近出征加上早日</t>
  </si>
  <si>
    <t>宥勝萬華萬華人新冠肺炎宥勝道歉</t>
  </si>
  <si>
    <t>肺炎萬華華人道歉</t>
  </si>
  <si>
    <t>推動wto歡迎必要改革大陸</t>
  </si>
  <si>
    <t>世貿組織（WTO）於日內瓦時間2月15日任命新任祕書長伊衛拉中國商務部北京時間15日晚表示中方對她擔任WTO總幹事充滿信心並期待她履新後促進WTO盡快恢復正常功能推動必要改革。新華社報導中國商務部世貿司</t>
  </si>
  <si>
    <t>wto中國商務部新華社改革必要推動功能秘書長正常任命儘快恢復促進北京時間期待充滿信心幹事中方擔任表示報導時間伊衛日內世貿</t>
  </si>
  <si>
    <t>世貿組織（WTO）於日內瓦時間2月15日任命新任祕書長伊衛拉中國商務部北京時間15日晚表示中方對她擔任WTO總幹事充滿信心並期待她履新後促進WTO盡快恢復正常功能推動必要改革。
新華社報導中國商務部世貿司負責人表示中方祝賀伊衛拉博士擔任WTO新任祕書長。她長期從事發展中國家減貧和全球疫苗健康領域工作擁有豐富的國際組織管理經驗。
這位負責人表示當前新冠肺炎疫情蔓延態勢尚未緩解多邊貿易體制面臨重大挑戰。中方對她擔任WTO祕書長充滿信心。期待她履新之後促進WTO盡快恢復正常功能推動WTO在抗疫合作、經濟復甦方面發揮更大作用推動WTO第12屆部長級會議取得積極成果推進WTO必要改革維護和增強多邊貿易體制的權威性和有效性。
中國常駐WTO代表李成鋼大使在總理事會上引述伊衛拉的最新文章《新冠肺炎大流行時期的貿易》：「如果右手洗左手左手洗右手那麼兩者都會變乾淨。」作為一個穩定、非歧視、以規則為基礎的多邊貿易體系的貢獻者和受益者中國堅信貿易即互利性的貿易將是幫助我們走出當前困境、盡快實現經濟復甦的關鍵工具。
對中國來說WTO選出一位奈及利亞籍的新任伊衛拉是個好消息。因為奈及利亞仍然是非洲最大的進口國也是中國在非洲的第2大貿易夥伴。中奈雙邊貿易額超過大陸與整個非洲大陸貿易額的十分之一。</t>
  </si>
  <si>
    <t>wto中國多邊貿易貿易秘書長表示中方推動擔任當前經濟復蘇體制負責人必要改革衛拉中國商務部伊衛肺炎非洲奈及利亞右手貿易額</t>
  </si>
  <si>
    <t>功能大陸中國肺炎必要改革</t>
  </si>
  <si>
    <t>必要大陸肺炎中國改革功能</t>
  </si>
  <si>
    <t>確診數字關鍵疫情成功南韓</t>
  </si>
  <si>
    <t>新冠肺炎疫情在台灣持續延燒近日更爆發海軍集體染疫的事件而國外疫情方面南韓雖然經歷過疫情大爆發如今確診人數卻狂降到單日剩下10例左右消息傳到PTT上後讓不少網友狂讚。根據韓媒報導2月爆發超級傳播</t>
  </si>
  <si>
    <t>爆發疫情臺灣持續網友近日ptt傳到國外事件消息海軍集體剩下降到人數如今</t>
  </si>
  <si>
    <t>新冠肺炎疫情在台灣持續延燒近日更爆發海軍集體染疫的事件而國外疫情方面南韓雖然經歷過疫情大爆發如今確診人數卻狂降到單日剩下10例左右消息傳到PTT上後讓不少網友狂讚。
根據韓媒報導2月爆發超級傳播事件後疫情失控爆炸南韓時隔60多天在19日僅新增8例確診、20日到昨日更分別僅增13、9、11例。由於近期每日的確診新增人數都在10例上下這讓台灣網友看到後忍不住讚嘆「佩服南韓豬隊友爆炸後還能穩住」、「看到這個數字起雞皮疙瘩」、「壓住了真得厲害」、「日本最該參考的就是韓國的做法 可是」、「太猛了！」。
而台灣近日正好出現海軍敦睦艦隊的疫情讓部分網友紛紛擔心「唉 韓國結束了台灣正要開始」、「比台灣安全了嗎？」。</t>
  </si>
  <si>
    <t>疫情臺灣爆發網友南韓確診韓國看到海軍事件近日爆炸人數新增厲害日本真得參考雞皮疙瘩</t>
  </si>
  <si>
    <t>新冠肺炎武漢肺炎COVID-19新型冠狀病毒南韓</t>
  </si>
  <si>
    <t>肺炎武漢covid-病毒冠狀南韓</t>
  </si>
  <si>
    <t>首例確診個案聚餐</t>
  </si>
  <si>
    <t>離島澎湖縣31日再發現染疫第2例1名50多歲婦人疑似與第1例個案聚餐染疫經醫院兩次採檢都呈陽性後續仍待中央認定。縣府表示第2例女個案於24日晚上曾經與第1例聚餐衛生局隨即匡列送醫30日下午醫院進行兩次P</t>
  </si>
  <si>
    <t>聚餐醫院個案後續陽性中央發現送醫認定縣府表示隨即匡列衛生局下午婦人晚上曾經</t>
  </si>
  <si>
    <t>離島澎湖縣31日再發現染疫第2例1名50多歲婦人疑似與第1例個案聚餐染疫經醫院兩次採檢都呈陽性後續仍待中央認定。
縣府表示第2例女個案於24日晚上曾經與第1例聚餐衛生局隨即匡列送醫30日下午醫院進行兩次PCR採檢結果都是陽性31日上午緊急將檢體寄送臺北昆陽實驗室進一步化驗中。
縣府指出疫調發現22日晚間第2例與第1例同住處的友人餐敘同桌人數共有5人相關接觸者都已匡列並進行PCR採檢目前除了第1例、第2例其他3人是陰性現已強制隔離。</t>
  </si>
  <si>
    <t>縣府聚餐陽性個案醫院進行pcr發現同桌人數共有相關接觸實驗室進一步昆陽臺北寄送</t>
  </si>
  <si>
    <t>新冠肺炎台灣第2例採檢第1</t>
  </si>
  <si>
    <t>肺炎臺灣</t>
  </si>
  <si>
    <t>感染德國超過研究數字</t>
  </si>
  <si>
    <t>德國迄今新冠肺炎確診超過16萬5千例死亡僅6千8百多件和鄰近國家相較防疫抗疫成功許多。德國也自今天起鬆綁部分限制措施有條件重新開放博物館、理髮院、教堂和汽車工廠等。不過波昂大學最新研究卻警告德國</t>
  </si>
  <si>
    <t>德國大學確診最新肺炎波昂超過工廠汽車教堂死亡理髮院博物館鄰近開放重新國家條件相較措施限制防疫部分鬆綁</t>
  </si>
  <si>
    <t>德國迄今新冠肺炎確診超過16萬5千例死亡僅6千8百多件和鄰近國家相較防疫抗疫成功許多。德國也自今天起鬆綁部分限制措施有條件重新開放博物館、理髮院、教堂和汽車工廠等。不過波昂大學最新研究卻警告德國已感染新冠病毒的人數或許是帳面數字的10倍以上估計約達180萬人。
這篇報告的初步研究結果尚未經過同儕審查當然也尚未在科學期刊發表。撰文科學家強調本研究可視為一種提醒警告世人新冠病毒未經驗證帶原者的危險性因為部分感染者沒有症狀。
研究團隊分析德、荷邊境海因斯貝格一處小鎮的919名居民抽取他們的血液與
鼻腔呼吸道樣本進行新冠病毒抗體檢驗。當地正是德國新冠肺炎死亡人數最高的區域。團隊發現約5人當中有1人無症狀撰文的學者哈特曼在聲明中說研究成果可提升關於病毒如何傳播的演算模組。</t>
  </si>
  <si>
    <t>研究病毒德國部分撰文團隊症狀死亡人數警告尚未肺炎提升小鎮居民理髮院抽取教堂海因斯貝格汽車血液博物館開放</t>
  </si>
  <si>
    <t>德國新冠肺炎疫情</t>
  </si>
  <si>
    <t>疫情肺炎德國</t>
  </si>
  <si>
    <t>兒童保單升溫超前部署疫情</t>
  </si>
  <si>
    <t>新冠肺炎疫情持續升溫且已有學校因確診案例而全校停課一周壽險業者建議家長可幫孩子檢視當初投保的保單也可超前部署「醫療險、意外險及重疾或癌症險等」三種保單完整孩子的保障規劃。衛福部調查發現學齡</t>
  </si>
  <si>
    <t>孩子保單持續升溫學校規劃確診案例疫情全校保障停課完整壽險業建議家長超前衛福部投保當初</t>
  </si>
  <si>
    <t>新冠肺炎疫情持續升溫且已有學校因確診案例而全校停課一周壽險業者建議家長可幫孩子檢視當初投保的保單也可超前部署「醫療險、意外險及重疾或癌症險等」三種保單完整孩子的保障規劃。
衛福部調查發現學齡前兒童因身體事故傷害送醫者占所有事故傷害情形約139％其中以跌（墜）落占比最高；而學齡兒童身體事故傷害送醫者占比達233％其中以撞擊、夾傷占9％最多且高年級身體事故傷害比例最高；而家長們最常遇到的小孩腸病毒甚至如日前高中生確診須入院隔離與治療等皆需住院數日診治。
全球人壽表示在預算有限的情況下爸媽可優先規劃守護兒童健康的必保清單首先為「醫療險」尤其是兒童抵抗力較弱可用醫療險來轉嫁就醫、住院的相關花費兒童的最佳醫療險組合首選就是「住院日額終身醫療＋實支實付定期險」。
終身險雖然保費較高但具有固定年限繳完後便可終身保障的優點。然而因終身險保費較高在預算有限的前提下能買到的保額就會相對較低此時就可搭配保費較低廉的定期險提高保障額度充分鞏固孩子健康保障如遇住院、手術等狀況有定期險做為輔助便能替孩子規劃完整且到位的醫療保障。
其次就是「意外險」。不管是學齡前或學齡兒童對於外在環境的防禦跟保護知識不足遇到意外的機率也相對較高投保意外險能幫助爸媽減輕孩子意外發生時相關費用的負擔。
第三是「重大疾病險或癌症險」。全球人壽表示重大疾病、癌症難以預防惟有預先投保重疾險或癌症險才能讓「萬一」發生時足以負擔療程、藥物等昂貴費用年紀越小時投保保費相對較低也能夠及時支應這些重症帶來的龐大醫療開銷。
國泰人壽提醒新冠肺炎期間保戶可掌握相關理賠原則一是衛生福利部已公告「嚴重特殊傳染性肺炎」列屬法定傳染病；凡醫療險保單無除外責任都可依約理賠保戶享有完整醫療保障；因「嚴重特殊傳染性肺炎」入住「負壓隔離病房」者除給付住院日額醫療保險金比照加護病房住院予以理賠提供加值保障。</t>
  </si>
  <si>
    <t>醫療孩子意外住院兒童保障投保肺炎理賠保單相關保費規劃癌症傷害完整定期確診事故終身身體</t>
  </si>
  <si>
    <t>事故傷害兒童意外險保費較肺炎</t>
  </si>
  <si>
    <t>意外兒童保費傷害肺炎事故</t>
  </si>
  <si>
    <t>旅館異地商機辦公一家防疫</t>
  </si>
  <si>
    <t>新冠肺炎持續擴散蔓延居家檢疫人數暴增公司行號與機關團體為避免群聚感染並為維護企業員工同仁健康與工作環境的安全亦進一步提高防疫層級目前國內已有超過百家大型企業啟動「異地辦公」與「居家辦公」機制</t>
  </si>
  <si>
    <t>企業居家擴散蔓延檢疫人數超過公司行號機關團體目前層級防疫進一步提高國內持續安全避免環境感染工作維護健康同仁</t>
  </si>
  <si>
    <t>新冠肺炎持續擴散蔓延居家檢疫人數暴增公司行號與機關團體為避免群聚感染並為維護企業員工同仁健康與工作環境的安全亦進一步提高防疫層級目前國內已有超過百家大型企業啟動「異地辦公」與「居家辦公」機制全力預防辦公空間群聚感染造成營運中斷將風險降低至最低以確保公司在任何情況下都能夠持續運作。
因應企業需求臺北福華飯店、新竹喜來登飯店老爺酒店集團旗下老爺會館以及雲朗觀光集團旗下君品酒店、翰品酒店、兆品酒店與品文旅都分別利用館內客房規畫設計成「日租辦公室」或「個人獨立辦公室」供企業選擇。誠品行旅誠品行旅更集結商務辦公、交誼空間、餐飲美食、旅宿休憩、健身房等多元內容推出「城市綠洲│共用商務空間爭取企業或商務人士青睞。
eslite hotel誠品行旅即日起推出「城市綠洲│共用商務空間」方案集結商務辦公、交誼空間、餐飲美食、旅宿休憩、健身房等多元內容單月租用每日最低僅新台幣1613元起亦可依照工作需求選擇單日／單週／雙週及月租型方案自13坪的雅緻客房至21坪的行政套房可容納4至8人享有融合商務機能與人文時尚的工作空間辦公及休憩設備一應俱全。
誠品行旅客房內除有辦公桌椅外亦提供無線網路、多功能事務機、電話、白板簡報架等設備滿足各式商務及會議需求每間客房均有獨立陽台工作之餘還可自由享用Nespresso咖啡及茶飲點心免費閱讀書籍或雜誌刊物或至健身房運動。租用商務客房空間皆可享有住宿洗衣及餐飲最低7折禮遇。
雲朗觀光集團推出「客房辦公室」提供企業可租用飯店客房讓員工分組異地辦公、分散風險君品酒店臺北、翰品酒店(新莊、桃園、高雄、花蓮)、兆品酒店(嘉義、台中、礁溪)與品文旅礁溪推出以客房作為「獨立辦公室」的短租方案公司可以每日為單位租用飯店房間作為員工異地辦公的場所每日可使用10小時每房自二人起至多五人共用君品酒店每房2100元起。翰品酒店、兆品酒店、品文旅每房收費自1200元起可租用1日、5日、10日或22日不等提供水、咖啡包、茶包與WIFI無線網路、有線網路、商務中心電腦及黑白印表機、交誼廳設施外還可以使用飯店健身房與自助洗衣等設施更為企業行號提供一個人員異地防護、分散風險的備援方案。
臺北福華飯店即日起至5／31日規劃「Hotel to Office 」遠端辦公室專案將客房提供商務人士做為日間辦公、小型商談空間也可以量身打照「個人小型辦公室」。另將客房也機動調整為會議室提供公司會談的最佳場地就是要爭取商務客源。「Hotel to Office」遠端辦公室專案提供辦公需求的商務人士可於每日上午8點至下午6點使用客房做為個人小型辦公室一人使用1500元、兩人使用1800元／每房並提供紙、筆等會議用品、免費客房WIFI網路、瓶裝水4瓶、咖啡及茶包各2份並享全館餐飲優惠8折。另外滿20天即贈送臺北福華住宿券1張下次入住使用。新竹、台中及高雄福華並貼心準備「精選午餐餐盒」1份。
另外臺北福華還有三小時快閃「Office @ Howard」客房會議專案時段任選3小時每房每人只要1000元提供HDMI／WIFI、礦泉水2瓶如使用10次再送一間(可使用5小時)並同時享餐飲8折優惠。
因應上班族需要安靜不受幹擾且適合辦公的環境位於臺北市中心商業區的老爺會館臺北南西、臺北林森兩家飯店推出以客房作為「個人獨立辦公室」的短租方案公司可以10天為單位(不含週末)租用飯店房間作為員工異地辦公的場所每日可使用12小時收費1100元起。
新竹豐邑喜來登大飯店於即日起規劃「日租辦公室專案」將客房提供商務人士做為日間辦公、小型商談空間另將會議室機動調整為中餐廳包廂提供小型親友餐敘的最佳場地讓民眾便利洽公、安心用餐。有辦公需求的商務人士可於每日上午八點至下午六點租用新竹喜來登客房做為個人小型辦公室每次 2500元提供「會議事務包」內含紙、筆等會議用品、瓶裝水2瓶、咖啡2份、茶包2份並附贈「精選午餐餐盒」1份供應輕食、西式、日式或中式餐盒四選一日租辦公室使用期間不另提供整房、清潔服務亦不提供沐浴相關備品。</t>
  </si>
  <si>
    <t>客房辦公提供商務企業使用空間辦公室臺北飯店租用公司需求工作小時福華會議推出餐飲個人異地</t>
  </si>
  <si>
    <t>新冠肺炎武漢肺炎新型冠狀病毒台灣商務</t>
  </si>
  <si>
    <t>肺炎武漢冠狀臺灣病毒商務</t>
  </si>
  <si>
    <t>足跡業者政府確診公佈沒來消毒桃園</t>
  </si>
  <si>
    <t>桃園市政府17日召開防疫會議首度公佈確診者足跡其中位於桃園站前商圈的薄多義桃園店上榜轄區桃園區文化裡裡長歐陽瀚不諱言直到昨天早上接到「匿名電話」才知悉轄內有確診足跡感嘆：「裡長都是最後一個被告</t>
  </si>
  <si>
    <t>桃園足跡確診裡長感歎會議防疫昨天直到諱言歐陽瀚早上接到文化匿名電話首度裡裡公佈轄內知悉位於召開</t>
  </si>
  <si>
    <t>桃園市政府17日召開防疫會議首度公佈確診者足跡其中位於桃園站前商圈的薄多義桃園店上榜轄區桃園區文化裡裡長歐陽瀚不諱言直到昨天早上接到「匿名電話」才知悉轄內有確診足跡感嘆：「裡長都是最後一個被告知的！」他也趕緊透過社群媒體告知鄰長和裡民並請防疫消毒大隊下午來店內和附近消毒雖然已事隔1周但「只能盡量做了！」
薄多義業者則不禁怨嘆15日曾接獲桃園市衛生局通知但都說「還在檢驗中」政府沒有來消毒、也沒告知店鋪需要如何因應「有問才說！」他們只能自己先請廠商全面大消毒防範直到17日透過媒體才知悉9日有確診者足跡緊急宣佈停業一日再度大消毒。
薄多義業者不諱言從有確診足跡到真正獲悉已持續開業一周無間斷近20名員工只能做好自主健康管理所幸平時都有落實防疫規範顧客入內也要量體溫、戴口罩同仁目前都健康無虞感嘆政府可能有各種顧慮業者只能做到國民應該做的事自我保護。
對此新聞處長詹賀舜不諱言第一時間大規模清消恐造成周邊店家緊張因此多會通知業者自己先消毒環保局則會在深夜或清晨人少時到周邊消毒若業者擔憂消毒不確實也能通知市府幫忙再度消毒。
詹賀舜提到衛生局同仁在第一時間有告知店家確診情事讓店家得以因應由於衛生局同仁連夜疫調在說明上可能略有不清造成店家誤會也請業者見諒並謝謝業者有良好的防疫措施。</t>
  </si>
  <si>
    <t>消毒業者防疫確診桃園足跡只能衛生局同仁店家通知告知諱言多義可能政府因應直到感歎</t>
  </si>
  <si>
    <t>業者消毒薄多義新冠肺炎台灣</t>
  </si>
  <si>
    <t>多義肺炎消毒臺灣業者</t>
  </si>
  <si>
    <t>人數增至確診肺炎接觸</t>
  </si>
  <si>
    <t>公佈國內確診出現症狀covid-不適體質肺炎病例旅遊近期女兒日間過敏陳時中曾多次部長病房</t>
  </si>
  <si>
    <t>確診病例接觸陰性中心指揮病房住院日本韓國伊朗公佈公主國內鑽石出現體質covid-</t>
  </si>
  <si>
    <t>確診接觸者陰性新冠肺炎採檢</t>
  </si>
  <si>
    <t>陰性肺炎接觸確診</t>
  </si>
  <si>
    <t>延發攪局新光特別疫情</t>
  </si>
  <si>
    <t>疫情打擾籌資進度。新光金控10日公告其222億股乙種特別股發行計畫因受新冠肺炎疫情影響國際經濟環境前景未明牽動國內資本市場波動劇烈價格波動過大決定向金管會申請延後三個月即9月20日前再視市場狀</t>
  </si>
  <si>
    <t>市場疫情波動日前延後新光申請金管會公告乙種特別發行計畫資本國內牽動前景肺炎影響環境</t>
  </si>
  <si>
    <t>疫情打擾籌資進度。新光金控10日公告其222億股乙種特別股發行計畫因受新冠肺炎疫情影響國際經濟環境前景未明牽動國內資本市場波動劇烈價格波動過大決定向金管會申請延後三個月即9月20日前再視市場狀況發行。
另外新光金控現增42億股普通股亦完成訂價每股78元預計募集3276億元增資基本日為5月13日。10日新光金收盤價861元預期原股東及員工仍有一定的繳款意願。
新光金這次的百億元以上籌資計畫2月下旬董事會通過原本是規劃42億股普通股若面額發行加上222億股特別股以每股40～60元以上發行最少能募到130億元若資本市場仍穩健在牛市則可望募到175～180億元就有更多資金可用來增資子公司新光人壽與新光銀行。
但3月新冠肺炎疫情加劇且影響全球造成資本市場大波動新光金發言人徐順鋆表示國外特別股價格亦受影響大多下跌國內資本市場價格亦波動大此時不是特別股訂價的好時機原訂6月20日前要發行完成的乙種特別股決定再申請延長三個月。即新光金爭取有更大空間等疫情控制住後再進行特別股訂價及募資。
同時近期不少大企業、金控亦啟動籌資計畫新光金表示投資人可選擇的投資標的近期也比較多不利訂價因此決定延長特別股的募集期間。即可能再尋找更佳的訂價時間再決定特別股的發行時間。
為了要接軌魔王會計IFRS17及強化資本因應資本市場的波動壽險金控近二、三年都有增資壽險子公司的動作如去年國泰金控亦有現增212億元分別增資國泰人壽與國泰世華銀各100億元。
新光金這次亦是規劃要募資130億元以上100億元給新光人壽30億元給新光銀行。5月先現金增資3276億元挹注新壽強化資本結構。</t>
  </si>
  <si>
    <t>新光特別資本增資發行市場訂價疫情波動以上影響籌資價格決定金控亦近期日前子公司</t>
  </si>
  <si>
    <t>延長發行訂價資本特別股</t>
  </si>
  <si>
    <t>訂價延長資本特別發行</t>
  </si>
  <si>
    <t>啟動天內精密完成京鼎</t>
  </si>
  <si>
    <t>目前有6名外籍移工確診的京鼎精密公司9日也對全棟大樓人員進行快篩包括了京鼎本身的430名員工以及同棟大樓承租廠房的廠商有2家鴻躍及葉成另有180名員工共快篩610人將在1天內完成。京鼎精密科技公司隸屬</t>
  </si>
  <si>
    <t>京鼎大樓員工精密公司確診廠商完成天內廠房全棟承租人員進行包括葉成外籍科技</t>
  </si>
  <si>
    <t>目前有6名外籍移工確診的京鼎精密公司9日也對全棟大樓人員進行快篩包括了京鼎本身的430名員工以及同棟大樓承租廠房的廠商有2家鴻躍及葉成另有180名員工共快篩610人將在1天內完成。
京鼎精密科技公司隸屬於鴻海集團旗下6日先有1名外籍移工身體不適就醫確診後另有5名外籍移工因擔心群聚感染但又因苗栗沒有開放外籍移工快篩站因而結伴前往新竹科學園區接受快篩陽性後再經PCR檢測確診。
京鼎精密科技財務長陳鎮福接受媒體採訪時表示公司獲報後從7日就開始停工至9日已停工3天影響營收約在2至3％左右但訂單並沒掉將在復工後全力趕回來。
陳鎮福說公司獲悉外籍員工確診後就規畫替全體員工進行快篩9日上午開始共快篩610人將在1天內全部完成。公司部分外籍員工在先前就被匡列篩檢9日是公司自行採檢針對本身員工430人施檢。而公司的外籍員工與京元電的外籍員工並非同1個仲介公司但因都在同1個生活圈內難免會有交叉重疊的情況。</t>
  </si>
  <si>
    <t>公司員工外籍確診精密接受京鼎大樓進行科技開始完成天內難免會訂單</t>
  </si>
  <si>
    <t>京鼎快篩新冠肺炎台灣苗栗</t>
  </si>
  <si>
    <t>肺炎臺灣京鼎苗栗</t>
  </si>
  <si>
    <t>墨比爾斯疫情進入牛市</t>
  </si>
  <si>
    <t>市場擔心爆發第二波新冠肺炎疫情近日股市出現一波修正但「新興市場教父」墨比爾斯（Mark Mobius）仍對全球股市抱持樂觀態度認為現在處於新牛市中。外媒報導投資機構Mobius Capital Partners創辦人墨比爾斯表</t>
  </si>
  <si>
    <t>mobius墨比爾斯市場partnerscapital機構投資報導樂觀處於牛市現在認為態度肺炎股市全球股市近日出現修正mark</t>
  </si>
  <si>
    <t>市場擔心爆發第二波新冠肺炎疫情近日股市出現一波修正但「新興市場教父」墨比爾斯（Mark Mobius）仍對全球股市抱持樂觀態度認為現在處於新牛市中。
外媒報導投資機構Mobius Capital Partners創辦人墨比爾斯表示每當從糟糕的熊市復甦市場就會出現疑慮人們擔心可能爆發第二波疫情但他仍看好市場會繼續上漲。他說市場已經從底部上漲了20%這是很大的進展。
墨比爾斯認為新興市場表現將會更好其中印度和中國大陸是他的首選。印度今年經濟受到新冠肺炎疫情重創許多企業因此破產或獲利下滑但他預計印度經濟很快就會看到復甦他將在印度繼續尋找投資機會增加投資比重。
墨比爾斯也補充印度股市已從底部攀升22%有趣的是儘管面對種種對美國市場不利的消息新興市場仍表現更好。</t>
  </si>
  <si>
    <t>市場印度墨比爾斯投資疫情mobius認為股市經濟繼續出現底部復蘇肺炎爆發表現擔心報導</t>
  </si>
  <si>
    <t>墨比爾斯牛市第二波新冠肺炎疫情</t>
  </si>
  <si>
    <t>肺炎牛市墨比爾斯疫情</t>
  </si>
  <si>
    <t>絕地比基尼求生天長送到雲林</t>
  </si>
  <si>
    <t>全國三級警戒持續到7月12日許多商家苦苦掙紮尋求各種生存之道。雲林一間連鎖甘草芭樂攤與農民契作芭樂2、3天進貨1000斤帝王芭樂不忍眼睜睜看著芭樂放爛業者特別請來生計同樣受疫情影響的逆天長腿模特兒</t>
  </si>
  <si>
    <t>全國 三級 警戒 持續 到 7 月 12 日 許多 商家 苦苦 掙扎 尋求 各種 生存之道 雲林 一 間 連鎖 甘草 芭 樂 攤 與 農民 契 作 芭 樂 23 天 進貨 1000 斤 帝王 芭 樂 不忍 眼睜睜 看 著 芭 樂 放 爛 業者 特別 請來 生計 同樣 受 疫情 影響 的 逆 天長 腿 模特 兒</t>
  </si>
  <si>
    <t>影響商家疫情苦苦掙扎同樣尋求生計生存之道請來雲林天長特別甘草連鎖業者不忍持續</t>
  </si>
  <si>
    <t>全國三級警戒持續到7月12日許多商家苦苦掙紮尋求各種生存之道。雲林一間連鎖甘草芭樂攤與農民契作芭樂2、3天進貨1000斤帝王芭樂不忍眼睜睜看著芭樂放爛業者特別請來生計同樣受疫情影響的逆天長腿模特兒穿著比基尼、高跟鞋在路邊促銷芭樂希望能刺激買氣。
雲林「翻滾鴉特殊甘草芭樂」是連鎖甘草芭樂店原經營店面受疫情影響改到各夜市擺攤不料全國警戒升至三級連夜市也不能開生意大受影響。該店採用與農民契作方式約2、3天進貨1000斤業者表示現在已經不是損失多少的問題而是深怕芭樂一直放著會爛掉。
於是業者決定聘請逆天長腿美模「妖妖」來擔任「芭樂女郎」不但在鬥六市北祥街翻滾鴉本部當街促銷滿200可合照、來電預約免下車、滿500以上「妖妖」更親送到府（限鬥六市區19：30-20：30）。
穿著紅色比基尼、高跟鞋的「芭樂女郎」當街促銷果然吸引不少顧客到場欣賞、採購。業者表示夜市停擺後與外送平臺合作仍消耗不了大量芭樂除了請來「芭樂女郎」促銷售價更直接下殺4折批發價一斤110元的帝王芭樂下殺一斤50元甩賣。</t>
  </si>
  <si>
    <t>全國 三級 警戒 持續 到 7 月 12 日 許多 商家 苦苦 掙扎 尋求 各種 生存之道 雲林 一 間 連鎖 甘草 芭 樂 攤 與 農民 契 作 芭 樂 23 天 進貨 1000 斤 帝王 芭 樂 不忍 眼睜睜 看 著 芭 樂 放 爛 業者 特別 請來 生計 同樣 受 疫情 影響 的 逆 天長 腿 模特 兒 穿 著 比基尼 高跟鞋 在 路邊 促銷 芭 樂 希望 能 刺激 買氣 雲林 翻 滾鴉 特殊 甘草 芭 樂 是 連鎖 甘草 芭 樂 店 原 經營 店面 受 疫情 影響 改到 各 夜市 擺攤 不料 全國 警戒 升至 三級 連夜 市 也 不能 開 生意 大 受 影響 該店 採用 與 農民 契 作 方式 約 23 天 進貨 1000 斤 業者 表示 現在 已經 不是 損失 多少 的 問題 而是 深怕 芭 樂 一直 放 著 會 爛 掉 於是 業者 決定 聘請 逆 天長 腿 美 模 妖妖 來 擔任 芭 樂 女郎 不但 在 鬥六 市北 祥 街 翻 滾鴉 本部 當 街 促銷 滿 200 可 合 照 來電 預約 免 下車 滿 500 以上 妖妖 更 親 送到 府 限 鬥六 市區 19 3020 30 穿 著 紅色 比基尼 高跟鞋 的 芭 樂 女郎 當 街 促銷 果然 吸引 不少 顧客 到場 欣賞 採購 業者 表示 夜市 停 擺 後 與 外 送 平臺 合作 仍 消耗 不了 大量 芭 樂 除了 請來 芭 樂 女郎 促銷 售價 更 直接 下 殺 4 折 批發價 一 斤 110 元 的 帝王 芭 樂 下 殺 一 斤 50 元 甩賣</t>
  </si>
  <si>
    <t>業者促銷影響夜市女郎妖妖鬥六表示雲林甘草警戒疫情天長滾鴉請來全國進貨農民</t>
  </si>
  <si>
    <t>新冠肺炎台灣雲林新型冠狀病毒芭樂</t>
  </si>
  <si>
    <t>雲林臺灣冠狀肺炎病毒</t>
  </si>
  <si>
    <t>情婦傳染病規定學家隔離辭職違反</t>
  </si>
  <si>
    <t>在英國政府擔任科學顧問的傳染病學家弗格森(Neil Ferguson)在被確診感染新冠病毒後違反社交隔離規定在家中會見一名與自已有不倫關係的已婚情婦。此事遭英媒爆料曝光後弗格森被輿論冠以「傲慢的偽君子」封號</t>
  </si>
  <si>
    <t>弗格森傳染病學家輿論neilferguson確診曝光關係已婚情婦會見感染家中英媒病毒規定隔離違反社交</t>
  </si>
  <si>
    <t>弗格森隔離表示英國規定社交顧問情婦防疫違反英國政府封鎖傳染病措施死亡做法丈夫預測史塔一直建議科學</t>
  </si>
  <si>
    <t>新冠肺炎武漢肺炎新型冠狀病毒COVID-19英國</t>
  </si>
  <si>
    <t>肺炎武漢冠狀病毒covid-英國</t>
  </si>
  <si>
    <t>《國際產業》蘋果：新冠肺炎攪局Q1營收難達標</t>
  </si>
  <si>
    <t>攪局肺炎蘋果產業國際達標</t>
  </si>
  <si>
    <t>蘋果公司週一宣佈因新冠肺炎疫情導致iPhone手機生產放緩並削弱在中國的需求蘋果將無法達成本季營收目標。蘋果發布聲明表示在中國的製造設施已經開始復工但恢復的速度不如原先預期。由於這些生產據點尚未全</t>
  </si>
  <si>
    <t>生產中國蘋果肺炎疫情預期導致原先iphone不如恢復速度手機復工開始已經放緩設施製造削弱目標季營表示聲明無法</t>
  </si>
  <si>
    <t>蘋果公司週一宣佈因新冠肺炎疫情導致iPhone手機生產放緩並削弱在中國的需求蘋果將無法達成本季營收目標。
蘋果發布聲明表示在中國的製造設施已經開始復工但恢復的速度不如原先預期。由於這些生產據點尚未全面開工蘋果iPhone手機的全球供應將受限。iPhone供應短缺將暫時影響公司的全球營收。
蘋果今年1月預測第二財季（1~3月）營收將介於630億～670億美元優於分析師預測均值624億美元。
蘋果並表示因爆發新冠肺炎疫情而祭出的商店營業限制已影響公司在中國的銷售大部分零售店不是暫時歇業就是縮短營業時間。「我們的零售店正逐漸恢復營業將在盡可能穩定、安全的情況下繼續進行。」蘋果表示將在下次於4月召開業績電話會議上提供更多相關資訊。
分析師之前估算新冠肺炎疫情可能導致中國今年首季的智慧手機需求腰斬。
券商Wedbush分析師Daniel Ives在給投資人的報告中指出到了2月中旬新冠肺炎疫情對iPhone手機和蘋果業績的影響程度顯然比預期更糟。週二在美國從華盛頓總統誕辰紀念日的週末長假恢復交易後蘋果的股價料將面臨反射性反應。但Ives也在報告中指出對蘋果能從疫情衝擊中復原仍然感到樂觀長期而言仍看好蘋果。</t>
  </si>
  <si>
    <t>蘋果中國恢復疫情手機影響分析表示iphone肺炎預期營業業績生產需求暫時今年公司零售店ives報告指出預測</t>
  </si>
  <si>
    <t>蘋果營收財測新冠肺炎疫情</t>
  </si>
  <si>
    <t>肺炎疫情蘋果</t>
  </si>
  <si>
    <t>花女回家檢疫監控居家</t>
  </si>
  <si>
    <t>台南市發生居家檢疫失聯事件21歲的花姓女子2月4日透過小三通回到台灣居家隔離到19日期滿她卻在17日突然失聯讓防疫人員遍尋不著台南市民政局昨日傍晚公佈姓名盼全民協尋並轉介警方協助找人。警方循線追查</t>
  </si>
  <si>
    <t>居家警方並轉全民公佈傍晚姓名昨日政局市民台南協助人員防疫隔離回到臺灣透過三通</t>
  </si>
  <si>
    <t>台南市發生居家檢疫失聯事件21歲的花姓女子2月4日透過小三通回到台灣居家隔離到19日期滿她卻在17日突然失聯讓防疫人員遍尋不著台南市民政局昨日傍晚公佈姓名盼全民協尋並轉介警方協助找人。
警方循線追查發現花女在16日下午從住處搭計程車前往台南火車站當晚搭車北上還用新手機拍下車票傳上網警方判斷她最後落腳新竹17日晚間6時許輾轉聯絡上花女花女還2次謊報落腳處讓警方撲空第3次才乖乖到當地派出所等候帶回。
新竹警方通報消防隊前來協助將花女轉送醫院進行採驗南市人員驅車北上在11時左右到達院方原本準備將花女送往隔離病房經評估後因無異狀各項指數均正常在18日淩晨由南市人員帶回住處。
面對防疫人員詢問花女對離家過程及去處一一交代對於惹出這麼大的風波情緒並沒有太大起伏在回程車上因為太過疲累一路睡回台南若接下來的2天沒有狀況她將可以解除居家防疫但趴趴走無視禁令得面臨重罰。</t>
  </si>
  <si>
    <t>花女警方人員台南居家防疫南市北上沒有新竹住處協助對於交代公佈一一</t>
  </si>
  <si>
    <t>感染指揮中心突破性境外實況</t>
  </si>
  <si>
    <t>中央流行疫情指揮中心每週五會公佈境外移入個案基因定序結果據指出本周共定序出2例包括16239、16242例2例均為DELTA變異株分別來自菲律賓及宏都拉斯其中16242例分別在4月及6月接種過2劑AZ疫苗符合突破性</t>
  </si>
  <si>
    <t>分別中心每週五接種公佈境外指出個案基因結果指揮az宏都拉斯delta菲律賓變異來自定序疫情疫苗包括</t>
  </si>
  <si>
    <t>中央流行疫情指揮中心每週五會公佈境外移入個案基因定序結果據指出本周共定序出2例包括16239、16242例2例均為DELTA變異株分別來自菲律賓及宏都拉斯其中16242例分別在4月及6月接種過2劑AZ疫苗符合突破性感染。
中央流行疫情指揮中心醫療應變組副組長羅一鈞說目前國內有151例DELTA確診包括43例本土、108例境外移入其中境外移入又是突破性感染有76例占7月至9月境外移入359人確診個案中達21％。
羅一鈞提及今天境外移入的7位中有3位接種過疫苗但均未達14天因此未符合突破性感染定義。</t>
  </si>
  <si>
    <t>境外感染突破性接種個案確診疫苗中心delta符合指揮分別疫情包括流行指出結果組長應變醫療羅一鈞</t>
  </si>
  <si>
    <t>境外移入突破性感染新冠肺炎台灣指揮中心</t>
  </si>
  <si>
    <t>感染肺炎突破性臺灣指揮中心境外</t>
  </si>
  <si>
    <t>超夯關懷聯名檢疫口味居家防疫開箱神物</t>
  </si>
  <si>
    <t>因新冠肺炎影響全球不少國家民眾入境台灣或民眾回台都需要居家隔離14天各縣市政府也會提供居家隔離包讓民眾可以安心在家吃東西及消磨時間網紅阿侖因從韓國回台也收到了桃園市給的隔離包當中竟然還有超夯的</t>
  </si>
  <si>
    <t>隔離民眾回台居家全球竟然當中影響消磨東西時間在家安心國家阿侖因可以韓國桃園需要收到入境</t>
  </si>
  <si>
    <t>因新冠肺炎影響全球不少國家民眾入境台灣或民眾回台都需要居家隔離14天各縣市政府也會提供居家隔離包讓民眾可以安心在家吃東西及消磨時間網紅阿侖因從韓國回台也收到了桃園市給的隔離包當中竟然還有超夯的聯名口味零食與14天份的醫療口罩。
阿侖因從韓國回台需要居家隔離14天他也在隔離期間收到裡幹事送來的居家隔離包滿滿14天份的大型包裝也讓他相當驚訝他一一開箱當中內容物除了有一般的糖果餅乾小泡芙外也有7包沖泡式燕麥還有聯名的新口味麻辣鍋零食讓網友大呼新奇。
除了食物外裡面還有14顆氯錠讓民眾可以自製消毒水另外也有泡麵及飲料讓民眾不至於缺乏糧食再加上14天份的醫療口罩網友看完也紛紛表示「各縣市的關懷包都不同好驚奇」、「不用排隊就有14個口罩超棒」、「應該要附上居家減肥手冊14天吃下來會胖吧」。</t>
  </si>
  <si>
    <t>民眾居家隔離口罩天份回台網友還有當中阿侖因可以醫療韓國零食聯名口味收到需要全球</t>
  </si>
  <si>
    <t>居家關懷包居家隔離武漢肺炎新冠肺炎14天</t>
  </si>
  <si>
    <t>隔離武漢肺炎居家關懷</t>
  </si>
  <si>
    <t>專輯粉絲巡演度過洪榮宏疫情</t>
  </si>
  <si>
    <t>金曲台語歌王洪榮宏將推出全新專輯《腳步慢慢》有感於新冠肺炎疫情肆虐洪榮宏反思在這個鞠躬盡瘁的社會裡面大家腳步太匆忙也沒有想得太遠所以在這個時間點上剛好是一個可以靜下來沉思的時刻而新專輯</t>
  </si>
  <si>
    <t>腳步洪榮宏專輯可以時間剛好推出靜下來慢慢裡面肺炎有感於疫情肆虐社會反思鞠躬盡瘁沉思沒有匆忙歌王</t>
  </si>
  <si>
    <t>金曲台語歌王洪榮宏將推出全新專輯《腳步慢慢》有感於新冠肺炎疫情肆虐洪榮宏反思在這個鞠躬盡瘁的社會裡面大家腳步太匆忙也沒有想得太遠所以在這個時間點上剛好是一個可以靜下來沉思的時刻而新專輯就是反映他現在的內心狀態。
洪榮宏提及了一段他很喜歡的話：「凡事都有定時進有時停有時休息也有時。」他認為每件事情都有時機不論是前進或是停下來休息就像每年固定會回饋歌迷的全台巡迴演唱會今年因為疫情也決定暫緩再加上發片前身體有點小狀況更讓他體會到現在應是慢下腳步、沉靜下來的時刻。
洪榮宏也希望台灣人可以穩住自己的步調更加關心身邊的人以及自身的健康。綜觀全世界的疫情洪榮宏也轉變人生觀減少了許多外在追求慢下平常生活緊湊的步調更加專注在製作音樂上。而他這次發片洪榮宏除了是歌手外也身兼製作人一職不論在挑歌、後製、MV拍攝甚至專輯造型上他都親力親為只為呈現最好的作品給一路上疼愛他的歌迷朋友。</t>
  </si>
  <si>
    <t>腳步洪榮宏專輯疫情慢下製作發片現在下來可以歌迷更加步調休息時刻作品最好</t>
  </si>
  <si>
    <t>洪榮宏腳步慢慢新專輯新冠肺炎</t>
  </si>
  <si>
    <t>專輯慢慢洪榮宏腳步肺炎</t>
  </si>
  <si>
    <t>複航鑽石公主</t>
  </si>
  <si>
    <t>「鑽石公主」號郵輪因爆發新冠肺炎群聚感染疫情確診人數已逼近700如今出現第4名死者。據NHK報導這名新冠肺炎患者高齡80送醫治療後不治。至今「鑽石公主」號上的3711名乘客和工作人員中已有691人確診。而據</t>
  </si>
  <si>
    <t>肺炎公主確診鑽石工作人員乘客至今不治逼近如今治療人數送醫出現死者高齡nhk患者疫情報導感染爆發</t>
  </si>
  <si>
    <t>「鑽石公主」號郵輪因爆發新冠肺炎群聚感染疫情確診人數已逼近700如今出現第4名死者。據NHK報導這名新冠肺炎患者高齡80送醫治療後不治。
至今「鑽石公主」號上的3711名乘客和工作人員中已有691人確診。
而據CNN新聞網24日報導經營「鑽石公主」號的公主郵輪說經過徹底消毒後這艘郵輪將從4月29日起復航。
「鑽石公主」因為陸續出現新冠肺炎確診病例在日本橫濱港停泊了兩星期進行隔離檢疫。從19日開始讓高齡慢性病患和艙房內沒有窗戶的乘客優先下船直到21日。原本船上有2666名乘客和1045名工作人員如今許多乘客都已撤離。據公主郵輪說等船上所有的人都下船後郵輪將按照疾病管制與預防中心（CDC）還有世界衛生組織（WHO）的指導方針進乾船塢進行徹底消毒。
而「鑽石公主」號復航的4月29日當天也是日本黃金週連假的第一天。</t>
  </si>
  <si>
    <t>公主鑽石郵輪乘客確診肺炎進行高齡日本船上如今報導出現複航工作人員徹底消毒世界衛生組織還有whocdc</t>
  </si>
  <si>
    <t>武漢肺炎新型冠狀病毒全球鑽石公主號黃金週</t>
  </si>
  <si>
    <t>病毒全球冠狀鑽石肺炎公主黃金周武漢</t>
  </si>
  <si>
    <t>震盪全球富豪肺炎損失</t>
  </si>
  <si>
    <t>新冠肺炎導致全球金融市場急劇下滑導致全球500大富豪2在一天之內總共損失了1390億。比如亞馬遜集團總裁貝佐斯(Jeff Bezos)一天就蒸發了超過48億美元。俄國衛星網報導新冠肺炎在中國大陸以外的新病例不斷激增</t>
  </si>
  <si>
    <t>肺炎全球導致以外總裁集團損失貝佐斯亞馬遜比如jeff富豪bezos總共蒸發超過之內俄國報導衛星大陸中國病例下滑急劇</t>
  </si>
  <si>
    <t>新冠肺炎導致全球金融市場急劇下滑導致全球500大富豪2在一天之內總共損失了1390億。比如亞馬遜集團總裁貝佐斯(Jeff Bezos)一天就蒸發了超過48億美元。
俄國衛星網報導新冠肺炎在中國大陸以外的新病例不斷激增引發了投資人對全球經濟衰退的擔憂。標準普爾500指數和道瓊工業指數在週一出現了兩年多來最大跌幅道瓊跌幅35％、納斯達克下跌37％歐洲米蘭股市也下跌6％。
投資場上的混亂當然導致世界富豪2的財富大為縮水。全球首富、亞馬遜總裁傑夫·貝佐斯（Jeff Bezos）就在一天內損失了超過48億美元。法國大亨伯納德·阿諾特（Bernard Arnault）也就是是精品名牌酩悅·軒尼詩－路易·威登集團LVMH的董事長他虧損了48億美元。西班牙服飾巨頭歐蒂嘉(Amancio Ortega)他的Inditex時裝虧損40億美元其他國際前十名富豪們財富也都至少縮水23億美元。
科技火車頭蘋果集團(APPLE)警告新冠肺炎已經打擊國際供應鏈導致產品短缺、市場不振消費性電子產品可能在今年出現衰退。
世衛組織說現在還不到「大流行」的程度但是他們也警告國際社會必須為最壞的情況做好準備以防止情況惡化。
世衛表示目前新冠肺炎出現在大約30個國家、確診1200多例除中國大陸以外以韓國和義大利受到的影響最大。該病在防疫工作上較棘手的原因在於它在不同感染者的症狀差異很大有些人是無症狀感染者有些人發病症狀不明顯但是也有一些人症候嚴重而且惡化很快。</t>
  </si>
  <si>
    <t>全球導致出現國際集團肺炎富豪虧損警告症狀損失惡化縮水以外超過財富感染者亞馬遜大陸中國</t>
  </si>
  <si>
    <t>新冠肺炎導致損失48出現</t>
  </si>
  <si>
    <t>損失導致肺炎出現</t>
  </si>
  <si>
    <t>裡裡景山補選選委會卓蘭鄉長全面防疫南莊</t>
  </si>
  <si>
    <t>南莊鄉長與卓蘭鎮景山裡裡長補選將於21日上午8時至下午4時舉行投票。苗栗縣選舉委員會為有效防止疫情將依中選會規定於投票所外開設簡易檢疫站並籲請選民配合相關防疫措施。選委會指出民眾應依照中央選舉委員</t>
  </si>
  <si>
    <t>投票指出選委會措施裡裡防疫相關配合補選選民民眾籲請檢疫站簡易上午開設時至景山舉行下午規定苗栗縣選舉疫情防止</t>
  </si>
  <si>
    <t>南莊鄉長與卓蘭鎮景山裡裡長補選將於21日上午8時至下午4時舉行投票。苗栗縣選舉委員會為有效防止疫情將依中選會規定於投票所外開設簡易檢疫站並籲請選民配合相關防疫措施。
選委會指出民眾應依照中央選舉委員會規範投票時應注意呼吸道衛生、咳嗽禮節有發燒、咳嗽、呼吸道症狀者應配戴口罩並與他人保持1公尺以上的距離若有身體不適應儘速就醫後在家休息居家隔離者、居家檢疫者請依傳染病防治法規定辦理不得進入投票所投票及參觀開票。
21日南莊鄉長與卓蘭鎮景山裡裡長補選投票當天選委會將於投票所外開設簡易檢疫站選民配合體溫測量、乾洗手液等進行初步防疫選委會現場並提供適量口罩提供投開票所工作人員及發燒、孕婦、有呼吸道症狀選舉人使用。
選委會提醒觀看開票程式的民眾請配戴口罩進入前也需先量測體溫有發燒症狀不得進入籲請投票民眾配合。</t>
  </si>
  <si>
    <t>投票選委會口罩進入民眾症狀發燒呼吸道配合防疫開票配戴規定籲請不得選民裡裡補選景山開設提供</t>
  </si>
  <si>
    <t>選委會投票口罩症狀發燒</t>
  </si>
  <si>
    <t>選委會發燒口罩投票症狀</t>
  </si>
  <si>
    <t>總統確診肺炎巴西</t>
  </si>
  <si>
    <t>美國病毒人數肺炎新增病例連續使用再次全球突破川普總統超過中國約翰霍普金斯大學資料累計確診死亡統計當天</t>
  </si>
  <si>
    <t>美國疫情確診肺炎總統接受川普病毒巴西波索納洛澳洲墨爾本首府維多利亞省人數嚴重病例超過</t>
  </si>
  <si>
    <t>中國美國肺炎病毒墨爾本</t>
  </si>
  <si>
    <t>病毒肺炎墨爾本中國美國</t>
  </si>
  <si>
    <t>受惠大陸智慧型手機去美化效應宏捷科（8086）2月營收達272億元再度刷新紀錄、創49個月新高不但月增082％年增率亦高達19倍累計前二月營收達541億元年增率亦達16176％雙雙出現倍數成長。法人預估</t>
  </si>
  <si>
    <t>年增率手機美化效應出現再度新高刷新紀錄累計倍數智慧二月成長大陸法人受惠</t>
  </si>
  <si>
    <t>受惠大陸智慧型手機去美化效應宏捷科（8086）2月營收達272億元再度刷新紀錄、創49個月新高不但月增082％年增率亦高達19倍累計前二月營收達541億元年增率亦達16176％雙雙出現倍數成長。法人預估宏捷科一季比一季佳營運倒吃甘蔗。
大陸新冠肺炎疫情打亂大陸智慧型手機供應鏈但WiFi 6及VCSEL等新應用需求強勁宏捷科2月營收未受到工作天數減少的影響持續走高2月合併營收達271億元月增074％年成長19058％再創105年1月以後單月新高累計前二月合併營收為541億元年增16176％。
法人表示宏捷科產能處於滿載預估首季營運可望優於去年第四季目前月產能達10000片第二季起產能將逐步走高亦有望優於第一季在WiFi 6及VCSEL（面射型雷射）等新應用需求強勁下宏捷科營運持續看俏。
宏捷科在新冠肺炎疫情延燒、中國地區手機銷售情況不佳的雙重利空夾擊下因受惠大陸智慧型手機品牌廠持續去美化以及大陸加速5G基礎建設帶動WiFi 6滲透率提升2月營收仍見明顯成長由於三大產品客戶訂單穩定成長宏捷科對未來營運仍然抱持審慎樂觀的看法。
據悉宏捷科PA（功率放大器）、WiFi及VCSEL三大產品客戶訂單穩定尤其是WiFi 6及VCSEL的訂單相當強勁其中VCSEL的營收占比已達10～15％WiFi 6產品比重也逐步攀升中。
宏捷科現有產能仍處滿載目前產能1萬片公司力求新廠量產前能將舊廠產能拉高藉汰換舊機台、改為較有效率的新機台挪出空間、直接進新機台等方式進行預期在5月或6月有望提升至12萬片。
宏捷科擴增廠房持續按照進度進行中目前已在進行無塵室的建置預計第二季末完成後陸續進駐設備第三季開始試產第四季進入量產未來將視客戶需求以月產能5000片為單位進行擴產。</t>
  </si>
  <si>
    <t>wifi持續vcsel大陸進行營運手機目前機台需求成長客戶產品</t>
  </si>
  <si>
    <t>新應用成長法人宏捷科強勁</t>
  </si>
  <si>
    <t>法人成長應用強勁</t>
  </si>
  <si>
    <t>管制邊境柯文哲國內戶外運動鬆綁</t>
  </si>
  <si>
    <t>臺北市長柯文哲曾主張打2劑疫苗可以不用戴口罩中央宣佈明天起戶外運動可不戴口罩但目前第2劑覆蓋率還很低恐怕成為破口。柯18日表示台灣境內沒有什麼感染狀況只要邊境管制好其實是不必管那麼嚴但要逐步微</t>
  </si>
  <si>
    <t>口罩不必主張其實管制邊境狀況疫苗感染沒有境內可以臺灣表示成為恐怕中央宣佈</t>
  </si>
  <si>
    <t>臺北市長柯文哲曾主張打2劑疫苗可以不用戴口罩中央宣佈明天起戶外運動可不戴口罩但目前第2劑覆蓋率還很低恐怕成為破口。柯18日表示台灣境內沒有什麼感染狀況只要邊境管制好其實是不必管那麼嚴但要逐步微解封不要突然降太多。
柯文哲過去曾主張打完2劑就可以不用戴口罩而中央宣佈在戶外運動可不戴口罩但目前疫苗第2劑覆蓋率還很低外界認為鬆綁後恐造成疫情破口。
柯文哲主持防疫記者會時回應從實際數字來看全台灣將近2周沒有不明感染源案例有確診案例都是境外移入在防疫旅館被攔下來用數字來做政策決定只要邊境管制好國內可更鬆綁但前題是要做好不要出現「3＋11破口」。
他表示既然台灣境內沒有什麼感染狀況其實是不必管那麼嚴但主張參考其他國家經驗逐步微解封不要突然降太多否則可能造成疫情反撲。
此外衛福部長陳時中透漏最快11月有望降到1級柯文哲說台灣降級從過去幾個月當中很清楚日本4次宣佈緊急事態宣言每次病例太多就提高警戒一陣子經濟受不了就放開一放開就反撲。
柯文哲認為過去幾個月臺灣降級是連續性微解封政策是對的表面上叫二級但室外運動或室內拍照都不用戴口罩代表二級也不是二級過去幾個月都相當成功就維持這樣政策連續性微解封也比較好控制。
至於下月可能開放疫苗混打柯文哲說開放混打疫苗要講清楚你讓老百姓預期要開放混打一開始讓民眾在不同疫苗當中有不同喜好若要開放想打AZ的民眾百分比就會下降要買什麼疫苗中央政策想好就好。</t>
  </si>
  <si>
    <t>疫苗柯文哲臺灣政策過去開放解封主張口罩感染數字不要沒有防疫中央宣佈鬆綁認為</t>
  </si>
  <si>
    <t>新冠肺炎台灣柯文哲台灣微解封</t>
  </si>
  <si>
    <t>柯文哲臺灣肺炎解封</t>
  </si>
  <si>
    <t>振興異地使用</t>
  </si>
  <si>
    <t>政院即將推出振興抵用券但行政院長蘇貞昌日前表示不要限制異地消費比較好經濟部長沈榮津今天又說只要民眾住宿就會發放外界愈聽愈花不知道是否要異地消費。行政院發言人Kolas Yotaka表示主要是抵用券有</t>
  </si>
  <si>
    <t>表示異地消費推出振興住宿民眾今天行政院長知道沈榮津是否蘇貞昌經濟部長比較日前yotaka不要發言人kolas</t>
  </si>
  <si>
    <t>政院即將推出振興抵用券但行政院長蘇貞昌日前表示不要限制異地消費比較好經濟部長沈榮津今天又說只要民眾住宿就會發放外界愈聽愈花不知道是否要異地消費。行政院發言人Kolas Yotaka表示主要是抵用券有不同設計不是每種抵用券都要異地使用。
政院推出紓困振興上限600億的方案但民眾最關心的就是切身使用的振興抵用券。但對於目前政府官員的說明外界還是難以理解是不是要透過國民旅遊住宿才能獲得抵用券。Kolas下午釋疑強調抵用券確定是結合國民旅遊但因抵用券的使用有不同的設計且涉及不同產業所以有不同的抵用方式。
她表示不是每一種抵用券都一定要異地使用。因為這次產業別比較多所以抵用券的使用也比較多元不是只有一種使用方法。</t>
  </si>
  <si>
    <t>使用異地振興表示比較住宿外界民眾消費kolas國民旅遊推出產業不同說明設計知道難以</t>
  </si>
  <si>
    <t>新冠肺炎CONID-19武漢肺炎新型冠狀病毒振興抵用券</t>
  </si>
  <si>
    <t>肺炎武漢病毒冠狀conid-振興</t>
  </si>
  <si>
    <t>肺炎爆發時程張圖海軍</t>
  </si>
  <si>
    <t>敦睦艦隊爆發新冠肺炎群聚感染目前累計24人確診海軍緊急召回7百多人為何放人下船趴趴走、是否隱匿病情明明已知疫情蔓延為何還要出航？引法諸多猜疑隨著事件發展相關時程也一一曝光。敦睦艦隊官兵爆發</t>
  </si>
  <si>
    <t>艦隊敦睦病情累計明明目前感染爆發肺炎疫情曝光一一蔓延還要出航時程相關猜疑發展事件</t>
  </si>
  <si>
    <t>敦睦艦隊爆發新冠肺炎群聚感染目前累計24人確診海軍緊急召回7百多人為何放人下船趴趴走、是否隱匿病情明明已知疫情蔓延為何還要出航？引法諸多猜疑隨著事件發展相關時程也一一曝光。
敦睦艦隊官兵爆發群聚感染軍方多次強調無隱匿疫情不過國防部軍政副部長張哲平接受質詢時竟表示航行過程中確有5人發燒。
先前軍方稱離開帛琉後在海上航行約30天4月9日停靠左營港進行6天隔離15日才解除管制開放人員離艦但昨又改口說14日完成檢疫後非輪值人員已先行休假下船17日因疫情需要才緊急召回所有官兵。
另外也傳出航行過程中已有人員出現不適症狀據國防部消息指出目前已知有70人、就診71次其中5人有發燒症狀。20日深夜國防部再次聲明澄清已確認就診人數148人、226人次有上呼吸道症狀、頭痛、腸胃不適等就診紀錄。
疫情中心也公佈5位發燒官兵採檢結果其中3人身上有抗體可能曾感染新冠肺炎中央流行疫情指揮中心專家小組召集人張上淳指出根據5人就醫紀錄發燒時間點應落在3月21日～3月26日但沒辦法確定是不是在上船前就感染感染源待釐清。</t>
  </si>
  <si>
    <t>疫情感染發燒人員官兵航行國防部症狀就診軍方紀錄隱匿指出中心目前不適下船過程肺炎</t>
  </si>
  <si>
    <t>海軍磐石艦敦睦艦隊新冠肺炎感染</t>
  </si>
  <si>
    <t>艦隊敦睦磐石肺炎海軍感染</t>
  </si>
  <si>
    <t>餐飲業門子禁內</t>
  </si>
  <si>
    <t>國內疫情嚴峻這周被視為防疫關鍵期。近日高市爆發「串門子」餐廳群聚感染已有7人確診高市府針對餐飲業祭出限令今（22）日起至28日一率禁止內用否則最高可罰15萬元。今早經發局前往哈瑪星商圈稽查商家皆</t>
  </si>
  <si>
    <t>防疫關鍵期近日高市爆發前往門子經發局餐廳感染視為商圈確診最高市府</t>
  </si>
  <si>
    <t>國內疫情嚴峻這周被視為防疫關鍵期。近日高市爆發「串門子」餐廳群聚感染已有7人確診高市府針對餐飲業祭出限令今（22）日起至28日一率禁止內用否則最高可罰15萬元。今早經發局前往哈瑪星商圈稽查商家皆配合遵守。
經發局長廖泰翔今早率隊到哈瑪星商圈瞭解店家配合情形除了跟商家說聲抱歉也感謝大家配合防疫強調這個週末很關建、是轉折點。他指出即日起至28日包含百貨公司、宴席餐廳、量販店、便利商店、連鎖加盟店、夜市、傳統市場、商圈等餐飲業者全面禁止內用。
廖泰翔表示今起也會陸續展開稽查內容包括有無實際禁止內用、邊走邊吃、未戴口罩等請業者、民眾務必齊心配合防疫違反規定者將依《傳染病防治法》處以3000至15萬元屢勸不聽者最重則將勒令停止營業。
高市哈瑪星風華再現促進協會理事長陳慧玟指出昨晚收到市府通知後已主動聯繫120家會員絕大部分店家都願意配合市府防疫政策改採外帶但也有1、2成店家乾脆先暫停營業。
哈瑪星商圈弘爺漢堡早餐店業者表示19日起已禁止內用電話訂單成長2至3成備貨量充足。「幸福豆漿」則調整備貨與人力如預做三明治、蛋餅、飯糰等都比平常多1倍方便顧客快速取餐外帶。</t>
  </si>
  <si>
    <t>國內 疫情 嚴峻 這周 被 視為 防疫 關鍵期 近日 高市 爆發 串 門子 餐廳 群 聚 感染 已 有 7 人 確診 高 市府 針對 餐飲業 祭出 限令 今 22 日 起至 28 日 一 率 禁止 內 用 否則 最高 可 罰 15萬 元 今 早 經發局 前往 哈 瑪 星 商圈 稽查 商家 皆 配合 遵守 經 發 局長 廖泰翔 今 早 率隊 到 哈 瑪 星 商圈 瞭解 店家 配合 情形 除了 跟 商家 說 聲 抱歉 也 感謝 大家 配合 防疫 強調 這個 週末 很 關建 是 轉捩點 他 指出 即日起 至 28 日 包含 百貨公司 宴席 餐廳 量販店 便利商店 連鎖加盟店 夜市 傳統 市場 商圈 等 餐飲業者 全面禁止 內 用 廖泰翔 表示 今 起 也 會 陸續 展開 稽查 內容 包括 有無 實際 禁止 內 用 邊走邊吃 未戴 口罩 等 請 業者 民眾 務必 齊心 配合 防疫 違反規定 者 將 依 傳染病 防治法 處以 3000 至 15萬 元 屢勸不聽 者 最重 則 將 勒令 停止 營業 高 市 哈 瑪 星 風華 再現 促進 協會 理事長 陳慧 玟 指出 昨晚 收到 市府 通知 後 已 主動 聯繫 120 家 會員 絕大部分 店家 都 願意 配合 市府 防疫 政策 改 采 外帶 但 也 有 12 成 店家 乾脆 先 暫停營業 哈 瑪 星 商圈弘 爺 漢堡 早餐 店 業者 表示 19 日 起 已 禁止 內 用 電話 訂單 成 長 2 至 3 成 備 貨 量 充足 幸福 豆漿 則 調整 備 貨 與 人力 如 預 做 三明治 蛋 餅 飯 糰 等 都比 平常 多 1 倍 方便 顧客 快速 取 餐 外帶</t>
  </si>
  <si>
    <t>配合防疫市府店家禁止商圈餐廳指出業者稽查表示商家廖泰翔</t>
  </si>
  <si>
    <t>新冠肺炎台灣禁止內用哈瑪星商圈</t>
  </si>
  <si>
    <t>禁止臺灣肺炎商圈</t>
  </si>
  <si>
    <t>經濟衰退主席還有fed法寶</t>
  </si>
  <si>
    <t>鮮少在全國性電視台亮相的美國聯準會主席鮑爾26日罕見登上國家廣播公司（NBC）節目「今天」。他表示美國經濟「極可能陷入衰退」；不過鮑爾認為控制新冠疫情擴散的進度將是決定經濟何時重新開啟的關鍵。鮑爾</t>
  </si>
  <si>
    <t>鮑爾美國經濟亮相決定准會擴散疫情主席進度國家廣播公司罕見nbc控制節目認為今天表示電視臺</t>
  </si>
  <si>
    <t>鮮少在全國性電視台亮相的美國聯準會主席鮑爾26日罕見登上國家廣播公司（NBC）節目「今天」。他表示美國經濟「極可能陷入衰退」；不過鮑爾認為控制新冠疫情擴散的進度將是決定經濟何時重新開啟的關鍵。
鮑爾說聯準會仍有許多可支撐美國經濟的辦法「我們不會彈盡援絕。」</t>
  </si>
  <si>
    <t>美國經濟鮑爾准會亮相辦法擴散疫情公司國家廣播進度nbc決定控制節目罕見認為今天表示重新主席</t>
  </si>
  <si>
    <t>鮑爾美國經濟FED新冠肺炎疫情</t>
  </si>
  <si>
    <t>fed經濟美國肺炎鮑爾疫情</t>
  </si>
  <si>
    <t>民進確診假消息排除總統中國</t>
  </si>
  <si>
    <t>網傳「蔡總統確診」消息民進黨今表示是假的不要轉傳。刑事局偵二大隊追查發現IP位址來自境外不排除是中國網軍所為。民進黨今表示有網友在網路直播聊天室留下「蔡英文已經確診還沒有宣佈」的不實訊息。</t>
  </si>
  <si>
    <t>確診表示民進已經蔡英文留下聊天發現ip直播位址追查二大隊沒有來自網路境外網友排除</t>
  </si>
  <si>
    <t>網傳「蔡總統確診」消息民進黨今表示是假的不要轉傳。刑事局偵二大隊追查發現IP位址來自境外不排除是中國網軍所為。
民進黨今表示有網友在網路直播聊天室留下「蔡英文已經確診還沒有宣佈」的不實訊息。刑事局偵二大隊立即追查發現IP位址來自境外其用字遣詞多為中國用語且均為簡體不排除是中國網軍所為。
民進黨呼籲疫情嚴峻更要提防各式假訊息流竄接獲來源不明或未經證實的疫情資訊時先查證內容是否屬實請不要任意傳播、轉傳以免觸法。</t>
  </si>
  <si>
    <t>疫情訊息確診民進不要表示中國位址來自二大隊境外ip排除查證發現追查內容</t>
  </si>
  <si>
    <t>民進黨確診不排除中國網軍新冠肺炎</t>
  </si>
  <si>
    <t>排除中國確診民進肺炎</t>
  </si>
  <si>
    <t>到底回來檢疫現在</t>
  </si>
  <si>
    <t>新冠肺炎（COVID-19）疫情在國際強勢升溫目前日本境內確診人數達242例死亡5例；韓國每日確診數更是瘋狂竄升至今已累計3500人確診死亡17例。看似2國的疫情都相當嚴重但不少民眾仍對指揮中心定調的疫情旅遊</t>
  </si>
  <si>
    <t>疫情確診死亡指揮國際民眾強勢相當嚴重升溫日本目前境內竄升看似瘋狂covid-更是累計中心人數至今韓國肺炎</t>
  </si>
  <si>
    <t>新冠肺炎（COVID-19）疫情在國際強勢升溫目前日本境內確診人數達242例死亡5例；韓國每日確診數更是瘋狂竄升至今已累計3500人確診死亡17例。看似2國的疫情都相當嚴重但不少民眾仍對指揮中心定調的疫情旅遊建議「霧煞煞」到底從疫區回來要居家檢疫還是自主健康管理？《網路溫度計》一張圖看了秒懂如何分辨。
目前疾管署公佈的地區疫情資訊有2種一種為「旅遊警示地區」一種為「流行地區分級」。流行地區主要是提供給醫護人員作為辨別法定傳染病是否要通報的依據。目前新冠肺炎一級流行區有「大陸湖北省、廣東省、浙江省、河南省」「二級流行地區則是「大陸全境及香港、澳門。」
旅遊警示則是提供給欲出國民眾的安排行程的參考旅遊警示分為三級級數越高代表風險越高。三級地區警告（Warning）目前有大陸、香港、澳門、韓國、義大利、伊朗民眾避免至當地所有非必要旅遊；二級地區警示（Alert）有日本、新加坡民眾至當地應採取加強防護措施；一級地區注意（Watch）則有泰國民眾應遵守當地的一般預防措施。
至於從旅遊疫情建議地區返台要做居家檢疫、居家隔離、或自主健康管理？疾管署最新（3月1日）規定如下：「三級地區警告」返國民眾必須做「居家檢疫14日」（自3月2日起伊朗也需開始實施）；「二級及三級地區」返台民眾則需「自主健康管理14天」。
所以目前日本屬於「二級警示」赴日民眾反台需「自主健康管理14天」；南韓屬於「三級警告」赴韓返台民眾需「居家檢疫14日」。依旅遊疫情建議來判斷最準確！</t>
  </si>
  <si>
    <t>民眾地區疫情旅遊目前警示管理日本警告健康自主建議確診居家當地大陸檢疫流行返台韓國提供伊朗</t>
  </si>
  <si>
    <t>民眾地區三級居家檢疫自主健康管理</t>
  </si>
  <si>
    <t>檢疫居家自主地區健康民眾管理</t>
  </si>
  <si>
    <t>肺炎確診病例全數治癒越南出院</t>
  </si>
  <si>
    <t>越南衛生部門今天表示境內2019年冠狀病毒疾病截至目前的最後一例確診患者上午出院。至今16起病例已全數治癒13日以來未出現新增病例初步成功控制疫情。越南快訊新聞網站報導北部永福省（Vinh Phuc）平川縣（B</t>
  </si>
  <si>
    <t>病例越南vinh永福省北部報導冠狀境內網站病毒疾病新聞截至目前快訊phuc最後確診患者上午疫情控制成功以來初步</t>
  </si>
  <si>
    <t>越南衛生部門今天表示境內2019年冠狀病毒疾病截至目前的最後一例確診患者上午出院。至今16起病例已全數治癒13日以來未出現新增病例初步成功控制疫情。
越南快訊新聞網站報導北部永福省（Vinh Phuc）平川縣（Binh Xuyen）光河醫療中心（Quang Ha）上午允許肺炎最後確診病例出院。患者為當地的50歲男性他是被從疫情源頭中國湖北省武漢市返國的女兒感染還有另外3名家人也被傳染。至今所有家人都已治癒出院包括女兒在內。
報導指出這名男性病患2次檢體對冠狀病毒疾病呈現陰性健康情況穩定獲准出院。
越南衛生部看治病管理局副局長阮仲科（Nguyen Trong Khoa）表示至今全國16起確診病例都已治癒出院對此感到很高興但是醫療部門將繼續關切疑似病例。
越南境內13日之後未再出現確診病例。越南副總理武德丹（Vu Duc Dam）25日表示越方初步成功控制COVID-19疾病「越南在對抗COVID-19疾病之戰取得第一場勝利」但是警告「此戰將進入難以預料的新階段」。
越南衛生部指出今天全國新增30起疑似病例主要是剛從韓國疫區入境的人員至今累計有31起疑似病例；另有5675名因與疑似病例接觸過或剛從各國疫區返國而被隔離觀察的人員。
由於韓國疫情持續延燒越南政府昨天宣佈來自韓國大邱市和慶尚北道或從兩地過境的國際旅客暫時禁止入境；以公務為由的入境者必須接受14天隔離檢疫；同時勸告國民不要前往韓國等國疫區。</t>
  </si>
  <si>
    <t>越南病例疫情疾病確診至今表示韓國治癒醫療入境隔離疫區報導女兒返國指出疑似病例衛生部出院境內冠狀全國病毒</t>
  </si>
  <si>
    <t>病例越南疑似病例疾病武漢</t>
  </si>
  <si>
    <t>病例疾病越南武漢疑似病例</t>
  </si>
  <si>
    <t>莫德納全台</t>
  </si>
  <si>
    <t>台灣自購加上美國贈送的莫德納疫苗共有855萬劑扣掉已打第一劑的3335萬人之後能夠打滿兩劑莫德納的人數剩不到100萬人不過根據統計目前全台仍有約390萬人非莫德納不打有醫師呼籲這390萬莫德納鐵粉別再等了</t>
  </si>
  <si>
    <t>莫德納贈送呼籲疫苗共有統計美國有約兩劑人數醫師全台目前之後加上能夠鐵粉</t>
  </si>
  <si>
    <t>台灣自購加上美國贈送的莫德納疫苗共有855萬劑扣掉已打第一劑的3335萬人之後能夠打滿兩劑莫德納的人數剩不到100萬人不過根據統計目前全台仍有約390萬人非莫德納不打有醫師呼籲這390萬莫德納鐵粉別再等了建議先打AZ之後再等混打。
今天又有996萬劑莫德納疫苗抵台包含美國捐贈的250萬劑加上台灣自購的605萬劑總共有855萬劑莫德納疫苗換算下來目前全台有427萬人可以完整接種兩劑莫德納扣除已經打第一劑的3335萬人目前也只剩約不到百萬劑可供第二劑接種。
不過根據公費疫苗預約平臺目前只勾選莫德納疫苗的人仍有396萬8843人但之後能夠打滿第二劑疫苗人數不到100萬人也就是說全台恐怕會有296萬人要失望了。
對於有290多萬的莫德納鐵粉可能等不到了中國醫藥大學附設醫院副院長黃高彬接媒體訪問時則呼籲別再等了認為他們可以先打AZ之後再等第二劑混打莫德納或BNT疫苗而且日前有研究指出混打AZ加mRNA疫苗效果可能更好有鑑於目前疫苗不足的情況下建議能打的時候就先打。</t>
  </si>
  <si>
    <t>疫苗莫德納目前之後az全台可能接種建議可以混打呼籲鐵粉兩劑加上美國人數能夠</t>
  </si>
  <si>
    <t>莫德納疫苗疫苗第九類AZ混打</t>
  </si>
  <si>
    <t>疫苗az莫德納混打</t>
  </si>
  <si>
    <t>肺炎新藥研發佳音元樟生</t>
  </si>
  <si>
    <t>元樟生技7月21日公佈其所研發的新型抗生素YUAN-03委託台灣大學醫學檢驗暨生物技術學系張淑媛教授團隊進行新型冠狀病毒（SARS-CoV-2）體外抗病毒試驗結果證實YUAN-03可有效抑制新冠病毒感染率幾近100％令人驚豔</t>
  </si>
  <si>
    <t>yuan-病毒病毒感染研發抗生素抑制有效幾近臺灣大學檢驗生物技術冠狀醫學證實淑媛結果進行試驗團隊教授公佈外抗</t>
  </si>
  <si>
    <t>元樟生技7月21日公佈其所研發的新型抗生素YUAN-03委託台灣大學醫學檢驗暨生物技術學系張淑媛教授團隊進行新型冠狀病毒（SARS-CoV-2）體外抗病毒試驗結果證實YUAN-03可有效抑制新冠病毒感染率幾近100％令人驚豔。
元樟生技董事長蔡宜儒表示YUAN-03是由本土藥用食用真菌萃取製成的新型抗生素也是台灣自行研發的第一支抗生素。今年4月YUAN-03已經在國衛院進行的抗人類流感冠狀病毒hCoV-OC43試驗中取得幾近100％抑制病毒的效果。現在又在台大實驗團隊的新冠病毒SARS-CoV-2體外抗病毒試驗中抑制50％病毒感染的劑量濃度5163微克/毫升、濃度達75微克/毫升的劑量下獲得幾乎100％病毒抑制率的肯定讓團隊感到非常振奮象徵著對元樟生技以獨特、創新、領先技術開發新藥的策略的肯定。
以研發新型抗生素對抗超級病菌為目標的元樟生技公司成立3年以來已陸續研發出數支新型抗生素包括YUAN-03。蔡宜儒說透過這兩個國際級實驗室的試驗顯示YUAN-03能對不同冠狀病毒產生一樣高效的病毒抑制率證實這支由台灣人自己研發的第一支抗生素不但是治療新冠肺炎新藥的希望也可能對其他冠狀病毒引起的疾病產生相當療效。
蔡宜儒表示YUAN-03將持續進行抑制Alpha、Delta變種病毒有效性的測試；如果測試成功的話將再進行動物試驗並預計將與國外知名藥廠結盟希望在今年底前能夠在新冠肺炎新藥研發上獲致具體進展。</t>
  </si>
  <si>
    <t>病毒yuan-研發抗生素試驗進行抑制團隊蔡宜儒新藥冠狀元樟生肯定希望幾近表示抑制率證實肺炎產生病毒感染劑量</t>
  </si>
  <si>
    <t>團隊肺炎病毒抗生素冠狀病毒</t>
  </si>
  <si>
    <t>肺炎團隊抗生素冠狀病毒</t>
  </si>
  <si>
    <t>北京解讀疫情權威溯源重要大陸</t>
  </si>
  <si>
    <t>澎湃新聞網報導中共中央紀委國家監委網站微信公眾號16日消息北京市15日公佈36例新增新冠肺炎確診病例已完成流調34例均與新發地市場有關。大陸疾控中心流行病學首席專家吳尊友、國家衛生健康委高級別專家組成</t>
  </si>
  <si>
    <t>國家健康衛生網站首席專家吳尊友微信流行病中心大陸有關確診病例地市新增新發肺炎</t>
  </si>
  <si>
    <t>澎湃新聞網報導中共中央紀委國家監委網站微信公眾號16日消息北京市15日公佈36例新增新冠肺炎確診病例已完成流調34例均與新發地市場有關。大陸疾控中心流行病學首席專家吳尊友、國家衛生健康委高級別專家組成員李蘭娟等流行病學專家受訪指出新發地檢出病毒更接近歐洲流行的毒株。應當重視汙染物品經冷鏈遠距離運輸可能帶來的傳播風險。此外新發地病毒溯源或為破解新冠病毒傳播之謎提供可能。
據報導北京突然發生新疫情。吳尊友介紹研究人員在新確診病例的身體裡面分離出病毒又在新發地市場物體的表面採樣分離出病毒兩者完全一致。透過世衛組織共用平臺在全球公開的新冠病毒基因序列關鍵位點的比對發現它最有可能是來自歐洲流行的主要毒株但並不代表它一定來自歐洲國家。他解釋它可能來自歐洲或美洲因為這種病毒最開始主要在歐洲流行後來也傳到了南美等地涵蓋面很廣。
吳尊友說：「只有綜合運用流行病學的調查和大資料技術才能把歐洲流行毒株怎麼跑到北京來的這個問題搞清楚。」
未來3天北京報告的病例數將決定疫情走向形勢嚴峻吳尊友解釋北京在6月11日出現新的疫情12日、13日很快回應及時落實控制疫情擴散的各項措施。對於已經感染的病人要發病就在這兩天報告數不太增長的話可以說基本就穩定在這個規模了。
北京突然爆發疫情專家分析存在兩種可能性：被汙染的海產品或肉食品通過冷鏈運輸到市場造成傳播或者來自疫區的感染者造成了傳播。因此應當重視汙染物品經冷鏈遠距離運輸可能帶來的傳播風險。
吳尊友介紹對於呼吸道傳染病通常都是人帶著病毒跑造成遠距離傳播擴散。但是死的樣品--除了生物樣本以外其他物品長時間帶毒、長距離運輸這種情況以前沒有發生過。
如果冷鏈傳播被證實吳尊友建議一是要加強檢疫二是在購買這些物品的時候一定要注意冰凍食物產地是不是來自新冠病毒的流行地區三是人們在處理這些物品的時候要注意手衛生、器皿衛生不要造成交叉汙染。
李蘭娟在接受採訪時也建議「大家盡量吃熟食平時要勤洗手注意手衛生」。
此外新發地病毒溯源或為破解新冠病毒傳播之謎提供可能。李蘭娟認為做好疫情防控一方面是做好物的溯源對物品採樣檢測；另一方面要做好人的溯源感染者就是感染源要進一步瞭解人員的動向把密切接觸者全部找出來檢測檢測出來的就治療。「不怕多就怕漏這是發現傳染源、控制傳染源的重要環節武漢的疫情防控工作在這方面取得了豐富經驗。」
「此前疫情在武漢爆發由於在華南海鮮市場檢出大量新冠病毒人們高度懷疑疫情與野生動物有關。這次疫情在北京反彈同樣在批發市場集中爆發但北京出現野生動物導致疫情的可能性很小。」吳尊友說這就給我們兩個提示：除了武漢和北京以外全大陸還有不少類似的批發市場如何切實加強防範防止出現第三個、第四個這樣爆發疫情的市場？如果能夠在新發地找到病毒溯源的突破口也許能回答武漢想回答卻還沒有能夠回答的科學問題。如果能破解北京之謎也許給破解武漢之謎提供新的機會。</t>
  </si>
  <si>
    <t>疫情病毒北京吳尊友新發物品武漢傳播可能流行溯源歐洲爆發市場來自污染李蘭娟造成病例運輸國家流行病</t>
  </si>
  <si>
    <t>新冠肺炎確診病例新發地市場疾控中心流行病學</t>
  </si>
  <si>
    <t>病例地市新發確診中心肺炎流行病</t>
  </si>
  <si>
    <t>感染子女突破性就讀學校莫德納緊急機師停課首例</t>
  </si>
  <si>
    <t>中央流行疫情指揮中心今天公佈5例境外感染其中1例又是國籍航空（副）機師她已經完成接種2劑莫德納疫苗5天居家檢疫期間住在諾富特飯店接著返家進行9天加強版自主健康管理並在最後一天採檢確診。由於加強版</t>
  </si>
  <si>
    <t>加強版中心今天管理健康國籍自主航空指揮機師進行已經完成返家接種莫德納疫苗飯店居家富特檢疫期間公佈境外</t>
  </si>
  <si>
    <t>中央流行疫情指揮中心今天公佈5例境外感染其中1例又是國籍航空（副）機師她已經完成接種2劑莫德納疫苗5天居家檢疫期間住在諾富特飯店接著返家進行9天加強版自主健康管理並在最後一天採檢確診。由於加強版自主健康管理並未禁止與家人接觸外界質疑機組員「5+9」是否有檢討空間？不過指揮中心發言人莊人祥表示目前沒看出任何的問題在當中。
指揮中心今天公佈的一名國籍航空副機師個案10月初採檢陰性結束5天檢疫後於加強版自主健康管理期間確診一採Ct值33、二採又變為22。指揮中心發言人莊人祥表示根據這名機組員的抗體可以發現是剛發病而她在八月初已經完整接種完兩劑莫德納疫苗是國內第四例突破性感染機師個案前三例都是接種AZ疫苗。
莊人祥目前該副機師同住家屬4人都在居家隔離中目前採檢為陰性職場部分也匡列2名接處者採檢也是陰性其他職場接觸者持續在匡列。其兩名子女的學校目前是自主性預防停課一天後續接觸與處理方式還在討論。
媒體今天質疑是否「5+9」有檢討空間？莊人祥表示目前對於機師管理只要是接種完整2劑疫苗長程飛航就是五天居家檢疫＋九天加強版自主健康管理第5、第9、第14天都會進行PCR採檢這個個案剛發病的時候剛好在第九天採檢出來表示目前政策還算是有效的監測。
莊人祥說機師因為要飛航國外航線本身就是具有風險。像這樣的部分民眾也需要理解工作上需要跨國際航線來工作他們也犧牲自己的生活很多希望不用用負面來看待。
莊人祥也表示這名個案居家檢疫期間是住在華航諾富特飯店至於加強版自主健康管理並沒禁止和家人接觸看她很遵守加強版自主健康管理的規則所以目前沒有看出有任何的問題在當中。
至於是否讓機組員接種第三劑疫苗？莊人祥表示目前國籍航空機組員都已經完整接種僅剩下少部分的人無法接種是否打第三劑目前國際上針對第二、第三劑至少要間隔六個月若縮短可能反而降低免疫力生成後續要看檔與各國實施狀況來決定。</t>
  </si>
  <si>
    <t>目前表示接種機師管理疫苗加強版接觸自主是否機組員健康居家個案中心指揮檢疫今天莊人祥完整</t>
  </si>
  <si>
    <t>突破性感染莫德納AZ華航機師諾富特</t>
  </si>
  <si>
    <t>az華航機師莫德納感染突破性富特</t>
  </si>
  <si>
    <t>進入感染專家社區臺灣</t>
  </si>
  <si>
    <t>台灣昨天新增第19、20例新冠肺炎確診個案其中一例疑似為社區感染震驚國人但國內專家對這起個案是否為社區感染有不同意見認為目前還很難定義台灣進入社區感染階段但仍不可掉以輕心國人出門在外還是應維持</t>
  </si>
  <si>
    <t>感染社區國人個案臺灣出門在外掉以輕心目前認為意見不可定義進入不同階段震驚是否專家國內</t>
  </si>
  <si>
    <t>台灣昨天新增第19、20例新冠肺炎確診個案其中一例疑似為社區感染震驚國人但國內專家對這起個案是否為社區感染有不同意見認為目前還很難定義台灣進入社區感染階段但仍不可掉以輕心國人出門在外還是應維持戴口罩的習慣。
台灣動物疫病防治專家、台大獸醫名譽教授賴秀穗指出社區感染有項很重要的定義為找不到感染源但昨天這例死亡的61歲個案曾頻繁接觸陸港澳顧客顯示他很可能有感染源因此還不到社區感染的程度。
賴秀穗說台灣與大陸交往頻繁每天有上千人從陸港澳地區入境還有近千名的滯留台商待接回隨著鑽石公主號郵輪的20多名國人即將返台未來情況只會越來越危險因此沒有人能斷定國內不會爆發社區感染。
他指出現階段政府不能因口罩數量不足就要求國人在外不須配戴口罩畢竟唯有人人戴上口罩自保才能將病毒的傳染力降至最低民眾也需配合政府的防疫措施透過全民配合防疫台灣才能降低社區感染擴大的機率。
近日大陸有多項研究指出新冠病毒可能攻擊腎臟與睪丸進而影響男性生殖功能但賴秀穗分析這種狀況應不太可能必須要有ACE2（血管收縮素轉化酶2）作為冠狀病毒的受體而人體內ACE2最多的地方就是肺部深處因此症狀以引發肺炎的狀況居多。
他強調至今的大部分死亡個案都是本身擁有慢性疾病的患者因此可能是患者本身免疫力較差引起併發症而死雖然人類對於新冠病毒的瞭解仍相當有限但一般民眾保持勤洗手、戴口罩、維持良好衛生習慣就不必過度恐慌。</t>
  </si>
  <si>
    <t>感染社區口罩國人臺灣病毒個案可能賴秀穗指出ace民眾狀況政府才能頻繁專家肺炎死亡</t>
  </si>
  <si>
    <t>張上淳年輕人成都疫苗覆蓋率確診東京有關</t>
  </si>
  <si>
    <t>新冠疫情肆虐全球東京疫情也持續嚴峻近7天的每日新增確診數平均3千多例尤其最近在東奧選手村又爆發希臘水上芭蕾隊5人確診。媒體指出東京確診3千人中有近3成確診者為20多歲年輕人。對此中央流行疫情指揮</t>
  </si>
  <si>
    <t>確診疫情東京對此年輕人爆發選手村東奧水上芭蕾希臘最近持續尤其新增平均嚴峻全球中央指出媒體人中</t>
  </si>
  <si>
    <t>新冠疫情肆虐全球東京疫情也持續嚴峻近7天的每日新增確診數平均3千多例尤其最近在東奧選手村又爆發希臘水上芭蕾隊5人確診。媒體指出東京確診3千人中有近3成確診者為20多歲年輕人。對此中央流行疫情指揮中心專家諮詢小組召集人張上淳認為這和疫苗覆蓋率有關。
今指揮中心記者會上有媒體詢問東京確診3千多人其中有3成都是年約20歲左右的年輕人以輕症居多。張上淳認為有關這波大流行現在都以Delta印度變異株為主它的傳播力較強這大家都清楚至於怎麼傳播的背後包含很多因素。
張上淳指出包括當地活動、各年齡層族群有沒有特殊活動、有沒有聚集機會都是重要因素。當然年輕人確診或許跟當地也是從年紀較大的族群開始施打疫苗有關。當年輕人施打疫苗比例、疫苗覆蓋率偏低就容易造成感染。
張上淳表示要釐清感染原因還是得看更詳細的資料比較清楚若從表面上推測不外乎就以上幾個因素造成年輕人在這波大流行中確診數佔比偏高。</t>
  </si>
  <si>
    <t>確診年輕人張上淳因素流行有關疫情東京疫苗當地指出造成族群中心指揮傳播覆蓋率認為感染</t>
  </si>
  <si>
    <t>年輕人確診張上淳東京3成</t>
  </si>
  <si>
    <t>確診年輕人張上淳東京</t>
  </si>
  <si>
    <t>直接補助小黃</t>
  </si>
  <si>
    <t>新冠肺炎疫情衝擊旅遊業與運輸業交通部從4月至9月每月補貼計程車2千元油錢原本要以加油前500公升、每公升補助4元的方式昨日宣佈改為每月初直接匯入加油卡內讓司機能更實質運用補助。中油則送出加碼司機</t>
  </si>
  <si>
    <t>補助加油司機衝擊旅遊業運輸業交通部補貼疫情計程車油錢中油原本運用實質宣佈直接月初卡內方式匯入昨日肺炎</t>
  </si>
  <si>
    <t>新冠肺炎疫情衝擊旅遊業與運輸業交通部從4月至9月每月補貼計程車2千元油錢原本要以加油前500公升、每公升補助4元的方式昨日宣佈改為每月初直接匯入加油卡內讓司機能更實質運用補助。中油則送出加碼司機只要在4月15日前辦卡核卡後即送1千元加油金。
民眾害怕感染新冠肺炎不願待在密閉空間計程車生意銳減汽車駕駛員工會理事范阿水說以前一天可以有3千元左右的收入現在只剩600至800元更明顯的是機場排班以前他在松山機場約40分鐘就會有客人現在班機一直取消且旅客不願搭計程車竟然要等到5小時才出現客人。
交通部長林佳龍昨日前往中油公司中崙加油站視察計程車油料補貼措施辦理並聽取簡報。他強調計程車為公共運輸最後一哩路受新冠肺炎疫情衝擊影響營運交通部已訂定相關作業要點計程車業者可持行車執照影本向中油或台塑公司指定的處所申請加油卡自今年4月1日起至9月30日止每輛每月可領補貼2千元6個月最高補貼1萬2千元。
林佳龍表示交通部在這次疫情已協助計程車業者做好防疫工作例如每週發放7片口罩、給予酒精及消毒水等呼籲國人仍可以多搭計程車。
交通部指出每月2千元的額度原本是每公升補貼4元、補貼500公升但計程車業界反映就算每次加50公升的油也要加10次才能領完補貼一是麻煩二是現在根本沒有那麼多客人不如讓駕駛人於加油時可自由選擇使用額度不再限制加油每公升定額折減補貼。交通部考量後決定改為每月儲值千元至加油卡若該月未使用完畢可以持續累積但必須在今年年底前使用完畢額度會在明年元旦歸零。</t>
  </si>
  <si>
    <t>計程車加油補貼交通部中油客人現在額度使用疫情司機肺炎可以補助昨日業者完畢</t>
  </si>
  <si>
    <t>中油加油卡補貼肺炎交通部</t>
  </si>
  <si>
    <t>補貼肺炎加油交通部中油</t>
  </si>
  <si>
    <t>小朋友幼稚園點心防疫安全</t>
  </si>
  <si>
    <t>二崙鄉幼兒園為預防小朋友突如其來打鬧口水噴濺或咳嗽確保幼童用餐安全日前以五顏六色的PP板作隔板小朋友都乖乖配合。二崙鄉立幼兒園表示從新聞報導看到中鋼餐廳以隔板防疫決定用PP板做用餐隔板上月25日</t>
  </si>
  <si>
    <t>隔板小朋友用餐幼稚園pp咳嗽確保口水幼童噴濺打鬧突如其來安全表示看到中鋼餐廳日前新聞報導防疫決定五顏六色乖乖配合</t>
  </si>
  <si>
    <t>二崙鄉幼兒園為預防小朋友突如其來打鬧口水噴濺或咳嗽確保幼童用餐安全日前以五顏六色的PP板作隔板小朋友都乖乖配合。
二崙鄉立幼兒園表示從新聞報導看到中鋼餐廳以隔板防疫決定用PP板做用餐隔板上月25日開學前做了92組五顏六色很活潑每一個都貼上小朋友的名字放在固定位置用完就殺菌消毒。
園方說早上點心、午餐、下午點心用餐三次雖然要花時間組裝但非常實用有效防阻打噴嚏、咳嗽、噴口水小朋友健康安全家長更安心。</t>
  </si>
  <si>
    <t>小朋友用餐隔板五顏六色安全咳嗽口水幼稚園pp點心方說消毒殺菌完就位置非常固定時間組裝實用放在健康</t>
  </si>
  <si>
    <t>防疫新冠肺炎武漢肺炎 COVID-19新型冠狀病毒</t>
  </si>
  <si>
    <t>肺炎武漢covid-冠狀防疫病毒</t>
  </si>
  <si>
    <t>企圖行為網路病毒蓬佩資料</t>
  </si>
  <si>
    <t>美國中國報導佩奧pompeomike路透美東資料財產權時間智慧收集者企圖竊取情報下屬有關行為研究表示病毒譴責網路相關聲明</t>
  </si>
  <si>
    <t>網路美國聲明下屬肺炎中國行為研究部門警告疫苗pompeomike美東中方聯合關聯發表cisa時間行動事與願違延續</t>
  </si>
  <si>
    <t>行為美國蓬佩奧企圖新冠病毒</t>
  </si>
  <si>
    <t>企圖蓬佩美國行為病毒</t>
  </si>
  <si>
    <t>疫情續升溫 美確診人數破1100萬大關</t>
  </si>
  <si>
    <t>確診人數升溫大關疫情</t>
  </si>
  <si>
    <t>美國新冠肺炎疫情持續升溫根據約翰霍普金斯大學統計美國新冠肺炎確診人數在過去一周新增逾100萬人讓美國染疫的總人數超過1103萬人。此外住院人數亦創下紀錄截至15日已逼近7萬人。</t>
  </si>
  <si>
    <t>人數美國肺炎紀錄截至創下新增過去升溫疫情約翰霍普金斯大學統計持續確診住院超過逼近</t>
  </si>
  <si>
    <t>美國確診人數續升萬大關新冠肺炎疫情</t>
  </si>
  <si>
    <t>大關續升人數肺炎確診疫情美國</t>
  </si>
  <si>
    <t>光溜防疫全裸陳美鳳妙招</t>
  </si>
  <si>
    <t>新冠肺炎疫情持續延燒不少民眾出國行程受到影響「台灣最美麗的歐巴桑」陳美鳳日前也透露取消和藍心湄的國外旅遊近日更分享防疫妙招卻是曬出光溜溜的火辣畫面。原來是陳美鳳有泡澡習慣她16日於臉書PO出坐在</t>
  </si>
  <si>
    <t>陳美鳳持續民眾出國行程受到影響疫情習慣臺灣分享美麗近日旅遊國外藍心湄防疫妙招卻是歐巴桑</t>
  </si>
  <si>
    <t>新冠肺炎疫情持續延燒不少民眾出國行程受到影響「台灣最美麗的歐巴桑」陳美鳳日前也透露取消和藍心湄的國外旅遊近日更分享防疫妙招卻是曬出光溜溜的火辣畫面。
原來是陳美鳳有泡澡習慣她16日於臉書PO出坐在浴缸裡泡澡的照片寫下：「吃優質蛋白質增強免疫力泡泡熱水澡鳯鳯最愛泡澡了」向粉絲分享自己的防疫方式。
針對嚴重疫情陳美鳳曾讚台灣衛生很進步不需要過度恐慌養成勤洗手的習慣也很重要呼籲個人衛生一定要做好。</t>
  </si>
  <si>
    <t>陳美鳳疫情習慣臺灣衛生分享防疫持續民眾個人出國行程受到影響呼籲重要增強免疫力藍心湄需要美麗蛋白質</t>
  </si>
  <si>
    <t>陳美鳳泡澡防疫妙招台灣</t>
  </si>
  <si>
    <t>妙招防疫陳美鳳臺灣</t>
  </si>
  <si>
    <t>不顧百姓要面子氣炸國人政府口罩</t>
  </si>
  <si>
    <t>新冠肺炎延燒蔡政府為了控管口罩的販售實施口罩實名制卻造成台灣各地都出現藥局外排隊買口罩的現象而近來政府更表示國內口罩的生產線已經完備日產口罩將達到千萬。但是自由作家洛杉基卻注意到民進黨</t>
  </si>
  <si>
    <t>口罩政府洛杉基作家控管自由達到國內表示臺灣出現近來局外造成排隊現象注意日產完備已經</t>
  </si>
  <si>
    <t>新冠肺炎延燒蔡政府為了控管口罩的販售實施口罩實名制卻造成台灣各地都出現藥局外排隊買口罩的現象而近來政府更表示國內口罩的生產線已經完備日產口罩將達到千萬。
但是自由作家洛杉基卻注意到民進黨政府在控管口罩販售、出口之餘不僅與美達成協議每週將提供10萬片口罩的相關防疫合作更在近日將大量醫療物資送往烏拉圭這讓他相當傻眼如今台灣民眾想要將口罩寄給國外的親友都困難重重政府卻相當大器的一口氣送給他國大量物資真的是「只許州官放火、不准百姓點燈」！
洛杉基表示如今國內的需求量還沒有滿足蔡政府卻忙著要給國外口罩忙做防疫外交！卻不顧國內百姓現在在路上排隊買口罩的民眾一個禮拜還只能買到少少的3片！不知該笑還是當哭？</t>
  </si>
  <si>
    <t>口罩政府國內百姓如今臺灣物資表示相當民眾排隊防疫國外控管不知只許州官放火</t>
  </si>
  <si>
    <t>口罩蔡政府洛杉基國內控管</t>
  </si>
  <si>
    <t>國內政府洛杉基口罩控管</t>
  </si>
  <si>
    <t>譚德宣佈流行條件病例</t>
  </si>
  <si>
    <t>新冠肺炎持續肆虐全球目前確診數已高達98047隨著全球各地病例增加確診數恐突破十萬大關。對此世界衛生組織秘書長譚德賽表示只要世界上所有的政府共同行動、齊心協力疫情在全球仍可防可控但也有可能更</t>
  </si>
  <si>
    <t>全球確診可防肆虐疫情齊心協力目前世界表示共同行動譚德政府秘書長世界衛生組織對此大關突破增加病例</t>
  </si>
  <si>
    <t>新冠肺炎持續肆虐全球目前確診數已高達98047隨著全球各地病例增加確診數恐突破十萬大關。對此世界衛生組織秘書長譚德賽表示只要世界上所有的政府共同行動、齊心協力疫情在全球仍可防可控但也有可能更糟只要有科學與證據之下世衛將會使用「大規模流行」這一詞。
據路透社報導譚德賽（Tedros Adhanom Ghebreyesus）表示對於確診數字上升持續關注、特別是醫療體系較薄弱的國家並呼籲政府協調所有部門對抗病毒。他並表示現階段情況仍未到達「大規模流行」但也同意情況可能變得比現在更糟甚至到達大規模流行程度只要基於科學與證據之下到時WHO將會使用此一詞彙「毫無疑問」。
譚德賽也說現在有的國家的做法顯示疫情是可防可控「我們不應該放棄」但也有的國家沒把疫情當一回事或者乾脆認定什麼也做不了。譚德賽並未直接點名那些國家。
報導也指出WHO曾在1月30日時發布針對新冠病毒的國際緊急狀態但除了流感之外對於疾病的「大規模流行」並未有正式歸類而新冠肺炎是出於新冠病毒而非流感。
此外疫情在中東的重災區伊朗目前有3513確診、103人病逝。2日赴伊朗調查的WHO緊急救護專家雷恩（Mike Ryan）也5日表示認為現在伊朗表現良好「他們開始認為疫情很嚴重並強調此一問題」。但由於伊朗目前仍在國際制裁之下讓人道援助物資輸入出現困難。</t>
  </si>
  <si>
    <t>疫情表示確診流行伊朗譚德國家who全球目前現在病毒之下政府對於報導並未持續流感到達更糟</t>
  </si>
  <si>
    <t>新冠肺炎CONID-19武漢肺炎新型冠狀病毒譚德賽</t>
  </si>
  <si>
    <t>肺炎武漢conid-病毒冠狀譚德</t>
  </si>
  <si>
    <t>施打預約莫德納階段</t>
  </si>
  <si>
    <t>新冠疫苗第12輪第1階22日開打針對莫德納疫苗第二劑預約接種中市傳出造冊接種的65歲到67歲長者也上網搶預約造成55歲到64歲符合資格市民有3千多人預約不到市府19日晚間緊急宣佈可免預約在指定時間逕往快打站接</t>
  </si>
  <si>
    <t>預約接種疫苗時間指定可免宣佈莫德納緊急市府不到造成長者符合市民造冊晚間傳出</t>
  </si>
  <si>
    <t>新冠疫苗第12輪第1階22日開打針對莫德納疫苗第二劑預約接種中市傳出造冊接種的65歲到67歲長者也上網搶預約造成55歲到64歲符合資格市民有3千多人預約不到市府19日晚間緊急宣佈可免預約在指定時間逕往快打站接種但20日政策再修正由市府造冊發單知單衛生局說已掌握名單預約成功市民如圖方便逕往快打站是無法接種的。
即將在22日開打的新冠疫苗第12輪三大國際疫苗同步預約接種被稱為是台灣公衛史上最複雜的疫苗接種；其中第一階段莫德納疫苗開放給7月16日以前接種第一劑的市民預約含65歲到67歲由市府造冊施打、55歲到64歲民眾則需在19日下午2時上網預約。
台中市疑因接種通知單發放太慢有1萬多名造冊施打長者也上網預約因而排擠到真正需預約接種的市民不但有3千多人預約不到還有市民被迫遠到彰化員林、和美等地接種；市府19日晚間緊急宣佈開放快打站讓符合第12期第1階段55至64歲市民免預約、攜帶黃卡、健保卡及身分證22、27日下午到打站接種。唯20日政策再修正為由衛生局造冊接種。
據悉市長盧秀燕憂心部分快打站恐擠入過多人潮要求仍需採造冊施打而中央也已提供中市未預約成功3千多人的名單利於地方造冊發放通知單衛生局長曾梓展稱這是政策再優化他也呼籲民眾依通知單時間、地點接種而已預約成功者則需依預約時間地點接種。</t>
  </si>
  <si>
    <t>預約接種造冊市民市府疫苗通知單施打政策上網時間民眾衛生局階段下午發放成功</t>
  </si>
  <si>
    <t>接種預約快打站市府市民</t>
  </si>
  <si>
    <t>預約市府接種市民</t>
  </si>
  <si>
    <t>小時剋星發現殺死病毒重大突破rna</t>
  </si>
  <si>
    <t>對抗新冠病毒藥物相關研究有重大突破！據澳洲聯合新聞社報導蒙納許大學（Monash University）研究團隊發現主要用來治療頭蝨的「伊維菌素」（Ivermectin）可在2日之內殺死新冠病毒核糖核酸（RNA）。雖然此一藥物</t>
  </si>
  <si>
    <t>研究病毒殺死ivermectin菌素之內藥物頭蝨治療新聞社報導發現重大突破團隊相關monash澳洲university聯合大學蒙納核糖核酸rna</t>
  </si>
  <si>
    <t>對抗新冠病毒藥物相關研究有重大突破！據澳洲聯合新聞社報導蒙納許大學（Monash University）研究團隊發現主要用來治療頭蝨的「伊維菌素」（Ivermectin）可在2日之內殺死新冠病毒核糖核酸（RNA）。雖然此一藥物已普遍使用但最快1個月才會進入人體實驗階段。該結論已發表在《抗病毒研究》（Antiviral Research）雜誌上。
報導指出蒙納許大學生物成像研究所的瓦格斯塔夫（Kylie Wagstaff）博士3日指出使用單劑量的抗頭蝨的藥物「伊維菌素」可以在48小時內阻止新冠病毒在細胞培養中生長。
瓦格斯塔夫指出單劑量的伊維菌素注射本也能在48小時內清除病毒所有的核糖核酸（RNA）在24小時內能夠顯著減少其RNA。
報導指出目前仍不清楚伊維菌素是如何殺死新冠病毒但該藥物很明顯阻止了病毒的抑制能力讓此病毒無法抑制宿主細胞對其進行清理。科學家們下一階段將確定合適人體使用的劑量以確保實驗室外的劑量對人體安全。
瓦格斯塔夫表示在全球新冠疫情仍在大流行、且當前仍未有治療藥物及正式獲准生產的方案情況下這種現成的合成藥若證實有效可能提早對患者有幫助。此外他也強調要廣泛使用疫苗仍需一段時間該團隊也需要資金進行臨床實驗與測試。</t>
  </si>
  <si>
    <t>病毒使用指出藥物菌素研究瓦格斯塔夫劑量報導rna小時團隊進行治療蒙納伊維大學人體阻止頭蝨</t>
  </si>
  <si>
    <t>新冠肺炎武漢肺炎COVID-19新冠病毒伊維菌素</t>
  </si>
  <si>
    <t>covid-病毒伊維肺炎武漢菌素</t>
  </si>
  <si>
    <t>確診侯友宜今天可算新北</t>
  </si>
  <si>
    <t>新北市14日新增確診數為2人新北市侯友宜14日表示這兩人都是居家隔離轉陽的案件可說新北今天沒有新增個案新北市從5月22日的384例用了54天走到今天這是用民眾低度活動與嚴重經濟衝擊換來的但他強調一天</t>
  </si>
  <si>
    <t>新北今天嚴重活動新增民眾經濟居家案件隔離表示衝擊沒有侯友宜個案換來確診強調</t>
  </si>
  <si>
    <t>侯友宜今天疫情隔離居家市民期待傳播看到清零永遠新北板橋新增感謝代表民眾</t>
  </si>
  <si>
    <t>侯友宜居家隔離新北市陰轉陽今天</t>
  </si>
  <si>
    <t>新北隔離陰轉陽居家今天侯友宜</t>
  </si>
  <si>
    <t>重症以下大多指標omicron症狀</t>
  </si>
  <si>
    <t>新型冠狀病毒又出現新變異株Omicron目前歐洲已有多個國家遭到攻破。胸腔暨重症專科醫師黃軒表示南非已有88例確診Omicron變異株經過觀察發現感染者以輕症表現為主症狀為肌肉痠痛、疲憊及輕微咳嗽常見的失</t>
  </si>
  <si>
    <t>變異omicron疲憊酸痛肌肉症狀表現輕微感染者發現觀察重症專科目前胸腔醫師歐洲攻破國家黃軒遭到表示南非確診</t>
  </si>
  <si>
    <t>新型冠狀病毒又出現新變異株Omicron目前歐洲已有多個國家遭到攻破。胸腔暨重症專科醫師黃軒表示南非已有88例確診Omicron變異株經過觀察發現感染者以輕症表現為主症狀為肌肉痠痛、疲憊及輕微咳嗽常見的失去嗅味覺並非病徵之一。
黃軒今（28）日於個人臉書粉專《黃軒醫師 Dr Ooi Hean》分析南非目前已有88例Omicron確診病例後續還有990位疑似病例經南非醫療協會初步判斷感染Omicron變異株皆以輕微症狀為主。
黃軒根據南非專家的說法表示Omicron主要症狀有3種包括肌肉痠痛、疲憊及輕微咳嗽目前確診的病例中並沒有病患失去嗅味覺再加上是輕症因此重症入院的人很少年齡大多是40歲以下的年輕人由於南非第二劑疫苗接種完成率只有241%所以確診的人大多沒有打疫苗「但以上收到的消息仍須更多研究報告證實」。
黃軒說Omicron變異株是高傳染性的病毒與Delta變異株相比更毒、更多突變的地方更容易傳播不過他也說Omicron變異株是否有辦法取代Delta變異株還是需要觀察一下「畢竟之前大家講得很恐怖的Ｍu變異株也一下子又被Delta變異株蓋過去了」因此Omicron變異株後續發展仍值得關注。</t>
  </si>
  <si>
    <t>變異omicron南非黃軒確診delta目前輕微疫苗重症後續醫師沒有觀察大多味覺病例症狀失去</t>
  </si>
  <si>
    <t>Omicron變異株症狀黃軒新冠病毒</t>
  </si>
  <si>
    <t>黃軒症狀變異病毒omicron</t>
  </si>
  <si>
    <t>打完疫苗過世累計台中</t>
  </si>
  <si>
    <t>台中市連續2日「嘉玲」24日傳出4起疑施打疫苗後死亡案例迄今累計34人；台中市衛生局長曾梓展指出3案例將通報中央釐清死亡與疫苗的相關性。另公佈南投埔裡1確診個案在台中的疫調足跡包括4家旅館及逢甲1間鞋</t>
  </si>
  <si>
    <t>台中案例疫苗死亡包括足跡旅館個案確診埔裡公佈施打相關性衛生局長指出中央通報累計</t>
  </si>
  <si>
    <t>台中市連續2日「嘉玲」24日傳出4起疑施打疫苗後死亡案例迄今累計34人；台中市衛生局長曾梓展指出3案例將通報中央釐清死亡與疫苗的相關性。另公佈南投埔裡1確診個案在台中的疫調足跡包括4家旅館及逢甲1間鞋店請環保局派員前往清消。
台中市衛生局長曾梓展說第1例為新社區1名85歲女性有失智症、高血壓病史6月16日接種疫苗後家人發現個案健康狀況較為虛弱持續至22日因劇烈嘔吐送急診後住院23日因低血壓及胃腸道出血急救無效。
第2例為南區1名63歲男性有洗腎、3高、曾因心肌梗塞心臟有裝支架病史6月17日接種疫苗後出現身體不適及抽筋現象23日家屬下班回家發現個案已過世通報119及員警因個案已明顯死亡故未送醫救治。
第3例為龍井區1名61歲男性為護理之家住民有糖尿病、失智症病史6月16日接種疫苗24日機構人員發現個案吃早餐時失去知覺緊急送醫PCR檢驗為陰性急救插管時發現口腔有食物殘留急救無效死亡。
第4例為沙鹿區1名90歲女性有糖尿病、高血壓、中風病史6月17日接種疫苗後無異樣今日照服員中午送餐時發現其倒臥在廁所已無生命跡象。衛生局指出將協助家屬提出預防接種受害救濟申請協助收集相關病歷資料送中央審議若確定因預防接種致死最高將給付600萬元救濟金。</t>
  </si>
  <si>
    <t>個案發現疫苗死亡台中急救接種中央家屬送醫案例預防接種協助指出病史男性通報糖尿病女性</t>
  </si>
  <si>
    <t>台中個案過世通報疫苗</t>
  </si>
  <si>
    <t>個案台中通報過世疫苗</t>
  </si>
  <si>
    <t>艦隊敦睦海軍官兵出爐陰性</t>
  </si>
  <si>
    <t>敦睦艦隊傳出同寢室3人確診新冠肺炎海軍緊急召回3艘軍艦官兵及學生700多人進行採檢。其中15人已回到澎湖馬公今（19）日一採結果出爐這15人皆為陰性。澎湖縣流行疫情指揮中心表示縣府衛生局18日晚間接獲中</t>
  </si>
  <si>
    <t>衛生局縣府確診表示指揮中心疫情海軍緊急肺炎流行召回澎湖縣軍艦陰性官兵學生馬公出爐回到晚間</t>
  </si>
  <si>
    <t>敦睦艦隊傳出同寢室3人確診新冠肺炎海軍緊急召回3艘軍艦官兵及學生700多人進行採檢。其中15人已回到澎湖馬公今（19）日一採結果出爐這15人皆為陰性。
澎湖縣流行疫情指揮中心表示縣府衛生局18日晚間接獲中央疫情指揮中心通知馬公海軍基地有15位元官兵為海軍敦睦艦隊3位確診者的接觸對象三總澎湖醫院立即至軍中採檢衛生局配合展開疫調。檢體在18日晚間10時送至衛福部臺北昆陽實驗室19日早上檢驗報告出爐15人皆為陰性。</t>
  </si>
  <si>
    <t>衛生局馬公晚間官兵海軍確診指揮疫情中心艦隊敦睦出爐陰性昆陽實驗室臺北送至緊急肺炎早上</t>
  </si>
  <si>
    <t>敦睦艦隊陰性澎湖馬公採檢</t>
  </si>
  <si>
    <t>馬公陰性艦隊敦睦</t>
  </si>
  <si>
    <t>保羅衝擊現身說法紀錄片nba</t>
  </si>
  <si>
    <t>身為NBA球員工會主席的雷霆明星後衛保羅日前在播客節目當中透露他打算籌拍一部關於新冠疫情對於美國體育造成巨大影響的紀錄片除了找來知名運動員訪談曾在現場經歷NBA突然宣佈無限期停賽的保羅當屬最佳的受</t>
  </si>
  <si>
    <t>保羅nba無限期雷霆宣佈後衛明星突然經歷日前現場運動員當中知名對於美國透露體育疫情影響造成巨大紀錄片找來</t>
  </si>
  <si>
    <t>身為NBA球員工會主席的雷霆明星後衛保羅日前在播客節目當中透露他打算籌拍一部關於新冠疫情對於美國體育造成巨大影響的紀錄片除了找來知名運動員訪談曾在現場經歷NBA突然宣佈無限期停賽的保羅當屬最佳的受訪對象。
「兄弟！這真的太瘋狂了」保羅在播客節目表示「我打算拍攝一部紀錄片像是一部談論美國體育因為新冠疫情停擺的電影除了找來導演安東尼法奎與製片布萊恩葛瑟我們也會找來一些知名運動員好好談一下這次疫情衝擊。」
「聽著我從未經歷過這種事情我們可以討論我所碰過所有誇張的事情比如說尼克交易案、卡崔娜颶風、史特林(前快艇老闆)種族歧視事件」保羅說「然後我被要求回到休息室完全不知道發生什麼事也不知何時開打這很不同。」
保羅口中被要求回到休息室的事件就是3月12日雷霆與爵士之戰開打前夕驚傳爵士中鋒戈貝爾成為首位感染新冠球員NBA緊急宣佈停賽更把兩隊球員隔離在球場內一段時間當時保羅還跑去爵士板凳席詢問狀況隨即被工作人員趕回休息室。</t>
  </si>
  <si>
    <t>保羅爵士找來疫情球員休息室nba經歷雷霆打算紀錄片事件知名運動員事情停賽宣佈要求美國體育</t>
  </si>
  <si>
    <t>保羅NBA紀錄片休息室爵士</t>
  </si>
  <si>
    <t>休息室爵士紀錄片nba保羅</t>
  </si>
  <si>
    <t>縣府入境依法外籍</t>
  </si>
  <si>
    <t>一名外籍移工3月18日自高雄小港機場入境後未依防疫規定進行居家檢疫14天入境當天即失聯於4月16日尋獲後隨即送至收容處所收容屏縣衛生局依規定開罰100萬元該移工逾期未繳4月30日已移送行政執行署屏東分署</t>
  </si>
  <si>
    <t>入境規定行政收容移送執行衛生局逾期當天檢疫高雄居家進行防疫小港</t>
  </si>
  <si>
    <t>一名外籍移工3月18日自高雄小港機場入境後未依防疫規定進行居家檢疫14天入境當天即失聯於4月16日尋獲後隨即送至收容處所收容屏縣衛生局依規定開罰100萬元該移工逾期未繳4月30日已移送行政執行署屏東分署執行。
屏東分署表示目前該名外籍移工被收容於收容所暫無逃匿之虞分署將密切注意其收容期間並積極追查財產狀況如發現有可供執行財產將強力執行。
屏縣府衛生局指出縣內居家檢疫累計至今共2479人現仍有143人在檢疫中；至於居家隔離累計154人22人仍在隔離中。
截至目前共有11人因違反居家檢疫規定遭開罰總計罰款共273萬。其中有人外出買魚有人不放心田區作物、外出巡田還有民眾因記錯出關時間皆分別遭開罰10萬元。</t>
  </si>
  <si>
    <t>檢疫收容居家規定分署執行入境目前財產衛生局累計出巡</t>
  </si>
  <si>
    <t>檢疫移工居家規定外籍</t>
  </si>
  <si>
    <t>規定居家外籍檢疫</t>
  </si>
  <si>
    <t>醫療營運產品動能安勤電腦設備</t>
  </si>
  <si>
    <t>工業電腦廠安勤（3479）受美國投票機訂單出貨遞延衝擊2020年第二季營運轉淡全年展望趨守。不過隨著歐洲及中國大陸需求恢復、以及醫療產品急單挹注可望填補些許缺口。法人預期6月營收與5月相當第二季營運估</t>
  </si>
  <si>
    <t>營運美國投票訂單法人挹注可望產品缺口醫療填補恢復需求大陸中國預期歐洲</t>
  </si>
  <si>
    <t>工業電腦廠安勤（3479）受美國投票機訂單出貨遞延衝擊2020年第二季營運轉淡全年展望趨守。不過隨著歐洲及中國大陸需求恢復、以及醫療產品急單挹注可望填補些許缺口。法人預期6月營收與5月相當第二季營運估落底力拚下半年起緩步回升。
安勤2020年5月自結合併營收342億元較4月313億元成長928％、但較去年同期565億元減少3936％為近5年同期低點。不過累計1～5月合併營收219億元較去年同期217億元微增092％為僅次於2016年的同期次高。
安勤受惠專案遞延出貨效益、美國投票機換機潮顯現帶動出貨量爆發使美國營收貢獻顯著增加成為帶動去年營收、獲利同步創高的主動能。今年再取得多州新投票機標案原定3月起出貨持續挹注營運成長動能。
然而由於新冠肺炎疫情在歐美爆發美國各地紛紛祭出封城管制措施防疫在人員活動受限、物流運輸卡關狀況下投票機出貨已遞延停擺使第二季單月營收下滑至3億元左右的近2年低檔水位營運成長動能急凍。
不過由於安勤生產狀況未受影響隨著歐洲及中國大陸需求狀況恢復其他產品訂單需求持穩。加上耕耘醫療領域效益顯現美國既有客戶急追數千台醫療用觸控平板歐洲ODM大廠的超音波顯示儀既有訂單也追單對彌補投票機缺口不無小補。
展望後市由於美國投票機何時恢復出貨尚無明確進度安勤對今年營運展望轉趨保守。不過醫療產品進展順利歐洲ODM大廠的醫療伺服器專案大單均按進度進行預計下半年試產驗證目標明年起量產出貨挹注營運成長動能。
此外安勤亦接獲歐系ODM大廠手持平板新單規模達數千台預期今年需求約2～3千台後續亦有機會爭取新醫療設備訂單。除了歐洲之外亦爭取到日本既有客戶醫療訂單預期明年醫療產品營收貢獻可望顯著增加。
法人預期安勤6月營收估維持5月水準預期第二季營運將是全年低點第三季起可望緩步回升。由於美國投票機出貨遞延今年營運預期將較去年衰退但仍可望優於2018年表現明年在醫療產品訂單陸續放量出貨挹注下營運動能有望顯著躍升。</t>
  </si>
  <si>
    <t>醫療營運美國訂單投票預期歐洲今年產品可望成長動能狀況安勤需求挹注既有odm大廠</t>
  </si>
  <si>
    <t>安勤營運成長動能新冠肺炎</t>
  </si>
  <si>
    <t>動能成長營運肺炎安勤</t>
  </si>
  <si>
    <t>印度疫苗接種暴露平等全民</t>
  </si>
  <si>
    <t>據《美聯社》報導過去2個月以來印度被第2波新冠肺炎疫情所吞噬迄今已有逾2600萬起確診案例、死亡人數更超過30萬。然而對活著的人來說生活也不容易。儘管政府積極推廣疫苗施打但這過程卻意外彰顯出各種</t>
  </si>
  <si>
    <t>過程印度施打疫苗推廣肺炎積極政府疫情不容易吞噬迄今已有生活確診以來案例超過死亡人數</t>
  </si>
  <si>
    <t>據《美聯社》報導過去2個月以來印度被第2波新冠肺炎疫情所吞噬迄今已有逾2600萬起確診案例、死亡人數更超過30萬。然而對活著的人來說生活也不容易。儘管政府積極推廣疫苗施打但這過程卻意外彰顯出各種社會不平等不平等所形成的鴻溝恐吞噬底層人民進而讓新德里防疫更為困難甚至加深向外擴散的隱憂。
隨著新冠病毒蹂躪全印值夜班的庫瑪(Sagar Kumar)持續思考去哪弄疫苗給自己與一家五口施打。雖然印度是疫苗外交大國但諷刺的是如今卻異常短缺疫苗。即便如此庫瑪知道就算有地方可以取得疫苗過程也會艱辛萬分。
目前印度政府取得疫苗的主要管道為透過政府網站登記；然而全部介面都使用英文而25歲的庫瑪、甚至是近90%的印度國民不會說、不會讀也不會寫英文。此外全家只有1支智慧型手機且網路通訊時有時無根本難以登記疫苗。
雖然北方省為45歲以下的民眾免費注射疫苗不過他所處的村莊卻沒有接種點最近的醫院也要1小時路程。他悲觀地表示「我現在唯一能做的事就是期待好事會發生」。
大流行將印度各階層的鴻溝暴露的一覽無遺。在該國醫療服務與社會上各階層一樣被級級分層且充斥著不平等。如今財富與科技正進一步加劇鴻溝成千上萬的人在跳躍此一鴻溝時失足而墜落深淵。
醫療人員憂心疫苗顯露出的不平等讓因疫情而左支右絀的印度短期內難以在一波波感染擴散下站直身體。目前新冠病毒每天奪去於4000條印度人命。北卡羅來納杜克大學全球健康創新中心主任烏達庫瑪(Krishna Udayakumar)表示疫苗接種的不平等恐延長印度大流行的時間新德里應優先拆除圍繞在最弱勢族群周遭的壁壘。
2021年1月印度開始推動疫苗接種計畫目標是在8月時為14億人口中的3億完成疫苗的接種；然而迄今印度僅為4200萬人接種疫苗占其總人口約3%。
背後原因之一為政府沒有預留足夠的疫苗以及擴大疫苗生產的速度緩慢。隨著每天確診數達10萬該國於5月1日起向所有成年人開放疫苗接種但這卻讓已經嚴重的疫苗短缺更顯嚴峻。
隨著挑戰接踵而來新德里調整先前購買資格與強制施打的政策。目前該國一半的疫苗將免費為一線工人、45歲以上的工人施打。各省與私立醫院也能跟印度疫苗生產商接洽補足不足的另一半疫苗。這又凸顯出第二個問題省與民間單位到哪籌錢為45歲以下的民眾接種疫苗。何況地方政府與民間單位正為替大眾注射疫苗而生出的每劑20美元的費用大傷腦筋中。
隨著有錢人湧入私人醫院接受疫苗印度貧富懸殊產生的不平等已在富裕省逐步展現出來。據統計新德里約20%的民眾接受疫苗接種而最窮的比哈省只有76%的民眾接種疫苗。提供免費接種的省分疫苗庫存嚴重不足除了本來疫苗就已經短缺外私立機構的競爭也是元兇之一。
印度政府的政策無疑讓最窮困的百姓成為最大的受害人。印度公共衛生基金會指出國家有義務為全民施打免費疫苗不應該有民眾無法負擔或無法上網登記而遭排擠無法接種疫苗。
經濟學家德雷(Jean Dreze)表示印度不僅疫苗不平等還有效益選擇的問題。例如人們如果生病將無法工作而陷入更貧困的境地；犧牲工作、放棄工資並長途跋涉接種疫苗或是因生病無法工作成為窮人兩害相衡取其輕的選擇。政府不應只提供免費疫苗還需增加誘因讓人願意施打疫苗。
目前中央政府已在登記疫苗的網站增加印度語言與其他區域語言選項。但專家指出印度還是有一半人口無法使用網路根本之道還是提供更簡單的即時登記模式。雖然政府信誓旦旦疫苗的短缺會紓解6月至12月間會提供20億劑疫苗；但專家都認為這過度樂觀。
29歲的辛格在一戶富裕人家幫傭每月收入約250美元。隨著疫情於4月拉緊報該戶害怕她傳染病毒要求她回家直到接種疫苗後再返回。但是她付不起疫苗費只好和3個女兒回到比哈爾邦的鄉村。附近沒有疫苗接種中心手頭的錢只夠日常餬口如果拿錢買了疫苗馬上就會斷炊。這樣的衡量每天在印度大街小巷上演。</t>
  </si>
  <si>
    <t>疫苗印度接種政府施打新德里登記無法免費平等目前短缺鴻溝民眾提供</t>
  </si>
  <si>
    <t>疫苗外交種姓制度COVAX新冠肺炎大流行</t>
  </si>
  <si>
    <t>covax制度肺炎種姓外交流行疫苗</t>
  </si>
  <si>
    <t>老家醫護南部搭車停止年輕人移動</t>
  </si>
  <si>
    <t>國內兩天暴增386本土個案雙北今天早上宣佈高中以下包括幼兒園、補習班全部停課2周多所大學也開始遠距教學既然不用到校學生也整理行李準備返鄉但醫護粉專「美的好朋友」疾呼拜託遠端工作及停課者這兩種</t>
  </si>
  <si>
    <t>停課個案雙北今天早上宣佈高中以下本土包括幼稚園疾呼醫護朋友補習班返鄉準備行李整理學生到校</t>
  </si>
  <si>
    <t>國內兩天暴增386本土個案雙北今天早上宣佈高中以下包括幼兒園、補習班全部停課2周多所大學也開始遠距教學既然不用到校學生也整理行李準備返鄉但醫護粉專「美的好朋友」疾呼拜託遠端工作及停課者這兩種人請停止返鄉移動萬一染疫把病毒帶回去給爸爸媽媽、阿公阿媽可不是開玩笑的。
「學校停課不是要讓你放大假回老家休息的！」粉專「美好朋友」昨天在臉書表示看到新聞報導不少年輕人因停課搭高鐵回到高雄或者搭乘其他大眾運輸回到中南部當下的感覺就是這下麻煩了根本搞錯停課的意義之所以宣佈遠端工作或停班停課目的是「降低通勤風險以及工作或學習場域的近距離接觸風險」不是讓你放假回家。
美好朋友解釋現在疫情正延燒此時移動除了在大眾運輸染疫風險高以外萬一已經染疫把病毒帶回去給老家的爸爸媽媽、阿公阿媽就完蛋了「老人家萬一感染重症或死亡率是比你高出很多很多的」。
美好朋友勸大家打消返鄉念頭如果已經回家了請先不要跟家人共餐這風險最大最好比照居家隔離自己用獨立的浴室儘量不要外出外出時全程戴口罩保持社交距離。
對此網友紛紛留言：「這時期返鄉增加移動風險的人到底在想什麼啊」、「台灣人的防疫觀念亟待加強」、「雙北已成災區在家不要移動才不會把中南部一起拖成災區」但也有人緩頰「如果學校叫學生離開宿舍回家住宿的學生不回家鄉也沒地方去也不一定是這些學生願意的」。</t>
  </si>
  <si>
    <t>停課風險返鄉朋友移動回家學生美好工作宣佈距離不要中南部學校已經大眾運輸</t>
  </si>
  <si>
    <t>新冠肺炎台灣移動停課學生</t>
  </si>
  <si>
    <t>肺炎臺灣移動停課學生</t>
  </si>
  <si>
    <t>增加盧秀燕入境案例全面境外</t>
  </si>
  <si>
    <t>新冠肺炎境外移入案例持續增加中造成民眾恐慌再現口罩搶購潮台中市長盧秀燕上午在後裡受訪時建議中央境外旅客入境除目前14天隔離外應一律再加上普篩雙管齊下才能確保台灣2300萬人的安全。盧秀燕提到大</t>
  </si>
  <si>
    <t>境外盧秀燕臺灣才能確保雙管齊下加上一律案例隔離增加持續目前口罩搶購潮台中市長造成上午民眾在後</t>
  </si>
  <si>
    <t>新冠肺炎境外移入案例持續增加中造成民眾恐慌再現口罩搶購潮台中市長盧秀燕上午在後裡受訪時建議中央境外旅客入境除目前14天隔離外應一律再加上普篩雙管齊下才能確保台灣2300萬人的安全。
盧秀燕提到大家看到比利時工程師案例他也居家檢疫14天可是入境以後有染病這兩個月當中在台灣趴趴走像日本學生也都有這種情形。換句話說光是居家檢疫隔離14天對於入境者或從國外入境的台灣人來講她覺得可能不夠。
盧秀燕強調為了維護2300萬人的安全並確保過去半年防疫成果是不是對入境者、從國外進到台灣者應該要雙管齊下除了要求隔離檢疫14天外應該要一律篩檢讓國人安心。
盧秀燕說這段時間看到大家都戴起口罩又在搶購口罩造成人心不安她也拜託中央能夠再想想。</t>
  </si>
  <si>
    <t>盧秀燕入境臺灣隔離檢疫口罩案例境外一律造成入境者國外雙管齊下確保居家安全應該在後上午</t>
  </si>
  <si>
    <t>盧秀燕入境台灣隔離口罩</t>
  </si>
  <si>
    <t>臺灣隔離口罩盧秀燕入境</t>
  </si>
  <si>
    <t>莫德納答案追求bnt保護力就混打</t>
  </si>
  <si>
    <t>疫情指揮中心日前宣佈可開放混打不少人仍猶豫第二劑該選輝瑞／BNT或莫德納。衛福部草屯療養院醫師沈政男表示若擔心心肌炎副作用混打就選BNT；如果是追求保護力就選莫德納。沈政男昨（22）日於個人臉書分析</t>
  </si>
  <si>
    <t>沈政男混打莫德納bnt宣佈開放日前猶豫表示輝瑞醫師個人擔心草屯療養院心肌炎衛福部副作用中心保護</t>
  </si>
  <si>
    <t>保護混打沈政男莫德納azbnt疫苗英國變異資料mrnadelta兩劑官方地上疫情沒有</t>
  </si>
  <si>
    <t>混打AZmRNA輝瑞／BNT莫德納</t>
  </si>
  <si>
    <t>mrnaazbnt輝瑞莫德納混打</t>
  </si>
  <si>
    <t>經濟德國內外衰退國際</t>
  </si>
  <si>
    <t>受新冠狀病毒疫情與相關封鎖措施影響德國第一季資本投資、民間消費與出口急凍經濟創下金融危機以來的最大跌幅並宣告陷入衰退。德國統計廳週一公佈繼2019年第四季國內生產毛額（GDP）萎縮01%後德國第一季</t>
  </si>
  <si>
    <t>德國病毒疫情相關封鎖措施影響毛額生產金融危機創下以來經濟國內急凍四季gdp出口跌幅萎縮消費資本公佈週一</t>
  </si>
  <si>
    <t>德國gdp首季封鎖措施支出投資公佈資料經濟政府創下實施以來資本跌幅出口營建民間消費病毒疫情相關</t>
  </si>
  <si>
    <t>德國經濟GDP跌幅衰退</t>
  </si>
  <si>
    <t>衰退gdp跌幅德國經濟</t>
  </si>
  <si>
    <t>討厭複賽比德nba全力以赴</t>
  </si>
  <si>
    <t>雖然復賽在即但並非所有球員都站在支持的立場七六人當家中鋒恩比德在受訪時就明白表示個人立場是討厭復賽但仍會參加而且會全力以赴。恩比德說今年發生了太多事情所以選擇在此時復賽不是一件正確的決定</t>
  </si>
  <si>
    <t>複賽立場比德事情支持都站今年發生討厭表示個人當家明白受訪中鋒選擇球員全力以赴參加並非正確</t>
  </si>
  <si>
    <t>雖然復賽在即但並非所有球員都站在支持的立場七六人當家中鋒恩比德在受訪時就明白表示個人立場是討厭復賽但仍會參加而且會全力以赴。
恩比德說今年發生了太多事情所以選擇在此時復賽不是一件正確的決定尤其是新冠肺炎在美國沒有趨緩的態勢因此現在必須保每個參賽球員的身體健康狀況甚至球員周遭的人也得安全無虞才行。
恩比德表示儘管不同意聯盟的復賽計劃但還是會努力參賽不能讓球隊、球迷失望更何況本季是我們想要奪冠的最佳機會所以我們要好好把握才對。</t>
  </si>
  <si>
    <t>複賽比德球員參賽立場表示機會奪冠想要更何況沒有態勢失望美國肺炎球隊現在必須球迷</t>
  </si>
  <si>
    <t>NBA復賽恩比德新冠肺炎</t>
  </si>
  <si>
    <t>比德複賽nba肺炎</t>
  </si>
  <si>
    <t>升級小時須持防疫通關陰性證明</t>
  </si>
  <si>
    <t>香港文匯網報導珠海市新型冠狀病毒肺炎疫情防控指揮部今天（4日）淩晨發布「關於進一步調整珠澳口岸疫情防控措施的通告」根據當前新冠肺炎疫情防控需要經珠澳聯防聯控機制協商決定：自8月4日6時起除保障珠澳</t>
  </si>
  <si>
    <t>疫情防控肺炎珠海市冠狀病毒報導決定協商機制聯控聯防通告措施指揮部經珠發佈需要淩晨進一步今天口岸調整時起</t>
  </si>
  <si>
    <t>香港文匯網報導珠海市新型冠狀病毒肺炎疫情防控指揮部今天（4日）淩晨發布「關於進一步調整珠澳口岸疫情防控措施的通告」根據當前新冠肺炎疫情防控需要經珠澳聯防聯控機制協商決定：自8月4日6時起除保障珠澳兩地正常生產生活的跨境貨車司機外經珠澳口岸出入境人員需持12小時內核酸檢測陰性結果證明。其他防控措施維持不變。
珠海市新型冠狀病毒肺炎疫情防控指揮部辦公室在3日19時50分許曾發布「關於調整珠澳口岸疫情防控措施的通告」自8月3日20時起經珠澳口岸出入境人員由需持有7天內核酸檢測陰性證明調整為需持有24小時內核酸檢測陰性證明。自7月31日21時至8月7日21時從澳門入境珠海且不再返回澳門的人員須進行「三天兩檢」核酸檢測。
據悉8月3日珠海市在對珠海通關人員核酸採樣檢測中發現2名澳門居民新冠病毒初篩陽性經珠海市疾控中心及澳門複核陽性。</t>
  </si>
  <si>
    <t>防控珠海市澳門檢測人員核酸疫情經珠口岸病毒措施調整證明肺炎時起珠海陰性冠狀發佈通告持有陽性指揮部出入境</t>
  </si>
  <si>
    <t>新冠肺炎大陸珠澳8月人員</t>
  </si>
  <si>
    <t>大陸肺炎人員</t>
  </si>
  <si>
    <t>《觀光股》晶華響應自救董監不領酬勞、主管減薪3成</t>
  </si>
  <si>
    <t>酬勞自救董監不領主管回應觀光</t>
  </si>
  <si>
    <t>新冠肺炎對觀光業營運造成嚴峻考驗續旅遊業者雄獅開出第一槍後晶華（2707）國際酒店集團亦啟動自救方案董事會決議董監事將不領取2019年酬勞高階主管主動減薪30％人事部則積極規畫「觀光業轉型培訓」課程</t>
  </si>
  <si>
    <t>觀光業營運造成積極嚴峻考驗人事部旅遊業者雄獅開出主動主管高階國際酬勞酒店領取集團</t>
  </si>
  <si>
    <t>新冠肺炎對觀光業營運造成嚴峻考驗續旅遊業者雄獅開出第一槍後晶華（2707）國際酒店集團亦啟動自救方案董事會決議董監事將不領取2019年酬勞高階主管主動減薪30％人事部則積極規畫「觀光業轉型培訓」課程以保障全體同仁工作權益為首要目標。
在短、中期資金無虞狀況下晶華為維護股東長期投資權益董事會仍通過2019年下半年股利分派案擬配息39206元盈餘配發率約8254％以23日收盤價948元計算現金殖利率約414％。合計2019年共配息100454元盈餘配發率達9495％。
新冠肺炎疫情延燒全球不只傷害世人健康對經濟產業破壞力更為強大。面對住房率雪崩及市場消費信心動搖觀光飯店業受傷慘重。晶華對此除採取一系列積極自救方案外也呼籲政府正視觀光產業面臨困境盼立刻有效率且準確的給予業界必要協助。
晶華董事長潘思亮表示員工、股東、消費者與社會大眾的權益必須兼顧雄獅做出令人欽佩的表率決定感謝晶華董監事們支持跟進並感念主管願意共體時艱。集團將持續優化產品面與服務面競爭力善盡企業社會責任讓晶華維持最好的戰力來迎接未來挑戰。</t>
  </si>
  <si>
    <t>權益產業觀光雄獅社會主管積極董事會集團董監事觀光業股東方案自救肺炎配發最好</t>
  </si>
  <si>
    <t>晶華股利殖息率配發率新冠肺炎</t>
  </si>
  <si>
    <t>配發息率股利肺炎</t>
  </si>
  <si>
    <t>ai兩岸漢唐車電瞄準訂單產業水漲船高半導體</t>
  </si>
  <si>
    <t>台灣、中國大陸等半導體大廠為迎戰2021年5G、車用電子需求目前正進行製程升級其中台積電、日月光正邁向先進製程及強化封裝產能。法人看好在這波效應下通吃兩岸半導體及面板大廠廠務設備的漢唐（2404）接單將</t>
  </si>
  <si>
    <t>大廠導體制程廠務面板迎戰兩岸效應看好車用電子法人產能需求封裝目前進行強化邁向設備先進升級台積電</t>
  </si>
  <si>
    <t>台灣、中國大陸等半導體大廠為迎戰2021年5G、車用電子需求目前正進行製程升級其中台積電、日月光正邁向先進製程及強化封裝產能。法人看好在這波效應下通吃兩岸半導體及面板大廠廠務設備的漢唐（2404）接單將有望水漲船高。
雖然新冠肺炎仍持續肆虐全球但5G、人工智慧（AI）及車用電子發展趨勢相當明確且技術研發及產品應用也並未停下腳步目前各大半導體廠都開始佈局相關技術。
其中台積電、日月光為搶攻先進製程市場不斷進行產能擴增特別是台積電在台南的Fab 18廠超大型晶圓廠（GigaFab）興建中的第四期至第六期正是未來要投產的3奈米先進製程。
力晶集團在中國設立的晶圓代工廠合肥晶合目前產能也受惠於驅動IC需求暢旺產能呈現滿載為因應未來市場需求晶合正計畫啟動新廠建設計畫最快N2新廠有機會2021年底前投片量產後續更有數座新廠將逐步興建及量產。
除了半導體市場之外面板市場也呈現熱絡狀態原因在於未來車用電子將可望擴大面板應用其中TCL華星光電就吃下三星蘇州面板廠京東方也將併購中電熊貓未來將有於業者進行資源整合及技術升級等需求。
法人指出漢唐當前已經卡位進入台積電、日月光、TCL華星光電等半導體及面板廠供應鏈隨著各大廠進行擴產及設備更新等需求將有利於漢唐接單力道更加暢旺。
此外漢唐公告9月合併營收達3897億元、年成長1958％創下單月歷史第三高累計第三季合併營收達11967億元、季增197％繳出單季新高的優異成績單。累計2020年前9月合併營收28808億元、年增725％。
法人指出漢唐下半年受惠於客戶新廠工程款逐步開始認列推動業績逐步攀向高峰預期後續隨著台積電、日月光及中國大陸等大廠擴產及新廠落成漢唐業績將有機會再度創高。</t>
  </si>
  <si>
    <t>漢唐新廠台積電未來產能需求進行大廠制程目前面板月光法人導體車用電子逐步先進合併中國市場</t>
  </si>
  <si>
    <t>暢旺法人新廠車用電子日月光</t>
  </si>
  <si>
    <t>用電新廠法人月光暢旺</t>
  </si>
  <si>
    <t>假手女團祭出機械取消傻眼在握心酸握手</t>
  </si>
  <si>
    <t>新冠肺炎在全球持續肆虐台灣人最愛旅遊的國家日本、韓國確診人數急速上升疫情也延燒到演藝圈不少藝人怕疫情擴散紛紛取消演唱會、簽唱會等大型活動。不過仍有活動單位出奇招祭出「機械手」與粉絲握手但引</t>
  </si>
  <si>
    <t>疫情祭出持續肆虐出奇臺灣人單位最愛活動旅遊國家日本大型活動韓國機械手全球確診人數上升演唱會擴散紛紛</t>
  </si>
  <si>
    <t>新冠肺炎在全球持續肆虐台灣人最愛旅遊的國家日本、韓國確診人數急速上升疫情也延燒到演藝圈不少藝人怕疫情擴散紛紛取消演唱會、簽唱會等大型活動。不過仍有活動單位出奇招祭出「機械手」與粉絲握手但引來部分網友批評「創意用錯地方」。
網友在推特貼出日本東北偶像女團「 いぎなり東北産」（英文名：MADE IN TOHOKU）的握手會現場狀況；照片中可以看到大家處在密閉式空間每個人都戴上口罩而女團成員拿著長長的機械手與粉絲間接握手畫面相當逗趣。
其他網友看完照片後紛紛留言「握不到偶像的手是在握心酸的」、「不知道假手有沒有消毒每個人都摸一下倒楣的都是粉絲」、「不如停辦吧密閉式空間耶」、「創意用錯地方防疫敏感階段大家先不辦活動不行嗎」。
更多 CTWANT 報導</t>
  </si>
  <si>
    <t>粉絲握手網友活動紛紛日本照片偶像女團空間密閉式疫情機械手地方創意持續肆虐東北臺灣人最愛旅遊全球國家韓國</t>
  </si>
  <si>
    <t>女團粉絲握手會新冠肺炎日本</t>
  </si>
  <si>
    <t>握手粉絲肺炎日本女團</t>
  </si>
  <si>
    <t>新北醫療坦言病房專責確實徵用階段</t>
  </si>
  <si>
    <t>本土疫情嚴峻新北市長侯友宜昨宣佈啟動第2階段病房清空計畫預計增加至1043間專責病房專門收治新冠肺炎患者外界詢問該計畫何時達標。新北市衛生局長陳潤秋表示第2階段計畫徵用1043間專責病房這幾日已在逐</t>
  </si>
  <si>
    <t>病房新北階段計畫專責市長侯友宜啟動宣佈患者詢問外界達標肺炎衛生局長收治專門表示預計</t>
  </si>
  <si>
    <t>本土疫情嚴峻新北市長侯友宜昨宣佈啟動第2階段病房清空計畫預計增加至1043間專責病房專門收治新冠肺炎患者外界詢問該計畫何時達標。新北市衛生局長陳潤秋表示第2階段計畫徵用1043間專責病房這幾日已在逐步清空陸續進行中。
陳潤秋補充在第二階段尚未完全清空的情況下新北市目前剩177間專責病房3間ICU、9間負壓隔離病房暫時量能還夠但確實非常緊繃。
不過新北市確診數全台最多若持續攀增醫療量能無法負荷是否期盼中央協助或統一調配？對此新北市副市長劉和然表示目前先用第2階段的徵用床位為主中央也已經啟動調度計畫一切尊重中央彈性安排。</t>
  </si>
  <si>
    <t>新北病房計畫階段中央專責市長啟動目前徵用表示醫療攀增無法還夠負荷隔離病房期盼是否暫時持續</t>
  </si>
  <si>
    <t>專責病房新北徵用清空醫療量能</t>
  </si>
  <si>
    <t>徵用新北醫療病房專責</t>
  </si>
  <si>
    <t>陪練員狀況穩定球類</t>
  </si>
  <si>
    <t>我國球類陪練員昨確診新冠肺炎成為國內體壇染疫首例但中央流行疫情指揮中心、體育署都不願意透露患者的運動項目。社區防疫組副組長莊人祥表示這位患者目前狀況穩定屬於輕症。這名國家隊陪練員在2月16日到24</t>
  </si>
  <si>
    <t>患者陪練員確診肺炎成為國內屬於體壇穩定首例中央狀況流行疫情指揮目前中心體育表示莊人祥組長</t>
  </si>
  <si>
    <t>我國球類陪練員昨確診新冠肺炎成為國內體壇染疫首例但中央流行疫情指揮中心、體育署都不願意透露患者的運動項目。社區防疫組副組長莊人祥表示這位患者目前狀況穩定屬於輕症。
這名國家隊陪練員在2月16日到24日前往西班牙隨後2月25日到3月7日轉往德國3月8日到15日換去英國隨隊比賽3月16到17日到法國轉機17日返台過後跟著國家隊接受體育署安排前往北部防疫基地卻在18日因為頭痛、鼻塞與眼睛痛就醫。目前這位患者狀況穩定屬於輕症。</t>
  </si>
  <si>
    <t>患者體育防疫陪練員國家隊前往目前狀況確診肺炎成為國內體壇穩定首例中央流行疫情返台指揮過後</t>
  </si>
  <si>
    <t>新冠肺炎武漢肺炎新型冠狀病毒台灣陪練員</t>
  </si>
  <si>
    <t>肺炎武漢冠狀病毒臺灣陪練員</t>
  </si>
  <si>
    <t>完全確診大染缸紐約</t>
  </si>
  <si>
    <t>紐約州新冠肺炎（ COVID-19 ）確診病例數突破1萬人成為美國疫情最慘重的地區對此就有網友好奇「紐約為何比其他城市還多好幾倍？」貼文一出隨即掀起熱議更有知情人士點破一致命關鍵直言「紐約完全大染缸！」</t>
  </si>
  <si>
    <t>紐約covid-確診病例突破成為關鍵美國疫情肺炎點破慘重一致地區人士對此知情隨即文一城市</t>
  </si>
  <si>
    <t>紐約州新冠肺炎（ COVID-19 ）確診病例數突破1萬人成為美國疫情最慘重的地區對此就有網友好奇「紐約為何比其他城市還多好幾倍？」貼文一出隨即掀起熱議更有知情人士點破一致命關鍵直言「紐約完全大染缸！」
原PO今（22日）淩晨2時許在PTT「八卦板」PO文指出「太誇張了！現在美東才幾點紐約就即將單日破2k其他比較嚴重的地方像是加州跟華盛頓州也才一百多為何紐約如此嚴重啊？是最認真驗？有沒有八卦？」
貼文一出隨即掀起網友熱議眾人直指「人口密度高」是其致命關鍵「密集度其實有差」、「差不多香港那種擁擠程度」、「紐約是美國裡最像亞洲的城市難停車、擁擠、高密度」、「人口太密集所以台灣沒炸也真的很神了」、「你去過就知道那邊的擁擠跟髒亂不是美國其他城市能比的」、「紐約去哪裡都擠又倚靠老舊通風不良的地鐵一出門風險就很大」、「人口密度太高完全大染缸、大雜燴」。
也有不少人認為「醫療資源相對多且認真驗」、「認真驗的原因啊！不像亞洲某國蓋牌」、「全球金融中心每天很多歐洲人來歐洲爆紐約一定爆」、「咳嗽不戴口罩＋密集地鐵空間」、「美國恐怖的是窮人和遊民應該到死都不會去驗死不了的就到處散佈病毒偏偏現在是大右派執政」。</t>
  </si>
  <si>
    <t>紐約美國密集擁擠城市現在地鐵關鍵網友亞洲認真po大染缸完全人口密度</t>
  </si>
  <si>
    <t>紐約確診新冠肺炎COVID-19美國</t>
  </si>
  <si>
    <t>肺炎covid-確診紐約美國</t>
  </si>
  <si>
    <t>發起人上街確診抗議封城美國炮轟</t>
  </si>
  <si>
    <t>美國北卡羅萊納州2周前出現民眾上街示威「反封城、反居家令」。不過諷刺的是抗議活動領袖惠特洛克（Audrey Whitlock）稍後也被確診感染新冠肺炎必須隔離14天。之後她向支持者宣稱隔離期已結束將繼續投入街</t>
  </si>
  <si>
    <t>隔離民眾結束諷刺出現必須抗議肺炎活動領袖上街惠特洛克感染audrey確診whitlock稍後示威封城宣稱居家支持者</t>
  </si>
  <si>
    <t>美國北卡羅萊納州2周前出現民眾上街示威「反封城、反居家令」。不過諷刺的是抗議活動領袖惠特洛克（Audrey Whitlock）稍後也被確診感染新冠肺炎必須隔離14天。之後她向支持者宣稱隔離期已結束將繼續投入街頭抗爭此舉引來美國網民炮轟痛批她根本是「殺人犯」。
據報導反封城團體「重啟北卡」（REOPEN NC）固定每週二在州長庫柏（Roy Cooper）的官邸旁集會抗議要求州長撤銷封城令讓他們恢復原有的生活並認為強制隔離政策違反憲法。這場街頭抗議已持續3周。發起人之一的惠特洛克缺席前2次抗議活動後遭人踢爆她已確診需強制隔離14天。另1位發起人史密斯（Ashley Smith）亦證實此事但強調惠特洛克3周前就已確診隔離期間皆未外出。
惠特洛克於26日晚間透過社群媒體表示隔離期已過期間她並沒有出現任何症狀因此將出席28日的抗議活動。最終抗議活動發起人史密斯等共4名示威者遭到警方逮捕。
美國網民認為此事相當諷刺也呼籲其他參加示威的民眾應該趕快接受病毒檢測。網有認為示威民眾根本不瞭解疫情的嚴重性發起人惠特洛克和史密斯的舉動造成其他人陷入風險若免疫力較差的人感染甚至可能失去生命怒斥他們如同「殺人犯」。</t>
  </si>
  <si>
    <t>抗議惠特洛克隔離發起人認為史密斯確診民眾活動封城示威感染美國州長根本街頭強制諷刺出現期間周前</t>
  </si>
  <si>
    <t>美國封城抗議活動新冠病毒</t>
  </si>
  <si>
    <t>活動抗議封城病毒美國</t>
  </si>
  <si>
    <t>全面確診縣府個案加強境外校園防疫新增雲林準備</t>
  </si>
  <si>
    <t>雲林縣政府30日公佈新增境外移入確診個案1例案16101為本國籍19歲男性長年居住在印尼本月27日返台就學入境持有3日內PCR檢驗陰性報告入境時無症狀於外縣市集中檢疫所居家檢疫期間無不適症狀29日採檢結</t>
  </si>
  <si>
    <t>症狀入境公佈新增境外確診個案國籍男性不適長年居住印尼日內檢疫居家本月檢疫所持有期間就學陰性返台報告</t>
  </si>
  <si>
    <t>雲林縣政府30日公佈新增境外移入確診個案1例案16101為本國籍19歲男性長年居住在印尼本月27日返台就學入境持有3日內PCR檢驗陰性報告入境時無症狀於外縣市集中檢疫所居家檢疫期間無不適症狀29日採檢結果PCR陽性目前在外縣市醫院治療。
雲林縣長張麗善表示案16101並未回到雲林縣所以沒有相關足跡也沒有進行匡列請縣民不要過於擔心但平日還是要做好個人防疫措施。
張麗善說因應大專院校將於9月陸續開學目前雲林縣配合中央規範滾動式調整訂定雲林縣9月1日開學防疫指引包括學校教職員工及工作人員應符合完成疫苗第1劑接種且滿14日的入校條件。
疫苗第1劑接種未滿14日或未接種者首次進入校園前應提供3日內抗原快篩或PCR檢測陰性證明之後每7日進行1次抗原快篩或PCR檢驗為原則。
張麗善說考量縣內教職員快篩需求縣府30日啟動「110學年高中職以下教職員工開學快篩專案」30、31日於各醫院提供縣教育處造冊的教職員快篩服務請務必依學校通知時間及地點前往。</t>
  </si>
  <si>
    <t>林縣pcr張麗善開學學校症狀防疫進行教職員工目前提供日內陰性醫院入境接種檢驗教職員抗原沒有</t>
  </si>
  <si>
    <t>PCR雲林縣開學新冠肺炎台灣</t>
  </si>
  <si>
    <t>開學林縣肺炎pcr臺灣</t>
  </si>
  <si>
    <t>口罩問候買不到</t>
  </si>
  <si>
    <t>新冠肺炎肆虐民眾恐慌搶購口罩引爆「口罩之亂」政府也開始宣導「口罩不必隨時戴」觀念口罩彷彿當前最珍貴物資。一位正妹痛批行政院長蘇貞昌的口罩實名制政策讓大家一個口罩平均要用三天半如今大家的問</t>
  </si>
  <si>
    <t>口罩民眾平均宣導蘇貞昌肆虐行政院長物資珍貴當前恐慌要用搶購引爆政策開始不必隨時</t>
  </si>
  <si>
    <t>新冠肺炎肆虐民眾恐慌搶購口罩引爆「口罩之亂」政府也開始宣導「口罩不必隨時戴」觀念口罩彷彿當前最珍貴物資。一位正妹痛批行政院長蘇貞昌的口罩實名制政策讓大家一個口罩平均要用三天半如今大家的問候語都是「你有買到口罩嗎？」「你這口罩用幾天了？」
網友在臉書社團「韓家軍 市政宣揚」發文寫道：「輸怨長（蘇院長）的7天領二個口罩真是罩不住大家換言之一個口罩要用3天半那現在大家見面的問候語……要改了……『你有買到口罩嗎？』『你這口罩用幾天了？』」文末更特別標註了「全民森七七有苦難言」關鍵字。
文章一出迴響熱烈獲得超過1500個讚。其他網友紛紛回應：「出去戴一個順利的領兩個是否只剩一個不是折騰是什麼？」「腦殘的政府怎麼不直接發給每一區的裡長由裡民統一拿身份證去領即省事又省時也不用排隊真是無能到可以了」、「都買不到」、「奇怪以前SARS時候也沒欠缺口罩時代越進步生活水準卻越退步」。</t>
  </si>
  <si>
    <t>口罩網友真是政府天半要用問候語買到你有民眾有苦難言關鍵字文章時代全民迴響市政標注肆虐熱烈</t>
  </si>
  <si>
    <t>照顧超過防疫勞動部不適疫苗必要可延長學生</t>
  </si>
  <si>
    <t>中央流行疫情指揮中心日前宣佈將開始針對12歲至18歲的青少年施打疫苗而學生如接種疫苗可有3天的「疫苗假」、必要時得延長勞動部表示如在疫苗假期間家長有照顧學生需求其中1人可以申請防疫照顧假但不強迫</t>
  </si>
  <si>
    <t>疫苗學生照顧中心日前宣佈開始指揮防疫青少年申請施打需求表示勞動部假期家長疫情可以必要延長可有流行</t>
  </si>
  <si>
    <t>中央流行疫情指揮中心日前宣佈將開始針對12歲至18歲的青少年施打疫苗而學生如接種疫苗可有3天的「疫苗假」、必要時得延長勞動部表示如在疫苗假期間家長有照顧學生需求其中1人可以申請防疫照顧假但不強迫雇主給薪。
為因新冠肺炎疫情、降低感染風險並讓整體防疫更加完善衛生福利部及教育部規劃共同為年滿12歲至未滿18歲的青少年進行疫苗接種服務；依教育部通函指出此次接種疫苗對象為全國國中、高中、五專前三年及110年9月1日前滿12歲國小學生包含特教學校、實驗教育、矯正學校及少年觀護所、境外台校、外僑學校、中正預校、大學附設七年一貫學制針對接種疫苗的青少年自接種當日起算3日如發生不良反應可以申請疫苗假。
勞動部條件司司長黃維琛表示在疫苗假期間家長如有親自照顧學生需求其中一人得申請防疫照顧假而疫苗假必要時可以延長、防疫照顧假也可以跟著延長。
勞動部提醒受僱家長其中1人得請防疫照顧假雇主應予准假且不得視為曠工、強迫勞工以事假或其他假別處理亦不得扣發全勤獎金、解僱或予不利之處分。家長除得請防疫照顧假外也可以選擇請家庭照顧假、特別休假或事假以為運用。雇主尚不得要求先請畢家庭照顧假或其他假別始得請防疫照顧假。</t>
  </si>
  <si>
    <t>疫苗照顧防疫接種雇主可以青少年家長勞動部學校日前疫情學生事假強迫教育部延長申請表示家庭假期少年觀</t>
  </si>
  <si>
    <t>新冠肺炎台灣防疫照顧假學生勞動部</t>
  </si>
  <si>
    <t>防疫臺灣照顧肺炎學生勞動部</t>
  </si>
  <si>
    <t>優惠巴士觀光</t>
  </si>
  <si>
    <t>新冠肺炎疫情升溫不只衝擊觀光業北市雙層觀光巴士也成為重災區從原本的一天25班減為一天12班甚至平均一天至少有3、4班一整天載不到客人因此業者將祭出優惠搶救載客量推出銅板價就可搭雙層巴士外還有</t>
  </si>
  <si>
    <t>升溫衝擊觀光業銅板北市推出觀光巴士成為載客搶救優惠祭出不到客人業者疫情減為原本至少重災區</t>
  </si>
  <si>
    <t>新冠肺炎疫情升溫不只衝擊觀光業北市雙層觀光巴士也成為重災區從原本的一天25班減為一天12班甚至平均一天至少有3、4班一整天載不到客人因此業者將祭出優惠搶救載客量推出銅板價就可搭雙層巴士外還有壽星攜帶朋友只要799元有24小時票券外還包含臺北當天住宿相關優惠最快本周上路。
北市雙層觀光巴士由紅、藍兩條路線組成主打一次遊覽熱門景點包含西門町、臺北101、士林夜市、故宮博物院等高度仰賴外國觀光客臺北市雙層觀光巴士執行長徐浩源表示現在境外旅客不能進入常常一整天大概3至4班出現「0人」的狀態創下通車3年來新低紀錄。
徐浩源表示新冠肺炎疫情升溫但因為雙層觀光巴士是露天開放的因此感染風險不如一般的密閉大眾運輸工具未來陸續祭優惠搶救載客量。
徐浩源指出近日將推3周年紀念票除了50元銅板便可搭乘雙層觀光巴士外而這次疫情也衝擊到商圈因此這次也配合100家商圈只要憑紀念票去消費最低可以享5折的優惠。
另外針對壽星攜伴在生日當天、生日的前後各3天共計7天內可享有2人同行、200元的24時票券再加599元還能入住北市四星級旅館包含享用早餐等於兩人只要799元相當優惠划算。</t>
  </si>
  <si>
    <t>優惠觀光包含北市徐浩源巴士疫情臺北表示壽星巴士外銅板當天搶救載客衝擊升溫肺炎</t>
  </si>
  <si>
    <t>臺北肺炎徐浩源北市一天</t>
  </si>
  <si>
    <t>徐浩源肺炎臺北北市</t>
  </si>
  <si>
    <t>比喻蕭彤雯生氣回歸校正何謂</t>
  </si>
  <si>
    <t>台灣新冠肺炎疫情本土確診數最近不斷增加今(22日)指揮官陳時中宣佈新增321例本土病例校正回歸400例從5月16日到21日病例數皆有調整其中「校正回歸」四字引來網友討論前主播蕭彤雯稍早發文用記帳的例子解</t>
  </si>
  <si>
    <t>本土回歸校正病例蕭彤發文討論疫情網友確診引來最近不斷增加指揮官陳時中宣佈調整</t>
  </si>
  <si>
    <t>台灣新冠肺炎疫情本土確診數最近不斷增加今(22日)指揮官陳時中宣佈新增321例本土病例校正回歸400例從5月16日到21日病例數皆有調整其中「校正回歸」四字引來網友討論前主播蕭彤雯稍早發文用記帳的例子解釋此事希望淺顯易懂讓粉絲瞭解。
今中央流行疫情指揮中心指揮官陳時中照往常在下午2時舉行記者會公佈每天本土及境外移入的確診案例稍早傳出今日確診數可能會增加不少陳時中說今本土確診案例為321例境外移入2例其餘有400例本土個案校正回歸到先前每日個案數。
從校正回歸後的病例數看來從5月16日起本土案例為為245例（5/16）、406例（5/17）、325例（5/18）、359例（5/19）、360例（5/20）、349例（5/21）今則為321例高峰落在5月17日。而陳時中也解釋這400例是先前採檢完但還沒檢驗的個體今清理完畢需分配回到原本的採檢日才能研判疫情趨勢。
對此蕭彤雯發文解釋「校正回歸」「跟我一樣沒學過會計的人或聽不懂一大堆術語的人我來推一個彤粉給的通俗解釋：每天都記帳但是今天才發現皮包裡有一張上星期三的發票沒記到帳。這張發票該算在上星期三的還是今天的帳呢？差不多就是這樣的概念。好淺顯易懂啊！」並補充：「底下有人說也可以解釋成5/18刷卡5/22入帳的概念」。
然而蕭彤雯發文不久後刪文稍早她解釋刪文主因生氣說：「這社會最可怕的不是政治淩駕一切而是民眾自己爭先恐後的讓政治淩駕一切」她只是想用比喻讓她大家方便理解「但更多人跑出來罵這些問問題的人我對這點真的感到莫名其妙！這些人是要表示你們很厲害嗎？到底是在兇什麼？看不懂的人是有犯法嗎？」最後無奈說：「不想看到那些自以為了不起的留言只好刪文」。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解釋本土陳時中疫情回歸校正發文確診務必今天淺顯易懂防疫</t>
  </si>
  <si>
    <t>新冠肺炎台灣校正回歸比喻蕭彤雯</t>
  </si>
  <si>
    <t>校正臺灣回歸肺炎比喻蕭彤雯</t>
  </si>
  <si>
    <t>菜色元還吃不飽便當人員台商隔離醫療</t>
  </si>
  <si>
    <t>新冠肺炎疫情持續延燒所有第一線醫療人員都傾盡全力在抗疫不過有網友PO出醫療人員的便當和之前臺商在隔離所的菜色相比遜色許多並透露以男生的食量這樣的便當已經「漲了10元還吃不飽」希望大家可以稍微體</t>
  </si>
  <si>
    <t>便當醫療人員吃不飽持續元還已經食量希望透露疫情相比遜色菜色隔離傾盡全力台商之前網友po</t>
  </si>
  <si>
    <t>新冠肺炎疫情持續延燒所有第一線醫療人員都傾盡全力在抗疫不過有網友PO出醫療人員的便當和之前臺商在隔離所的菜色相比遜色許多並透露以男生的食量這樣的便當已經「漲了10元還吃不飽」希望大家可以稍微體諒吃不飽還要上戰場抗疫的各界人士引起網友熱議。
一名女網友在Dcard分享了男友前陣子在醫院的員工便當照片一塊肉及三格配菜再加上一顆像丸子的東西裝飯的格子還有留白。當時台商住在隔離所的便當菜色不僅有雙主菜還搭配了4、5樣配菜整個便當盒裝得滿滿2個便當相比起來讓原PO相當疑惑「是醫院便當太可憐還是隔離所便當太豐盛？」
原PO表示醫院便當原本是一個70元後來漲了10元但這樣的份量以男生的食量來說還是吃不飽他們還得抽空到樓下超商買東西果腹。原PO最後也表示「希望大家能夠稍微體諒吃不飽還要上戰場抗疫的各界人士。」
網友看完後紛紛在貼文下留言有護理系網友馬上認出這是「台大便當無誤」同業網友也無奈留言「這就是為什麼我們都叫外送」還有其他網友表示同情「這個80元不合理」、「怎麼有力氣繼續照顧病人。」
更多 CTWANT 報導</t>
  </si>
  <si>
    <t>便當網友po吃不飽醫院隔離東西相比醫療人員留言表示台商菜色食量希望各界人士持續</t>
  </si>
  <si>
    <t>新冠肺炎武漢肺炎醫護人員便當隔離所</t>
  </si>
  <si>
    <t>武漢肺炎醫護人員便當隔離</t>
  </si>
  <si>
    <t>回歸渴望詹皇nba觀眾</t>
  </si>
  <si>
    <t>在NBA無限期停賽期間仍在社群媒體相當活躍的湖人「小皇帝」詹姆斯9日接受視訊訪問時再次放話「我很樂意迎接本季的正式回歸我們的狀態能在復賽後開始為了總冠軍而戰我更希望能有球迷在觀眾席上的比賽但我</t>
  </si>
  <si>
    <t>媒體相當活躍希望皇帝詹姆斯期間接受開始訪問再次複賽樂意</t>
  </si>
  <si>
    <t>在NBA無限期停賽期間仍在社群媒體相當活躍的湖人「小皇帝」詹姆斯9日接受視訊訪問時再次放話「我很樂意迎接本季的正式回歸我們的狀態能在復賽後開始為了總冠軍而戰我更希望能有球迷在觀眾席上的比賽但我不知道能否成真。」
詹姆斯在這次美國新冠疫情爆發期間態度始終一變再變從一開始放話拒絕打沒觀眾比賽到了後來變成呼籲大眾努力防疫就算停賽也沒關係但他卻是本季假如剩餘賽季不打損失最大的NBA球星之一因為只要少打1場他約損失40萬美元。
只是隨著NBA找不到真正可行的復賽方案詹姆斯強調自己無論如何都會珍惜一些本季的特殊時刻「假如我們沒有機會可以打完本季我不覺得自己可以找到任何寬慰。追根究底我們必須同意健康平安是最重要的當我們控制好這點才可處理其他事情。
畢竟湖人本季奪冠呼聲很高詹姆斯當然很想趕緊復賽「我現在每週至少訓練4到5次儘量保持最佳狀態不管本季何時恢復我都讓身體與頭腦做好準備。不過最重要的還是美國本土與全世界人們的安全要控制好疫情努力達到我們可以復賽的階段。」</t>
  </si>
  <si>
    <t>詹姆斯複賽nba可以比賽努力美國疫情期間開始狀態控制停賽損失重要</t>
  </si>
  <si>
    <t>本季NBA復賽詹姆斯湖人</t>
  </si>
  <si>
    <t>nba複賽詹姆斯</t>
  </si>
  <si>
    <t>小時確診連上店員晚班全聯女接觸消費者西門</t>
  </si>
  <si>
    <t>臺北市今日新增9例確診個案其中案15426曾去過全聯西門町店足跡顯示她連續3天都待在全聯長達10多小時北市副市長黃珊珊證實該婦人為全聯女員工由於先生11日確診因此被匡為居家隔離對象但因過去的確有接</t>
  </si>
  <si>
    <t>確診全聯隔離居家匡為個案先生員工全聯女婦人證實黃珊珊對象西門市長北市町店小時足跡連續長達天都過去顯示</t>
  </si>
  <si>
    <t>臺北市今日新增9例確診個案其中案15426曾去過全聯西門町店足跡顯示她連續3天都待在全聯長達10多小時北市副市長黃珊珊證實該婦人為全聯女員工由於先生11日確診因此被匡為居家隔離對象但因過去的確有接觸消費者因此公佈足跡讓民眾警惕。
北市衛生局下午公佈確診個案公共場域活動史案15426為一名婦人15日採檢確診曾於6日、7日的中午12時50分到下午1時10分出入萬華廣州街機車行6日到8日時也曾到全聯西門町店工作時間為6日到8日的下午1點到深夜11點半時長達10多小時共匡列接觸者5人。
黃珊珊證實該婦人為全聯店員並說她先生已在11日確診因此她有幾天都在居家隔離目前匡列都是曾經有接觸過的人包括機車行老闆和一起聊天的人因為她當時是在居家隔離階段所以狀況應該沒有發散出去但她的確有接觸消費者所以才會公佈足跡。
外界關心另名案15424明明在13日確診為何去過的好市多、IKEA沒有立即停業清消？黃則解釋因為該案於晚間9點多才被通報市府第一時間通知業者告知有些地方待得久危險性較高也說該案匡列對象皆為家人與親密接觸者並沒有職場或公共場域的人。
至於好市多收銀員為何至今尚未接種疫苗北市副市長蔡炳坤則解釋大賣場收銀員屬第7類施打對象是由中央主管機關、也就是經濟部負責造冊再媒合醫院通知接種。</t>
  </si>
  <si>
    <t>確診接觸全聯北市沒有匡列物件足跡下午居家婦人隔離公佈解釋收銀通知小時天都市長</t>
  </si>
  <si>
    <t>新冠肺炎台灣全聯北市西門町</t>
  </si>
  <si>
    <t>臺灣全聯北市肺炎西門</t>
  </si>
  <si>
    <t>畢業典禮期末教學改線東吳大學舉行</t>
  </si>
  <si>
    <t>新冠肺炎疫情嚴峻全國防疫升為三級警戒為避免群聚疑慮東吳大學今(19)日宣佈全校遠距教學由原預定的兩周延長為全學期至6月26日止期末考原則上採線上考試或繳交書面報告取代。至於實驗課、音樂展演等其</t>
  </si>
  <si>
    <t>至於嚴峻取代全國書面報告防疫升為警戒避免實驗疫情疑慮東吳大學期末宣佈學期全校周延長預定教學</t>
  </si>
  <si>
    <t>新冠肺炎疫情嚴峻全國防疫升為三級警戒為避免群聚疑慮東吳大學今(19)日宣佈全校遠距教學由原預定的兩周延長為全學期至6月26日止期末考原則上採線上考試或繳交書面報告取代。
至於實驗課、音樂展演等其他課程學生必須到校考試者東吳大學表示得先向教務處申請並拉大考試座位間距注意教室通風符合防疫規定。
東吳大學提到6月即將登場的畢業季因疫情關係決議取消全校性的畢業典禮改為線上舉行。至於各系的畢業或撥穗活動校方也決定全面取消。
為了防堵病毒入侵、守護師生健康東吳大學指出也已在5月15日以及5月16日分別完成城中校區和外雙溪校區的大規模消毒工作。學校鼓勵住宿同學返家進行遠距學習宿舍內同學避免在校外活動。有關教務、學務、國際交流的詳細配套請參考東吳大學官方網站。
另外東吳大學並指出推廣部部份課程已採遠距教學其他課程順延或停課等公告請以推廣部官方網站、手機簡訊或Email通知為主。</t>
  </si>
  <si>
    <t>東吳大學課程防疫避免取消至於疫情畢業全校考試同學推廣部官方網站教學指出雙溪校手機嚴峻區和消毒</t>
  </si>
  <si>
    <t>新冠肺炎台灣東吳大學考試課程</t>
  </si>
  <si>
    <t>臺灣東吳大學肺炎考試課程</t>
  </si>
  <si>
    <t>實際透光口罩藥局</t>
  </si>
  <si>
    <t>日前有民眾反映「口罩變薄」但疫情指揮中心已經解釋過其實這類口罩一樣具有防疫功能只是差了一層可防血液潑濺。有一名網友在臉書上貼出一張口罩照片並發文表示女友在新竹的藥局排隊領了口罩但口罩卻非常</t>
  </si>
  <si>
    <t>口罩女友新竹表示發文照片疫情可防血液指揮中心已經只是解釋功能防疫具有其實貼出書上網友排隊</t>
  </si>
  <si>
    <t>日前有民眾反映「口罩變薄」但疫情指揮中心已經解釋過其實這類口罩一樣具有防疫功能只是差了一層可防血液潑濺。有一名網友在臉書上貼出一張口罩照片並發文表示女友在新竹的藥局排隊領了口罩但口罩卻非常薄讓他有不小的疑慮。
原PO在臉書社團《爆怨公社》貼出一張口罩照片內文提到他沒有要怪藥局或政府單純抒發且上網查過新聞有人也跟他一樣拿到輕薄透光的口罩。同時原PO也秀出藥局號碼牌證明自己是在藥局購入絕非造假。
照片一出引來網友熱議部分網友在底下秀出自己買到的口罩並認為原PO的口罩是瑕疵品。對此一名網友就跳出來解釋疫情指揮中心之前已在記者會上清楚說明過有分「一般醫用」與「外科手術用」口罩兩種都有阻絕病毒的效果外科用的多了防血液潑濺效果。
同時這位網友也PO出友人剪開輕薄口罩的照片他說明其實裡面依然是三層口罩在防護使用上並沒有疑慮。</t>
  </si>
  <si>
    <t>口罩照片網友藥局po說明貼出其實輕薄疫情指揮解釋中心效果血液沒有疑慮單純政府抒發</t>
  </si>
  <si>
    <t>猝死侯友宜施打長者疫苗</t>
  </si>
  <si>
    <t>本土疫情嚴峻各縣市近日已陸續對轄內85歲以上長者施打疫苗未料全台卻傳出10多位長者施打疫苗後猝死的案例。新北市長侯友宜今表示前2天施打率接近6成但今日施打率只有47％左右不到5成相信許多長者看了新</t>
  </si>
  <si>
    <t>施打長者疫苗近日陸續轄內各縣市以上侯友宜市長表示新北案例猝死傳出相信</t>
  </si>
  <si>
    <t>本土疫情嚴峻各縣市近日已陸續對轄內85歲以上長者施打疫苗未料全台卻傳出10多位長者施打疫苗後猝死的案例。新北市長侯友宜今表示前2天施打率接近6成但今日施打率只有47％左右不到5成相信許多長者看了新聞報導後有受影響但仍要持續觀察將研究分析原因。
侯友宜表示昨天跟前天施打率將近6成今天施打率下來只有47％左右不到5成長者施打後新聞媒體報導猝死案例相信很多長者看了新聞後受到影響但仍要持續觀察、研究分析但施打率確實比前2天低從6成掉到剩不到5成事後原因仍要好好分析。</t>
  </si>
  <si>
    <t>施打長者仍要分析侯友宜案例原因疫苗表示相信猝死影響研究近日觀察持續各縣市陸續</t>
  </si>
  <si>
    <t>猝死AZ長者施打率疫苗</t>
  </si>
  <si>
    <t>施打長者az疫苗猝死</t>
  </si>
  <si>
    <t>指點防疫通信網</t>
  </si>
  <si>
    <t>新型冠狀病毒未見趨緩民眾出外用餐總是擔憂有鑒於此遠傳(4904)今日宣佈推出智慧餐飲工具「一指點」餐飲業者免建置系統僅須前往遠傳直營門市申辦客人掃描就能用自己的手機完成零接觸的點餐、結帳。遠傳</t>
  </si>
  <si>
    <t>民眾出外用餐總是手機擔憂能用掃描完成客人指點餐飲業者工具餐飲有鑑於此建置接觸申辦智慧系統今日門市推出</t>
  </si>
  <si>
    <t>指點店家平臺客人數位透過期間防疫交談導入資料產業自行表示工具完成電信提供推出企業</t>
  </si>
  <si>
    <t>遠傳新冠肺炎智慧餐飲遠傳一指點曾詩淵</t>
  </si>
  <si>
    <t>餐飲智慧肺炎指點曾詩淵</t>
  </si>
  <si>
    <t>接種老翁az疫苗麻豆台南身亡</t>
  </si>
  <si>
    <t>台南市新增1例疑似疫苗不良反應的死亡案例。台南麻豆區一名89歲老翁16日上午返回戶籍地大內衛生所接種AZ疫苗隨後回麻豆區住所當晚出現食慾不振、身體不適深夜送醫急診19日不治醫院診斷為慢性阻塞性肺部</t>
  </si>
  <si>
    <t>疫苗麻豆台南不治急診送醫深夜身體不適食欲不振醫院出現當晚戶籍地住所不良反應衛生所接種大內返回az上午死亡隨後老翁</t>
  </si>
  <si>
    <t>台南市新增1例疑似疫苗不良反應的死亡案例。台南麻豆區一名89歲老翁16日上午返回戶籍地大內衛生所接種AZ疫苗隨後回麻豆區住所當晚出現食慾不振、身體不適深夜送醫急診19日不治醫院診斷為慢性阻塞性肺部疾病及心肺衰竭。台南市衛生局獲報今天通報中央研判是否與疫苗有關也會協助申請預防接種受害就濟。
台南市目前累計3起疑似接種疫苗後死亡的案例。首例是中西區90歲老翁無慢性病史15日施打疫苗後16日猝死家中；第2例是安南區護理之家的86歲老婦有阿茲海默、心衰竭、C型肝炎等多重慢性疾病15日接種疫苗17日因心跳加速送醫急救宣告不治；麻豆區89老翁為第3例。
但衛生局也強調目前中央流行疫情指揮中心根據各縣市回報不良反應並沒有因疫苗引起的直接反應。</t>
  </si>
  <si>
    <t>疫苗接種麻豆老翁台南中央目前不治衛生局不良反應衰竭疾病死亡案例沒有受害預防接種申請身體</t>
  </si>
  <si>
    <t>新冠肺炎台灣麻豆區台南市疫苗</t>
  </si>
  <si>
    <t>臺灣麻豆肺炎南市疫苗</t>
  </si>
  <si>
    <t>旅館送醫sop症狀防疫pcr北市</t>
  </si>
  <si>
    <t>北市防疫旅館爆出篩檢後隔天又出現症狀而沒有再次篩檢引發質疑。市長柯文哲今早表示已下令更改SOP所有防疫旅館都發放快篩劑出現症狀就篩檢衛生局下午進一步表示SOP再稍微調整只要有疑似症狀就建議</t>
  </si>
  <si>
    <t>症狀表示sop防疫旅館出現稍微調整柯文哲下令質疑更改市長引發進一步下午再次沒有</t>
  </si>
  <si>
    <t>北市防疫旅館爆出篩檢後隔天又出現症狀而沒有再次篩檢引發質疑。市長柯文哲今早表示已下令更改SOP所有防疫旅館都發放快篩劑出現症狀就篩檢衛生局下午進一步表示SOP再稍微調整只要有疑似症狀就建議直接送醫做PCR採檢。
對於防疫旅館加強措施北市衛生局專委歐佳齡表示所有民眾都可以打第三劑也要求防疫旅館務必接種中央今天宣佈增加家公費家用快篩頻率入境後三、七、十天快篩最多會做三次篩檢。
歐佳齡表示會確認是否在民眾在入境地方領取使用防疫旅館會做全面性查核如果有相關防疫措施會去瞭解防疫管理部分有沒有落實其他部分如有疑似症狀還是要做PCR採檢這部分會稍微調整只要有疑似症狀就建議直接送醫做PCR採檢。</t>
  </si>
  <si>
    <t>防疫旅館表示症狀民眾sop沒有衛生局入境措施歐佳齡pcr出現稍微部分調整北市</t>
  </si>
  <si>
    <t>防疫旅館疑似症狀PCR採檢篩檢</t>
  </si>
  <si>
    <t>症狀pcr旅館防疫</t>
  </si>
  <si>
    <t>歌手台南音樂會平安登臺</t>
  </si>
  <si>
    <t>2020年天災人禍肆虐全球籠罩在新冠肺炎疫情的陰影之下。台南市議員蔡筱薇、李啟維在今日協助台南基督長老教會台南中會舉辦「七月平安暝台灣好萬年－2020 心靈重建平安音樂會」記者會希望透過音樂撫平大家心靈</t>
  </si>
  <si>
    <t>台南平安心靈肺炎疫情陰影之下議員記者會希望今日籠罩音樂會重建舉辦七月臺灣透過協助蔡筱薇李啟維基督長老教會全球中會</t>
  </si>
  <si>
    <t>2020年天災人禍肆虐全球籠罩在新冠肺炎疫情的陰影之下。台南市議員蔡筱薇、李啟維在今日協助台南基督長老教會台南中會舉辦「七月平安暝台灣好萬年－2020 心靈重建平安音樂會」記者會希望透過音樂撫平大家心靈的哀痛。
「七月平安暝台灣好萬年－2020 心靈重建平安音樂會」將於9月6號於台南市南島路及建平路口舉行主辦單位邀請台南在地嘻哈歌手大支參與演出除此之外更找立法委員陳柏惟上臺演講。
台南市議員蔡筱薇指出2020年是一個很特別年份無論是新冠肺炎、東京奧運延期、李前總統逝世等情況都讓許多人陷入哀痛之中期盼藉由世界語言「音樂」一起為台南市民祝福祈禱。市議員李啟維也表示透過平安音樂會可以傳遞耶穌基督的福音給台南市民帶給鄉親更多祥和。
台南市基督長老教會台南中會議長黃偉力則在記者會中帶領議員及與會貴賓進行禱告儀式除了期許台灣疫情穩定之外也將更多的愛與祝福傳遞給其他國家。</t>
  </si>
  <si>
    <t>台南議員平安音樂會臺灣哀痛疫情記者會音樂肺炎市民心靈祝福透過傳遞李啟維蔡筱薇長老教會基督七月重建總統逝世</t>
  </si>
  <si>
    <t>平安音樂會大支陳柏惟新冠肺炎</t>
  </si>
  <si>
    <t>陳柏惟音樂會平安肺炎</t>
  </si>
  <si>
    <t>中國慢吞吞學學防疫經驗</t>
  </si>
  <si>
    <t>雖然世界衛生組織WHO還沒把新冠肺炎列為全球流行疾病但疫情已擴散至73國確診案例超過10萬例29億學生停課。醫界權威雜誌《柳葉刀》3月7日發表社論《COVID-19：太少太晚？》（COVID-19: too little too late</t>
  </si>
  <si>
    <t>covid-發表肺炎列為柳葉刀全球雜誌流行權威疾病疫情停課擴散學生確診超過案例社論too</t>
  </si>
  <si>
    <t>雖然世界衛生組織WHO還沒把新冠肺炎列為全球流行疾病但疫情已擴散至73國確診案例超過10萬例29億學生停課。醫界權威雜誌《柳葉刀》3月7日發表社論《COVID-19：太少太晚？》（COVID-19: too little too late?）直接批評各國政要對疫情的防控遲緩而無效強調：「病毒沒有『價值觀』」。
該文援引WHO大陸聯合行動小組的報告稱大陸針對新冠肺炎疫情的公共衛生防控措施可能是「歷史上最野心勃勃的、最靈活的、最積極的疾病控制行動（ambitious agile and aggressive disease containment effort in history）」雖然封城、停班、停課等措施對大陸的經濟及產業造成嚴重影響但這些防控措施卻拯救了成千上萬人的性命。
官民全員動起來抗疫
《柳葉刀》認為新型冠狀病毒對已開發、開發中等國家有不同的挑戰醫界憂心的是各國公共衛生體系如何應付疫情的擴散。大陸可以成功防疫很大程度上取決於大陸擁有的強大行政體系可以在受到新冠病毒疫情威脅時動員起來再加上大陸民眾遵守嚴格的公共衛生程式例如監控患者、詳盡的疫調追蹤、社交疏散、旅行限制、教育公眾手部衛生以及延後不必要的活動與服務。
時至今日證據表明大陸官方在公共衛生方面投注的巨大努力已挽救數千人的生命《柳葉刀》社論認為：「各國領袖可從這些重要的大陸經驗中學習。」目前各國正面臨自家疫情擴散的問題儘管各國醫界和科學界一再警示新冠肺炎防疫的重要性但防疫可能導致的經濟放緩和停擺讓各國領袖不敢放手一搏；而在非洲、拉丁美洲、中東的許多國家的公衛體系都還沒有為已發生或可能的疫情做好準備。
拒絕握手成全球運動
由於新冠病毒是透過飛沬傳染且傳染性極強最可怕的是有3成患者是沒有症狀或症狀輕微但具高度傳染性的帶原者防不勝防。
為此全球人們「打招呼」的方式也開始改變握手、親吻臉頰、擊掌、碰鼻、擁抱等近距離接觸的友好方式因為具有傳染高風險已不能使用歐美各國出現許多不同的打招呼方式例如正在英國舉行的歐洲青年聯賽的足球場上年輕球員、裁判以互相擊肘表達運動員風度；石油輸出國組織多位官員在維也納參加會議用碰腳代替握手、擁抱；如佛教徒般雙手合十或中國傳統的抱拳作揖也成為歐美人彼此問候的流行手勢。
雖然問候方式改變但人們的慣性難改例如德國總理梅克爾參加內閣會議時習慣性向內政部長傑霍夫伸出右手想禮貌性握手卻遭對方婉拒梅克爾也只能尷尬一笑趕緊入座。正在卡達杜哈舉行的2020桌球公開賽在一場雙打比賽前裁判也拒絕和女選手握手女選手楞了幾秒才回身站好。
小靈通 擊肘問候
以肘碰肘的方式示意友好的動作。一說來自夏威夷莫洛凱島上的卡勞帕帕半島是流放麻瘋病人區域1969年隔離政策取消許多人開始在卡勞帕帕以外的地方參加教堂禮拜；由於麻瘋病是透過接觸病患而傳染教堂的會眾、牧師對近距離接觸保持警惕採碰肘方式打招呼表示誠意1970年代初期開始由夏威夷教堂外傳；另一種說法是來自拳擊場上2位選手拳頭碰拳頭互表尊重的變化。（廖慧娟）</t>
  </si>
  <si>
    <t>大陸疫情衛生方式握手病毒參加例如開始教堂沒有防控體系柳葉刀措施打招呼傳染擴散可能全球</t>
  </si>
  <si>
    <t>大陸肺炎病毒公共衛生疫情</t>
  </si>
  <si>
    <t>大陸疫情肺炎衛生病毒</t>
  </si>
  <si>
    <t>球迷挽回戈貝爾支持nba</t>
  </si>
  <si>
    <t>爵士中鋒戈貝爾(Rudy Gobert)在公開道歉之後正式對大眾做出補償他15日宣佈捐出50萬美元(約台幣1500萬)來幫助防疫包括支援那些因為停賽而生計受影響的時薪工作人員。他慷慨的行為讓球迷也不好意思再罵他了。戈貝</t>
  </si>
  <si>
    <t>gobert球迷公開道歉之後行為正式慷慨大眾工作人員做出時薪補償影響宣佈生計停賽不好意思rudy支援包括台幣防疫</t>
  </si>
  <si>
    <t>Rudy Gobert is donating more than $500000 to support both the employee relief fund at Vivint Smart Home Arena and COVID-related social services relief in Utah Oklahoma City and within the French health care system» https://tco/dxy82zTqp3
爵士中鋒戈貝爾(Rudy Gobert)在公開道歉之後正式對大眾做出補償他15日宣佈捐出50萬美元(約台幣1500萬)來幫助防疫包括支援那些因為停賽而生計受影響的時薪工作人員。他慷慨的行為讓球迷也不好意思再罵他了。
戈貝爾透過球團聲明：「我明白有些人可能因疫情陷入各種困境這些捐款聊表我對他們的感恩與支持也是我試圖發揮正面影響力而邁出的第一步同時我繼續瞭解並普及新冠病毒(COVID-19)的知識給大眾。」
美媒ESPN報導捐款的其中20萬美元拿來補貼爵士球場的時薪工作人員10萬美元幫助猶他州的染病家庭10萬美元幫助奧克拉荷馬市的染病家庭(因為他染病時跑去客場作戰)最後10萬美元捐給法國健保系統(戈貝爾是法國人)。
爵士球迷稱讚戈貝爾知過能改「他一時糊塗犯了錯但他實際上是個好人請媒體不要再攻擊他了。」</t>
  </si>
  <si>
    <t>戈貝爾爵士幫助thereliefand大眾捐款球迷時薪工作人員法國gobert染病rudy家庭普及than瞭解to繼續</t>
  </si>
  <si>
    <t>戈貝爾Rudy Gobert捐款爵士NBA</t>
  </si>
  <si>
    <t>gobert爵士捐款rudy戈貝爾nba</t>
  </si>
  <si>
    <t>研究突然降溫疫情delta竟自日本</t>
  </si>
  <si>
    <t>日本新冠疫情突然降溫連當地人都無法確定原因不過最新研究發現日本疫情突然降溫可能是Delta變異株自我毀滅的結果。日本第5波新冠疫情在9月之後突然降溫連當地人都相當困惑外媒大致統整出幾個原因包括日</t>
  </si>
  <si>
    <t>降溫原因日本突然疫情當地人大致困惑相當整出毀滅結果變異確定最新delta研究無法可能發現之後包括</t>
  </si>
  <si>
    <t>日本the病毒研究ofnsp疫情in基因組thatdelta修復發現japanto突變指出降溫原因酵素無法研究所mayenzyme</t>
  </si>
  <si>
    <t>#新冠肺炎#全球日本自爆Delta降溫</t>
  </si>
  <si>
    <t>全球日本肺炎delta降溫</t>
  </si>
  <si>
    <t>訝異弗斯口罩nba</t>
  </si>
  <si>
    <t>七六人跨年夜在客場痛宰魔術現場開放4000位球迷進場七六人總教練瑞弗斯(Doc Rivers)對當地人防疫的鬆散感到不可思議。瑞弗斯說：「我實在怕得要命我很訝異大家對疫情毫不在乎我明白球場裡只開放3000多人(滿</t>
  </si>
  <si>
    <t>弗斯開放魔術痛宰毫不在乎現場明白疫情球場訝異球迷怕得要命實在進場不可思議教練感到當地人防疫鬆散riversdoc客場</t>
  </si>
  <si>
    <t>七六人跨年夜在客場痛宰魔術現場開放4000位球迷進場七六人總教練瑞弗斯(Doc Rivers)對當地人防疫的鬆散感到不可思議。瑞弗斯說：「我實在怕得要命我很訝異大家對疫情毫不在乎我明白球場裡只開放3000多人(滿座2萬)但好多人沒戴口罩還是令我吃驚。」
魔術主場在佛州奧蘭多也就是去年聯盟復賽的地點。佛州是限制比較少的州最近全面解禁這裡的人可能跟其他地方過著不一樣的防疫生活。瑞弗斯說：「我無意講任何州的壞話我只是覺得這裡怎麼如此開放。」費城七六人主場在賓州那裡是防疫比較嚴格的地方。
2020年結束後佛州累積132萬新冠肺炎病例是全美第3有21萬人死亡。賓州累積65萬病例、16萬人死亡。
七六人先前在客場打騎士隊現場只開放300人可見每個州的把關力道不一。瑞弗斯肯定NBA的防疫規定「他們讓我在球場裡覺得很安全即使必須跨州移動聯盟的規矩也是一直跟著我們。像是奧蘭多的餐廳已經開放但是聯盟一律不許我們進入我認為這是很棒的防疫政策。」</t>
  </si>
  <si>
    <t>開放防疫弗斯佛州聯盟魔術覺得球場比較地方奧蘭多主場現場賓州累積客場病例死亡認為</t>
  </si>
  <si>
    <t>瑞弗斯魔術七六人新冠肺炎NBA</t>
  </si>
  <si>
    <t>魔術弗斯肺炎nba</t>
  </si>
  <si>
    <t>症狀肺炎周前同台感染表演者生病瑪丹娜</t>
  </si>
  <si>
    <t>西洋流行樂壇天后瑪丹娜（Madonna）日前才自爆體內驗出新冠肺炎抗體還口出狂言會外出呼吸新冠病毒空氣更去參加攝影師好友史蒂文卡萊恩的生日派對完全無視病毒今(7日)她發文承認的確有感染病毒同台表演者也</t>
  </si>
  <si>
    <t>病毒瑪丹娜madonna日前才自感染體內的確發文出新肺炎無視好友完全抗體攝影師生日派對史蒂文卡萊恩參加口出狂言</t>
  </si>
  <si>
    <t>西洋流行樂壇天后瑪丹娜（Madonna）日前才自爆體內驗出新冠肺炎抗體還口出狂言會外出呼吸新冠病毒空氣更去參加攝影師好友史蒂文卡萊恩的生日派對完全無視病毒今(7日)她發文承認的確有感染病毒同台表演者也生病但現在大家都很健康已經痊癒了。
 Im Grateful that I can be a part of supporting Research to Find the cure for Covid -19!! ? ?  And just to clear things up for people who would rather believe sensationalist headlines than do their own research about the nature of this virus— I am not currently sick When you test positive for anti-bodies it means you HAD the virus which I clearly did as I was sick at the end of my tour in Paris over 7 weeks ago along with many other artists in my show but at the time We all thought we had a very bad flu Thank God we are all healthy and well now Hope that clears things up for the band wagon jumpers!! Knowledge is Power! #covid19
A post shared by  Madonna (@madonna) on May 6 2020 at 10:18am PDT
新冠肺炎疫情重創世界各國流行天后瑪丹娜（Madonna）日前才在網上自曝她日前接受檢測結果驗出體內有抗體引發外界一片熱議而她在台灣時間7日再發文表示約在2個月前在巴黎舉行巡迴演唱會時她的表演者都掛病號而瑪丹娜自己也出現症狀。
瑪丹娜起初以為他們只是一般流感因此沒放在心上而瑪丹娜也感性嘆所幸他們都已康復痊癒強調他們都很好、很健康。她也強調不是最近生病的大約2個月前到巴黎展開巡迴演唱會活動快結束時她出現症狀合作同台的人也都有生病。
瑪丹娜日前雖檢驗出新冠肺炎抗體但她無視社交禁令自行解除隔離表示要開車去兜風之後又去攝影師好友史蒂文卡萊恩的生日派對引起爭議因為世界衛生組織(WHO)之前才發聲明表示目前還沒證據表明具有新冠病毒抗體、染疫康復者可以躲過二次感染因此就算有抗體也有感染風險。</t>
  </si>
  <si>
    <t>the瑪丹娜抗體病毒for表示ofat日前madonna肺炎生病whoweinandthatam無視had</t>
  </si>
  <si>
    <t>瑪丹娜新冠肺炎抗體西洋巴黎</t>
  </si>
  <si>
    <t>肺炎抗體西洋瑪丹娜巴黎</t>
  </si>
  <si>
    <t>抗體時中楊志良醫師</t>
  </si>
  <si>
    <t>前衛生署長楊志良日前參與聯亞疫苗的二期臨床試驗但他昨天自爆6月7日抽血檢測體內抗體（ANA）僅有40且為陰性質疑國產疫苗效力然而醫師林靜儀在臉書指出ANA是抗核抗體是風濕免疫相關疾病的其中一個血清指標</t>
  </si>
  <si>
    <t>疫苗ana抗體日前免疫參與風濕臨床楊志良試驗昨天指出抽血醫師檢測相關效力體內林靜儀質疑陰性</t>
  </si>
  <si>
    <t>前衛生署長楊志良日前參與聯亞疫苗的二期臨床試驗但他昨天自爆6月7日抽血檢測體內抗體（ANA）僅有40且為陰性質疑國產疫苗效力然而醫師林靜儀在臉書指出ANA是抗核抗體是風濕免疫相關疾病的其中一個血清指標COVID-19疫苗誘發的則是中和抗體；媒體問到楊志良的說法是否會誤導民眾去驗ANA而造成醫護人員困擾？
中央流行疫情指揮中心指揮官陳時中表示楊前署長應該要和醫師請教一般來說如果不懂就要和專業人士請教對資訊的瞭解也會更透徹。</t>
  </si>
  <si>
    <t>疫苗ana抗體醫師署長請教瞭解日前資訊專業人士參與指揮中心疫情流行指揮官陳時中表示中央困擾醫護人員是否楊前說法造成</t>
  </si>
  <si>
    <t>聯亞疫苗體內抗體ANA中和抗體楊志良</t>
  </si>
  <si>
    <t>抗體ana疫苗體內中和楊志良</t>
  </si>
  <si>
    <t>頭香達亞居家熔斷</t>
  </si>
  <si>
    <t>衛福部開放新冠肺炎家用型檢測試劑興櫃股萊鎂醫（6633）、達亞國際（6762）搶搭利多宣佈引進新冠肺炎檢測套組激勵萊鎂醫股價15日開盤10分鐘「漲到熔斷」衝上2105元；達亞一開盤也隨即漲停鎖死。國內疫情嚴</t>
  </si>
  <si>
    <t>達亞開盤肺炎檢測隨即鎖死宣佈利多引進國際股價激勵試劑國內</t>
  </si>
  <si>
    <t>衛福部開放新冠肺炎家用型檢測試劑興櫃股萊鎂醫（6633）、達亞國際（6762）搶搭利多宣佈引進新冠肺炎檢測套組激勵萊鎂醫股價15日開盤10分鐘「漲到熔斷」衝上2105元；達亞一開盤也隨即漲停鎖死。
國內疫情嚴峻中央流行疫情指揮中心宣佈開放新冠肺炎家用型檢測試劑2檔興櫃生技股萊鎂醫、達亞國際喜迎利多。萊美醫宣佈引進「萊析樂新冠病毒核酸檢測套組（Lucira Check It COVID-19Test Kit）」；達亞則引進盧西拉確可易（Lucira Health）新冠肺炎家用型核酸檢測套組。而兩家公司均證實只要三步驟就能於30分鐘得知篩檢結果激勵兩檔興櫃股股價表現勇猛。
萊鎂醫15日受惠利多激勵開盤10分鐘股價狂飆7454％觸動熔斷機制股價衝上2105元較11日均價1206元大漲899元；此外去年年底上櫃的專業醫材廠達亞股價亦於早盤跳空漲停鎖死攻上漲停價333元創兩個月來新高價位。</t>
  </si>
  <si>
    <t>達亞股價檢測引進激勵宣佈開盤利多肺炎lucira核酸鎖死熔斷疫情國際步驟</t>
  </si>
  <si>
    <t>萊鎂醫達亞新冠肺炎引進檢測套組</t>
  </si>
  <si>
    <t>達亞肺炎引進檢測</t>
  </si>
  <si>
    <t>施打受試者試驗臨床年底疫苗國光</t>
  </si>
  <si>
    <t>國內自主研發疫苗再傳新進度上周甫通過食藥署核准進行人體試驗的國光生技今天宣佈已進行第一波受試者施打過程一切平順可望按計畫於十一月底進入第二期臨床試驗最快年底開始量產。國光生技今天召開說明會指</t>
  </si>
  <si>
    <t>進行試驗國光今天進度上周疫苗計畫可望平順十一月過程進入施打臨床受試者核准</t>
  </si>
  <si>
    <t>國內自主研發疫苗再傳新進度上周甫通過食藥署核准進行人體試驗的國光生技今天宣佈已進行第一波受試者施打過程一切平順可望按計畫於十一月底進入第二期臨床試驗最快年底開始量產。
國光生技今天召開說明會指出第一期臨床收案人數共約七十人目的在於測試疫苗安全性本周已有第一波受試者進行施打過程相當平順。
國光生技董事長詹啟賢表示第一期疫苗人體試驗與台大醫院合作計畫由台大醫學院教授張上淳主持對象為二十至六十歲的健康成年人目前仍在持續收案中。
若第一期試驗順利通過詹啟賢說接下來將與食藥署討論但按規劃十一月進行的第二期臨床試驗收案人數將達三千人合作對象將不再僅限台大醫院估計全台醫學中心都會參與。
進入臨床試驗第一期後國光生技也表示台灣在全球的疫苗競賽中擠進前20％詹啟賢指出這一切關鍵在於國光生技早在二零一五年就建立重組蛋白技術平臺並於去年完成量產H7N9重組蛋白疫苗的準備才有辦法迎頭趕上國際。
詹啟賢說若順利明年農曆年前就可以生產一批一百五十萬劑的疫苗優先供國內第一線醫護人員施打。</t>
  </si>
  <si>
    <t>疫苗試驗國光臨床進行詹啟賢台大醫院對象蛋白重組合作順利國內指出進入人體十一月</t>
  </si>
  <si>
    <t>國光疫苗國光國光生技新冠肺炎</t>
  </si>
  <si>
    <t>國光肺炎疫苗</t>
  </si>
  <si>
    <t>前景業務股價再創新高亞馬遜</t>
  </si>
  <si>
    <t>新冠肺炎防疫期間亞馬遜的電商、雲端運算與視訊串流業務需求強勁該公司繼3月宣佈增聘10萬人後打算再招募75萬名員工業務前景亮眼帶動股價改寫新高紀錄。亞馬遜股價繼13日收在216887美元後14日盤中揚升至</t>
  </si>
  <si>
    <t>亞馬遜業務股價期間雲端運算串流帶動防疫需求宣佈增聘員工前景招募打算強勁公司收在</t>
  </si>
  <si>
    <t>新冠肺炎防疫期間亞馬遜的電商、雲端運算與視訊串流業務需求強勁該公司繼3月宣佈增聘10萬人後打算再招募75萬名員工業務前景亮眼帶動股價改寫新高紀錄。
亞馬遜股價繼13日收在216887美元後14日盤中揚升至221702美元升幅為222％突破2月19日的收盤紀錄217022美元。
過去三個月來亞馬遜股價勁揚134％同期道瓊工業指數大跌195％。
防疫期間民眾被迫待在家中透過亞馬遜配送生活必需品視訊串流成為宅在家的娛樂選擇之一進而推升亞馬遜的雲端業務需求。
因應業務量激增亞馬遜在抗疫期間為零售業務增聘175萬名全職和兼職員工來處理爆量的訂單。該公司在全球聘雇約80萬人。
Upwork執長布朗（Hayden Brown）指出新冠肺炎「加速企業數位元轉型」零售、雲端運算與視訊串流是最有贏面的市場。
在華爾街券商傑富瑞（Jefferies）追蹤的電商業者中亞馬遜是唯一自新冠肺炎爆發以來客戶支出增加的零售商相較之下eBay、Chewy和Etsy等零售商的客戶支出減少。
此外根據影片與電視串流搜尋引擎服務公司Reelgood在3月16日至4月5日之間的統計　亞馬遜視訊服務Prime Video在美國市場的受歡迎程度僅次於串流龍頭網飛（Netflix）。
儘管亞馬遜的業務深具成長潛能但依據過去經驗該公司的成本仍可能輕鬆超越營收。亞馬遜為零售部門增聘大量人手預料將壓縮獲利。
亞馬遜表示公司計劃將員工時薪調高2美元並將加班的時薪調高一倍預估薪資成本將增加逾5億美元高於先前預估的35億美元。
亞馬遜將於4月23日公佈會計年度第一季（1至3月）業績。</t>
  </si>
  <si>
    <t>亞馬遜業務串流公司增聘員工期間零售雲端肺炎股價成本過去增加客戶支出防疫預估</t>
  </si>
  <si>
    <t>全球大量亞馬遜串流新冠肺炎</t>
  </si>
  <si>
    <t>串流亞馬遜肺炎全球</t>
  </si>
  <si>
    <t>商品防疫全網想買</t>
  </si>
  <si>
    <t>新冠肺炎〈NCP〉持續在全球升溫不少民眾為了自保紛紛搶購口罩、酒精等防疫商品一名在藥局工作的網友近日在臉書上敘述一名客人口誤鬧出的笑話讓不少網友聽了都笑到噴飯。一名在藥局上班的網友日前在臉書社團</t>
  </si>
  <si>
    <t>網友藥局持續全球升溫民眾自保紛紛搶購ncp口罩酒精防疫上班商品口誤客人笑話都笑敘述工作書上近日肺炎日前</t>
  </si>
  <si>
    <t>新冠肺炎〈NCP〉持續在全球升溫不少民眾為了自保紛紛搶購口罩、酒精等防疫商品一名在藥局工作的網友近日在臉書上敘述一名客人口誤鬧出的笑話讓不少網友聽了都笑到噴飯。
一名在藥局上班的網友日前在臉書社團「爆怨公社」發文表示日前客人想要購買防疫的商品口罩和酒精沒想到因為一時情急口誤說成「請問有75%的口罩嗎??」讓原本因為回答超多次而超不耐煩的原PO忍不住笑回「雖然今天我已經回答1百多次這類問題但是看在你這麼有創意的提問我想你應該是想要一次問兩種商品吧我還是認真回答你：攏某啦啦啦啦」。
文章曝光之後笑翻一票網友不少人紛紛留言表示「客人累了」、「已經問了千百回終於悟道了融會貫通的問法了」、「請問有醫療用酒精嗎？」、「親戚開藥局 聽過75號酒精？95元酒精？95%口罩〈n95？〉」、「我剛去吃飯服務人員拿額溫槍要噴手拿酒精對我額頭」、「他問到累了」、「沒有但有87%的要嗎？」。</t>
  </si>
  <si>
    <t>酒精網友口罩回答客人商品藥局紛紛口誤日前已經請問表示想要防疫持續全球升溫</t>
  </si>
  <si>
    <t>眼科肺炎醫師勤洗手對抗</t>
  </si>
  <si>
    <t>對抗新冠肺炎除勤洗手外也要注意眼睛部位的預防。岡山秀傳醫院近來接獲1名女士使用乾洗手消毒雙手後不慎揉了眼睛以及1名工人進入正在整修的開刀房油漆不慎誤按紫消燈開關導致皮膚發紅和眼睛劇痛、流淚張</t>
  </si>
  <si>
    <t>眼睛不慎勤洗手皮膚注意導致肺炎部位醫院預防近來開關岡山女士使用洗手消毒油漆</t>
  </si>
  <si>
    <t>對抗新冠肺炎除勤洗手外也要注意眼睛部位的預防。岡山秀傳醫院近來接獲1名女士使用乾洗手消毒雙手後不慎揉了眼睛以及1名工人進入正在整修的開刀房油漆不慎誤按紫消燈開關導致皮膚發紅和眼睛劇痛、流淚張不開眼睛。眼科醫師蘇娟儀呼籲出外須戴口罩並避免用手觸摸眼部以保健康。
莊女士12日出席秀傳醫院的記者會她說平日在醫院擔任志工因為用乾洗手消毒雙手後不慎揉了眼睛導致眼睛刺痛不舒服趕緊沖水、就醫。經醫師檢查發現患者的角膜輕微點狀破皮發炎開立消炎藥水與人工淚液治療兩天後痊癒。
另一例是1名工人要進入正在整修的開刀房油漆不慎按了紫消燈開關工作結束後他的皮膚發紅、眼睛劇痛淚流不止趕緊就醫。經醫師檢查他的雙眼角膜點狀灼傷皮膚也有灼傷情形醫師認為這是長時間暴露在紫外光線下造成眼部灼傷、光害性角膜炎等有灼熱、眼睛劇痛、視力減退等問題治療後恢復正常。
岡山秀傳眼科醫師蘇娟儀說新冠肺炎疫情持續延燒在防疫期間民眾要勤洗手、戴口罩就算眼睛不舒服也不要用手觸摸雙眼避免感染。
新冠肺炎台灣岡山秀傳眼科口罩勤洗手</t>
  </si>
  <si>
    <t>眼睛醫師口罩肺炎劇痛皮膚灼傷岡山不慎勤洗手醫院點狀女士眼科治療避免觸摸</t>
  </si>
  <si>
    <t>眼睛醫師眼科新冠肺炎武漢肺炎</t>
  </si>
  <si>
    <t>眼科醫師肺炎武漢眼睛</t>
  </si>
  <si>
    <t>竹市停業行業員林八大宣佈按摩確診</t>
  </si>
  <si>
    <t>彰化員林秀妃養生館感染再擴大今天下午新竹市長林智堅證實新竹1名50歲男子21日曾到秀妃消費昨天採檢今確診目前已匡列4人隔離但明明15日就三級警戒八大行業停業卻能在21日消費確診令人不解轄區警方表示</t>
  </si>
  <si>
    <t>確診消費新竹養生擴大今天下午感染男子警戒目前八大明明隔離停業匡列昨天</t>
  </si>
  <si>
    <t>彰化員林秀妃養生館感染再擴大今天下午新竹市長林智堅證實新竹1名50歲男子21日曾到秀妃消費昨天採檢今確診目前已匡列4人隔離但明明15日就三級警戒八大行業停業卻能在21日消費確診令人不解轄區警方表示每日都有派員查察但這下臉被打腫明顯有疏失。
彰化秀妃養生會館爆出員工確診縣府積極查察匡列相關接觸者掌握帳本40多名接觸者現在又爆出新竹男子21日消費店家偷偷營業的證據就擺在眼前有民眾質疑偷營業轄區警方是否都有掌握還是知情不報但有也民眾說警方很辛苦不可能24小時盯著可惡的店家才對。
彰化縣議員曹嘉豪就表示15日3級警戒就宣佈八大行業停業但這種惡質店家依然偷偷營業強烈譴責這種行為而警方、醫護替人民守在第一線加上這陣子值勤時時暴露在危險下加上這麼多有心搗亂秩序的民眾在督導查察上確實難免有疏失。
曹嘉豪說這種養生會館多半在半夜偷偷營業但警方人力有限業務繁重希望民眾能主動舉報一發現有非法情事就立即通報警方前往取締非常時期希望大家能夠主動協助警方別讓疫情持續擴散共同防堵疫情擴散；而警方督導不周也將請相關單位嚴查。
而秀妃養生會館現在也傳出有分店如果２家分店有互調支援恐怕疫情擴散程度比想像中還要大加上養生會館客人隱私問題疫調困難病毒究竟來自員工、客人還是其他接觸者目前縣府衛生局積極調查中。</t>
  </si>
  <si>
    <t>警方養生民眾營業會館加上確診消費店家偷偷擴散疫情新竹客人目前督導員工主動希望</t>
  </si>
  <si>
    <t>警方新冠肺炎台灣查察確診</t>
  </si>
  <si>
    <t>臺灣肺炎確診警方</t>
  </si>
  <si>
    <t>英雄複出nba隔離</t>
  </si>
  <si>
    <t>熱火「英雄哥」希洛最近運氣也太差了吧！先前才因頸部受傷缺席7場例行賽才剛傷癒復出打了兩場的希洛1日卻又遭逢噩耗因為跟他同住的室友突然傳出新冠檢測呈現陽性反應直接觸發聯盟健康與安全守則至少面臨1</t>
  </si>
  <si>
    <t>希洛健康聯盟觸發直接最近陽性反應呈現運氣檢測安全傳出先前突然才因室友受傷缺席噩耗例行遭逢</t>
  </si>
  <si>
    <t>熱火「英雄哥」希洛最近運氣也太差了吧！先前才因頸部受傷缺席7場例行賽才剛傷癒復出打了兩場的希洛1日卻又遭逢噩耗因為跟他同住的室友突然傳出新冠檢測呈現陽性反應直接觸發聯盟健康與安全守則至少面臨1周隔離。
根據希洛自己透露其實在前役熱火與國王比賽打完上半場他在休息室內接獲室友感染新冠消息並不確定自己在下半場該不該出賽但最後他選擇繼續上場結果打了40分鐘拿下15分、4籃板及3助攻幫助熱火1分氣走國王。
假如希洛至少面臨7天隔離時間對於熱火來說算是相當大的壞消息畢竟他在上季季後賽打出信心本季逐漸變成熱火不動先發場均可拿175分、38助攻接下來少了他的外線火力熱火勢必要有更多其他球員跳出來幫忙得分。
其實熱火本季始終受到新冠疫情嚴重影響先前已有8名球員因為觸發聯盟健康與安全守則接受隔離總共缺席30場比賽如今希洛將變第9名將被隔離球員缺席場次繼續累積當中熱火只能期望這波疫情趕緊過去尤其是主力千萬別再被隔離了。</t>
  </si>
  <si>
    <t>熱火希洛隔離缺席球員消息助攻疫情繼續先前比賽其實室友國王至少面臨觸發聯盟安全健康守則尤其過去</t>
  </si>
  <si>
    <t>熱火希洛NBA隔離吉米巴特勒</t>
  </si>
  <si>
    <t>希洛吉米巴特勒隔離nba熱火</t>
  </si>
  <si>
    <t>氣象王牌中天戴立綱實至名歸</t>
  </si>
  <si>
    <t>「上知天文、下知地理」中天新聞氣象團隊王牌氣象主播戴立綱因播報專業、預測精準、解說氣象接地氣廣受觀眾喜愛優質表現獲「財團法人氣象應用推廣基金會」評選為「2019年度最佳氣象主播」該協會自2015年起每</t>
  </si>
  <si>
    <t>氣象地理中天年度應用財團法人表現喜愛觀眾廣受地氣戴立綱解說精准預測播報專業新聞團隊王牌推廣基金會評選天文</t>
  </si>
  <si>
    <t>「上知天文、下知地理」中天新聞氣象團隊王牌氣象主播戴立綱因播報專業、預測精準、解說氣象接地氣廣受觀眾喜愛優質表現獲「財團法人氣象應用推廣基金會」評選為「2019年度最佳氣象主播」該協會自2015年起每年舉辦評選活動迄今6年這已是戴立綱主播第二次獲獎實至名歸。戴立綱奪下獎盃後謙虛地說「一個氣象播報的成功不是靠我一個氣象主播這個獎當然不只是我個人的也是我們整個團隊的榮耀謝謝大家的肯定。」
該基金會每年舉辦民間業者優質氣象播報評選吸引各家電視媒體氣象主播角逐競爭激烈在經過專業的評審委員評選及網路投票後戴立綱眾望所歸拿下獎項。戴立綱為文化大學大氣科學系學士、政治學研究所碩士、地學研究所博士學經歷完整投入氣象播報十餘年談起「氣象」始終充滿熱情「我對氣象一直有種狂熱16年來這種狂熱的興趣不減所以每當遇上重大天氣變化梅雨、颱風、地震等一定會保持最高的專業度第一時間掌握訊息。對我來說這個獎就像是『氣象界的金鐘獎』是非常大的肯定。」
過去16年來戴立綱幾乎是中天新聞的資優全勤生平常就鮮少休假的他只要一發生重大新聞事件便即刻回到工作崗位2年前花蓮強震發生接近午夜12點的時間戴立綱剛錄影完換下西裝、準備下班一陣天搖地動他立即衝進棚內播報地震訊息；2011年日本311大地震引發海嘯當時人正在文化大學開會的戴立綱也是馬上驅車趕回公司還不忘先聯繫動畫室做氣象圖一進公司就直接進攝影棚「那是一種熱忱身體會快速地做出這樣的投入與反射動作。」
戴立綱不僅是專業氣象主播擁有超高人氣的他同時也是中天《新聞龍捲風》、《新神秘52區》節目主持人昨（1）日播出的《新神秘52區》創下近一年來最高收視佳績4歲以上平均收視率141（總收視人口919萬人）最高收視達214該集探討觀眾喜愛的神祕話題如防疫關鍵時刻蝗蟲大舉逼入雲南地區、南韓釜山一對夫妻回家後離奇消失只留監視器最後身影等議題。
而近來新型冠狀病毒肆虐家中有兩個學齡孩童的戴立綱也是繃緊神經防疫除了盡量不帶孩子去人多的室內空間更鼓勵孩子多從事戶外活動、運動增強抵抗力「我上禮拜要到保養廠領車子我就帶著兩個小孩從家裡出發走路走了5公里當然搭公車也到得了但這個時候就是盡量少坐大眾運輸工具小朋友走著走著就到了也不嫌遠運動一下很好！」</t>
  </si>
  <si>
    <t>氣象戴立綱播報專業神秘中天最高評選新聞地震防疫投入運動觀眾喜愛</t>
  </si>
  <si>
    <t>戴立綱氣象主播新冠肺炎</t>
  </si>
  <si>
    <t>氣象戴立綱肺炎</t>
  </si>
  <si>
    <t>免疫負債醫師激發接種長期流感疫苗</t>
  </si>
  <si>
    <t>民進黨立委邱泰源今與多個醫師公會舉行「全球疫情期間全民配合政府 共同合作阻疫情維護健康好生活」記者會。台大兒醫院長黃立民指出疫情期間民眾的免疫長期未被病毒激發形成免疫負債。因此呼籲高風險民眾盡</t>
  </si>
  <si>
    <t>疫情期間民眾免疫醫師公會負債舉行形成全球泰源長期記者會大兒全民合作健康維護生活配合醫院共同黃立民指出呼籲激發病毒</t>
  </si>
  <si>
    <t>民進黨立委邱泰源今與多個醫師公會舉行「全球疫情期間全民配合政府 共同合作阻疫情維護健康好生活」記者會。台大兒醫院長黃立民指出疫情期間民眾的免疫長期未被病毒激發形成免疫負債。因此呼籲高風險民眾盡快施打COVID-19、流感及肺炎鏈球菌疫苗。
邱泰源表示全球COVID-19疫情未解除而季節性流感流行期將至侵襲性肺炎鏈球菌感染症也伺機而動。提醒全民在全球疫情期間要配合政府主動接種疫苗共同合作阻疫情維護健康好生活全面提升保護力。
邱泰源表示流感流行有明顯季節性特徵。在臺灣流感一般約於11月開始疫情就會上升至隔年農曆春節前後達到高峰。由於流感疫苗大約要2週才能發揮效果因此歷年來多在10月開打今年度公費流感疫苗已開打提醒符合資格和有需要的民眾盡速與家庭醫師討論接種疫苗規劃。
黃立民引述國外知名期刊訪問全球各地有2／3的感染科專家預估今年冬天流感恐反撲。因為受COVID-19疫情影響全球已連續2年流感與肺炎人數降低民眾的免疫長期未被病毒激發形成免疫負債。因此呼籲高風險民眾盡快施打COVID-19、流感及肺炎鏈球菌疫苗。
黃立民對於台灣近期COVID-19疫苗的緩打潮也表示台灣疫情相對平靜確實是一大因素口服抗病毒藥的研發、疫苗副作用、其他疫苗的接種和預約系統等也有影響。不過整體而言接種疫苗還是利大於弊可降低重症及死亡率建議民眾還是要主動接種疫苗。</t>
  </si>
  <si>
    <t>疫情疫苗流感民眾全球接種covid-肺炎黃立民臺灣表示泰源期間鏈球菌病毒流感疫苗提醒影響免疫降低季節性生活</t>
  </si>
  <si>
    <t>新冠肺炎台灣民眾COVID19</t>
  </si>
  <si>
    <t>民眾臺灣肺炎covid</t>
  </si>
  <si>
    <t>主辦簽約華銀</t>
  </si>
  <si>
    <t>裕融企業公司新臺幣60億元聯貸6月28日簽約由華南銀行擔任統籌主辦暨額度管理銀行臺灣銀行為文件管理銀行。裕融企業聯貸金額原本僅新臺幣50億元但因各銀行參貸踴躍超額認購達21倍最終以新臺幣60億元結案</t>
  </si>
  <si>
    <t>銀行台幣企業管理額度主辦統籌擔任華南銀行簽約踴躍超額認購金額原本最終公司臺灣銀行文件結案</t>
  </si>
  <si>
    <t>裕融企業公司新臺幣60億元聯貸6月28日簽約由華南銀行擔任統籌主辦暨額度管理銀行臺灣銀行為文件管理銀行。裕融企業聯貸金額原本僅新臺幣50億元但因各銀行參貸踴躍超額認購達21倍最終以新臺幣60億元結案顯見各銀行對於裕融企業過去營運績效與未來發展給予高度認同與肯定。
裕融企業成立至今已超過30年以新車與中古車分期付款為主要業務同時整合格上租車、行冠企業等事業體提供汽車周邊服務近年亦積極跨入綠色能源領域透過旗下裕電能源發展電動汽機車充電樁並參與太陽能電廠投資。除了深耕台灣市場外也積極於中國大陸、東南亞地區擴展業務今年第一季營收以及獲利均創歷年同期新高表現十分亮眼。
統籌主辦行華南銀行長期耕耘聯貸市場具備豐富主辦聯貸經驗瞭解企業需求並客製化融資架構協助客戶取得穩定資金來源更積極配合政府「綠色金融行動方案20」政策將ESG的精神深化納入授信機制中與產官學各界協力推動永續金融引導資金投入相關產業近年來統籌主辦相關指標案件包括天衝能源（中興電工集團）、城市發展電業（寶晶能源子公司）、正隆紙業、榮鼎綠能（長榮鋼鐵及中鼎集團合資子公司）等企業落實透過授信融資業務實踐對ESG的承諾。
此外近來國內新冠肺炎疫情嚴峻華南銀行為提供受影響企業最即時的資金協助除積極配合政府各項紓困專案貸款外另推出「齊心抗疫華銀挺你」專案貸款對於未能符合政府紓困資格者也能提供自辦優惠貸款協助受疫情影響的企業取得營運資金。</t>
  </si>
  <si>
    <t>企業能源積極業務發展提供統籌協助主辦貸款華南銀行銀行政府台幣金融集團子公司融資透過</t>
  </si>
  <si>
    <t>新臺幣企業能源主辦華南銀行</t>
  </si>
  <si>
    <t>台幣能源企業主辦華南銀行</t>
  </si>
  <si>
    <t>大型活動潑水節新北骨牌效應</t>
  </si>
  <si>
    <t>萬金石馬拉松昨宣佈停辦各地盛事跟著拉警報；據瞭解即將在4月登場的新北市潑水節確定取消實體活動改採線上舉辦；4月的鐵道馬拉松雖已報名收費觀旅局考量同為馬拉松性質正研議是否停辦緊接著7月新北市</t>
  </si>
  <si>
    <t>馬拉松停辦新北活動盛事實體舉辦鐵道報名收費取消確定瞭解即將潑水節警報考量登場性質</t>
  </si>
  <si>
    <t>萬金石馬拉松昨宣佈停辦各地盛事跟著拉警報；據瞭解即將在4月登場的新北市潑水節確定取消實體活動改採線上舉辦；4月的鐵道馬拉松雖已報名收費觀旅局考量同為馬拉松性質正研議是否停辦緊接著7月新北市河海音樂季恐跟著延後。</t>
  </si>
  <si>
    <t>馬拉松停辦新北活動舉辦報名鐵道河海收費實體考量取消性質確定盛事潑水節登場緊接著</t>
  </si>
  <si>
    <t>新冠肺炎武漢肺炎 COVID-19台灣新北市</t>
  </si>
  <si>
    <t>肺炎武漢covid-新北臺灣</t>
  </si>
  <si>
    <t>台南牙醫全副武裝小時確診疫苗施打錯愕</t>
  </si>
  <si>
    <t>國內疫情延燒不斷第一線醫護人員首當其衝成為高風險族群像是日前臺南安平一名50幾歲男子因桃園旅遊史確診18日前往牙醫診所植牙時一口氣就傳染新冠肺炎給7人男牙醫師和女護理人員全遭感染更讓人訝異的</t>
  </si>
  <si>
    <t>日前不斷護理人員第一線牙醫師醫護人員首當其衝肺炎成為傳染高風險族群一口氣像是植牙南安診所牙醫男子確診旅遊</t>
  </si>
  <si>
    <t>國內疫情延燒不斷第一線醫護人員首當其衝成為高風險族群像是日前臺南安平一名50幾歲男子因桃園旅遊史確診18日前往牙醫診所植牙時一口氣就傳染新冠肺炎給7人男牙醫師和女護理人員全遭感染更讓人訝異的是牙醫師當下替他診療時全副武裝口罩、手套、護目鏡一樣都沒少甚至還打過疫苗究竟為何會感染引發各界關切。
台南安平區某牙醫診所5月24日起休診2周因牙醫師和女護理人員遭一名有桃園旅遊史的50多歲男子傳染新冠肺炎。據悉這位5旬男性案號4926從板橋接觸案3033後返回台南傳給妻子、4名部屬都確診就連幫他植牙的5旬牙醫跟護士也也中標1人傳7人。
值得一提的是案5308的牙醫2周前才打過AZ疫苗看診也戴N95口罩、穿防護衣、面罩、手套等全副武裝卻仍染疫讓診所人員都感到錯愕。
案4926於18日到牙醫診所植牙造成案5308的50多歲男醫師及案5455的40多歲女護理師雙雙確診衛生局匡列18到22日曾到診所看診的患者及醫護相關接觸者並採檢22人居家隔離、自我健康監測1人。
衛生局長許以霖表示打疫苗可降低得到新冠肺炎的機率也能降低確診後變重症的機率不過即使做了全副武裝的防護在高風險的醫療行為中風險仍是相對較高所以不斷呼籲防疫期間暫停「非必要的醫療行為」。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診所牙醫確診口罩肺炎疫苗全副武裝防疫牙醫師不斷旅遊高風險植牙接觸</t>
  </si>
  <si>
    <t>牙醫全副武裝確診看診染疫</t>
  </si>
  <si>
    <t>確診全副武裝牙醫</t>
  </si>
  <si>
    <t>補償開放防疫申請</t>
  </si>
  <si>
    <t>衛福部今（11）日晚間最新表示民眾因為新冠肺炎受隔離、檢疫者及其照顧者依法可發給每人每日防疫補償金1000元將於23日、31日分兩階段開放「臨櫃或線上」申請。衛福部表示已經依「嚴重特殊傳染性肺炎防治及</t>
  </si>
  <si>
    <t>表示肺炎衛福部發給防疫嚴重已經申請最新民眾依法照顧補償特殊檢疫隔離階段開放臨櫃</t>
  </si>
  <si>
    <t>衛福部今（11）日晚間最新表示民眾因為新冠肺炎受隔離、檢疫者及其照顧者依法可發給每人每日防疫補償金1000元將於23日、31日分兩階段開放「臨櫃或線上」申請。
衛福部表示已經依「嚴重特殊傳染性肺炎防治及紓困振興特別條例」第3條於3月10日發布防疫補償辦法針對受隔離或檢疫者及照顧者發給每人每日防疫補償金1000元。
究竟哪些人可以申請？衛福部說有5類包含：居家隔離者、居家檢疫者、集中隔離者、集中檢疫者以及「為照顧生活不能自理之受隔離或檢疫者」而請假或無法從事工作的家屬但該期間若有領取公司發的薪資或依其他法令規定性質相同的補助的話不得重複申請。
什麼是「生活不能自理」？衛福部「社會救助及社工司」副司長蘇昭如解釋例如失能等級第2～8級者之失能者、持有診斷證明書之失智者、國小學童或未滿12歲之兒童、就讀五專前3年級之身心障礙者、所聘外籍看護工經醫師確診罹患嚴重特殊傳染性肺炎或其他因素不能提供服務需由家屬照顧者等5種情形。
對於申請時程與方式衛福部說防疫補償申請作業分二階段第一階段將於3月23日提供「受隔離檢疫者」申請31日則是開放「受理照顧者」申請為方便民眾申請並簡化所需檢附之證明文件衛福部也正建置線上申辦系統中民眾無須出門即可在家完成操作同時也開放臨櫃申請窗口近期將公告申請相關細部規定及受理視窗。
蘇昭如也提醒受隔離或檢疫者務必要遵守隔離或檢疫通知書上明列的應遵行事項若未遵守防疫相關規（如：應居家檢疫者卻到處趴趴走）就不能申請防疫補償。
另外蘇昭如說隔離或檢疫期間若領有薪資也不能申請；如果上班日雇主未給薪則可發給補償但依據勞基法規定一週2天的休息、例假日及國定假日依法由雇主給薪則將會予以自動扣除。
蘇昭如也提到申請之民眾可於受隔離或檢疫結束日之次日起向受隔離或檢疫結束時之所在地直轄市、縣（市）政府提出申請若2年間不行使（申請）而自動消滅。
若民眾有疑問蘇昭如說可於每日上午8時至下午10時撥打1957福利諮詢專線（免付費）。另外衛福部所建置之1925安心專線亦設有24小時免費心理諮詢服務供民眾使用。</t>
  </si>
  <si>
    <t>申請檢疫衛福部隔離民眾蘇昭如防疫不能補償規定照顧肺炎專線開放表示</t>
  </si>
  <si>
    <t>新冠肺炎武漢肺炎COVID-19台灣補償金</t>
  </si>
  <si>
    <t>肺炎武漢covid-臺灣補償</t>
  </si>
  <si>
    <t>醫院陳時中蓋方王任賢痛駡確診搞不清楚雙北狀況</t>
  </si>
  <si>
    <t>台灣本土疫情爆發連日確診個案破百總和已超過千人尤其雙北更淪為嚴重疫區各大醫院的醫療量能備受挑戰面對負壓隔離病床數吃緊外界擔憂如果接下來重症患者爆量恐怕無病床可用。對此中華民國防疫學會理事長</t>
  </si>
  <si>
    <t>病床確診個案破百總和對此超過可用尤其爆發雙北更淪為嚴重疫區恐怕醫院醫療患者備受外界擔憂吃緊</t>
  </si>
  <si>
    <t>台灣本土疫情爆發連日確診個案破百總和已超過千人尤其雙北更淪為嚴重疫區各大醫院的醫療量能備受挑戰面對負壓隔離病床數吃緊外界擔憂如果接下來重症患者爆量恐怕無病床可用。對此中華民國防疫學會理事長王任賢喊話指揮中心「台灣需要方艙醫院」並表示醫院是用來收治病患提供診療服務現在將確診病例安置在集中檢疫所於法不合痛批衛福部長陳時中到現在都還沒有搞清楚方艙醫院的用途。
王任賢強調建構方艙醫院不僅能夠收治輕症與無症狀患者還具備集中隔離的功能也是一個提升醫療量能最佳的選擇。王更進一步指出新冠肺炎感染者有5到8成是無症狀或輕症感染在確診病例不斷增加的情況下如果按照過去的處置模式將輕症患者也都收治在負壓隔離病房會導致重症需要住院的病例以及新住院需要評估的病例沒有辦法得到妥善的醫療照護。
因應疫情新北市長侯友宜本來考慮籌設方艙醫院但臺北市長柯文哲認為現在蓋也來不及要直接徵用大型旅館來收治新冠輕症患者。王任賢則提醒倘若縣市政府想用大型收容場所或是防疫旅館替代最好要先通過衛生局醫事課的審核因為這些地方都不是醫院病患住在裡面要是有個三長兩短他可以立刻向衛生局檢舉因為不在醫院裡的醫生都叫做密醫從事醫療行為也是不合法的如果出現問題恐怕造成中央跟地方之間的衝突。</t>
  </si>
  <si>
    <t>醫院醫療患者病例現在確診收治需要衛生局防疫恐怕王任賢沒有病床集中疫情</t>
  </si>
  <si>
    <t>王任賢方艙醫院陳時中新冠肺炎集中檢疫所</t>
  </si>
  <si>
    <t>陳時中醫院肺炎集中王任賢檢疫所</t>
  </si>
  <si>
    <t>市場桃園北農陰性</t>
  </si>
  <si>
    <t>為防堵北農群聚傳染日前桃園針對5大果菜市場進行快篩桃園市長鄭文燦指出目前採檢1139人次中全部呈陰性並表示24日下午還有800人次要進行快篩桃園新聞處表示預計24日可完成市場人員全部的篩檢。日前北農爆</t>
  </si>
  <si>
    <t>桃園表示市場日前進行北農傳染目前指出陰性鄭文燦市長果菜人員下午預計完成還有</t>
  </si>
  <si>
    <t>為防堵北農群聚傳染日前桃園針對5大果菜市場進行快篩桃園市長鄭文燦指出目前採檢1139人次中全部呈陰性並表示24日下午還有800人次要進行快篩桃園新聞處表示預計24日可完成市場人員全部的篩檢。
日前北農爆發群聚感染桃園更針對市內5大果菜市場進行快篩鄭文燦指出目前採檢的1139人中全程陰性並表示24日下午還有800人次新聞處補充預計24日應可完成市場人員全部的篩檢鄭進一步說明北農群聚感染會影響到附近縣市的果菜市場所以桃園五大果菜需進行全面篩檢。
鄭指出這次市場篩檢的範圍包括承銷商、從業人員等全部進行篩檢並且造冊紀錄待農委會提出批發市場疫苗施打專案後便依照專案進行施打並強調這是民生物資的重要環節因此應該納為優先的施打範圍。
鄭表示未來批發市場的施打疫苗專案必須要採檢陰性才能施打疫苗並鼓勵北農專案能把桃園果菜批發市場全面完成篩檢鄭補充其他產銷班包括水果供應商以及貨運司機都希望能夠完成篩檢持有陰性報告才能進入包括北農在內的批發市場。
關於群聚感染鄭文燦強調現在疫情已進入到100個上下應該要把精準疫調落實且需要跨縣市來合作並進一步解釋過去雙北確診人數非常多如要做精準疫調的匡列確實有難度但現在疫情趨緩破口需要中央來協調跨縣市來合作更呼籲中央以及地方「防疫要同心、防疫要一致」</t>
  </si>
  <si>
    <t>桃園進行施打北農批發市場包括表示陰性果菜感染市場疫苗專案中央鄭文燦應該進一步疫情現在強調</t>
  </si>
  <si>
    <t>新冠肺炎台灣北農桃園篩</t>
  </si>
  <si>
    <t>臺灣北農肺炎桃園</t>
  </si>
  <si>
    <t>背後疫苗炒股人士高端採購衛福部</t>
  </si>
  <si>
    <t>衛福部昨日宣佈與高端簽訂500萬劑疫苗採購合約遭不少朝野立委質疑有炒股嫌疑。綠委陳亭妃今日表示這都是傳言炒股的說法也太狹隘我自己也沒有買。陳亭妃指出在野黨從AZ疫苗進口就開始唱衰到現在又說高端</t>
  </si>
  <si>
    <t>疫苗陳亭妃炒股高端簽訂開始採購進口合約az在野黨朝野指出質疑傳言今日現在表示</t>
  </si>
  <si>
    <t>衛福部昨日宣佈與高端簽訂500萬劑疫苗採購合約遭不少朝野立委質疑有炒股嫌疑。綠委陳亭妃今日表示這都是傳言炒股的說法也太狹隘我自己也沒有買。
陳亭妃指出在野黨從AZ疫苗進口就開始唱衰到現在又說高端疫苗不好又宣稱這是在炒股票這些說法都在刻意扭曲事實。高端是台美合作的第一支疫苗連前副總統陳建仁都親自參與施打試驗代表對疫苗肯定。
陳亭妃說陳建仁在自己的專欄也說明過疫苗在二期試驗時就已經有緊急授權應該不致於發生無法解盲的狀況現在應該關注二期試驗的不良率陳建仁的瞭解是沒有很嚴重外界應該要對國產疫苗有信心。
外傳有綠營立委買高端股票陳亭妃回應這些都是傳言如果要說有人趁機炒股這樣的說法實在太狹隘自己也沒有買高端的股票現在應該要看那些唱衰的人到底有什麼用意。</t>
  </si>
  <si>
    <t>疫苗高端應該試驗陳建仁現在沒有股票炒股說法陳亭妃傳言狹隘</t>
  </si>
  <si>
    <t>新冠肺炎台灣陳亭妃應該說法</t>
  </si>
  <si>
    <t>肺炎臺灣陳亭妃應該說法</t>
  </si>
  <si>
    <t>新北跟進停業嚴加美髮稽查美容管制桃園</t>
  </si>
  <si>
    <t>桃園市宣佈美容美髮業6月4日至14日停止營業新北市副市長劉和然說美容美髮屬民生需求行業也有很多人靠這份工作生活必須審慎小心目前經發局已訂定營業規則市府會嚴加稽查管制防疫若做好不會要求停業。</t>
  </si>
  <si>
    <t>營業美容防疫管制稽查嚴加市府規則做好生活工作必須審慎目前小心行業需求民生經發局</t>
  </si>
  <si>
    <t>桃園市宣佈美容美髮業6月4日至14日停止營業新北市副市長劉和然說美容美髮屬民生需求行業也有很多人靠這份工作生活必須審慎小心目前經發局已訂定營業規則市府會嚴加稽查管制防疫若做好不會要求停業。
經發局長何怡明表示市府26日即公告美容美髮營業守則包括須採預約制避免久候造成群聚另外服務人員須全程戴口罩另外健康管理與酒精消毒都有規定。
何怡明也說美容美髮顧客口罩規範脫下口罩希望能立即戴上另外服務時間不要拖相關器械剪刀、工具使用前後都要消毒因為是民生服務需求希望能夠維持營業。
侯友宜也說各行業要把防疫做到落實無法落實會更嚴格管理。</t>
  </si>
  <si>
    <t>營業美容服務美髮口罩市府防疫希望消毒行業需求民生管理落實目前小心審慎必須要求停業</t>
  </si>
  <si>
    <t>新冠肺炎台灣桃園新北美容美髮</t>
  </si>
  <si>
    <t>桃園臺灣新北肺炎美容美髮</t>
  </si>
  <si>
    <t>家戶感染成人專家疾呼慎防症狀確診幼童</t>
  </si>
  <si>
    <t>新北某幼兒園爆發新冠肺炎群聚今增8位幼童、1名成人確診衛福部長陳時中更坦言未來陽性個案可能更多。國外也有研究指出幼童傳播新冠肺炎的機率高於青少年成人須更小心防範避免家戶感染、社區感染擴大。中時</t>
  </si>
  <si>
    <t>幼童肺炎感染社區防範小心成人須家戶青少年坦言可能陳時中國外高於部長成人衛福確診避免指出研究</t>
  </si>
  <si>
    <t>感染幼童研究確診肺炎症狀幼稚園醫師幼兒造成病毒病毒傳播家戶照顧家長避免擴大</t>
  </si>
  <si>
    <t>家戶感染幼童有症狀篩檢新冠肺炎</t>
  </si>
  <si>
    <t>症狀幼童感染家戶肺炎</t>
  </si>
  <si>
    <t>施打蘇貞昌取得疫苗關注陸續國人抵達</t>
  </si>
  <si>
    <t>國內上月爆發一波新冠肺炎本土感染除國人關注疫苗何時能取得全面施打也有國內企業、團體自行向國外藥廠接觸採購。行政院長蘇貞昌今日表示疫苗將會陸續抵達也感謝熱心的企業團體幫忙。有關日本打算捐贈AZ疫苗</t>
  </si>
  <si>
    <t>疫苗團體企業國內肺炎本土感染國人有關關注日本幫忙採購行政院長蘇貞昌接觸今日表示藥廠取得國外自行全面陸續</t>
  </si>
  <si>
    <t>國內上月爆發一波新冠肺炎本土感染除國人關注疫苗何時能取得全面施打也有國內企業、團體自行向國外藥廠接觸採購。行政院長蘇貞昌今日表示疫苗將會陸續抵達也感謝熱心的企業團體幫忙。
有關日本打算捐贈AZ疫苗給台灣蘇貞昌表示有任何國家願意援助都非常感謝有的國家硬要阻饒就可以看清誰是朋友近期日本政府的發言非常溫暖也期待能夠早日取得疫苗。
蘇貞昌指出政府會全力與企業、民間團體合作嘗試從多元管道獲取額外疫苗。而世界各國的疫情發展經驗告訴我們除了疫苗還要做好防疫對抗病毒才能早日恢復正常生活。
衛福部疾管署長周志浩指出國際疫苗非常搶手掮客、騙子很多能否買到適當疫苗會就政府經驗來協助民間單位對申請檔不清楚的地方也會來幫忙。
周志浩說為確保疫苗取得來源可靠讓國人安心接種讓這些善意能達到所以嚴格把關以疫苗有效為重若已確定疫苗進口時程一定用最快速度向國人報告。</t>
  </si>
  <si>
    <t>疫苗企業國人蘇貞昌取得非常早日幫忙周志浩指出經驗表示團體政府國家國內就可以看</t>
  </si>
  <si>
    <t>新冠肺炎台灣 疫苗國人蘇貞昌</t>
  </si>
  <si>
    <t>肺炎臺灣疫苗國人蘇貞昌</t>
  </si>
  <si>
    <t>科技恒生指數港股金搶商</t>
  </si>
  <si>
    <t>新冠肺炎改變人類生活更徹底翻轉產業趨勢2020年疫情催生數位轉型造就那斯達克指數狂飆法人觀察2020年全球股市在新冠疫情拖累下唯獨與科技相關指數能脫穎而出根據恒生指數公司2020年總結報告資料顯示</t>
  </si>
  <si>
    <t>指數疫情恒生指數脫穎而出相關生活人類科技公司徹底翻轉產業趨勢唯獨催生達克數位拖累轉型造就法人全球股市觀察</t>
  </si>
  <si>
    <t>新冠肺炎改變人類生活更徹底翻轉產業趨勢2020年疫情催生數位轉型造就那斯達克指數狂飆法人觀察2020年全球股市在新冠疫情拖累下唯獨與科技相關指數能脫穎而出根據恒生指數公司2020年總結報告資料顯示大中華股市表現參差香港的恒生指數及恒生中國企業指數分別下滑34％及38％但以科技股掛帥尤其聚焦新經濟的恒生科技指數依回溯資料統計則飆升787％在香港資本市場表現一枝獨秀可用相關基金搶搭商機！
看準疫後新經濟商機的香港資本市場恒生指數公司於2020年7月27日率先推出「恒生科技指數」新光投信指出為鎖定東方新經濟商機將搶先推出首檔新光恒生科技指數基金預計1月11日募集。
新光恒生科技指數基金經理人牟宗堯表示香港過去為國際金融重鎮之一更是大陸對外的門戶及外資進入中國的橋頭堡作為亞洲金融樞紐地位無可取代加上港交所在2018年改革上市制度後近年來更加速發展「立足中國」、「連接全」及「擁抱科技」三大戰略推出一系列優化措施進一步提升香港作交易及金融投資中心的競爭力和吸引力2020年11月更宣佈推出全新的線上服務平臺「FINI」簡化企業在香港首次公開招股的結算程式未來新股從定價到上市縮短至最短1個營業日結算週期減省高達8成投資者可更快的進行交易降低市場風險提升整體效率。
牟宗堯預估FINI是港交所《戰略規劃2019~2021》中的重要計劃擁抱科技又是港交所的核心戰略之一FINI這項創新計劃凸顯香港新股募資市場進入數位化時代同時港交所在2018年改革上市制度後更多元化的香港資本市場吸引不少新股來港作為主要上市及第二上市的離岸掛牌首選2020年香港資本市場更是火熱港股迎來一批批新科技企業掛牌上市包括阿裡巴巴、網易、京東等相繼回港上市對港股帶來質變與量變。
更值得注意的是牟宗堯認為近來大陸對平臺企業反壟斷等政治紛擾但在大陸追求科技自主的背景下加上十四五計劃的推波助瀾下現在香港正式定位為亞洲最蓬勃的科技及新經濟公司的金融生態系統香港恒生指數公司更於去年7月推出「恒生科技指數」看出「新港股」的政策意義與「港科技股」的長線發展重要性不言可喻。</t>
  </si>
  <si>
    <t>科技香港指數市場上市企業恒生推出經濟資本大陸中國牟宗堯公司金融新股港股計畫恒生指數fini戰略疫情結算</t>
  </si>
  <si>
    <t>全新恒生科技指數香港牟宗堯資本市場</t>
  </si>
  <si>
    <t>香港牟宗指數資本科技市場恒生</t>
  </si>
  <si>
    <t>現有調整疫苗必要防護力研究時中bnt</t>
  </si>
  <si>
    <t>世界衛生組織（WHO）26日會議後宣佈將近期在南非傳播的新變異株「B11529」命名為Omicron且列為「高關注變異株（VOC）」。德國BionNTech公司表示正著手研究現有疫苗對Omicron的防護力2周內將有結果若有</t>
  </si>
  <si>
    <t>omicron變異宣佈防護力近期南非現有疫苗傳播研究表示會議公司bionntech德國voc命名關注周內列為who</t>
  </si>
  <si>
    <t>世界衛生組織（WHO）26日會議後宣佈將近期在南非傳播的新變異株「B11529」命名為Omicron且列為「高關注變異株（VOC）」。德國BionNTech公司表示正著手研究現有疫苗對Omicron的防護力2周內將有結果若有必要可在6周內調整疫苗調整後100天內開始交貨。對此中央流行疫情指揮中心指揮官陳時中說若該疫苗有效會繼續爭取進口。
外電報導指出BioNTech表示已立即在實驗室進行調查測試原有疫苗對Omicron的防護力預計2周內會有結果。BNT幾個月前就已與合作夥伴美國輝瑞（Pfizer）藥廠做準備若實驗結果顯示新病毒株是「逃逸變異株」並在全世界散播導致疫苗有必要調整預計6周內可完成調整過的疫苗在100天內就可以開始交貨。
對於BionNTech可能調整疫苗陳時中表示大家知道不管是疫苗或藥物EUA都很嚴格。外電報導的100天可能是在實驗室裡面發展出相對抗的疫苗但是距離生產和EUA還有一點時間當然若有效的話會繼續爭取。
至於美國藥廠默克（Merck &amp; Co）26日公佈最新口服藥分析發現對抗重症、死亡的保護力剩3成低於10月公佈期中報告的5成外界也關注是否影響採購計畫。對此陳時中僅回應「我們已經簽約了」。</t>
  </si>
  <si>
    <t>疫苗陳時中變異表示調整omicron對此關注公佈對抗藥廠實驗室bionntech外電報導美國可能eua爭取繼續有效交貨</t>
  </si>
  <si>
    <t>新變異株B11529為Omicron疫苗調整</t>
  </si>
  <si>
    <t>變異omicron疫苗調整</t>
  </si>
  <si>
    <t>病例累計隔離今日</t>
  </si>
  <si>
    <t>中央流行疫情指揮中心今(27)日表示國內今日無新增病例昨(26)日新增310例新型冠狀病毒肺炎相關通報截至目前累計通報71405例(含70330例排除)其中441例確診分別為350例境外移入55例本土病例及36例敦睦艦</t>
  </si>
  <si>
    <t>病例通報中心表示相關國內肺炎今日病毒冠狀新增指揮目前截至疫情分別確診境外本土累計</t>
  </si>
  <si>
    <t>中央流行疫情指揮中心今(27)日表示國內今日無新增病例昨(26)日新增310例新型冠狀病毒肺炎相關通報截至目前累計通報71405例(含70330例排除)其中441例確診分別為350例境外移入55例本土病例及36例敦睦艦隊。確診個案中7人死亡419人解除隔離其餘持續住院隔離中。
指揮中心指出全球累計5612601例確診分佈於187個國家/地區；病例數以美國1708378例、巴西374898例、俄羅斯362342例、英國265227例及西班牙236259例為多；病例中349060例死亡以美國100116例、英國37048例、義大利32955例、法國28531例及西班牙27117例為多。
指揮中心再次提醒民眾應做好手部衛生與咳嗽禮節；出門若無法保持社交距離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中心病例通報指揮確診檢疫症狀咳嗽就醫累計美國死亡西班牙隔離英國是否tocc史及接觸職業</t>
  </si>
  <si>
    <t>新冠肺炎通報無新增生活台灣</t>
  </si>
  <si>
    <t>通報肺炎新增生活臺灣</t>
  </si>
  <si>
    <t>打算封鎖確診全國海地</t>
  </si>
  <si>
    <t>新冠肺炎的疫情延燒全球我國在中南美洲的邦交國海地總統朱特(Joseph Jouthe)星期日在他的推特上發文考慮封鎖機場和海港以及關閉與鄰國多明尼加共和國的陸路邊界形同封鎖全國就為了防堵新冠肺炎的疫情</t>
  </si>
  <si>
    <t>封鎖中南美洲邦交國我國全球海地總統朱特joseph疫情jouthe肺炎星期日發文多明尼加考慮全國機場形同海港</t>
  </si>
  <si>
    <t>新冠肺炎的疫情延燒全球我國在中南美洲的邦交國海地總統朱特(Joseph Jouthe)星期日在他的推特上發文考慮封鎖機場和海港以及關閉與鄰國多明尼加共和國的陸路邊界形同封鎖全國就為了防堵新冠肺炎的疫情即使該國目前並未傳出任何案例。
根據路透社報導總統朱特封鎖邊境是為了防止新冠肺炎帶原者進入海地所以貨物和貨櫃應不在禁止的範圍內。
海地的衛生條件低落在歷史上有許多流行病的傳染紀錄而這一次的新冠肺炎至今該國都還未曾確診任何案例。而唯一陸地相連的鄰國多明尼加累計共有11個感染案例。</t>
  </si>
  <si>
    <t>封鎖海地肺炎案例鄰國朱特總統多明尼加疫情範圍禁止衛生條件貨櫃低落貨物發文考慮在歷史上相連星期日機場陸地海港</t>
  </si>
  <si>
    <t>橘子發酵經濟族群成長熱門</t>
  </si>
  <si>
    <t>2020年新冠肺炎的衝擊宅經濟發酵兩大遊戲大廠營收表現強勁智冠(5478)公佈全年營收7264億元年增達27％；橘子(6180)營收106億元年增9％。智冠去年12月營收593億元月增3％年增24％全年在點數經銷服務</t>
  </si>
  <si>
    <t>全年智冠經濟發酵遊戲大廠衝擊表現肺炎強勁公佈經銷點數橘子去年服務</t>
  </si>
  <si>
    <t>2020年新冠肺炎的衝擊宅經濟發酵兩大遊戲大廠營收表現強勁智冠(5478)公佈全年營收7264億元年增達27％；橘子(6180)營收106億元年增9％。
智冠去年12月營收593億元月增3％年增24％全年在點數經銷服務穩健成長加上子公司遊戲新幹線兩款遊戲新作上市熱銷營收年增幅達27％。其中子公司遊戲新幹線與宇峻(3546)聯合發行手遊《三國群英傳M》貢獻不小今年將於1月28日參展「2021臺北國際電玩展」帶來多項周邊好禮及回饋活動當周也預計推出全新版本內容與玩家同樂。
遊戲新幹線於2020年11月底代理登場的HTML 5遊戲《流火之詩2：燃》日前改版開放「天空競技場」、「戰魂系統」等玩法；線上遊戲《古劍奇譚網路版》亦於上周推出新版本《三國群英傳Online》則會在1月25日帶來更新加入全新地圖「樓蘭國」及BOSS吸引玩家回流。
金融科技子公司藍新集團線上代收付業務穩健成長今年持續強化線下通路佈局推動實體商店《ezAIO簡單收》多元支付合作據點及《ezPay簡單付》電子錢包使用通路去年底已擴展至交通領域應用與台灣大車隊合作《ezPay簡單付》電子錢包支付車資滿足商家與消費者多元支付需求以雙向並行的發展策略建立橫跨線上至線下的金流應用平臺。
橘子去年12月營收8億元年減8％因部分《天堂M》活動延後至今年推出；累計全年營收106億元年增9％主要《新楓之穀》業績亮麗、且《天堂M》表現持穩所致。
展望1月手遊新作《龍之穀: 新世界》將於1月14日上市為寒假旺季暖身多款遊戲亦將陸續推出行銷活動。另外橘子集團將於月底、在三創生活園區舉行首次融合O2O場景的「橘子線上嘉年華」將擷取2020年所累積的線上直播互動經驗串連線下各種消費及服務提供玩家超越以往的豐富活動。</t>
  </si>
  <si>
    <t>遊戲推出橘子活動線下今年子公司支付新幹線帶來通路應用全年服務表現簡單集團</t>
  </si>
  <si>
    <t>智冠橘子宅經濟遊戲新幹線宇峻</t>
  </si>
  <si>
    <t>遊戲經濟橘子新幹線宇峻智冠</t>
  </si>
  <si>
    <t>防疫五月確診齊秀國內杯蓋超贊</t>
  </si>
  <si>
    <t>中央流行疫情指揮中心今(30)日表示國內今日無新增確診病例；昨(29)日新增486例新型冠狀病毒肺炎相關通報截至目前累計通報62844例(含61354例排除)其中429例確診分別為343例境外移入55例本土病例及31例敦</t>
  </si>
  <si>
    <t>確診病例通報中心表示國內相關今日肺炎病毒冠狀指揮新增目前截至疫情本土境外分別累計</t>
  </si>
  <si>
    <t>中央流行疫情指揮中心今(30)日表示國內今日無新增確診病例；昨(29)日新增486例新型冠狀病毒肺炎相關通報截至目前累計通報62844例(含61354例排除)其中429例確診分別為343例境外移入55例本土病例及31例敦睦艦隊。確診個案中6人死亡322人解除隔離其餘持續住院隔離中。
指揮中心進一步指出4月20日及21日定點返台專案航班共460名湖北返台民眾截至目前2人就醫治療中、2人陪同就醫其餘持續於集中檢疫所密切健康監測。有關敦睦艦隊(磐石艦)群聚事件截至目前掌握接觸者共1996人其中585人為居家隔離對象已採檢480人465人為陰性其餘檢驗中；1411人為自主健康管理對象。
指揮中心表示全球累計3204232例確診分佈於184個國家/地區；病例數以美國1053963例、西班牙212917例、義大利203591例、法國198215例及英國165221例為多；病例中226771例死亡以美國61392例、義大利27682例、英國26097例、西班牙24275例及法國24087例為多。
指揮中心再次提醒民眾平時應做好手部衛生與咳嗽禮節。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中心確診指揮就醫通報病例截至目前檢疫症狀隔離民眾居家接觸健康艦隊敦睦表示咳嗽持續</t>
  </si>
  <si>
    <t>5天說明疫情零確診指揮中心</t>
  </si>
  <si>
    <t>確診疫情說明中心指揮</t>
  </si>
  <si>
    <t>咳嗽返台台商疑慮</t>
  </si>
  <si>
    <t>臺北市某間牙醫診所2日傳出一名植牙手術患者突然暴斃。這名植牙患者為53歲劉姓男子是廣州台商返台隔離14天後去牙醫。在倒下之前男子出現不停咳嗽、呼吸不順等狀況與新冠肺炎病徵相符引發感染疑慮。目前一採</t>
  </si>
  <si>
    <t>男子牙醫患者引發相符病徵肺炎狀況感染不順呼吸咳嗽傳出手術出現之前隔離倒下台商返台廣州</t>
  </si>
  <si>
    <t>臺北市某間牙醫診所2日傳出一名植牙手術患者突然暴斃。這名植牙患者為53歲劉姓男子是廣州台商返台隔離14天後去牙醫。在倒下之前男子出現不停咳嗽、呼吸不順等狀況與新冠肺炎病徵相符引發感染疑慮。目前一採結果為陰性真正死因待驗屍報告出爐。
大陸新冠肺炎疫情蔓延全境廣州也不例外。據《三立新聞網》報導這名男子為廣州台商返台後已完成14天的隔離3月2日到牙醫診所植牙手術過程突然不適不停咳嗽、呼吸不順最後倒在廁所送醫不治。
檢驗人員穿戴全套防護裝於負壓解剖室檢驗死因家屬在殯儀館也穿著防護裝備。目前一採陰性死因為何還不清楚待一周後解剖結果。疫情中心應變官莊人祥表示不是所有死亡都是新冠肺炎需根據法醫的死亡診斷。</t>
  </si>
  <si>
    <t>肺炎死因男子牙醫廣州檢驗防護疫情結果突然不順呼吸目前咳嗽診所隔離陰性台商患者死亡</t>
  </si>
  <si>
    <t>植牙廣州死因暴斃新冠肺炎</t>
  </si>
  <si>
    <t>死因廣州肺炎植牙</t>
  </si>
  <si>
    <t>現實民進提醒臺灣李豔秋人民沒來非常delta寬厚</t>
  </si>
  <si>
    <t>新北板橋幼兒園6日爆群聚感染且預期確診數還會再增加加上長榮3名機師及機師兒也都確診感染力極強的Delta變異株使得台灣疫情再度拉警報。對此資深媒體人李艷秋直言這波疫情有3個問題讓人感到憂心對於民進</t>
  </si>
  <si>
    <t>確診疫情感染預期機師增加問題感染力變異delta使得媒體直言臺灣再度李豔秋對此</t>
  </si>
  <si>
    <t>新北板橋幼兒園6日爆群聚感染且預期確診數還會再增加加上長榮3名機師及機師兒也都確診感染力極強的Delta變異株使得台灣疫情再度拉警報。對此資深媒體人李艷秋直言這波疫情有3個問題讓人感到憂心對於民進黨現在疫苗政策她5點現實提醒當權者。
對於台灣現在的疫情發展李艷秋今（7日）在臉書發文表示有3個關鍵問題讓人憂心首先是桃園3名機師確診Delta機師兒子被傳染是否已造成學校及社區破口；其次為新北幼兒園群聚已有15人確診感染源不明由於陽性率偏高是否是Delta？幼兒感染會對成長造成什麼影響；最後則是機師打了兩劑AZ老師接種過一劑莫德納都被突破感染現在一劑都沒打以及等不到第二劑的人如何面對下一波病毒攻勢。
李艷秋直言蔡政府最近因為疫苗到貨以及疫情趨緩民調滿意度回升有一半以上的民眾給總統蔡英文及衛福部長陳時中按讚誠然可喜可賀但仍要點出幾項現實提醒掌權者：一是目前有很多民眾一劑都沒輪到還有許多人都在等第二劑；其次為第二劑的整體施打率偏低她憂心75歲以上長者如何因應變種病毒來襲。
再者李艷秋指出第一劑打莫德納的民眾正在等待第二劑但政府已經將第二劑從四周延到十周最近都陸續到期這些民眾不能混打其他品牌再延下去防護力還剩多少且莫德納遲不到貨政府的因應政策是什麼？
李艷秋指出第四政府日前曾宣佈目前疫苗到貨超過1200萬劑但是若無他國送、企業捐她很難想像現在台灣會是怎樣；第五則為政府買了500萬劑貴森森的國產高端但BNT一來8月31日單日只剩504人接種高端政府有沒有好好檢討一下到底為什麼？
最後李艷秋感嘆800多條人命警惕台灣如果提早接種疫苗他們或許不必犧牲；現在的突破感染警告大家變種病毒已經侵門踏戶了疫苗至少可降低重症及住院率大國在準備打第三劑她請問「我們的政府為大家備好最基本的防護罩了嗎？台灣人民對民進黨非常寬厚請掌權者謙卑、珍惜」！</t>
  </si>
  <si>
    <t>政府李豔秋疫苗臺灣感染現在民眾疫情確診機師接種病毒delta到貨憂心以上已經造成最近最後</t>
  </si>
  <si>
    <t>李艷秋第二劑Delta病毒新冠肺炎台灣</t>
  </si>
  <si>
    <t>病毒肺炎delta臺灣李豔秋</t>
  </si>
  <si>
    <t>避難霸氣小開</t>
  </si>
  <si>
    <t>新冠肺炎(COVID-19)全球疫情爆發台灣反應速度快、加上控制得宜許多大陸、香港民眾都希望可以來台「避難」部落客艾兒莎在臉書PO文表示日前在機場收到很久沒聯絡、來自香港的約會對象傳訊息她一句話霸氣回嗆</t>
  </si>
  <si>
    <t>香港全球疫情訊息爆發臺灣物件反應速度快約會加上控制covid-來自得宜聯絡大陸機場日前表示po很久沒艾兒莎部落收到</t>
  </si>
  <si>
    <t>新冠肺炎(COVID-19)全球疫情爆發台灣反應速度快、加上控制得宜許多大陸、香港民眾都希望可以來台「避難」部落客艾兒莎在臉書PO文表示日前在機場收到很久沒聯絡、來自香港的約會對象傳訊息她一句話霸氣回嗆網友一面倒讚爆。
艾兒莎日前在機場等待行李聽到一名男子在講電話口氣不佳似乎發生爭執男子拿著手機說「口罩現在寄不出去且自己也不夠用了」電話另一頭則是一名女子央求「拜託你了我們真的需要幫忙看之後能不能用你公司什麼名義把我們接去台灣」男子爆氣嗆「當時在交往不是嫌我們台灣封閉、發展很差笑我只願意待在南部發展跟台灣一樣沒有未來怎麼要躲就非得要找我來這躲」？
原本想與朋友分享遇到的經歷拿起手機卻收到香港小開傳來訊息問候問她「台灣房地產現在能不能買」？艾兒莎透露4年前與對方在台灣約會時順便考察房市曾酸「台灣太封閉政治上選擇太笨了民主換來一堆房子破舊成那樣根本無法成長我才不願意投資」。
如今卻傳訊問「聽說你們那邊物資夠、路上也很安穩台灣好像在處理的狀況下很不錯可能帶上我家人過去台灣一陣子」？看完訊息艾兒莎氣到翻白眼霸氣嗆對方「台灣的好現在知道也不晚但真的不用你們這些人現在來一面倒」最後艾兒莎吐心聲台灣就是我們的國家就算有缺點、弱勢也應當包容「是個可以給我們庇蔭與保護的地方」。</t>
  </si>
  <si>
    <t>臺灣現在香港男子訊息兒莎願意可以約會艾兒莎一面倒電話手機收到日前封閉</t>
  </si>
  <si>
    <t>新冠肺炎武漢肺炎新型冠狀病毒NCPCOVlD-19</t>
  </si>
  <si>
    <t>肺炎武漢冠狀病毒ncpcovld-</t>
  </si>
  <si>
    <t>高雄連結隨機套套要錢不要命行動</t>
  </si>
  <si>
    <t>本土疫情肆虐全台進入三級警戒為避免八大行業成為防疫破口高雄警方祭鐵腕斷開「人與人的連結」無奈依舊有色情業提供「外送茶」、「行動茶車」 服務而且車上準備近百個保險套供客人挑選讓警方直搖頭大</t>
  </si>
  <si>
    <t>警方進入警戒避免八大行業挑選色情提供成為客人保險防疫車上近百準備高雄全台連結無奈行動</t>
  </si>
  <si>
    <t>本土疫情肆虐全台進入三級警戒為避免八大行業成為防疫破口高雄警方祭鐵腕斷開「人與人的連結」無奈依舊有色情業提供「外送茶」、「行動茶車」 服務而且車上準備近百個保險套供客人挑選讓警方直搖頭大嘆「要錢不要命」。
根據高市刑大指出近日又有色情業者在網路上招攬尋芳客並透過LINE聯繫援交相關資訊因此員警特地喬裝成嫖客順利於鳳山某旅館將28歲曾姓女子現場逮捕其他員警則埋伏在旅館外同步逮捕人在車上的53歲黃姓馬伕。
不過讓警方最訝異的是車上還有一位在車上待命31歲王姓應召妹她好比機動小組凡客人CALL IN便可立即上工「行動茶車」上甚至備有近百個保險套給客人挑選。
另新興警分局也於大同路某出租套房裡查獲41歲施姓賣淫女子當場扣押44枚保險套及1瓶KY潤滑液訊後施女坦承疫情期間在出租套房處從事全套性交易每次2500元因此全案依違反社會秩序維護法偵辦並函送衛生局裁罰。
★中時新聞網提醒您：
尊重身體自主權！請撥打113、110！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車上警方防疫客人保險員警女子身體套房出租色情務必旅館疫情逮捕挑選口罩行動專線</t>
  </si>
  <si>
    <t>茶花女賣淫茶車保險套外送茶</t>
  </si>
  <si>
    <t>保險賣淫茶花女</t>
  </si>
  <si>
    <t>萬芳呼籲恐懼肆虐肺炎運動抵抗力</t>
  </si>
  <si>
    <t>萬芳出道30週年18日舉辦記者會宣佈三喜將在6月13日2度登上臺北小巨蛋舉行「萬芳30 你的30 ____你今天有沒有來」演唱會、近來加盟新東家「何樂音樂」及5月將推新專輯讓粉絲十分期待。不過現新冠肺炎肆虐她</t>
  </si>
  <si>
    <t>萬芳期待專輯近來演唱會音樂沒有新東家今天加盟____舉行巨蛋臺北十分粉絲宣佈記者會</t>
  </si>
  <si>
    <t>萬芳出道30週年18日舉辦記者會宣佈三喜將在6月13日2度登上臺北小巨蛋舉行「萬芳30 你的30 ____你今天有沒有來」演唱會、近來加盟新東家「何樂音樂」及5月將推新專輯讓粉絲十分期待。不過現新冠肺炎肆虐她昨表示要放寬心不要太恐懼。
她說：「在這非常時期今天也是平凡的一天能夠在這裡相聚非常謝謝在第一線防疫的醫護人員。」她近期有些活動、工作受到疫情關係取消、延期也減少去人多場所、戴口罩並呼籲大眾一起用餐時養成「公筷母匙」習慣避免口沫傳染。
她維持約1週1次的健身、在家運動等增加體抗力及起床、睡前都會伸展肢體「讓氣流暢會在家唱跳、律動。」昨在現場她獻唱〈自己照顧自己〉透露新作現努力製作中此次小巨蛋舞臺是類四面台演唱會導演為好友郭蘅祈（郭子）她憶起郭子在她首場小巨蛋時穿上她的舞臺服化身成「萬大芳」上臺她打趣：「應該要找人把他綁在椅子上。」
郭子這次向她提出希望可以站上高空開唱不過已被她婉拒她笑說：「演唱會安全第一。」她分享每次開唱前都會替每位觀眾祈求來現場路上平安順利。此外萬芳臺北小巨蛋演唱會門票將22日在ibon售票系統開賣被問及會擔心疫情影響票房？她直言：「就順著走。」</t>
  </si>
  <si>
    <t>演唱會巨蛋疫情在家郭子萬芳非常今天都會舞臺現場</t>
  </si>
  <si>
    <t>萬芳萬芳30你的30演唱會新冠肺炎</t>
  </si>
  <si>
    <t>肺炎萬芳演唱會</t>
  </si>
  <si>
    <t>觀點人壽傳染病加倍給付</t>
  </si>
  <si>
    <t>新冠肺炎病徵詭譎多變、無法捉摸近期更有部分患者出現嗅覺喪失；除法定傳染病相關保單能予以保險理賠給付外若新冠肺炎確診患者不幸發生鼻子失能導致嗅覺喪失的情況亦視為11級失能此時「失能扶助險」將啟動及</t>
  </si>
  <si>
    <t>患者嗅覺喪失肺炎捉摸無法近期詭譎多變予以保險理賠給付部分保單導致相關出現確診發生鼻子傳染病不幸病徵</t>
  </si>
  <si>
    <t>新冠肺炎病徵詭譎多變、無法捉摸近期更有部分患者出現嗅覺喪失；除法定傳染病相關保單能予以保險理賠給付外若新冠肺炎確診患者不幸發生鼻子失能導致嗅覺喪失的情況亦視為11級失能此時「失能扶助險」將啟動及時保障讓民眾無後顧之憂接受診治。
富邦人壽財務精算處執行副總董采苓表示除了失能險能予以保障外若民眾患有慢性病罹患法定傳染病更可能引起併發症因此建議民眾補強醫療險保障時必須格外留意「法定傳染病」和「重大傷病」兩大保障範圍是否充足才能從容應對疾病突如其來的治療需求減輕家庭經濟負擔。
今年1月1日以前所銷售的失能險針對鼻部失能條款規定僅有「鼻部缺損致其機能永久遺存顯著障害者」才能申請理賠不過自今年起新增另一失能等級即「鼻未缺損而鼻機能永久遺存顯著障害者」並視為11級失能。因應新冠肺炎疫情且基於從新從優原則今年1月1日以前投保失能險之保戶若事故發生日是在今年1月1日之後且經過治療6個月後症狀固定均得申領失能保險金。
除了失能險新增訂失能程度、擴大保障範圍外富邦人壽建議大型公衛事件突如其來民眾在規劃或補強自身和家人的醫療險保障時必須也將「法定傳染病」一併思考然無論是法定傳染病或常見的流感皆可能引起併發重症因此「重大傷病」保險保障亦不容忽視。
富邦人壽率先同業推出「一般住院醫療」和「法定傳染病」雙重保障的定期健康險「富邦人壽金放心法定傳染病一年定期健康保險」不僅能提供保戶住院醫療保險金、加護病房住院醫療保險金、出院療養保險金若因法定傳染病住院接受診療並身故（保險年齡到達16歲後身故）住院醫療保險金日額和身故保險金分別給付為住院日額2倍和投保之身故保險金額15倍同時給付法定傳染病保險金讓民眾無後顧之憂。</t>
  </si>
  <si>
    <t>傳染病保障醫療保險金民眾保險今年住院人壽肺炎身故給付治療突如其來才能患者理賠</t>
  </si>
  <si>
    <t>住院醫療保險金肺炎保險金失能身故</t>
  </si>
  <si>
    <t>保險金肺炎醫療身故住院</t>
  </si>
  <si>
    <t>插手病毒解放軍培養測試</t>
  </si>
  <si>
    <t>新冠肺炎疫情全球蔓延至今約已導致超過171億宗確診病例其中有近370萬人死亡。而據《浮華世界》（Vanity Fair）與《紐約郵報》（New York Post）3日報導在解放軍人員參與下中方似乎利用名為CRISPR的基因編輯</t>
  </si>
  <si>
    <t>全球似乎蔓延中方參與人員解放軍導致報導超過確診post病例yorknew疫情利用郵報紐約死亡fair浮華世界</t>
  </si>
  <si>
    <t>新冠肺炎疫情全球蔓延至今約已導致超過171億宗確診病例其中有近370萬人死亡。
而據《浮華世界》（Vanity Fair）與《紐約郵報》（New York Post）3日報導在解放軍人員參與下中方似乎利用名為CRISPR的基因編輯技術培養出具有「人類化」肺臟的老鼠以測試不同病毒的感染力。
當美國國家安全委員會在調查新冠病毒的起源時政府病毒學家在2020年4月的一份研究報告中標記了相關事件。這份研究報告有23人共同執筆其中11人是為解放軍旗下的軍事醫學科學院工作而相關專案所研究的涉及測定老鼠對新冠病毒的感染性。
然而當美國國安會調查人員回溯相關研究以製作時間表時卻瞭解到這些基因改造鼠是在2019年夏季的某個時間也就是在爆發新冠肺炎疫情大流行前培養的。而這發現據說促使美國國安會官員懷疑解放軍利用這些老鼠測試不同的病毒是否能感染人。同時他們也懷疑發現了支持新冠疫情大流行是實驗室外洩的證據。
然而美國國安會反擴散和生物防禦高級主管魯吉洛（Anthony Ruggiero）說當他們和其他擁有相關情資的機構接觸時卻沒被理會。他說他們獲得的反應很消極。
從科學期刊上的評論還有中方政府資料庫中的資訊顯示也就在同時武漢病毒研究所新發傳染病研究中心主任石正麗似乎已在這些老鼠身上測試過兩種新發現但並未透露的冠狀病毒以評估它們的感染力。由於石正麗以研究蝙蝠聞名因此有「蝙蝠女」（bat woman）的綽號。
不過石正麗堅決否認新冠肺炎病毒是從武漢實驗室外洩。然而美國國務院1月公佈的資料簡報顯示至少從2017年開始武漢病毒研究所人員就合作進行了秘密專案其中包括實驗室動物試驗。此外一名看過機密情資的美國前國安官員也說中方軍事和民間研究人員一起在武漢病毒研究所進行動物研究。
相關檔是在美國總統拜登就職前5天公佈但新政府並沒有推翻這種說法。不過北京公開譴責說美國國務院的資料充滿謬論也是「謊言先生」（Mr Lies）前國務卿蓬佩奧（Mike Pompeo）「最後的瘋狂」。</t>
  </si>
  <si>
    <t>研究病毒相關美國人員老鼠政府中方武漢實驗室石正麗國安會發現測試疫情肺炎基因培養</t>
  </si>
  <si>
    <t>新冠肺炎解放軍疫情老鼠中國大陸</t>
  </si>
  <si>
    <t>疫情解放軍老鼠肺炎中國大陸</t>
  </si>
  <si>
    <t>停工學到老防疫做到鄭秀文</t>
  </si>
  <si>
    <t>新冠肺炎疫情仍未受控各地民眾仍需部分防疫物資鄭秀文（Sammi）自2月中開始多次與社福機構親赴落後地區分派物資她心有所感地說：「疫情令很多人的工作都停了但在生命裡我們依然可以做到老、學到老。」此</t>
  </si>
  <si>
    <t>物資疫情依然生命仍未工作可以民眾部分防疫機構鄭秀文有所sammi月中開始</t>
  </si>
  <si>
    <t>新冠肺炎疫情仍未受控各地民眾仍需部分防疫物資鄭秀文（Sammi）自2月中開始多次與社福機構親赴落後地區分派物資她心有所感地說：「疫情令很多人的工作都停了但在生命裡我們依然可以做到老、學到老。」此外楊千嬅日前陸續取消多場巡演索性邀陳小春一家人前往澳洲墨爾本度假不受湯姆漢克（Tom Hanks）在當地確診患病影響。
肺炎疫情持續擴大娛樂圈大部分活動都已暫停鄭秀文近期隨社福機構義工隊赴落後地區分派物資累積幾次經驗後Sammi發現許多原本就過著貧困生活的人因這次疫情更陷困苦令她非常揪心「很多人失業、甚至一家人三餐不繼、豆丁大小的房子裡住著5個大人、90多歲的獨居老人因疫情暫停送飯服務而餓著肚子。」
人多室內必戴口罩
她表示近期非常缺乏口罩身旁有好朋友得知二話不說立刻送來15萬個口罩給機構及時雨的善行令她感動；當義工的這段期間也讓她感受深刻：「因為不是舞臺上的自己而是一起出隊同工忽然想起自己在非常年輕時曾希望當上社會工作者如今瞭解他們的工作一點都不容易而且都帶著謙卑的心去服務社區。」
受疫情影響日前取消多場演唱會的楊千嬅本月初和老公、兒子以及陳小春一家人同遊澳洲墨爾本陳小春懷孕6個月的老婆應采兒一身黑、身材零孕味。由於湯姆漢克夫婦日前在澳洲確診罹患新冠肺炎令人擔心當地情形好在楊千嬅透過經紀人老公表示：「目前還OK沒有感覺人心惶惶但我們很少出去在人多的室內也一定戴口罩。」</t>
  </si>
  <si>
    <t>疫情非常口罩日前楊千嬅物資機構陳小春一家澳洲肺炎義工暫停表示老公sammi當地工作鄭秀文確診</t>
  </si>
  <si>
    <t>工作口罩肺炎澳洲物資</t>
  </si>
  <si>
    <t>肺炎物資口罩工作澳洲</t>
  </si>
  <si>
    <t>可能穆迪埃爵士誤傳nba</t>
  </si>
  <si>
    <t>(15:00更正)繼爵士中鋒戈貝爾之後美媒報導爵士替補後衛穆迪埃在經過檢驗之後也確診新冠肺炎成為NBA第2位染病的球員。不過相關消息並未獲得證實恐為誤傳。爵士在戈貝爾確診後將替所有球員做新冠病毒檢測最</t>
  </si>
  <si>
    <t>爵士球員確診戈貝爾之後消息並未相關證實獲得染病替補nba報導後衛恐為誤傳成為穆迪埃肺炎檢驗中鋒</t>
  </si>
  <si>
    <t>(15:00更正)繼爵士中鋒戈貝爾之後美媒報導爵士替補後衛穆迪埃在經過檢驗之後也確診新冠肺炎成為NBA第2位染病的球員。不過相關消息並未獲得證實恐為誤傳。爵士在戈貝爾確診後將替所有球員做新冠病毒檢測最終結果尚未出爐。
爵士中鋒戈貝爾在今天雷霆迎戰爵士賽前被驗出得到新冠肺炎雷霆和爵士之戰迅速喊停NBA聯盟也隨即宣佈全面停賽。</t>
  </si>
  <si>
    <t>爵士戈貝爾球員確診之後雷霆肺炎中鋒nba聯盟喊停隨即迅速並未消息相關獲得證實替補恐為後衛染病誤傳報導出爐穆迪埃</t>
  </si>
  <si>
    <t>爵士NBA新冠肺炎穆迪埃</t>
  </si>
  <si>
    <t>nba肺炎爵士穆迪埃</t>
  </si>
  <si>
    <t>肺炎確診杜蘭特巨星nba</t>
  </si>
  <si>
    <t>新冠肺炎疫情入侵NBA！繼爵士戈貝爾、米契爾與活塞伍德之後籃網宣佈隊中4名球員確診新冠肺炎雖然沒有公佈球員名字但超級巨星杜蘭特對外宣告自己中標希望大家能夠保護好自己的健康。現年31歲的杜蘭特2104年</t>
  </si>
  <si>
    <t>球員杜蘭特肺炎能夠保護希望中標宣告對外米契爾爵士活塞戈貝爾伍德之後nba巨星宣佈入侵名字公佈確診沒有</t>
  </si>
  <si>
    <t>新冠肺炎疫情入侵NBA！繼爵士戈貝爾、米契爾與活塞伍德之後籃網宣佈隊中4名球員確診新冠肺炎雖然沒有公佈球員名字但超級巨星杜蘭特對外宣告自己中標希望大家能夠保護好自己的健康。
現年31歲的杜蘭特2104年獲選年度最有價值球員4度摘下得分王10次入選全明星賽幫助勇士2度奪得總冠軍去年總決賽受傷夏天脫離合約加盟籃網缺賽至今沒想到卻因為隨隊到客場出賽而感染了新冠肺炎可說是無妄之災。
籃網在聲明中表示全隊目前正在隔離檢驗目前有4位球員確診已告知曾經與染疫球員接觸的人士。
杜蘭特表示目前感覺很好每個人都要小心照顧好自己並且做好防範措施我們會度過難關的。</t>
  </si>
  <si>
    <t>球員杜蘭特目前肺炎表示確診奪得冠軍勇士去年決賽幫助受傷全明星賽入選夏天脫離合約想到加盟</t>
  </si>
  <si>
    <t>籃網杜蘭特新冠肺炎</t>
  </si>
  <si>
    <t>肺炎杜蘭特</t>
  </si>
  <si>
    <t>不行az莫德納疑慮一定名醫解析混打</t>
  </si>
  <si>
    <t>全球興起新冠疫苗混打風潮為什麼許多國家採取混打策略？混打有什麼優缺點？《康健》20日邀請振興醫院感染科主任級醫師顏慕庸直播開講從全球疫苗混打經驗分析台灣應有的作為並釋疑臉書粉絲提出的疑問。以下為</t>
  </si>
  <si>
    <t>混打疫苗全球釋疑作為應有臺灣粉絲邀請康健振興醫院分析感染主任經驗醫師顏慕庸直播開講策略風潮提出優缺點</t>
  </si>
  <si>
    <t>疫苗混打az研究全球莫德納副作用蛋白免疫病毒抗體bnt臺灣變種細胞目前可以</t>
  </si>
  <si>
    <t>康健雜誌新冠肺炎台灣AZ混打</t>
  </si>
  <si>
    <t>肺炎臺灣az雜誌康健混打</t>
  </si>
  <si>
    <t>今年萎縮gdp財長法國前景經濟艱難國際</t>
  </si>
  <si>
    <t>法國財政部長勒梅爾（Bruno Le Maire）週二表示受新冠病毒危機影響今年法國經濟恐將萎縮11%且直到明年一切恢復之前經濟情勢恐將更為艱難。法國在3月中旬起實施嚴格的封鎖措施以防止新冠狀病毒疫情持續擴散</t>
  </si>
  <si>
    <t>法國病毒經濟mairele週二表示措施防止封鎖實施嚴格月中危機艱難明年恢復更為情勢影響之前直到</t>
  </si>
  <si>
    <t>法國財政部長勒梅爾（Bruno Le Maire）週二表示受新冠病毒危機影響今年法國經濟恐將萎縮11%且直到明年一切恢復之前經濟情勢恐將更為艱難。
法國在3月中旬起實施嚴格的封鎖措施以防止新冠狀病毒疫情持續擴散直到5月11日才開始逐步放寬限制令。
法國財長勒梅爾接受法國電台訪問時表示法國經濟已遭到新冠肺炎疫情重創我們採取了有效的措施保護法國人民的健康但經濟幾乎陷入三個月的停滯法國以經濟成長做為代價他並表示正在準備的新版預算案將把2020年法國經濟成長預測由負8%下修至負11%。</t>
  </si>
  <si>
    <t>法國經濟表示直到措施成長疫情勒梅爾病毒開始放寬限制逐步預測財長mairele擴散接受實施健康</t>
  </si>
  <si>
    <t>法國財長經濟GDP萎縮</t>
  </si>
  <si>
    <t>gdp法國萎縮財長經濟</t>
  </si>
  <si>
    <t>棒球經典取消</t>
  </si>
  <si>
    <t>2021年世界棒球經典賽(WBC)取消了？根據美媒ESPN報導這場明年3月的比賽受到新冠疫情衝擊西語記者羅哈斯(Enrique Rojas)引述他的消息來源說：「這比賽不是我們優先度最高的事官方遲早會正式宣佈取消。」明年經</t>
  </si>
  <si>
    <t>比賽取消明年wbc遲早官方espnenrique羅哈斯記者西語衝擊最高優先報導rojas引述消息來源疫情受到正式經典</t>
  </si>
  <si>
    <t>2021年世界棒球經典賽(WBC)取消了？根據美媒ESPN報導這場明年3月的比賽受到新冠疫情衝擊西語記者羅哈斯(Enrique Rojas)引述他的消息來源說：「這比賽不是我們優先度最高的事官方遲早會正式宣佈取消。」
明年經典賽預計擴充到空前的20支球隊地主國為日本、台灣、美國。除了台灣(使用台中、桃園的球場)疫情明顯減緩日本、美國還有其餘的參賽國恐怕無法處理跨國移動的問題。原本的決賽地點在美國邁阿密馬林魚的球場。
經典賽是由MLB美職大聯盟與世界棒總共同主辦但主導者是大聯盟他們目前「優先度」最高的就是設法重啟例行賽。此外經典賽還受到大聯盟和球員工會的協議影響勞資協議將在明年12月到期讓大聯盟無暇他顧。
《紐約郵報》記者估計經典賽最快要到2023年才有機會開打。</t>
  </si>
  <si>
    <t>經典聯盟明年美國記者球場疫情比賽受到最高日本優先取消世界協議臺灣要到處理移動無法恐怕問題原本參賽國</t>
  </si>
  <si>
    <t>大聯盟棒球經典賽WBC美國2021</t>
  </si>
  <si>
    <t>棒球經典聯盟wbc美國</t>
  </si>
  <si>
    <t>機首轉機</t>
  </si>
  <si>
    <t>中央流行疫情指揮中心日前宣佈開放桃園機場過境轉機首2批轉機旅客26日先後搭乘長榮班機抵台轉機這也是3月24日實施轉機禁令後桃園機場首度出現轉機客。第1批7名轉機旅客下午搭乘長榮BR272班機從馬尼拉出發</t>
  </si>
  <si>
    <t>轉機桃園機場班機搭乘旅客中心日前宣佈開放指揮禁令疫情br過境首度出現實施下午先後流行馬尼拉</t>
  </si>
  <si>
    <t>中央流行疫情指揮中心日前宣佈開放桃園機場過境轉機首2批轉機旅客26日先後搭乘長榮班機抵台轉機這也是3月24日實施轉機禁令後桃園機場首度出現轉機客。
第1批7名轉機旅客下午搭乘長榮BR272班機從馬尼拉出發下午3時20分左右抵達桃園機場當機上其他旅客下機後轉機客隨即由地勤人員引導前往出境管制區的C4候機室休息。
據瞭解轉機客中有4名搭乘長榮BR52班機前往休士頓2名搭乘長榮BR32班機前往紐約1名搭乘長榮BR56班機前往芝加哥。
第2批13名轉機旅客搭乘長榮BR266班機傍晚從金邊抵台其中有11人將轉搭BR87班機前往巴黎2人搭乘BR10班機前往福岡合計兩批共有20名旅客過境轉機。
中央流行疫情指揮中心表示由於鄰近的香港及新加坡等樞紐機場已陸續開放轉機因此依「邊境風險嚴管、國內鬆綁」原則決定開放桃園機場轉機不過所有轉機旅客必須轉搭同一航空公司的班機且在機場停留時間不得超過8小時目前僅開放華航、長榮及國泰3家航空公司提供轉機服務。
為降低防疫風險交通部也嚴格限制轉機旅客的動線規定只能待在指定的候機室避免與其他旅客混流如有飲食或是購物需求也有專人服務並全程監控。</t>
  </si>
  <si>
    <t>轉機旅客機場班機開放前往br桃園搭乘候機室風險服務公司航空下午中心過境指揮疫情</t>
  </si>
  <si>
    <t>轉機班機旅客長榮機場</t>
  </si>
  <si>
    <t>班機旅客轉機機場</t>
  </si>
  <si>
    <t>啟動花園酒店改裝臺北產業</t>
  </si>
  <si>
    <t>天成飯店集團旗下臺北花園大酒店因應新冠肺炎疫情衝擊今年提前啟動改裝計畫首波已完成大廳改裝將原六國點心坊、六國酒吧改裝為「花園thai thai」泰式餐酒館後續將陸續展開241間客房分批裝修預計將斥資上億</t>
  </si>
  <si>
    <t>改裝花園臺北裝修大酒店分批因應展開陸續肺炎疫情後續衝擊thai今年提前啟動大廳完成原六國預計</t>
  </si>
  <si>
    <t>天成飯店集團旗下臺北花園大酒店因應新冠肺炎疫情衝擊今年提前啟動改裝計畫首波已完成大廳改裝將原六國點心坊、六國酒吧改裝為「花園thai thai」泰式餐酒館後續將陸續展開241間客房分批裝修預計將斥資上億元、為開業12年來最大規模改裝計畫。
臺北花園酒店為6家飯店業者聯盟向交通部觀光局競標取得的平價旅館BOT案合計斥資15億元打造、於2009年於7月23日正式開幕。隨著六福、陽明山中國麗緻陸續售股退出目前為天成、麒麟、豪景、慶泰4大股東其中以天成持股達48％為最大股東。
臺北花園酒店設有241間客房以及PRIME ONE牛排館、翠庭、饗聚廚房、六國麵包坊等多間餐廳及宴會廳自2010年以來飯店每年平均住房率落於88～93％高檔水準、均位居全台星級評鑑旅館前3名。
據觀光局統計資訊揭露臺北花園酒店2019年營收504億元、年增277％住房率自8847％提升至9249％、平均房價自2332元略增至2352元合算客房平均產值（Rev PAR）約2175元、年增544％。
臺北花園酒店以國際觀光及商務客為主要客群由於今年新冠肺炎疫情在春節爆發、並延燒全球邊境管制及疫情使酒店營運遭受衝擊。2020年首季營收082億元、年減3756％平均房價雖達2407元、年增393％但住房率驟降至4618％較去年同期924％腰斬。
對此臺北花園酒店順勢提前啟動改裝計畫首波裝修先從1樓展開歷時2個月將六國點心坊及六國酒吧改裝為泰式餐酒館並與同步裝修的大廳打通7月起以新品牌「花園thai thai」重新開幕亮相加計大廳改裝計畫合計斥資達千萬元。
臺北花園酒店表示開業12年來客房及餐廳等空間設備僅進行局部小幅裝修原已預訂展開較大幅改裝翻新計畫此次因疫情而提前啟動。目前客房裝修計畫已在規畫中最遲年底前將正式啟動預期整體改裝投資將達上億元為開業12年來最大改裝計畫。
此外天成飯店集團攜手中華郵政取得位於台中七期的新據點開發案目前已送件審查中目前暫定2023年開幕將掛上定位跨界精品的「天成豐閣COSMOS BOUTIQUE」品牌將生活相關業態中的精品品牌合作使飯店成為平臺載體、創造新旅行體驗。</t>
  </si>
  <si>
    <t>改裝臺北花園酒店客房裝修天成飯店目前疫情平均開幕品牌斥資大廳啟動展開花園取得</t>
  </si>
  <si>
    <t>臺北花園酒店花園大酒店營收住房率平均房價</t>
  </si>
  <si>
    <t>住房大酒店花園平均花園酒店臺北房價</t>
  </si>
  <si>
    <t>投手王牌洋基寇爾喜獲夫妻mlb</t>
  </si>
  <si>
    <t>洋基隊新王牌寇爾(Gerrit Cole)的第一個小孩在7月3日出世了是個健康的男嬰取名為Caden。寇爾說：「母子都很平安。他很強壯頭髮有點淡非常可愛有藍色的大眼睛讓我捨不得移開視線。」現年29歲的寇爾在2016年</t>
  </si>
  <si>
    <t>寇爾gerrit捨不得cole眼睛藍色非常有點可愛小孩出世caden取名為健康男嬰強壯頭髮平安母子</t>
  </si>
  <si>
    <t>洋基隊新王牌寇爾(Gerrit Cole)的第一個小孩在7月3日出世了是個健康的男嬰取名為Caden。寇爾說：「母子都很平安。他很強壯頭髮有點淡非常可愛有藍色的大眼睛讓我捨不得移開視線。」
現年29歲的寇爾在2016年結婚妻子Amy曾是UCLA的壘球投手。父母都是投手這個男孩有機會繼承老爸的時速100英里的火球。寇爾日前已在春訓20練投現在速球回復到95-99英里(時速)將擔任洋基開幕戰投手。
從敵人(太空人)轉為隊友再次見識洋基打者之後寇爾對本季頗具信心。他說：「60場或162場球員們仍然只想贏球。這季與往常不同但這是獨一無二的新冠病毒世界大賽冠軍誰不想要抱回這獨特的獎盃呢。」
寇爾早年在海盜隊成績普通只有2015年投出王牌水準。2018年轉隊到太空人之後球團修正他的配球減少了二縫線速球並提高他四縫線速球的進壘高度讓他的三振功力破繭而出去年達到美聯最多的326K(他在海盜最多的一季為202K)。</t>
  </si>
  <si>
    <t>寇爾投手時速太空人之後洋基王牌海盜達到去年想要</t>
  </si>
  <si>
    <t>寇爾洋基大聯盟投手MLB</t>
  </si>
  <si>
    <t>聯盟洋基投手寇爾mlb</t>
  </si>
  <si>
    <t>生產線上線月中口罩全開</t>
  </si>
  <si>
    <t>經濟部日前斥資2億元購置60台口罩機委託業者生產。中央流行疫情指揮中心指揮官陳時中表示本周將有9條生產線上線預計可增加72萬片口罩。3月中以後所有生產線將全開。經濟部所購置的口罩機每個機台每週約可</t>
  </si>
  <si>
    <t>口罩生產線購置經濟部疫情指揮流行中央中心生產指揮官陳時中業者表示上線預計月中以後全開增加斥資機台日前</t>
  </si>
  <si>
    <t>經濟部日前斥資2億元購置60台口罩機委託業者生產。中央流行疫情指揮中心指揮官陳時中表示本周將有9條生產線上線預計可增加72萬片口罩。3月中以後所有生產線將全開。
經濟部所購置的口罩機每個機台每週約可生產70萬片口罩總量超過500萬片其中120萬片無償提供剩下380萬則以公告價格提供給政府。
陳時中表示本周將有9條生產線上線一條線每日約可生產10萬片初估每週可增加72萬片。3月中以後所有產險將全開產能將進一步提升。</t>
  </si>
  <si>
    <t>口罩生產生產線表示全開購置增加提供以後月中上線經濟部政府中心疫情流行指揮中央指揮官時中陳時中超過業者</t>
  </si>
  <si>
    <t>生產線口罩上線3月生產</t>
  </si>
  <si>
    <t>生產線上線口罩生產</t>
  </si>
  <si>
    <t>背光不妙業績</t>
  </si>
  <si>
    <t>背光模組廠元月營收出爐因為淡季以及工作天數減少等影響瑞儀（6176）、中光電（5371）元月營收相比去年同期都衰退了近兩成。受到新冠肺炎影響疫情影響瑞儀、中光電大陸各廠區延至2月10日才陸續復工預期2月營</t>
  </si>
  <si>
    <t>影響元月光電瑞儀延至受到衰退各廠去年同期大陸相比出爐淡季工作天數減少陸續肺炎疫情</t>
  </si>
  <si>
    <t>背光模組廠元月營收出爐因為淡季以及工作天數減少等影響瑞儀（6176）、中光電（5371）元月營收相比去年同期都衰退了近兩成。受到新冠肺炎影響疫情影響瑞儀、中光電大陸各廠區延至2月10日才陸續復工預期2月營收還會下探低點第一季營運展望保守。
由於進入傳統淡季農曆年假、工作天數較少瑞儀1月合併營收約3482億元月減783％、年減3789％。各產品出貨來看行動裝置（平板電腦、智慧型手機）出貨量約4993萬片、月減163％IT（NB、監視器）產品出貨約2603萬片月減率129％電視產品則減至5000片總計單月出貨量降至7815萬片。
瑞儀在農曆年後只有吳江廠生產其他包括南京廠和廣州廠均停產廣州廠自10日起復工南京廠隨後在11日復工。不過在員工陸續回廠後還須檢疫2月營收將受到衝擊。
中光電1月份自結合併營收約3328億元較上一個月減少20％與去年同期相較也減少19％。其中影像產品元月份整體出貨量約64萬台合併營收則約827億元受到去年12月份基期較高以及淡季和年假影響出貨量及合併營收分別月減29％及40％。
節能產品元月份合併營收1739億元較12月減少14％其中EMS生意營收約1043億元月減6％ODM產品則由於TV機種受淡季效應影響出貨衰退營收約622億元較12月份下滑29％。元月份節能產品整體出貨量約347萬片較12月略減07％。
中光電大陸廠區遍佈昆山、蘇州、吳江、廣州、寧波等地近期陸續復工。由於淡季及農曆年假影響工作天數減少而且肺炎疫情影響工作天數驟減預估2月份整體出貨量將較元月份明顯衰退。</t>
  </si>
  <si>
    <t>出貨量淡季影響元月產品減少復工月份陸續光電受到廣州天數衰退合併工作年假</t>
  </si>
  <si>
    <t>中光電肺炎節能淡季背光模組廠</t>
  </si>
  <si>
    <t>淡季節能背光肺炎光電</t>
  </si>
  <si>
    <t>台南疫苗接種外泄爭取政治服務處色彩</t>
  </si>
  <si>
    <t>台南傳出接種疫苗個資疑似外洩風波市府27日偕同台南市診所協會代表醫師張富全、台南市醫師公會共同發表聲明強調衛生局、各區衛生所及各醫療院所對於個人資料的蒐集、處理或利用將秉持最嚴謹態度除依法律規</t>
  </si>
  <si>
    <t>台南嚴謹利用處理蒐集個人資料態度對於院所醫療外泄衛生所衛生局風波強調市府聲明診所張富全偕同發表</t>
  </si>
  <si>
    <t>台南傳出接種疫苗個資疑似外洩風波市府27日偕同台南市診所協會代表醫師張富全、台南市醫師公會共同發表聲明強調衛生局、各區衛生所及各醫療院所對於個人資料的蒐集、處理或利用將秉持最嚴謹態度除依法律規定也尊重當事人的權益絕不逾越特定目的的必要範圍還簽署個資保護聲明書。
市議員洪玉鳳、陳怡珍27日於定期會衛生局工作報告時也再度爆料指涉及個資外洩者竟然拿著某議員服務處助理的名片向打第2劑的長者聲稱「服務處幫你爭取到疫苗」讓疫苗染上政治色彩實在太不應該；衛生局長許以霖答詢說疫苗都是中央配發應該是診所聯繫上的錯誤將加強要求管制。
衛生局指出該局除落實疫苗注射的行政流程加強衛生局、所同仁的法治觀念外還將透過醫師公會對醫療院所宣導個資保護及教育訓練藉由強化行政監督及與各醫療院所共同努力以最嚴謹的方式保護疫苗注射名冊內所有的個人資料。
衛生局還說今年度公費流感疫苗將於10月1日起開始第1階段接種對象包括醫事及衛生防疫相關人員、65歲以上長者、安養、養護、長期照顧（服務）等機構的受照顧者及所屬工作人員、滿6個月以上至國小入學前幼兒、孕婦、具有潛在疾病之高風險慢性病人、BMI≧30者與罕見疾病及重大傷病患者、國小至高中職／五專一至三年級學生、6個月內嬰兒的父母、幼兒園托育人員及托育機構專業人員、禽畜業及動物防疫相關人員；第2階段自11月15日開始接種對象為50至64歲無高風險慢性病成人。
市長黃偉哲呼籲符合公費接種資格的民眾盡快預約接種並需注意「與COVID-19疫苗接種時間間隔7天以上」在前往合約院所預約或接種前應主動告知疫苗接種史。
市長黃偉哲說針對符合資格的長者將會由衛生所統一造冊安排施打莫德納第2劑並由各區公所統一印製通知單告知安排施打的日期及地點再由裡長或裡幹事親自發送至長者家中。針對行動不便的長者市府也持續提供「安心接送」服務只需施打前1天向區公所申請長照車或復康巴士前往接送；如長者因身體情況無法移動前往施打地點也可向衛生局申請經評估後可安排到府施打服務。
至於台南市從開始COVID-19疫苗接種作業後直到26日止共接種107萬5399劑次人口涵蓋率485％；第2劑涵蓋率90％；劑次涵蓋率575％。</t>
  </si>
  <si>
    <t>疫苗接種衛生局長者院所以上服務人員保護前往施打醫療安排開始國小台南高風險接送地點診所議員</t>
  </si>
  <si>
    <t>疫苗個資外洩台南衛生局接種流感疫苗</t>
  </si>
  <si>
    <t>台南衛生局外泄接種流感疫苗疫苗</t>
  </si>
  <si>
    <t>及早部署搖頭遲早只能delta心理準備</t>
  </si>
  <si>
    <t>Delta（印度變種病毒株）正在世界蔓延中大陸廣州市疫調時發現Delta在無任何接觸的情況下就能傳播且傳播速度只要14秒。對此一名網友認為去年政府準備一年也未看到實質的超前部署不該只想著要防守邊境應</t>
  </si>
  <si>
    <t>delta世界蔓延大陸廣州市接觸情況發現傳播部署不該看到超前準備政府實質去年對此</t>
  </si>
  <si>
    <t>Delta（印度變種病毒株）正在世界蔓延中大陸廣州市疫調時發現Delta在無任何接觸的情況下就能傳播且傳播速度只要14秒。對此一名網友認為去年政府準備一年也未看到實質的超前部署不該只想著要防守邊境應該要思考若有天Delta進入台灣的應對方式。
該名網友今（24）日於PTT表示Delta已讓以色列、英國解封計畫暫緩大陸的朋友也透露雖然新聞沒有特別報導廣州市相關疫情消息但因為Delta關係目前仍處於局部封閉狀態。
他認為有不少國家正受到Delta病毒肆虐去年中央準備了一年的時間防疫也沒看到實質超前部署規劃「這次不應該只想著守住邊境Delta就不會進來」應該要一邊嚴守邊境一邊為未來Delta進來做超前準備。
貼文曝光後不少鄉民加入討論「別說台灣這是世界各國都扛不住的未來」、「看到中央機組員0+7真的覺得會進來都不意外」、「機組隔離這麼寬鬆再破一次也很正常」、「你也沒辦法為變種準備什麼因為持續都在變異只能做好心理準備」、「連醫療設備都要藝人掏腰包CDC淪落到只會走秀」。
★《中時新聞網》提醒您：因應新冠肺炎疫情疾管署持續加強疫情監測與邊境管制措施 如有疑似症狀請撥打：1922專線或 0800-001922 並依指示配戴口罩儘速就醫同時主動告知醫師旅遊史及接觸史以利及時診斷及通報。</t>
  </si>
  <si>
    <t>delta準備邊境疫情超前接觸進來應該大陸廣州市臺灣網友持續世界認為中央看到去年未來</t>
  </si>
  <si>
    <t>新冠肺炎Delta印度變種病毒株邊境台灣</t>
  </si>
  <si>
    <t>印度delta變種病毒肺炎邊境臺灣</t>
  </si>
  <si>
    <t>夜市防疫攤販進入禁止宣佈設攤嘉市</t>
  </si>
  <si>
    <t>台灣新冠肺炎疫情嚴峻嘉義市是全國人口密度第二高的城市市長黃敏惠市長今天下午召開緊急會議市宣佈嘉義市以準三級規格備戰黃敏惠表示嘉市除配合行政院防疫四大措施外5月28日前還有各項措施包括夜市攤販</t>
  </si>
  <si>
    <t>黃敏惠嘉義還有日前市長措施疫情四大防疫嚴峻各項措施行政院配合嘉市除表示全國備戰規格人口密度肺炎包括城市宣佈今天下午緊急會議召開</t>
  </si>
  <si>
    <t>台灣新冠肺炎疫情嚴峻嘉義市是全國人口密度第二高的城市市長黃敏惠市長今天下午召開緊急會議市宣佈嘉義市以準三級規格備戰黃敏惠表示嘉市除配合行政院防疫四大措施外5月28日前還有各項措施包括夜市攤販暫停營業等。
嘉義市政府宣佈5月28日前進入準三級警戒市有教育、文化、社會、運動等場館暫時關閉；國中小戶外教學、參訪及畢業旅行等一律停辦；轄區內夜市攤販暫停營業；公務人員及市民不鼓勵到三級警戒區洽公旅遊；即時全面進行清消由重點區域開始。
嘉義市政府表示15日上午已與夜市自治會溝通下午宣佈停止設攤營業店面商家則不在此限。文化路夜市自治會總幹事顏秀蓮說宣佈後開始通知設攤的攤商請大家勿再來擺攤配合政府防疫。
黃敏惠也在「中央地方防疫視訊會議」中向行政院長蘇貞昌提出三點要求希望中央給予因防疫而停止營運的行業、攤商補償或紓困；趁疫情升溫人民施打疫苗意願高漲中央應速調度疫苗全力供應速達成群體免疫目標；地方防疫經費不足請中央大力協助以利疫情控管。</t>
  </si>
  <si>
    <t>防疫中央嘉義夜市宣佈疫情黃敏惠警戒開始停止日前表示設攤市政府疫苗攤販暫停營業配合自治地方戶外關閉教學</t>
  </si>
  <si>
    <t>防疫攤販嘉義新冠肺炎夜市</t>
  </si>
  <si>
    <t>嘉義攤販肺炎夜市防疫</t>
  </si>
  <si>
    <t>市場仁愛確診波及今晚成功基隆</t>
  </si>
  <si>
    <t>基隆成功市場豬肉攤商日前確診市場緊急封閉市府昨天針對所有攤商186人進行PCR檢測有6人呈現陽性陽性率達32％市長林右昌表示其中有1確診攤商也在仁愛市場營業因此下令仁愛市場今天晚上6點關閉至6月2</t>
  </si>
  <si>
    <t>市場確診仁愛呈現陽性陽性率市長林右昌昨天表示封閉緊急市府豬肉檢測今天日前pcr進行下令營業晚上成功</t>
  </si>
  <si>
    <t>基隆成功市場豬肉攤商日前確診市場緊急封閉市府昨天針對所有攤商186人進行PCR檢測有6人呈現陽性陽性率達32％市長林右昌表示其中有1確診攤商也在仁愛市場營業因此下令仁愛市場今天晚上6點關閉至6月24日零時成功市場則延長休市至6月23日零時。
林右昌指出6個確診案例中有2豬肉攤商、2雞肉攤商、1水產攤商另外1案則是與攤商有接觸的小吃業者被列為新北個案其中有1豬肉攤商也在仁愛市場營業為預防擴大傳播團隊決議仁愛市場今晚6點起休市到6月24日零時並要求所有攤商下午自主用消毒藥水清潔攤位休市後環保局將進入全面清消另外衛生單位也會安排所有仁愛市場攤商進行PCR採檢。
林右昌說成功市場新確診案例中有5例皆為生鮮肉品攤商生鮮攤販比例相當高他認為這是一個警示決定採取更積極作為包括市場延休至6月23日零時、只要有攤商染疫立即休市並進行清潔待防疫到位後再復市。
林右昌進一步說明這次新冠肺炎疫情是從生鮮市場開始許多專家學者寫的文章也提到傳統市場是病毒最容易滋生的場所只要場域通風加上人流就會具有傳播風險他提及台灣許多民眾在採買生鮮食品時都會用手觸摸確定新鮮度但無形之中可能會形成新的傳播方式。
林右昌強調昨天已下令所有傳統式市場一律比照崁仔頂漁市採取「雙罩一套」需戴上口罩、面罩及拋棄式矽膠手套但也呼籲民眾在採購時盡量不要用手觸摸食品。</t>
  </si>
  <si>
    <t>市場林右昌仁愛確診生鮮進行成功採取民眾傳播豬肉昨天觸摸清潔下令</t>
  </si>
  <si>
    <t>新冠肺炎台灣基隆仁愛市場成功市場</t>
  </si>
  <si>
    <t>臺灣基隆肺炎仁愛市場成功</t>
  </si>
  <si>
    <t>指揮中心今宣佈新增2例境外移入我國目前累計有523例確診因此下午2時指揮官陳時中將召開記者會說明個案相關事宜。中央流行疫情指揮中心（7日）宣佈新增兩例境外移入國內截至目前累計523例確診分別為431例</t>
  </si>
  <si>
    <t>累計目前境外確診指揮中心宣佈新增個案說明相關記者會事宜召開中央流行陳時中疫情指揮官下午截至我國國內</t>
  </si>
  <si>
    <t>指揮中心今宣佈新增2例境外移入我國目前累計有523例確診因此下午2時指揮官陳時中將召開記者會說明個案相關事宜。
中央流行疫情指揮中心（7日）宣佈新增兩例境外移入國內截至目前累計523例確診分別為431例境外移入病例55例本土病例36例敦睦艦隊及1例不明（比利時工程師）。確診個案中7人死亡、485人解除隔離、29人住院隔離中。
另牛耳藝術邀請知名俄羅斯鋼琴家丹尼爾‧特裡福諾夫（Daniil Trifonov）來台演出且還提早兩天到台灣因此遭質疑為何免隔離14天？文化部是否已偷偷開放「藝文泡泡」？對此發言人莊人祥昨晚回應指揮中心事前知情審核但不是開放「藝文泡泡」而是比照短期商務人士來台有條件縮短隔離天數作法而提早來台一事文化部也有口頭先告知只是公文還沒完備。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TOCC)以供及時診斷通報。</t>
  </si>
  <si>
    <t>中心隔離指揮確診檢疫是否症狀告知文化部個案境外就醫通報泡泡開放累計目前</t>
  </si>
  <si>
    <t>英國威力可能延後病毒解封變種</t>
  </si>
  <si>
    <t>Delta變種病毒造成英國新冠肺炎確診人數再次上揚英國首相強生可能延後數周放寬防疫措施。英國政府原先計劃在6月21日解封不過鑑於近日確診人數飆高外界預測英國可能延長封城至多1個月而強生並未否認媒體臆測</t>
  </si>
  <si>
    <t>英國強生可能確診人數至多延長措施英國政府原先防疫肺炎放寬計畫延後近日預測再次上揚英國首相外界並未</t>
  </si>
  <si>
    <t>Delta變種病毒造成英國新冠肺炎確診人數再次上揚英國首相強生可能延後數周放寬防疫措施。英國政府原先計劃在6月21日解封不過鑑於近日確診人數飆高外界預測英國可能延長封城至多1個月而強生並未否認媒體臆測。</t>
  </si>
  <si>
    <t>新冠肺炎全球強生英國解封</t>
  </si>
  <si>
    <t>強生全球肺炎英國解封</t>
  </si>
  <si>
    <t>調整目前龍頭買入科技</t>
  </si>
  <si>
    <t>世界衛生組織正式宣佈新型冠狀肺炎疫情定性為全球大流行西班牙法國和德國確診人數均逾2千義大利政府更擴大封城措施至全國。此外美國新冠肺炎確診個案亦破千加上川普並不積極採取預防措施未來確診病例</t>
  </si>
  <si>
    <t>確診肺炎疫情採取定性全球積極川普流行加上西班牙政府擴大封城大利措施法國全國德國人數個案美國</t>
  </si>
  <si>
    <t>世界衛生組織正式宣佈新型冠狀肺炎疫情定性為全球大流行西班牙法國和德國確診人數均逾2千義大利政府更擴大封城措施至全國。此外美國新冠肺炎確診個案亦破千加上川普並不積極採取預防措施未來確診病例將有進一步急劇上升的風險。由於歐美疫情似乎仍未到頂預計將會有更多隔離以及減少人流的措施推出短期將明顯拖累經濟增長。
七國集團會議聲明已承諾使用所有適當的政策工具包括財政手段以及貨幣政策避免經濟受新型冠狀病毒影響。繼3月初突然降息50個基點後美國聯準會加大市場注資力度上週四公佈將推出15兆美元回購操作及購入不同期限美國國債以提高市場流動性。歐洲央行亦宣佈為銀行提供額外長期貸款。
雖然歐洲央行和聯準會進一步注入流動性但全球股市繼續出現恐慌性拋售。實際上歐美政府未能採取有效措施應對疫情損害投資者的信心。目前的美股波動已經升至過去30年（除2009年金融危機外）的最高水準。標普500指數現價跌至預期本益比15倍而英國和德國股市更跌至11倍。市場極度超賣。投資者正期待歐洲和美國政府推出大規模的財政刺激計畫以穩定經濟增長。
板塊方面建議投資者趁目前調整買入龍頭科技股。其中阿裡巴巴（09988-HK）表示集團旗下的快遞和外賣業務已經恢復到新冠肺炎爆發前的人員配置水準菜鳥受疫情影響數周後已回復運作而外賣業務「餓了麼」及生活用品「盒馬」亦回復全面營運。預計阿裡就疫情方面的負面影響將會逐步消化主要業務正步向復甦預計利潤將在第二季度回復高增長。</t>
  </si>
  <si>
    <t>疫情確診措施推出投資者經濟美國市場業務肺炎預計回復增長財政水準流動性進一步德國方面目前冠狀已經准會</t>
  </si>
  <si>
    <t>肺炎投資增長買入外賣</t>
  </si>
  <si>
    <t>投資買入增長肺炎</t>
  </si>
  <si>
    <t>肺炎治療啟動加速器機構</t>
  </si>
  <si>
    <t>比爾及梅琳達蓋茲基金會、惠康基金會和萬事達卡10日共同宣佈啟動新冠肺炎治療加速器（COVID-19 Therapeutics Accelerator）承諾投入最高125億美元種子基金透過篩選、評估、開發和擴大推廣新冠肺炎的治療方法</t>
  </si>
  <si>
    <t>肺炎治療基金會共同惠康宣佈啟動種子萬事達卡基金投入透過承諾篩選accelerator評估therapeutics開發covid-擴大加速器推廣蓋茲比爾梅琳達</t>
  </si>
  <si>
    <t>比爾及梅琳達蓋茲基金會、惠康基金會和萬事達卡10日共同宣佈啟動新冠肺炎治療加速器（COVID-19 Therapeutics Accelerator）承諾投入最高125億美元種子基金透過篩選、評估、開發和擴大推廣新冠肺炎的治療方法加速疫情應對工作。
上述3家合作夥伴承諾將為資源匱乏的國家和地區提供公平可及、價格可負擔的產品。新冠肺炎治療加速器的短期目標是透過加快新藥研發、評估老藥新用以及生物製劑讓新冠肺炎患者儘快得到治療；長期目標則是為其他病毒性疾病找到治療方法。目前還沒有找到可用在對抗新型病原體的廣效抗病毒用藥或免疫療法的新冠肺炎批准用藥。
蓋茲基金會和惠康基金會各自承諾投入最高5000萬美元萬事達卡則承諾投入最高2500萬美元用於該計劃並啟動初期的工作。蓋茲基金會此次宣佈的投入金額是其在2月宣佈將為支持抗擊新冠肺炎疫情投入最高1億美元捐款的一部分。
蓋茲基金會首席執行官馬克蘇茲曼（Mark Suzman）表示：「新冠病毒及類似病毒的傳播速度很快然而相關疫苗和藥物的開發進展緩慢。面對這樣的疫情如果想要保護全世界、特別是弱勢群體我們就必須設法加快研發工作同時需要政府、民間企業和慈善機構快速行動為研發工作提供資金。」
新冠肺炎治療加速器將與世界衛生組織、各國政府、民間企業資助和相關機構、全球監管和政策制定部門通力合作。吸取2014年伊波拉疫情中所獲得的經驗此合作機制將包含從藥物篩選、生產到擴大推廣的全部環節並透過共同研究成果、協調投資和彙聚資源來加快藥物研發進程。該合作機制將針對研發過程的關鍵環節進行快速、靈活的資金投放降低開發對抗新冠肺炎和未來可能出現其他疫情的新型藥物和生物製劑的風險並保障資源匱乏國家的藥品普及性。
新冠肺炎治療加速器將由出資方聯合營運並充分利用各機構和外部專家的專長。該合作機制將關注藥物研發週期的多個環節以簡化從候選藥物的臨床評估到使用和生產。該機制將採用三種方法識別候選化合物：測試已批准藥物對新冠肺炎的活性、對數千種已有確定安全資料的化合物進行篩選以及考慮處於探索階段的化合物和單細胞抗體通過初步篩選的藥物或單細胞抗體將交由行業夥伴進一步研發。
生物科技和醫藥產業的關鍵夥伴將為本次合作提供化合物庫和臨床資料並利用他們的商業化運作能力及其他專長將選中的藥物和單細胞抗體投入規模化生產。在篩選新冠肺炎藥物的同時該機制還將與監管部門合作統一行業標準並擴大生產能力。目前已獲監管部門批准的產品或具備臨床資料的候選藥品大約需要一年時間才能進入市場。臨床資料有限且處於篩選初期的化合物則需要更長的時間。
惠康基金會主席傑瑞米法拉博士（Dr Jeremy Farrar）指出：「新冠病毒造成了前所未有的全球威脅我們必須透過國際合作來開發治療方法、快速診斷方法和疫苗。雖然科學在對抗新冠肺炎方面取得驚人進展但為了跑在疫情前面我們需要投入更多資源並協調各方研究。我們將透過此次合作為潛在的治療方法提供研究、開發、評估和生產方面的支持。雖然新冠病毒極具威脅性但我們已經證明透過國際合作我們能夠戰勝新型傳染病。我們必須盡全力對抗新冠肺炎並繼續確保研究成果能以可負擔的價格普及所有人。如果我們想要扭轉疫情發展趨勢全球必須齊心協力立即大規模投資並承擔相對的風險。歡迎大家加入我們的行列。」
雖然已有獲批的抗病毒藥物可用於緩解季節性流感或治療愛滋病等病毒性疾病但目前還沒有一種針對新冠肺炎的有效藥物。其中一個原因是這些藥物在短期內看不到市場回報導致研究和商業推廣緩慢甚至停滯。新冠肺炎治療加速器將整合各方資源與專長幫助學界、生物科技公司和醫藥公司降低財務和技術風險並確保這些產品能夠以可負擔的價格提供給資源匱乏國家和地區的人們。醫藥公司的專業能力對藥物的篩選、研發和商業化至關重要。
萬事達卡副董事長邁克弗羅曼（Mike Froman）表示：「我們很榮幸能加入對抗新冠肺炎的行列以進一步實現我們對相容並緒的承諾。這一全球挑戰不僅威脅了世界各地人民的健康和安全也可能破壞全球數百萬民眾、企業和組織的經濟活力。我們在實踐普惠金融方面的經驗告訴我們建立一個資本共用、資源和技能互補的合作網絡十分重要。歡迎其他關注包容性增長的夥伴加入我們。」</t>
  </si>
  <si>
    <t>藥物肺炎疫情合作治療研發資源全球篩選基金會投入透過病毒方法化合物對抗必須承諾工作需要提供臨床資料機制評估</t>
  </si>
  <si>
    <t>聯合統一全球新冠肺炎藥物</t>
  </si>
  <si>
    <t>全球統一肺炎聯合藥物</t>
  </si>
  <si>
    <t>好凶漲幅租金辦公臺北市亞太</t>
  </si>
  <si>
    <t>新冠肺炎疫情衝擊全球連帶的牽動企業主租賃辦公室的決策過程和需求商業用不動產市場首當其衝不過反觀臺北市受惠企業重新加碼佈局台灣所賜辦公租金漲好兇！漲幅叫我亞太第一！以2％的單季漲幅、38％的年漲</t>
  </si>
  <si>
    <t>衝擊全球連帶漲幅牽動好凶企業主租賃租金辦公室辦公決策過程臺灣需求佈局疫情商業加碼不動產重新市場企業首當其衝受惠反觀臺北市</t>
  </si>
  <si>
    <t>新冠肺炎疫情衝擊全球連帶的牽動企業主租賃辦公室的決策過程和需求商業用不動產市場首當其衝不過反觀臺北市受惠企業重新加碼佈局台灣所賜辦公租金漲好兇！漲幅叫我亞太第一！以2％的單季漲幅、38％的年漲幅居亞太區之冠。
高力國際8日公佈最新調查針對此波新冠肺炎（COVID-19）對於亞太A級辦公市場的影響追蹤19個城市的結果發現2020年第二季的A級辦公室租賃需求較第一季大幅衰退逾5成甚至較去年同期大幅減少逾7成。
不過臺北市因疫情控制得當市場又是最小第二季租金季漲幅、年漲幅竟雙雙成為亞太區之最。
調查指出臺北是以2％的單季漲幅、38％的年漲幅居亞太區之冠。
另外印度德里、韓國首爾辦公平均租金也不畏疫情租金較上季走揚。
高力國際董事總經理劉學龍表示臺北市辦公室租約一般為期五年受制於市場新增供給有限續約已是當務之急租金勢必調漲。
展望下半年高力國際預期在肺炎疫情未解以及許多城市有大量供給的衝擊下至今年年底亞太區整體租金跌幅可能會達到5%而臺北則將逆勢上漲23%。
另外調查顯示亞太19個主要城市今年第二季辦公室新增租賃需求普遍比上季萎縮實際去化面積為48萬平方公尺(約1452萬坪)相較第一季去化面積109萬平方公尺（約3297萬坪）大幅萎縮56％若對照比去年第二季去化面積164萬平方公尺（約4961萬坪）年減幅更高達71％。
展望下半年高力國際認為中國大陸一線城市、印度、東京等地方需求將明顯復甦；但上海及香港等處有較高跨國企業占比的城市租賃需求仍偏弱。</t>
  </si>
  <si>
    <t>租金城市市場需求疫情國際高力辦公室租賃臺北市亞太區辦公調查亞太漲幅大幅肺炎供給印度新增衝擊今年</t>
  </si>
  <si>
    <t>新冠肺炎租金漲幅亞太區臺北市</t>
  </si>
  <si>
    <t>租金漲幅肺炎亞太區臺北市</t>
  </si>
  <si>
    <t>經濟期間產業</t>
  </si>
  <si>
    <t>新冠肺炎疫情導致死亡人數攀高民眾懼怕之餘多數在家中抗疫情連帶激勵電商、網購平臺、防疫物資、貨運公司、宅經濟的手遊公司、零售通路及食品業者等業績長紅如鈊象（3293）、富邦媒（8454）等。台灣的新冠肺炎</t>
  </si>
  <si>
    <t>疫情公司零售通路貨運食品業者業績物資防疫平臺肺炎民眾導致激勵死亡</t>
  </si>
  <si>
    <t>新冠肺炎疫情導致死亡人數攀高民眾懼怕之餘多數在家中抗疫情連帶激勵電商、網購平臺、防疫物資、貨運公司、宅經濟的手遊公司、零售通路及食品業者等業績長紅如鈊象（3293）、富邦媒（8454）等。
台灣的新冠肺炎疫情從過年到目前已經超過兩個多月已有5人死亡因尚未控制住民眾也多數留在家裡減少外出創造了宅經濟的市場包括透過網路採購民生必需品momo購物的富邦媒、遠百旗下愛買以及貨運公司如嘉裡大榮、宅配通的業績走強。
其中富邦媒2月營收495億元創歷史同期新高年增399％今年前兩個月營收988億元年增263％旗下momo網路購物今年2月業績占比繼去年11月後再次突破九成其中行動購物業績占比約達70％年增62％成長率創近一年新高。
同時宅經濟相關的的手遊公司如鈊象、智冠等業績也從今年新冠肺炎疫情爆發開始的1月開始至今每月業績持續成長。鈊象今年2月營收627億元月增182％年增97％連兩個月改寫單月營收新高。</t>
  </si>
  <si>
    <t>業績疫情公司今年購物經濟民眾死亡肺炎貨運網路momo</t>
  </si>
  <si>
    <t>業績手遊如鈊象肺炎貨運</t>
  </si>
  <si>
    <t>肺炎業績貨運</t>
  </si>
  <si>
    <t>戶外中秋烤肉停辦活動</t>
  </si>
  <si>
    <t>(20:12更新)中秋連假將屆而中秋相聚民眾最愛烤肉賞月但受到國籍航空3名機師發生突破性感染且還是傳染力最高的Delta變異病毒加上新北板橋幼兒園爆發15人大規模群聚讓各地方政府神經緊繃目前新北巿、桃園</t>
  </si>
  <si>
    <t>新北民眾最愛烤肉賞月受到中秋國籍航空機師政府發生神經突破性地方相聚感染傳染最高爆發delta幼稚園變異板橋</t>
  </si>
  <si>
    <t>(20:12更新)中秋連假將屆而中秋相聚民眾最愛烤肉賞月但受到國籍航空3名機師發生突破性感染且還是傳染力最高的Delta變異病毒加上新北板橋幼兒園爆發15人大規模群聚讓各地方政府神經緊繃目前新北巿、桃園市、台中市等16縣巿已宣佈禁止戶外烤肉活動只允民眾在家烤肉。
《中時新聞網》整理全台各地針對中秋烤肉的相關規定其中禁止戶外烤肉的有16縣巿5縣巿暫不停辧或視疫情滾動調整臺北巿則預定下週一（13日）公佈中秋節活動防疫指引。以下為全台各地規定。
【臺北市】：下週一（13日）公佈中秋節活動防疫指引。
【新北市】：不開放新北市河濱公園烤肉與烤肉相關公共活動一律禁止自行在家烤肉則不限制。
【基隆市】：7日起所有戶外公共場域禁止烤肉家裡烤肉則以同住家人為限。
【桃園市】：中秋節所有活動一律取消市府所屬虎頭山風景區、公園、河濱公園不開放烤肉。民眾可居家烤肉但應避免大規模群聚。
【新竹縣】：中秋節不開放包括任何戶外、公共場所、社區烤肉以及相關活動僅同住家人可居家烤肉。
【新竹市】：中秋節不開放包括任何公共場所烤肉以及相關活動僅同住家人可居家烤肉。
【苗栗縣-中秋活動暫無影響】：中秋活動暫無影響。停辦銅鑼鄉五福廟普度法會、苑裡鬼門關夜市。
【台中市】：7日起所有戶外公共場域禁止烤肉。包含公園、河濱、社區中庭、自家門前騎樓、公寓社區頂樓等場域皆禁止烤肉；家裡烤肉則以同住家人為限
【彰化縣】：不建議、不鼓勵、不補助辦理社區烤肉活動禁止於社區活動中心、宮廟廣場、公園、風景區、停車場等公共場所或政府機關場所辦理烤肉活動。烤肉對象以同住家人於家戶進行為宜。
【南投縣】：戶外公共場域一律禁止烤肉活動不鼓勵辦理家戶烤肉活動。
【雲林縣】：中秋連假僅開放「同住家人」在自家庭院或空地進行烤肉、賞月活動並請社區、社團停辦非家人的群聚活動。
【嘉義縣】：9月18日到9月21日期間不開放戶外公共場域烤肉僅開放同住家人自家烤肉。
【嘉義市】：9月18日至9月21日社團社區中秋活動禁止例如：烤肉集會唱歌聯歡等家人烤肉不限制。
【台南市】：針對中秋活動市長黃偉哲表示原則上禁止大型戶外社區烤肉能不辦就不要辦如果要辦的話一定要拉開安全距離疫情更嚴峻的話我們會採取斷然措施。另外停辦2021台南古都國際半程馬拉松。
【高雄市】：中秋節禁止各類團體在各類公共場所及騎樓烤肉民眾只能在家中烤肉但僅限同住家人另外高雄市鳳山區誠義裡千人中秋烤肉活動停辦。
【屏東縣】：中秋活動暫無影響將視疫情發展情況調整。
【宜蘭縣】：風景區、河濱公園、中山公園與市民之森中秋連假期間全面禁止烤肉違者將依照傳染病防治法處理。
【花蓮縣】：即起到中秋連假為止停辦社團及社區中秋活動禁止戶外公共場域烤肉同住家人可烤肉。
【台東縣】：不開放公共場所烤肉禁止大型集中烤肉活動民眾可於自家烤肉。
【澎湖縣】：不禁止中秋烤肉。
【金門縣】：依中央疫情指揮中心規範後續視疫情變化隨時滾動式調整。
【連江縣】：中秋活動暫無影響。</t>
  </si>
  <si>
    <t>烤肉活動中秋禁止家人社區疫情戶外中秋節開放停辦民眾新北公共場所風景區公園調整河濱公園</t>
  </si>
  <si>
    <t>烤肉中秋活動各縣市中秋節團聚</t>
  </si>
  <si>
    <t>中秋節各縣市活動中秋烤肉團聚</t>
  </si>
  <si>
    <t>陳其邁保證補給下週一疫苗打得</t>
  </si>
  <si>
    <t>高市掀長輩搶打莫德納疫苗潮2日來接種率高達10116％、2日晚間緊急宣佈3日起暫停不在籍施打引發民怨。市長陳其邁多次致歉強調5日新一波疫苗就會到這禮拜沒打到下禮拜保證一定打得到。陳其邁表示高市疫苗</t>
  </si>
  <si>
    <t>疫苗陳其邁高市莫德納暫停不在施打引發民怨市長打到打得一定保證禮拜致歉強調日新</t>
  </si>
  <si>
    <t>高市掀長輩搶打莫德納疫苗潮2日來接種率高達10116％、2日晚間緊急宣佈3日起暫停不在籍施打引發民怨。市長陳其邁多次致歉強調5日新一波疫苗就會到這禮拜沒打到下禮拜保證一定打得到。
陳其邁表示高市疫苗覆蓋率已達10％統計至2日72至74歲長輩已接種27799人75歲以上長者已接種5034人。1日就打到99％2日更高達10116％。
陳其邁表示之前有很多孝順的子女從外縣市開車載爸媽來打疫苗但疫苗控管上還是要考慮原來高市設籍的市民優先。週末沒時間配合施打的民眾下週也可以補打不用急。
針對各容量針具抽取導致殘劑量不同的問題陳其邁表示高市多半採用1cc的注射針頭抽取方便也能提高施打速度。
高市開放莫德納注射以來目前只有一起現場休克的個案但目前尚無法確定與疫苗接種有關。至於疫苗衍生的副作用、猝死疑慮衛生局表示若民眾有藥害救濟相關程式但都須經評估認定。造成當事人的影響民政局區公所、社會局都會一併整合協助提供民眾協助。
針對網傳高市疫苗注射年齡排程表陳其邁警告是假消息他強調高市打疫苗很簡單一切依裡長、裡幹事通知書為主。
★《中時新聞網》提醒您：因應新冠肺炎疫情疾管署持續加強疫情監測與邊境管制措施 如有疑似症狀請撥打：1922專線或 0800-001922 並依指示配戴口罩儘速就醫同時主動告知醫師旅遊史及接觸史以利及時診斷及通報。</t>
  </si>
  <si>
    <t>疫苗高市陳其邁表示民眾注射接種抽取施打莫德納疫情打到強調長輩目前接觸</t>
  </si>
  <si>
    <t>高市陳其邁疫苗施打民眾</t>
  </si>
  <si>
    <t>陳其邁高市施打民眾疫苗</t>
  </si>
  <si>
    <t>接種bnt侯友宜學生體育課改為靜態中秋</t>
  </si>
  <si>
    <t>中秋連假將至新北將在連假結束後安排學生施打BNT疫苗。新北市長侯友宜說目前可接種的疫苗有AZ、莫德納、BNT校園和非校園專案、高端相關接種時間、對象都會公佈在市政府、衛生局網站本月15日至下月2日都會有</t>
  </si>
  <si>
    <t>接種bnt疫苗新北校園衛生局市政府公佈都會物件安排時間相關學生施打下月市長az目前本月侯友宜網站結束高端</t>
  </si>
  <si>
    <t>中秋連假將至新北將在連假結束後安排學生施打BNT疫苗。新北市長侯友宜說目前可接種的疫苗有AZ、莫德納、BNT校園和非校園專案、高端相關接種時間、對象都會公佈在市政府、衛生局網站本月15日至下月2日都會有疫苗接種。
針對校園BNT接種侯友宜也叮嚀接種學生少奔波睡眠充足不熬夜、不空腹多喝水放輕鬆、有狀況立即回報師長老師將會每節課定時關心另外各校園體育課接種後2周內也會改成靜態課程。
另外若接種學生出現連續發燒超過48小時、嚴重過敏反應、胸痛心悸、呼吸急促、運動耐受不良等反應時務必立即就醫。</t>
  </si>
  <si>
    <t>接種學生校園反應疫苗bnt立即新北侯友宜耐受運動不良呼吸急促痛心過敏衛生局市政府嚴重小時公佈</t>
  </si>
  <si>
    <t>接種學生BNT校園中秋連假</t>
  </si>
  <si>
    <t>bnt校園中秋學生接種</t>
  </si>
  <si>
    <t>營運華通權王臺灣衝鋒</t>
  </si>
  <si>
    <t>台股短線報復性反彈1200餘點跌深且營運績優的個股短線反彈快速PCB周邊的個股有銅箔基板（CCL）聯茂（6213）、華通（2313）等。聯茂26日股價上漲3元漲幅236％收在130元收復年線。華通26日股價上漲19元</t>
  </si>
  <si>
    <t>個股反彈華通上漲股價銅箔營運快速漲幅收復收在pcb周邊ccl報復</t>
  </si>
  <si>
    <t>台股短線報復性反彈1200餘點跌深且營運績優的個股短線反彈快速PCB周邊的個股有銅箔基板（CCL）聯茂（6213）、華通（2313）等。
聯茂26日股價上漲3元漲幅236％收在130元收復年線。華通26日股價上漲19元漲幅646％收在313元已經收復5日、10日。
聯茂去年第四季因5G基地台建置庫存調整影響今年前兩月又因新冠肺炎疫情衝擊股價大幅度回落不過3月起受惠今年大陸5G基地台建置在基地台與核心網路訂單需求顯著成長使高速材料出貨量快速攀升。
此外疫情使在家工作與遠距教學需求大增使電商、雲端業者反而加快資料中心建置使伺服器需求續強。
不論是電信設備抑或是網路通訊設備材料皆屬於中高皆規格產品此有助聯茂產品結構持續優化法人估聯茂今年獲利將優於去年EPS為813元的水準。
雖然遇上新冠肺炎不過大陸工信部加大力道促使5G網路建設加速以促進5G終端消費攀升下大陸三大電信運營商喊出2020年5G用戶數目標7000萬戶相關5G資本支出達1800億元人民幣。
大陸電信設備商已於2019年底至今年初陸續開標聯茂5G相關應用訂單將明顯成長。
華通已公佈去年財報去年EPS為321元主要受惠於蘋果iPhone 11系列智慧手機主機板以及AirPods軟硬結合板等需求推升董事會並宣佈每股配發12元現金股利。
華通今年2月營收約3235億元雖月減二成但年成增179％。華通表示大陸廠區3月已恢復正常。
法人認為華通今年第一季因受新冠肺炎疫情影響營運受到衝擊不過美系5G手機仍將如期於9月中下旬推出及產品結構優化有助ASP、毛利率與獲利再攀升今年獲利仍有機會超越去年。</t>
  </si>
  <si>
    <t>華通大陸今年需求去年攀升網路電信建置疫情肺炎獲利股價手機營運產品受惠材料設備</t>
  </si>
  <si>
    <t>績優大陸華通營運肺炎</t>
  </si>
  <si>
    <t>肺炎華通營運大陸</t>
  </si>
  <si>
    <t>匡列議員接觸同心圓確診北農</t>
  </si>
  <si>
    <t>北農83例確診染疫北市議員黃鬱芬28日踢爆其中竟有10例接觸的匡列人數是「0」基隆、嘉義等外縣市都做得到發出細胞簡訊通知確診個案的周遭人北市竟沒有；議員苗博雅也質疑83例中有36例是這次北農20專案篩出</t>
  </si>
  <si>
    <t>議員北市確診北農外縣市發出嘉義細胞基隆簡訊通知人數個案匡列接觸遭人沒有苗博雅黃鬱芬</t>
  </si>
  <si>
    <t>北農83例確診染疫北市議員黃鬱芬28日踢爆其中竟有10例接觸的匡列人數是「0」基隆、嘉義等外縣市都做得到發出細胞簡訊通知確診個案的周遭人北市竟沒有；議員苗博雅也質疑83例中有36例是這次北農20專案篩出但其他卻都是自己去快篩或醫療院所發現居然沒有1例是臺北市長柯文哲之前說的「同心圓」篩檢篩出。
黃鬱芬質詢北農第一、第二果菜批發市場居然有10例確診的職場接觸人是「0」這麼多雇員、送貨員、蔬菜攤這樣疫調的匡列非常不確實難道都沒有接觸任何人嗎？
黃鬱芬說其中3人是臺北市民分別是1名第一市場雇員、2名是第二市場攤商級雇員但北市衛生局卻都沒根據實聯制發送細胞簡訊給接觸人通知自主健康管理先前基隆市燒烤店家族5人確診都做得到發送細胞簡訊匡列嘉義也做得到北農這麼嚴重北市卻做不到怎麼可能是0？
北市衛生局疾管科長餘燦華坦承疫調匡列在實務上有困難個案在回答時有所保留有人指說不太跟其他人來往北市也還沒用細胞簡訊匡列但透過這樣的電話足跡方式會研議辦理。
苗博雅則說北農83例中北農20專案篩出是36名PCR陽性其他都不是柯文哲之前說的同心圓篩檢篩出來的且北農一市被封的攤商看到被封時就直接在旁邊繼續擺攤攤商根本不該出來北市卻沒有作為；針對北農案不可能要求新北、基隆到北市做疫調吧？
餘燦華說36人是專案篩出其他則是自己去醫療院所、快篩被院所發現北市6月12日前後都有疫調但之前因與新北疫調溝通整合有困難但在柯市長去指揮中心提出來後有開始整合。
議員林亮君追問但柯文哲跟中央討論後衛生局卻遲遲未發公文所以柯文哲要請醫福會執行長王必勝來協助北農做PCR都只透過記者會講沒事先跟衛生局溝通？餘則說之前會議市長有提過2次。</t>
  </si>
  <si>
    <t>北市北農匡列衛生局沒有柯文哲確診接觸基隆之前議員黃郁芬簡訊細胞出來</t>
  </si>
  <si>
    <t>北農黃鬱芬新冠肺炎匡列台灣</t>
  </si>
  <si>
    <t>肺炎匡列黃鬱芬北農臺灣</t>
  </si>
  <si>
    <t>影響臺上三星記者會疫情肺炎改線直播</t>
  </si>
  <si>
    <t>南韓電子大廠三星(Samsung)在 2 月中旬正式發表了三款 Galaxy S20 系列以及 Galaxy Z Flip 可折疊螢幕手機其中後者已經率先在台限量開賣。根據台灣三星官方公佈的資訊Galaxy S20 系列在臺上市計畫的記者會將罕見</t>
  </si>
  <si>
    <t>galaxy三星samsung臺上月中正式手機已經率先折疊資訊限量臺灣公佈官方計畫發表flip記者會大廠電子</t>
  </si>
  <si>
    <t>南韓電子大廠三星(Samsung)在 2 月中旬正式發表了三款 Galaxy S20 系列以及 Galaxy Z Flip 可折疊螢幕手機其中後者已經率先在台限量開賣。根據台灣三星官方公佈的資訊Galaxy S20 系列在臺上市計畫的記者會將罕見改以線上直播方式進行恐是受到今年初爆發的新冠肺炎(COVID-19)疫情影響所致。
台灣三星電子稍早前宣佈將與 3 月 4 日下午 1:00~1:30 期間透過直播舉行 Galaxy S20系列上市線上記者會。或許是為了分散流量跟便於使用者選擇官方宣佈將於 Samsung Taiwan 臉書粉絲團、Samsung Taiwan YouTube 官方頻道以及台灣三星新聞中心等三處提供線上直播。
三星日前發表的 Galaxy S20 系列共有 Galaxy S20、Galaxy S20+ 以及 Galaxy S20 Ultra 三款其中 Galaxy S20 Ultra 的相機支援 100X 超高倍變焦蔚為話題。這三款手機皆有 4G 以及 5G 版本在台第一階段 5G 釋照五家電信業者得標頻寬以及頻譜位置都已經在本月 21 日確定後三星今年度會不會直接選擇在台推出 Galaxy S20 系列的 5G 版本引人好奇。而手機價格會否因此比 2019 年僅推 4G 版本的 Galaxy S10 系列更高也值得關注。</t>
  </si>
  <si>
    <t>galaxy三星臺灣手機直播samsung官方版本已經宣佈選擇記者會taiwan發表肺炎爆發今年初covid-疫情影響</t>
  </si>
  <si>
    <t>新冠肺炎疫情直播三星Galaxy</t>
  </si>
  <si>
    <t>疫情直播肺炎三星galaxy</t>
  </si>
  <si>
    <t>行情買超公股財經抗跌題材</t>
  </si>
  <si>
    <t>小編今天(29日)精選5件不可不知的國內外財經大事。非洲出現新冠肺炎新變異株Omicron此病毒傳染率高利空消息傳來全球股市全倒台股26日一度重挫超過300餘點終場下跌28480點收在1736939點跌幅161％</t>
  </si>
  <si>
    <t>終場超過精選不可不一度財經國內外大事非洲omicron病毒傳染下跌利空消息全球股市傳來出現肺炎變異</t>
  </si>
  <si>
    <t>小編今天(29日)精選5件不可不知的國內外財經大事。非洲出現新冠肺炎新變異株Omicron此病毒傳染率高利空消息傳來全球股市全倒台股26日一度重挫超過300餘點終場下跌28480點收在1736939點跌幅161％日K連六黑跌破月線不過八大公股行庫進場護盤買超605億元連兩日買超合計買超9324億元企圖穩住行情。
【1】公股護盤 點火16檔高殖利率股
歐洲疫情升溫、美國恐提前升息等預期恐慌性殺盤湧現台股26日長黑K棒跌破月線八大公股行庫買超26日大手筆護盤台股605億元創10月13日以來買超金額最大買超新光金（2888）、富邦金（2881）及亞泥（1102）等16檔高現金殖利率兼具抗通膨及抗跌雙題材將成股市中流砥柱。
【2】Omicron來襲 台股今備戰 政府基金480億上膛
美股26日遭遇聯準會（Fed）可能提前升息及新冠肺炎變種病毒侵襲四大指數全面重挫逾2％連帶使台股期貨夜盤續重挫至17070點機構法人直指新制勞退480億元委外代操上膛、將伺機進場「萬七」可望是短線鐵板加權指數有機會在半年線與季線間尋求止穩空間萬一市場出現不理性殺盤不排除政府基金擴大進場力道。
【3】黑天鵝群襲 海運漲價聲起
全球海運供應鏈面臨五隻黑天鵝罩頂包括Omicron變種病毒來襲、大陸新規限制航運追蹤、大陸能耗雙控影響、塞港等再度升高市場對疫情和供應鏈的憂慮在船舶艙位供給緊張下搶艙大戰一觸即發。貨代業者透露12月歐美線運價蠢動開始有航商收附加費並傳出月中將上調運價是否挑戰目前天花板價業界關注。
【4】外資唱旺PCB 瑞銀喊買五虎將
PCB產業大循環登場瑞銀證券看好高效能運算（HPC）、人工智慧（AI）與自動駕駛提供PCB產業內含價值提升催化劑一口氣給予南電、臻鼎-KY等指標五虎將「買進」投資評等主要外資券商至此幾乎全數投入PCB產業基本面研究。
【5】網民強忍剁手衝動 美國黑五線上支出首見下滑
今年美國零售商自10月起陸續推出年終折扣令精打細算的消費者提前採購搶優惠相對分散黑色星期五網購人潮使今年黑色星期五線上支出較去年同日下滑是史上首例。</t>
  </si>
  <si>
    <t>pcb產業提前買超美國進場omicron病毒虎將外資運價市場公股供應疫情</t>
  </si>
  <si>
    <t>台股公股亞泥南電新光金</t>
  </si>
  <si>
    <t>南電新光公股</t>
  </si>
  <si>
    <t>創世衝擊基金會肺炎發票銳減</t>
  </si>
  <si>
    <t>新冠肺炎衝擊商家生意創世基金會12日說與去年1至3月相比高雄地區的發票數量減少3至4成。由於12日是國際護士節在創世基金會也有一群辛苦的護理人員其中高雄院的到宅護理師34歲許心怡擔任護理師已有14年</t>
  </si>
  <si>
    <t>創世基金會護理商家生意高雄院護理人員辛苦地區高雄發票數量減少相比去年國際護士節衝擊肺炎許心怡擔任</t>
  </si>
  <si>
    <t>新冠肺炎衝擊商家生意創世基金會12日說與去年1至3月相比高雄地區的發票數量減少3至4成。由於12日是國際護士節在創世基金會也有一群辛苦的護理人員其中高雄院的到宅護理師34歲許心怡擔任護理師已有14年她把個案家屬當成家人覺得照顧植物人的工作意義非凡。
新冠肺炎令許多商家苦不堪言就有一些商家告訴創世基金會因為生意差生意做不下去了。也就是說商家沒法拿客人捐的發票給創世基金會了。疫情也連帶影響創世基金會原本要舉辦的募款餐會與公益路跑活動。
12日是國際護士節護理師許心怡表示她本來對安養院的印象很差因為去曾在醫院加護病房工作照顧過私人安養院轉來的病患這些病患纖瘦、皮膚可能還有傷因此她對這類工作很排斥但後來同事推薦她去創世看看還強調：「跟妳想的不一樣。」
經過實地走訪以及參與志工服務許心怡改變了觀念也決定要到創世服務。她表示擔任宅護理師必須走入社區每天都可能到不一樣的個案家中聽到每個人的家庭故事。雖然服務僅有30分鐘到1個小時但感受到個案家屬把自己當家人、朋友對待真的很有成就感。</t>
  </si>
  <si>
    <t>創世基金會工作服務商家個案許心怡護理可能發票照顧安養院家屬生意國際護士節表示肺炎擔任</t>
  </si>
  <si>
    <t>新冠肺炎台灣創世基金會發票宅護理師</t>
  </si>
  <si>
    <t>基金會創世臺灣發票肺炎護理</t>
  </si>
  <si>
    <t>肺炎退休國史</t>
  </si>
  <si>
    <t>中央流行疫情指揮中心昨白天先公佈新增確診1例為白牌車司機的妹妹；深夜則再公佈一新確診個案國內第24例新冠肺炎（COVID-19）確定病例為北部一名60多歲退休女性近2年無出國史且作息單純平常活動範圍僅在</t>
  </si>
  <si>
    <t>公佈確診單純作息國史中心女性退休平常北部病例白天先確定covid-肺炎新增指揮妹妹深夜司機</t>
  </si>
  <si>
    <t>中央流行疫情指揮中心昨白天先公佈新增確診1例為白牌車司機的妹妹；深夜則再公佈一新確診個案國內第24例新冠肺炎（COVID-19）確定病例為北部一名60多歲退休女性近2年無出國史且作息單純平常活動範圍僅在住家附近公園運動、在家看電視或與朋友唱卡拉OK。
指揮中心應變官莊人祥說因感染源還在調查還不能說是社區傳播。
2月10日送加護 擴大採檢發現
莊人祥指出這名女性在1月22日出現發燒、咳嗽等症狀22日至29日四度至診所就醫因症狀加劇且出現呼吸急促29日晚間前往醫院急診經檢查診斷為肺炎30日收治住院因病情惡化2月10日轉入加護病房。
莊人祥說指揮中心在2月17日開始針對流感併發重症檢體檢驗結果為陰性者擴大進行通報採檢後發現並由醫院通報轉收至負壓隔離病房於昨晚確診；個案目前持續住在加護病房隔離治療狀況較嚴重。
指揮中心表示這名個案密切接觸者共360人包括家人、朋友及診所醫院人員目前正安排接觸者採檢。將持續調查是否有其他接觸者會再進一步匡列、追蹤、採檢及隔離。
公園運動或唱卡拉OK 接觸360人
至於感染源為何莊人祥表示其女兒同學曾有中港澳旅遊史婦人與自杭州返台的女兒同學曾於上月6日碰面但由於接觸時間與發病時間間隔過長研判可能性低。加上已退休平常都在住家附近公園運動多半都在家看電視或與朋友唱歌。
莊人祥強調目前還需要近行疫情調查才能知道是否為社區傳播。另將針對個案發病14天前的活動史與可能暴露者進行回溯追蹤調查以找出可能感染源。
中央流行疫情指揮中心指出截至昨天下午4點全台新增14例嚴重特殊傳染性肺炎通報個案目前累計通報1927例檢驗結果為24名確診（含8例本土病例）、1822例排除、餘檢驗中（37例初驗陰性）。</t>
  </si>
  <si>
    <t>個案中心指揮接觸目前確診醫院肺炎通報檢驗調查感染朋友疫情公園退休女性活動</t>
  </si>
  <si>
    <t>採檢調查肺炎莊人祥社區</t>
  </si>
  <si>
    <t>肺炎調查莊人祥社區</t>
  </si>
  <si>
    <t>太平警方行業強勢八大台中臨檢</t>
  </si>
  <si>
    <t>北部知名夜店30歲女公關確診新冠肺炎中央流行疫情指揮中心9日宣佈酒店和舞廳即日起停業台中市政府更加碼針對其他八大行業再祭出「實名制」登記太平警分局9日晚上由分局長高誌良親率員警前往轄區內數家電子遊</t>
  </si>
  <si>
    <t>公關轄區確診前往員警肺炎中央流行高志疫情分局長指揮晚上行業八大加碼中心祭出台中市政府</t>
  </si>
  <si>
    <t>北部知名夜店30歲女公關確診新冠肺炎中央流行疫情指揮中心9日宣佈酒店和舞廳即日起停業台中市政府更加碼針對其他八大行業再祭出「實名制」登記太平警分局9日晚上由分局長高誌良親率員警前往轄區內數家電子遊藝場稽查並勸導2家小吃歌唱業者自主停業。
中市實施八大實名制首夜雖然太平地區轄區雖無大型酒店或舞廳太平警分局長高誌良仍親自主持擴大臨檢勤前教育並帶隊率同仁前往轄區內數家電子遊藝場稽查針對業者及店內消費者進行相關防疫約制及勸導籲業者也應持續加強環境衛生與人員健康管理對於如有業者未配合「實名制」登錄業者予以勸導並通報主管權責單位經發局列入優先實施稽查名單。
此行也全面清查過濾有無「居家檢疫」及「居家隔離」者避免違規民眾對象趴趴走防堵疫情破口。
臨檢過程中業者們均表示已從新聞報導或同業間得知「實名制」之措施雖有些不便但均願意配合政府政策且已落實實施以確保員工及顧客之健康安全。高誌良也強調未來仍將配合市政府經發、衛生、民政等主要防疫單位針對轄內小吃部、電子遊藝場等場所展開聯合稽查臨檢宣導業者防疫及衛教觀念以保障市民健康安全。</t>
  </si>
  <si>
    <t>業者實施稽查臨檢配合防疫勸導高志健康疫情太平轄區電子衛生單位遊藝場停業舞廳</t>
  </si>
  <si>
    <t>酒店女公關武漢肺炎新形冠狀病毒新冠肺炎NCP</t>
  </si>
  <si>
    <t>肺炎武漢病毒冠狀公關酒店ncp</t>
  </si>
  <si>
    <t>升級暫停健康防疫據點促進關懷活動</t>
  </si>
  <si>
    <t>因應新冠肺炎疫情台中市政府以高標準實施防疫作為原本長青學苑課程延期至4月6日開學即日起將直接暫停上學期課程。社區照顧關懷據點方面自3月23日暫停健康促進活動及老人共餐；將以提供便當、送餐等方式進行</t>
  </si>
  <si>
    <t>課程暫停疫情台中市政府高標準實施防疫作為肺炎原本長青老人便當促進活動健康延期方面提供照顧社區學期據點</t>
  </si>
  <si>
    <t>因應新冠肺炎疫情台中市政府以高標準實施防疫作為原本長青學苑課程延期至4月6日開學即日起將直接暫停上學期課程。社區照顧關懷據點方面自3月23日暫停健康促進活動及老人共餐；將以提供便當、送餐等方式進行關懷服務讓長輩及家屬安心。
社會局長彭懷真說台中社區照顧關懷據點提供健康促進、餐飲服務、關懷訪視和電話問安等服務受到社區長輩熱烈歡迎。因應疫情考量據點健康促進活動場域多為封閉室內空間為降低近距離傳染風險將暫停健康促進活動課程。
彭懷真指出社會局也將暫停原本集中用餐方式如長輩有用餐需求改以便當盒讓長輩帶回家食用社區並將持續提供電話問安及關懷訪視服務不中斷。
社會局表示依據疾病管制署公佈的流行病學資訊嚴重特殊傳染性肺炎可藉由近距離飛沫、直接或間接接觸病人的口鼻分泌物或體液而增加人傳人的感染風險。
社會局強調考量65歲以上者為嚴重特殊傳染性肺炎重症高風險族群應避免參與各類型活動因此社會局實施高規格防疫措施照顧長輩與志工的健康安全。</t>
  </si>
  <si>
    <t>長輩社會局健康關懷社區暫停促進課程肺炎服務活動照顧提供據點直接考量原本距離實施防疫風險疫情方式傳染性嚴重</t>
  </si>
  <si>
    <t>關懷健康社區活動長輩</t>
  </si>
  <si>
    <t>社區關懷健康長輩活動</t>
  </si>
  <si>
    <t>高端北市混打衛生局登錄疫苗原因孕婦</t>
  </si>
  <si>
    <t>今（5）日傳出一名孕婦要施打第二劑莫德納時卻被預約的醫院告知第二劑疫苗已被完成登錄且是混打高端令她心急地直奔疾管署尋求協助。對此北市衛生局表示該名孕婦打第一劑莫德納時院方接種名冊上傳異常</t>
  </si>
  <si>
    <t>莫德納孕婦院方施打高端心急混打直奔登錄管署完成尋求協助疫苗北市對此告知預約衛生局醫院表示接種</t>
  </si>
  <si>
    <t>今（5）日傳出一名孕婦要施打第二劑莫德納時卻被預約的醫院告知第二劑疫苗已被完成登錄且是混打高端令她心急地直奔疾管署尋求協助。對此北市衛生局表示該名孕婦打第一劑莫德納時院方接種名冊上傳異常目前已更正該筆錯誤登錄資料。
衛生局表示查該孕婦9月6月於北巿某醫院接種第一劑莫德納疫苗但院方接種名冊資料上傳異常造成民眾疫苗接種紀錄錯誤目前已更正該筆錯誤登錄資料後續會請該醫療院所檢視新冠疫苗接種紀錄上傳作業避免再發生類似事件。
同時衛生局也提醒個人疫苗接種紀錄可使用健保快易通App查詢若發現疫苗接種資料有錯誤記載可向北市12區健康服務中心洽詢留下相關資料以便查明後進行修正。衛生局也補充說該名孕婦今日已於聯合醫院和平院區完成第二劑莫德納接種。
★《中時新聞網》提醒您：因應新冠肺炎疫情疾管署持續加強疫情監測與邊境管制措施 如有疑似症狀請撥打：1922專線或 0800-001922 並依指示配戴口罩儘速就醫同時主動告知醫師旅遊史及接觸史以利及時診斷及通報。</t>
  </si>
  <si>
    <t>接種疫苗資料衛生局孕婦莫德納北市紀錄錯誤告知登錄上傳完成管署疫情醫院表示接觸異常史及旅遊醫師</t>
  </si>
  <si>
    <t>孕婦莫德納高端第二劑疫苗新冠肺炎</t>
  </si>
  <si>
    <t>疫苗高端莫德納孕婦肺炎</t>
  </si>
  <si>
    <t>cdc推薦川普奎寧使用指南</t>
  </si>
  <si>
    <t>美國總統川普不斷鼓吹使用抗瘧疾藥物「奎寧」治療新冠肺炎引發專家撻伐科學證據太薄弱質疑療效美國疾病管制暨預防中心（CDC）昨（7）日也悄悄移除了官網上原先建議醫師使用奎寧的治療指南。路透社報導美國CD</t>
  </si>
  <si>
    <t>美國使用治療奎寧cdc悄悄證據科學中心預防管制疾病薄弱質疑療效專家鼓吹指南網上引發原先肺炎</t>
  </si>
  <si>
    <t>美國總統川普不斷鼓吹使用抗瘧疾藥物「奎寧」治療新冠肺炎引發專家撻伐科學證據太薄弱質疑療效美國疾病管制暨預防中心（CDC）昨（7）日也悄悄移除了官網上原先建議醫師使用奎寧的治療指南。
路透社報導美國CDC昨日悄悄移除了官網上建議醫生使用抗瘧疾藥物「氯奎寧」（Chloroquine）及「羥氯奎寧」（hydroxychloroquine）的建議指南。
CDC官網上一篇「給臨床醫師治療新冠患者的療法選項資訊」（Information for Clinicians on Therapeutic Options for Patients with COVID-19）的頁面原先指出「儘管目前還不清楚使用羥氯奎寧治療新冠肺炎的最佳劑量及使用期間不過『據傳』部分美國醫生已經使用奎寧開出不同處方醫治新冠肺炎。」
喬治華盛頓大學（George Washington University）梅肯研究院公共衛生學院（Milken Institute School of Public Health）院長高曼博士（Dr Lynn Goldman）不可置信地表示「為何CDC會公告『傳聞』（anecdotes）？這沒道理很不尋常。」
CDC官網上原先的這則公告引起醫生及專家撻伐批評奎寧的治療方式還沒有被證實有效或是有害就建議醫生使用。
路透社先前報導CDC會放上奎寧的治療建議指南是因為川普本人親自施壓聯邦主管機關及衛生官員在奎寧尚未受到嚴謹的科學證據證實能有效治療新冠肺炎的情況下擴大開放奎寧來治療。CDC隨後也向路透社證實因應白宮冠狀病毒小組要求才會在官網放上奎寧的治療指南。
目前CDC官網同一個頁面上仍有氯奎寧及羥氯奎寧的介紹不過移除了原先的說明。新增的內容指出「目前美國食品暨藥物管理局（FDA）尚未認可任何療法及藥物來預防或治療新冠病毒」；在奎寧的條目下則補充羥氯奎寧及氯奎寧仍在進行治療新冠肺炎的「臨床試驗」。</t>
  </si>
  <si>
    <t>奎寧治療cdc使用美國醫生原先建議肺炎藥物證實目前指南網上路透社公告預防療法尚未頁面證據</t>
  </si>
  <si>
    <t>預計下午全面大遠板橋</t>
  </si>
  <si>
    <t>大遠百櫃姐出現確診個案新北市長侯友宜表示業者今天自主停業1天今天啟動企業快篩預計篩檢1500人並全棟清消。侯再次強調如果因為疏失造成疫情擴散就會勒令停業、停工。侯友宜說 防疫是每個人的責任</t>
  </si>
  <si>
    <t>侯友宜停業確診個案新北市長全棟清強調表示出現再次疏失造成疫情天啟停工業者擴散今天自主勒令</t>
  </si>
  <si>
    <t>大遠百櫃姐出現確診個案新北市長侯友宜表示業者今天自主停業1天今天啟動企業快篩預計篩檢1500人並全棟清消。侯再次強調如果因為疏失造成疫情擴散就會勒令停業、停工。
侯友宜說 防疫是每個人的責任不管大小企業、營業場所都要定期快篩未來企業會是快篩主力社區篩檢站作為搭配企業都要密切自主健康監測員工身體不要因為疏失造成疫情擴大若得歸咎企業主會勒令提業、停工。
★《中時新聞網》提醒您：因應新冠肺炎疫情疾管署持續加強疫情監測與邊境管制措施 如有疑似症狀請撥打：1922專線或 0800-001922 並依指示配戴口罩儘速就醫同時主動告知醫師旅遊史及接觸史以利及時診斷及通報</t>
  </si>
  <si>
    <t>疫情企業監測侯友宜自主停業停工疏失造成勒令接觸史及旅遊醫師告知確診主動就醫以利</t>
  </si>
  <si>
    <t>新冠肺炎台灣快篩大遠百篩檢</t>
  </si>
  <si>
    <t>臺灣肺炎大遠</t>
  </si>
  <si>
    <t>露臉鄭文燦感染名醫醫生點出首例關鍵</t>
  </si>
  <si>
    <t>從昨晚傳出北部某醫院出現緊急事件到指揮中心公佈今（12）日有本土2確診台灣民眾一直關注此消息現在得知發生首例醫生感染大家都很緊張。對此精神科醫師沈政男認為醫師照顧病患時被感染沒人會怪罪他們</t>
  </si>
  <si>
    <t>感染醫師出現緊急事件指揮中心公佈本土醫院精神確診臺灣對此民眾一直緊張關注消息現在得知醫生</t>
  </si>
  <si>
    <t>感染沈政男臺灣人員必須醫療中心醫生防疫院內插管口罩指揮沒有病毒鄭文燦可以問題</t>
  </si>
  <si>
    <t>醫師確診插管鄭文燦新冠肺炎</t>
  </si>
  <si>
    <t>鄭文燦插管確診醫師肺炎</t>
  </si>
  <si>
    <t>許願希望疫情在家生日團結李連傑</t>
  </si>
  <si>
    <t>「功夫皇帝」李連傑26日迎接57歲生日因新冠肺炎疫情關係眾人居家隔離他也不例外在家中與結婚21年的老婆利智和2個女兒Jane及Jada簡單慶生。他在IG上貼上日常生活照感謝影迷獻上的祝福也許下生日願望：「</t>
  </si>
  <si>
    <t>生日迎接祝福獻上影迷感謝肺炎疫情簡單jada關係jane眾人居家女兒利智和隔離老婆結婚例外在家也許</t>
  </si>
  <si>
    <t>「功夫皇帝」李連傑26日迎接57歲生日因新冠肺炎疫情關係眾人居家隔離他也不例外在家中與結婚21年的老婆利智和2個女兒Jane及Jada簡單慶生。他在IG上貼上日常生活照感謝影迷獻上的祝福也許下生日願望：「希望世界能恢復元氣也希望在疫情之中大家能夠團結在一起」李連傑同時慶幸自己能平安地與家人一起在家隔離最後祝福粉絲快樂健康。
他的17歲小女兒Jada日前雖因新冠肺炎疫情憂鬱症復發不過她仍在IG上貼出3張與父親的合照並寫下祝福：「爸爸生日快樂！不論遇到什麼事都感謝你的耐心與不變的支持即使我總沒表達出來。謝謝您為了讓我快樂所付出的一切以及始終如一的愛。」
而哈佛高材生的大女兒Jane日前則居家隔離與家人一起度過20歲生日雖然沒有特別外出慶祝但回顧過去7年的少女時期的成長歷程更特別感謝多年愛護她的家人和朋友「過去七年來我生命中對我最好的人幫助了我很多才可以成就了今天的我。永遠愛你們。」</t>
  </si>
  <si>
    <t>生日祝福女兒疫情隔離過去一起感謝快樂janejada在家ig日前居家李連傑肺炎家人希望可以</t>
  </si>
  <si>
    <t>李連傑功夫皇帝新冠肺炎生日Jada</t>
  </si>
  <si>
    <t>皇帝肺炎功夫生日李連傑jada</t>
  </si>
  <si>
    <t>牧德有驚無險</t>
  </si>
  <si>
    <t>科技大廠適逢5G起飛期今年相繼啟動大型募資計畫但卻遭逢新冠肺炎的疫情亂流包括聯茂、牧德等有驚無險可望完成募資；被動廠國巨、華新科也備有腹案9月底以前可望完成相關計畫科技業募資可望在驚險中達陣</t>
  </si>
  <si>
    <t>可望完成科技起飛疫情今年肺炎包括相繼遭逢啟動新科備有腹案月底</t>
  </si>
  <si>
    <t>科技大廠適逢5G起飛期今年相繼啟動大型募資計畫但卻遭逢新冠肺炎的疫情亂流包括聯茂、牧德等有驚無險可望完成募資；被動廠國巨、華新科也備有腹案9月底以前可望完成相關計畫科技業募資可望在驚險中達陣。
聯茂的現金增資在風雨中順利收足33億元款項新股已經上市交易對照聯茂10日收盤價141元參與認購的投資人現賺28％價差而大股東穩懋參與認購更成為漂亮的業績之外另一個投資人持股的定心丸。
牧德為PCB產業的獲利績優生預計發行2120張現金增資現增價為250元以10日收盤價291元來看價差約16％隨著歐美股市暫時趨穩加上第二季營運可望優於首季應可拉高原股東的認購意願牧德距離收足款項已勝券在握。
接下來募資的重頭戲則由MLCC雙雄國巨、華新科擔綱尤其國巨3月營收睽違14個月重返年增趨勢點燃市場信心第一季營收守住百億大關優於市場預期法人推估國巨第一季每股盈餘挑戰半個股本4月營收也不看淡。
國巨、華新科在今年9月底之前均屬募資有效期然歐美疫情作梗雖然國巨規劃的募資規模為8000萬股分別為7000萬股GDR以及1000萬股ECB。</t>
  </si>
  <si>
    <t>可望國巨牧德認購優於新科今年歐美投資人市場疫情款項收足現金增資股東價差</t>
  </si>
  <si>
    <t>投資人認購牧德國巨萬股</t>
  </si>
  <si>
    <t>投資人認購牧德國巨</t>
  </si>
  <si>
    <t>開工工會工地政客隔離居家全英</t>
  </si>
  <si>
    <t>英國政府祭出全民居家隔離以防疫除了少數行業外全國幾乎陷入停擺。但新措施上路2天以來亂象不斷地鐵車廂依舊塞爆人潮而大家幾乎都沒有戴口罩。由於營建類工作並未名列在首相強森的停工範圍內強森政府面臨</t>
  </si>
  <si>
    <t>幾乎強森隔離首相防疫名列行業並未工作營建全國範圍口罩陷入居家沒有措施上路以來亂象不斷停工地鐵人潮</t>
  </si>
  <si>
    <t>英國政府祭出全民居家隔離以防疫除了少數行業外全國幾乎陷入停擺。但新措施上路2天以來亂象不斷地鐵車廂依舊塞爆人潮而大家幾乎都沒有戴口罩。
由於營建類工作並未名列在首相強森的停工範圍內強森政府面臨的壓力日增來自工會、勞工和朝野政治人物認為應停止不重要的工地工作以免病毒散播。
但衛生大臣漢考克昨天聲稱那些無法在家工作者就應該出門上班「以維持國家持續運作」「只要工人之間保持2公尺距離在工地的工作就可照常進行。」
但反對者強調公眾健康應該擺在經濟之上。保守黨前內閣官員史密斯認為大部分的營建工人都不該出門工作只要留下緊急需求就可。大曼徹斯特市的工黨籍市長伯恩翰認為政府的決定顯然是基於「經濟理由」。</t>
  </si>
  <si>
    <t>工作認為幾乎政府應該工人出門工地營建經濟強森隔離防疫行業全國居家陷入措施上路以來亂象不斷地鐵</t>
  </si>
  <si>
    <t>工地居家隔離營建英國新冠肺炎</t>
  </si>
  <si>
    <t>營建英國隔離居家肺炎工地</t>
  </si>
  <si>
    <t>疫情人潮嚴控武漢市民進出外出</t>
  </si>
  <si>
    <t>本周起封鎖76天的武漢正式解除聯外交通大量被封在外省的武漢人陸續返回困在武漢的外地人也趕緊安排返鄉。面對這一來一往的數百萬人潮大陸官方繃緊神經要求武漢市民盡量不要外出做好社區防疫管理外地返回</t>
  </si>
  <si>
    <t>武漢返回正式做好社區外出解除外交封在儘量外省市民人潮一往這一來面對返鄉要求繃緊神經武漢人官方大陸陸續安排趕緊</t>
  </si>
  <si>
    <t>本周起封鎖76天的武漢正式解除聯外交通大量被封在外省的武漢人陸續返回困在武漢的外地人也趕緊安排返鄉。面對這一來一往的數百萬人潮大陸官方繃緊神經要求武漢市民盡量不要外出做好社區防疫管理外地返回武漢的不要著急避免把病毒帶回武漢引發二度疫情。
《美國之音》指出武漢解除封鎖後的狀況很像錢鍾書作品《圍城》情境──城裡人想出去城外人想進來。解封當天就有6萬多人出城返城的大軍也在陸續抵達。互聯網上傳播的視頻顯示通往武漢的高速公路收費站大排長龍。
全家在江西丈母娘家困了2個多月的武漢市民吳志起在網上發佈返回武漢的視頻被一些網民罵「頭殼壞了」「幹嘛往武漢死路走呢？第二波疫情大爆發小心為上」。一名返回武漢復工的市民則被查出是無症狀感染者被要求隔離14天。
報導說解封當天武漢還在江邊舉行燈火秀慶祝但是當地人很清楚現在還遠不是慶祝的時候他們擔心病毒可能會捲土重來。治癒後復陽的、無症狀感染每個都是疫情二度爆發的隱患。昨日新增無症狀感染47例境外輸入14例在醫學觀察有1097例很多人認為其中還有不少瞞報的成分主要是擔心影響復工。
一位要求匿名的武漢市民說周圍的社區傳出無症狀感染病例社區管控比以前更嚴。沒有復工證明的話原則上一個人只能出去2小時有的社區沒有復工證明乾脆不讓出門。武漢一位網民說「沒復工證明不讓出門全面解封還不知道要等到什麼時候繼續家裡蹲」。
大陸官方認為無症狀感染者也可能成為傳染源但「可能不是主要的傳播來源」專家認為大陸不會出現第二波疫情爆發但某些地可能會有小規模疫情。武漢大學中南醫院副院長章軍建還說隨著患者減少他主持的武漢客廳方艙醫院已經關閉但是短期內不會被拆除顯示短期內武漢疫情仍有隱憂。
報導指出現在更令人擔心的是廣州三元里的外籍人士聚集區以及中俄邊界的綏芬河輸入性疫情告急當地搶建的方艙醫院即將啟用。</t>
  </si>
  <si>
    <t>武漢疫情症狀復工返回社區市民可能大陸認為解封爆發要求證明感染陸續</t>
  </si>
  <si>
    <t>新冠肺炎武漢肺炎新型冠狀病毒COVID-19武漢</t>
  </si>
  <si>
    <t>條例紓困現金修訂主張振興藍委經濟</t>
  </si>
  <si>
    <t>疫情逐漸趨緩之際國民黨團關注下階段振興經濟作為上午舉行記者會指出高達877％民眾支持直接發放現金主張修訂紓困條例為全面刺激消費政府應撥用1420億元預算直接發給每人6千元現金可省除印製消費券成</t>
  </si>
  <si>
    <t>現金直接消費之際國民黨團關注階段振興經濟作為上午舉行記者會指出高達民眾發給支持全面刺激發放政府條例紓困</t>
  </si>
  <si>
    <t>疫情逐漸趨緩之際國民黨團關注下階段振興經濟作為上午舉行記者會指出高達877％民眾支持直接發放現金主張修訂紓困條例為全面刺激消費政府應撥用1420億元預算直接發給每人6千元現金可省除印製消費券成本加強力道為振興經濟注入強心劑。
立法院日前通過紓困條例修正案除追加特別預算1500億元也授權行政院視疫情情況可再追加2100億元。國民黨團書記長蔣萬安說為刺激消費政府在提振經濟也要超前部署因此正式提出紓困條例修正草案主張給予民眾每人6千元現金補助總經費1420億元為振興力道注入一股強心劑獎勵國人配合政府防疫措施。
蔣萬安說接下來振興經濟必須做到「公平」、「簡單」、「親民」、「容易」和「日常」發現金最符合民眾日常消費習慣不像「酷碰券」需綁國旅、住宿、電子支付等限制。
蔣萬安指出目前政府共編列133億元用來振興整體消費只佔108年度GDP189兆元的007％以此達到效果無異是緣木求魚；蔡政府宣稱振興抵用券適用於全台35萬家業者平均每家僅能分到6千餘元根本是杯水車薪。
國民黨團首席副書記長林奕華表示現在國內是「防疫一級棒、紓困一團亂」不是「紓困20」而是「紓困之亂20」包含「對象不明確」、「發放不公平」、「行政負擔大」。根據最新民調指出有877％民眾贊成發現金發現金不但可以節省印製與作業成本更能夠直接刺激消費。
藍委陳玉珍說政府萬元紓困之亂肇因於蔡政府始終不願沿用馬政府時期當年全民發放消費券的方式振興經濟；蔡政府現在的作法非但沒有幫助到需要幫助的民眾還造成相對剝奪感。</t>
  </si>
  <si>
    <t>政府消費振興民眾紓困經濟現金發放指出國民黨團直接條例刺激萬安現在追加公平發現預算防疫</t>
  </si>
  <si>
    <t>紓困政府現金經濟台灣</t>
  </si>
  <si>
    <t>政府臺灣紓困現金經濟</t>
  </si>
  <si>
    <t>《科技》新冠疫情進入大流行全球系統風險將衝擊記憶體產業</t>
  </si>
  <si>
    <t>進入風險系統全球流行疫情衝擊記憶體產業科技</t>
  </si>
  <si>
    <t>TrendForce記憶體儲存研究(DRAMeXchange)表示雖然大陸疫情看似趨緩然中東、歐洲與美國疫情急速擴散世界衛生組織(WHO)已正式宣佈新冠肺炎成為全球大流行傳染病將讓全球經濟陷入系統性風險記憶體市場恐怕提</t>
  </si>
  <si>
    <t>疫情全球記憶體風險系統性dramexchange陷入表示經濟大陸看似成為歐洲肺炎美國正式擴散宣佈新世界衛生組織who研究傳染病流行</t>
  </si>
  <si>
    <t>TrendForce記憶體儲存研究(DRAMeXchange)表示雖然大陸疫情看似趨緩然中東、歐洲與美國疫情急速擴散世界衛生組織(WHO)已正式宣佈新冠肺炎成為全球大流行傳染病將讓全球經濟陷入系統性風險記憶體市場恐怕提前反轉進入不景氣週期。
從需求來看新冠肺炎的大流行將嚴重衝擊經濟與社會活動進一步影響個人消費力道；而終端產品的出貨下滑勢必將造成記憶體需求同步下修。2020年第一季與第二季DRAM與NAND Flash均價仍維持上漲主要是因為年初客戶端庫存水位偏低雖在價格走勢持續上揚的前提下採購備貨意願強烈然TrendForce認為真正的挑戰會從第三季開始隨著需求萎縮導致庫存去化不易將大幅削弱客戶端採購力道使得價格漲幅受到抑制在NAND Flash領域更可能由漲轉跌。
隨著疫情蔓延使得全球經濟降溫對於消費性電子產品的衝擊包括有個人所得可分配支出轉為保守導致需求遞延平均消費金額將下降；再者受疫情影響產業供應鏈物流及人事成本增加營收減少產業更可能面臨洗牌。
目前影響DRAM與NAND Flash的三大終端產品為筆記型電腦、伺服器以及智慧型手機其中智慧型手機將面臨最大幅度的下修。雖然近期出現自農曆過年以來較明顯的通路銷售回溫但這股動能可能無法延續實際上智慧型手機生產量仍持續下修。
在伺服器方面目前因為遠距辦公與教學的需求帶動而有增溫且雲端建置的動能未有熄火因此整體而言目前未有明顯衝擊；但在企業方面因應疫情所以多轉趨保守經營將收斂資本支出未來企業級(enterprise)伺服器需求可能將轉趨疲弱。
2020年DRAM及NAND Flash的供給增加有限年成長幅度分別僅13%及32%加上客戶庫存水位大多處於低檔因此TrendForce原先預估價格漲勢可延續至今年年底然隨著需求出現結構性改變從第二季末開始採購端拉高庫存的力道將萎縮進而影響下半年價格走勢。在DRAM領域由於原本供需差距就大所以就算需求面臨下修供需依舊會有缺口因此最悲觀預估是下半年漲幅收斂但不至於由漲轉跌。反觀NAND Flash領域供需缺口並不顯著而且已經觀察到第二季客戶端需求轉弱的狀況若需求持續下修下半年價格可能快速反轉。</t>
  </si>
  <si>
    <t>需求疫情價格可能flashnand影響客戶庫存衝擊dram經濟採購記憶體目前伺服器trendforce下半年全球供需面臨</t>
  </si>
  <si>
    <t>新型冠狀病毒 DRAMNAND FlashWHO智慧型手機</t>
  </si>
  <si>
    <t>flashwhonanddram智慧病毒冠狀手機</t>
  </si>
  <si>
    <t>救急紓困強心劑</t>
  </si>
  <si>
    <t>新冠肺炎疫情擴散造成人流物流急凍行政院日前拍板600億紓困計畫要搶救觀光、餐飲與製造業。中華採購與供應管理協會對此認為短期救急政策雖是需要但是政府更應該此時藉由降稅去引導企業引進風險管理機制以</t>
  </si>
  <si>
    <t>擴散引導造成人流物流急凍應該行政院日前拍板政府需要紓困政策企業疫情救急認為搶救協會管理觀光</t>
  </si>
  <si>
    <t>新冠肺炎疫情擴散造成人流物流急凍行政院日前拍板600億紓困計畫要搶救觀光、餐飲與製造業。中華採購與供應管理協會對此認為短期救急政策雖是需要但是政府更應該此時藉由降稅去引導企業引進風險管理機制以應付未來重大危機才是長久之道。
政府拿600億銀彈提振經濟效益各界看法不一。但中華採購與供應管理協會執行長賴樹鑫肯定短期措施是必要可助企業暫度難關。但長期而言企業能否學到教訓建立風險應變機制才是重點。
美國911恐怖攻擊後國際再保公司提高保費與自負比例加深企業經營困難。賴樹鑫說像是美國思科系統（Cisco System）之後就製作一個三顏色地圖把供應鏈標示出來建立一個風險控管機制此後20年沒有再遇到無法解決難關。
他認為紓困金額只能救窮有些像是振興抵用券只有20億更是杯水車薪效用不大。與其如此還不如藉由租稅優惠、免稅措施給企業在軟體、硬體上引進風險管理機制給予獎勵這才是長久之計。
賴樹鑫強調如此可導引企業建立像是災難恢復計畫、營運持續計畫讓以後再遇到類似疫情或是其他高風險的危機都能夠因此降低營運的風險。
至於肺炎疫情後續衝擊賴樹鑫認為如果延到3月甚至更久對大陸與全世界都有影響目前雖然企業可沿用春節前庫存但對台灣第一季的GDP難免造成減少希望疫情最好不要拖過4月才不會進一步對第二季造成衝擊。</t>
  </si>
  <si>
    <t>企業疫情機制像是認為賴樹鑫風險供應建立造成紓困美國政府措施才是危機難關營運遇到引進風險管理</t>
  </si>
  <si>
    <t>美國營運肺炎計畫建立</t>
  </si>
  <si>
    <t>肺炎建立營運計畫美國</t>
  </si>
  <si>
    <t>陳情保鮮訊息睡覺國軍海量隔板合唱</t>
  </si>
  <si>
    <t>陸軍十軍團昨（22日）證實1名國軍同仁的配偶日前因身體不適就醫後確診國軍同仁後赴醫院篩檢也確診。對此時代力量立委王婉諭表示自己接獲許多國軍弟兄陳情爆料說雖然睡覺有戴口罩但是竟然用保鮮膜當隔板</t>
  </si>
  <si>
    <t>同仁國軍確診口罩證實睡覺竟然陳情弟兄配偶日前表示王婉諭力量時代對此身體</t>
  </si>
  <si>
    <t>陸軍十軍團昨（22日）證實1名國軍同仁的配偶日前因身體不適就醫後確診國軍同仁後赴醫院篩檢也確診。對此時代力量立委王婉諭表示自己接獲許多國軍弟兄陳情爆料說雖然睡覺有戴口罩但是竟然用保鮮膜當隔板在床中間；還有維持超過千人以上在外集合唱國歌增加飛沫傳染危險但就算她已持續跟國防部討論多日卻總是只得到敷衍、徒具形式的回覆這樣只會讓弟兄們陷入危險更讓無數的眷屬們擔心不已。
陸軍十軍團傳出一名士官長的確診案例十軍團表示這名國軍同仁赴醫院採檢後即未再返回部隊部隊獲悉後除配合中市衛生局疫調也啟動應變程式進行營區消毒、疫調、分流、區隔管理等作業並持續監測人員健康狀況目前相關密切接觸者的狀況都正常。
對此王婉諭今（23日）在臉書發文表示根據自己所掌握的消息目前疫調出來的三位密切接觸者狀況均正常快篩皆為陰性。不過令她擔心的是這名士官長在確診前是否都在營區內？從17號到21號篩檢之前該名士官長在空間狹小、高度擁擠的軍營中所有的接觸者都有匡列採檢嗎？
在得知此消息後王婉諭直言自己團隊隨即聯絡了相關單位想要瞭解相關情形和後續配套措施然而從國防部、陸軍司令部到軍醫局都僅表示會遵守防疫規範卻未有具體的緊急應變措施。更令人擔憂的是近萬名國軍弟兄們即將又要收假返回營隊了國防部真的準備好了嗎？爆發確診事件後國防部若沒有完善防疫措施數以萬計的弟兄們恐怕就暴露在染疫的風險之中。
王婉諭稱上週她揭露國軍防疫的問題後國防部雖然大動作否認她的說法然而她的粉專至今仍每天湧入非常多役男、家屬的陳情每一則訊息她和團隊都看過了結果不僅令人擔憂更讓人氣憤！集合移動方式沒改善還要役男拉下窗簾以免被媒體拍到？再三要求國軍弟兄不得受訪爆料難道是國防布再現？
王婉諭進一步表示有非常多的役男們私訊揭露目前軍中的各種荒唐防疫措施包括「吃飯的時候要我們全部人排好隊間隔距離只為了拍一張照片應付軍中有做好安全距離拍完才能吃飯」、「百人在大餐廳共同用餐但打菜的餐具餐盤都是共用的雖然有隔板但是挺身以碗就口之後大家的頭都超出了隔板」、「隔離的人都在同一間隔離寢室睡不下去就跟無症狀的人睡同間大寢室」、「用跟塑膠袋一樣薄的塑膠布把床左右隔離起來」、「確實要求他們戴口罩睡覺還要用保鮮膜當隔板在床中間」、「每天早上仍維持超過千人以上在外集合唱國歌、基本操練、跳軍操唱國歌還要大聲唱增加飛沫傳染風險」只有一則私訊的話可能還算是個別情況但面對海量的陳情恐怕就不是零星個案了。國防部面對這些鐵錚錚的事實還要睜眼說瞎話嗎？
除此之外最令王婉諭擔心的是疫情指揮中心一再強調目前全國都處於3級警戒的狀況「不要做任意移動這是最高原則」。在這樣艱困的時刻應該要避免役男進行跨區域的大量移動還是要避免役男們留在顯然有防疫缺失的營區內群聚這兩者間的權衡顯然需要專業意見評估。到底國防部有沒有跟指揮中心討論過這件事？還是要繼續埋頭苦幹執意讓常備役們先回家後再集體回到充滿防疫漏洞的營區？以上的種種情況她已持續跟國防部討論多日卻總是只得到敷衍、徒具形式的回覆。王不禁要再問一次面對全台3級警戒的嚴峻疫情已經出現確診案例的國軍真的準備好了嗎？</t>
  </si>
  <si>
    <t>國防部防疫確診表示弟兄還要國軍役男目前營區陳情王婉諭隔板面對移動擔心</t>
  </si>
  <si>
    <t>國防部國軍王婉諭隔板新冠肺炎</t>
  </si>
  <si>
    <t>王婉諭隔板國軍國防部肺炎</t>
  </si>
  <si>
    <t>醫師痛駡出院確診川普零蛋</t>
  </si>
  <si>
    <t>美國總統川普確診感染新冠肺炎住院4天就出院；對此感染症專家、中華民國防疫協會理事長王任賢表示川普染疫應該不假但這也突顯美國社區感染真的很嚴重才會連總統都染疫他痛批川普「疫」Q零蛋不管是染</t>
  </si>
  <si>
    <t>川普感染總統美國感染症對此專家出院中華民國防疫住院協會肺炎理事長王任賢表示才會連社區突顯應該嚴重真的</t>
  </si>
  <si>
    <t>美國總統川普確診感染新冠肺炎住院4天就出院；對此感染症專家、中華民國防疫協會理事長王任賢表示川普染疫應該不假但這也突顯美國社區感染真的很嚴重才會連總統都染疫他痛批川普「疫」Q零蛋不管是染疫前或確診後都未要求民眾戴口罩、保持社交距離；且比較另人憂心的是做為國際社會霸權國家美國極可能成為病毒輸出國。
王任賢表示由於美國大選在即川普確診新冠肺炎一度被認為是做秀但他認為真的假不了尤其不只川普感染白宮也多人確診甚至連習進平都致電關懷；而該事件也讓新冠肺炎疫情成為大選重要議題。
王任賢強調新冠肺炎病毒出現不到一年在世界各地都陸續造成嚴重死亡不管從台灣、大陸或是日、韓、英、德等地回顧疫情發展都可以證實新冠肺炎就是個社區病毒只要社區未徹底清零疫情就會捲土重來而只要政府開始做為加強篩檢、隔離感染者並要求民眾戴口罩、保持社交距離感染人數就會慢慢趨緩但在美國即使國內甚少報導但連總統都染疫突顯的就是政府無作為、社區感染嚴重。
「川普就是不開口叫民眾戴口罩！不做一個上行下效的好榜樣。」王任賢憤憤表示美國更是全球疫情主要輸出國做為國際社會霸權國家美軍到各地都以事涉機密拒絕接受入境國的篩查未來全球疫情要清零美國政府的動作相當具關鍵性。</t>
  </si>
  <si>
    <t>疫情美國川普感染肺炎確診嚴重病毒社區做為表示任賢總統民眾清零口罩政府</t>
  </si>
  <si>
    <t>美國川普肺炎疫情新冠肺炎</t>
  </si>
  <si>
    <t>川普疫情肺炎美國</t>
  </si>
  <si>
    <t>症狀感染者社區檢驗方法曝光</t>
  </si>
  <si>
    <t>新冠肺炎存在無症狀感染一直都是民眾關心的重點在今（11日）中央流行疫情指揮中心記者會上有媒體端出國外研究指出無症狀感染恐早已大量存在社區裡。對此陳時中表示未來不排除對社區人口做血液抽樣但目前</t>
  </si>
  <si>
    <t>社區存在症狀感染人口排除未來疫情指揮流行中心中央記者會陳時中上有媒體重點對此關心民眾國外</t>
  </si>
  <si>
    <t>新冠肺炎存在無症狀感染一直都是民眾關心的重點在今（11日）中央流行疫情指揮中心記者會上有媒體端出國外研究指出無症狀感染恐早已大量存在社區裡。對此陳時中表示未來不排除對社區人口做血液抽樣但目前仍朝對疫情影響較大的個案去做圍堵。
指揮中心發言人莊人祥昨透露台灣目前無症狀感染確診者目前累計21人約佔確診者的5％。媒體引述德國研究結果指出全球大約有千萬人次的新冠肺炎感染者尚未被發現目前驗出的確診者僅佔6%對於這份資料指揮中心怎麼看？
指揮官陳時中認為民眾都很擔心無症狀感染者也相信公衛專家推斷這群人佔有一部份比例。他表示不排除未來會對社區做出抽樣來檢驗是否存在無症狀感染者不過目前更重視那些對疫情有影響的個案針對他們去做圍堵避免疫情擴大抽樣調查可能要等到疫情較穩定時才會進行。
莊人祥也指出陳指揮官所說的社區抽樣並不是疫情普查而是根據全國職業別或人口所做的抽樣調查。莊人祥舉例在2009年流感大流行時就曾經做過類似研究當時獲得了1000多筆的血液樣本透過觀察受驗者的血液是否存在病毒抗體藉此可測出有多少比例人口受到感染。
因為很多人都不相信目前疾管署公佈的疫情莊人祥表示「那就做做看抽樣」。不過他指出因為要從各地方縣市抽樣加上抽血的動作整體也要花上很長一段時間至少要花好幾個月。</t>
  </si>
  <si>
    <t>疫情目前抽樣指出症狀存在社區感染莊人祥血液研究中心指揮感染者表示流行比例</t>
  </si>
  <si>
    <t>抽樣社區莊人祥無症狀感染者指揮中心</t>
  </si>
  <si>
    <t>症狀感染者莊人祥指揮社區中心抽樣</t>
  </si>
  <si>
    <t>前臺位數能否旅遊確診泡泡東京</t>
  </si>
  <si>
    <t>新冠疫情爆發至今近2年不少民眾搶打疫苗盼能早日出國旅遊對此台大前感染科醫師林氏璧表示日本東京昨僅9人確診、大阪也只有7人染疫全日本單日的確診數降至雙位數顯示疫情趨緩如果能這樣一路控制不</t>
  </si>
  <si>
    <t>確診疫情日本至今民眾疫苗早日出國旅遊台大前對此感染醫師顯示林氏位元數表示爆發</t>
  </si>
  <si>
    <t>新冠疫情爆發至今近2年不少民眾搶打疫苗盼能早日出國旅遊對此台大前感染科醫師林氏璧表示日本東京昨僅9人確診、大阪也只有7人染疫全日本單日的確診數降至雙位數顯示疫情趨緩如果能這樣一路控制不知道有無可能與台灣來個帛琉模式的旅遊泡泡呢？引發網友熱議不少人激動直呼好想去日本。
林氏璧昨在臉書發文表示日本疫情逐漸趨緩確診數下降至兩位數86例上次有這樣的成績須回溯至2020年6月27日。而東京與大阪同一天的確診數也都降到個位數東京七日平均檢查陽性率降到04％日本各都道府縣都已掉到12%以下。
林氏璧指出日本至少接種一劑者達到全人口的77%兩劑完整接種則是72%。65歲以上高齢者至少接種一劑者達到全人口的916%兩劑完整接種則是907%。
林氏璧接著說若疫情真的一路控制下去不知道有無可能和台灣來個帛琉模式的旅遊泡泡？雖不敢從東京大阪北海道開始起碼可以從沖繩或一些鄉下地方比方說四國、北陸和東北等地開始但文末林氏璧也自嘲「好啦我知道我在做夢。人總可以有夢吧？」
貼文引發網友討論「日本旅遊泡泡絕對不是夢！大家一起加油希望今年可以去日本跨年」、「等到可以回日本旅遊的那天我一下飛機一定會落淚」、「可以去日本賞楓是個美夢」、「真的好想去日本玩喔」。
後來林氏璧也留言補充說日本宣佈邊境鬆綁縮短已打疫苗的商務客的居檢時間從原本的10天縮短為3天最快在11月8日開始實施。</t>
  </si>
  <si>
    <t>日本可以旅遊疫情東京確診開始泡泡知道疫苗縮短接種</t>
  </si>
  <si>
    <t>林氏璧東京旅遊泡泡確診數日本</t>
  </si>
  <si>
    <t>泡泡旅遊東京確診日本林氏</t>
  </si>
  <si>
    <t>摩爾分析師鐘崑</t>
  </si>
  <si>
    <t>摩爾投顧分析師鐘崑禎表示美股7日雖開高走低終場收黑台股8日卻不受影響逆勢上漲終場漲幅達141％但遭遇前方跳空缺口反壓短線不容易直接上攻加上成交量稍嫌不足預計大盤短線將進入區間震盪格局。類</t>
  </si>
  <si>
    <t>終場大盤師鐘崑預計不足稍嫌表示成交量加上上攻直接進入不容易空缺分析前方不受遭遇影響漲幅逆勢上漲</t>
  </si>
  <si>
    <t>摩爾投顧分析師鐘崑禎表示美股7日雖開高走低終場收黑台股8日卻不受影響逆勢上漲終場漲幅達141％但遭遇前方跳空缺口反壓短線不容易直接上攻加上成交量稍嫌不足預計大盤短線將進入區間震盪格局。
類股方面日本被動元件大廠TDK員工確診新冠肺炎山形縣鶴岡工廠為了安全起見已經暫時停工國內大廠國巨、華新科轉單效應加上3月營收加持8日股價雙雙漲停帶動被動元件類股全面走揚。
個股方面本周納入投資組合的世紀鋼離岸風電利多持續發酵在國家政策加持下營運相對不受國際情勢影響股價8日再度向上續攻成功站上壓力區83元價位。
操作方面現階段大盤強彈仍屬於消息面的推升整體格局尚未回穩建議投資人如有獲利可逢高了結待股價稍做修正再重新進場。</t>
  </si>
  <si>
    <t>方面股價大廠大盤格局加上元件被動不受終場影響師鐘崑表示工廠了結安全山形獲利</t>
  </si>
  <si>
    <t>華新科世紀鋼國巨摩爾投顧分析師</t>
  </si>
  <si>
    <t>摩爾國巨世紀分析新科</t>
  </si>
  <si>
    <t>武漢輸血紓困資金企業</t>
  </si>
  <si>
    <t>大陸武漢市為對個體工商戶復工復產復市增加政策支持力道18日推出《關於積極應對疫情影響加大對個體工商戶扶持力度的政策措施》設立200億元（人民幣下同）貸款額度的定向紓困資金對在今年底之前的金融機構向</t>
  </si>
  <si>
    <t>工商戶個體紓困貸款額度下同人民幣設立政策措施復工資金力度扶持複產政策支援力增加推出積極複市應對加大影響疫情今年底之前武漢市金融機構大陸</t>
  </si>
  <si>
    <t>大陸武漢市為對個體工商戶復工復產復市增加政策支持力道18日推出《關於積極應對疫情影響加大對個體工商戶扶持力度的政策措施》設立200億元（人民幣下同）貸款額度的定向紓困資金對在今年底之前的金融機構向個體工商戶發放優惠貸款給予貼息並鼓勵比照小微企業信貸支持政策延伸至個體工商用真金白銀替企業商戶輸血。
據第一財經報導在減免租金方面該《政策措施》規定對承租國有資產類經營用房的個體工商戶3個月房租免收、6個月房租減半並鼓勵非國有資產出租人為個體工商戶減免租金。
而社保費用減免和緩繳部分免徵以單位元方式參保的個體工商戶今年2至6月的基本養老保險、失業保險、工傷保險單位元繳費；減半徵收2至6月的醫療保險單位繳費。此外個體工商戶可在年內緩繳社保緩繳期限原則上不超過6個月並免收滯納金。</t>
  </si>
  <si>
    <t>個體工商戶減免政策企業政策措施鼓勵減半租金社保國有資產單位繳費緩繳超過原則房租紓困推出支援力積極期限貸款額度下同應對人民幣資金</t>
  </si>
  <si>
    <t>武漢新冠肺炎新冠病毒台灣大陸</t>
  </si>
  <si>
    <t>肺炎臺灣病毒大陸武漢</t>
  </si>
  <si>
    <t>高中全球以下影響肺炎學子無法上學</t>
  </si>
  <si>
    <t>根據聯合國統計受到新冠肺炎影響全球近8億高中以下學子無法上學這還不計大學以上的停課情況。這個數字幾乎是3天前的一倍。聯合國教科文組織16日指出因為新冠肺炎的傳播無法上學的兒童和青少年人數達到空前</t>
  </si>
  <si>
    <t>上學無法肺炎兒童數位情況幾乎停課以上聯合國教科文組織大學不計傳播指出影響學子以下全球高中青少年人數受到達到</t>
  </si>
  <si>
    <t>停課兒童無法全球聯合國教科文組織疫情青少年肺炎上學高中影響國家全國情況以上大學人數幾乎學前</t>
  </si>
  <si>
    <t>停課上學新冠肺炎新冠肺炎</t>
  </si>
  <si>
    <t>肺炎上學停課</t>
  </si>
  <si>
    <t>即將提醒bnt</t>
  </si>
  <si>
    <t>BNT疫苗抵達台灣即將開打藍委洪孟楷今在臉書表示再次感謝民間企業、宗教團體及醫護、第一線公務人員的努力並提醒民眾若施打BNT疫苗有三件事情需要注意。洪孟楷今（5日）表示接種BNT疫苗除了一般常見疼痛</t>
  </si>
  <si>
    <t>疫苗bnt表示醫護宗教團體第一線公務人員企業民間努力感謝提醒再次接種民眾藍委洪即將洪孟楷孟楷注意需要事情</t>
  </si>
  <si>
    <t>疫苗bnt保護接種美國表示正式批准集體形成到位早日施打宗教團體醫護購買第一線企業公務人員</t>
  </si>
  <si>
    <t>BNT洪孟楷疫苗開打新冠肺炎</t>
  </si>
  <si>
    <t>疫苗洪孟楷bnt肺炎</t>
  </si>
  <si>
    <t>強迫母國婿憂配得出境防疫</t>
  </si>
  <si>
    <t>台灣因應新冠肺炎疫情全球延燒日前限制外籍人士入境但針對外籍配偶釋出「簽證自動展延30天」的政策不過仍有在台停留總天數不得逾180天的規定而此讓不少人質疑為「防疫破口」潮州邱姓越婿就怕已2度延簽的新</t>
  </si>
  <si>
    <t>肺炎疫情邱姓潮州防疫質疑全球規定不得天數入境日前外籍配偶停留限制外籍人士</t>
  </si>
  <si>
    <t>台灣因應新冠肺炎疫情全球延燒日前限制外籍人士入境但針對外籍配偶釋出「簽證自動展延30天」的政策不過仍有在台停留總天數不得逾180天的規定而此讓不少人質疑為「防疫破口」潮州邱姓越婿就怕已2度延簽的新婚妻子為回母國換簽證而暴露在感染高風險中。
邱姓越婿指出他的妻子在去年11月2日嫁到台灣領的是觀察期間不得改辦居留的停留簽、可停留60天但得以延簽2次、1次2個月所以太太的簽證實際到期日是4月30日總共可在台停留180天不料遇上肺炎疫情擴散而政府雖祭出簽證自動展延但仍有總留天數限制太太根本受惠不到。
「非常時期還有天數限制非常不合理！」他說此時到底是安全重要還是換簽證重要？難道真的要讓太太為了1張紙本簽證冒風險飛回母國？他無奈地說其實先前已訂好回越南的機票但後來都停飛加上疫情愈趨嚴重真的不敢讓太太上飛機。
他苦嘆這段時間他積極尋求管道協助打遍外交部、移民署的電話甚至寫衛福部部長信箱向陳時中求救但得到的回應都是「我們只能遵守法規」。他無助表示台灣絕對不只有他太太面臨2度延簽的問題因為與他同日面試通過的越婿就有5、6個所以希望政府正視該問題。
他強調連防疫指揮中心都說現階段搭飛機很危險那為何還要「強迫」外配返國且還是為了1張紙本簽證政府若真的無視該問題這絕對是台灣的防疫破口。
對此移民署屏東站指出一切以防疫指揮中心調度為主若中心釋出新政策他們絕對跟進處理但目前也只能依法辦理不過外配若是因無班機回母國而造成簽證逾期者凡持停飛證明都不予簽證逾期處分。</t>
  </si>
  <si>
    <t>簽證太太防疫臺灣疫情停留絕對限制政府問題母國天數移民署飛機中心指出政策</t>
  </si>
  <si>
    <t>新冠肺炎簽證外配越南移民署</t>
  </si>
  <si>
    <t>簽證肺炎越南移民署</t>
  </si>
  <si>
    <t>親自調動軍醫體系總統時期站上sars第一線比照</t>
  </si>
  <si>
    <t>時力立委邱顯智今日表示2003年SARS期間前總統陳水扁親自調動軍醫體系補上醫療缺口美國總統川普、拜登、英國首相強森在疫情期間也都是親自指揮作戰也請蔡總統站上第一線指揮抗疫戰爭讓人力、物力盡速到</t>
  </si>
  <si>
    <t>總統期間指揮親自人力戰爭表示sars物力一線站上今日體系美國缺口醫療川普拜登陳水扁疫情調動英國首相補上軍醫</t>
  </si>
  <si>
    <t>時力立委邱顯智今日表示2003年SARS期間前總統陳水扁親自調動軍醫體系補上醫療缺口美國總統川普、拜登、英國首相強森在疫情期間也都是親自指揮作戰也請蔡總統站上第一線指揮抗疫戰爭讓人力、物力盡速到位。
邱顯智指出從去年到現在台灣在疫苗採購上一直受到政治因素幹預如果再繼續堅持與原廠簽約的原則只會重蹈覆轍蔡總統應該廣納民間力量協助我國突破政治阻礙取得疫苗。
邱顯智說前線醫護人力吃緊不斷告急現有醫療體系已日漸無法擔負抗疫作戰的指揮重責。日前衛福部想徵用國軍英雄館作為隔離場所卻被國防部否決如今蔡總統應該學習當年的陳水扁親上前線指揮調動補上醫療缺口。
邱顯智表示現在如果還有部會態度消極有法律規定阻礙調動就該發布緊急命令打通關節。蔡總統是否能夠展現威望和政治領導能力就看此時。</t>
  </si>
  <si>
    <t>總統邱顯智指揮政治調動醫療阻礙人力疫苗前線表示現在期間作戰體系陳水扁應該缺口親自補上英雄館作為</t>
  </si>
  <si>
    <t>新冠肺炎台灣蔡總統調動邱顯智</t>
  </si>
  <si>
    <t>臺灣肺炎總統調動邱顯智</t>
  </si>
  <si>
    <t>市場設計輔助器呼吸肺炎製造高林銷售</t>
  </si>
  <si>
    <t>高林（2906）實業19日宣佈轉投資事業高昌生醫針對新冠肺炎新研發出呼吸輔助系統將與原有雙階陽壓呼吸器交由台灣廠商製造生產銷售且今年年底前將申請美國FDA- EUA(緊急使用授權)認證如通過該緊急使用授權認</t>
  </si>
  <si>
    <t>緊急轉投資使用事業高昌euafda-美國宣佈申請呼吸授權輔助系統年底生產製造廠商臺灣今年銷售原有雙階陽</t>
  </si>
  <si>
    <t>高林（2906）實業19日宣佈轉投資事業高昌生醫針對新冠肺炎新研發出呼吸輔助系統將與原有雙階陽壓呼吸器交由台灣廠商製造生產銷售且今年年底前將申請美國FDA- EUA(緊急使用授權)認證如通過該緊急使用授權認證則可於美國上市銷售。
高林實業早在2016年跨足生醫領域除了取得杏昌生技（1788）控制權並於同年11月主導高昌生醫設立從事醫療與醫美設備的開發與設計持股占比6134%。高昌生醫成立於竹科園區股本7000萬元以台灣設計台灣製造為成立宗旨主要從事雙階型陽壓呼吸器及高強度聚焦超音波拉提設備等設計。目前高強度聚焦超音波拉提機已在東南亞販賣申請台灣FDA認證中並已簽定台灣、東南亞與俄羅斯等地區代理合約或合作備忘錄技術優勢在於能夠輸出穩定的超音波能量可提升穩定度及可靠度。
至於雙階型陽壓呼吸器則已提供小量試產並可配合居家照護等衛福政策根據高昌指出除重症患者以外多數新冠狀肺炎患者使用非侵入性呼吸輔助器即可舒緩呼吸不適問題因此適用睡眠呼吸中止症的陽壓呼吸器已在國際間廣泛被認可運用於協助新冠肺炎確診病患。
為克服陽壓呼吸器的傳染風險高昌生醫已設計完成新冠肺炎患者使用的GT Anti-19 Bilevel NIV（非侵入性呼吸系統）將交由台灣廠商製造生產並於台灣銷售。此外並計畫於今年年底前申請美國FDA-EUA(緊急使用授權)認證如通過該緊急使用授權認證則可於美國上市銷售。</t>
  </si>
  <si>
    <t>高昌臺灣呼吸器設計呼吸使用肺炎申請音波患者認證美國銷售製造設備東南亞從事侵入</t>
  </si>
  <si>
    <t>杏昌生醫銷售陽壓呼吸器高昌</t>
  </si>
  <si>
    <t>銷售呼吸器高昌</t>
  </si>
  <si>
    <t>分析肺炎不休</t>
  </si>
  <si>
    <t>美國股市連續三天下跌全球股市也多受波及根據摩根士丹利資本國際(MSCI)全球股指表現全球股市市值在過去四個交易日內蒸發33兆美元。但也有分析師表示新冠肺炎只是個藉口為已經漲過頭股市冷卻下來的出口</t>
  </si>
  <si>
    <t>全球股市過頭已經肺炎股市表示分析國際波及資本蒸發msci全球股指表現摩根士丹利市值交易日過去</t>
  </si>
  <si>
    <t>美國股市連續三天下跌全球股市也多受波及根據摩根士丹利資本國際(MSCI)全球股指表現全球股市市值在過去四個交易日內蒸發33兆美元。但也有分析師表示新冠肺炎只是個藉口為已經漲過頭股市冷卻下來的出口。
Freedom Asset Management投資長芬瑟·弗萊徹(Simon Fentham-Fletcher)在週四在接受CNBC訪問時說：「許多投資者都已經準備好了他們其實在擔心股市不會永遠漲下去他們心理其實想著我們是不要退一步。」
弗萊徹說：「新冠肺炎似乎是一個藉口其實『熊』 已經徘徊了一段時間。」他補充說：「這(新冠肺炎)是一個完美的藉口。」但他也認為目前市場反應有些過分誇大。
這也呼應的川普的看法他在美國時間週三晚上宣佈副總統彭斯將是負責對抗新冠肺炎的發展而川普也特別強調新冠肺炎對美國來說「風險非常低」。但美國疾病控制與預防中心(CDC)還是在週三證實了新冠肺炎在美國的已具有潛在的「社區傳播」。</t>
  </si>
  <si>
    <t>肺炎已經其實美國全球股市弗萊徹股市週三川普國際msci全球股指表現資本波及市值摩根士丹利managementasset</t>
  </si>
  <si>
    <t>新冠肺炎藉口弗萊徹川普美國</t>
  </si>
  <si>
    <t>肺炎弗萊徹川普美國</t>
  </si>
  <si>
    <t>集中中心檢疫所指揮暫不考慮確診</t>
  </si>
  <si>
    <t>中央流行疫情指揮中心為了避免醫療量能潰堤昨天開始輕症患者不再進入醫院而是改前往「加強版集中檢疫所」指揮中心統計昨天已有133位確診病患已經入住。目前還有235間「加強版集中檢疫所」可用。指揮中心醫療</t>
  </si>
  <si>
    <t>中心昨天指揮加強版集中檢疫所醫療已經避免不再開始患者確診進入目前醫院還有</t>
  </si>
  <si>
    <t>中央流行疫情指揮中心為了避免醫療量能潰堤昨天開始輕症患者不再進入醫院而是改前往「加強版集中檢疫所」指揮中心統計昨天已有133位確診病患已經入住。目前還有235間「加強版集中檢疫所」可用。
指揮中心醫療應變組副組長羅一鈞表示目前已經啟用「加強版集中檢疫所」與原本不同的是會有24小時護理人員進駐也會有氧氣瓶等醫療設備與常備藥物同時只要有症狀就會有負責的醫師以視訊方式做遠距的診聊評估是否再送醫院隨時因應突發疾病變化。
由於有醫師提到有醫師提出現在集中檢疫所規畫用來收治輕症病患但違反醫療法因為非醫療院所不能收治病人。另外包含前疾管局漲蘇益仁與其他醫師能等呼籲若連集中檢疫所都不夠用台灣有很多蚊子館可以拿來當隔離場所必要時可動用軍營、廢棄學校建立類似中國大陸的方艙醫院以臨時醫院隔離病患的做法目前會有這樣的考量嗎？
羅一鈞表示昨天入住的病患中包含128名已經確診但還沒進到醫院的輕症者、5個住院中並符合標準住院發病超過10天以上病毒已經改善不具有感染力者因此下轉到集中檢疫所。而目前還有235間的加強版集中檢疫所來可以來收治病患。
指揮官陳時中表示集中檢疫所相關醫療有產生任何症狀情況用這樣來做緩衝區對醫療量能對社會的保護可能是比較好的做法。目前沒有建置方倉醫院的考慮還是以互相區隔為重要原則。
羅一鈞也表示目前根據第五類法定傳染病防治法規定病人處置措施定為必要時得與指定機構施行隔離治療由於集中檢疫所只是場所不是機構因此現在要重新把集中檢疫所加進去成為「可施行隔離治療的場所」修改辦法完成法制程式後再公告補刊。
而昨天新北市傳出有確診者不願意進入集中檢疫所入住陳時中表示新北市有跟我們反應希望我們幫他們呼籲前兩天他們安置的處所不足我們緊急調動很多集中檢疫所已經被確診的清正或是無症狀病人次長說會請權利把他們載到集中檢疫所目前還收到很少新北衛生局說大家覺得那裡不是醫院不願意去我們呼籲相關的人要趕快到集中檢疫所在家中待久了不管怎麼防護在家中傳染的機率高在集中檢疫所雖說沒有很好的設備但就是一人一室也有護理人力和醫師定期診療還有遠距醫療有症狀呼籲現在在家中還不願意去的可以趕快送過去。</t>
  </si>
  <si>
    <t>檢疫所集中醫院醫療目前已經表示醫師昨天呼籲隔離確診症狀新北場所可以家中</t>
  </si>
  <si>
    <t>新冠肺炎台灣集中檢疫所病患</t>
  </si>
  <si>
    <t>臺灣集中肺炎檢疫所</t>
  </si>
  <si>
    <t>病危療法救回淨化血液肺炎醫院患者桃園</t>
  </si>
  <si>
    <t>1名52歲女性在3月確診新冠肺炎後因為病情急轉直下衛福部桃園醫院決定採用「血液淨化療法」讓患者從病危到可以回家過母親節。院方形容就好像跟人家打架直接移除過多的敵人就有機會贏此舉也獲國際期刊發</t>
  </si>
  <si>
    <t>肺炎病情急轉直下機會衛福部桃園醫院決定採用敵人血液移除淨化療法人家患者病危好像可以形容院方</t>
  </si>
  <si>
    <t>1名52歲女性在3月確診新冠肺炎後因為病情急轉直下衛福部桃園醫院決定採用「血液淨化療法」讓患者從病危到可以回家過母親節。院方形容就好像跟人家打架直接移除過多的敵人就有機會贏此舉也獲國際期刊發表肯定。
院方表示該個案在3月15日確診後24日病情急轉直下有肺浸潤並插管治療。26日轉移至桃園醫院後院方查詢國內外文獻發現不少新冠肺炎患者是因為體內免疫風暴持續惡化不見得是病毒影響因此在無有效藥物的狀況下決定採用「血液淨化療法」。
桃醫副院長王偉傑指出患者轉院來時狀況相當不佳根據臨床判斷可能半天、1天就會不治。院方與家屬討論後採用血液淨化療法3月30日開始連續3天進行血漿置換術合併持續性腎臟替代療法後續4天進行持續性腎臟替代療法。
他說較淺白的說法就是把含有過多免疫物質的血漿洗掉留下血球再混合乾淨的血漿注回患者體內之後再用重度患者洗腎的方式治療。這種方式就好比打架1個打30個一定打不贏。但是透過療法可以移除28名敵人就有勝算。他補充過程約使用1萬毫升血漿患者狀況也越來越好4月15日移除氣管內管17日開始可以用練習床邊支撐坐立並可用紙筆、LINE等與家屬溝通。現在已經痊癒可回家過母親節。
桃醫院長徐永年補充為了治療該個案此次有腎臟、胸腔、加護病房、一般護理等醫護投入。經過治療成功後也讓醫院未來很有信心面對類似的患者。該治療方法經投稿國際期刊後也被其接受發表。相對於藥物治療血液淨化治療沒有藥物副作用帶來的不良影響。
患者兒子也透過影片說明心聲他說一開始覺得確診就是進醫院隔離一段時間就好了沒想到媽媽狀況急轉直下還一度插管、使用呼吸器差點要用葉克膜。所幸經過醫院治療後每天都一點一點進步。他也說這段時間心情真的是起起伏伏所幸媽媽已經從昏迷的狀態甦醒也希望其他確診病患盡快好起來。</t>
  </si>
  <si>
    <t>患者治療醫院狀況院方確診療法血漿可以開始淨化血液急轉直下藥物移除腎臟免疫已經家屬所幸媽媽</t>
  </si>
  <si>
    <t>患者治療醫院療法血液</t>
  </si>
  <si>
    <t>治療血液醫院患者療法</t>
  </si>
  <si>
    <t>疫苗大陸科興形容後續效果林青霞</t>
  </si>
  <si>
    <t>從前年底起新冠肺炎在全球肆虐最近各國藥廠終於紛紛推出疫苗盼有效減低疫情66歲女神林青霞今(5日)淩晨透露本週三已經接種第一劑科興疫苗她的心得是：「沒什麼反應心情愉快」。由大陸科興控股生物技術有限</t>
  </si>
  <si>
    <t>疫苗科興肺炎全球肆虐大陸最近心情愉快藥廠終於反應紛紛推出心得女神林青霞淩晨有效透露減低疫情接種已經週三</t>
  </si>
  <si>
    <t>從前年底起新冠肺炎在全球肆虐最近各國藥廠終於紛紛推出疫苗盼有效減低疫情66歲女神林青霞今(5日)淩晨透露本週三已經接種第一劑科興疫苗她的心得是：「沒什麼反應心情愉快」。
由大陸科興控股生物技術有限公司（Sinovac）生產的滅活疫苗「克爾來福」早先在印度進行測試印尼國營生物藥劑公司Bio Farma表示臨床試驗後科興疫苗的防護力約為97%科興公司則解釋97%應為「血清抗體陽轉率」。昨(4日)土耳其哈傑太佩大學又公佈另一波臨床試驗成果認為疫苗保護率約為835%而去年底土耳其衛生部公佈的保護效率為9125%。
2月26日起香港針對60歲以上的民眾開放施打科興控股生物技術有限公司所製的滅活疫苗據知港府總共購買100萬劑1月19日抵達香港第一階段只安排7萬人接種原本沒有嚴重不良案例僅有一名老人反應接種後心跳變快。本月3日媒體報導出現第一起死亡案例死者為63歲男子首日施打疫苗後28日發生呼吸困難情況到伊利沙伯醫院醫治後當天不治。
當局衛生署第一時間表示該事件與疫苗的因果關係仍無法確認香港臨床事件評估專家委員會則說專家研判該個案死亡與疫苗無直接關係病人有慢性病、「三高」、缺血性心臟病等解剖後死因可能是冠心病、急性心肌梗塞及肺水腫之後會公開解剖報告詳細說明。
在開放民眾施打前22日香港特首林鄭月娥便身體力行施打了在香港的第一針科興疫苗香港食物及衛生局長陳肇始受訪回應：「愈多人打、愈早打愈好」希望早日達到群體免疫。今林青霞表示週三(3/3)已接種科興疫苗感覺不錯沒什麼後遺症反應心情也很好引來網友回應：「我昨天打的疫苗除了胳膊有點痛也沒什麼反應姐姐也是啊」、「我正在考慮打不打疫苗本來有一絲絲害怕看到姐姐這樣說不害怕了」、「姐姐我今天要去打第二針了此刻在單位通宵加班」、「姐姐我也打過沒有什麼感覺」。</t>
  </si>
  <si>
    <t>疫苗科興香港接種反應姐姐臨床施打解剖土耳其事件死亡回應案例公佈活疫苗林青霞表示關係</t>
  </si>
  <si>
    <t>新冠肺炎疫苗科興疫苗林青霞接種</t>
  </si>
  <si>
    <t>疫苗科興肺炎林青霞接種</t>
  </si>
  <si>
    <t>升級機場電眼防疫攔截金門病毒</t>
  </si>
  <si>
    <t>金門尚義機場防疫再升級入境旅客今（22）日起均以紅外線監測儀量體溫發燒者立即送醫就診。縣府也加開居家檢疫報到站入境就開始列管追蹤。楊鎮浯縣長強調在「超前部署、全面防堵」的大戰略下只有一個目標：</t>
  </si>
  <si>
    <t>入境戰略升級全面部署超前強調旅客縣長楊鎮紅外線監測儀體溫發燒立即送醫追蹤就診</t>
  </si>
  <si>
    <t>金門尚義機場防疫再升級入境旅客今（22）日起均以紅外線監測儀量體溫發燒者立即送醫就診。縣府也加開居家檢疫報到站入境就開始列管追蹤。楊鎮浯縣長強調在「超前部署、全面防堵」的大戰略下只有一個目標：做到「滴水不漏！」
縣府在機場設置的紅外線監測儀只要旅客體溫過高發出警示聲即由防疫人員2次複測若耳溫均高於攝氏38度或額溫均高於攝氏375度一律留置於體溫監測站由救護車直送金門醫院就診。
另航空公司也配合向入境旅客廣播凡持有居家檢疫通知書者均需至入口「居家檢疫報到站」登記核對居住地、電話後縣府就會立即通知裡長、村裡幹事啟動健康關懷。居家檢疫者返家後限制外出至檢疫解除。
縣府說明旅客應配合檢疫措施如有拒絕、規避妨礙者將依傳染病防治法第37條第1項第6款及同法第70條第1項第3款處新臺幣3000元以上1萬5000元以下罰鍰。
楊鎮浯縣長今率員視察作業現況強調系列防疫新措施在「超前部署、全面防堵」的大戰略下特別針對如有旅客是「大三通」進來或有中港澳的旅遊史若等候中央在2、3天後才通知可能出現防疫漏洞的狀況主動強化居家檢疫新措施將這個漏洞補起來從旅客入境就開始列管追蹤沒有任何時間差和空窗期目標就是要做到「1個不漏!」
楊鎮浯並指出從台灣很多確診病例可以看出交通工具變成移動傳染源縣府因此也採取針對性辦法即居家檢疫者可以事先撥打金門縣政府的1999由縣府安排交通工具接送避免讓交通工具淪為移動傳染源的可能性。
連日來經由「大三通」返回金門者有10餘人均由相關單位切實管制追蹤。楊鎮浯也說明他們在台灣各大機場入境時即已被登錄為居家檢疫追蹤對象縣府在金門機場又可再攔截1次目的就是建立複式的追蹤機制確保金門不會出現防疫缺口。</t>
  </si>
  <si>
    <t>檢疫縣府旅客居家防疫金門追蹤入境機場體溫措施交通大三通通知工具可以目標</t>
  </si>
  <si>
    <t>新冠肺炎武漢肺炎新型冠狀病毒台灣檢疫</t>
  </si>
  <si>
    <t>肺炎武漢冠狀病毒臺灣檢疫</t>
  </si>
  <si>
    <t>升溫疫情臨檢舞廳八大場所高雄金</t>
  </si>
  <si>
    <t>因「護國舞小姐」而聲名大噪的高雄金芭黎舞廳昨晚突然遭到臨檢原來是基隆確診婦曾隨進香團到高雄活動為防止疫情延燒經方特別針對密閉式空間的八大特種場所加強臨檢、宣導避免成為防疫破口。去年初一名台商確</t>
  </si>
  <si>
    <t>臨檢聲名大噪防疫高雄金成為避免舞廳宣導昨晚突然加強小姐遭到場所密閉式特別經方八大疫情防止活動高雄進香團空間曾隨</t>
  </si>
  <si>
    <t>因「護國舞小姐」而聲名大噪的高雄金芭黎舞廳昨晚突然遭到臨檢原來是基隆確診婦曾隨進香團到高雄活動為防止疫情延燒經方特別針對密閉式空間的八大特種場所加強臨檢、宣導避免成為防疫破口。
去年初一名台商確診新冠肺炎卻隱匿行蹤沒有交代「趴趴走」的行程而是金芭黎舞廳一名舞小姐出現喉嚨不適、呼吸不順症狀向該名台商詢問得知對方確診嚇得立刻就醫通報消息曝光後該小姐獲網友盛讚是「護國舞小姐」。
中央流行疫情指揮中心12日證實基隆確診的50多歲婦人5月初曾隨進香團到高雄活動鑑於金芭黎舞廳去年曾發生台商染疫確診案例轄內苓雅分局特別在12日晚間特別規畫臨檢勤務加強防疫高市警察局長黃明昭更親自到場參與臨檢勤務宣導店家、員工及客人應遵守防疫相關規定並指示執勤同仁務必落實防疫工作。
苓雅分局長梁東山特別提醒警員們務必將密錄器開啟並全程錄影蒐證大批警力進入舞廳內先是將客人與小姐分別帶開一一核對相關資料除了臨檢大廳的開放式座位區以外店內各樓層的獨間式包廂也都進行嚴格檢查。
由於疫情升溫店內小姐及工作人員都相當配合而消費者突遭臨檢雖然錯愕大多也都配合警方查驗身分。苓雅警方表示此次在金巴黎舞廳的臨檢行動均符合規定並無違規之處。
黃明昭表示這次配合衛生局進行臨檢主要是檢查店家及消費者是否都有落實相關的防疫規定若發現違規者會立即勸導並要求改善除了防疫以外也防範治安事件發生。</t>
  </si>
  <si>
    <t>臨檢防疫小姐確診舞廳特別台商疫情相關配合以外務必黃明昭客人加強宣導勤務</t>
  </si>
  <si>
    <t>新冠肺炎台灣金芭黎舞廳臨檢高雄</t>
  </si>
  <si>
    <t>臺灣舞廳肺炎臨檢高雄</t>
  </si>
  <si>
    <t>西園醫院一團亂接種疫苗長輩傻眼北市</t>
  </si>
  <si>
    <t>臺北市萬華區西園醫院昨日晚間發布緊急通知表示無法如期收到疫苗原訂16日上午接種疫苗被迫暫停請該時段預約的長者在家等通知再來醫院施打疫苗沒想到西園醫院今早突然又在官網發出公告指疫苗已於早上到院</t>
  </si>
  <si>
    <t>疫苗醫院西園公告昨日發出收到被迫晚間官網如期暫停無法緊急通知表示預約突然發佈時段長者在家再來通知施打已於</t>
  </si>
  <si>
    <t>臺北市萬華區西園醫院昨日晚間發布緊急通知表示無法如期收到疫苗原訂16日上午接種疫苗被迫暫停請該時段預約的長者在家等通知再來醫院施打疫苗沒想到西園醫院今早突然又在官網發出公告指疫苗已於早上到院開放原先預約的長者施打打不打疫苗連三變。
西園醫院昨（15）日晚間於臉書公告指出今（16）日原排定萬華區忠德里、和德里85歲長者的接種疫苗因疫苗未能配送到院16日上午暫停施打下午需待疫苗派送到貨再由裡長廣播通知接種。請兩裡長者先在家靜候通知。
沒想到今早西園醫院又再度於官網表示疫苗已於早上到院開放萬華區忠德里、和德里85歲長者如期施打上午場報到時間至11時30分；下午場報到時間為14時至16時30分。
對此臺北市政府發言人陳智菡澄清針對臺北市西園醫院張貼公告指出因臺北市衛生局疫苗配送不及故需取消今日上午的接種服務絕無此事；北市府會於昨晚或今日上午開始配送疫苗且全臺北28家醫院做法一致。
陳智菡說昨日下午在會議上西園醫院代表表示希望提前巿府現場即已明確告知全市做法應一致衛生局將統一配送疫苗以避免混亂西園醫院當時即已清楚此訊息。西園醫院逕自更改時程向裡民廣宣準備不及卻又卸責於北市府的說法已嚴重誤導視聽北市府深表遺憾特此聲明向各界釋疑。
至於尚未預約接種的85歲以上長者仍請依通知單時間赴醫院依序施打疫苗即可各院疫苗皆已分配完成本市85歲以上長者皆可接種無須擔心疫苗不足影響權益。</t>
  </si>
  <si>
    <t>疫苗醫院西園接種長者市府上午配送施打表示預約通知公告下午時間不及華區做法一致即已昨日如期</t>
  </si>
  <si>
    <t>西園醫院疫苗萬華區新冠肺炎台灣</t>
  </si>
  <si>
    <t>華區疫苗醫院肺炎西園臺灣</t>
  </si>
  <si>
    <t>藥師氣炸小時過去衛生局疫苗心酸</t>
  </si>
  <si>
    <t>「等等會送疫苗過去」。臺北市立聯合醫院中興院區的藥劑科主任翁紹恩表示從下午1點等到晚間8點仍等不到疫苗再次接到電話只換來對方一句「今日不送了」讓他氣得直接衝到臺北市衛生局沒想到卻看到科員各個忙進</t>
  </si>
  <si>
    <t>疫苗想到臺北市衛生局沖到看到直接臺北市立聯合醫院藥劑主任院區翁紹恩表示中興下午等到晚間今日電話對方換來</t>
  </si>
  <si>
    <t>「等等會送疫苗過去」。臺北市立聯合醫院中興院區的藥劑科主任翁紹恩表示從下午1點等到晚間8點仍等不到疫苗再次接到電話只換來對方一句「今日不送了」讓他氣得直接衝到臺北市衛生局沒想到卻看到科員各個忙進忙出搬著一箱又一箱的疫苗他感嘆說「不只前線的醫護所有為了這次疫情努力堅守崗位的每個人都值得一聲辛苦了」。
翁紹恩昨（13）日於個人臉書分享這段故事星期六中午1時許接獲衛生局來電說「等等會送疫苗過去」豈知他這一等就是7個小時晚間8時再次接到電話通知說「今天不配送了」令他不滿地說「我這是被分手？」由於隔天院裡要施打疫苗所有動線、人力都備妥只差疫苗「是要叫民眾來參加大型施打疫苗活動採排？」
翁紹恩只好翻出過去待在藥庫時所有的聯絡電話問其他醫院或甚至可能有疫苗的單位是否能先借疫苗但每通電話都被發「好人卡」直到晚間10時45分電話再次響起衛生局表示「等等要配送疫苗是否有人能收？」並表示無法確認確切送達時間「若你能自己來拿會幫我一個大忙」。
深夜11時15分翁紹恩氣沖沖地抵達衛生局本來想要破口大罵但看到眼前的狀況卻什麼也說不出口科員各個忙進忙出趕著處理臺北市的疫苗每天工作到淩晨3時才回家。不僅如此她們必須一個人搬著又大又重的包裹一次就是5至6箱一趟又一趟地將其送往各大醫療院所。
翁紹恩好奇地問「沒人支援嗎？」一名科員苦笑回應「到處都沒有人力了」他才恍然大悟原來大家的歲月靜好是一群無法下班的人負重前行。
翁紹恩一個人搬了兩大車的表單及疫苗順利將疫苗送回醫院他感嘆地說這個時期的藥品、酒精、小氧鋼瓶、口罩等物資安排甚至是藥師、總務、社工、行政人員等都在全力燃燒自己不只前線的醫護所有為了這次疫情堅守崗位的每個人都值得一聲「辛苦了！謝謝你！」
★《中時新聞網》提醒您：因應新冠肺炎疫情疾管署持續加強疫情監測與邊境管制措施 如有疑似症狀請撥打：1922專線或 0800-001922 並依指示配戴口罩儘速就醫同時主動告知醫師旅遊史及接觸史以利及時診斷及通報。</t>
  </si>
  <si>
    <t>疫苗翁紹恩疫情電話表示衛生局晚間過去口罩科員再次甚至人力無法</t>
  </si>
  <si>
    <t>疫苗衛生局中興醫院新冠肺炎台灣</t>
  </si>
  <si>
    <t>醫院中興衛生局肺炎臺灣疫苗</t>
  </si>
  <si>
    <t>肺炎報平安夫妻湯姆漢克</t>
  </si>
  <si>
    <t>新冠肺炎疫情亮紅燈63歲奧斯卡影帝湯姆漢克（Tom Hanks）12日在臉書宣佈自己與同齡演員妻子麗塔威爾遜（Rita Wilson）在澳洲因出現感冒症狀在篩檢後2人確診成為首例感染新冠肺炎病毒的影壇名人。湯姆漢克在聲</t>
  </si>
  <si>
    <t>湯姆漢克肺炎麗塔威爾遜妻子rita演員wilson同齡澳洲宣佈出現感冒症狀hankstom影帝確診奧斯卡成為亮紅燈首例</t>
  </si>
  <si>
    <t>新冠肺炎疫情亮紅燈63歲奧斯卡影帝湯姆漢克（Tom Hanks）12日在臉書宣佈自己與同齡演員妻子麗塔威爾遜（Rita Wilson）在澳洲因出現感冒症狀在篩檢後2人確診成為首例感染新冠肺炎病毒的影壇名人。
湯姆漢克在聲明指出自己與妻子先是感到疲倦類似感冒症狀並伴隨頭痛麗塔有時則會畏寒並有輕微發燒「經過新冠肺炎病毒篩檢後發現我們皆呈現陽性反應。」他更表示接下來會定時更新狀況給所有關心他的影迷。
夫妻正隔離治療
湯姆漢克與麗塔目前正在澳洲黃金海岸大學醫院接受隔離治療他們29歲的兒子查特（Chet Hanks）隨後也在IG發影片回應：「我和他們通過電話感覺他們都很好沒有病得那麼嚴重並不因此太過擔憂。」他也感謝全球影迷的關心並認為一切都會沒事的希望所有人保持安全。
湯姆漢克這次赴澳洲是為了拍攝《大亨小傳》、《紅磨坊》編導巴茲魯曼（Baz Luhrmann）的貓王傳記電影該片由新生代男星奧斯汀巴特勒（Austin Butler）飾演貓王本尊湯姆漢克則演出貓王的傳奇經紀人科洛內爾湯姆派克（Colonel Tom Parker）美國女演員瑪姬吉倫荷（Maggie Gyllenhaal）也參與該片劇組皆有感染風險。
電影公司華納兄弟則在聲明指出：「目前正密切與澳洲有關當局合作調查並聯繫可能與確診病例接觸過的人以員工的健康安全為首要處理的事項對全球片場的所有人將採取防疫措施。」貓王傳記電影目前在澳洲黃金海岸前置準備尚未啟動拍攝成本未公開預計明年10月上映。
湯姆漢克夫妻倆發病前的行蹤也成焦點據《每日郵報》報導湯姆漢克上月29日被目擊在黃金海岸的布羅德海灘還大方和民眾近距離靠臉合照；本月7日和妻子被拍到在雪梨街頭逛街沒戴口罩神情輕鬆24歲的小兒子杜魯門（Truman Hanks）則跟在一旁。此外妻子麗塔在澳洲也有公開活動3月初受邀到布里斯本的飯店以及雪梨歌劇院的小型表演廳演出她與觀眾距離近恐增加傳染機會。
上映檔期成變數
湯姆漢克從影超過40年演出超過90部影視作品連拿2座奧斯卡影帝獲4座金球獎影帝肯定他在今年初的第77屆金球獎獲頒電影類終身成就獎他發表感言談到家人時頻頻哽咽「我的妻子和4個孩子都比我勇敢聰明沒有他們我不可能站在這。」一展鐵漢柔情的一面。
湯姆漢克的代表作包括《費城》、《阿甘正傳》、《西雅圖夜未眠》、《搶救雷恩大兵》及《玩具總動員》系列警長胡迪的配音等作。最新電影《怒海戰艦》預計6月12日在台灣上映如今確診電影上映檔期及相關宣傳極可能產生變數。</t>
  </si>
  <si>
    <t>湯姆漢克電影澳洲妻子上映hanks確診演出海岸麗塔黃金目前雪梨沒有演員拍攝全球影帝所有人</t>
  </si>
  <si>
    <t>Hank夫妻肺炎湯姆漢克澳洲</t>
  </si>
  <si>
    <t>肺炎hank湯姆漢克夫妻澳洲</t>
  </si>
  <si>
    <t>【信民播客】龍觀點｜肺炎病毒源自美國？日本、台灣有人這麼說中國學者打臉：應該在武漢</t>
  </si>
  <si>
    <t>學者中國觀點肺炎臺灣病毒源自日本美國應該武漢</t>
  </si>
  <si>
    <t>二二八連假這幾天網路上關於武漢肺炎討論最熱的話題不是韓國增加多少例也不是台灣疫情如何如何而是爭論：到底病毒是不是來自美國？這個話題最早是日本朝日電視台報導但很快就被美國疾病管制暨預防中心(CDC</t>
  </si>
  <si>
    <t>美國話題肺炎疾病討論最熱韓國很快增加報導臺灣疫情朝日電視臺何如何日本爭論到底武漢病毒是不是來自管制網路上</t>
  </si>
  <si>
    <t>二二八連假這幾天網路上關於武漢肺炎討論最熱的話題不是韓國增加多少例也不是台灣疫情如何如何而是爭論：到底病毒是不是來自美國？
這個話題最早是日本朝日電視台報導但很快就被美國疾病管制暨預防中心(CDC)否認大陸《環球時報》還批評朝日電視台過度解讀了。接著新黨臺北市議員潘懷宗在台灣東森電視的「這不是新聞」節目中自稱以最簡單、科學的方式解說為何病毒是來自美國。潘懷宗的說法引起中國媒體的注意一下子就在網上火爆了起來。
為此中國媒體特別找了蘭州大學研究員趙序茅進行研判。潘懷宗在節目上展示的基因分析論文作者其實來自中國科學院就是前不久中國科學院西雙版納熱帶植物園、華南農業大學和北京腦科中心在ChinaXiv論文預印本網站上聯合發佈的一篇論文。大陸專家解讀論文後發現那篇論文並沒有「直指美國是源頭」只能說「祖父級」病毒有出現在中國深圳和美國根本無法得出病毒源自美國他還說「根據目前的相關研究（源頭）應該還在武漢。」</t>
  </si>
  <si>
    <t>美國論文病毒潘懷宗中國來自臺灣話題中心節目朝日電視臺大陸解讀媒體源頭武漢中國科學院肺炎討論最熱韓國增加</t>
  </si>
  <si>
    <t>新冠肺炎CONID-19武漢肺炎新型冠狀病毒黃清龍</t>
  </si>
  <si>
    <t>武漢肺炎conid-冠狀病毒黃清龍</t>
  </si>
  <si>
    <t>通報連結最重旅館勒令關門汽車</t>
  </si>
  <si>
    <t>中央流行疫情指揮中心今(25)日說明國內疫情近期趨緩並將自110年7月27日後降級、部分項目解封若在汽車旅館及相關旅宿群聚開趴或歡唱提高疫情傳染風險將由各主管機關依情節輕重分別依「發展觀光條例」、「</t>
  </si>
  <si>
    <t>疫情中心主管機關說明國內風險分別相關旅館汽車宿群聚解封傳染近期歡唱專案部分降級日後提高輕重指揮情節</t>
  </si>
  <si>
    <t>中央流行疫情指揮中心今(25)日說明國內疫情近期趨緩並將自110年7月27日後降級、部分項目解封若在汽車旅館及相關旅宿群聚開趴或歡唱提高疫情傳染風險將由各主管機關依情節輕重分別依「發展觀光條例」、「毒品危害防制條例」裁罰；最重者將視為「損害國家利益、妨害善良風俗」由地方主管機關依發展觀光條例「定期停止其營業之一部或全部或廢止其營業執照或登記證」裁處。
中央流行疫情指揮中心表示汽車旅館及相關旅宿違反限制規定且未通報時將依情節輕重可裁罰的相關法規依據如下：
一、依發展觀光條例裁處
旅宿業有損害國家利益、妨害善良風俗等行為者依「發展觀光條例第53條」規定裁處新台幣3-15萬元罰鍰；情節重大者定期停止其營業之一部或全部或廢止其營業執照或登記證。經受停止營業一部或全部之處分仍繼續營業者廢止其營業執照或登記證。
觀光旅館業、旅館業之受僱人員如有前述行為則處新台幣1-5萬元罰鍰。旅宿業若違反觀光旅館業管理規則或旅館業管理規則所定相關通報義務由主管機關依發展觀光條例第55條第3項規定裁處1-5萬元罰鍰。
二、依毒品危害防制條例裁處
依「毒品危害防制條例」查獲有人在內施用或持有毒品(開毒趴)之場所該場所將依「特定營業場所執行毒品防制措施辦法」自查獲之翌日起列為特定營業場所；依毒品危害防制條例第31-1條指定的業者有通報義務特定營業場所人員知悉有人在內施用或持有毒品未通報員警機關處理者除依該條例罰鍰其情節重大者該管目的事業主管機關得令其停止營業6個月以上、1年6個月以下或勒令歇業。
陳時中說業者不是開罰單位只是在疫情下要求他們通報以他們經驗來說非常豐富但應通報未通報就會被處分開罰將由主管單位來認定。
他說防疫有兩種一是被動防疫也就是靠監督辦法處分而主動防疫就是知道有群聚風險後要主動避免。
★中時新聞網關心您：保護自己、遠離毒品！
★《中時新聞網》提醒您：因應新冠肺炎疫情疾管署持續加強疫情監測與邊境管制措施 如有疑似症狀請撥打：1922專線或0800-001922並依指示配戴口罩儘速就醫同時主動告知醫師旅遊史及接觸史以利及時診斷及通報。</t>
  </si>
  <si>
    <t>疫情通報營業毒品條例主動相關主管機關處分裁處觀光停止發展情節場所防制防疫措施風險辦法</t>
  </si>
  <si>
    <t>通報旅宿汽車旅館罰則人與人連結</t>
  </si>
  <si>
    <t>旅館汽車通報連結</t>
  </si>
  <si>
    <t>外勤督察疫苗北市說話</t>
  </si>
  <si>
    <t>新冠肺炎疫情嚴峻雙北尤為重災區第一線警消暴露在染疫風險中北市府29日緊急釋出3千多支疫苗給暴露風險較高且未曾接種者優先提供接種不過卻有基層警爆料2名三線一星的督察也跑去施打；對此臺北市警局回</t>
  </si>
  <si>
    <t>暴露風險接種嚴峻雙北尤為對此施打重災區督察第一線疫情三線基層未曾市府</t>
  </si>
  <si>
    <t>新冠肺炎疫情嚴峻雙北尤為重災區第一線警消暴露在染疫風險中北市府29日緊急釋出3千多支疫苗給暴露風險較高且未曾接種者優先提供接種不過卻有基層警爆料2名三線一星的督察也跑去施打；對此臺北市警局回應督察人員也屬高風險對象之一不過不在此次名單中2名督察誤以為符合資格遂前往接種已通報各單位要確實依照提報衛生局名單施打避免誤接種狀況。
北市府在29日下午13時許突公佈「防疫專案」提供3200支疫苗給北市警指定時間內持服務證、健保卡可到仁愛醫院、和平醫院進行施打疫苗但是主要提供派出所、交通分隊等外勤單位。
不過有基層警在臉書《靠北員警》爆料指2名三線一星的督察人員也跑去搶接種疫苗；對此臺北市警局發佈新聞稿回應表示本次發放COVID-19疫苗數量有限針對暴露風險較高且未曾接種者優先提供接種服務包括實際執行居家檢疫、居家隔離、確診個案及自主健康管理對象違規事件第一線人員以及檢疫所、快篩站值勤之第一線警務人員等造冊送衛生局轉各相關責任醫院辦理施打。
市警局督察室督察人員同屬高風險對象之一本在優先施打之列但疫苗數量有限不在本次專案施打名單中。經查有督察2人誤以為符合本次施打資格遂前往醫院接種疫苗。
市警局已再通報各單位重申要求確實依照提報市府衛生局名單安排員警儘速前往施打；並於30日派員於各施打點協同衛生局人員管制核對施打人員身分避免有誤接種情事發生另要求員警排隊時保持社交距離避免群聚。</t>
  </si>
  <si>
    <t>施打接種疫苗人員督察衛生局第一線提供名單市府避免醫院單位暴露前往要求優先風險專案基層回應不在</t>
  </si>
  <si>
    <t>新冠肺炎台灣北市警督察三線一星</t>
  </si>
  <si>
    <t>北市臺灣肺炎督察三線</t>
  </si>
  <si>
    <t>接待官員兒子上周都染</t>
  </si>
  <si>
    <t>昨天(3/28)台灣新增了2個本土病例其中一位案269是一名北部30多歲男性3次就醫後沒好轉被通報採檢最後確診新冠肺炎。最新消息指出他的工作是在桃園機場接待貴賓上周曾接待一名菲律賓返台的某部會官員兒子</t>
  </si>
  <si>
    <t>接待菲律賓病例機場北部桃園男性就醫返台好轉工作通報最後指出確診最新消息肺炎本土上周貴賓</t>
  </si>
  <si>
    <t>昨天(3/28)台灣新增了2個本土病例其中一位案269是一名北部30多歲男性3次就醫後沒好轉被通報採檢最後確診新冠肺炎。最新消息指出他的工作是在桃園機場接待貴賓上周曾接待一名菲律賓返台的某部會官員兒子此人也在今日確診同時該官員也正在居家隔離中。
指揮中心表示案269於3月23日、24日出現肌肉痠痛、腹瀉、發燒3次前往就醫都沒改善25日被醫院採檢通報、28日確診。
案269是觀光局在桃園機場的派駐人員於旅客服務中心任職上周曾接待一名菲律賓返台人士為某部會官員的兒子回台後也染疫。得知兒子確診後該官員也開始居家隔離。</t>
  </si>
  <si>
    <t>確診官員就醫中心機場桃園接待兒子通報上周居家菲律賓病例隔離返台發燒腹瀉前往北部</t>
  </si>
  <si>
    <t>案269官員兒子確診染疫</t>
  </si>
  <si>
    <t>官員兒子確診</t>
  </si>
  <si>
    <t>訊號分院建置生理即時監測新竹整合攜手工研院平臺</t>
  </si>
  <si>
    <t>生理確診監測個案沒有即時特別症狀訊號出現有數合作開發快速共同惡化新竹分院業者聯合工研院支援技術處</t>
  </si>
  <si>
    <t>生理防疫醫院資料即時工研院醫護人員平臺蒐集新竹分院監測確診病人集中快速檢疫所提升持續</t>
  </si>
  <si>
    <t>即時監測工研院新竹台大分院訊號整合平臺</t>
  </si>
  <si>
    <t>分院新竹工研院訊號整合監測即時平臺</t>
  </si>
  <si>
    <t>《國際產業》疫情衝擊擴大推特、應材撤回業績預測</t>
  </si>
  <si>
    <t>擴大衝擊應材撤回疫情產業業績預測國際</t>
  </si>
  <si>
    <t>因新冠狀病毒全球大流行的衝擊持續擴大推特（Twitter）與半導體設備大廠應用材料（Applied Materials）週一宣佈撤回業績預測。週一應材股價收漲574%收在4017美元盤後漲232%報4110美元。推特週一收漲305</t>
  </si>
  <si>
    <t>週一全球流行衝擊持續病毒擴大materialsapplied材料大廠應用twitter導體設備應材股價宣佈撤回業績預測收在盤後漲</t>
  </si>
  <si>
    <t>因新冠狀病毒全球大流行的衝擊持續擴大推特（Twitter）與半導體設備大廠應用材料（Applied Materials）週一宣佈撤回業績預測。
週一應材股價收漲574%收在4017美元盤後漲232%報4110美元。推特週一收漲305%為2469美元盤後目前漲085%稍早前一度跌逾2%。
推特表示這波疫情導致近幾周來廣告業務縮水首季營收將較前一年同期略為下滑且GAAP營業損益將出現紅字。但另一方面由於人們湧進該社群平臺獲取新冠肺炎疫情的最新發展用戶數仍持續增加。該公司先前預期第一季營收將介於825億～885億美元。
加入其他晶片製造商與半導體設備廠不是調降、就是撤回營運展望的行例應材週一宣佈因供應鏈與製造業務受新冠肺炎疫情影響將撤銷第二財季業績預測。該公司表示美國與世界各地相繼祭出的封城鎖國措施以及全世界飛機航班大減已嚴重打亂供應鏈。</t>
  </si>
  <si>
    <t>週一疫情導體持續公司表示撤回應材宣佈預測業績肺炎供應出現益將航班</t>
  </si>
  <si>
    <t>推特應材業績預測撤回</t>
  </si>
  <si>
    <t>預測應材業績撤回</t>
  </si>
  <si>
    <t>確診北京襲來疫情新增病例</t>
  </si>
  <si>
    <t>北京在連續兩天出現3例「來源不明」的本土新冠肺炎確診案例後今(13)日又傳出新增6例本土病例。由於北京疫情有擴大趨勢目前北京已關閉多處市場和社區並採取多項措施避免感染繼續擴大。《新京報》報導大陸國家</t>
  </si>
  <si>
    <t>北京擴大本土繼續採取社區感染措施避免市場關閉案例目前確診肺炎來源不明傳出新增疫情病例</t>
  </si>
  <si>
    <t>北京在連續兩天出現3例「來源不明」的本土新冠肺炎確診案例後今(13)日又傳出新增6例本土病例。由於北京疫情有擴大趨勢目前北京已關閉多處市場和社區並採取多項措施避免感染繼續擴大。
《新京報》報導大陸國家衛健委發布消息稱6月12日0-24時全國31個省(自治區、直轄市)和新疆生產建設兵團報告新增確診病例11例。其中境外輸入病例5例本土病例6例而本土確診病例均在北京。
《ETtoday新聞雲》報導這兩天北京也已通報3起確診病例分別分佈在豐台區以及西城區。不過這3人都稱他們沒有接觸過外來人員甚至長時間未離開北京引起外界討論與關注。
此外為了避免感染擴大北京市政府關閉包括豐台區「新發地批發市場」在內的多處市場並另設蔬菜、水果交易專區保障市場供應同時暫停小學生復課呼籲民眾不要群聚性用餐並停止體育賽事舉辦。</t>
  </si>
  <si>
    <t>北京確診病例擴大本土豐台區報導市場關閉新增感染避免不要民眾呼籲複課小學生用餐暫停市場供應保障專區交易</t>
  </si>
  <si>
    <t>市場北京本土病例關閉確診</t>
  </si>
  <si>
    <t>病例本土關閉北京確診市場</t>
  </si>
  <si>
    <t>空服曝光打工小妹</t>
  </si>
  <si>
    <t>新冠肺炎疫情擴散世界各國紛紛「鎖國」應對也讓觀光業遭受嚴重衝擊。一名網友就貼出長榮空服員班表表示這個在長榮上班的朋友一路休到月底這名空服員還在照片下方苦中作樂說「哪裡缺打工小妹嗎」。一名網友在</t>
  </si>
  <si>
    <t>空服網友擴散世界紛紛鎖國應對疫情苦中作樂觀光業遭受下方嚴重照片衝擊月底上班貼出朋友休到肺炎打工</t>
  </si>
  <si>
    <t>新冠肺炎疫情擴散世界各國紛紛「鎖國」應對也讓觀光業遭受嚴重衝擊。一名網友就貼出長榮空服員班表表示這個在長榮上班的朋友一路休到月底這名空服員還在照片下方苦中作樂說「哪裡缺打工小妹嗎」。
一名網友在PTT八卦版PO出圖片表示自己在長榮上班的空服員朋友直接一路放到月底。透過圖片可以看到這位空服員自從3月9日之後就沒有任何航班可飛直接放到31日該空服員還在圖片下方說「一路放到31日我也是呵呵哪裡有缺打工小妹嗎？」
網友紛紛表示：「來當熊貓吧」、「UberEats是妳的好選擇」、「星宇不就更慘」、「這樣還有底薪三萬可以領耶」、「這個假只是沒有日支費跟服勤獎勵而已吧」。
受到疫情影響觀光業苦哈哈航空業更是首當其衝長榮17日也宣佈跟進華航開放無薪專案事假希望減低成本不過長榮強調年資照計也不影響考評。</t>
  </si>
  <si>
    <t>空服網友圖片疫情觀光業放到可以沒有影響直接月底小妹打工下方上班朋友擴散表示世界紛紛</t>
  </si>
  <si>
    <t>長榮空服員班表新冠肺炎打工</t>
  </si>
  <si>
    <t>班表空服肺炎打工</t>
  </si>
  <si>
    <t>衛生局新北直播違法看護虞已印尼要求確診</t>
  </si>
  <si>
    <t>新冠肺炎疫情延燒最新一例確診病例是27例老翁的印尼籍看護不料她昨日竟在個人臉書直播還貼出藥袋曝光自己所在的醫院。新北市衛生局副局長許朝程指出看護行為有違法之虞同仁得知消息已緊急要求該名個案將</t>
  </si>
  <si>
    <t>看護消息最新得知同仁違法老翁緊急疫情印尼行為貼出曝光所在直播醫院指出許朝不料</t>
  </si>
  <si>
    <t>新冠肺炎疫情延燒最新一例確診病例是27例老翁的印尼籍看護不料她昨日竟在個人臉書直播還貼出藥袋曝光自己所在的醫院。新北市衛生局副局長許朝程指出看護行為有違法之虞同仁得知消息已緊急要求該名個案將影片跟貼文下架她也已配合。
許朝程指出《傳染病防治法》規定他人不得洩漏相關傳染病患者訊息但病患自行洩漏確實非常特殊目前仍要研究病患「本人」是否也適用法條要再去研究當初立法原意仍要再行研議。</t>
  </si>
  <si>
    <t>看護研究許朝指出洩漏仍要傳染病最新疫情老翁印尼立法直播不料昨日貼出個人</t>
  </si>
  <si>
    <t>看護違法傳染病病患研究</t>
  </si>
  <si>
    <t>傳染病違法研究看護</t>
  </si>
  <si>
    <t>社區亞太傳染</t>
  </si>
  <si>
    <t>全球新冠確診人數突破80萬人大關！世界衛生組織對亞洲發出預警指亞太各國各項防疫措施只是在「為大規模社區傳播爭取時間」亞洲新冠疫情離結束還很遠呼籲各國做好準備。WHO並警告病例數開始下降的國家千萬不</t>
  </si>
  <si>
    <t>亞洲病例警告who準備做好呼籲開始結束人數大關防疫措施疫情世界衛生組織預警發出亞太突破只是社區傳播</t>
  </si>
  <si>
    <t>全球新冠確診人數突破80萬人大關！世界衛生組織對亞洲發出預警指亞太各國各項防疫措施只是在「為大規模社區傳播爭取時間」亞洲新冠疫情離結束還很遠呼籲各國做好準備。WHO並警告病例數開始下降的國家千萬不要鬆懈以免疫情再度席捲而來。
病例趨緩國家 切勿鬆懈
路透社報導WHO西太平洋區域主任葛西健昨在視訊會議上表示亞太地區新冠肺炎疫情「現在還看不到終點」亞洲各國進行的防疫措施只是在為準備大規模社區傳播爭取時間。
日本新冠肺炎疫情持續擴大境內感染人數31日單日達206人總數已突破2千人達2193人。東京的總感染人數超過500人其中有16人死亡。
日年輕人返國 疫情擴散
近來日本年輕人感染的病例也大增京都產業大學7名赴西班牙、法國等國畢業旅行返國學生春假期間趴趴走還返鄉探親結果引起京都府、和歌山、滋賀、石川、富山、岡山、愛媛、香川等9個府縣都有學生感染加上3名京都府井手町（鄉）公所的3名男職員共有24人感染。許多疑似帶源但沒有症狀的學生去和歌山縣參加研討會使住德島縣的其他學校的大學生也遭到感染。
日本2月以前的感染病例大多是與大陸武漢市有關的人鑽石公主號郵輪感染者占712人。進入2月以後開始出現群聚感染、社區感染等案例隨著人員流動疫情也逐漸擴大到日本全國。
南韓較前一天新增125例感染新冠病毒的確診病例累計確診9786例。大邱市一家醫院和首爾一家教會出現集體感染境外輸入性病例也持續增加。新增的125例中60例出現在大邱市其餘分別是首爾市24例、京畿道13例、仁川市6例、大田市和廣尚北道各2例釜山市、忠清南道、廣尚南道各1例在入境檢疫過程中確診15例。
日韓星3國 出現群聚感染
在新加坡新增47起新冠肺炎病例其中31起屬本土感染病例總數達926起。而隨著從英美返國的人數自上周的每天1200人減至目前的300人輸入型病例也有下滑趨勢星國防疫措施的重心將轉向控制本土病例的傳播。新加坡傳染病專家表示新加坡還不算疫情爆發但未來兩個星期是關鍵。
印度印尼 恐似海嘯爆發
而在印度隨著印度總理宣佈封國21天暫停所有活動。意外激起了一些原來在大城市打工的數以千萬計的農民工回鄉專家警示這反而有可能將新冠從大都市帶到廣大的鄉村。在東南亞最大國印尼專家發出警告表示印尼可能爆發疫情死亡人數將超過14萬人嚴重性堪比2004年印尼大海嘯。印尼正準備封鎖首都雅加達阻止疫情進一步擴散。目前印尼確證病例達到1414例半數在雅加達（698）已經奪走了122人的生命。
WHO葛西健特別強調只要此區域新冠肺炎持續大流行亞洲的疫情傳播風險仍不會消失。</t>
  </si>
  <si>
    <t>感染疫情病例印尼人數學生日本傳播出現準備返國who確診肺炎亞洲專家表示</t>
  </si>
  <si>
    <t>亞洲肺炎傳播感染社區</t>
  </si>
  <si>
    <t>社區傳播肺炎感染亞洲</t>
  </si>
  <si>
    <t>感染家庭小港確診母親節聚餐今日高市惹禍</t>
  </si>
  <si>
    <t>高雄市6日新增3名肺炎確診案例兩例為小港家庭群聚感染再擴大祖母、女婿疑似因母親節聚餐接觸雙雙確診造成該家族共5人染疫。另一例為北部軍人開車回到高雄發病但無接觸連結史風險不大。市長陳其邁再度呼</t>
  </si>
  <si>
    <t>確診接觸風險連結案例市長發病擴大小港祖母女婿高雄感染家庭開車軍人回到北部母親節</t>
  </si>
  <si>
    <t>高雄市6日新增3名肺炎確診案例兩例為小港家庭群聚感染再擴大祖母、女婿疑似因母親節聚餐接觸雙雙確診造成該家族共5人染疫。另一例為北部軍人開車回到高雄發病但無接觸連結史風險不大。市長陳其邁再度呼籲端午節宅在家高雄高鐵、火車、客運站都將採實聯制詳細方案預計7日再公告。
衛生局說明案11253為小港染疫家庭的60多歲祖母5月22、23日中午曾去小港區買中餐有志工服務足跡疑母親節時與北部親戚接觸被感染該案也暫時被定為小港家庭群聚感染源源頭仍不明須仰賴溯源疫調。
案11254、40多歲男子為案11253的女婿也是因為母親節聚餐談話被感染該男3至4日在林園區有4處消費記錄。該案相關接觸者仍在採檢中部分結果尚未出爐目前已造成5人感染。
另一名染疫者為30多歲、在北部服役的軍人據瞭解他在臺北的同居室友先被確診但臺北市匡列不及他1日已先開車回到高雄4日北市府才轉知高市府緊急開出居家隔離通知書當時他已有感染症狀5日確診目前匡列他5名同住家人由於沒有其他接觸史所以判定風險不大。
陳其邁分析高市疫情發展迄今57％為家庭群聚43％為南北移動。端午連假將至呼籲民眾盡量不要移動返鄉民眾務必做自主健康管理高市也將在高鐵、火車、客運站設置實聯制QRCODE上下車都要落實。
陳其邁強調除非在房間、在家也要戴口罩避免到公共場所或搭乘大眾運輸工具。
高市企業風險控管也升級企業雇用移工300人以上宿舍每房住宿降載不同公司移工不得混住；分艙分流管理若公司無法符合標準則入住媒合的防疫旅館；移工依風險等級擴大篩檢；科技產業園區與科學園區3天內設置篩檢站；限制移動嚴格管理每日至少做一次環境清潔消毒並記錄。</t>
  </si>
  <si>
    <t>感染接觸確診風險小港管理家庭高雄陳其邁母親節北部公司設置在家高市呼籲</t>
  </si>
  <si>
    <t>小港高市母親節高雄新冠肺炎</t>
  </si>
  <si>
    <t>母親節高雄高市小港肺炎</t>
  </si>
  <si>
    <t>連結金沙酒店中獎</t>
  </si>
  <si>
    <t>桃園地區規模最大的金沙酒店有小姐確診引發酒客恐慌今天（20日）與金沙酒店相關確診案例增加2名包括一名酒店女員工（案2705）以及一名自述住附近的女性（案2604）因經常在該區域附近出沒且出現咳嗽、發</t>
  </si>
  <si>
    <t>金沙酒店確診附近員工酒店出沒包括小姐區域增加案例酒客引發相關恐慌經常自述出現今天規模女性咳嗽地區</t>
  </si>
  <si>
    <t>桃園地區規模最大的金沙酒店有小姐確診引發酒客恐慌今天（20日）與金沙酒店相關確診案例增加2名包括一名酒店女員工（案2705）以及一名自述住附近的女性（案2604）因經常在該區域附近出沒且出現咳嗽、發燒等症狀安排採檢後確診。
桃園新增17起確診案例其中金沙酒店增加2起確診案例新聞處長詹賀舜指出其中一位是30幾歲的女工作人員（案2705）本來就已匡列確診。另一位40幾歲的女性（案2604）非金沙的員工也不在匡列名單但她自述常在熱區附近出沒且出現咳嗽、發燒等症狀安排採檢後確診。
一名在金沙酒店上班的20多歲小姐（案2344）昨確診消息傳出引發酒客恐慌外界擔憂成為超級傳播者。
對此桃園市長鄭文燦表示去年一名住在桃園、在臺北工作的酒店女公關確診總共匡列達160人這次金沙酒店小姐確診「匡列的人數應該沒有上一次那麼多！」。
桃園衛生局經過一輪疫調匡列50人苗栗的足跡和疫調則由苗栗負責會盡快完成採檢跟隔離作業市府還會持續進行只要有風險就會納入匡列也會視實際的醫療情況來擴大。
★中時新聞網關心您：飲酒過量有礙健康！
★中時新聞網關心您：開車不喝酒、喝酒不開車！</t>
  </si>
  <si>
    <t>確診桃園匡列金沙酒店小姐新聞網案例員工關心附近恐慌自述酒店酒客引發女性出沒</t>
  </si>
  <si>
    <t>新冠肺炎台灣桃園金沙酒店匡列</t>
  </si>
  <si>
    <t>臺灣桃園肺炎金沙酒店匡列</t>
  </si>
  <si>
    <t>外資信心護航喊話</t>
  </si>
  <si>
    <t>台積電（2330）12日在美股崩跌拖累台股情況中跌破300大關、收294元外資近期輪番出來信心喊話美銀證券最新疾呼：當新冠肺炎疫情塵埃落定手上一定要擁有台積電且台積電過去20年遭逢任何危機最終都能急速收</t>
  </si>
  <si>
    <t>台積電塵埃落定手上疫情肺炎拖累跌破疾呼情況大關最新外資近期證券喊話信心輪番出來遭逢危機最終過去擁有</t>
  </si>
  <si>
    <t>台積電（2330）12日在美股崩跌拖累台股情況中跌破300大關、收294元外資近期輪番出來信心喊話美銀證券最新疾呼：當新冠肺炎疫情塵埃落定手上一定要擁有台積電且台積電過去20年遭逢任何危機最終都能急速收復失土。外資護航艦隊聯手出擊力圖遏制不理性砍殺權值王賣壓。
自2月14日以來外資開啟波段對台積電大賣超期間僅一個交易日站在買方累計拋售37萬張籌碼股價波段回檔約13％。所幸花旗環球、美銀、摩根士丹利證券與凱基投顧聯手出擊「台積電護航艦隊」成軍。
美系外資分析師解釋全球現在遭遇新冠肺炎疫情與油價崩塌雙重系統性風險台積電基本面並無轉壞跡象但台積電身為最大權值股、流動性極佳無論是對被動式基金或是想從波動風險中抽身變現的投資機構而言出脫台積電都是最迅速有效的方式這也是台積電自2月中起遭國際資金連續賣超的主因。
花旗環球證券台灣區研究部主管徐振志認為考量需求不振與物流中斷因素不排除供應鏈第二季出現部分削減訂單狀況。不過台積電在7、16奈米製程與8吋晶圓業務上握有超量（excess）訂單因此不會受到任何單一客戶砍單的衝擊；萬一有客戶取消訂單也可以馬上由其他超量訂單補上無放接軌貢獻營收。
美銀證券指出儘管新冠肺炎疫情影響似乎愈來愈大但基於下列三點持續看好台積電中長線前景：
一、5G、雲端、物聯網（IoT）趨勢中半導體內含價值增加；二、台積電在科技創新環境中是絕不可缺少的角色；三、人工智慧（AI）與高效能運算（HPC）市場規模加大台積電於此領域市占率不斷提高。
放眼下半年花旗環球證券預期要是新冠肺炎疫情獲得妥善控制台積電的產能將持續滿載假設新冠肺炎下半年還是到處肆虐台積電雖也難逃需求減弱影響然受創幅度將顯著小於其他同業。</t>
  </si>
  <si>
    <t>台積電外資訂單肺炎證券疫情花旗環球需求波段風險影響下半年</t>
  </si>
  <si>
    <t>手上塵埃落定花旗環球證券肺炎台積電</t>
  </si>
  <si>
    <t>花旗環球證券塵埃落定肺炎台積電手上</t>
  </si>
  <si>
    <t>不妙經濟gdp今年面臨警告恐怖博士數字末日</t>
  </si>
  <si>
    <t>有「末日博士」之稱的知名經濟學家魯比尼（Nouriel Roubini）近日警告新冠肺炎疫情將撼動大陸經濟使該國今年GDP無法超過4%而全球經貿都會受到波及。外媒報導由於中美貿易戰的關係大陸商品已經變得更貴導</t>
  </si>
  <si>
    <t>大陸知名經濟學家魯比尼已經nouriel商品roubini近日警告關係貿易戰報導肺炎波及受到疫情經貿全球</t>
  </si>
  <si>
    <t>有「末日博士」之稱的知名經濟學家魯比尼（Nouriel Roubini）近日警告新冠肺炎疫情將撼動大陸經濟使該國今年GDP無法超過4%而全球經貿都會受到波及。
外媒報導由於中美貿易戰的關係大陸商品已經變得更貴導致大陸去年GDP降至61%創下1990年以來最低；而新冠肺炎疫情爆發已使得這個全球第二大經濟體陷入停頓。魯比尼警告大陸今年GDP恐不到4%這將會影響全球經濟貿易。
他分析如果大陸GDP從6%降至4%代表經濟成長率將減少3分之1而大陸佔全球經濟成長比重約3分之2對於全球貿易、信心、企業的溢出效應將會很可觀。
魯比尼警告儘管疫情不會讓美國經濟陷入衰退但美國GDP可能會從2%降至17%甚至更多。而目前已經出現一些警訊像是公司債務激增以及影子銀行等未來幾年恐會出現一波金融危機。
受新冠肺炎疫情影響大陸原本疲弱的經濟動能再度蒙上陰影。國際貨幣基金組織（IMF）表示將下修大陸2020年GDP增長預測至56%而全球GDP增長估為32%兩者較1月預測時分別下修了04個百分點和01個百分點。
此外國際投行如瑞銀、星展、渣打等近期亦陸續下調降對大陸經濟增長預測。其中渣打最新報告指出該銀行將大陸2020年全年經濟增長預測從58%下調至55%。</t>
  </si>
  <si>
    <t>大陸經濟全球gdp疫情魯比尼警告預測渣打肺炎出現增長銀行已經貿易陷入影響今年知名</t>
  </si>
  <si>
    <t>大陸GDP經貿新冠肺炎疫情經濟</t>
  </si>
  <si>
    <t>經貿肺炎疫情gdp大陸經濟</t>
  </si>
  <si>
    <t>感染注意地下街地方北市</t>
  </si>
  <si>
    <t>臺北車站K區誠品地下街4店5人染疫臺北市副市長黃珊珊表示這應該是職場上的群聚。對此精神科醫師沈政男昨發文表示臺北地下街K區的群聚最有可能是在「公廁」被感染的未來如果成功解封大家會特別注意用餐</t>
  </si>
  <si>
    <t>表示地下街臺北成功未來感染公廁解封可能臺北市市長精神黃珊珊對此沈政男醫師應該</t>
  </si>
  <si>
    <t>臺北車站K區誠品地下街4店5人染疫臺北市副市長黃珊珊表示這應該是職場上的群聚。對此精神科醫師沈政男昨發文表示臺北地下街K區的群聚最有可能是在「公廁」被感染的未來如果成功解封大家會特別注意用餐保持距離但不少人可能進廁所以後就鬆懈所以應要特別注意這個部分。
沈政男昨天在臉書發文表示現在的新增個案主要仍在雙北多數其實都是篩檢而來的像是陪病前的篩檢就有好幾例也有些是從雙北的社區篩檢撈出來的。不過臺北市的報告只有選擇性疫調公佈並沒有辦法看出新增案例到底是怎麼被感染的。
沈政男指出臺北地下街K區累計5人確診最有可能是在「公廁」被感染的除此之外真想不到其他可能性了但這是個重要的經驗如果未來解封大家必須注意公廁傳染的可能性尤其是餐廳的部分很多人以為吃飯保持距離就可以但跑到廁所裡面就鬆懈了。
臺北車站K區誠品地下街爆群聚目前累計5人染疫櫃位包含3C用品店員、手搖飲店、超商和速食店。臺北市副市長黃珊珊昨在記者會上表示是職場上的群聚人員關係有交錯而店家開業前會再次消毒K區所有同仁都在篩檢篩檢陰性會先打疫苗。
黃珊珊昨日表示新增兩名確診店員都是女性所以女性廁所和這區塊共用的場域都已封閉但能否排除廁所的傳染性還要跟專家討論。</t>
  </si>
  <si>
    <t>表示廁所新增沈政男臺北市黃珊珊地下街感染可能臺北部分公廁特別注意店員可能性</t>
  </si>
  <si>
    <t>臺北地下街群聚公廁沈政男新冠肺炎</t>
  </si>
  <si>
    <t>公廁沈政男地下街臺北肺炎</t>
  </si>
  <si>
    <t>三月發表會延至具體find時間oppo停辦mwc</t>
  </si>
  <si>
    <t>受到新冠肺炎持續未歇的影響預定在 2/24-2/27 舉辦的 MWC 2020(全球行動通訊大會)已經宣佈停辦是 33 年來首例對於全球行動通訊相關產業而言影響幅度不小。而原定在 MWC 期間發表新品的廠商因應措施不一。O</t>
  </si>
  <si>
    <t>影響mwc全球通訊行動廠商持續新品發表期間因應原定預定肺炎不小幅度舉辦停辦產業宣佈相關首例對於已經大會</t>
  </si>
  <si>
    <t>受到新冠肺炎持續未歇的影響預定在 2/24-2/27 舉辦的 MWC 2020(全球行動通訊大會)已經宣佈停辦是 33 年來首例對於全球行動通訊相關產業而言影響幅度不小。而原定在 MWC 期間發表新品的廠商因應措施不一。OPPO 方面原訂在 MWC 期間在中國大陸海外舉行的 Find X2 新機發表會確定延到三月舉行但確切日期與地點沒有公佈。
在多家廠商紛紛宣佈提前退出 MWC 2020 展會之際OPPO 與華為(Huawei)是少數表達仍舊將如期前往參展的廠商。不過既然主辦單位 GSMA (全球行動通訊系統協會)已正式宣佈停辦本屆展會OPPO 方面表示尊重並理解 GSMA 的決定。而因此受到影響的原訂發表計畫OPPO 則是指出將會將原本的 Find X2 發表會延後到三月。
OPPO Find X2 的前一代機種 Find X是他們在 2018 年 6 月份推出的新機運用了不少目前沒有普遍使用在 OPPO 手機中的技術包含採用雙軌潛望結構將前後鏡頭跟3D結構光相關元件都整合在其中有需要使用時才會升起在當時許多手機還有「瀏海」的環境下因為雙軌潛望結構而展現的全螢幕設計更引人注目。
根據 OPPO 副總裁沈義人的 Twitter 發文Find X 繼任者 Find X2 預期搭載 120Hz 螢幕更新率、240Hz 螢幕採樣率、2K 螢幕解析度、SDR 轉 HDR 技術以及 HDR 模式下峰值亮度達到 1200nits 等特性。此外也可能搭載 65W SuperVOOC 超級閃充技術。
This is my kind of ‘Flagship’ ? ? ️ 120Hz Refresh rate?  2k Resolution?  240Hz Sampling?  SDR to HDR conversion?  HDR up to 1200nits brightness?  100% DCI-P3
此前Android 旗艦陣列中三星、小米都各自推出了旗下新兵(Galaxy S20系列、小米10系列)在此之後將會迎來一波安卓 OEM 廠發表年度新機的浪潮OPPO Find X2 當然也名列其中。據瞭解將會有 Find X2 以及 Find X2 Pro 兩個機種預計有機會用上 Snapdragon 865 處理器、支援 Wi-Fi 6搭載最新的 Android 10 作業系統。</t>
  </si>
  <si>
    <t>oppofindmwc搭載技術影響廠商發表hz宣佈新機全球通訊行動結構nitshdr相關推出gsma小米沒有</t>
  </si>
  <si>
    <t>MWCMWC2020OPPOFindX手機</t>
  </si>
  <si>
    <t>手機oppomwcfindx</t>
  </si>
  <si>
    <t>員工確診人員預防六輕台塑</t>
  </si>
  <si>
    <t>外傳台塑六輕廠區有員工新冠肺炎確診不過中央流行疫情指揮中心今天（4日）公佈的確診名單並無此例雲林縣府未承認也不否認消息頗為混亂可以確定的是麥寮六輕廠區今下午確實在宿舍區的活動中心做快篩。外傳六</t>
  </si>
  <si>
    <t>中心確診六輕否認承認消息活動頗為縣府混亂外傳可以雲林宿舍區確定名單確實麥寮公佈</t>
  </si>
  <si>
    <t>外傳台塑六輕廠區有員工新冠肺炎確診不過中央流行疫情指揮中心今天（4日）公佈的確診名單並無此例雲林縣府未承認也不否認消息頗為混亂可以確定的是麥寮六輕廠區今下午確實在宿舍區的活動中心做快篩。
外傳六輕有一名在上月31日離職的約聘環保巡查人員確診感染新冠肺炎因只有上下班回管理部打卡台塑讓10多名員工在家自主健康管理雲林縣衛生局4日下午也於宿舍區的活動中心佈置快篩站。
雲林縣衛生局長曾春美表示有確診者的足跡「經過」為慎重起見設快篩站由廠區提供快篩名單。
不過外界也流傳一封LINE訊息指六輕廠區有一名正式員工的太太快篩是陽性該員工被通知居家隔離他回台中前先去醫院快篩結果似乎不妙。
台塑六輕廠區今日（4日）早上7點多大清消相關接觸人員已造冊並實施自主健康管理。</t>
  </si>
  <si>
    <t>確診六輕員工中心管理台塑人員名單林縣肺炎下午自主宿舍區健康活動外傳</t>
  </si>
  <si>
    <t>快篩六輕廠區台塑確診新冠肺炎</t>
  </si>
  <si>
    <t>台塑確診六輕肺炎</t>
  </si>
  <si>
    <t>試劑肺炎預計沈榮津上市</t>
  </si>
  <si>
    <t>行政院長蘇貞昌與經濟部長沈榮津金在立院總質詢對於新冠肺炎快篩試劑研發議題沈表示預計半年之後可以完成上市。沈榮津6日在立法院總質詢中回答國民黨立委林奕華質詢新冠肺炎快篩試劑研發時程時表示新冠肺炎</t>
  </si>
  <si>
    <t>質詢沈榮津表示研發肺炎試劑金在立院法院上市可以完成之後預計林奕華對於議題時程回答國民黨</t>
  </si>
  <si>
    <t>行政院長蘇貞昌與經濟部長沈榮津金在立院總質詢對於新冠肺炎快篩試劑研發議題沈表示預計半年之後可以完成上市。
沈榮津6日在立法院總質詢中回答國民黨立委林奕華質詢新冠肺炎快篩試劑研發時程時表示新冠肺炎快篩試劑預計半年之後可以完成上市。</t>
  </si>
  <si>
    <t>質詢沈榮津表示試劑預計肺炎之後研發可以金在完成立院法院林奕華上市對於議題時程回答國民黨</t>
  </si>
  <si>
    <t>總質詢立法院蘇貞昌沈榮津 新冠肺炎</t>
  </si>
  <si>
    <t>沈榮津蘇貞昌立法質詢肺炎</t>
  </si>
  <si>
    <t>室外安全飛沫傳染電腦日本</t>
  </si>
  <si>
    <t>「日本放送協會」（NHK）報導日本專家使用最新型的超級電腦「富嶽」模擬新冠肺炎（COVID-19）的飛沫傳染狀況結果發現若未配戴口罩行人在邊走邊說話時的飛沫會飄散在自身後方距離可達3公尺之遠。日本的理化</t>
  </si>
  <si>
    <t>日本專家使用距離後方電腦飄散在富岳配戴肺炎發現covid-結果飛沫傳染狀況行人口罩</t>
  </si>
  <si>
    <t>「日本放送協會」（NHK）報導日本專家使用最新型的超級電腦「富嶽」模擬新冠肺炎（COVID-19）的飛沫傳染狀況結果發現若未配戴口罩行人在邊走邊說話時的飛沫會飄散在自身後方距離可達3公尺之遠。
日本的理化學研究所研究團隊利用3月9日才正式開始運作的「富嶽」進行模擬發現在無風且未戴口罩下站立不動說話時的飛沫散佈距離為面前15公尺而若邊走邊說話飛沫則可能向後飄散2至3公尺。
行走速度對飛沫飄散的影響也十分明顯模擬顯示以時速23公里散步時大顆粒飛沫會迅速落地僅有小顆粒的氣膠會飄浮在空中；但若時速達到46公里風勢便會讓飛沫持續飄浮在空中難以落下；而在以時速92公里慢跑時氣膠更會一口氣擴散並且持續飄浮在空中。
因此研究團隊建議最好與未配戴口罩且在步行間交談者保持3公尺以上的距離並避免在慢跑時跟跑前方跑者。
另外該團隊也模擬了口罩的防飛沫效果結果顯示在配戴單層不織布口罩、但鼻樑片未貼合面部的情況下飛沫防護效果僅有69%；若有調整鼻樑片但口罩與面部仍有空隙時飛沫防護效果為81%。單層口罩在配戴完好下能有85%的防護效果；而若外面再戴一層聚酯海綿製的口罩防護效果則為89%。
因此研究團隊認為戴雙層口罩對提升飛沫防護能力並無太大助益只要把不織布口罩戴好、不要露出空隙就能有效防止飛沫傳染。</t>
  </si>
  <si>
    <t>口罩團隊配戴防護效果距離研究時速富嶽空中日本飄浮發現空隙不織布</t>
  </si>
  <si>
    <t>新冠肺炎社交安全距離慢跑口罩飛沫傳染</t>
  </si>
  <si>
    <t>距離安全社交肺炎口罩飛沫傳染</t>
  </si>
  <si>
    <t>宣佈震撼</t>
  </si>
  <si>
    <t>受到新冠肺炎疫情影響新加坡航空子公司酷航23日宣佈停飛為廉價航空界丟下一顆震撼彈。酷航聲明指出新冠肺炎疫情造成各國加強邊境控管、旅行需求下降故自即日起至4月中下旬暫時停飛幾近所有航線「一個沒</t>
  </si>
  <si>
    <t>疫情肺炎暫時下降下旬需求自即日起旅行月中控管邊境加強造成航空界廉價震撼宣佈子公司影響聲明</t>
  </si>
  <si>
    <t>受到新冠肺炎疫情影響新加坡航空子公司酷航23日宣佈停飛為廉價航空界丟下一顆震撼彈。酷航聲明指出新冠肺炎疫情造成各國加強邊境控管、旅行需求下降故自即日起至4月中下旬暫時停飛幾近所有航線「一個沒有旅行、沒有飛機起降、邊境關閉的世界」。
酷航以15架波音787投入營運舒適性打趴一票廉航故成為許多民眾心中飛行首選沒想到受新冠肺炎波及才會做出停飛決定。酷航直言：「一個沒有旅行、沒有飛機起降、邊境關閉的世界都是我們曾難以想像的但這正是世界的現況。」
酷航接下來會對已訂票旅客逐一通知並以酷航旅行代圈券方式退費預計在30天內完成；由於配合菲律賓政府防疫措施也已關閉位於馬尼拉的電話客服中心並設置臨時英文客服專線（+65-66815410）。
酷航最後感性提到世界還是充滿無限精采的風景、令人驚豔的文化及難忘的體驗「即使在此刻遇到種種困難旅行的精神、世界上人與人乃至文化間的緊密連結都能美好延續。」
更多 CTWANT 報導</t>
  </si>
  <si>
    <t>旅行世界關閉肺炎文化邊境疫情沒有美好都能連結延續緊密令人驚中心配合設置完成</t>
  </si>
  <si>
    <t>酷航停飛新冠肺炎關閉旅行</t>
  </si>
  <si>
    <t>肺炎關閉旅行</t>
  </si>
  <si>
    <t>非在接種疫苗新北</t>
  </si>
  <si>
    <t>新北市今對85歲以上在籍長者全面施打疫苗新北市長侯友宜今表示今日接種率約為58％接近預估的施打率目前已規劃非在籍85歲以上長者在18日接受施打即日起至17日下午5時可向裡辦公室或區公所填寫意願調查表。</t>
  </si>
  <si>
    <t>施打長者以上新北辦公室可向區公所下午接種今日目前表示非在侯友宜市長規劃全面疫苗填寫即日起接近</t>
  </si>
  <si>
    <t>新北市今對85歲以上在籍長者全面施打疫苗新北市長侯友宜今表示今日接種率約為58％接近預估的施打率目前已規劃非在籍85歲以上長者在18日接受施打即日起至17日下午5時可向裡辦公室或區公所填寫意願調查表。
侯友宜說今疫苗數量有9922劑實際接種量為5790劑在看到疫苗施打率後市府就開始做規劃已計畫18日提供非在籍施打從今天開始至17日下午5時非在籍長者可向裡辦公室或區公所填寫意願調查表將由區公所公佈、通知時間及地點前往接種而這3天沒有施打的在籍長者也可以直接前往施打。
侯友宜補充原本預估的施打率是6成因此沒有差太多今日疫苗施打的秩序也相當良好目前沒有接到長者施打反應不良的狀況今天還會做細節檢討但明天還是會照這個方式。</t>
  </si>
  <si>
    <t>施打長者疫苗接種沒有侯友宜前往非在今日今天目前區公所開始規劃打的以上下午預估</t>
  </si>
  <si>
    <t>新冠肺炎台灣非在籍長者施打</t>
  </si>
  <si>
    <t>非在臺灣肺炎長者施打</t>
  </si>
  <si>
    <t>資產波動首選</t>
  </si>
  <si>
    <t>新冠肺炎疫情肆虐全球儘管各國救市措施相繼出爐然隨著世界衛生組織宣佈全球疫情進入大流行階段加劇投資人恐慌情緒市場賣壓沉重。投信法人表示資產價格震盪加劇投資上更需要有風險控管意識特別是近期金</t>
  </si>
  <si>
    <t>加劇全球疫情意識控管風險需要肆虐特別投資震盪法人價格沉重賣壓資產表示措施出爐市場相繼情緒</t>
  </si>
  <si>
    <t>新冠肺炎疫情肆虐全球儘管各國救市措施相繼出爐然隨著世界衛生組織宣佈全球疫情進入大流行階段加劇投資人恐慌情緒市場賣壓沉重。投信法人表示資產價格震盪加劇投資上更需要有風險控管意識特別是近期金融市場易呈現急漲急跌、資金輪動快速的環境下輔以市況前景的不確定性建議投資人採取多重資產方式因應。
群益潛力收益多重資產基金經理人徐煒庠表示各國相繼推出救市政策或採取降息手段加上全球流動性無虞景氣邁入衰退的機會仍相對低不過短期在市場波動放大下仍建議投資人採取多重資產策略來因應以平衡投資組合波動並掌握不同資產投資契機、廣納收益來源以滿足風險控管、收益追求以及成長潛力兼顧的投資需求。
野村核心配置多重資產基金經理人白傑洛（Jerome Barkate）表示新冠肺炎病毒衝擊投資人信心然而目前全球經濟增速預期仍保持相對強勢尤其是美國企業獲利持續穩定成長雖然短線之內受到疫情影響震盪較大但美股基本面佳待疫情過後將恢復正軌因此長線仍看好美股。
短期債券市場將會有較高的防禦性高評級和存續期間較長之債券將直接從貨幣政策中受益。
台新全球多元資產組合基金經理人謝夢蘭表示疫情不確定性仍高基本面轉弱、風險升高下股市及債市波動度皆將大幅度提高建議採多元資產配置策略降低風險性資產比重提升抗波動及高息收產品比重如優先擔保高收債、美國REITs等。
第一金全球AI人工智慧基金經理人陳世傑表示今年挾著5G開台商轉將讓AI如虎添翼。因為「AI+5G」技術結合能夠幫助AI更完整、巧妙結合軟、硬體資源預期各種智慧工廠、精準醫療、金融科技、智慧家庭、物聯網等應用將遍地開花為全球各行各業驅動出數十兆美元的商業產值。
安本標準投信投資長彭炫通指出在當前環境下投資者應採取審慎而多元化的策略擺脫傳統股債配置的框架。舉例來說新興市場當地貨幣主權債長期前景亮麗。除此之外也建議增持美國抗通膨債券TIPS、澳洲債券及日圓有助在市場波動升溫之際分散風險。</t>
  </si>
  <si>
    <t>全球資產疫情投資表示波動市場投資人風險採取美國建議ai配置策略債券收益預期成長</t>
  </si>
  <si>
    <t>策略美股肺炎確定性採取</t>
  </si>
  <si>
    <t>確定性肺炎採取策略</t>
  </si>
  <si>
    <t>叮囑重症插管回家媽媽沒醒帶病毒不怪自責</t>
  </si>
  <si>
    <t>新冠肺炎疫情肆虐全球國內外醫護人員身處在第一線抗疫見證不少令人心碎的畫面馬來西亞醫師提摩西（Timothy Lau）就透露一名重症老婦人在插管前打電話向兒子「道別」並叮囑「如果媽媽最後沒有醒來不要自</t>
  </si>
  <si>
    <t>肆虐媽媽全球叮囑國內外道別醫護人員兒子打電話第一線疫情最後插管見證老婦lau重症timothy提摩西透露心碎畫面</t>
  </si>
  <si>
    <t>新冠肺炎疫情肆虐全球國內外醫護人員身處在第一線抗疫見證不少令人心碎的畫面馬來西亞醫師提摩西（Timothy Lau）就透露一名重症老婦人在插管前打電話向兒子「道別」並叮囑「如果媽媽最後沒有醒來不要自責。」短短一句話惹哭數萬網友。
提摩西日前在IG上分享第一線的抗疫日常由於新冠病毒傳染力高因此他堅持在實施插管前會留一點時間讓病患與親友告別或是要求患者致電給某人說說話。
其中一名即將接受插管的重症婦人則選擇打電話給兒子她在電話中說道「媽媽不怪你把病毒帶回家」更溫柔叮囑「如果媽媽最後沒有醒來不要自責」比起悲傷更要堅強振作。
短短的通話內容讓提摩西相當震撼決定將此事透過IG記錄下來並貼出自己身穿防護衣累趴在桌上的黑白照片向眾人分享身為抗疫第一線的醫護人員所看到的日常景象文末更加註「#protectourelderly」標籤呼籲民眾在防疫之餘別忘了保護較為脆弱的長輩。
貼文一出感動無數網友至今累計3萬多人按讚貼文也不斷瘋傳許多網友紛紛湧入原文祈禱病患早日康復並感謝前線醫護人員的辛苦付出。
Timothy Lau（@timothylau_qs）分享的貼文</t>
  </si>
  <si>
    <t>網友提摩西醫護人員插管分享第一線ig病毒媽媽lautimothy重症打電話兒子自責叮囑不要醒來沒有</t>
  </si>
  <si>
    <t>新冠肺炎全球重症插管Timothy Lau</t>
  </si>
  <si>
    <t>全球重症肺炎插管timothylau</t>
  </si>
  <si>
    <t>risc-v收割期明年投資導體手軟</t>
  </si>
  <si>
    <t>晶心科(6533)耕耘RISC-V多年預計明年RISC-V授權金、權利金將會開始貢獻總經理林志明表示2021年晶心科會做更多的研發投資新產品會陸續出來且隨著大陸全力衝刺半導體自製比重晶心科也看到了很多機會會積</t>
  </si>
  <si>
    <t>risc-v大陸全力陸續出來產品衝刺開始半導體貢獻自製比重總經理林志明表示明年權利預計</t>
  </si>
  <si>
    <t>晶心科(6533)耕耘RISC-V多年預計明年RISC-V授權金、權利金將會開始貢獻總經理林志明表示2021年晶心科會做更多的研發投資新產品會陸續出來且隨著大陸全力衝刺半導體自製比重晶心科也看到了很多機會會積極推廣另外和大股東聯發科(2454)的合作看好雙方是多層次的合作很持續有密切的交流。
晶心科累計前3季累計營業收入312億元年減少136%累計營業毛利311億累計營業淨損8820萬元累計稅前淨損8237萬元累計每股損失199元前三季最大營收占比最大來自於台灣、占比42%。
晶心科近年來積極發展RISC-V所謂的RISC-V是一種免費開放原始碼指令集架構(ISA)透過開放標準協作來開發處理器新晶心科朝向RISC-V市場領先者努力林志明表示今年前3季RISC-V產品營收比重達56%預計明年RISC-V授權金、權利金將會開始貢獻在新品穩健成長下法人也樂觀預估明年RISC-V業績將年增三成以上。
林志明指出大陸近兩年全力衝刺半導體自製化林志明表示目前在大陸有高達3000家IC設計公司相對台灣約300家整體產業機會很大故有很多機會加上大陸廠敢投資、手筆大晶心科10月在大陸就有一個相對比較大的案子Design Win對於大陸市場晶心科很積極推廣另外今年是5G元年2021年晶心科會做更多的研發投資新產品會陸續出來投資金額一定也會加大。
除此之外對於和聯發科的合作林志明表示雙方是多層次的合作彼此是關係人聯發科也是晶心科的大股東兩家董事長更是同一位即蔡明介兩家公司在產品上的合作從晶心科第一代V1就開始已經有很多進入產出狀況目前合作集中在V3。
林志明表示目前大陸市場的疫情控制看來還可以同仁也開始恢復出差目前評估狀況不錯惟美國、日本等目前對疫情的管控還是比較差故依舊不讓同仁到當地出差。
受到疫情影響晶心科第3季營收104億元年減181%惟目前已經慢慢讓營運恢復正軌逐漸從疫情中回神10月單月營收已經回升至6667萬元年增加297%。</t>
  </si>
  <si>
    <t>大陸risc-v目前表示疫情合作開始林志明產品已經市場投資積極明年機會聯發恢復</t>
  </si>
  <si>
    <t>晶心科聯發科新冠肺炎 RISC-V授權金</t>
  </si>
  <si>
    <t>肺炎聯發risc-v授權</t>
  </si>
  <si>
    <t>《觀光股》五福去年EPS 089元啟動自救抗疫</t>
  </si>
  <si>
    <t>eps啟動去年自救觀光</t>
  </si>
  <si>
    <t>旅遊業者五福（2745）2019年獲利動能回升稅後淨利026億元年增達126倍每股盈餘（EPS）089元。面對新冠肺炎疫情對營運嚴峻衝擊董事會決議跟進自救董事自3月起不支領薪酬及2019年酬勞高階主管支持自主減</t>
  </si>
  <si>
    <t>高階回升酬勞淨利董事eps自救面對跟進決議動能主管董事會肺炎衝擊嚴峻疫情</t>
  </si>
  <si>
    <t>旅遊業者五福（2745）2019年獲利動能回升稅後淨利026億元年增達126倍每股盈餘（EPS）089元。面對新冠肺炎疫情對營運嚴峻衝擊董事會決議跟進自救董事自3月起不支領薪酬及2019年酬勞高階主管支持自主減薪至疫情結束。
五福董事會通過2019年股利分派案擬配發每股現金股利03元、持平去年盈餘配發率降至3371％低點以24日收盤價121元計算現金殖利率約248％。公司將於6月22日召開股東常會補選1席董事。
五福昨（24）日股價下探119元創上櫃以來新低以1月中高點計算2個月股價已腰斬。隨著大盤今（25）日再度強勁反彈五福股價跟進開高後走揚早盤上漲207％至1235元。
五福2019年營收6303億元年減233％仍創歷史第3高。毛利率1028、營益率07％優於前年1015％、02％營益率創歷史次高。稅後淨利026億元年增達126倍每股盈餘（EPS）089元優於前年041元。
不過五福2019年第四季營運轉弱營收1334億元季減1891％、年增416％毛利率968％、營益率負201％均為近1年低點。加上業外轉虧稅後虧損026億元、每股虧損092元雙創單季新低。
新冠肺炎疫情使觀光旅遊業營運首當其衝五福2020年2月自結合併營收321億元月減3723％、年減4954％創歷史第3低紀錄。累計1～2月合併營收834億元年減21％創同期新低。
面對營運遭逢嚴重影響為降低對股東影響、考量員工權益五福董事會決議董事自3月起不支領薪酬及2019年酬勞高階主管在疫情期間支持自主減薪直至疫情結束後恢復正常。目前持續進行教育訓練課程提升員工技能、優化各項流程作業做好各項準備。</t>
  </si>
  <si>
    <t>營運疫情股價新低董事會員工董事計算現金跟進股東歷史面對低點結束</t>
  </si>
  <si>
    <t>五福營收毛利率營益率獲利</t>
  </si>
  <si>
    <t>營益毛利率獲利</t>
  </si>
  <si>
    <t>感染症狀關鍵擔心解法</t>
  </si>
  <si>
    <t>國內新冠疫情爆炸許多民眾跑到各地快篩站、急診篩檢但檢驗量能不足醫檢師工作量大增連三天校正回歸826例前立委、婦產科醫師林靜儀昨天呼籲擔心被感染但是沒症狀又排不到篩檢的民眾可先自我隔離、斷絕</t>
  </si>
  <si>
    <t>民眾爆炸婦產科醫師林靜儀昨天呼籲回歸校正擔心感染連三天工作量大增檢驗症狀</t>
  </si>
  <si>
    <t>國內新冠疫情爆炸許多民眾跑到各地快篩站、急診篩檢但檢驗量能不足醫檢師工作量大增連三天校正回歸826例前立委、婦產科醫師林靜儀昨天呼籲擔心被感染但是沒症狀又排不到篩檢的民眾可先自我隔離、斷絕與他人接觸2周有症狀再打1922。
「醫檢師辛苦了！」林靜儀昨天(24日)在臉書表示由於太多民眾做PCR採檢檢體已經塞爆了檢查單位最可能導致的結果就是讓該被確診的感染者更晚被找到在這段時間又把病毒傳染給別人呼籲有接觸史、有症狀的個案儘速篩檢沒有接觸史、沒有症狀的民眾不要跑去篩看看做安心。
若擔心被確診者感染但是沒症狀又排不到篩檢怎麼辦？林靜儀向大家分享一個關鍵解法就是先斷絕與他人接觸2周、自我隔離如果出現症狀再隨時撥打1922安排採檢。
同時臺北市長柯文哲今天一早也在臉書發文指出臺北市23日快篩992人陽性率為595％從北市快篩陽性率來看第二波高峰已經過去預計第三波高峰會出現在5月28日前後如果高峰值的陽性率一次比一次低疫情就有機會獲得控制。並指出快篩不是做心安的有症狀才來篩否則去醫院堅持篩檢的人就必須自費希望大家把資源留給有需要的人。</t>
  </si>
  <si>
    <t>症狀民眾林靜儀接觸陽性率出現確診疫情臺北市昨天呼籲已經指出</t>
  </si>
  <si>
    <t>新冠肺炎台灣檢驗量能篩檢有症狀</t>
  </si>
  <si>
    <t>檢驗臺灣肺炎症狀</t>
  </si>
  <si>
    <t>酒精防疫洗完</t>
  </si>
  <si>
    <t>防新冠肺炎病毒消毒相關商品瞬間變搶手貨許多人好奇洗完手到底要不要再噴一下酒精消毒？皮膚科醫師表示多數人對於酒精的認知存在錯誤迷思過度使用反而適得其反甚至恐讓防疫破功！為了徹底消毒不少人會</t>
  </si>
  <si>
    <t>消毒酒精病毒相關適得其反甚至反而商品使用過度防疫搶手貨瞬間洗完好奇錯誤存在認知對於皮膚科肺炎</t>
  </si>
  <si>
    <t>防新冠肺炎病毒消毒相關商品瞬間變搶手貨許多人好奇洗完手到底要不要再噴一下酒精消毒？皮膚科醫師表示多數人對於酒精的認知存在錯誤迷思過度使用反而適得其反甚至恐讓防疫破功！
為了徹底消毒不少人會在洗手完後馬上噴酒精認為可以達到雙重保障《華人健康網》報導皮膚科醫師胡怡萱表示酒精是無法洗手時、暫時性的折衷清潔方式並不能完全取代洗手。而且酒精對於皮膚有一定的刺激性若過度接觸容易讓皮膚乾癢、緊繃甚至脫屑、過敏若不慎引起接觸性皮膚炎等問題而出現傷口反而更容易細菌感染不可不慎。
胡怡萱提醒使用酒精消毒應注意下列3件事：
1	不能完全取代洗手：
當手上有大顆粒髒汙或黏膩感時還是建議以流動清水清洗。
2	濃度、用量適中：
酒精濃度並非越高越好75%濃度的酒精能穿透病菌引起蛋白質變性、降解導致病毒、細菌死亡但若調錯濃度或用量太少都會讓消毒效果大打折扣。
3	噴灑後未充分搓揉：
噴灑後應適度模擬洗手動作包括手心、手背外、指尖、指縫、虎口、手腕等部位都要徹底搓洗直到酒精揮發才能真正達到消毒作用。</t>
  </si>
  <si>
    <t>酒精消毒洗手濃度皮膚病毒細菌引起甚至容易反而使用徹底過度用量對於達到皮膚科不能取代</t>
  </si>
  <si>
    <t>武漢肺炎症狀次氯酸水酒精洗手乾洗手</t>
  </si>
  <si>
    <t>次氯酸酒精症狀洗手乾洗肺炎武漢</t>
  </si>
  <si>
    <t>接觸確診船員pcr貨輪結果高雄港出爐</t>
  </si>
  <si>
    <t>3艘國際商船停靠高雄港傳出多名船員染疫高市衛生局共匡列295名接觸者最新採檢報告出爐295人PCR全為陰性。高雄市長陳其邁14日一早至高雄港視察宣佈邊境管制加嚴強化港埠防疫措施。陳其邁表示近兩周內3艘</t>
  </si>
  <si>
    <t>高雄陳其邁措施傳出防疫船員港埠高市強化衛生局匡列管制接觸邊境最新宣佈報告出爐視察高雄港</t>
  </si>
  <si>
    <t>3艘國際商船停靠高雄港傳出多名船員染疫高市衛生局共匡列295名接觸者最新採檢報告出爐295人PCR全為陰性。高雄市長陳其邁14日一早至高雄港視察宣佈邊境管制加嚴強化港埠防疫措施。
陳其邁表示近兩周內3艘貨輪航行經過香港、大陸、菲律賓、日本、韓國等港口被通報發現確診個案14日一早他也到高雄港陪同交通部次長會同港灣公司、中央流行疫情指揮中心人員就每個環節仔細檢查。高市府和專家小組、港務局、港務公司、港警開會後決議全面性提升境管。
崗哨進出人員都要登記時間地點岸邊工作者或碼頭區未登船的工作者也要落實實名制。
針對登船的梯口禁止非工作時段降梯需安排專人監督管理非經核定、非必要閒雜人等不得登船。所有登船人員均須落實實名制並應配戴口罩、手套、護目鏡、隔離衣並設有監督複查機制每日登離船報衛生局備查高雄港務公司及航港局採定期或不定期稽查。
中秋節將至陳其邁再次呼籲與同住家人烤肉習俗不能免若有從臺北或新北市返家的人務必戴口罩盡量能減少共餐的狀況。
關於疫苗施打黃卡遺失的民眾可帶身分證健保卡到衛生所申請補發。登記施打BNT的學生國中為96％高中為92％陸續統計中 。施打完當天甚至隔天、隔兩天有不舒服、發燒症狀的學生可以請防疫假家長也可以請防疫假。</t>
  </si>
  <si>
    <t>陳其邁公司高雄人員施打監督口罩學生登記防疫衛生局港務高雄港一早工作者落實</t>
  </si>
  <si>
    <t>登船新冠肺炎台灣高雄港染疫</t>
  </si>
  <si>
    <t>肺炎臺灣高雄港</t>
  </si>
  <si>
    <t>放生議員年輕人bnt</t>
  </si>
  <si>
    <t>民間捐贈BNT疫苗陸續到貨第10輪將開放64歲以上、18至22歲以及第九類對象預約接種這樣的安排讓不少中間族群爆氣直呼上班族活該被跳過嗎？國民黨臺北市議員李明賢直言自己就接到一個25歲年輕人的特殊案例希</t>
  </si>
  <si>
    <t>陸續到貨開放直言李明賢以上對象議員臺北市預約國民黨接種安排活該上班族中間族群疫苗年輕人bnt</t>
  </si>
  <si>
    <t>民間捐贈BNT疫苗陸續到貨第10輪將開放64歲以上、18至22歲以及第九類對象預約接種這樣的安排讓不少中間族群爆氣直呼上班族活該被跳過嗎？國民黨臺北市議員李明賢直言自己就接到一個25歲年輕人的特殊案例希望政府能幫忙解決。
指揮中心1日宣佈第10輪加開第一劑BNT符合資格者約38萬人分作3類在7月29日以前完成意願登記的18至63歲第九類對象、64歲以上的一般民眾與18至22歲的年輕族群消息引發網友討論不少上班族則哀嚎又被插隊了「上班族活該」、「中間族群一直被跳過一下要給打第二劑一下要給學生中間族群的人都不用上班嗎？都不會接觸到人？」
對此李明賢今在臉書發文表示自己最近接到一個陳情個案當事人是25歲的社會新鮮人連第一劑都還沒打更遑論第二劑加上經濟能力問題要到醫院探視看奶奶儘管政府從10月1日起開放加護病房家屬兩人探病三天就要PCR一次看似德政但是一次費用3500元對這位25歲的社會新鮮人而言實在是不小的負擔他希望政府能有解套方案。
李明賢感嘆擺盪在親情與經濟壓力之下政府該如何照顧必須受到照顧的人？還是沒錢做PCR就不能探病？自己也會在議會提出建議請市府思考針對特殊家庭或予以補助。</t>
  </si>
  <si>
    <t>政府族群李明賢中間上班族經濟開放特殊物件以上bnt活該探病希望pcr社會新鮮照顧</t>
  </si>
  <si>
    <t>新冠肺炎BNT疫苗年輕人李明賢</t>
  </si>
  <si>
    <t>疫苗肺炎bnt年輕人李明賢</t>
  </si>
  <si>
    <t>機師吃不消檢疫疫苗接種不夠機組員</t>
  </si>
  <si>
    <t>疫情延燒不斷機組員檢疫期限原為3天居家檢疫加11天自我健康管理中央流行疫情指揮中心13日宣佈若未施打疫苗或施打第一劑疫苗但未滿兩周者需要接受7天居家檢疫及7天加強版自主健康管理令機師大喊吃不消直</t>
  </si>
  <si>
    <t>檢疫管理健康居家疫情機組員中心指揮自主需要接受流行加強版中央機師不斷施打疫苗宣佈滿兩周期限原為大喊吃不消</t>
  </si>
  <si>
    <t>疫情延燒不斷機組員檢疫期限原為3天居家檢疫加11天自我健康管理中央流行疫情指揮中心13日宣佈若未施打疫苗或施打第一劑疫苗但未滿兩周者需要接受7天居家檢疫及7天加強版自主健康管理令機師大喊吃不消直言「沒有人不想打！是疫苗不夠！」坦言事前公司對新政策完全不知情認為政府研擬規定過於倉促班表也需重新修正。
機組員檢疫期限3＋11被視為這次本土疫情爆發的防疫破口中央為了嚴防破口先前宣佈6月12日前未接種疫苗的機組人員檢疫期限改成5＋9而某長榮機師也說明5＋9這項規定早就知情公司也依照這項規定擬定新的班表及排定施打疫苗的人員但中央13日突然宣佈新的政策若完全沒有施打疫苗或是施打第一劑疫苗但未滿兩周者檢疫期限延長為7＋7。
該長榮機師表示先前公司按照班表排定了施打疫苗的順序目前接種率也達8成以上機師嘆言「其實大家都願意打」但因疫苗短缺緣故原有的疫苗被收走讓有需要的人先行施打導致將近有2周的時間機組員施打疫苗程式停滯。
機師指出現在突然將檢疫期限改為7＋7對某些施打第一劑但未滿兩周的機組員相當不公平因公司先前按照5＋9的規定排定班表及排定施打疫苗的順序突然更改讓機組員們措手不及若政府能將7＋7的政策再多往後延一個月讓先前已經施打疫苗的機組員符合規定這樣才不失公平性且公司也較方便排定之後的班表及接種疫苗的順序。
機師也說從去年疫情爆發後大家開始正視機組員的作息問題因此去年中至去年底機組員的檢疫期限一直都是3＋11後來因紐籍機師染疫又將檢疫拉長至5＋9近期只是將檢疫期限恢復成3＋11機師強調「真的沒有要求更多」爆發華航機師染疫事件後民眾把機組員當成箭靶攻擊甚至把所有機組員當成這次本土疫情爆發的主因令機師無奈的說大家都很努力防疫沒有誰真的想要成為破口。</t>
  </si>
  <si>
    <t>機組員機師疫苗檢疫施打期限公司疫情沒有爆發先前班表規定突然中央排定政策接種需要順序</t>
  </si>
  <si>
    <t>機組員檢疫期機師施打疫苗班表</t>
  </si>
  <si>
    <t>疫苗機師檢疫施打機組員班表</t>
  </si>
  <si>
    <t>瑞士肆虐全國疫情進入歐洲緊急狀態</t>
  </si>
  <si>
    <t>新冠病毒疫情在歐洲迅速擴散瑞士與義大利接壤的提契諾州政府宣佈自11日午夜起全州進入緊急狀態。瑞士聯邦公共衛生部負責人表示瑞士的其他地區接下來也將跟進此一措施瑞士將全面進入緊急狀態。據《央視新聞》報</t>
  </si>
  <si>
    <t>瑞士緊急狀態進入歐洲迅速擴散大利州政府接壤宣佈提契諾全面疫情午夜接下來地區全州表示負責人瑞士聯邦衛生部病毒跟進措施</t>
  </si>
  <si>
    <t>新冠病毒疫情在歐洲迅速擴散瑞士與義大利接壤的提契諾州政府宣佈自11日午夜起全州進入緊急狀態。瑞士聯邦公共衛生部負責人表示瑞士的其他地區接下來也將跟進此一措施瑞士將全面進入緊急狀態。
據《央視新聞》報導瑞士當地時間11日晚間瑞士與義大利接壤的提契諾州政府宣佈從11日午夜起至29日全州將進入緊急狀態。在緊急狀態期間將全面限制所有公共活動所有非義務教育學校關閉65歲以上老年人禁止參與照看兒童等。
瑞士聯邦公共衛生部負責人表示瑞士的其他地區接下來也將跟隨此措施瑞士將全面進入緊急狀態。他強：「瑞士疫情已經非常嚴重需要儘快採取措施和做出正確的決斷。」</t>
  </si>
  <si>
    <t>瑞士緊急狀態進入疫情全面瑞士聯邦衛生部儘快大利需要負責人午夜全州嚴重採取措施非常歐洲接壤州政府接下來宣佈地區表示關閉以上已經迅速</t>
  </si>
  <si>
    <t>新冠肺炎武漢肺炎新型冠狀病毒COVID-19瑞士</t>
  </si>
  <si>
    <t>肺炎武漢冠狀covid-病毒瑞士</t>
  </si>
  <si>
    <t>橄欖球足球隊南非教練確診東奧</t>
  </si>
  <si>
    <t>東京奧運今天首度傳出選手村內有選手確診南非足球協會說確診者是南非國家足球隊的2名隊員與1名影片分析師晚間傳出又1名南非橄欖球隊教練確診。日本放送協會（NHK）報導日本東奧暨帕運組織委員會今天公佈提</t>
  </si>
  <si>
    <t>確診傳出南非今天東奧日本報導選手村nhk日本放送協會隊員南非國家影片分析足球隊教練晚間選手組織委員會橄欖球首度</t>
  </si>
  <si>
    <t>東京奧運今天首度傳出選手村內有選手確診南非足球協會說確診者是南非國家足球隊的2名隊員與1名影片分析師晚間傳出又1名南非橄欖球隊教練確診。
日本放送協會（NHK）報導日本東奧暨帕運組織委員會今天公佈提供給參加東奧的各國選手等人士入住的選手村有2名海外選手在病毒篩檢陽性是選手村內首度有選手確診。
選手村昨天有1名大會相關人士感染COVID-19（2019冠狀病毒疾病）則是選手村確診首例。
「朝日新聞」報導南非奧委會表示昨天染疫的相關人士以及今天染疫的2名選手都隸屬南非國家足球隊。
南非國家足球隊經理西邦（Mxolisi Sibam）透過南非足球協會發布聲明稿表示確診球員為莫揚涅（Thabiso Monyane）和馬赫拉西（Kamohelo Mahlatsi）。昨天確診的人是影片分析師馬夏（Mario Masha）。
南非隊預定22日出戰地主日本隊。
組織委員會幹部表示由於南非足球隊幾乎全隊都被判定為密切接觸者必須在賽前獲得病毒篩檢陰性結果才能出場。
南非的多災多難並沒有止於足球隊今天晚間傳出南非隊第4人染疫。這次確診的是橄欖球隊教練鮑爾（Neil Powell）。
美聯社報導鮑爾抵達日本時被篩檢陽性目前正在鹿兒島市隔離。南非橄欖球隊目前正在鹿兒島市進行賽前訓練。
除了選手村首例以及選手村內的選手首例都被相繼打破外國際奧林匹克委員會（IOC）今天也出現首位確診成員。
確診的是南韓籍的國際奧會成員柳承敏他昨天入境東京成田機場時被篩檢陽性。柳承敏是2004年雅典奧運桌球男單金牌。
韓國MBC電視台報導柳承敏表示出國前曾經在13日和15日兩度篩檢16日得到陰性結果。（譯者：戴雅真/核稿：陳政一）1100718</t>
  </si>
  <si>
    <t>確診南非今天選手表示選手村足球隊報導昨天柳承敏傳出病毒橄欖球人士陽性首例組織委員會南非隊東奧結果</t>
  </si>
  <si>
    <t>東奧新冠肺炎東京南非COVID-19</t>
  </si>
  <si>
    <t>東京肺炎南非covid-東奧</t>
  </si>
  <si>
    <t>看護員工院區確診院方華區北市</t>
  </si>
  <si>
    <t>臺北市立聯合醫院松德院區傳出有員工和看護確診；對此松德院區證實不是院內感染員工是住在萬華另因為松德院區主要是精神疾病專責醫院所以看護目前已轉由其他院區協助處理。松德院區院長楊添圍受訪時證實的</t>
  </si>
  <si>
    <t>院區松德員工看護證實傳出院長目前醫院確診專責精神疾病對此感染院內楊添圍處理協助萬華受訪臺北市立聯合醫院</t>
  </si>
  <si>
    <t>臺北市立聯合醫院松德院區傳出有員工和看護確診；對此松德院區證實不是院內感染員工是住在萬華另因為松德院區主要是精神疾病專責醫院所以看護目前已轉由其他院區協助處理。
松德院區院長楊添圍受訪時證實的確有員工和看護確診但並不是院內感染員工是藥劑科同仁住在萬華地區14日到採檢站採檢16日確診醫院也立即匡列接觸員工匡列並清出病房做隔離大約有20位目前採檢都是陰性。
楊添圍指出員工的部分院內能得到資訊落實匡列但看護的部分因個資無法取得還是要疾管單位協助。
楊添圍說已經有一批員工做採檢確實有考慮過全院篩檢但考量人力也有執行上的困難會繼續逐批增加採檢。</t>
  </si>
  <si>
    <t>員工院區看護楊添圍確診院內匡列目前醫院協助部分證實萬華松德感染困難繼續執行</t>
  </si>
  <si>
    <t>新冠肺炎台灣確診聯合醫院松德院區</t>
  </si>
  <si>
    <t>臺灣確診肺炎聯合醫院松德院區</t>
  </si>
  <si>
    <t>戴好約會確診口罩新田肺炎</t>
  </si>
  <si>
    <t>日本疫情持續升溫今21日沖繩縣新增207例確診創當地新高紀錄日本政府決定將沖繩縣納入緊急事態宣言對象地區近日根據日本媒體的報導24歲日本藝人新田真劍佑原定上週五（14日）要到美國拍攝新片不料在出發</t>
  </si>
  <si>
    <t>沖繩縣日本美國要到上週五原定新田地區物件事態宣言當地新高拍攝緊急納入新增決定日本政府紀錄確診藝人</t>
  </si>
  <si>
    <t>日本疫情持續升溫今21日沖繩縣新增207例確診創當地新高紀錄日本政府決定將沖繩縣納入緊急事態宣言對象地區近日根據日本媒體的報導24歲日本藝人新田真劍佑原定上週五（14日）要到美國拍攝新片不料在出發美國前確診新冠肺炎暫停取消目前所規劃的活動。
據日本媒體《FRIDAY》報導新田真劍佑12日中午和女友現身在銀座約會卻未將口罩未覆蓋口鼻當天除了去到銀座以外還去到港區、原宿然而這並不是新田真劍佑第一次沒有落實將口罩戴好去年5月新田真劍佑與朋友們更是不顧緊急事態宣言到沖繩最後親筆寫信道歉。
新田真劍佑出生於美國出道的時後因顏值高而受到關注身為星二代的他曾在父親主演的的電影《父親》參與演出在高中畢業後回到日本。爸爸千葉真一則是日本演員、製片人、導演曾演出《玩命關頭3：東京甩尾》、《古惑仔6勝者為王》、《追殺比爾》等知名電影2006年逐漸離開螢光幕上。
兒子新田真劍佑於2012年開始參與電影演出包含《騒音》、《劇場版 假面騎士Drive SURPRISE FUTURE》等作品知名電影《花牌情緣》更是新田真劍佑經典代表作品在電影故事情節裡新田真劍佑飾演一位性格安靜、沈穩的角色劇中帶著一副黑框眼鏡表情嚴肅因劇中角色的演技細膩讓他獲得第40屆日本電影學院獎年度新人獎。</t>
  </si>
  <si>
    <t>電影日本新田演出美國確診沖繩縣角色知名劇中銀座口罩宣言事態緊急更是參與媒體父親報導古惑</t>
  </si>
  <si>
    <t>新田真劍佑約會新冠肺炎沖繩縣</t>
  </si>
  <si>
    <t>約會肺炎新田沖繩縣</t>
  </si>
  <si>
    <t>鬆綁業者人數大喊容留補習班生存</t>
  </si>
  <si>
    <t>隨著疫情持續趨緩各行各業的相關禁令也陸續鬆綁但中央規定補習班仍維持每名學生須有225平方米空間使得補習班經營仍顯困難補教團體特別在教師節發起連署呼籲教育部、中央流行疫情指揮中心能儘鬆綁此項規定</t>
  </si>
  <si>
    <t>中央疫情補習班鬆綁規定各行各業相關禁令教師節特別團體發起連署呼籲教育部流行指揮困難經營中心使得陸續維持</t>
  </si>
  <si>
    <t>隨著疫情持續趨緩各行各業的相關禁令也陸續鬆綁但中央規定補習班仍維持每名學生須有225平方米空間使得補習班經營仍顯困難補教團體特別在教師節發起連署呼籲教育部、中央流行疫情指揮中心能儘鬆綁此項規定也讓教業教師接種第二劑疫苗達到全民防疫目的。
此實名連署由中華民國補習教育協會、中華民國課後教育協會、中華國際幼兒文教聯合總會等19個補教團體以及2328間補習班共同參與。補教團體指出依照中央規定每人225平方米空間的規定大約只有一半小孩能到班上課另一半孩子該去哪裡？且若繼續依循此規定補習業者想生存就勢必得調整費用。
中華民國補習教育協會理事長謝智芳表示補教業者從今年疫情升溫開始就積極配合政府防疫措施堪稱防疫模範生但每名學生225平方米空間規定將使得無法回來上課的學生家長工作受影響且每家補習班必須有8成學生到班才能達到損益平衡此規定若持續補習班將嚴重虧損。
謝智芳強調依照成本估算如果每家補習班維持一半學生上課業者想繼續生存下去就必須要漲價3成才能維持損益平衡；國中小開學都已經1個月了每個學生在學校都不必維持225平方米空間限制到補習班卻要規範使得此規定更顯無意義。
謝智芳說疫情已趨緩不論是風景區、百貨公司或餐廳都是人潮就連KTV也要開放了為何政府卻獨獨不放寬補習班？學生也是會移動的且在補習班內都嚴格規定每天量測體溫、戴口罩這般嚴密的防疫若還要用空間面積計算小孩容留量政府的規範實在太不合理。
此外謝智芳也強調有高達9成的補教老師都已經接種第一劑疫苗若政府實在擔心學生健康應儘速讓補教老師能接種第二劑疫苗達到最好的防疫效果。</t>
  </si>
  <si>
    <t>規定補習班學生空間政府謝智芳疫情防疫維持中央業者達到團體使得疫苗協會接種中華民國上課小孩連署</t>
  </si>
  <si>
    <t>新冠肺炎台灣補習班規定空間</t>
  </si>
  <si>
    <t>臺灣補習班肺炎規定空間</t>
  </si>
  <si>
    <t>顧問全球who人口早班車傳染新聞</t>
  </si>
  <si>
    <t>小編精選《中國時報》5件不可不知大事帶讀者掌握今天（15日）新聞重點。【1】WHO顧問稱 全球2／3人口會被傳染新冠肺炎令世人聞之色變世界衛生組織（WHO）顧問朗吉尼（Ira Longini）語出驚人稱估計全球感染新型</t>
  </si>
  <si>
    <t>who顧問全球不可不知大事讀者掌握中國時報今天longini新聞ira肺炎世人傳染吉尼重點</t>
  </si>
  <si>
    <t>小編精選《中國時報》5件不可不知大事帶讀者掌握今天（15日）新聞重點。
【1】WHO顧問稱 全球2／3人口會被傳染
新冠肺炎令世人聞之色變世界衛生組織（WHO）顧問朗吉尼（Ira Longini）語出驚人稱估計全球感染新型冠狀病毒的人數可能比官方目前的6萬人高出幾十億人次也就是3分之2人口會受感染。不過也有專家認為這只是最壞的假設。
【2】疑有隱性社區傳播 日旅遊一級警戒
新冠肺炎疫情延燒因大陸河南、浙江病例破千且出現社區傳播中央流行疫情指揮中心宣佈今起將這兩省列為一級流行區民眾若自這兩省返台出現症狀需2採陰才能出院進行居家檢疫。另日本近期疑出現隱性社區傳播指揮中心昨宣佈將當地旅遊疫情建議升為第一級注意。
【3】北北基公主號監測期滿 沒事了
公主郵輪旗下「鑽石公主號」新冠肺炎確診人數不斷上升引發民眾擔憂。因該船曾停靠基隆港中央流行疫情指揮中心提醒曾前往基隆廟口、九份、北車等景點者自主健康管理監測期已在昨日傍晚結束送檢的疑似個案中目前仍有6人檢驗結果尚未出爐其餘皆陰性。基隆市府則指出54名與郵輪遊客接觸的司機目前居家隔離中皆無異狀預計15日0時解除管制。
【4】包機返台萬事具備 只等大陸點頭
首批滯留武漢台商日前返台但第2批包機卻遲遲未有下文。中央流行疫情指揮中心指揮官陳時中昨表示我方先前已明確表明防疫優先、弱勢優先的原則也已提供121位急需返台的名單隨時可執行但陸方始終拖延、拒絕合作。
【5】習慣情人節一人過 許光漢不孤單
29歲的許光漢近期因電影《陽光普照》及中視、衛視中文台戲劇《想見你》等作品受矚目獲封為「國民男友」他14日擔任香氛品牌一日店長活動現場展現驚人魅力粉絲在戶外排隊夾道歡迎也有人趴在玻璃門或手扶梯上爭睹風采「許太太們」滿坑滿穀險暴動直誇他「聲音聽起來好酥」近300人零死角的群聚盛況完全不輸排隊搶口罩人潮。</t>
  </si>
  <si>
    <t>返台疫情基隆目前流行出現肺炎中心社區指揮排隊傳播居家全球who感染大陸顧問</t>
  </si>
  <si>
    <t>返台WHO新冠肺炎武漢肺炎新型冠狀病毒</t>
  </si>
  <si>
    <t>肺炎武漢who冠狀返台病毒</t>
  </si>
  <si>
    <t>市府接種一定打得莫德納花博設</t>
  </si>
  <si>
    <t>臺北市即日起至11日在花博爭豔館開設「隨到隨打」疫苗接種站每天上午與下午各準備500劑莫德納疫苗副市長蔡炳坤表示配合中央政策民眾21日前接種莫德納都可獲百元禮券若施打人潮湧現花博場地會隨時追加疫</t>
  </si>
  <si>
    <t>接種疫苗場地湧現打人花博可獲莫德納都莫德納配合日前市長民眾坤錶蔡炳政策準備</t>
  </si>
  <si>
    <t>臺北市即日起至11日在花博爭豔館開設「隨到隨打」疫苗接種站每天上午與下午各準備500劑莫德納疫苗副市長蔡炳坤表示配合中央政策民眾21日前接種莫德納都可獲百元禮券若施打人潮湧現花博場地會隨時追加疫苗、增加打線人到了就一定打得到盡量滿足民眾需求。
花博今起開設莫德納隨到隨打接種站蔡炳坤上午前往視察指出早上先準備500劑下午也有500劑會視情況追加臺北車站第1天開設起初人數也不多民眾知道後施打意願逐漸增加市府會做好相關準備發放號碼牌讓民眾放心不用趕時間看看3天達成情況若民眾有需要的話會再延長只要人到了就一定打得到盡量滿足民眾需求。
蔡炳坤表示中央要求30項場所人員在17日前須接種2劑疫苗中央1922預約系統雖然媒合率不高但仍可運用另外是醫院、花博隨到隨打。
他說16日開始要進學校接種BNT目前北市有1000多位教職員工因為各種原因還沒打滿2劑市府正在媒合醫院到學校順便幫教職員工打莫德納或所需要的疫苗。
蔡炳坤透露今天有一批490劑疫苗到期應該可以接種完畢12日有1064劑到期市府皆有監控務必在屆期內完成接種21日則有2萬5000多劑要到期配合中央政策21日前接種莫德納疫苗都可獲百元禮券。
他呼籲民眾可選擇到花博接種離捷運站非常近動線流暢花博的好處是可以只打1條線要打18條線也可以這裡的空間規劃最靈活人多人少都可以配合。</t>
  </si>
  <si>
    <t>接種民眾疫苗花博莫德納市府可以準備中央開設到期配合學校日前增加</t>
  </si>
  <si>
    <t>新冠肺炎台灣接種民眾花博</t>
  </si>
  <si>
    <t>接種臺灣肺炎民眾花博</t>
  </si>
  <si>
    <t>肺炎中國病毒女星看不下去爆粗川普</t>
  </si>
  <si>
    <t>新冠肺炎全球肆虐病毒源頭尚未查清近來美國與大陸就為此爆發外交口水戰川普16日就在推特上稱「中國病毒」引起爭議連學霸女星陳法拉也看不下去開轟川普根本是種族歧視。川普以往談到新冠肺炎時都是用「</t>
  </si>
  <si>
    <t>川普病毒肺炎陳法拉看不下去女星大陸連學美國引起爭議尚未中國爆發源頭近來查清以往肆虐</t>
  </si>
  <si>
    <t>新冠肺炎全球肆虐病毒源頭尚未查清近來美國與大陸就為此爆發外交口水戰川普16日就在推特上稱「中國病毒」引起爭議連學霸女星陳法拉也看不下去開轟川普根本是種族歧視。
川普以往談到新冠肺炎時都是用「Coronavirus」（冠狀病毒）形容16日卻在推特發文公開稱為「中國病毒（Chinese Virus）」明確指出病毒源自大陸掀起外界熱議。
對此港星陳法拉今就在IG限時動態PO出川普「中國病毒」的貼文並以英文痛批：「為什麼他還有精力編造出這種鬼話呢在我們還有這麼多事情需要處理和需要治療的這種時候？這是有意的種族歧視。」
陳法拉2005年以國際華裔小姐亞軍進入演藝圈同時也是學霸一枚不僅高中以全校前十名成績畢業後進入美國艾文理大學主修市場行銷和國際商務成功取得學位近年積極在美國發展。</t>
  </si>
  <si>
    <t>病毒川普陳法拉美國中國國際進入大陸種族歧視肺炎需要學位成功取得商務行銷市場艾文理</t>
  </si>
  <si>
    <t>川普中國病毒新冠肺炎學霸陳法拉</t>
  </si>
  <si>
    <t>病毒肺炎中國學霸陳法拉川普</t>
  </si>
  <si>
    <t>舞廳職業工會全台牌照八大申請員工發聲萬象</t>
  </si>
  <si>
    <t>新冠肺炎疫情趨緩全台確診數多日掛零舞廳、酒店等陪侍行業仍不見解封台南市萬象舞廳為幫員工找出路8月成立綜合性社團22日再申請通過全台首張舞廳職業工會牌照未來台南市八大的員工與小姐皆可納入會員</t>
  </si>
  <si>
    <t>舞廳員工全台台南小姐八大確診疫情綜合性酒店社團行業申請成立找出路見解牌照未來職業工會</t>
  </si>
  <si>
    <t>新冠肺炎疫情趨緩全台確診數多日掛零舞廳、酒店等陪侍行業仍不見解封台南市萬象舞廳為幫員工找出路8月成立綜合性社團22日再申請通過全台首張舞廳職業工會牌照未來台南市八大的員工與小姐皆可納入會員便於請領政府補助與勞健保。
台灣連續兩年歷經新冠肺炎風暴社會百業兩度受到衝擊其中八大行業被禁最久政府紓困補助卻無法實際有效八大員工成為最慘的一群台南市萬象舞廳8月成立台南市育樂事業商業權益促進會為17項娛樂場所產業發聲並走上街頭抗議。業者22日再申請全台首張舞廳職業工會牌照保障八大員工生存權。
業者吐露員工心聲大部分從事八大行業的員工不是欠債、就是需錢孔急屬弱勢團體若在公司投保勞健保每個月一有薪水就會被銀行扣錢有8成員工都會選擇退出投保公司也樂得不用幫付一筆退休整備金少部分重視權利者會另外加入視聽歌唱工會投保。
「紓困都是看的到吃不到啦」不料去年發生新冠肺炎疫情事件台南市萬象舞廳有200位員工與小姐僅有10人有勞保因此業者與從業人員都盼「不要紓困、只要復業」員工沒有投保紓困金根本領不到。
儘管舞廳、酒店為求生存改為KTV營業但無法經營餐飲等於斷了業者一肢胳臂有業者苦稱業績不到往日一半店內小姐地下化成為飯局妹、傳播妹自營私接熟客每天引頸企盼政府實質開放卻還看不到解禁的盡頭。
台南市萬象舞廳老闆曾正義擔心再有相關事件重演員工陷入絕境近日申請通過舞廳職業工會牌照再擔任理事長未來酒店、舞廳的員工與小姐將納入會員可從工會投保又不怕被扣薪水不用再看到員工苦哈哈度日卻束手無策。
台南市勞工局表示舞廳職業工會是台南市首張牌照查遍全台各縣市尚無相關名稱的職業工會成立可算是全台第1張牌照。</t>
  </si>
  <si>
    <t>員工舞廳台南投保業者八大紓困全台職業工會小姐政府行業酒店牌照成立萬象肺炎無法不用</t>
  </si>
  <si>
    <t>舞廳工會八大新冠肺炎紓困</t>
  </si>
  <si>
    <t>八大工會肺炎紓困舞廳</t>
  </si>
  <si>
    <t>天鵝多殺多恐怖市場結局</t>
  </si>
  <si>
    <t>近兩周全球股市宛如坐大怒神當股市出現疑似止穩反彈跡象股市又開始崩跌尤其在3月9日美股道瓊崩跌兩千逾點道瓊、美債一度都因為市場過度反應出現溶斷機制市場風聲鶴唳。主因來自於一、新冠肺炎擴散至全球</t>
  </si>
  <si>
    <t>股市出現市場於一坐大來自主因風聲鶴唳機制反彈開始一度反應跡象過度宛如</t>
  </si>
  <si>
    <t>近兩周全球股市宛如坐大怒神當股市出現疑似止穩反彈跡象股市又開始崩跌尤其在3月9日美股道瓊崩跌兩千逾點道瓊、美債一度都因為市場過度反應出現溶斷機制市場風聲鶴唳。主因來自於一、新冠肺炎擴散至全球造成各地恐慌。二、OPEC與俄羅斯協議減產未果沙烏地阿拉伯擴產降價造成油價崩跌跌破30美元一桶。
台股這兩天也再度跌破11049前低義大利疫情傳播開來義大利總理宣佈全國大封鎖、美國疫情遍佈38州並有10州宣佈進入緊急狀況。壞消息一樁接著一樁此時是該持股全數出清？還是反而是大買股票的好時機呢？
我們從兩部分來觀察：目前新冠肺炎疫情開始擴散至全球而從專家組建的模組來看目前還處於正在大規模擴散的開端但歐美國家的態度開始從輕忽逐漸轉變到嚴正以待除了在防疫的疫苗、口罩等醫療資源的控管到金融市場的寬鬆貨幣政策救市。雖然各國開始積極救市但終將面對疫情是否能開始控制進而逐步削減其影響。
目前台灣、日本、大陸等國都有快篩的研發對於控制大規模傳染快速區隔感染者控制疫情有一定的幫助但最終仍需要疫苗或抗體的研發製作才能將疫情控制下來。
油價崩跌主要在於OPEC與俄羅斯磋商希望減產規模從目前的100萬桶/日增加至360萬桶/日。希望透過此行為將油價推升至50美元/桶以上以平衡OPEC成員國預算。但俄羅斯認為維持在50美元即可平衡開支因此造成雙方不歡而散沙烏地阿拉伯甚至揚言取消對於產能的限制並降價6-8美元/桶來擴大市佔加大油價的崩跌程度。
油價的下跌讓實體經濟減輕成本但會出現通縮、主權基金淨值的下滑與投資的人贖回、頁岩油公司的破產與其債權崩跌等問題由於俄羅斯與OPEC對於減產幅度與油價的看法歧異目前全球面臨新冠肺炎危機美國即派官員與俄羅斯大使商談此一問題只要OPEC與俄羅斯有共識油價的止跌回穩就可以預見。
整體來說目前股市因為市場的大跌大漲恐慌情緒持續蔓延政府持續加大力度救市多空兩方相互角力。而美股道瓊從高點已回檔近20%走弱跡象已現在股市未能止跌回升且疫情能有效控制的話從目前來看很有可能影響終端市場的消費力進而影響目前資本市場的估值狀況進一步造成資本市場的多殺多。現階段保留現金等待機會會是一個較安穩的策略。
(本文作者為中華財經台分析師曾英傑)</t>
  </si>
  <si>
    <t>目前疫情市場開始俄羅斯造成控制股市opec出現對於油價擴散減產影響全球疫苗</t>
  </si>
  <si>
    <t>美股俄羅斯OPEC道瓊美債</t>
  </si>
  <si>
    <t>opec俄羅斯</t>
  </si>
  <si>
    <t>確診機構本土感染不明竹縣增</t>
  </si>
  <si>
    <t>新竹縣疫情升溫！新竹縣長楊文科26日宣佈新增4名確診者其中案6099為60多歲男性為長期住在機構中感染源不明仍需疫調釐清新竹縣衛生局已經匡列接觸者194人仍在持續採檢、調查中。26日新增的確診者包含案</t>
  </si>
  <si>
    <t>新竹新增確診縣長楊文科衛生局機構不明已經感染接觸匡列長期宣佈男性持續</t>
  </si>
  <si>
    <t>新竹縣疫情升溫！新竹縣長楊文科26日宣佈新增4名確診者其中案6099為60多歲男性為長期住在機構中感染源不明仍需疫調釐清新竹縣衛生局已經匡列接觸者194人仍在持續採檢、調查中。
26日新增的確診者包含案5881、5882、5883及案6099其中案6099為住在長照機構中的60多歲男性生活狀況單純僅有往返醫院、機構目前仍為感染源不明於25日確診。衛生局長殷東成表示防疫醫師也全力協助釐清感染源。
至於案6099所住的機構也已分倉、分流防疫依據接觸風險隔離或自主健康管理此案共匡列194人包含機構內、醫院的接觸者均在採檢、疫調中。
另外案5881為60多歲男性5月13日曾竹北火車站搭火車前往萬華5月16日因身體不適自行購買成藥服用但後續因持續不舒服而就醫於24日採檢、25日確診。
案5882、5883則為24日確診個案5299的同住家人均於25日確診在5月21至23日曾前往花蓮處理家事。</t>
  </si>
  <si>
    <t>新竹 縣 疫情 升溫 新竹 縣長 楊文科 26 日 宣佈 新增 4 名 確診 者 其中 案 6099 為 60 多 歲 男性 為 長期 住 在 機構 中 感染 源 不明 仍 需 疫 調 厘 清 新竹 縣 衛生局 已經 匡列 接觸 者 194 人 仍 在 持續 采 檢 調查 中 26 日 新增 的 確診 者 包含 案 588158825883 及 案 6099 其中 案 6099 為 住 在 長 照 機構 中的 60 多 歲 男性 生活狀況 單純 僅 有 往返 醫院 機構 目前 仍 為 感染 源 不明 於 25 日 確診 衛生局長 殷東成 表示 防疫 醫師 也 全力 協助 厘 清 感染 源 至於 案 6099 所 住 的 機構 也 已 分 倉 分流 防疫 依據 接觸 風險 隔離 或 自主 健康 管理 此案 共 匡列 194 人 包含 機構 內 醫院 的 接觸 者 均 在 采 檢 疫 調 中 另外 案 5881 為 60 多 歲 男性 5 月 13 日 曾 竹北 火車站 搭 火車 前往 萬華 5 月 16 日 因 身體 不適 自行 購買 成藥 服用 但 後續 因 持續 不 舒服 而就醫 於 24 日 采 檢 25 日 確診 案 58825883 則 為 24 日 確診 個案 5299 的 同 住 家人 均 於 25 日 確診 在 5 月 21 至 23 日 曾 前往 花蓮 處理 家事</t>
  </si>
  <si>
    <t>機構確診接觸男性感染持續防疫前往匡列醫院新竹包含不明新增</t>
  </si>
  <si>
    <t>新竹縣新冠肺炎台灣機構感染源不明</t>
  </si>
  <si>
    <t>肺炎臺灣機構感染不明新竹</t>
  </si>
  <si>
    <t>官員川普專家德塞who秘書長取代</t>
  </si>
  <si>
    <t>近期指控世界衛生組織（WHO）以大陸為中心的美國總統川普14日宣佈中斷對WHO資助引起全球譁然。對此美前官員投書媒體表示川普要改革WHO有許多手段除斷金援之外也可考慮承認台灣為WHO會員國；而在下月的世</t>
  </si>
  <si>
    <t>who川普臺灣承認大陸考慮中心之外美國斷金手段對此總統官員全球投書引起媒體資助宣佈改革表示</t>
  </si>
  <si>
    <t>近期指控世界衛生組織（WHO）以大陸為中心的美國總統川普14日宣佈中斷對WHO資助引起全球譁然。對此美前官員投書媒體表示川普要改革WHO有許多手段除斷金援之外也可考慮承認台灣為WHO會員國；而在下月的世界衛生大會上也應要求過於親陸的WHO秘書長譚德賽下臺並由在這場大流行中表現突出、又免於遭受陸政治化的公衛專家取代而台專家是最勝任人選。
曾任美國國防部中國事務前主任、現為華府智庫全球台灣研究中心（Global Taiwan Institute）諮詢委員會成員的包士可（Joseph Bosco）向《國會山莊》報投書〈台灣：中國的剋星應是WHO的救星〉（Taiwan: China&amp;apos;s nemesis could be the WHO&amp;apos;s salvation）一文中其中先以台灣防疫成就為例如自全球疫情爆發以來台灣為少數幾個仍可讓學生繼續上學的國家中華職棒也是當前全球唯一開打的職棒聯盟。
包士可指出雖然在疫情威脅之下台灣的社會與商業運作仍可相對地正常運作人民謹慎遵守如保持社會距離、出門戴口罩、經常洗手等防疫措施可見這種鍥而不捨的精神讓這個有2千4百萬人民的台灣在不必暫停經濟活動的情況下至今的確診人數仍低於400以下。
包士可接著表示台灣在疫情爆發之初就大幅度地將病毒隔離在外證明這種謹慎且有條理的危機管理方式是可行的即使面對來自大陸的不實訊息以及WHO的明顯誤導資訊台灣仍在去年12月31日發現疑有人傳人現象。他指出但WHO可悲的表現讓大陸大量隱瞞疫情是導致全球疫情爆發的關鍵；但大陸打壓之下台灣只能被排擠在WHO之外而被川普稱為「以中國為中心」的WHO領導階層也一再偏向否認台灣證明其道德與專業早已破產。
包士可表示如今川普已認知到北京與WHO的作為並決定以美國對WHO捐助作為籌碼不過他還有更多選項退出世衛並建立新組織取代WHO或是要求台灣獲得WHO會員身分。他進一步指出WHO秘書長譚德塞（Tedros Adhanom Ghebreyesus）似乎在疫情期間都與陸公開勾結他不僅長期支持WHO排除台灣最近更指控台對他進行種族歧視攻擊並呼籲譚德塞「應該由一位有處理大流行疾病經驗並可免於遭陸政治化的公衛專家所取代而台灣專家就是最勝任人選」。</t>
  </si>
  <si>
    <t>who臺灣疫情全球大陸川普中國中心指出表示爆發取代防疫謹慎證明taiwan人民表現社會投書</t>
  </si>
  <si>
    <t>孔劉宋康昊確診淪陷元抗南韓</t>
  </si>
  <si>
    <t>新冠肺炎疫情升高南韓在短短幾天全國淪陷感染患者以倍數暴增目前確診病例已達1261人並有12人死亡；面對嚴峻疫情不少大咖明星慷慨解囊盼和大家共同抗疫一起度過難關。據韓媒報導為幫助政府預防疫情</t>
  </si>
  <si>
    <t>疫情升高韓媒南韓報導度過難關短短幾天淪陷一起病例目前感染確診全國患者倍數共同嚴峻慷慨解囊明星幫助</t>
  </si>
  <si>
    <t>新冠肺炎疫情升高南韓在短短幾天全國淪陷感染患者以倍數暴增目前確診病例已達1261人並有12人死亡；面對嚴峻疫情不少大咖明星慷慨解囊盼和大家共同抗疫一起度過難關。
據韓媒報導為幫助政府預防疫情許多藝人紛紛捐款支援前線或是捐給弱勢群體購買口罩、酒精像是影帝宋康昊、李秉憲、孔劉、劉在錫、鄭雨盛、薑虎東、金憓秀、秀智、樸敘俊、惠利、金高恩等人都各自捐了1億韓元。
而停工2年半治療鼻咽癌的金宇彬雖然這期間沒有收入仍和女友新慜娥各自捐款1億韓元另外李英愛、朴寶英、朱智勛等人也捐了5000萬盼望可為防疫盡一份心力。</t>
  </si>
  <si>
    <t>疫情捐款鄭雨盛劉在錫孔劉盼望李秉憲宋康昊目前倍數患者感染影帝淪陷南韓確診病例像是短短幾天共同全國一起</t>
  </si>
  <si>
    <t>新冠肺炎武漢肺炎 COVID-19南韓孔劉</t>
  </si>
  <si>
    <t>肺炎武漢covid-孔劉南韓</t>
  </si>
  <si>
    <t>魔術師解禁迫不及待隔離</t>
  </si>
  <si>
    <t>鑽石公主號郵輪的台籍旅客今解除隔離同船魔術師陳日昇分享近1個月的隔離生活結束真得很開心現在最想做的就是和家人聚餐並呼籲大家防疫大家一起努力。鑽石公主號爆出疫情後台灣政府採包機方式將船上1</t>
  </si>
  <si>
    <t>隔離公主鑽石臺灣政府疫情爆出解除同船包機努力現在家人聚餐開心生活結束呼籲旅客一起真得</t>
  </si>
  <si>
    <t>鑽石公主號郵輪的台籍旅客今解除隔離同船魔術師陳日昇分享近1個月的隔離生活結束真得很開心現在最想做的就是和家人聚餐並呼籲大家防疫大家一起努力。
鑽石公主號爆出疫情後台灣政府採包機方式將船上19名台籍旅客接回台灣送至集中檢疫所再隔離14天經過約1個月的隔離時間昨指揮中心宣佈19名旅客三採陰今晨將解除隔離終於可以回家。
根據《中央社》報導同船遭隔離的魔術師陳日昇接受電話訪問時說很開心將近1個月的隔離生活可以結束了很感謝隔離期間防疫人員細心、貼心的照顧並提到檢疫所的環境、餐食很不錯並大力讚賞政府此次的防疫工作做得很好值得被鼓勵。
此外該陳日昇也表示隔離期間很少與人接觸只能透過電話來聯繫因此離開檢疫所後最想做的事是「與家人聚餐」並呼籲大家疫情仍持續蔓延中希望每個人都可以一起努力防疫。
昨晚也有許多家屬到現場接送解除隔離的人而指揮中心指揮官陳時中昨晚也赴現場關心大家都很高興感謝防疫人員的全力協助也開心所有的人都有受到很好的照顧。</t>
  </si>
  <si>
    <t>隔離防疫旅客檢疫所解除可以開心陳日升疫情電話昨晚現場指揮中心人員一起期間努力同船呼籲感謝</t>
  </si>
  <si>
    <t>鑽石公主號魔術師郵輪陳日昇新冠肺炎</t>
  </si>
  <si>
    <t>陳日升郵輪魔術師公主鑽石肺炎</t>
  </si>
  <si>
    <t>新冠肺炎疫情蔓延全球歐美已經成為重災區台灣至今67例確診病患社區傳染並未大面積爆發令西方輿論刮目相看。台灣公衛團隊的專業高效、行政措施的果斷有力、防疫資訊的及時透明以及全社會的廣泛配合都是台</t>
  </si>
  <si>
    <t>臺灣透明蔓延及時全球資訊防疫歐美有力已經果斷成為措施全社會重災區行政疫情專業團隊社區公衛傳染並未大面積爆發確診</t>
  </si>
  <si>
    <t>新冠肺炎疫情蔓延全球歐美已經成為重災區台灣至今67例確診病患社區傳染並未大面積爆發令西方輿論刮目相看。台灣公衛團隊的專業高效、行政措施的果斷有力、防疫資訊的及時透明以及全社會的廣泛配合都是台灣防疫成效良好的主要原因。
其中一個最具影響力的因素是中央疫情指揮中心第一時間就採取「決戰境外」戰略從嚴禁止大陸與港澳民眾入境國人自陸港澳返台也要接受14天居家檢疫有效阻絕病毒從大陸地區輸入的壓力同時間也穩妥處置了滯留日本鑽石公主號並接回部分滯留武漢台人返國等。截至目前中央疫情指揮中心對外發布的最高級紅色旅遊警示包含30餘個主要國家和地區近期新增的大部分均為歐洲國家次級的橙色旅遊警示除繼續納入日本外又增加了美國加州、華盛頓州和紐約州。
政府需要對疫情在近期出現的新變化高度警惕。隨著大陸以外日新增病例首次破萬、海外各國累計確診數超過大陸病毒傳播目前的「主舞臺」已經以歐洲為中心向北美、南美、中亞和非洲四散。這也意味著台灣「決戰境外」的主陣地也從1、2月分的大陸地區轉移至歐美各國。台灣最新確診病例大多有歐洲、北非旅遊史就充分證明瞭這一點。
上述情勢的最新變化並非只有台灣需要面對也是許多大陸周邊國家地區共同因應、需要及時調整的重大課題。例如全球第一個監測到湖北輸入病例的泰國在大陸嚴格控制人員外流後今年2月分疫情看似有所緩解但15日驟然增加32例其中不少口岸移民官員說明泰國原本自信的防疫體系出現破口嘗到了對西方「不設防」的苦果。再如早在1月初就啟動防疫工作的香港對深圳「封關」後亦一度延緩病例增長勢頭但近期新增病例以歐美背景為主同樣證明當前疫情最嚴重的反而是歐美。
還記得大陸湖北地區疫情大爆發之初不少西方學者都透過收集分析海外的湖北輸入性病例推算大陸內部的真實感染人數成為許多歐美主流輿論渲染「大陸崩潰論」的素材和藉口。但如今當台灣、香港、泰國、新加坡等地不斷遭到疑似歐美感染病例「倒灌」時當初最積極推算感染人數的西方機構和媒體此時都不約而同地顧左右而言他。最具代表的就是英國高級專家老神在在地鼓吹「群體免疫」被廣為詬病美國CDC檢測遲緩也被批評為重蹈武漢覆轍。
一場瘟疫戳穿了西方的「雙重標準」當初歐美國家嘲笑大陸的一幕幕此時正在他們自己的土地重演。同理這樣的教訓必然不能在台灣身上重現！所以我們要大聲呼籲政府、呼籲中央疫情指揮中心不要在入出境限制上搞「雙重標準」否則一定會讓台灣自以為傲的防疫體系出現破口令台灣陷入「二次爆發」的境地！
事實上早在日本出現一定規模社區感染、南韓大邱淪陷以後不少民眾都建議政府比照禁行陸港澳一樣果斷對日韓等類似地區採取措施縮減航班往來、停止民眾旅行、加強入境檢疫。16日台灣新增病例創紀錄以後官方輿論似乎在引導網民首要檢討對像是「民眾出國旅遊太自私」而不是檢討修正現行入出境管制政策這顯然是搞錯了方向也是搞政治化「雙重標準」。
新北市宣佈高中職以下所有師生一律禁止出國桃園市也跟進並加碼宣佈8月前各校出國計畫暫停國泰人壽也禁止員工出國。不分藍綠地方政府與企業「守土盡責」防堵疫情第二波爆發務實態度值得肯定這反而襯出中央政府的不作為。如果中央疫情指揮中心再對歐美「限行」遲緩怠慢很可能讓過去兩個月的嚴防死守前功盡棄。
如何摒棄「雙重標準」因應當前疫情全球傳播的新變化？一方面美國已全國進入緊急狀態至少將第二級（橙色）旅遊警示覆蓋至美國全境並且將美國疫情較嚴重地區、交通樞紐城市的警示升至紅色。另一方面隨著陸、港、澳地區疫情逐步緩解政府應密切關注相關動態如澳門在近1個多月內只有1宗新增境外輸入病例若澳門一段時間內保持良好狀態就應對澳門率先解禁。</t>
  </si>
  <si>
    <t>臺灣疫情大陸地區病例歐美政府西方防疫美國新增雙重標準中心民眾出國爆發旅遊出現警示感染輸入日本泰國輿論</t>
  </si>
  <si>
    <t>大陸美國西方台灣疫情</t>
  </si>
  <si>
    <t>臺灣大陸疫情西方美國</t>
  </si>
  <si>
    <t>激發ar肺炎vr應用商機</t>
  </si>
  <si>
    <t>危機就是轉機當新型冠狀病毒肆虐人們紛紛躲在家中時各種「應景」 的應用紛紛出爐。有鑑於許多國家與地區已有疫情傳出有人腦筋動得快想到以 WebXR 應 用程式來追蹤疫情。由MIT畢業生和XR策略師 Michael DiB</t>
  </si>
  <si>
    <t>疫情紛紛病毒肆虐畢業生人們mit追蹤應用出爐程式有鑒於webxr冠狀想到國家地區腦筋傳出xr家中應景</t>
  </si>
  <si>
    <t>可以vrar疫情圖形病毒webxr裝置中國包括銷售xr程式應用程式紛紛瞭解資料房地產看到網頁使用者超過</t>
  </si>
  <si>
    <t>VRAR圖形線上紛紛</t>
  </si>
  <si>
    <t>ar圖形紛紛vr</t>
  </si>
  <si>
    <t>曝光瘋狂代價林濁水傻眼川普</t>
  </si>
  <si>
    <t>過去一周美國單日新增新冠肺炎確診病例突破18萬大關累計病例已約1100萬甚至還傳出連美國特勤局有超過130名探員確診。對此前立委林濁水直言民粹總統忙造勢糟殃的那裏只是特勤但不民粹怎能衝高選票並</t>
  </si>
  <si>
    <t>確診美國病例肺炎只是甚至傳出總統特勤局直言林濁水超過對此</t>
  </si>
  <si>
    <t>過去一周美國單日新增新冠肺炎確診病例突破18萬大關累計病例已約1100萬甚至還傳出連美國特勤局有超過130名探員確診。對此前立委林濁水直言民粹總統忙造勢糟殃的那裏只是特勤但不民粹怎能衝高選票並讓台灣川粉為之瘋狂？
綜合外媒報導有130名特勤局探員因接觸到新冠肺炎患者遭到傳染並被隔離而原因則可能和他們曾跟隨川普出席各地的造勢大會有關許多官員和民眾在這些場合並未配戴口罩增加了傳染風險甚至也有官員也因此染疫如白宮幕僚長梅多斯（Mark Meadows）等。
對於美國總統特勤超過130人確診隔離林濁水今(15日)在臉書上表示真慘民粹總統忙造勢糟殃的那裏只是特勤。並指出德州佛洛裡達兩個川粉大本營正是疫情衝高名列前矛的州。
林濁水還指出但是不民粹怎可能選票衝高破歷屆記錄還衝到台灣川粉為之瘋狂。他也很感嘆「唉就是這樣了。能不為底層苦人哀」。
網友們也留言回應「向台灣的民粹學者致敬」、「理智的大師不理智的川粉。民主制度下蹦出了個川建國選輸了還不認丟臉啦」、「這真的是很扯！可惜這些人不能在三四天後就出院」。
美國總統特勤超過130人確診隔離 。
真慘民粹總統忙造勢糟殃的那裏只是特勤。德州佛洛裡達兩個川粉大本營正是疫情衝高名列前矛的州。
但是不民粹怎可能選票衝高破歷屆記錄還衝到台灣川粉為之瘋狂。
唉就是這樣了。能不為底層苦人哀。</t>
  </si>
  <si>
    <t>確診美國林濁水總統臺灣隔離沖高傳染可能官員甚至瘋狂</t>
  </si>
  <si>
    <t>川普民粹林濁水川粉新冠肺炎</t>
  </si>
  <si>
    <t>林濁水肺炎川普</t>
  </si>
  <si>
    <t>天幕球場停業晚上xpark關燈小人</t>
  </si>
  <si>
    <t>桃園市長鄭文燦17日在防疫會議中宣佈桃園2大遊樂場龍潭小人國和青埔Xpark水族館分別於今日上午和下午起停業至5月28日天幕球場因常常有年輕朋友群聚晚上不開燈、停止使用市府則採彈性2小時上下班外送業者禁</t>
  </si>
  <si>
    <t>桃園上下班小時彈性市府停止使用不開晚上朋友會議年輕青埔xpark水族館分別小人遊樂場龍潭今日宣佈</t>
  </si>
  <si>
    <t>桃園市長鄭文燦17日在防疫會議中宣佈桃園2大遊樂場龍潭小人國和青埔Xpark水族館分別於今日上午和下午起停業至5月28日天幕球場因常常有年輕朋友群聚晚上不開燈、停止使用市府則採彈性2小時上下班外送業者禁入市府。
鄭文燦表示桃園2大遊樂場一個是青埔Xpark水族館、一個是龍潭小人國原已配合管制政策縮小規模、減少群聚跟人流經市府協調以後決定今天開始停業到5月28日小人國已經在早上執行Xpark水族館會在下午執行協力廠商則授權2業者自己處理。
面對桃園區長陳玉明反映戶外籃球場晚上打球者眾且觀察都沒有戴口罩擔憂容易引起群聚請示是否能把燈關掉衛生局長王文彥則提到群聚打籃球若沒戴口罩就可開罰。
鄭文燦當場宣佈市立的體育場館室內都已經關閉戶外型也要強制戴口罩不過因為天幕球場晚間常常有年輕朋友群聚為避免群聚天幕球場晚上不開燈、停止使用要求各廠區貼好公告他也不諱言天幕球場多在公園公園是否封閉又是另一個層面問題因此執行上先透過晚上不開燈避免群聚。
鄭文燦也提到針對彈性上下班時間住雙北和基隆的公務員是2個半小時的彈性上下班彈性上班時間從7時30分至10時、下班時間配合調整為16時30分至19時一般同仁則維持和中央同步為2個小時7時30分至9時30分、16時30分至18時30分。中午他也指示人事處用餐分流採12時至13時一組、12時30分至13時30分一組不同時段。外送業者、外送人員一律不進市府會在府外設置外送區。
鄭文燦也強調娃娃機的店面沒有辦法落實實聯制晚間常常有人流聚集因此昨天已宣佈停止營業、裁示納入21個停業項目之中目前桃園有1068家的娃娃機店面陸續執行因為有少部分負責人聯絡不上但經發局和警察局一定會在很短的時間內完成。他也呼籲21種類別的營業場所要全面配合一但化明為暗或是違法營業一律從重處分移送法辦「請不要挑戰停止營業的決定！」</t>
  </si>
  <si>
    <t>鄭文燦桃園市府營業執行宣佈天幕晚上分至停業球場口罩配合彈性業者上下班</t>
  </si>
  <si>
    <t>桃園小人國Xpark水族館天幕球場新冠肺炎</t>
  </si>
  <si>
    <t>水族館天幕xpark球場小人桃園肺炎</t>
  </si>
  <si>
    <t>美國女籃再上教練疫苗打完歸隊</t>
  </si>
  <si>
    <t>正在備戰東京奧運的美國女籃隊總教練休斯（Dan Hughes）之前因為帶領母隊西雅圖風暴爭奪WNBA總冠軍戰暫時缺席隨著賽事結束他也打了新冠肺炎疫苗將加入國家隊第二次迷你訓練營。「我真的很幸運。」休斯開心跟</t>
  </si>
  <si>
    <t>休斯美國女籃真的國家隊訓練營加入教練疫苗肺炎結束賽事之前缺席帶領暫時冠軍西雅圖風暴wnba爭奪</t>
  </si>
  <si>
    <t>正在備戰東京奧運的美國女籃隊總教練休斯（Dan Hughes）之前因為帶領母隊西雅圖風暴爭奪WNBA總冠軍戰暫時缺席隨著賽事結束他也打了新冠肺炎疫苗將加入國家隊第二次迷你訓練營。
「我真的很幸運。」休斯開心跟媒體報告好消息「我是能夠相當早施打疫苗的人因為剛好有多的疫苗如果再不使用就會浪費了。」
休斯並說他能夠接種疫苗還是自己帶過的球員幫忙的「很棒的是我1978年帶過的控球後衛打電話給我跟我說：『教練你能在45分鐘內到我這邊嗎？我們有多的疫苗想要提供給需要的人施打。』我現在的住所剛好離那邊不遠我就立刻驅車前往。」
休斯已經65歲符合俄亥俄州接種疫苗的人口但也因為年紀較長加上2019年動過切除闌尾惡性腫瘤手術醫生擔心他到人潮較多地方會增加感染新冠肺炎的風險去年就阻止他去訓練營如今施打新冠肺炎疫苗讓他可以順利完成教練任務他開心表示自己受到祝福才能從事熱愛的工作並能回到場邊面對面和球員互動。</t>
  </si>
  <si>
    <t>疫苗休斯教練肺炎開心訓練營施打接種能夠球員剛好帶過回到工作並能熱愛美國從事女籃</t>
  </si>
  <si>
    <t>WNBA奧運休斯教練美國</t>
  </si>
  <si>
    <t>美國wnba教練休斯奧運</t>
  </si>
  <si>
    <t>振興歐元方案歷史歐盟達成協議</t>
  </si>
  <si>
    <t>經過長達5天的艱辛談判與討論歐盟各成員國終於達成7500億歐元的振興方案刺激歐盟經濟盡快從新冠危機後脫身。美國有線電視新聞網（CNN）指出這份振興方案聚焦透過「三大支柱」提供資金：建立改革以幫助企業從疫</t>
  </si>
  <si>
    <t>歐盟方案振興建立資金提供討論支柱三大成員國改革透過終於聚焦達成危機從新脫身指出cnn儘快美國有線電視新聞網刺激經濟談判幫助歐元艱辛</t>
  </si>
  <si>
    <t>經過長達5天的艱辛談判與討論歐盟各成員國終於達成7500億歐元的振興方案刺激歐盟經濟盡快從新冠危機後脫身。
美國有線電視新聞網（CNN）指出這份振興方案聚焦透過「三大支柱」提供資金：建立改革以幫助企業從疫情中反彈針對長期經濟發展推出新措施加速改革以及增加投資以防止未來意外危機衝擊總額高達上千億歐元確保會員國貸款無虞。除了疫情後振興方案這次談判也通過未來7年的1兆歐元預算案。
這份協議出臺過程十分艱難各國談判不僅多次陷入僵局、摩擦不斷部分會員國之間甚至早已陷入嚴重分裂數年但在最後一個仍選擇團結。歐洲理事會主席米歇爾（Charles Michel）在新聞記者會上表示「我們終於做到了！歐盟仍是堅強、歐盟仍是團結的」「這是份很好的協議最重要的是歐盟即時需要它」。
米歇爾指出這也是歐盟成員第一次在這種談判場合同意聯合力量共同加強經濟、對抗危機。雖然一度在談判中表達強烈不滿的法國總統馬克宏（Emmanuel Macron）在協議終於出爐後也大力讚揚稱「這對歐盟是歷史性的一刻」比利時總理威爾梅斯（Sophie Wilmes）也稱「歐盟從未如此積極地投資未來」。
歐洲至今仍未完全走出疫情經濟上持續避免疫情所導致的大規模衰退飽受疫情重挫的義大利與西班牙等國亟需價值上千億歐元的經濟紓困。不過到21日前各方對於復甦資金總額量意見分歧多少補助量可以視為授予或借貸這些爭議讓協議一度陷入僵局。歐盟執委會本月初曾預測歐盟經濟將在今年大跌83%局勢比兩個月前預測的74%更為嚴峻。</t>
  </si>
  <si>
    <t>歐盟經濟談判疫情協定歐元危機未來終於振興方案資金改革會員國陷入僵局一度總額投資預測團結指出蜜雪兒</t>
  </si>
  <si>
    <t>疫情新冠疫情新冠肺炎武漢肺炎COVID-19</t>
  </si>
  <si>
    <t>武漢肺炎疫情covid-</t>
  </si>
  <si>
    <t>市府計程車防疫</t>
  </si>
  <si>
    <t>新冠肺炎疫情蔓延「防疫計程車」成為載運居家檢疫、隔離者交通工具桃園市與機場合計共400餘輛新竹市27日也成立防疫車隊初期規畫3輛。大多數防疫計程車司機都認為目前載客量銳減雖然會「怕怕的」也只能硬</t>
  </si>
  <si>
    <t>防疫計程車載客蔓延目前認為司機新竹機場成為桃園隔離成立工具交通檢疫載運居家銳減疫情</t>
  </si>
  <si>
    <t>新冠肺炎疫情蔓延「防疫計程車」成為載運居家檢疫、隔離者交通工具桃園市與機場合計共400餘輛新竹市27日也成立防疫車隊初期規畫3輛。大多數防疫計程車司機都認為目前載客量銳減雖然會「怕怕的」也只能硬著頭皮載客但會做好消毒、防護措施。
如載隔離者 當天停載
防疫計程車除負責載送居家檢疫、隔離民眾若警方查到有人「趴趴走」桃園市目前也由防疫計程車載回隔離處所但只要載到隔離個案當天就不能再載其他乘客。有司機表示目前載客率不佳有時一個上午只有1位乘客能有生意就加減做。
新竹市政府27日成立防疫計程車隊專門提供居家檢疫或隔離者前往防疫旅館或赴醫院時可撥打1999申請去程將由專責的新竹市消防救護車隊專車送往醫院返程則由防疫計程車接送但不接受一般民眾申請。
市交通處長倪茂榮表示考量檢疫或隔離的民眾因就醫、檢疫地點變更時有交通需求成立新竹市防疫計程車隊目前先有3輛車提供服務未來將視疫情及民眾需求調整。
皆配戴口罩 每趟消毒
交通處表示檢疫或隔離的民眾有需求時可打給1999並表明需求由1999向市府提出申請並確認身分及評估條件符合後派車。防疫計程車不接受一般民眾申請僅提供給檢疫或隔離的民眾收費方式則依照新竹市計程車費率採跳錶收費司機與乘客皆須配戴口罩車隊也會每趟消毒。
交通處觀察其他縣市防疫計程車數量臺北市3輛、新北僅1輛就新竹市城市的規模目前暫時推出3輛防疫計程車運行若後續有多人申請交通處會再增加數量。</t>
  </si>
  <si>
    <t>防疫計程車隔離民眾新竹申請交通檢疫目前需求司機提供乘客消毒表示疫情成立居家載客</t>
  </si>
  <si>
    <t>檢疫計程車消毒交通處居家</t>
  </si>
  <si>
    <t>交通消毒計程車居家檢疫</t>
  </si>
  <si>
    <t>平均都怪少活</t>
  </si>
  <si>
    <t>新冠病毒至今已奪走全球逾21萬人性命英國研究指出由於染上新冠肺炎平均每位死者少活11至13年。綜合英國《每日郵報》（Daily Mail）、《每日星報》（Daily Star）報導由蘇格蘭公共衛生局（Public Health Scot</t>
  </si>
  <si>
    <t>英國daily蘇格蘭報導衛生局綜合全球少活star性命死者肺炎研究平均指出星報mailpublic郵報至今health</t>
  </si>
  <si>
    <t>研究死者疾病肺炎壽命高血壓英國減少團隊一般平均少活糖尿病心臟daily指出public衛生局蘇格蘭health報導scotland</t>
  </si>
  <si>
    <t>臭味贏得兒女戒煙抱抱</t>
  </si>
  <si>
    <t>李㼈17日出席董氏基金會「2020戒菸就贏比賽」活動開跑記者會並撂兄弟許碩文一起加入戒菸行列！正值新冠肺炎疫情肆虐他也藉機呼籲如果身體好的話病毒就算靠近但最後可以打敗「如果是老菸槍心肺功能差</t>
  </si>
  <si>
    <t>戒煙煙槍基金會打敗可以最後靠近就算病毒身體呼籲比賽開跑活動記者會肆虐疫情肺炎兄弟</t>
  </si>
  <si>
    <t>李㼈17日出席董氏基金會「2020戒菸就贏比賽」活動開跑記者會並撂兄弟許碩文一起加入戒菸行列！正值新冠肺炎疫情肆虐他也藉機呼籲如果身體好的話病毒就算靠近但最後可以打敗「如果是老菸槍心肺功能差病毒一旦找上你你可以贏它嗎？戒菸後你至少有一點跟別人不一樣就是免疫力比別人強大家一起來戒菸增強免疫力！」
最近全民積極防疫但17日又新增10例全都是境外移入連續3天已新增24例全都是境外移入李㼈呼籲這時候大家就是要共體時艱「不玩不會死但你玩了可能會死那幹什麼玩呢？就算自己無所謂也要替家人、國人想吧！」
防疫暫時莫出國
他說朋友中也有人從國外做生意回台都乖乖居家檢疫14天身邊朋友也不會在這時出國他自己原本有些必須出國的短程工作計畫就先取消不然就是用視訊取代「不用堅持出國為何一定要找死呢？」
李㼈說自己曾是菸齡27年、每天2包菸的老菸槍10年前上張小燕主持的《百萬小學堂》時她勸他戒菸並以10萬為賭金激勵後來他戒菸成功張小燕真的拿了一張10萬支票給他「我拿也不是不拿也不是後來我又貼了10萬一共20萬捐給董氏基金會。」他說戒菸後身體變得更好以前起床就要抽菸才能回魂現在一起床就很有精神「現在覺得比較硬…朗！」老婆有覺得差異？他說「這要問她我是覺得我還不錯啦！戒菸後身上沒菸味小孩更喜歡抱我！」</t>
  </si>
  <si>
    <t>戒煙出國一起覺得防疫就算張小燕呼籲煙槍病毒身體朋友可以現在</t>
  </si>
  <si>
    <t>老菸槍病毒出國戒菸董氏基金會</t>
  </si>
  <si>
    <t>病毒出國戒煙董氏煙槍基金會</t>
  </si>
  <si>
    <t>隔離如期不能時中為艦隊敦睦道歉</t>
  </si>
  <si>
    <t>敦睦艦隊群聚事件集中檢疫的官兵將於5月3日解隔離疫情指揮中心指揮官陳時中表示向磐石鑑官兵致歉雖磐石艦對社區影響非常小但因是群聚事件所以解隔離前需再採檢恐要多留1至3天。陳時中在記者會上表示</t>
  </si>
  <si>
    <t>官兵隔離陳時中事件表示磐石集中影響社區檢疫非常指揮官疫情指揮中心</t>
  </si>
  <si>
    <t>敦睦艦隊群聚事件集中檢疫的官兵將於5月3日解隔離疫情指揮中心指揮官陳時中表示向磐石鑑官兵致歉雖磐石艦對社區影響非常小但因是群聚事件所以解隔離前需再採檢恐要多留1至3天。
陳時中在記者會上表示敦睦艦隊集中檢疫的官兵將在5月3日解除隔離雖然磐石鑑對社區造成的影響很小從最初發病確診的3人增加到31個人但整體疫情是穩定的但由於這是起群聚事件集中檢疫14天後還要再採一次若全部都是陰性那麼就會解隔離若不是就要多留1天再採檢陰性的解除隔離。
為此陳時中也特別向軍艦的官兵表達歉意因為他們會比一般集中檢疫者還要多留1至3天但希望第一次採檢完都陰性讓全部人都可以回家當然回家後還是要做健康管理。陳時中表示由於敦睦群聚案比較特殊社會也很關注還是希望可以做到盡善盡美有比較完美的句點。</t>
  </si>
  <si>
    <t>隔離官兵表示陳時中檢疫集中陰性事件希望可以磐石疫情影響比較社區解除</t>
  </si>
  <si>
    <t>美食商機醞釀服務防疫產業需求增</t>
  </si>
  <si>
    <t>新冠肺炎疫情改變民眾生活型態並醞釀出新商機。資策會產業情報研究所（MIC）針對台灣網友調查發現有533％在上半年疫情時間曾使用美食外送服務且首度使用者占109％另有221％曾使用的網友在疫情期間增加</t>
  </si>
  <si>
    <t>疫情網友使用改變民眾生活型醞釀出新產業情報研究所mic臺灣服務首度調查美食發現時間上半年</t>
  </si>
  <si>
    <t>使用疫情餐廳平臺美食服務消費者時間認為發現頻率網友不同繼續用戶期間發展琬昀</t>
  </si>
  <si>
    <t>資策會MIC產業情報研究所美食外送平臺</t>
  </si>
  <si>
    <t>情報研究所產業mic美食平臺</t>
  </si>
  <si>
    <t>農委會全球蔬果退訂包裝芒果枋山</t>
  </si>
  <si>
    <t>屏東枋山發生Delta變種病毒群聚感染連帶影響當地芒果遭退訂。農委會今天表示目前全球並未有因蔬果及包裝而染疫的案例發生將媒合企業團體訂購盼全民一同消費挺農民。屏東縣枋山鄉發生最早在印度發現的Delta變</t>
  </si>
  <si>
    <t>發生delta農委會退訂今天表示芒果目前當地全球影響並未連帶感染蔬果變種全民訂購團體一同病毒消費</t>
  </si>
  <si>
    <t>屏東枋山發生Delta變種病毒群聚感染連帶影響當地芒果遭退訂。農委會今天表示目前全球並未有因蔬果及包裝而染疫的案例發生將媒合企業團體訂購盼全民一同消費挺農民。
屏東縣枋山鄉發生最早在印度發現的Delta變種病毒群聚感染縣府正進行大量篩檢及疫苗接種有農民反映枋山芒果連帶被汙名化被退訂及拒買。縣府呼籲民眾要理性也會協助農民銷售。
行政院農業委員會發布新聞稿表示全台芒果已進入盛產期但因疫情3級警戒消費型態改變且力道受影響尤以近日屏東縣因疫情發生波及不相干的芒果部分人士產生疑慮導致購買意願降低。
農委會強調國內專家表示全球目前並未有因蔬果及包裝而染疫的案例發生消費者可以放心採購只要國人注意食用前的清洗國產芒果既美味又營養。
農委會指出為協助枋山地區農民芒果行銷已請枋山地區農會協助收購農民生產優質芒果農委會將媒合企業團體訂購消費者可透過農會網站訂購籲請全台消費者一起以實際行動挺農民。
農委會說屏東枋山地區位近屏東南部恆春半島北方為一狹長丘陵地形的芒果產區背山面海明顯的亞熱帶環境氣候具有生產優質芒果的地理條件加上長年來農民積極研習提高芒果品質的栽培技術使得枋山地區芒果優質名聲響徹國內外。
農委會提到今年年初枋山地區因乾旱使得芒果開花結果減少加上年初低溫的淬鍊讓芒果品質較往年為優不但外觀火紅鮮豔且甜度高、風味佳。</t>
  </si>
  <si>
    <t>芒果農民農委會枋山發生消費者地區表示協助縣府品質影響訂購全台疫情加上退訂生產年初連帶農會東縣感染使得</t>
  </si>
  <si>
    <t>芒果農委會枋山染疫退訂</t>
  </si>
  <si>
    <t>農委會枋山芒果退訂</t>
  </si>
  <si>
    <t>死亡確診新增案例苗栗縣</t>
  </si>
  <si>
    <t>苗栗縣10持續「嘉玲」但新增1名確診死亡案例這名71歲的女性有高血壓、心血管疾病及糖尿病史6月18日確診採檢時無症狀因隔離期間發生其他疾病轉至外縣市醫院治療7月7日治療無效宣告死亡。苗栗縣在接種疫</t>
  </si>
  <si>
    <t>確診疾病死亡苗栗縣治療案例發生期間隔離症狀轉至女性高血壓心血管糖尿病宣告無效新增醫院外縣市嘉玲接種持續</t>
  </si>
  <si>
    <t>苗栗縣10持續「嘉玲」但新增1名確診死亡案例這名71歲的女性有高血壓、心血管疾病及糖尿病史6月18日確診採檢時無症狀因隔離期間發生其他疾病轉至外縣市醫院治療7月7日治療無效宣告死亡。
苗栗縣在接種疫苗方面全縣截至7月9日止已完成5萬8709人次接種累計65歲以上人口（含原住民）已接種36156人次目前65歲以上長者疫苗覆蓋率已達6159％。
縣府表示65歲以上長者們將在7月12到14日開放接種莫德納疫苗即日起並開放全縣13家合約醫院及33家合約診所預約及接種65歲至69歲的長者接種莫德納疫苗相關資訊已公告在縣府及衛生局所網站、FB。
★《中時新聞網》提醒您：因應新冠肺炎疫情疾管署持續加強疫情監測與邊境管制措施 如有疑似症狀請撥打：1922專線或 0800-001922 並依指示配戴口罩儘速就醫同時主動告知醫師旅遊史及接觸史以利及時診斷及通報。</t>
  </si>
  <si>
    <t>接種疫苗以上長者症狀確診疾病死亡縣府疫情醫院持續全縣苗栗縣莫德納開放接觸史及告知主動就醫旅遊口罩醫師</t>
  </si>
  <si>
    <t>苗栗縣接種死亡案例65歲以上新冠肺炎</t>
  </si>
  <si>
    <t>案例以上死亡接種苗栗縣肺炎</t>
  </si>
  <si>
    <t>越南外資模範轉移</t>
  </si>
  <si>
    <t>新冠病毒肆虐全球但越南迄今僅288例確診無人死亡堪稱遏制新冠肺炎的模範生。該國也自我定位為安全的經商國度積極向那些有意把供應鏈從大陸轉移的國際製造商招手。組裝工廠業者Kizuna聯合開發公司指出「越</t>
  </si>
  <si>
    <t>聯合kizuna業者工廠組裝招手製造商國際轉移開發大陸供應有意積極國度迄今經商越南安全定位確診全球</t>
  </si>
  <si>
    <t>新冠病毒肆虐全球但越南迄今僅288例確診無人死亡堪稱遏制新冠肺炎的模範生。該國也自我定位為安全的經商國度積極向那些有意把供應鏈從大陸轉移的國際製造商招手。
組裝工廠業者Kizuna聯合開發公司指出「越南對疫情反應迅速預期在這場大流行病後大量外資將湧入越南。」Kizuna正在越南南部趕建一座面積3萬坪的工廠可望在7月完工。
翌成投資諮詢（YCP Solidiance）合夥人西伯格指出越南成功抗疫大幅提升了外國投資者對該國的信心。越南計畫投資部表示他們已準備好協助那些尋覓新生產基地的製造商。
在疫情爆發前許多原本以大陸為根據地的外商為躲避大陸日漸走高的勞動成本以及陸美貿易戰後座力早就相中越南。該國簽署的多項貿易協議諸如歐盟越南自由貿易協定（EVFTA）也成為資金進駐的推手。
美國Baker McKenzie法律事務所董事總經理伯克認為越南政府對這場大流行病的因應表現讓在當地的外商安心不少可望有助於經濟回升反彈。「過去碰上這類流行病時外籍人士會飛奔回北美、歐洲或東北亞但這次上述地區都出現高死亡率人們反而覺得在這裡更加安全。」</t>
  </si>
  <si>
    <t>越南流行病大陸可望工廠製造商疫情外商指出kizuna貿易安全死亡率人們出現歐洲北美地區bakermckenzie東北亞美國法律</t>
  </si>
  <si>
    <t>越南抗疫新冠肺炎</t>
  </si>
  <si>
    <t>越南肺炎</t>
  </si>
  <si>
    <t>提供中藥醫院安南提升免疫力秋冬抗方法</t>
  </si>
  <si>
    <t>進入秋季新冠肺炎疫情蠢蠢欲動民眾一面搶打流感疫苗一面詢問中藥保健法提升免疫力安南醫院中醫部主任黃升騰19日提供中醫保健的綜合性預防措施提醒中藥預防不是萬靈丹避免與新冠病患者接觸是預防傳染最佳</t>
  </si>
  <si>
    <t>中藥中醫預防一面肺炎病患者疫情民眾蠢蠢欲動主任提供醫院詢問避免保健保健法安南免疫力萬靈丹綜合性提升預防措施提醒接觸升騰</t>
  </si>
  <si>
    <t>進入秋季新冠肺炎疫情蠢蠢欲動民眾一面搶打流感疫苗一面詢問中藥保健法提升免疫力安南醫院中醫部主任黃升騰19日提供中醫保健的綜合性預防措施提醒中藥預防不是萬靈丹避免與新冠病患者接觸是預防傳染最佳方式。
新冠肺炎蔓延世界各地據疾管署統計至10日為止累計187國家地區共2796萬745例確診病例其中90萬6790例死亡。專家預言日後新型冠狀病毒將跟流感一樣與人類共處。
台灣民眾正搶打流感疫苗搶不到疫苗接種的民眾轉而尋求中醫保健方法安南醫院19日提供4種中醫保健方式。
黃升騰表示秋冬來臨民眾須先注意保暖多喝溫開水少吃寒涼食品。他提到溫水洗臉、多漱口、熱水泡腳這3種做法皆有增強上呼吸道防禦功能兼有消除疲勞等作用對預防冠狀病毒感染有一定的助益。
黃升騰認為嚼薑吃蒜是提高免疫力、抗病毒的效用。根據《本草綱目》記載大蒜能「辟邪惡消癰腫」。具有殺菌消炎、抗病毒、增強機體免疫功能等作用。也可以常嚼一些嫩薑、茶葉進行口腔、消化道的殺菌消毒。
黃升騰主任強調中藥預防不是萬靈丹最重要的是避免與新冠病患接觸如曾接觸過病患適當服用中藥預防處方能增強自體抗病能力。</t>
  </si>
  <si>
    <t>預防民眾中藥病毒升騰增強中醫殺菌保健免疫力作用方式功能肺炎接觸主任避免安南</t>
  </si>
  <si>
    <t>疫苗中藥流感新冠病毒</t>
  </si>
  <si>
    <t>中藥流感病毒疫苗</t>
  </si>
  <si>
    <t>接觸戈貝爾戰跟伊巴卡過去nba最久</t>
  </si>
  <si>
    <t>在爵士明星中鋒戈貝爾確診新冠肺炎導致NBA火速宣佈無限期停賽之後假設依照14天潛伏期來看過去14天戈貝爾共跟暴龍、活塞、塞爾提克、尼克、騎士與巫師等6隊交手超過50名球員在場上跟他對到位其中以暴龍前鋒</t>
  </si>
  <si>
    <t>戈貝爾暴龍確診場上球員交手導致超過肺炎nba宣佈巫師無限期停賽騎士之後尼克假設塞爾提克潛伏期活塞來看過去到位中鋒明星</t>
  </si>
  <si>
    <t>在爵士明星中鋒戈貝爾確診新冠肺炎導致NBA火速宣佈無限期停賽之後假設依照14天潛伏期來看過去14天戈貝爾共跟暴龍、活塞、塞爾提克、尼克、騎士與巫師等6隊交手超過50名球員在場上跟他對到位其中以暴龍前鋒伊巴卡時間最久。
畢竟在高強度的NBA賽事球員難免在場上出現肢體接觸其中跟戈貝爾對位時間最長的人是伊巴卡兩人在場上對位時間長達16分10秒遭到傳染風險自然較高甚至他還親吻過戈貝爾罰過的球其他包含騎士前鋒小蘭斯、塞爾提克中鋒蒂斯、活塞前鋒伍德等人也跟戈貝爾對位超過10分鐘。
但更具高度傳染風險的球員則是伊巴卡的隊友暴龍前鋒阿奴諾比因為他在10日跟爵士比賽當中跟戈貝爾面對面互嗆飛沫傳染機率很高另外戈貝爾曾在7日跟同樣來自法國的塞爾提克中鋒普瓦裡耶共進晚餐讓普瓦裡耶只能祈禱自己檢測不要呈現陽性。</t>
  </si>
  <si>
    <t>戈貝爾前鋒球員暴龍中鋒場上塞爾提克時間對位伊巴卡nba超過騎士活塞風險傳染裡耶普瓦爵士檢測祈禱只能無限期</t>
  </si>
  <si>
    <t>戈貝爾伊巴卡前鋒NBA美國</t>
  </si>
  <si>
    <t>伊巴卡前鋒nba戈貝爾美國</t>
  </si>
  <si>
    <t>小時紐約確診逼近</t>
  </si>
  <si>
    <t>紐約市單日確診數超過百人目前已有923人感染新冠肺炎市長白思豪（Bill de Blasio）預告48小時內可能祭出「就地避難」（shelter in place）命令形同全面禁足紐約客。《紐約郵報》（New York Post）報導紐約</t>
  </si>
  <si>
    <t>紐約感染全面形同命令肺炎place郵報in長白shelter避難目前就地bill祭出de可能blasio預告小時</t>
  </si>
  <si>
    <t>紐約市單日確診數超過百人目前已有923人感染新冠肺炎市長白思豪（Bill de Blasio）預告48小時內可能祭出「就地避難」（shelter in place）命令形同全面禁足紐約客。
《紐約郵報》（New York Post）報導紐約市17日單日激增109例新冠肺炎確診病例目前紐約市一共有923人確診。
紐約市長白思豪週二晚間在記者會上驚呼難以相信這場災難現在蔓延得如此迅速預期下周該市病例將狂飆10倍可能有上萬人確診他鄭重向860萬市民宣告要準備好迎接史無前例的「就地避難」（shelter in place）命令「我相信48小時內就會做出命令決定。」
不過白思豪的「就地避難」說立刻引爆與紐約州長古莫（Andrew Cuomo）之間的角力戰古莫駁斥紐約市要自行隔離是「謠言」稱此舉不合法因為州內沒有任何一座城市能夠在未經州政府同意下就自行隔離而他本人也完全沒有興趣、沒有計畫要隔離任何一座城市。
針對古莫的說法白思豪辯稱「隔離」城市和「就地避難」是不同的概念他並未說明「就地避難」措施的具體細節僅表示是一種「策略」不過古莫的發言人戴羅莎（Melissa DeRosa）後續發布新聞稿指出兩者意思相同。根據古莫在記者會上的說法「就地避難」就是禁止居民出門。
白思豪的發言人高斯坦（Freddi Goldstein）表示市府的法律顧問正在檢視法條內容確認紐約州政府是否有權阻止市政府發布的緊急聲明。
紐約市15日已宣佈關閉市內夜店、劇院等休閒娛樂場所餐廳、咖啡店僅限外帶及外送。此外舊金山已於17日起率先對市民執行禁足命令。</t>
  </si>
  <si>
    <t>就地避難紐約市古莫隔離白思豪確診命令城市紐約州發佈市民表示病例發言人可能沒有記者會自行</t>
  </si>
  <si>
    <t>塑化油價</t>
  </si>
  <si>
    <t>2月國際原油慘跌10美元台塑化遭逢帳上跌價損失50億元壓力單月營運由盈轉虧；不料3月沙國發動原油價格戰、新冠肺炎疫情全球蔓延國際油價再度重挫三成台塑化第一季營運虧損包袱加大身為台塑化大股東之台塑</t>
  </si>
  <si>
    <t>塑化營運身為加大跌價壓力損失肺炎疫情全球原油價格蔓延發動國際單月油價再度不料</t>
  </si>
  <si>
    <t>2月國際原油慘跌10美元台塑化遭逢帳上跌價損失50億元壓力單月營運由盈轉虧；不料3月沙國發動原油價格戰、新冠肺炎疫情全球蔓延國際油價再度重挫三成台塑化第一季營運虧損包袱加大身為台塑化大股東之台塑三寶也在本業、轉投資雙重弱化下第一季營運面臨獲利保衛戰。
■三寶面臨獲利保衛戰
據悉台塑化第一季單就煉油、石化事業已實現之跌價損失急遽竄升至150億元（不含在途原料部分）；法人推估在煉油、石化利差明顯縮減以及跌價損失雙重打擊下台塑化第一季營運虧損約130～150億元。
此外台塑雖持股台塑化約28％但因旗下產品市況壓力相對較緩加計台塑美國、台勝科高投資收益護航第一季營運或可堅守盈餘之上。
南亞持股台塑化23％因有電子材料滿載運作與轉投資南亞科等收益支撐也有望不致淪落虧損。
■法人：台化恐也難逃虧損
不過台化因具苯原料等上游佈局與台塑化一樣需承擔油價連動的跌價損失壓力加上旗下產品市況不佳並持股台塑化26％法人推估第一季營運恐難逃虧損窘境。
新冠肺炎全球蔓延各地封城鎖國等旅遊限制令石油需求大減且美國能源部取消購買7700萬桶戰備儲油計劃NYMEX原油一度重挫近三成創1991年波灣戰爭來的最大單周跌幅；3月來下跌45％今年來更慘跌逾60％。
分析師指出2014年下半年國際油價大崩跌從每桶百美元重摔至50多美元台塑化在當年第四季大虧130億元創史上最差表現。其後因油價下跌原料成本大降刺激消費增加台塑化2016年至2018年隨石化大多頭行情獲利躍進台塑三寶投資收益也受惠攀揚。
■第二季營運考驗仍大
不過今年油價跌勢不若2014年在第四季的一個季度反應而是從2月開始急速下滑加上大陸以外歐美地區疫情持續惡化將使油價隨需求持續萎縮疲軟不振台塑化第二季營運恐仍需面臨跌價損失壓力考驗。
尤其此波全球新冠肺炎疫情惡化將使經濟回穩復甦的時點及力道遞延台塑化帳上認列的龐大跌價損失回沖力道也恐趨緩反應。</t>
  </si>
  <si>
    <t>塑化營運油價損失跌價虧損台塑原料壓力法人收益石化需求疫情三寶肺炎全球南亞加上</t>
  </si>
  <si>
    <t>台塑化疫情收益獲利跌價損失</t>
  </si>
  <si>
    <t>獲利收益跌價疫情損失塑化</t>
  </si>
  <si>
    <t>村長防疫臺灣竟敢安全</t>
  </si>
  <si>
    <t>新冠肺炎爆發至今台灣防疫成績有目共睹但桃園市議員「村長」詹江村提出質問：「台灣真的安全嗎？」他舉例「越南逼近200例總理呼籲做好封城準備」而「台灣已經超過300例確診死亡人數也達5人」所以「</t>
  </si>
  <si>
    <t>臺灣死亡至今確診防疫成績有目共睹超過議員桃園村長已經江村提出質問總理逼近準備封城人數做好安全舉例呼籲越南爆發</t>
  </si>
  <si>
    <t>新冠肺炎爆發至今台灣防疫成績有目共睹但桃園市議員「村長」詹江村提出質問：「台灣真的安全嗎？」他舉例「越南逼近200例總理呼籲做好封城準備」而「台灣已經超過300例確診死亡人數也達5人」所以「村長」憂心指出「台灣的防疫根本是佛系防疫」。
詹江村在臉書表示「台灣的防疫除了中國大陸回來的台商全程穿防護衣醫療人員陪伴徹底檢疫嚴厲隔離之外卻放任疫情比中國大陸嚴重的歐美歸國人士自我隔離卻四處趴趴走甚至還派官員陪喝咖啡而確診！」
對上述反常作為詹江村質疑「台灣政府是否害怕如果普查萬一查出很多輕微確診病患可能讓台灣的醫療體系瞬間潰堤而不是台灣真的沒有社區感染吧？」
詹江村直呼「台灣的防疫根本是佛系防疫政府做了什麼大家可以告訴我嗎？上深呼吸道感染竟然看了6次醫生都沒有篩檢。」
在目前輿情大讚台灣防疫成績「順時中」當道氛圍下。「村長」詹江村敢質問：「台灣真的安全嗎？」批「台灣的防疫根本是佛系防疫政府做了什麼？」不少網友竟也附和表示：「防疫破口一大堆神個屁」、「不用提醒817他們都是神」、「都拱上神壇當英雄了怎會讓自己變狗熊呢」、「越南不會吹噓宇宙第一的防疫嗎」、「哪個報紙稱讚台灣?? 整天綠黴都在開自嗨模式」。</t>
  </si>
  <si>
    <t>臺灣防疫江村確診村長醫療越南沒有感染大陸隔離中國表示成績安全政府根本</t>
  </si>
  <si>
    <t>台灣詹江村防疫村長佛系防疫</t>
  </si>
  <si>
    <t>防疫江村村長臺灣</t>
  </si>
  <si>
    <t>陽性侯友宜出現有效控制疫情新北社區</t>
  </si>
  <si>
    <t>新北市今新增6例本土病例新北市長侯友宜今表示昨日社區篩檢站篩檢了4496人其中有華南、北農接觸史的有196人全數都是陰性繼上週四至本週三2度出現「零陽性」。侯友宜說顯見新北市隱形傳播鏈已經有效控制</t>
  </si>
  <si>
    <t>新北侯友宜全數顯見陰性上周四至出現週三陽性昨日本土市長表示傳播華南社區病例</t>
  </si>
  <si>
    <t>新北市今新增6例本土病例新北市長侯友宜今表示昨日社區篩檢站篩檢了4496人其中有華南、北農接觸史的有196人全數都是陰性繼上週四至本週三2度出現「零陽性」。
侯友宜說顯見新北市隱形傳播鏈已經有效控制社區篩檢站發揮既定功能使社區廣篩再度出現零陽性。
另外針對家禽合作社今日三篩PCR侯友宜也說截至中午已篩檢了483人今日預計篩檢600人從業人員明日起要持陰性證明或接種證明詳細數字明日會詳細報告。</t>
  </si>
  <si>
    <t>侯友宜社區陰性明日新北出現陽性今日證明詳細全數從業人員上周本土接種四至市長</t>
  </si>
  <si>
    <t>陽性侯友宜篩檢新北市社區篩檢站</t>
  </si>
  <si>
    <t>新北侯友宜社區陽性</t>
  </si>
  <si>
    <t>議員口罩防疫市場</t>
  </si>
  <si>
    <t>因應新冠肺炎疫情台中市經發局發函給各公、民有市場要求落實配戴口罩營業。台中市議員鄭功進17日為民有市場自治會請命抨擊市府不應只照顧公有市場及觀光夜市業者民有市場恐成防疫破口！經發局指出將調查業</t>
  </si>
  <si>
    <t>市場經發局台中疫情防疫照顧不應市府抨擊請命自治指出要求營業落實鄭功進議員配戴口罩肺炎</t>
  </si>
  <si>
    <t>因應新冠肺炎疫情台中市經發局發函給各公、民有市場要求落實配戴口罩營業。台中市議員鄭功進17日為民有市場自治會請命抨擊市府不應只照顧公有市場及觀光夜市業者民有市場恐成防疫破口！經發局指出將調查業者申購意願及數量回報經濟部擇期配送。
民有市場業者指出防疫不應有雙重標準目前公有零售市場及列管的夜市攤商業者由經發局調查後造冊送經濟部每攤每星期可配送6個口罩；唯獨民有市場被漠視防疫不應有雙重標準難道配送口罩還分「大小漢」嗎？
鄭功進表示對抗新冠肺炎應全民總動員市府有心拉高防疫層級就不應把買口罩的問題丟給攤商；肺炎病毒傳染並不會分公有或民有加上許多公有市場及夜市攤位所有人並非實際營業人恐成防疫破口。
鄭功進說市場攤商普遍年紀較長工時和一般上班族不同根本不太可能特別抽空去排隊買口罩。在每天近千人進出的公、民有市場做好防疫工作更不應分中央與地方除基本口罩外；市府應提供足量消毒水及額溫槍確實做好防疫準備。
市府表示經發局配合經濟部3月16日公文向中市所轄15處營業中的民有市場全面調查口罩需求數量待調查各市場申購意願及攤位數後將回報經濟部讓業者擇期可順利取得口罩。</t>
  </si>
  <si>
    <t>市場口罩防疫不應市府經發局經濟部營業業者鄭功進調查肺炎夜市配送表示做好台中攤位指出雙重標準</t>
  </si>
  <si>
    <t>口罩調查肺炎鄭功進經發局</t>
  </si>
  <si>
    <t>肺炎鄭功進經發局口罩調查</t>
  </si>
  <si>
    <t>專家辨別相似感冒delta注意</t>
  </si>
  <si>
    <t>印度變種病毒Delta進入屏東社區引發民眾恐慌台大公衛學院流病與預醫所教授陳秀熙表示感染Delta與英國變異株Alpha的症狀不同發燒已不是主要症狀與一般感冒症狀類似因此建議詢問TOCC時除了旅遊史、接觸史</t>
  </si>
  <si>
    <t>delta症狀tocc詢問進入建議屏東社區類似引發恐慌民眾大公衛學院感冒一般教授主要症狀已不發燒表示不同感染</t>
  </si>
  <si>
    <t>印度變種病毒Delta進入屏東社區引發民眾恐慌台大公衛學院流病與預醫所教授陳秀熙表示感染Delta與英國變異株Alpha的症狀不同發燒已不是主要症狀與一般感冒症狀類似因此建議詢問TOCC時除了旅遊史、接觸史、職業別等還要加強詢問有無頭痛、喉嚨痛及流鼻水等「兩痛一水」症狀並建議4種人都要做基因定序才能避免變異株再入侵。
陳秀熙指出Delta病毒傳染力為Alpha病毒的16倍因此篩檢、疫調都要快才能有效圍堵其擴散且Delta和Alpha出現的症狀不太感染Delta後出現症狀與一般感冒症狀極為類似不一定會有發燒症狀主要會出現頭痛、喉嚨痛及流鼻水因此他建議詢問TOCC時要加強詢問「兩痛一水」。
陳秀熙說若境外移入個案在集中檢疫所中出現類似症狀應要趕緊通報並做PCR採檢。另外他也建議4種人應該都要做基因定序第一為打過2劑疫苗仍染疫者需靠基因定序才能區分無法避免染疫原因。第二為二度確診者此類人也要透過基因定序追查是否有感染變異株。
第三則是已有群聚傳播地區目前就是以屏東社區及北農快篩陽性者做基因定序可從中監測是否有變異株威脅；最後為境外移入個案陳秀熙認為目前已有92國遭Delta侵襲若無法同時針對多人做基因定序建議每5人就做一個定序定期監測可防止變異株再度入侵。
★《中時新聞網》提醒您：因應新冠肺炎疫情疾管署持續加強疫情監測與邊境管制措施 如有疑似症狀請撥打：1922專線或 0800-001922 並依指示配戴口罩儘速就醫同時主動告知醫師旅遊史及接觸史以利及時診斷及通報。</t>
  </si>
  <si>
    <t>症狀delta變異基因建議出現監測加強詢問alpha類似感染才能屏東社區病毒</t>
  </si>
  <si>
    <t>新冠肺炎Delta印度變異株症狀基因定序</t>
  </si>
  <si>
    <t>印度變異delta症狀肺炎基因</t>
  </si>
  <si>
    <t>口罩員工道歉</t>
  </si>
  <si>
    <t>中央流行疫情指揮中心日前公佈社交距離指引室內需維持15公尺距離室外則是1公尺無法維持的地方如大眾運輸就得戴口罩。國內一名男子搭乘捷運不願戴口罩大鬧北捷東門站經發現為健保署非正式公務人員男子</t>
  </si>
  <si>
    <t>口罩距離維持男子中心日前公佈社交指揮無法發現地方門站大眾運輸指引室內國內</t>
  </si>
  <si>
    <t>中央流行疫情指揮中心日前公佈社交距離指引室內需維持15公尺距離室外則是1公尺無法維持的地方如大眾運輸就得戴口罩。國內一名男子搭乘捷運不願戴口罩大鬧北捷東門站經發現為健保署非正式公務人員男子今提出道歉聲明表示願意接受懲罰反省自己的過失。
健保署員工因不願戴口罩與保全、民眾起衝突引發圍觀被po上爆料公社。中央流行疫情指揮中心指揮官陳時中表示該男子為健保署非正式員工會請健保署好好處理。
男子今提出道歉聲明表示近期疫情緊張個人未能配合防疫措施反應不當引發社會負面觀感也造成機關聲譽受損。為此他已認真反省向社會道歉希望國人繼續支持防疫工作齊心對抗病毒。</t>
  </si>
  <si>
    <t>男子表示道歉口罩疫情防疫引發反省維持距離中心指揮聲明提出員工流行支持繼續機關無法聲譽</t>
  </si>
  <si>
    <t>健保署戴口罩北捷員工中央流行疫情指揮中心</t>
  </si>
  <si>
    <t>中央口罩員工流行疫情指揮中心</t>
  </si>
  <si>
    <t>病例悲觀官員變種疫苗印度擋下病毒單周暴時間</t>
  </si>
  <si>
    <t>英國正面臨源自於印度的Delta變種新冠病毒肆虐單周暴增逾3萬例相關病例即便已經有80%成人接種過1劑疫苗英國政府首席醫療官惠提（Chris Whitty）仍悲觀表示今年冬天英國可能還會面臨新一波疫情襲擊他預測</t>
  </si>
  <si>
    <t>面臨英國接種成人疫苗英國政府首席已經醫療病例官惠相關chriswhittydelta印度單周暴悲觀今年冬天表示肆虐</t>
  </si>
  <si>
    <t>英國正面臨源自於印度的Delta變種新冠病毒肆虐單周暴增逾3萬例相關病例即便已經有80%成人接種過1劑疫苗英國政府首席醫療官惠提（Chris Whitty）仍悲觀表示今年冬天英國可能還會面臨新一波疫情襲擊他預測接下來還會出現更多變種病毒全球可能還得等上5年才會出現擋得住變種病毒的疫苗。
綜合美媒CNBC、英國《衛報》（The Guardian）報導英國目前已經有超過4200萬人已經至少接種過1劑新冠疫苗相當於80%成人人口超過3000萬人已經完整接種2劑疫苗。
不過受源自於印度的變種新冠病毒Delta入侵影響英格蘭公共衛生署（Public Health England）18日宣佈過去一周Delta相關病例激增33630例較前一周激增79%住院數也翻倍目前英國境內Delta相關確診總數已來到75953例。英格蘭公共衛生署指出Delta病例主要為年輕族群當局已經在同日開放18歲以上族群大規模接種疫苗。
While cases of the #Delta #COVID19 variant are rising rapidly across the country the increase is primarily in younger age groups who are now being invited to receive the #vaccine pictwittercom/8d0weaCvrq
英國疫苗接種和免疫聯合委員會（Joint Committee On Vaccination And Immunisation JCVI）教授芬恩（Adam Finn）表示「第三波疫情肯定已經在發生中」雖然疫情沒有上升得更快但確實是在上升當中現在英國的情況就是在和Delta病毒賽跑讓更多老年人完成第2劑疫苗接種。
英國政府首席醫療官惠提17日在一場演說中也悲觀表示目前這波由Delta病毒引起的疫情可能會在冬天再度激增他認為接下來還會有更多變種病毒出現他甚至認為全球可能得再等上5年才會出現很大程度上能夠守得住一系列變種新冠病毒的各種疫苗。
他說在那之前政府需要推動新的疫苗計畫並且必須讓民眾追加第3劑疫苗。
為了及早因應變種病毒侵襲英國衛生部長漢考克（Matt Hancock）本月稍早表示英國已經開始和阿斯特捷利康公司（AstraZeneca）展開談判以達成針對變種病毒的疫苗合約；此外英國也已經開始進行追加疫苗劑量的試驗有報導指冬天之前英國人將補打第3劑疫苗。</t>
  </si>
  <si>
    <t>疫苗英國病毒已經deltathe接種變種表示疫情可能相關出現目前are病例激增之前</t>
  </si>
  <si>
    <t>#新冠肺炎#全球英國Delta變種病毒疫苗</t>
  </si>
  <si>
    <t>英國全球delta肺炎變種病毒疫苗</t>
  </si>
  <si>
    <t>藝人黃子佼距離吃飯</t>
  </si>
  <si>
    <t>鍾欣淩、王彩樺、小甜甜、蔡燦得、郭靜等不少藝人6日晚上都在社群平臺上傳照片、發文感謝黃子佼請吃晚餐原來他默默發起「疫起遠距離一起吃個飯」請王彩樺、小甜甜、鍾欣淩、蔡燦得、蔔學亮、黃韻玲、郭書瑤、郭</t>
  </si>
  <si>
    <t>蔡燦王彩小甜甜請吃晚餐黃子佼原來感謝默默發文發起照片上傳平臺都在社距離晚上一起藝人</t>
  </si>
  <si>
    <t>鍾欣淩、王彩樺、小甜甜、蔡燦得、郭靜等不少藝人6日晚上都在社群平臺上傳照片、發文感謝黃子佼請吃晚餐原來他默默發起「疫起遠距離一起吃個飯」請王彩樺、小甜甜、鍾欣淩、蔡燦得、蔔學亮、黃韻玲、郭書瑤、郭靜、丁文琪、Lulu、李明依、黃豪平、洪詩、宇珊、陳大天、無尊等30多位演藝圈好友上網點餐他全部付錢買單在疫情中帶給好友及經營餐廳的朋友許多溫暖。至於花了多少錢他笑說：「還沒結帳因為太多人了老闆一一親送來不及今天、明天、後天都還有我自己會是這一波的最後一單」。
黃子佼表示他訂的薺元小館是自己很常去吃的一家餐廳音樂人王治平老師也是股東之一因最近很常接到常去的餐廳發訊息請老客人多支持他於是順手滑了手機看有哪些最近有聯絡或很久沒一起吃飯的朋友「疫情期間想很多以前總是找一大堆理由這個不吃那個不去現在防疫期間發現要一起吃飯是這麼的難！所以來個另類方式請他們吃晚餐大家用照片隔空一起吃飯期待以後真的能面對面吃飯。也在非常時期幫年輕人（老闆）增加一點業績不要讓自己喜歡的店在疫情下成為遺憾」。
他說請吃飯的過程中其實有很多感人的互動自己也從中得到不少療癒、祝福與感動例如好友卜學亮的女兒剛好6日生日本來就在想要吃豐盛一點剛好他有此念頭就等於順便幫他們準備了生日餐。鍾欣淩原本就是這家餐廳常客她笑說跟黃子佼的愛店很重疊「會不會其實他暗戀我很久了」王彩樺特別要女兒錄音謝謝他蔡燦得也很感謝餐廳特別餵她準備素食至於小甜甜則是快生了他覺得應該要好好補一下亮嫂今天馬上投桃報李送了他兩盒冷凍牛腱「大家最近都過得很忐忑小小的動作散播一點溫暖又有彼此幫助的概念覺得很值得」。
黃子佼有感而發表示現在大家人心惶惶藝人身為公眾人物更應該努力成為穩定心情的力量就像過去帶給大家歡樂一樣應該努力用自己擅長的方式去面對自己的群眾和粉絲依然帶給他們很多能量與祝福甚至成為心情避風港讓大家放下一些不安。</t>
  </si>
  <si>
    <t>餐廳吃飯黃子佼一起好友最近疫情應該成為蔡燦今天小甜甜老闆祝福現在</t>
  </si>
  <si>
    <t>黃子佼吃飯小甜甜鍾欣淩新冠肺炎</t>
  </si>
  <si>
    <t>小甜甜吃飯肺炎黃子佼</t>
  </si>
  <si>
    <t>日本朝日電視台（TV Asahi）新聞節目「報導站」的43歲男主播富川悠太11日確診感染新冠肺炎他發燒後連續4天播報新聞7日在鏡頭前還咳到受觀眾關注。富川染疫後網上引起「新聞主播失格」、「關掉報導站」等嚴厲的批</t>
  </si>
  <si>
    <t>富川新聞報導新聞節目觀眾肺炎感染關注鏡頭asahi發燒確診播報連續</t>
  </si>
  <si>
    <t>日本朝日電視台（TV Asahi）新聞節目「報導站」的43歲男主播富川悠太11日確診感染新冠肺炎他發燒後連續4天播報新聞7日在鏡頭前還咳到受觀眾關注。富川染疫後網上引起「新聞主播失格」、「關掉報導站」等嚴厲的批判。
朝日電視台指出富川4月3日、4日發燒到38度後不久就退燒於是6日至9日都照常到電視台播報新聞。富川7日在鏡頭前出現聲音沙啞、乾咳等症狀8日開始感覺呼吸不順疑似肺炎的症狀持續不斷10日到東京的醫院住院檢查11日確診感染。
有網友說「7日他在播報新聞時一直咳我還擔心『沒問題嗎？』」、「天天在播報新冠肺炎擴散的危險性以及感染後出現的症狀怎麼自己一點警覺心都沒有！？」、「他本人和公司都欠缺危機意識」、「聽說他9日才向電視台報告身體不適身為主播這是不應該的行為疫情期間只要一度發燒就應自主觀察健康狀況才是就是有很多這樣的人東京才會疫情大爆發！」。</t>
  </si>
  <si>
    <t>富川播報新聞症狀發燒肺炎感染東京疫情出現報導電視臺確診朝日電視臺</t>
  </si>
  <si>
    <t>電視台播報新聞染疫新冠肺炎</t>
  </si>
  <si>
    <t>新聞播報電視臺肺炎</t>
  </si>
  <si>
    <t>確診車站臺北收治</t>
  </si>
  <si>
    <t>近期北農、士林養護之家爆發群聚感染引發熱議就連臺北車站的街友在上周也爆出有PCR陽性確診臺北市社會局緊急對上百名街友PCR採檢社會局指出萬華艋舺公園列冊街友截至6月底前有6名街友陸續確診已匡列接</t>
  </si>
  <si>
    <t>pcr確診養護爆發感染引發陸續臺北車站萬華指出公園社會局陽性上周上百</t>
  </si>
  <si>
    <t>近期北農、士林養護之家爆發群聚感染引發熱議就連臺北車站的街友在上周也爆出有PCR陽性確診臺北市社會局緊急對上百名街友PCR採檢社會局指出萬華艋舺公園列冊街友截至6月底前有6名街友陸續確診已匡列接觸者並安排入住防疫旅館臺北車站街友部分則有8名街友確診皆依中央疫情指揮中心規定辦理。
社會局說明自疫情爆發至今萬華為確診熱點區域針對臺北車站和艋舺公園積極防疫宣導萬華艋舺公園列冊街友有109人而截至6月底前有6名街友陸續確診社會局已匡列相關接觸者並安排入住防疫旅社大部分街友已陸續隔離完畢並再次採檢為PCR陰性或CT值高於30後解除隔離僅剩1名街友尚在住院隔離中。
社會局指出臺北車站的部分有3人在6月中因身體不適自行就醫採檢確診社會局陸續分批安排臺北車站列冊街友就醫採檢已列冊採檢169名街友及接觸者檢出5名確診總計8名街友確診其中3人為醫院收治、另外5人則入住防疫旅館居家隔離所有確診者與接觸者皆依中央疫情指揮中心規定辦理。
社會局表示因街友資訊及經濟弱勢且多數為高齡、健康狀況不佳基於街頭公衛防疫考量除將露宿街頭之街友列入優先施打疫苗對象外也包含街友中途之家的住民將媒合醫療院所或醫師公會做疫苗接種。</t>
  </si>
  <si>
    <t>確診社會局防疫車站臺北隔離pcr爆發接觸陸續入住疫苗安排公園疫情指出就醫</t>
  </si>
  <si>
    <t>街友確診臺北車站社會局採檢</t>
  </si>
  <si>
    <t>臺北車站確診社會局</t>
  </si>
  <si>
    <t>機密藍委經費不容許採購作業疫苗</t>
  </si>
  <si>
    <t>疫苗陸續到貨但捐贈的數量遠遠多於政府自購數量國民黨立委質疑政府採購疫苗的預算到6月底共花了67億元但真正用於購買疫苗的錢大約只有10億元其他的錢都花到哪裡去？審計長陳瑞敏以「疫苗採購支付是機密」拒</t>
  </si>
  <si>
    <t>疫苗數量採購國民黨陳瑞敏審計長錢都花質疑政府採購購買用於預算大約月底真正支付遠遠多於捐贈政府</t>
  </si>
  <si>
    <t>疫苗陸續到貨但捐贈的數量遠遠多於政府自購數量國民黨立委質疑政府採購疫苗的預算到6月底共花了67億元但真正用於購買疫苗的錢大約只有10億元其他的錢都花到哪裡去？審計長陳瑞敏以「疫苗採購支付是機密」拒絕透露。對此藍委李貴敏批評人民當然有權知道錢花到哪裡了官員如信口開河以機密為由拒絕國會監督只是傷害台灣民主法治。
李貴敏昨（17日）在臉書發文表示台灣疫苗嚴重缺乏尤其大部分疫苗都是國外捐贈政府實際採購進來劑量非常有限那採購疫苗這些錢到底用哪裡去了？當然不容許黑箱作業以機密為名拒絕國會監督。
李貴敏直言要知道國會為民把關目的就是要防止行政機關怠惰試想如果政府去年的疫苗預算能夠好好執行不就不會有今天這麼大的疫苗缺口？總不能不讓民代看這些資訊放任官員怠惰等明年決算出來後又是兩手一攤最終還是人民倒楣。
針對審計部說疫苗採購支付是機密一事李貴敏指出別的不說光是主計總處今年3月公文就已承認「COVID-19疫苗採購非屬機密預算」。特別在防疫優先考量下這筆錢不但很快就編了接著很快通過、很快執行又很快追加。既然疫苗預算不是機密檔編了預算錢用到哪裡去本來就是可以問可以查的由國會把關監督。
李貴敏強調人民當然有權知道錢花到哪裡了官員如信口開河以機密為由拒絕國會監督不但有違憲之虞更已嚴重傷害台灣的民主法治尤其作為民意代表必須幫百姓看好荷包看政府到底編了多少預算在哪些項目上更要監督自購疫苗到貨數嚴重偏低問題。</t>
  </si>
  <si>
    <t>疫苗預算機密政府採購監督國會拒絕嚴重人民臺灣當然怠惰官員到底知道執行</t>
  </si>
  <si>
    <t>機密預算新冠肺炎李貴敏疫苗採購</t>
  </si>
  <si>
    <t>肺炎李貴敏疫苗預算採購機密</t>
  </si>
  <si>
    <t>社交原來苦主距離接觸app確診</t>
  </si>
  <si>
    <t>半夜吃宵夜突收與確診者接觸通知！一名網友今在PTT上發文分享收到台灣社交距離App的通知說他在6/21曾與確診者接觸6分鐘讓他相當驚訝原來App真的有用目前也只能先做好自主管理。貼文也引起網友討論。一名網友</t>
  </si>
  <si>
    <t>app接觸通知網友確診自主管理只能目前有用真的分享發文收到原來ptt臺灣社交驚訝距離相當</t>
  </si>
  <si>
    <t>半夜吃宵夜突收與確診者接觸通知！一名網友今在PTT上發文分享收到台灣社交距離App的通知說他在6/21曾與確診者接觸6分鐘讓他相當驚訝原來App真的有用目前也只能先做好自主管理。貼文也引起網友討論。
一名網友今在PTT上發文表示半夜吃宵夜突然收到「台灣社交距離App」的通知只見訊息中寫著「6/21有跟確診者接觸6分鐘」雖然很驚訝但現在他也只能啟動自主健康管理的模式但突然收到這個通知也讓他忍不住感嘆道「原來台灣社交距離這個APP還真的有用。」
此外該網友也補充說明他認為自己會收到這個通知可能是因為他在6/21當天曾去過醫院進行快篩、PCR採檢當時等待的期間旁邊可能剛好有人是確診者。
從原PO分享的畫面中可見打開App以後首頁出現「與確診者資料比對有接觸」的紅色字體並提醒收到通知者冷靜面對並請自主健康管理。此外查看每日接觸狀況後6/17至6/25這10天內他曾在6/21日接觸確診者6分鐘。
貼文引起熱烈討論不少網友驚訝直呼「所以這個App還是有用的！」但也有網友看了很擔心說「看這篇的也毛毛的」、「感覺有點危險保險為上先和家人隔離」、「這時間區塊不妙」、「現在才收到通知嗎？」
另有網友留言也是其實這個App本身是沒有問題的但因為沒有強制大家安裝因此可能確診者安裝的人數不到一成因此頂多只能當作參考用。</t>
  </si>
  <si>
    <t>通知確診收到app網友接觸可能只能管理自主驚訝現在分享社交距離臺灣突然健康原來有用</t>
  </si>
  <si>
    <t>確診者社交距離App接觸台灣新冠肺炎</t>
  </si>
  <si>
    <t>接觸app臺灣距離社交確診肺炎</t>
  </si>
  <si>
    <t>壽險業太強匯兌台幣成本</t>
  </si>
  <si>
    <t>新台幣太強不避險會賠到趴地下。新台幣前8月兌美元已升值19％金管會6日公佈壽險業若完全不避險海外投資匯兌損失高達新台幣2059億元但即便用避險契約避掉1137億元、及用61億元外匯準備金沖抵匯損但同</t>
  </si>
  <si>
    <t>新 台幣 太強 不 避險 會 賠到 趴 地下 新 台幣 前 8 月 兌 美元 已 升值 19 金管會 6 日 公佈 壽險業 若 完全 不 避險 海外投資 匯兌 損失 高達新 台幣 2059億 元 但 即便 用 避險 契約 避 掉 1137億 元 及 用 61億 元 外匯 準備金 沖 抵 匯 損 但 同</t>
  </si>
  <si>
    <t>避險台幣準備金外匯契約金管會升值公佈壽險業完全海外投資地下賠到高達新損失匯兌</t>
  </si>
  <si>
    <t>新台幣太強不避險會賠到趴地下。新台幣前8月兌美元已升值19％金管會6日公布壽險業若完全不避險海外投資匯兌損失高達新台幣2059億元但即便用避險契約避掉1137億元、及用61億元外匯準備金沖抵匯損但同時間也付出1094億元買避險工具前八月壽險業匯兌總成本高達1955億元比去年同期增加32％。
9月新台幣兌美元再升值137％壽險業匯兌損失金額勢必加劇應有不少壽險公司外匯準備金大量減少可能又面臨警戒水位。
因為外匯準備金大量消失無本金遠期外匯（NDF）避險成本也漲到避不起壽險公司紛紛申請增提外匯準備金保險局副局長張玉煇也表示到9月底為止已核准8家壽險公司共增提10次外匯準備金增提金額達1635億元。
且因為8月台股指數小幅下跌058％台債及美債券指標利率稍稍上揚股債評價利益減少壽險業淨值8月一個月少掉850億元是3月新冠肺炎之後首見淨值縮水到8月底壽險業淨值2兆3029億元。
儘管匯兌成本極高但壽險業今年因為股債市都走多頭賣股賣債的資本利得創歷年新高因此前8月累計稅前盈餘達1868億元較去年同期多賺206億元成長幅度達124％。</t>
  </si>
  <si>
    <t>壽險業外匯避險準備金匯兌台幣壽險淨值公司減少金額成本去年同期月底損失升值</t>
  </si>
  <si>
    <t>大量上揚壽險業新台幣外匯準備金</t>
  </si>
  <si>
    <t>外匯台幣壽險業準備金上揚</t>
  </si>
  <si>
    <t>傳奇賴瑞金辭世主持人享壽美國</t>
  </si>
  <si>
    <t>傳奇殞落！美國有線電視網（CNN）當家脫口秀主持人賴瑞金（Larry King）23日與世長辭享年87歲。本月初傳賴瑞金感染新冠肺炎在洛杉磯醫院治療多時但家屬未透露他確切死因。賴瑞金官方推特發布聲明指他在加州</t>
  </si>
  <si>
    <t>賴瑞金電視網cnn當家官方脫口秀主持人死因larry確切美國king家屬透露治療享年醫院洛杉磯本月感染肺炎發佈與世長辭</t>
  </si>
  <si>
    <t>傳奇殞落！美國有線電視網（CNN）當家脫口秀主持人賴瑞金（Larry King）23日與世長辭享年87歲。本月初傳賴瑞金感染新冠肺炎在洛杉磯醫院治療多時但家屬未透露他確切死因。
賴瑞金官方推特發布聲明指他在加州洛杉磯西達斯西奈醫學中心（Cedars Sinai Medical Center）逝世。他本月初傳出去年底確診新冠肺炎並在醫院住院3周。先前還有消息稱他一度病情好轉離開加護病房並能自主呼吸。
不過由於他年事已高還患有心臟病、前列腺癌、肺癌、第二型糖尿病等宿疾因此原本就屬高風險族群。賴瑞金家屬表示之後將再宣佈他的後事安排狀況當下希望保有隱私。賴瑞金自1985年6月1日開始在CNN主持知名脫口秀節目「賴瑞金現場」（Larry King Live）6000多集節目中訪問過俄羅斯總統普丁、房地產大亨川普、達賴喇嘛等名流政要、話題人物還有電影明星、知名運動員甚至靈媒、詐騙專家等累積高達5萬人。他於2010年退休2年後又重返銀光幕在Ora電視台主持「Larry King Now」節目每週播出3次。
擅長連結時事與一般美國民眾生活的賴瑞金在節目出現時總是一貫黑框眼鏡與襯衫、西褲加吊帶造型形象鮮明。2010年6月他還打破同一時段、同一節目、同一人主持最久的金氏世界紀錄。他的年薪一度高達700萬美元。
賴瑞金身家豐厚據稱擁5千萬美元（約14億台幣）資產另一說高達17億美元（約48億台幣）。不過他畢生結過8次婚有7個老婆每離婚一次荷包就縮水一分。
賴瑞金育有5名子女去年他卻接連遭受白髮人送黑髮人的椎心之痛2位子女在數周內相繼離世。65歲兒子安迪（Andy King）7月下旬心臟病發不治；52歲女兒夏雅（Chaia King）也在確診肺癌不久後8月離世。</t>
  </si>
  <si>
    <t>賴瑞金king節目主持larry子女洛杉磯知名家屬確診一度美國肺癌高達cnn醫院肺炎脫口秀台幣</t>
  </si>
  <si>
    <t>肺癌肺炎Larry King本月初節目</t>
  </si>
  <si>
    <t>本月larryking肺炎節目肺癌</t>
  </si>
  <si>
    <t>母女高齡成功武漢出院</t>
  </si>
  <si>
    <t>97歲高齡也抗疫成功！2月29日上午湖北武漢的華中科技大學附屬協和醫院西院有一位97歲的新冠肺炎危重症患者治癒出院為目前院內成功治癒、歲數最大的患者；與其同時染疫入院治療的75歲女兒也已於2月23日出院。</t>
  </si>
  <si>
    <t>成功患者治癒女兒治療入院華中科技大學附屬協和醫院西院上午武漢湖北肺炎危重症歲數出院目前院內已於</t>
  </si>
  <si>
    <t>97歲高齡也抗疫成功！2月29日上午湖北武漢的華中科技大學附屬協和醫院西院有一位97歲的新冠肺炎危重症患者治癒出院為目前院內成功治癒、歲數最大的患者；與其同時染疫入院治療的75歲女兒也已於2月23日出院。這對高齡母女雙雙治癒出院的好消息相當振奮人心。
1月29日武漢江漢區的付姓老婦人與女兒因持續高熱、咳嗽同時被送到協和西院並經確診為新冠肺炎。出院時付老太太雙手合十向醫護人員連連致謝：「我都能戰勝病毒相信其他患者也一定可以。」</t>
  </si>
  <si>
    <t>患者出院治癒女兒武漢成功西院肺炎高齡致謝連連向醫護人員相信合十病毒戰勝雙手老太太高熱持續咳嗽</t>
  </si>
  <si>
    <t>永和新北熱區防疫升溫中心疫情</t>
  </si>
  <si>
    <t>疫情持續升溫新北市長侯友宜25日宣佈26日開始將再新增永和、新店兩處各10裡設置熱區防疫中心設置在活動中心強化三級警戒服務。侯友宜說新北市今天最新疫情新增本土154校正回歸89人。新北市衛生局表示</t>
  </si>
  <si>
    <t>新增侯友宜新北疫情設置中心校正本土最新警戒服務今天回歸熱區活動市長宣佈強化開始</t>
  </si>
  <si>
    <t>疫情持續升溫新北市長侯友宜25日宣佈26日開始將再新增永和、新店兩處各10裡設置熱區防疫中心設置在活動中心強化三級警戒服務。
侯友宜說新北市今天最新疫情新增本土154校正回歸89人。新北市衛生局表示第一階段熱區防疫中心市板橋的東區12裡與中和漳和區8裡第二階段則市三重西南區12裡與新莊北區10裡。
這次新增的是新店安康區5裡與永和第二區5裡位置設在都設在活動中心請民眾加強注意。</t>
  </si>
  <si>
    <t>新增中心侯友宜階段活動新北熱區防疫疫情設置都設本土校正回歸警戒最新今天服務新北市衛生局</t>
  </si>
  <si>
    <t>熱區防疫中心侯友宜新店永和</t>
  </si>
  <si>
    <t>侯友宜中心防疫永和熱區</t>
  </si>
  <si>
    <t>加強出現旅遊超前南市稽查解封套房</t>
  </si>
  <si>
    <t>台南市列管的非法日租套房有上百家因應未來微解封後可能出現的旅宿訂房潮市府觀光旅遊局超前部署針對隱身市區住宅或社區大樓內的非法日租套房邀集各局處加強查緝避免防疫產生破口。觀旅局表示非法日租套</t>
  </si>
  <si>
    <t>套房未來解封可能避免出現因應查緝部署超前住宅隱身市區防疫加強上百社區宿訂房市府產生觀光旅遊</t>
  </si>
  <si>
    <t>台南市列管的非法日租套房有上百家因應未來微解封後可能出現的旅宿訂房潮市府觀光旅遊局超前部署針對隱身市區住宅或社區大樓內的非法日租套房邀集各局處加強查緝避免防疫產生破口。
觀旅局表示非法日租套房通常透過各大訂房網如agoda及bookingcom等刊登非法廣告營業鑑於業者往往未能落實防疫又不作消防安檢加上擾鄰嚴重也無投保公共意外險旅客入住令人擔憂。
觀旅局指出全市去年列管在案的非法日租計有117家列管案件每年均會逐案辦理聯合稽查採輔導與裁罰並重去年共裁罰110家次裁罰金額735萬6000元但也輔導26家非法業者轉為旅宿合法登記。今年迄今已裁罰55家次裁罰金額426萬6000元同時也輔導6家合法登記。
因應7月12日微解封在即觀旅局持續派員到場查緝5日稽查4家非法日租套房結果發現有1家轉型長租1家入內後無營業樣態2家雖無法入內但後續仍將依網路營業事證辦理後續裁處事宜觀光發展條例除可罰鍰6萬元以上、30萬元以下並勒令歇業外一旦勒令歇業仍繼續經營得按次處罰主管機關得移送相關主管機關採取停止供水、供電、封閉、強制拆除或其他必要可立即結束經營的措施且費用由經營者負擔。
觀旅局長郭貞慧說該局已掌握非法營業情形並積極納管對未領取登記證的業者採輔導與裁罰並重除希望非法業者盡速依法申請設立登記或轉型退場也定期函文各知名訂房網站通知下架並公告違規業者名單。
尤其現在正值防疫作戰關鍵時刻觀旅局也呼籲解封後第一時間想到台南旅遊的民眾訂房時先查閱台南旅遊網或台灣旅宿網務必選擇合法旅宿入住才能維護自身住宿的安全。</t>
  </si>
  <si>
    <t>業者營業套房防疫合法輔導經營台南解封後續辦理入住轉型列管</t>
  </si>
  <si>
    <t>新冠肺炎台灣非法日租套房觀旅局輔導</t>
  </si>
  <si>
    <t>套房臺灣肺炎輔導</t>
  </si>
  <si>
    <t>感染大學生南韓椅子確診delta沒看病毒</t>
  </si>
  <si>
    <t>南韓文化廣播公司新聞(MBC News)6日報導Delta變種病毒的強大傳染能力讓疫情變得極有威脅性。南韓全羅道木浦市3日傳出2名確診的大學生即使沒有接觸到確診者也沒有拿下口罩或飲食疑因坐在確診者曾坐過的椅子</t>
  </si>
  <si>
    <t>確診南韓沒有newsmbc傳染強大能力疫情報導delta變種病毒坐在威脅全羅道木浦口罩飲食拿下</t>
  </si>
  <si>
    <t>南韓文化廣播公司新聞(MBC News)6日報導Delta變種病毒的強大傳染能力讓疫情變得極有威脅性。南韓全羅道木浦市3日傳出2名確診的大學生即使沒有接觸到確診者也沒有拿下口罩或飲食疑因坐在確診者曾坐過的椅子而不幸確診。
報導中指出這2名大學生因出現咳嗽、肌肉痠痛等症狀而前往醫院篩檢並確診。經過足跡調查後發現他們去的咖啡廳曾有確診者造訪。不過兩人與確診者停留在該咖啡廳的時間不同故一度造成疫調困擾。
木浦市衛生官員表示這2人全程戴著口罩也沒有飲食而且坐在確診者使用過的桌椅僅有短暫的時間。
調查顯示確診者來到這間咖啡廳、喝完飲料並離開的時間約為17時6分。4分鐘後2名大學生進入該咖啡廳並坐在確診者曾用過的桌椅以等待打工的朋友下班停留時間約20分鐘。
官員推測2人沒有和確診者同處一室也沒有拿下口罩飲食很可能是因為使用同一張桌椅而感染。「如果是同處在同一空間中大多都會感染；但如果沒有共處一室很可能是因為環境或其他接觸而感染」。
中山醫院家庭醫學科主治醫師陳欣湄提醒新冠病毒的傳染途徑主要有3種。第一種是飛沫感染比例也最高；其他2種分別為氣溶膠與病毒掉落於物體造成間接感染。
就間接感染而言病毒在不同材質的存活時間不一。金屬材質可存活5至9天塑膠材質則是2至3天。至於紙板等材質則可達24小時。</t>
  </si>
  <si>
    <t>確診感染病毒時間沒有咖啡大學生桌椅材質報導傳染坐在木浦口罩官員調查接觸造成不同</t>
  </si>
  <si>
    <t>新冠肺炎南韓Delta口罩飛沫</t>
  </si>
  <si>
    <t>南韓delta肺炎口罩</t>
  </si>
  <si>
    <t>解禁顧客須先八大符合</t>
  </si>
  <si>
    <t>中央流行疫情指揮中心宣佈無陪侍服務的歌聽、舞廳、夜總會等八大行業11月2日起只要符合防疫規定可有條件開放營業至於有陪侍服務的業者預計11月16日解禁不過顧客必須符合一個關鍵「低消」條件也就是至</t>
  </si>
  <si>
    <t>條件符合服務中心宣佈關鍵必須指揮顧客開放可有營業規定防疫解禁八大行業至於夜總會舞廳</t>
  </si>
  <si>
    <t>服務八大符合開放行業是否疫苗顧客接種防疫疫情從業人員條件提供口罩新聞網</t>
  </si>
  <si>
    <t>八大行業酒店解禁陪侍服務酒店小姐</t>
  </si>
  <si>
    <t>酒店解禁服務行業小姐八大</t>
  </si>
  <si>
    <t>飯店肺炎觀光疫情臺北強襲晚上buffet</t>
  </si>
  <si>
    <t>新冠肺炎疫擴大嚴重衝擊觀光飯店餐飲生意！由於擔心染疫外食人口銳減觀光飯店繼啟動餐飲外賣與外送服務「開源」後更正式實施「節流」方案紛紛調整館內餐廳、酒吧甚至Room Serveci客房餐飲服務與供餐時間</t>
  </si>
  <si>
    <t>餐飲飯店服務觀光紛紛調整館內方案餐廳酒吧客房節流實施正式serveci甚至擴大room開源嚴重衝擊銳減人口</t>
  </si>
  <si>
    <t>新冠肺炎疫擴大嚴重衝擊觀光飯店餐飲生意！由於擔心染疫外食人口銳減觀光飯店繼啟動餐飲外賣與外送服務「開源」後更正式實施「節流」方案紛紛調整館內餐廳、酒吧甚至Room Serveci客房餐飲服務與供餐時間臺北陸續有多家飯店從館內最有人氣、最賺錢的「金雞母」吃到飽自助餐廳下手停止供應晚餐希望減少人力與食材成本全面節能節流、減少開支。
據調查位在大直、周邊豪宅林立的臺北萬豪酒店已低調通知客人館內Garden Kitchen餐廳晚餐時段暫時停止服務至2/29日。凱撒飯店連鎖旗下臺北凱撒大飯店館內「Checkers」自助餐餐廳停止供應平日與假日晚餐與平日下午茶萬華凱達飯店館內「百宴」自助餐廳4月底前週一至週四晚上亦暫停營業。
而臺北W 飯店的「 The Kitchn Table」自助餐廳週二至週四晚餐暫停營業午餐則改為單點菜單。國泰萬怡酒店「MJ Kitchen」亦暫停供應晚餐臺北文華東方酒店則在官網上公告調整館內部份餐廳與酒吧營業時間至於詳細內容則希望客人直接去電詢問。另外日系大倉久和酒店館內自助餐廳則下午茶時段暫停營業。寒舍艾麗酒店則告知房客Room Service客房餐飲只從上午6點供應至早上11點客人有需求則改到6樓餐廳。
上述觀光飯店除臺北凱撒、萬華凱達以及寒舍艾麗酒店外分屬不同國際酒店集團體系下直營或加盟酒店如今這些觀光飯店先後「發難」調整餐廳營業時間甚至停止供應晚餐預料將引發骨牌效應後續還會有更多同業跟進。
上述觀光飯店調整營業時間的餐廳多屬飯店內的全日營業的自助餐廳這些餐廳除接待國人午、晚餐下午茶外另一項重要功能是負責供應下榻飯店房客的早餐。如今業者紛紛暫停晚餐時段顯示新冠肺炎疫情確使外人來台旅行市場量縮急凍且即便是「吃到飽」也無法「誘」使國人走出家門外食迫使業者必須採取更積極的節流方式自保。
臺北萬豪酒店近期住房率平均約二至三成且餐飲生意亦因客人不敢出門衰退於是率同業之先2月底前停止Garden Kitchen晚餐飯店認為現在客人不上門的原因「是怕不是貴」殺價促銷客房或多賣一二個便當實無濟於事。
臺北凱撒飯店與萬豪凱達飯店調整餐廳營業時間主要是可集中客源避免人力資源浪費重新調整人力配置進行有效運用。</t>
  </si>
  <si>
    <t>飯店臺北晚餐餐廳酒店客人供應調整館內自助餐餐飲觀光停止節流營業時間客房服務時段凱撒暫停營業kitchen</t>
  </si>
  <si>
    <t>餐廳晚餐觀光飯店供應自助餐廳</t>
  </si>
  <si>
    <t>飯店供應觀光自助餐晚餐餐廳</t>
  </si>
  <si>
    <t>疫苗月底全球聯盟台?az到貨covax</t>
  </si>
  <si>
    <t>在台灣新冠疫情嚴峻之際和世界衛生組織（WHO）共同運作COVAX疫苗分配計畫的全球疫苗與預防注射聯盟（GAVI Alliance）今（17）日表示預期台灣最慢6月底前就能獲得所分配的AZ新冠疫苗。路透社報導在台灣社區傳播</t>
  </si>
  <si>
    <t>疫苗臺灣分配路透社表示聯盟預期gavialliance月底預防注射世界衛生組織whocovax之際運作共同嚴峻獲得az報導</t>
  </si>
  <si>
    <t>在台灣新冠疫情嚴峻之際和世界衛生組織（WHO）共同運作COVAX疫苗分配計畫的全球疫苗與預防注射聯盟（GAVI Alliance）今（17）日表示預期台灣最慢6月底前就能獲得所分配的AZ新冠疫苗。
路透社報導在台灣社區傳播疫情上升之際全球疫苗與預防注射聯盟今日表示預期台灣最慢6月底前就能獲得所分配的AZ新冠疫苗。
全球疫苗與預防注射聯盟指出「目標是2月至6月間配送7600萬劑AZ疫苗以供應多達80個國家我們預期很快向台灣交付下一批疫苗。」
全球疫苗與預防注射聯盟與世界衛生組織共同運作疫苗分配計畫對取得疫苗困難的國家提供新冠疫苗。
疫情指揮中心4月時表示COVAX一共將提供台灣476萬劑疫苗當中102萬劑為AZ疫苗目前COVAX第一波已分配台灣1992萬劑AZ疫苗。
台灣目前一共向國際洽購2000萬劑疫苗包括向阿斯特捷利康（AstraZeneca）直購1000萬劑AZ疫苗、向莫德納（Moderna）購買505萬劑另外也從COVAX平臺分配476萬劑目前向國際取得的疫苗中199萬劑來自於COVAX另外117萬劑屬於直購的AZ疫苗。此外政府也預計向國內2家進入二期臨床試驗的疫苗廠商採購1000萬劑疫苗。</t>
  </si>
  <si>
    <t>疫苗臺灣azcovax分配預防注射表示聯盟全球預期疫情目前之際國家提供國際取得一共世界衛生組織共同運作計畫臨床進入</t>
  </si>
  <si>
    <t>COVAX6月底台灣AZ疫苗</t>
  </si>
  <si>
    <t>疫苗臺灣covaxaz月底</t>
  </si>
  <si>
    <t>隔離中產女娃團圓新北新生</t>
  </si>
  <si>
    <t>在醫護員歡唱「生日快樂」樂聲中6月1日確診併發重症緊急剖婦生產的新北周姓婦人產後15日陽轉陰就在今天（16日）媽媽終於見到寶寶要出院返家；中山醫學大學附設醫院也透過直播為這為勇媽辦慶生以及歡送會她也用</t>
  </si>
  <si>
    <t>勇媽直播透過確診醫院併發附設大學重症中山醫學返家出院生產緊急媽媽產後終於婦人見到寶寶北周樂聲</t>
  </si>
  <si>
    <t>在醫護員歡唱「生日快樂」樂聲中6月1日確診併發重症緊急剖婦生產的新北周姓婦人產後15日陽轉陰就在今天（16日）媽媽終於見到寶寶要出院返家；中山醫學大學附設醫院也透過直播為這為勇媽辦慶生以及歡送會她也用沙啞聲音表達感謝並坦言這次生產沒家人陪伴是孤獨的感謝醫療團隊陪她挺過。
新北這名38歲媽媽先生等一家多人確診懷孕34週的她原本在南投的集中檢疫所隔離5月31日突出現呼吸衰竭被轉至中山附醫搶救並在隔日緊急剖婦產考量在負壓隔離病房手術要減少寶寶、醫護曝露婦科權威陳進典只帶一名助手在26分鐘內完成麻醉與剖腹生產手術。
早產4週的新生兒經3次新冠病毒檢驗均為陰性確認未垂直感染。中山附醫兒童部醫師李英齊指出寶寶因早產曾出現呼吸窘迫、血氧不足但經細心照顧目前寶寶已從出生時2600公克增重到2900公克進食與神經反應都不錯。
而術後媽媽仍因呼吸衰竭插管中山附醫護理部護理長表示在使用呼吸器期間產婦清醒後第一件事情是請求醫療團隊給予寶寶的照片期間新生兒護理師們不斷拍寶寶照片或用視訊讓媽媽一解與女隔離相思之苦。
而在重症醫護團隊努力和產婦堅強的求生意志下其肺炎病情逐漸好轉於7日後拔管自主呼吸且在連續三次的採檢後終於昨天（15日）確認已無病毒存在的反應中山附醫醫護團隊依規定通報衛生主管機關後解除產婦的隔離措施媽媽也終於可以和寶貝團圓而中山附醫也在16上午為媽媽慶生更獻上醫療團隊製作「為母則強」卡片要讓周女士帶回紀念這疫情中驚奇的生命之旅。
因為長時間插管周女士喉嚨沙啞表示這次生產沒人陪伴是孤獨的她感謝中山附醫全體醫療人員給予她滿滿關懷與愛讓無助的她有勇氣面對。
中山附醫院總院長蔡明哲總院長表示為母則強周女士很勇敢一個人獨自簽下手術同意書讓醫療團隊相當欽佩希望這名媽媽求生意志堅強成功康復的病例可以鼓舞在疫情陰影下的苦悶人心。</t>
  </si>
  <si>
    <t>媽媽寶寶中山團隊醫療醫護手術隔離產婦表示終於生產感謝疫情呼吸求生早產可以反應</t>
  </si>
  <si>
    <t>新冠肺炎台灣媽媽中山附醫寶寶</t>
  </si>
  <si>
    <t>媽媽臺灣中山肺炎寶寶</t>
  </si>
  <si>
    <t>紓困清潔費小鎮減半</t>
  </si>
  <si>
    <t>新冠肺炎疫情擴散觀光產業受影響攤商生音心大不如前集集鎮公所紓困開第一槍自4月起集集火車站東側臨時攤販區清潔費5折優惠2個月有20多位業者受惠。肺炎疫情全球蔓延民眾聞之色變不敢出門搭車觀</t>
  </si>
  <si>
    <t>疫情肺炎民眾蔓延擴散全球觀光不敢影響大不如前集集鎮公所紓困火車站東側攤販清潔費</t>
  </si>
  <si>
    <t>新冠肺炎疫情擴散觀光產業受影響攤商生音心大不如前集集鎮公所紓困開第一槍自4月起集集火車站東側臨時攤販區清潔費5折優惠2個月有20多位業者受惠。
肺炎疫情全球蔓延民眾聞之色變不敢出門搭車觀光旅遊人數銳減原本人潮洶湧的集集火車站商圈也變得冷冷清清門可羅雀！
集集鎮長陳紀衡表示因應疫情變化政府各種措施不斷更新受到疫情影響各行各業都受到衝擊也影響集集觀光小鎮的攤商營運。
民眾因為恐懼疫情感染而減少外出旅遊觀光人潮減少2至3成為與攤商共體時艱因此鎮公所推出減收清潔費方案此外集集鎮公所也持續宣傳中央政府的紓困方案並輔導業者申請適合的紓困補助希望能夠減低攤商營運負擔共同度過這波疫情的衝擊。</t>
  </si>
  <si>
    <t>疫情集集鎮紓困公所觀光影響火車站業者清潔費人潮民眾方案營運肺炎減少受到衝擊搭車出門人數觀光旅遊不敢銳減變化原本</t>
  </si>
  <si>
    <t>新冠肺炎集集火車站疫情</t>
  </si>
  <si>
    <t>疫情肺炎火車站</t>
  </si>
  <si>
    <t>霸權失敗復蘇經濟斯潘劣勢葛林</t>
  </si>
  <si>
    <t>美國聯準會前主席葛林斯潘週一(17日)發文稱美國應對新冠肺炎疫情失敗可能破壞其經濟復甦並使美國在爭奪全球霸權的長期鬥爭中處於競爭的劣勢。他表示：「美國未能有效地限制新型冠狀病毒的傳播使它的經濟復甦</t>
  </si>
  <si>
    <t>美國經濟復蘇葛林主席斯潘週一發文應對新表示劣勢有效肺炎競爭冠狀處於失敗長期鬥爭限制病毒疫情可能霸權</t>
  </si>
  <si>
    <t>美國聯準會前主席葛林斯潘周一(17日)發文稱美國應對新冠肺炎疫情失敗可能破壞其經濟復甦並使美國在爭奪全球霸權的長期鬥爭中處於競爭的劣勢。他表示：「美國未能有效地限制新型冠狀病毒的傳播使它的經濟復甦之路更加『惡化』並為大陸成為世界主要超級大國打開了大門。」
葛林斯潘於Advisors Capital Management撰寫的文章中表示美國有時看起來已迷失方向疫情危機對美國在全球的主導地位構成了真正的威脅。反觀大陸在擴展經濟方面持續取得成功包括率先在疫情中復甦過來。
他說：「病毒在美國的重新流行威脅著我們的經濟復甦。」 「隨著世界上兩個最大經濟體之間政治緊張局勢的加劇由此產生的平衡力量仍不明確但日益受到人們的關注。」
葛林斯潘說美國未能有效應對新冠肺炎危機爆發只會削弱其競爭地位。疫情在美國的死灰復燃可能阻礙經濟復原。
美國在創造未來所有行業中都處於領先地位例如人工智慧、機械人技術、無人駕駛汽車及金融業。儘管美國存在民粹主義問題但其擁有相對穩定的政治制度。
他認為美國需要找到解決阻礙增長的問題的政治意願包括政府在福利項目上的支出失控並檢討相關的法規。</t>
  </si>
  <si>
    <t>美國疫情經濟復蘇葛林斯潘政治問題包括處於世界危機大陸競爭威脅阻礙全球病毒表示可能肺炎應對新有效</t>
  </si>
  <si>
    <t>新冠疫情大陸美國葛林斯潘經濟復甦</t>
  </si>
  <si>
    <t>美國葛林大陸斯潘疫情經濟復蘇</t>
  </si>
  <si>
    <t>返台阿圓浪費資源</t>
  </si>
  <si>
    <t>Youtuber「一隻阿圓」在2/20前往韓國工作兩日後新冠肺炎警戒卻飆高至二級在緊急返台後不料她沒有遵守自主管理出門工作更全程沒有戴口罩參加Youtuber界「走鐘獎」聚會引發網民撻伐雖然她已出面道歉卻難</t>
  </si>
  <si>
    <t>工作沒有youtuber引發聚會鐘獎韓國日後警戒高至肺炎參加緊急返台口罩不料遵守</t>
  </si>
  <si>
    <t>Youtuber「一隻阿圓」在2/20前往韓國工作兩日後新冠肺炎警戒卻飆高至二級在緊急返台後不料她沒有遵守自主管理出門工作更全程沒有戴口罩參加Youtuber界「走鐘獎」聚會引發網民撻伐雖然她已出面道歉卻難以平息眾怒連鄉民女神潔哥也開嗆：「WTF拜託一下不要這麼自私好嗎？」
面對新冠肺炎（COVID-19NCP）疫情當前潔哥昨日特別在臉書發文呼籲在這時間點能不出國就不要出國不要急在這時間點出去更透露自己也取消出遊計畫「我連英國沒什麼人中標的國家都取消去玩了。」同時提到韓國陷入大爆發階段往前推14天都有可能是潛伏期明顯開轟一隻阿圓「去韓國回來馬上參加Ytr 大型聚會不戴口罩？？？說真的防疫會有缺口都是這種人害的。」也在留言區表示「她中標的話就是台灣最大ytr傳染大會惹。」
對於惹上風波阿圓火速表示自己會前往篩檢但也引發網友親自諮詢桃園醫院後表示「現在想做篩檢可能只是為了讓大家安心吧？這個原因在我看來蠻浪費資源的。因為部分醫院有表示即使是感染者在沒症狀階段也可能因病毒量低不易檢出為確保疫情防治與醫療資源準確應用在需要的地方所以疑似個案接觸者在沒有症狀階段建議每日早晚量體溫進行自我健康觀察有發燒跟呼吸症狀再撥打1922專線。」
而阿圓在最終道歉文中再次表示自己疏忽二級警示的詳細規範坦言自己有疏忽而對於輕率刪除網友的留言她也反省「在與朋友們的討論後我已理解到網友們的想法與提醒接下來我也會好好調整我的心態做出行動。」
一隻阿圓CIRCLE? ? 왕리영（@nanaciaociao）分享的貼文 於 PST 2020 年 2月 月 29 日 上午 1:40 張貼</t>
  </si>
  <si>
    <t>阿圓表示沒有症狀網友可能階段韓國疫情不要道歉引發工作聚會取消ytr</t>
  </si>
  <si>
    <t>一隻阿圓潔哥阿圓篩檢韓國</t>
  </si>
  <si>
    <t>阿圓韓國</t>
  </si>
  <si>
    <t>密閉空間別跑陳時中口罩</t>
  </si>
  <si>
    <t>呼籲感染民眾暫停出門通風就要民意代表口罩中央流行疫情指揮密閉今天陳時中指揮官中心對於專家強調院內黃立民地方失禮</t>
  </si>
  <si>
    <t>口罩沒有中心指揮呼籲密閉民眾目前強調參加疾病疫情流行呼吸道感染中央對於嚴格院內</t>
  </si>
  <si>
    <t>柯文哲封城自主</t>
  </si>
  <si>
    <t>疫情連日升溫各縣市政府管控加嚴臺北市長柯文哲表示北市感染數趨緩目前疫情雖可控制但是是靠民眾自主封城若再拖3個月餓死的會比病死的多。柯文哲表示目前看起來感染數目沒有一直上升「好像還有趨</t>
  </si>
  <si>
    <t>目前表示感染柯文哲疫情一直沒有數目自主封城民眾臺北市看起來上升控制北市數趨管控好像</t>
  </si>
  <si>
    <t>疫情連日升溫各縣市政府管控加嚴臺北市長柯文哲表示北市感染數趨緩目前疫情雖可控制但是是靠民眾自主封城若再拖3個月餓死的會比病死的多。
柯文哲表示目前看起來感染數目沒有一直上升「好像還有趨緩」事實上用數字看12區狀況看起來嚴重度是下降但很均勻分佈在北市行政區。
柯文哲表示目前疫情可以壓制住但壓住的代價很大若一旦解封感染數必會飆升但目前還可以維持多久現在餐廳夜市、藝文活動都停掉這樣還可以撐多久若再撐三個月「我認為餓死比病死的多」。
目前北市AZ疫苗施打狀況柯文哲表示本月27日中央配送22萬劑至今共施打1萬5678人。中央本周要給56劑給北市他規劃第一線的醫護先打預計週三可施打完成再來是工作的警消等。
柯文哲認為中央應要給地方時程表因打疫苗仍要規劃生產線等包括需要醫生、護理師、文書人員與地點安排等這是後勤補給問題若中央有明確行程才有辦法規劃打疫苗計畫。
柯文哲直言每天都搞不清楚疫苗數量「他們搞神秘」常常前2天才跟你說要給多少量坦白講生產線很難規劃這是目前困擾。</t>
  </si>
  <si>
    <t>柯文哲目前規劃中央疫苗北市表示可以感染疫情看起來狀況生產線施打認為</t>
  </si>
  <si>
    <t>柯文哲北市規劃餓死疫情</t>
  </si>
  <si>
    <t>北市規劃柯文哲疫情</t>
  </si>
  <si>
    <t>病例全是密集症狀</t>
  </si>
  <si>
    <t>大陸廣東省廣州市增城區密集發現病例出現跨市和跨省感染。自4月27日以來廣州增城區新塘鎮已第5次被通報為病例來源地。廣州市疾控中心副主任張周斌介紹這些感染者都是無症狀感染者。大家不用擔心因為他的傳播</t>
  </si>
  <si>
    <t>病例增城區感染者介紹密集張周斌主任症狀發現廣州市疾控中心來源地跨市出現通報感染以來廣州新塘鎮不用廣州市擔心廣東省傳播</t>
  </si>
  <si>
    <t>大陸廣東省廣州市增城區密集發現病例出現跨市和跨省感染。自4月27日以來廣州增城區新塘鎮已第5次被通報為病例來源地。廣州市疾控中心副主任張周斌介紹這些感染者都是無症狀感染者。大家不用擔心因為他的傳播力是有限的。
據大陸駐俄羅斯大使館官微消息自5月8日起所有搭乘中國國際航空公司（國航）莫斯科飛北京航班的乘客須出示由該館於4月30日在使館網站和微信公眾號公佈的6家檢測機構（莫斯科和聖彼得堡市各3家）出具的120小時內核酸檢測陰性證明文件方可登機俄羅斯其他地區檢測機構資訊將於近日公佈。
增城區第5次被通報
廣州衛健委消息5月2日廣州新增1例無症狀感染者來自增城。連日來增城報告多例無症狀感染者。這是自4月27日以來廣州增城區新塘鎮第5次被通報為病例來源地。除了廣州其他省及市報告的病例中也出現與增城有關聯的。
5月2日新增無症狀感染者病例是4月27日增城一例感染者的密切接觸者。4月26日廣州增城區新塘鎮報告1例無症狀感染者從事網上服裝銷售具體感染來源未定。4月27日廣州報告的7例無症狀感染者中有6例與4月26日增城區新塘鎮病例有關是其5名家庭成員和1名密切接觸的同事。4月30日和5月1日增城連續兩日新增1例無症狀感染者。
專家：傳播力有限
除了廣州4月29日深圳市也報告1例病例與增城有關聯；4月28日廣西天等縣也報告稱該地出現增城病例的密切接觸者。目前增城正全力甄別密切接觸者。
廣州市疾控中心副主任張周斌介紹這幾天都在增城現場進行疫情處置。在這次處置過程中發現的這些感染者都是無症狀感染者。對於無症狀感染者來說實際上大家也不用擔心因為他的傳播力是有限的。
5月3日俄羅斯新增新冠肺炎確診病例1萬633例累計13萬4687例累計死亡1280例。大陸駐俄羅斯大使館根據民航主管部門最新要求自5月8日起所有搭乘中國國航莫斯科─北京航班的乘客須出示6家檢測機構出具的120小時內核酸檢測陰性證明文件方可登機。</t>
  </si>
  <si>
    <t>病例感染者廣州症狀檢測增城區報告機構密切接觸莫斯科有限大陸新塘鎮出現俄羅斯傳播公佈通報發現</t>
  </si>
  <si>
    <t>廣州羅斯無症狀感染感染報告</t>
  </si>
  <si>
    <t>感染症狀廣州羅斯報告</t>
  </si>
  <si>
    <t>姐妹醫護確診臺灣推出西班牙病房令人感動揚名</t>
  </si>
  <si>
    <t>新冠肺炎疫情蔓延全球行政院僑務委員劉金枝2個女兒在西班牙擔任醫護力抗新冠肺炎竭盡全力拯救病人結果兩人卻雙雙不幸確診。所幸在醫院照料下兩人病況逐漸好轉當劉金枝大女兒被推出加護病房時現場醫院</t>
  </si>
  <si>
    <t>女兒劉金枝肺炎醫院推出蔓延確診不幸照料僑務委員結果行政院全球病人病況拯救好轉竭盡全力逐漸力抗新西班牙擔任醫護</t>
  </si>
  <si>
    <t>新冠肺炎疫情蔓延全球行政院僑務委員劉金枝2個女兒在西班牙擔任醫護力抗新冠肺炎竭盡全力拯救病人結果兩人卻雙雙不幸確診。所幸在醫院照料下兩人病況逐漸好轉當劉金枝大女兒被推出加護病房時現場醫院醫護人員皆列隊為她拍手加油這一幕令人感動不已！
國民黨不分區立委溫玉霞在臉書發文表示日前西班牙的疫情慘重該國的醫療體系瀕臨崩潰但醫護人員仍堅守崗位搶救病患其中就有我的好友、也是僑務委員劉金枝的一對寶貝女兒。大女兒Diana是麻醉師兩位女醫護人員不眠不休工作上個月卻不幸被感染新冠病毒Diana在醫院戴了15天的呼吸器小女兒在家隔離治療所幸目前已經在家隔離休養中。
「當時聽聞此事讓我既心疼又擔心」溫玉霞接著表示之後看到大女兒躺在病床被推出急診室的錄影畫面醫院醫護人員皆列隊為她拍手加油這一幕令人感動不已更為劉僑務委員和其女兒的表現深感驕傲！台灣的女兒在異國發光發熱為了救治病人勇敢和病毒奮戰劉金枝的先生也是醫師父母都全力支持女兒在僑居地犧牲奉獻這一家人都是台灣之光！
溫玉霞指出近日西班牙的電視和報紙都大篇幅報導此事特別分享給好友們她認為僑委會應給予嘉獎表揚也希望所有好友一起為在西班牙及各角落的醫護人員說句「謝謝」與加油！</t>
  </si>
  <si>
    <t>女兒西班牙醫院醫護人員溫玉霞劉金枝好友僑務委員病人病毒表示疫情臺灣不幸diana推出加油所幸隔離在家肺炎不已令人感動</t>
  </si>
  <si>
    <t>醫護人員劉金枝西班牙溫玉霞新冠肺炎</t>
  </si>
  <si>
    <t>西班牙溫玉霞劉金枝醫護人員肺炎</t>
  </si>
  <si>
    <t>場地公聽會借用焚化爐竹縣</t>
  </si>
  <si>
    <t>新竹縣沒有焚化爐近年受垃圾堆置所苦新竹縣促進民間參與高效能垃圾熱處理設施投資BOO案公聽會原訂15日下午2點在蓮花寺召開未料廟方臨時以不知辦「有爭議性公聽會」、未行文為由臨時取消場地租借新竹縣環</t>
  </si>
  <si>
    <t>新竹公聽會熱處理垃圾高效能近年垃圾堆設施投資boo場地參與民間促進原訂召開行文不知下午蓮花寺</t>
  </si>
  <si>
    <t>新竹縣沒有焚化爐近年受垃圾堆置所苦新竹縣促進民間參與高效能垃圾熱處理設施投資BOO案公聽會原訂15日下午2點在蓮花寺召開未料廟方臨時以不知辦「有爭議性公聽會」、未行文為由臨時取消場地租借新竹縣環保代理局長羅仕臣表示將擇地、擇期再辦現場200餘名參與者則無奈離去。
蓮花寺總幹事童哲燦表示環保局在租借場地時僅說是辦活動、未行公文告知由於是如此具有爭議性的公聽會廟方擔心被掛上背書標籤因此不予以借用。羅仕臣則表示由於雙方對於場地溝通上有所誤解公聽會將擇期、擇地再辦。
新竹縣新建焚化爐以BOO（興建、擁有、營運）方式自建原訂15日下午預定地附近的蓮花寺召開公聽會並邀集投資廠商、環保局、在地居民、民意代表等共同參與副議長王炳漢無奈說「不來也不行、來了也不行」他知道民眾有人支持、也有人反對且公聽會通知時間太急促他會尊重民意代為發聲也建議環保局借用公家機關場地舉辦公聽會。
新竹縣在2003年即有計畫興建焚化爐當年因民眾激烈抗議而作罷但由於新竹縣有自主處理垃圾的迫切需求因此縣府再提新竹縣促進民間參與高效能垃圾熱處理設施投資BOO案預定地與2003年焚化爐案同址15日現場即有民眾說「2003年SARS時提一次、新冠肺炎又一次」現場也有民眾表示「將抗議到底」。
不過由於場地為蓮花寺所有廟方臨時不租借場地民眾也只能各自離去將擇期再報。此案引發不少人關注縣議員張珈源、連郁婷、蔡志環、鄭美琴、杜文中、立委邱泰源新竹辦公室主任王誠緯竹北市民代表林宇洋、朱健銘及在地裡長曾福、林秋榮、曾台安等人均到場。</t>
  </si>
  <si>
    <t>公聽會新竹場地民眾表示焚化爐蓮花寺環保局現場租借擇期投資boo參與垃圾無奈借用</t>
  </si>
  <si>
    <t>新竹縣公聽會場地焚化爐蓮花</t>
  </si>
  <si>
    <t>公聽會場地焚化爐蓮花新竹</t>
  </si>
  <si>
    <t>臺灣萬華大於蘆洲部分門市疫情因應暫停營業</t>
  </si>
  <si>
    <t>因應國內新冠疫情升溫雙北市升級為第三級警戒包括遠傳電信已先將臺北萬華地區、新北蘆洲地區的14間直營及加盟門市暫停營業並視疫情狀況發展再決定何時開業；台灣大也決定臺北萬華地區、新北蘆洲地區共15家據點</t>
  </si>
  <si>
    <t>疫情地區決定臺北新北萬華蘆洲升溫北市升級包括警戒電信門市暫停營業發展加盟狀況開業</t>
  </si>
  <si>
    <t>因應國內新冠疫情升溫雙北市升級為第三級警戒包括遠傳電信已先將臺北萬華地區、新北蘆洲地區的14間直營及加盟門市暫停營業並視疫情狀況發展再決定何時開業；台灣大也決定臺北萬華地區、新北蘆洲地區共15家據點暫停營業至28日其它正常營業的門市則實施實聯制。
遠傳電信表示臺北萬華地區5家、新北蘆洲地區的9家的直營及加盟門市即日起暫停營業將視疫情狀況再決定何時開業至於其它正常營業的遠傳門市也實施實聯制並強化防疫措施量取額溫酒精消毒隔板服務請到店的客戶配合門市人員指引。
此外遠傳電信的電話客服中心網路門市心生活App都持續提供客戶24小時方便快速的服務歡迎多加利用。詳細的營業時段異動門市資訊請參考遠傳電信官網公告。
遠傳電信同時也啟動防疫升級計劃開放同仁「居家辦公」及「延長彈性上班」以降低風險遠傳電信持續以高規格守護同仁與客戶健康一起攜手度過疫情難關。
台灣大表示包括萬華區的6家及蘆洲區的9家myfone門市（含直營與加盟）即起至5月28日暫停營業。其餘門市配合防疫措施針對進店客戶採實名制登記並進行人流控管每店不得同時超過5名客戶且落實戴口罩與量額溫等防疫措施請所有客戶配合。疫情期間也請台灣大用戶多利用官網、客服App 或電話客戶專線以減少人員接觸協助防疫。</t>
  </si>
  <si>
    <t>門市客戶疫情電信防疫暫停營業營業臺灣配合蘆洲地區措施同仁持續升級利用服務包括app表示決定電話</t>
  </si>
  <si>
    <t>萬華蘆洲台灣大哥大暫停營業遠傳電信</t>
  </si>
  <si>
    <t>暫停營業大哥大臺灣蘆洲萬華電信</t>
  </si>
  <si>
    <t>復蘇新興國家疫情擺脫川普富裕後遺症</t>
  </si>
  <si>
    <t>新冠肺炎在2020年重擊全球經濟隨之而來的是因封鎖措施帶來的經濟衰退亞洲國家在同年下半年疫情獲得控制後迎來復甦歐美各國則是在疫苗接種下預計在2021年下半年迎來復甦。但根據外媒報導為計算國內生產毛額</t>
  </si>
  <si>
    <t>下半年復蘇迎來全球報導經濟隨之而來封鎖措施帶來亞洲經濟衰退國家同年計算疫情獲得控制歐美各國預計疫苗接種</t>
  </si>
  <si>
    <t>fdi投資經濟體獲得外國經濟旅行報導全球資金國家對於直接相當恢復購買復蘇gdp超過美國公司土地新興國家</t>
  </si>
  <si>
    <t>FDI外國直接投資新興國家GDP經濟體</t>
  </si>
  <si>
    <t>直接投資新興國家gdp外國經濟體fdi</t>
  </si>
  <si>
    <t>囤糧需要臺灣</t>
  </si>
  <si>
    <t>指揮中心今天公佈自歐、土耳其、埃及返台的國人過去14天約16萬人也預告之後的確診病例有暴增的趨勢。讓網友害怕「現在菜價油價低感覺這波我們未必然擋得住但守住的機會非常大畢竟歪國人不能來」那小</t>
  </si>
  <si>
    <t>國人土耳其埃及返台畢竟過去機會非常擋得住必然預告之後感覺確診病例油價公佈菜價</t>
  </si>
  <si>
    <t>指揮中心今天公佈自歐、土耳其、埃及返台的國人過去14天約16萬人也預告之後的確診病例有暴增的趨勢。讓網友害怕「現在菜價油價低感覺這波我們未必然擋得住但守住的機會非常大畢竟歪國人不能來」那小老百姓們需要戰備囤糧嗎？
原PO在PTT一問引起網友熱烈討論紛紛贊同先囤個2周「疾管局都說這兩週高風險還不信喔？」、「現在不先準備1-2週糧食是智障這兩週高風險盡量減少外食吧」、「我已經買好20KG大包白米1包了」、「我要守護我家田了怕被偷拔」、「已囤是說蛋價漲了希望別漲太高」。
但也有人認為出門戴口罩避免去人多的密閉空間就好不用囤「韓國幾千例不也好好的」、「不建議日常泡麵衛生紙買幾包就好」、「農夫又不受疫情影響哪會短缺不用擔心」。</t>
  </si>
  <si>
    <t>國人網友現在高風險影響疫情不受土耳其農夫包就好埃及返台衛生紙機會公佈</t>
  </si>
  <si>
    <t>囤糧先屯個國人網友新冠肺炎</t>
  </si>
  <si>
    <t>網友國人肺炎囤糧</t>
  </si>
  <si>
    <t>消毒完全公園大隊周內車站防疫成立新竹</t>
  </si>
  <si>
    <t>因應新冠肺炎病毒可能存留環境成為傳染媒介新竹市政府25日成立防疫消毒大隊配置6組專業消毒人力啟動公共場所環境消毒計畫鎖定車站、公園人潮密集區的周邊環境消毒預計2周內完成137處消毒工作。林智堅昨</t>
  </si>
  <si>
    <t>消毒環境病毒可能成為預計傳染肺炎媒介防疫新竹周邊環境成立市政府密集區人潮車站公園鎖定完成專業配置</t>
  </si>
  <si>
    <t>因應新冠肺炎病毒可能存留環境成為傳染媒介新竹市政府25日成立防疫消毒大隊配置6組專業消毒人力啟動公共場所環境消毒計畫鎖定車站、公園人潮密集區的周邊環境消毒預計2周內完成137處消毒工作。
林智堅昨天特別視察台鐵新竹車站與關新公園消毒情形他說正值全國全力防疫期間公私部門要齊力合作對抗疫情落實內部場所消毒工作同時呼籲大型營業場所、大眾運輸業者、社區管理委員會務必依中央指揮中心訂定嚴重特殊傳染性肺炎相關指引進行內部場所消毒防止疫情擴散。
環保局長江盛任指出此次消毒是使用漂白水（成分為次氯酸鈉）稀釋成01％濃度（即1000ppm）針對經常接觸的器具、設施表面如火車站與客運站的乘客等候區椅子、人行步道、公共廁所以及公園遊樂設施、休憩區等處消毒。
目前市府已對全市12處公有市場環境消毒噴灑作業3月2日前完成第1波消毒工作3月23日至6月30日執行第2波消毒。
另江盛任也叮嚀私部門的營業場所則應針對電梯按鈕、手扶梯、地面、健身器材、遊樂設施、桌椅、電話筒、浴廁表面水龍頭、廁所門把、馬桶蓋及沖水握把定期清潔至少每天消毒1次假設顧客人數眾多且頻繁出入可適度提高消毒頻率。</t>
  </si>
  <si>
    <t>消毒場所設施環境公園工作肺炎表面防疫部門新竹遊樂江盛營業車站內部疫情完成病毒指揮中央中心務必</t>
  </si>
  <si>
    <t>勞動節香港假期</t>
  </si>
  <si>
    <t>入境香港事務最新勞動節資料大陸假期進出旅客香港特區政府占比超過首日居民去年當天報導新華社陸客</t>
  </si>
  <si>
    <t>香港旅遊業表示疫情今年旅遊壓力遊客港元入境假期公司大陸出現導遊措施防疫勞動節陸續一家減少資助</t>
  </si>
  <si>
    <t>香港旅遊業假期旅遊五一假期</t>
  </si>
  <si>
    <t>香港旅遊業旅遊假期</t>
  </si>
  <si>
    <t>改編網友隋棠前夫影片氣死</t>
  </si>
  <si>
    <t>新冠肺炎疫情攀升台灣昨天(20日)確診案例來到135例死亡人數攀升至2人對此藝人隋棠轉發《犀利人妻》改編版影片呼籲大眾好好遵守防疫原則能一起挺過這波疫情不過一句「要被我前夫氣屎了」立刻引發網友議</t>
  </si>
  <si>
    <t>攀升疫情前夫一起原則臺灣防疫立刻遵守好好大眾呼籲昨天影片改編犀利案例確診對此來到</t>
  </si>
  <si>
    <t>新冠肺炎疫情攀升台灣昨天(20日)確診案例來到135例死亡人數攀升至2人對此藝人隋棠轉發《犀利人妻》改編版影片呼籲大眾好好遵守防疫原則能一起挺過這波疫情不過一句「要被我前夫氣屎了」立刻引發網友議論。
隋棠轉發《犀利人妻》改編版影片只見影片她與溫昇豪的對話被馬來西亞配音並重新上了字幕更搭配上最近新冠肺炎議題只見她表示疫情持續攀升因此苦勸溫昇豪在防疫期間不要到處趴趴走能夠待在家就待在家以免不小心被感染不過溫昇豪仍舊苦勸不聽還是執意要外出這也讓隋棠逗趣表示：「要被我前夫氣屎了大家聽話好嗎」？
其實溫昇豪更早先轉發這段影片並表示：「大家疫情期間請減少趴趴走聽某嘴大富貴」雖然是在呼籲大家要好好防疫但由於影片過於搞笑也讓網友留言全歪樓：「安真你的聲音為什麼這麼粗應該是苦口婆心說了很久」、「就知道安真看了一定會氣屎」、「可是瑞凡你的肺回不去了」。</t>
  </si>
  <si>
    <t>疫情溫升豪影片攀升表示防疫轉發網友苦勸隋棠好好呼籲前夫期間肺炎</t>
  </si>
  <si>
    <t>隋棠溫昇豪新冠肺炎武漢肺炎新型冠狀病毒</t>
  </si>
  <si>
    <t>肺炎武漢溫升豪冠狀隋棠病毒</t>
  </si>
  <si>
    <t>友志驚翻天記者天一醫護和諧處心積慮破壞</t>
  </si>
  <si>
    <t>新冠肺炎疫情延燒「拉長戰線」不僅考驗當局防疫應變能力也考驗各方面對疫情時的平衡關係日前有記者在中央疫情指揮中心記者會上提出社區傳播疑慮的問題恰好首度直播開放網友聊天室討論當下引發論戰事後</t>
  </si>
  <si>
    <t>疫情考驗當下討論聊天網友開放直播首度恰好引發問題疑慮傳播拉長社區戰線提出記者會方面中心指揮中央記者關係</t>
  </si>
  <si>
    <t>新冠肺炎疫情延燒「拉長戰線」不僅考驗當局防疫應變能力也考驗各方面對疫情時的平衡關係日前有記者在中央疫情指揮中心記者會上提出社區傳播疑慮的問題恰好首度直播開放網友聊天室討論當下引發論戰事後各方一連串作為也產生連鎖反應導致相關當事人「互咬混戰」的失控景況對此名嘴羅友志除捍衛新聞自由外今又發文直指在醫護、記者忙翻天時破壞和諧、信任的正是「官」。
日前的疫情記者會上提出「社區傳播疑慮」的記者遭網友罵爆事後該名記者遭肉搜壓力破表其主管事後在指揮中心新聞群組中呼籲官方導正視聽沒想到對話遭截圖流出行政院副院長辦公室主任李懷仁還在指揮中心直播時留言表示CDC辛苦了「被中時記者要求一直貼文呼籲大家不要攻擊記者」被質疑是在「帶風向」引發另一波網路筆戰。
此事件越演越烈各家媒體紛紛出聲名嘴羅友志今也在臉書粉專轉貼相關報導發表個人想法表示現在的台灣防疫處境是第一線的醫療人員忙翻天、醫藥線記者努力監督提問而正當眾人努力過正常生活、辛勤工作的現在「是誰破壞和諧破壞互相信任？」羅友志給出答案直言：「處心積慮的都是『官』！」。</t>
  </si>
  <si>
    <t>記者疫情指揮中心相關引發網友呼籲直播事後防疫羅友志破壞表示現在日前信任和諧努力考驗疑慮</t>
  </si>
  <si>
    <t>羅友志李懷仁中央疫情指揮中心記者會1922</t>
  </si>
  <si>
    <t>疫情中央指揮懷仁中心羅友志記者會</t>
  </si>
  <si>
    <t>明年雙增樂觀元山</t>
  </si>
  <si>
    <t>車用電子與家電大廠元山科技（6275）受惠於高階IT及網通出貨續旺11月營收出現雙成長另累計前11月收也出現雙位數成長元山指出相關訂單能見度已達到2021年第一季此外車用訂單需求也接續向上對2021年展望</t>
  </si>
  <si>
    <t>訂單車用出現科技受惠需求于高階it網通能見度相關指出位數元山成長大廠達到雙成長家電接續</t>
  </si>
  <si>
    <t>車用電子與家電大廠元山科技（6275）受惠於高階IT及網通出貨續旺11月營收出現雙成長另累計前11月收也出現雙位數成長元山指出相關訂單能見度已達到2021年第一季此外車用訂單需求也接續向上對2021年展望樂觀。
受惠於高延續性的高階IT及網通訂單挹注市場仍呈現供不應求狀態加上車用風扇需求開始回補帶動元山11月營收續揚經結算11月營收為273億元較10月的246億元與去年同期254億元分別增加1093％與638％累計前11月營收3043億元則較去年同期成長102％。
展望Q4營運元山表示今年Q4淡季不淡目前整體稼動率近乎滿載訂單能見度可至明年首季車用散熱風扇更達第二季加上家電高階飲水機新品挹注2021年樂觀可期。
儘管市場擔心新冠肺炎捲土重來但元山表示新冠肺炎疫情對全球經濟活動影響已趨於穩定即便入秋冬後進入二次疫情亦可能隨著時間拉長而降低影響程度但因疫情擴大電競筆電市場規模及5G商轉挹注伺服器、資料中心等帶動高階散熱風扇需求卻在穩定成長中從訂單掌握度來看需求明年仍可望延續。
元山指出中國車市不斷成長下游車廠經過第三季庫存去化後近期車用風扇的訂單也開始回補明年表現可望優於今年。</t>
  </si>
  <si>
    <t>訂單車用元山需求疫情市場挹注風扇成長明年影響樂觀展望高階受惠網通指出加上散熱家電it</t>
  </si>
  <si>
    <t>成長網通肺炎訂單能見度樂觀</t>
  </si>
  <si>
    <t>訂單肺炎網通能見度樂觀成長</t>
  </si>
  <si>
    <t>樂觀採購東南亞審慎比例特力%~百貨</t>
  </si>
  <si>
    <t>特力(2908)因與大型客戶長期往來貿易出貨受到信賴且零售事業銷售穩定讓特力集團上半年營運未受到太多衝擊特力集團營運長何采容亦表示「審慎樂觀」看待下半年特力目前已選定越南辦公室建置未來將逐步提高</t>
  </si>
  <si>
    <t>特力受到集團營運辦公室越南選定目前建置下半年貿易看待樂觀信賴表示審慎零售事業何采容穩定銷售上半年未來往來</t>
  </si>
  <si>
    <t>特力(2908)因與大型客戶長期往來貿易出貨受到信賴且零售事業銷售穩定讓特力集團上半年營運未受到太多衝擊特力集團營運長何采容亦表示「審慎樂觀」看待下半年特力目前已選定越南辦公室建置未來將逐步提高東南亞採購比例預計2022年有20%到30%出貨來自於東南亞。
特力今天參加證交所線上法說會特力集團有零售及貿易兩大事業群今年上半年全球新冠肺炎疫情大爆發特力集團因受到客戶信賴出貨狀況良好加上零售事業維持微幅成長讓公司上半年業績表現不俗。
受惠於歐美客戶的穩健需求及國內新冠肺炎疫情趨緩消費人潮逐漸回流之加持特力今年第2季營收為1067億元較去年同期增加143%營業淨利率為361%稅後盈餘為256億元單季每股盈餘為052元大幅優於去年同期；累計今上半年營業收入為1989億元較去年同期成長35%營業淨利率為3%稅後盈餘為378億元每股盈餘為076元大幅優於去年同期。
何采容表示全球貿易產業在疫情衝擊民眾不能移動時價值就會更明顯被彰顯由於客戶看不到貨品如何寄送及替客戶把關很重要公司因與大型客戶有長久交易歷史客戶相信公司對商品的把關貿易出貨受到信賴讓今年上半年貿易出貨很好至於零售部分雖然上半年是辛苦的但維持微幅成長並未比去年差讓公司今年上半年業績表現還不錯。
若依兩個事業來看受惠於歐美需求持續強勁及歐洲新客戶帶動貿易出貨量持續向上攀升特力貿易事業第2季合併營收為609億元年增272%累計上半年合併營收為1084億元年增113%。
在台灣零售事業部分受惠於國內疫情穩定趨緩民眾出門意願明顯增加實體店面來客數及提袋率均雙雙成長今年第2季合併營收為41憶元較去年同期增加57%累計上半年合併營收為819億元較去年同期增加08%。
展望未來在貿易事業部分何采容表示貿易主要客戶們近幾年出貨量持續穩定成長即使在美中貿易戰及新冠肺炎疫情等嚴峻挑戰下出貨量依舊穩步走揚公司將持續進行全球佈局、強化供應鏈目前集團供應鏈佈局橫跨歐美亞洲在全球8個國家/地區設立11個據點落實全球佈局、在地經營並發揮彈性及穩健出貨能力；再者集團於台灣、德國及美國等地設有物流中心為集團客戶提供穩定物流配貨、倉儲及管理服務。
針對投資人提問集團在東南亞佈局？何采容表示集團每到一個地方產業鏈工廠出貨比例到10%就會建自有倉儲集團在東南亞經營很多年這兩年因為稅率及發展關係有更多工廠及出貨從東南亞出去未來將逐步提高東南亞採購比例目前已選定越南辦公室建置並於2020年完成交易明年將佈局工廠開發及採購預計2022年有20%到30%出貨來自東南亞。
在零售事業部分何采容表示特力以「家」為中心的產業佈局發展社區店貼近客戶生活圈成功展店8家挹注業績成長未來將導入新零售科技發展全通路透過「線上行銷、線下體驗」全通路整合在商品及通路整合後今年下半年將啟動服務e化建置整合跨通路優勢服務建立新零售模式此外集團也將運用優勢開發獨家商品發展特力屋自有品牌並引進獨家商品創造通路差異化提升產品組合毛利。</t>
  </si>
  <si>
    <t>集團特力客戶上半年零售貿易事業今年東南亞全球成長發展公司通路穩定表示疫情去年同期持續商品增加服務</t>
  </si>
  <si>
    <t>特力新零售全球東南亞貿易</t>
  </si>
  <si>
    <t>東南亞全球零售特力貿易</t>
  </si>
  <si>
    <t>榮總防疫戶外臺北刀口啟用善款</t>
  </si>
  <si>
    <t>新冠肺炎疫情期間不少民眾有檢測是否染疫的需求。臺北榮總為因應近日暴增的篩檢人潮減少民眾在酷熱天氣下排隊候檢的不便在微遠文化藝術基金會顧芸董事長及微風慈善基金會廖曉喬策略長善款捐助下緊急增建第二</t>
  </si>
  <si>
    <t>民眾基金會期間檢測是否捐助廖曉喬需求藝術臺北文化策略榮總因應善款近日不便候檢排隊</t>
  </si>
  <si>
    <t>新冠肺炎疫情期間不少民眾有檢測是否染疫的需求。臺北榮總為因應近日暴增的篩檢人潮減少民眾在酷熱天氣下排隊候檢的不便在微遠文化藝術基金會顧芸董事長及微風慈善基金會廖曉喬策略長善款捐助下緊急增建第二戶外防疫篩檢站於今(28)日上午正式完工啟用。特別設置專業空氣過濾空調設備可有效保障採檢人員安全提供民眾舒適乾淨的候檢環境。
臺北榮總許惠恒院長表示疫情雖十分嚴竣但社會的愛心卻源源不絕誠摯感謝顧芸董事長及廖曉喬策略長的善行讓北榮在短短十天內完成國內設備最完善的篩檢站臺北榮總全體同仁將盡最大努力堅守抗疫第一線全力守護國人的健康。
臺北榮總急診部顏鴻章主任指出原設於急診室外的第一篩檢站空間不足侯檢環境不佳。為了改善民眾候檢的需求第二戶外防疫篩檢站以組合屋形式建置採檢區為全外氣供應的空調空調的氣流方向由採檢人員流向被檢人員排出的空氣經過過濾效果9997％高效濾網（HEPA ）及紫外線殺菌再排到戶外除了可讓採檢人員獲得最完善的防護更可避免造成空氣污染。
除此之外並設置空調及戶外二處候檢區依社交距離設置座椅民眾可依需要選擇同時貼心提供流動廁所提供民眾舒適、安全的篩檢服務。</t>
  </si>
  <si>
    <t>民眾臺北榮總戶外候檢設置人員疫情空調過濾空氣需求顧芸策略環境提供董事長廖曉喬完善</t>
  </si>
  <si>
    <t>新冠肺炎台灣戶外篩檢站臺北榮總微風慈善基金會</t>
  </si>
  <si>
    <t>戶外臺北臺灣榮總微風肺炎慈善基金會</t>
  </si>
  <si>
    <t>影城疫情停業mld台鋁進駐高雄經營</t>
  </si>
  <si>
    <t>高雄台鋁MLD影城日前傳出將與交棒給秀泰影城管理8日再被爆料影城員工、團隊已解散記者致電影城客服也無人接聽。詢問MLD台鋁生活商場客服人員對方僅表示商場部分仍維持由台鋁營運戲院部分將交棒給秀泰影城。</t>
  </si>
  <si>
    <t>影城台鋁客服部分mld商場員工團隊管理記者致電詢問生活戲院接聽日前傳出</t>
  </si>
  <si>
    <t>高雄台鋁MLD影城日前傳出將與交棒給秀泰影城管理8日再被爆料影城員工、團隊已解散記者致電影城客服也無人接聽。詢問MLD台鋁生活商場客服人員對方僅表示商場部分仍維持由台鋁營運戲院部分將交棒給秀泰影城。
至於民眾最關心的影城會員權益是否在轉移後仍可使用？客服則回應：「目前詳細合作內容和日期時間等公司確認後會發公告聲明。」詢問秀泰公關表示由於影城目前停業需要一點時間向主管確認。
早在5月中新冠肺炎全台疫情爆發初期在地社群網站「高雄點」就放上一則疑似內部流出的公告圖示上頭寫道：「台鋁MLD將與秀泰合作經營內部公告近期將停業整修至秋季中旬。」引起顧客熱議。
不少網友但嘆可惜也有人樂觀其成希望作為全台3大影城的秀泰影城趕緊進駐還有人匿名爆料空間早已撤場完成順勢搭上這波疫情停業潮加速合作。不過官方單位元尚未發布消息導致外界眾說紛紜。
位在高雄前鎮區的台鋁MLD影城於2015年7月開幕商場把日治時期的老舊廠房進行改造並結合餐飲、影城、宴會、書局等娛樂休閒開幕時曾大排長龍。未來若是秀泰接手電影院經營將會是秀泰進駐高雄的首作影城而全新打造的商場秀泰生活岡山店影城則預計今年底開業。</t>
  </si>
  <si>
    <t>影城台鋁停業高雄合作客服商場mld公告疫情全台開幕目前確認時間詢問內部表示生活進駐</t>
  </si>
  <si>
    <t>台鋁MLD影城秀泰影城停業新冠肺炎</t>
  </si>
  <si>
    <t>影城停業mld台鋁肺炎</t>
  </si>
  <si>
    <t>希望中央黃偉哲制定解禁標準舞廳地方執行酒店</t>
  </si>
  <si>
    <t>台灣新冠肺炎疫情日益趨緩今天又是零確診中央流行疫情指揮中心宣佈酒店、舞廳等行業只要達成4個關鍵條件各縣市評估符合防疫及安全條件後即可決定是否開放營業。台南市長黃偉哲對此表示中央給出標準台南</t>
  </si>
  <si>
    <t>疫情中央條件台南日益黃偉哲市長營業開放安全各縣市即可關鍵今天是否決定達成行業舞廳酒店確診宣佈流行</t>
  </si>
  <si>
    <t>台灣新冠肺炎疫情日益趨緩今天又是零確診中央流行疫情指揮中心宣佈酒店、舞廳等行業只要達成4個關鍵條件各縣市評估符合防疫及安全條件後即可決定是否開放營業。台南市長黃偉哲對此表示中央給出標準台南就會執行將考慮讓業者以切結方式允諾遵守中央規定。
黃偉哲今天回應這項議題時說臺北市說法是等中央公文到了再說中央的是說如果地方準備好了就好那到底是怎樣聽了有點霧煞煞。他說酒店跟舞廳的部分有一點像是燙手山芋不管中央甩鍋到地方或地方甩鍋到中央還是希望不必給公文就制定好標準及sop由地方負責執行。
黃偉哲說例如中央制定規則客人跟小姐之間要戴口罩保持社交距離可不可行？跳舞要不要保持社交距離跳舞？這不知道有沒有辦法反正就是中央制定一個標準準則讓地方負責執行業者負責遵行。</t>
  </si>
  <si>
    <t>中央黃偉哲制定疫情地方執行標準今天條件舞廳酒店台南距離公文保持社交負責跳舞業者安全日益</t>
  </si>
  <si>
    <t>黃偉哲台灣新冠肺炎疫情零確診</t>
  </si>
  <si>
    <t>肺炎疫情臺灣黃偉哲確診</t>
  </si>
  <si>
    <t>《百貨股》Q2童裝出貨旺季淘帝-KY備貨蓄勢待發</t>
  </si>
  <si>
    <t>旺季-ky童裝百貨</t>
  </si>
  <si>
    <t>大陸各地區加速復工淘帝-KY(2929)(淘帝國際有限公司)3月旗下經銷商已逐步復工恢復門市營業帶動TOPBI品牌童裝訂單出貨需求回升3月1日至3月13日訂單出貨已達去年3月約30%多之水準集團仍積極加速訂單物流出貨排</t>
  </si>
  <si>
    <t>訂單復工加速經銷商逐步水準恢復營業門市集團品牌童裝積極帶動topbi去年國際有限公司物流-ky需求</t>
  </si>
  <si>
    <t>大陸各地區加速復工淘帝-KY(2929)(淘帝國際有限公司)3月旗下經銷商已逐步復工恢復門市營業帶動TOPBI品牌童裝訂單出貨需求回升3月1日至3月13日訂單出貨已達去年3月約30%多之水準集團仍積極加速訂單物流出貨排程預計整體出貨表現再往上提升淘帝-KY與各省經銷商提前擴大春季童裝促銷活動即將步入第2季夏季童裝出貨旺季有望展現良好備貨力道。
淘帝-KY第1季雖受新冠肺炎疫情蔓延、生產製造與物流運輸延後復工因素使得生產、出貨天數減少影響營收表現但3月旗下共25個省經銷商已逐步復工恢復門市營業帶動TOPBI品牌童裝訂單出貨需求回升3月1日至3月13日訂單出貨已達去年3月約三成多之水準集團仍積極加速訂單物流出貨排程預計整體出貨表現再往上提升；另一方面淘帝-KY與各省經銷商提前擴大春季童裝促銷活動針對疫情亦提供經銷商推出買TOPBI品牌童裝贈送口罩的活動支持成功帶動良好銷售動能加上已有90%經銷商已拓展微信、直播平臺等多元線上銷售通路以期挹注經銷商整體庫存水位保持健康水準即將步入第2季夏季童裝出貨旺季有望展現良好之備貨力道。
淘帝-KY強調觀察此次肺炎疫情對於中國童裝產業之影響加速童裝品牌業者大者恆大之局面有一定規模之品牌業者具有良好市場風險抵禦能力而其他中小型業者面臨市場經營風險而將陸續退出市場憑藉集團積極拓展新零售通路佈局、採取TOPBI、Mini Topbi雙品牌差異化銷售區隔策略有機會搶進更多的市場份額看準中國網紅直播新電商銷售型態崛起趨勢淘帝-KY已經啟動自家網紅培育計畫期望透過網路紅人的互動分享耕耘年輕消費群體並進而發揮粉絲經濟效益藉由提高忠實粉絲的品牌認同感從而達到消費購物轉換且帶動回購率提升有望未來營運帶來正面的挹注。
受惠集團近年透過強化TOPBI品牌於線下、線上通路行銷推廣門市與童裝研發風格轉型並結合彈性生產供應縮短產品研發上市銷售之時間以搶灘當季潮流消費商機在中國童裝市場龐大商機打造TOPBI品牌高度競爭利基除2019年TOPBI品牌門市數已超過1600間在新零售虛實通路佈局下淘帝-KY於線上銷售持續展現強勁銷售表現2019年TOPBI品牌線上銷售較2018年成長8986%占整體營收比重進一步提振至7%隨著TOPBI品牌銷售規模放大合宜調配線上、線下精準行銷廣告投放與費用管控挹注2019年營業利益率提升至2168%。
淘帝-KY 2019年合併營收達717億元較2018年成長599%稅後盈餘為1135億元年成長19%每股盈餘達1201元年成長1938%受惠集團致力擴大TOPBI品牌於中國童裝市場佔有率以及持續朝新零售通路佈局、童裝風格朝簡歐輕時尚轉型帶動2019年全年營收、稅後淨利皆繳出歷年新高之亮麗成績每股淨值達597元。</t>
  </si>
  <si>
    <t>品牌topbi童裝銷售經銷商-ky帶動中國通路集團消費市場挹注生產良好復工疫情</t>
  </si>
  <si>
    <t>新零售互動淘帝-KY童裝TOPBI</t>
  </si>
  <si>
    <t>互動-ky童裝零售topbi</t>
  </si>
  <si>
    <t>達成經濟部日產全面口罩上線</t>
  </si>
  <si>
    <t>新冠肺炎益情持續擴散口罩需求量大增。政府徵調口罩工廠後產量不斷提升經濟部所採購的60台機器已陸續運送至口罩工廠安裝；首波9條產線已進行測試預計下周投入生產日產能可達640萬片。至於其餘設備預計在3</t>
  </si>
  <si>
    <t>口罩工廠預計持續擴散需求量徵調生產投入經濟部產量採購不斷機器提升測試進行陸續</t>
  </si>
  <si>
    <t>新冠肺炎益情持續擴散口罩需求量大增。政府徵調口罩工廠後產量不斷提升經濟部所採購的60台機器已陸續運送至口罩工廠安裝；首波9條產線已進行測試預計下周投入生產日產能可達640萬片。至於其餘設備預計在3月9日全面投入生產每日口罩產能可達1000萬片。
據《中央社》報導經濟部日前公佈「口罩生產廠商利用本部附條件贈與機台生產口罩遴選」結果將60條新增產線分配給15家口罩工廠；其中有9條產線已在15日於安裝、測試。工業局局長呂正華對此表示目前日產能550萬片首波設備預計下周開始生產兩者相加下周起日產能上看640萬片。
至於剩下的51條新產線呂正華表示本周將交貨20餘台並在3月2日交機完成全面進行安裝和測試與工廠既有產線整合預估在交機後1周就可以投入生產。經濟部表示60台機器可望在3月9日全面投入生產到時口罩的日產能可達1000萬片。
更多 CTWANT 報導</t>
  </si>
  <si>
    <t>口罩生產工廠經濟部投入表示全面安裝測試預計機器進行設備</t>
  </si>
  <si>
    <t>生產口罩 武漢肺炎新冠肺炎新型冠狀病毒</t>
  </si>
  <si>
    <t>肺炎口罩武漢冠狀病毒生產</t>
  </si>
  <si>
    <t>坦言低估陳時中返台春節受阻</t>
  </si>
  <si>
    <t>春節返台防疫陳時中期間檢疫表示旅館賴惠員可能措施可以增加人數指揮質詢檢疫所放寬</t>
  </si>
  <si>
    <t>新冠肺炎台灣陳時中春節期間12月</t>
  </si>
  <si>
    <t>陳時中肺炎臺灣春節期間</t>
  </si>
  <si>
    <t>出動確診化學潮州鎮全鎮消毒</t>
  </si>
  <si>
    <t>國內新冠肺炎疫情持續升溫屏東縣23日公佈確診個案高達8人屏東縣政府也宣佈從即日起至28日餐飲業者全面禁止內用、改為外帶。由於群聚確診者足跡以潮州鎮為範圍因此屏縣府除確診後的消毒外23日更將請求</t>
  </si>
  <si>
    <t>確診疫情持續升溫消毒肺炎東縣縣府全面禁止餐飲業者外帶從即日起足跡改為宣佈縣政府公佈個案</t>
  </si>
  <si>
    <t>國內新冠肺炎疫情持續升溫屏東縣23日公佈確診個案高達8人屏東縣政府也宣佈從即日起至28日餐飲業者全面禁止內用、改為外帶。
由於群聚確診者足跡以潮州鎮為範圍因此屏縣府除確診後的消毒外23日更將請求國軍協助將出動化學兵針對潮州鎮全面大消毒屏東縣長潘孟安也提醒這天應避免外出雖可能造成不便但還請民眾諒解。
隨著確診人數不斷攀升潘孟安表示目前縣內並無收治重症患者至於負壓隔離病房的醫療量能也足夠未來更會增加116床專責病床進行分艙分流業務開設。
根據統計目前因防疫共開出384張罰單其中還是以外出未戴口罩為大宗另外在確診者疫調過程中也發現有人刻意隱瞞疫情潘孟安表示若涉及刻意隱瞞屏縣府絕不寬貸最高將開罰30萬元希望能如實交代足跡盡速防範。他也說開罰只是手段不是真要罰大家而是疫情嚴峻希望全民做好防護。
至於假消息不斷讓公部門必須防疫還要耗費精力打假日前就有2個版本的確診者足跡經調查發現是屏縣衛生局人員在疫調未完成前就提早流出縣府已要求嚴懲並調離現職更將移送送辦。</t>
  </si>
  <si>
    <t>確診疫情縣府足跡潘孟安防疫至於不斷目前希望外出發現消毒</t>
  </si>
  <si>
    <t>新冠肺炎台灣潮州確診化學兵</t>
  </si>
  <si>
    <t>潮州臺灣確診肺炎化學</t>
  </si>
  <si>
    <t>奇葩糧荒官員平壤延續要求民眾</t>
  </si>
  <si>
    <t>據「自由亞洲電台」(RFA)報導為抵禦新冠肺炎北韓於2020年關閉與中國大陸邊界卻造成嚴重的糧食短缺。孰知平壤官員的因應政策卻是要民眾勒緊褲帶、少吃一點。民眾憂心政府雖然承諾2025年會重新開放邊界但</t>
  </si>
  <si>
    <t>邊界民眾抵禦肺炎政府承諾憂心關閉中國報導大陸卻是政策官員因應平壤造成短缺嚴重糧食年會</t>
  </si>
  <si>
    <t>據「自由亞洲電台」(RFA)報導為抵禦新冠肺炎北韓於2020年關閉與中國大陸邊界卻造成嚴重的糧食短缺。孰知平壤官員的因應政策卻是要民眾勒緊褲帶、少吃一點。民眾憂心政府雖然承諾2025年會重新開放邊界但自己可能連冬天挨不過遑論少吃3年。更讓人不滿的是官員還一直強調別的國家新冠肺炎疫情更嚴重北韓已經算好的。
隨著平壤政府通知民眾苦難的日子會延續更多年人們不免憂心連眼下的冬天能不能撐過都不知。西北邊城新義州的居民表示「2週前政府官員表示糧食緊急危機將延續到2025年。在此之前重啟與中國大陸之間的海關可能性相當低」。
他補充道「眼前糧食情勢已相當緊急人們正與糧食短缺苦苦鬥爭。此時平壤表示要儲存食物並減少糧食消耗直到2025年為止民眾只能感到絕望」。
報導指出為避免新冠肺炎傳播北韓於2020年1月關閉與中國大陸的邊界並暫停與陸貿易這使得原本已長期缺乏食物的北韓更陷危機。不只經濟受到重創食品價格也快速飆漲甚至進口商品也無法填補北韓食品生產與需求的缺口。
根據聯合國糧食與農業組織近日報告北韓2021年將短缺86萬噸的糧食約為北韓人口2個月的消費量；聯合國世界糧食計畫署估計在北韓高達40%的人口營養不良。
雖然北韓解釋無法控制的因素導致良時無法自給自足並影響國家持續發展目標但聯合國報告卻指出糧食短缺起自國際對北韓持續制裁與封鎖、每年嚴重的自然災害以及2020年以來的新冠肺炎。
儘管制裁的確讓平壤核武與飛彈計畫的資金與資源受到影響；但邊境封鎖是讓整個貿易停擺許多人無法找到下一餐。新義州居民表示期待邊境很快地能重新開放。
消息人士指出對當局的不信賴與不滿情緒正快速擴散；特別是官員在會議上要求民眾應該吃得比過去還少、勒緊褲帶導致民眾怒火中燒。
東北邊境城市會寧同樣也收到糧食短缺的指示而官員則將此與北韓成功防疫新冠肺炎相連結。「他們在會議上表示別的國家新冠肺炎疫情非常嚴峻全球各地因新冠而死的人數每天快速增加」北韓雖然糧食短缺相較之下情況卻好很多。
消息人士駁斥「居民才不相信這種解釋並認為世界上哪有比北韓更困難的地方」。人們抨擊平壤面對糧食危機卻毫無作為更憂心即使餓死邊境也不會開放。
消息人士表示「有居民認為政府強調糧食節約可能是金正恩還沒意識到實務問題有多嚴重。居民以苦苦掙紮、盡可能束緊褲帶同時也對政府不切實際的要求不滿責問還要把褲帶勒緊多少」。
從2021年年初以來平壤一直高喊自力更生的口號金正恩在1月時的北韓勞動黨第8次代表大會上更立定減少依賴進口自己解決問題。4月時平壤再度喊出為更糟的經濟情勢做準備。7月時中央委員會要民眾自己種糧以應對可能連續3年的糧食短缺。
消息人士表示民眾憤怒的原因是因為政府將責任轉嫁給升鬥小民要求他們養活自己卻沒有採取任何措施解決問題。</t>
  </si>
  <si>
    <t>糧食民眾平壤表示短缺政府居民官員肺炎邊境嚴重消息人士無法快速指出要求人們憂心</t>
  </si>
  <si>
    <t>北韓糧食短缺新冠肺炎貿易天災</t>
  </si>
  <si>
    <t>短缺肺炎糧食貿易天災</t>
  </si>
  <si>
    <t>確診新北範圍匡列解隔反應負責人中央幼稚園</t>
  </si>
  <si>
    <t>對於幼兒園負責人結束居家隔離後自主健康管理期間才發病新北市衛生局長陳潤秋今在疫情說明會表示案件發生後有跟中央反應針對此狀況也會跟中央討論。陳潤秋說7天的自主健康管理期間有要求不舒服就要安排去</t>
  </si>
  <si>
    <t>期間自主管理健康中央居家要求隔離疫情衛生局長說明會表示新北案件發生發病討論陳潤秋舒服結束</t>
  </si>
  <si>
    <t>對於幼兒園負責人結束居家隔離後自主健康管理期間才發病新北市衛生局長陳潤秋今在疫情說明會表示案件發生後有跟中央反應針對此狀況也會跟中央討論。
陳潤秋說7天的自主健康管理期間有要求不舒服就要安排去看病採檢這段時間內也不能大眾聚餐等自主健康管理規範。而幼兒園負責人的家人PCR採檢是陰性但因該負責人現已鮮少管理幼兒園有待後續疫調釐清其感染源。
新北市副市長劉和然補充在此次匡列過程中發現此特殊個案新北市昨第一時間已確保確診者的接觸者不要再有往外擴散疑慮相關議題會回到疫情指揮中心中央也知道須回到專家會議做詳細討論。</t>
  </si>
  <si>
    <t>管理新北幼稚園負責人健康自主中央回到疫情期間討論疑慮過程匡列專家相關發現</t>
  </si>
  <si>
    <t>幼兒園負責人自主健康管理新冠肺炎台灣</t>
  </si>
  <si>
    <t>管理健康自主負責人肺炎幼稚園臺灣</t>
  </si>
  <si>
    <t>確診家戶感染新增原因北市</t>
  </si>
  <si>
    <t>臺北市衛生局分析北市8月1至7日一周新冠肺炎疫情北市共新增確診本土病例16例較前一週35例減少一半各行政區分佈以中山區及萬華區各4例最多其次為內湖區3例、大安區2例松山區、南港區及士林區各1例。北市</t>
  </si>
  <si>
    <t>北市華區新增減少確診病例本土周新冠肺炎疫情中山區區分行政松山區南港大安區林區分析臺北市衛生局</t>
  </si>
  <si>
    <t>臺北市衛生局分析北市8月1至7日一周新冠肺炎疫情北市共新增確診本土病例16例較前一週35例減少一半各行政區分佈以中山區及萬華區各4例最多其次為內湖區3例、大安區2例松山區、南港區及士林區各1例。
北市本周本土病例共16例其中居家隔離期間檢驗為陽性者有6例占38％、另有3例為已知感染源占19％、7例關聯不明占44％本周家戶感染仍為主要原因萬華、中山及內湖區共出現4件為一戶2至3位家戶內感染案件而家戶內最先發病或確診者均為感染源關聯不明。
北市衛生局表示針對確診個案的工作職場臺北市亦積極介入做疫情調查、接觸者匡列、防疫衛教及風險場域清消等工作本周職場群聚有1案為信義區百貨公司職場群聚該場域2位確診者均為新北市個案北市在7月30日接獲通知時即到現場會勘並匡列接觸者8月6日確診的第2例即是已匡列的居家隔離對象藉由落實場域接觸者匡列及時阻斷傳播鏈。</t>
  </si>
  <si>
    <t>確診北市匡列感染接觸家戶工作疫情個案隔離居家不明關聯本土病例</t>
  </si>
  <si>
    <t>新冠肺炎台灣北市16職場</t>
  </si>
  <si>
    <t>北市臺灣肺炎</t>
  </si>
  <si>
    <t>《盤中解析》美期貨回彈、股王給力台股跌點收斂</t>
  </si>
  <si>
    <t>期貨股王給力解析盤中收斂</t>
  </si>
  <si>
    <t>美股帶頭下殺國際股市空頭肆虐菲律賓今日直接暫停交易台股開盤大跌近180點隨後在台積電(2330)開低115元領跌之下大盤跌點一度迅速擴大至300餘點、殺至937135所幸股王大立光(3008)牽手聯發科(2454)、緯</t>
  </si>
  <si>
    <t>國際股市股王所幸空頭菲律賓肆虐今日擴大迅速開低直接暫停台積電交易開盤大跌隨後大盤之下</t>
  </si>
  <si>
    <t>美股帶頭下殺國際股市空頭肆虐菲律賓今日直接暫停交易台股開盤大跌近180點隨後在台積電(2330)開低115元領跌之下大盤跌點一度迅速擴大至300餘點、殺至937135所幸股王大立光(3008)牽手聯發科(2454)、緯穎(6669)奮力抗空翻紅輔以金像電(2368)強勢助攻拉抬大盤一度回到9600點。分析師表示美國期指漲3%左右帶動亞洲股市今日跌幅跟著縮減今日台股開低走高拉回幅度不深目前全球央行齊力護盤指數低檔有限。台股目前各期均線均呈空頭排列上檔壓力重重短線區間震盪仍大以個股操作為主。
盤面表現方面大立光今日開低開盤不到十分鐘後由黑翻紅股價漸漸走高股價漲幅曾達3%；台積電(2330)昨遭外資賣超41萬張加上ADR昨夜重挫14%今早股價跳空開低115元為265元、跌幅逾4%台積電即將於19日除息每股預計配發25元未來除息表現將是本周市場關注焦點；盛群(6202)、松翰(5471)挾著額溫槍晶片設計概念股價逆勢上揚3%；緯穎(6669)近期獲外資看好股價漲幅約2%；金像電(2368)近期成為投信新寵晨盤股價漲幅在7%以上。
分析師表示歐美新冠肺炎疫情持續惡化美股熔斷頻頻出現國際股市跌跌不休全球新冠肺炎疫情尚未獲得控制前全球經濟面臨挑戰影響仍不可小覷操作不宜躁進保守為宜。選擇上不妨考慮5G相關題材、伺服及因居家隔離延伸出對PC、視訊會議與軟體相關或是保健食品等。</t>
  </si>
  <si>
    <t>股價全球今日開低股市台積電漲幅表現空頭相關操作翻紅外資目前開盤跌幅國際金像</t>
  </si>
  <si>
    <t>大立光台積電聯發科盛群松翰</t>
  </si>
  <si>
    <t>聯發台積電盛群松翰</t>
  </si>
  <si>
    <t>分配陳時中到貨莫德納</t>
  </si>
  <si>
    <t>我國採購的10萬劑莫德納疫苗今抵台中央流行疫情指揮中心指揮官陳時中表示今日入境的莫德納因劑量不多（996萬劑）指揮中心會馬上研究如何做最適當分配目前尚未定案。這批莫德納疫苗抵台後各界關心如何運用</t>
  </si>
  <si>
    <t>中心指揮疫苗莫德納定案目前尚未分配適當中央研究流行馬上疫情今日入境指揮官陳時中劑量表示莫德納因台後關心採購</t>
  </si>
  <si>
    <t>我國採購的10萬劑莫德納疫苗今抵台中央流行疫情指揮中心指揮官陳時中表示今日入境的莫德納因劑量不多（996萬劑）指揮中心會馬上研究如何做最適當分配目前尚未定案。
這批莫德納疫苗抵台後各界關心如何運用要留給第一劑還是第二劑？陳時中說因疫苗量少還需要一些討論何時會有答案？陳未做明確答覆。
行政院長蘇貞昌表示全球疫苗供貨不穩許多國家變種病毒疫情又逐漸升溫台灣疫苗覆蓋率自5月16日不到1%現已逾910萬人施打涵蓋率達3688%；本土確診人數也從每天500多例迅速降至兩位數甚至個位數。
蘇強調政府會持續努力加速疫苗出貨進度同時確實做好各項防疫工作讓國內儘快恢復正常生活。</t>
  </si>
  <si>
    <t>疫苗疫情表示陳時中中心指揮莫德納工作防疫做好國內確實進度迅速兩位元數甚至人數確診本土</t>
  </si>
  <si>
    <t>莫德納陳時中分配10萬劑新冠肺炎</t>
  </si>
  <si>
    <t>分配陳時中莫德納肺炎</t>
  </si>
  <si>
    <t>名單市府黃珊珊施打禾馨</t>
  </si>
  <si>
    <t>北市副市長黃珊珊21日指禾馨診所有違法施打疫苗給非醫事人員禾馨稍早開記者會公佈向北市衛生局取得疫苗的所有對話紀錄並說施打名單都有核衛生局溝通來駁斥針對政風處報告到底調查進度如何臺北市長柯文哲說「</t>
  </si>
  <si>
    <t>禾馨衛生局施打疫苗北市進度調查到底報告臺北市政風駁斥溝通都有診所名單記者會違法公佈紀錄人員</t>
  </si>
  <si>
    <t>北市副市長黃珊珊21日指禾馨診所有違法施打疫苗給非醫事人員禾馨稍早開記者會公佈向北市衛生局取得疫苗的所有對話紀錄並說施打名單都有核衛生局溝通來駁斥針對政風處報告到底調查進度如何臺北市長柯文哲說「我不曉得」。北市副市長黃珊珊則說有非醫事人員施打會依法裁罰。
北市議員徐弘庭說禾馨稱施打名單都有禾衛生局溝通過且都有紀錄政風處調查報告是怎麼報告的甚至還寫中央級某民代施壓可以這樣做報告嗎？
柯說「我不曉得」。北市衛生局長黃世傑則說立委高嘉瑜跟他的LINE對話都有交到市長室市府會有適度回應他是有把高嘉瑜的要求交辦下去。
北市議員陳重文問禾馨到底有沒有違法跟違規？黃珊珊則說比對後有非醫事機構人員施打會依法裁罰都有對禾馨4家診所進行一家一家比對。</t>
  </si>
  <si>
    <t>北市禾馨施打報告都有衛生局黃珊珊到底市長對話高嘉瑜人員疫苗議員紀錄診所政風違法曉得名單比對</t>
  </si>
  <si>
    <t>禾馨疫苗對話紀錄衛生局臺北市</t>
  </si>
  <si>
    <t>對話疫苗衛生局紀錄臺北市禾馨</t>
  </si>
  <si>
    <t>員工抗原外籍執行全數呈現陰性</t>
  </si>
  <si>
    <t>IC封測廠矽格公司（6257）9日針對竹東兩個廠區及湖口兩個廠區的外籍員工643名展開預防性快篩作業。所有人員的快篩檢測結果全數呈現陰性。矽格表示此舉系因應陸續發生的外籍移工新冠肺炎確診事件及為確保員工健</t>
  </si>
  <si>
    <t>外籍員工確診肺炎檢測結果發生預防陰性呈現陸續全數表示展開因應事件公司竹東</t>
  </si>
  <si>
    <t>IC封測廠矽格公司（6257）9日針對竹東兩個廠區及湖口兩個廠區的外籍員工643名展開預防性快篩作業。所有人員的快篩檢測結果全數呈現陰性。
矽格表示此舉系因應陸續發生的外籍移工新冠肺炎確診事件及為確保員工健康與工作環境安全。並配合新竹縣政府指示鼓勵雇用移工之企業進行快篩檢驗以防堵疫情擴散。
快篩作業系依據衛生福利部疾病管制署發布之企業抗原快篩執行原則由公司委託專業醫事人員至宿舍和廠區執行檢測以分流、分組、分區及保持防疫安全距離等防疫重點進行。
矽格表示仍將持續依中央流行疫情指揮中心規定及流程進行防疫作業持續照顧員工健康保持工作環境安全。讓半導體供應鏈順暢、客戶安心來確保公司營運不受疫情影響。</t>
  </si>
  <si>
    <t>公司進行疫情員工作業安全確保防疫執行持續檢測外籍企業表示保持人員環境工作健康安心</t>
  </si>
  <si>
    <t>新冠肺炎台灣矽格快篩防疫</t>
  </si>
  <si>
    <t>臺灣肺炎防疫</t>
  </si>
  <si>
    <t>家中違規百姓</t>
  </si>
  <si>
    <t>新冠疫情擋不住全球超過40億人被迫宅在家中生活變調。但各國卻都有官員陽奉陰違甚至還被抓包。紐西蘭衛生部長克拉克日前違反該國居家守則開車到離家2公里的公園騎越野車還被民眾拍到。糗到極點的克拉克</t>
  </si>
  <si>
    <t>克拉克全球超過被迫家中生活變調擋不住民眾越野車官員開車陽奉陰違公園守則居家甚至違反日前</t>
  </si>
  <si>
    <t>新冠疫情擋不住全球超過40億人被迫宅在家中生活變調。但各國卻都有官員陽奉陰違甚至還被抓包。
紐西蘭衛生部長克拉克日前違反該國居家守則開車到離家2公里的公園騎越野車還被民眾拍到。糗到極點的克拉克趕緊致電向總理阿爾登道歉。
Catherine Calderwood 23 Mar: “We have the virus in Scotland and this is no longer a rehearsal for something that might have to happen&amp;quot; &amp;quot;(New measures) can restrict the spread but only if people comply with EACH &amp; EVERY ONE of these measures” When do you start complying Cath? pictwittercom/8rkQRVCh0k
貫徹只許州官趴趴走的還有蘇格蘭首席衛生官卡爾德伍德女士她為當地訂下封鎖期的活動規範卻無視規定逕自帶著一家大小到度假屋過週末結果和克拉克一樣被民眾抓包。有圖有真相照片曝光後引發輿論撻伐。卡爾德伍德週日向大眾道歉並且宣佈請辭。
另一位遭質疑者來頭更大是高齡87歲的美國最高法院大法官金絲伯格女士（Ruth Bader Ginsburg）。華府的公共健身房自3月中旬起都被下令必須關閉健身迷只能在家望著縮水的肌肉乾瞪眼。不過對健身持之以恆的金絲伯格還是繼續在最高法院的健身房鍛鍊。
據報導她的私人健身教練強森告訴媒體儘管他勸大法官但她堅持要繼續運動。因此金絲伯格在最高法院的健身房練身體。最高法院發言人表示該院是應大法官請求撥出一塊私人空間運動。由於她年事已高且曾四度罹癌醫師開立證明強調保持運動習慣對金絲伯格的身體至關重要。</t>
  </si>
  <si>
    <t>金絲健身大法官伯格克拉克運動健身房the卡爾德伍德measures道歉have女士私人民眾最高法院繼續全球超過</t>
  </si>
  <si>
    <t>新冠肺炎疫情美國紐西蘭蘇格蘭</t>
  </si>
  <si>
    <t>疫情美國肺炎紐西蘭蘇格蘭</t>
  </si>
  <si>
    <t>停課高三國三難以理解</t>
  </si>
  <si>
    <t>雙北市昨宣佈九年級生與高三生停課但連夜壞消息不斷包括臺北桃園台中彰化都有中小學生確診；國民黨立委李德維質疑是「變形的三級警戒」政策邏輯難以理解不同年級的兄弟姐妹也還要上課單獨讓這兩個年</t>
  </si>
  <si>
    <t>年級兄弟姐妹高三生不同停課理解連夜難以消息不斷邏輯政策包括警戒臺北變形桃園台中質疑李德維都有中小學生</t>
  </si>
  <si>
    <t>雙北市昨宣佈九年級生與高三生停課但連夜壞消息不斷包括臺北桃園台中彰化都有中小學生確診；國民黨立委李德維質疑是「變形的三級警戒」政策邏輯難以理解不同年級的兄弟姐妹也還要上課單獨讓這兩個年級的孩子停課又能有助於防疫多少？
李德維說這是「變形的三級警戒」讓許多家長面臨兩難。一方面擔心學校就是最大、最密切接觸的群聚場所一方面也為難如果孩子停課了大人沒有停班該如何安排照顧。昨天下午雙北市宣佈九年級生與高三生停課但連夜壞消息不斷包括臺北桃園台中彰化都有中小學生確診即刻全校停課所有家長只怕心都沉了。
李德維批評這是「邏輯難以理解的政策」。九年級與高三生應屆畢業在即許多孩子原本就不需要到校了停課能有助於防疫多少？況且如今大人們還要上班不同年級的兄弟姐妹也還要上課單獨讓這兩個年級的孩子停課又能有助於防疫多少？
李德維說停課停班乃至於封城都是在不得已情況下要阻斷病毒傳播的斷然處置正因為有副作用所以要就該做得徹底速戰速決與其拖泥帶水不如當機立斷如果評估疫情擴散仍在加速乾脆立即全面停課。非常時期非常作法從政者要把責任給扛下來別讓民眾無所適從。
藍委林奕華也質疑今天開始學生上課期間全程戴口罩但午餐怎麼辦？師生無法戴口罩吃飯也很難管控學生吃飯不交談防疫破口岌岌可危？她昨天提醒教育部發給學生隔板備用有效區隔用餐距離若沒隔板如何拉出安全的用餐距離？教育部也應該有所指引。
林奕華和教育部轉達家長意見要求儘速發給學生隔板或如何保障學生拿下口罩用餐時的安全？教育部已允諾會將此問題列入優先討論希望在未宣佈全面停課的前提下保護孩子在校安全上課讓家長安心。</t>
  </si>
  <si>
    <t>停課學生教育部家長年級孩子李德維安全防疫口罩隔板用餐宣佈高三生大人全面質疑發給吃飯距離</t>
  </si>
  <si>
    <t>新冠肺炎台灣  停課李德維高三生</t>
  </si>
  <si>
    <t>停課臺灣肺炎李德維高三生</t>
  </si>
  <si>
    <t>影響貿易超越鹽田港再起噩夢事件航運</t>
  </si>
  <si>
    <t>受新冠肺炎疫情影響大陸深圳鹽田港缺櫃、塞港情況持續惡化貨物進出口時程遭嚴重推遲有專家預估鹽田港卡船的狀況已超過2周對全球航運影響超過長賜輪事件。英國媒體The Loadstar報導大陸廣東新冠肺炎疫情</t>
  </si>
  <si>
    <t>鹽田港影響大陸超過疫情進出口貨物時程惡化嚴重持續情況推遲專家預估肺炎英國報導the媒體狀況loadstar廣東</t>
  </si>
  <si>
    <t>鹽田港大陸影響事件持續航運進出口全球貨物狀況超過深圳疫情物流同樣認為嚴重以上時間預估進行防疫</t>
  </si>
  <si>
    <t>新冠肺炎鹽田港塞港長賜輪</t>
  </si>
  <si>
    <t>鹽田港肺炎</t>
  </si>
  <si>
    <t>相撲相星決戰</t>
  </si>
  <si>
    <t>日本大相撲「春場所」平安落幕今年在疫情堪憂的大阪舉行比賽相當精彩出現了暌違7年的「相星決戰」。兩大橫綱白鵬、鶴竜以相同戰績(12勝2敗)進入周日決賽日(千秋樂)打得很激烈最後白鵬把鶴竜抬出界摘下生</t>
  </si>
  <si>
    <t>白鵬場所落幕平安今年疫情決賽周日千秋進入堪憂精彩打得舉行出現比賽相當最後暌違激烈</t>
  </si>
  <si>
    <t>＜千秋楽の様子＞三月場所、結びの一番。白鵬ｰ鶴竜戦。#sumo #相撲 #三月場所 #春場所 #2020年 #この一番 pictwittercom/7k6s7RmXL5
日本大相撲「春場所」平安落幕今年在疫情堪憂的大阪舉行比賽相當精彩出現了暌違7年的「相星決戰」。兩大橫綱白鵬、鶴竜以相同戰績(12勝2敗)進入周日決賽日(千秋樂)打得很激烈最後白鵬把鶴竜抬出界摘下生涯第44次優勝。
同時這次賽事讓新星朝乃山升上大關(僅次於橫綱的位階)升級大關要有足夠勝率38年首次在大相撲只有1位大關現在朝乃山補上成為第2位大關。朝乃山說：「但是打不贏橫綱就沒意義了我認清自己實力還不夠。」朝乃山前兩日連續敗於兩位橫綱之手。
通常優勝者是以戰績決定橫綱在第15日才會對決今年兩位橫綱戰績相同成為最後勝者為王的情況稱為相星決戰。白鵬是大相撲史上戰績最顯赫的人保有多項紀錄44次優勝之中有15次是全勝(橫掃所有力士)這次他剛滿35歲奪冠也是歷來第3年長的優勝者。白鵬與鶴竜都是蒙古人前者已歸化日本國籍。
新冠肺炎疫情仍在全球蔓延5月「夏場所」仍不確定是否開放觀眾。去年由於美國總統造訪往後每年夏場所的優勝者都會獲頒1座「美國總統盃」(米大統領杯)。</t>
  </si>
  <si>
    <t>橫綱場所白鵬戰績相撲優勝者大關朝乃山優勝日本疫情今年最後美國成為決戰總統相同千秋</t>
  </si>
  <si>
    <t>大相撲橫綱白鵬大關橫綱</t>
  </si>
  <si>
    <t>大關相撲白鵬橫綱</t>
  </si>
  <si>
    <t>工會駕駛客運薪水心酸不夠</t>
  </si>
  <si>
    <t>近日各方一再疾聲呼籲端午節不返鄉退票並免收手續費。國光客運企業工會理事長楊榮德強調客運業完全認同「萬事莫如防疫急」無異議配合到底不過1車30個座位只賣6張票每發1班車賠不只1班車付駕駛薪水都不夠</t>
  </si>
  <si>
    <t>班車端午節返鄉退票座位手續費到底國光配合客運異議企業工會呼籲理事長防疫楊榮德莫如強調萬事</t>
  </si>
  <si>
    <t>近日各方一再疾聲呼籲端午節不返鄉退票並免收手續費。國光客運企業工會理事長楊榮德強調客運業完全認同「萬事莫如防疫急」無異議配合到底不過1車30個座位只賣6張票每發1班車賠不只1班車付駕駛薪水都不夠。希望主管機關補貼發車班次8成營業損失協助客運業者度過空前危機。
楊榮德代表客運業第一線勞工發聲表示今年端午連假預售票5月13日開始發售配合三級疫情警戒延長85折連假優惠已於5月29日緊急喊卡；之後中央流行疫情指揮中心又要求雙鐵、客運最多只能坐2成座位並採取梅花座分散入座。
楊榮德說客運業一切按照主管機關指示辦理無論是安排車上座位或車站候車動線駕駛與站務人員都戰戰兢兢落實防疫工作；工會也通告、周知會員同仁務必耐心面對乘客各種不同聲音。但另一方面相關單位也應做好事先宣導工作盡可能降低民怨或現場糾紛。
楊榮德說即使客運業本身面臨前所未有經營困境近日第一線同仁毫無怨言全力處理退票與客訴。不過1輛車30個位子最多只能賣20％也就是6張票按照客運業成本去算連付駕駛薪水都不夠「每發一班車賠不只一班車。」客運業運能與營收雪崩式下滑端午連假運量緊縮雪上加霜希望主管機關補貼發車班次8成營業損失協助客運業者度過空前危機。
上周交通部公佈紓困40方案其中計程車、遊覽車、小客車租賃業代僱駕駛補貼3萬元已經匯入帳戶不過公路客運卻沒有被列進補貼名單中。有公路客運業者表示交通部發的錢是行政院紓困40因為去年也發過就直接匯進帳戶；但是客運是採取公運計畫來處理對比1到4月的運量下滑一半以上每車可以補助3萬元公路總局上周說辦法快出來了但一直沒看到細節。
業者表示現在公路客運已經減班每班車又只能坐6人民眾都減少出遊但搭車的需求還是在。假設說有18人要搭等於要3輪才載得完只能由第一線的駕駛或客服人員去告訴乘客「你要等2個小時才搭得到」。政府只宣佈了最多坐滿2成其他配套措施都沒有放任基層客運人員去面對乘客的不耐煩、怒氣甚至刁難。</t>
  </si>
  <si>
    <t>客運業客運駕駛楊榮德公路補貼乘客座位表示人員班車主管機關退票疫情同仁工作</t>
  </si>
  <si>
    <t>新冠肺炎台灣駕駛客運業班車</t>
  </si>
  <si>
    <t>臺灣駕駛肺炎客運業班車</t>
  </si>
  <si>
    <t>電訊康全金雞上櫃蜜月行情通信網</t>
  </si>
  <si>
    <t>IPO人氣王網通新兵康全電訊(8089)今上櫃股價大漲48%蜜月行情火熱看好通訊產業仍將持續蓬勃發展加上積極複製亞洲成功經驗拓展歐美市場下後續業績、獲利成長可期。康全電訊公開募股(IPO)期間成功吸引6323</t>
  </si>
  <si>
    <t>電訊康全ipo公開蓬勃發展持續加上積極複製產業亞洲通訊新兵成功經驗看好拓展行情歐美市蜜月場下後續可期業績</t>
  </si>
  <si>
    <t>IPO人氣王網通新兵康全電訊(8089)今上櫃股價大漲48%蜜月行情火熱看好通訊產業仍將持續蓬勃發展加上積極複製亞洲成功經驗拓展歐美市場下後續業績、獲利成長可期。
康全電訊公開募股(IPO)期間成功吸引6323萬筆申購單躍升今年IPO人氣王人氣也延續到今日上櫃行情以4525元承銷價開盤股價最高達685元漲幅逼近5成康全電訊最大股東為訊舟(3047)目前持股比約四成。
康全電訊108年度及109年上半年度之營業收入分別為245億元及136億元毛利率分別為308%及312%也因為康全的產品具備差異化因此毛利率比網通同業高出不少。每股盈餘分別為329元及226元。
康全電訊今上半年營收較去年同期的129億元雖僅增加近6%但獲利成長率卻達5成上半年EPS 226元明顯優於去年同期的149元。
康全電訊主要從事寬頻通訊設備之研發及銷售業務客戶包含國際知名電信營運商、電信網路系統整合大廠、有線電視營運商及北美電信網路設備經銷商並以「COMTREND」品牌行銷三大產品線為光通訊中繼設備、寬頻用戶端設備及家庭網路設備看好隨著網路服務多元化發展加上各國持續擴大及升級寬頻基礎建設下未來通訊產業仍將持續蓬勃發展基於大量佈建及營運的成功案例康全會更進一步致力於將利基型產品擴展到各個區域及更多客戶並以現有產品優勢為基礎持續投入研發、積極開拓通路以提供客戶更完整且符合市場需求的新產品故在持續拓展客戶及市場下未來業績與獲利成長應屬可期董事長任冠生也看好康全電訊積極複製亞太客戶模式今年初已經拿到歐洲、美國客戶的入門票已經試營運階段得小量出貨未來4~5年將步出貨的高峰期。
康全電訊今年上半年營運因全球適逢新冠疫情帶動頻寬需求增美國中小電信商、重要亞洲客戶出貨增溫推升毛利率獲利大增五成累計上半年每股獲利226元。</t>
  </si>
  <si>
    <t>康全電訊客戶產品持續上半年獲利營運設備看好未來毛利率積極成功電信研發行情美國股價基礎</t>
  </si>
  <si>
    <t>全球大量訊舟康全電訊康全</t>
  </si>
  <si>
    <t>電訊康全全球</t>
  </si>
  <si>
    <t>高中生北市停課同班同學全校首例</t>
  </si>
  <si>
    <t>北巿出現全台第一個因新冠肺炎全校停課學校中央流行疫情指揮中心指揮官陳時中表示今天唯一的本土個案第103案是59案同班的鄰座男同學就是原本國內已經停課的同班同學因此按照原本規定一班有一個人就停</t>
  </si>
  <si>
    <t>停課原本規定肺炎全校同學學校今天就是表示陳時中中央指揮官指揮中心流行疫情同班同學已經個案同班鄰座國內本土</t>
  </si>
  <si>
    <t>北巿出現全台第一個因新冠肺炎全校停課學校中央流行疫情指揮中心指揮官陳時中表示今天唯一的本土個案第103案是59案同班的鄰座男同學就是原本國內已經停課的同班同學因此按照原本規定一班有一個人就停班有兩班就停校這次有兩個確診和教育部討論結果在安全起見讓全校停課到下週五。
陳時中表示59案被確診後這班已經都沒有去學校上課隔離時間從59案隔離期間開始計算。
根據指揮中心15日公佈的資料該名北市高中男學生1月與家人同遊希臘3月5日返台12日出現喉嚨痛情形、13日因咳嗽、流鼻水及頭痛等症狀就醫並於15日確診。
指揮中心表示案103在3月15日早上出現喉嚨癢當晚有發燒症狀16日先行致電1922通知後依指示前往醫院就醫並主動告知為案59同學隨即由醫院安排採檢後住院隔離於今日確診。因應該班級已有2人確診該校自3月20日至3月27日進行全校停課；衛生單位將針對案59教室座位周圍同學進行擴大採檢。
國內出現首起全校停課狀況台大公衛學院院長詹長權呼籲現階段應該要宣佈社區傳播但對此防疫指揮官陳時中表示整個來看社區傳播還是要本土病例大於境外現在雖然案例多但本土要比境外來的少當然指揮中心仍然不敢大意防疫團隊仍然會戰戰競競面對疫情。</t>
  </si>
  <si>
    <t>停課確診全校中心指揮出現表示同學本土隔離應該就醫學校防疫症狀進行已經國內仍然醫院指揮官北市</t>
  </si>
  <si>
    <t>案59停課北部高中生eMask家樂福</t>
  </si>
  <si>
    <t>北部emask停課高中生家樂福</t>
  </si>
  <si>
    <t>隔板移除開心可以首日排隊</t>
  </si>
  <si>
    <t>疫情趨緩餐飲內用不需設置隔板雲林縣北港鎮朝天宮周邊知名小吃5日已有部分店家撤除隔板但還是有些店家觀望中持續不開放內用。另外有條件開放進香團朝天宮認為將可帶來團體進香人潮有助商圈店家生意</t>
  </si>
  <si>
    <t>天宮店家隔板開放人潮團體進香帶來認為設置周邊林縣北港鎮進香團小吃知名觀望有助餐飲部分</t>
  </si>
  <si>
    <t>疫情趨緩餐飲內用不需設置隔板雲林縣北港鎮朝天宮周邊知名小吃5日已有部分店家撤除隔板但還是有些店家觀望中持續不開放內用。另外有條件開放進香團朝天宮認為將可帶來團體進香人潮有助商圈店家生意活絡。
中央流行疫情指揮中心公佈2級警戒維持到本月18日不過5日起部分相關措施已放寬餐飲方面內用不限隔板或15公尺間距。北港朝天宮商圈知名小吃「廟邊假魚肚」5日拿掉隔板表示沒有隔板可以坐更多人方便全家共餐增加來店人數。
「廟邊假魚肚」蔡姓老闆說面對國慶連假預計會有大量信眾來朝天宮參拜室外通風良好餐桌隔板會撤除室內則視情況而定若有需要還是會用隔板主要是擔心連假人潮來自全台各縣市染疫風險比較高還是謹慎一點比較好。
其他小吃店指出之前為了防疫都只提供外帶服務取消隔板與間距後將開放內用這幾天會觀察內用情況進行滾動式調整若有客人與他人併桌用餐要求隔板也會提供隔板服務盡量滿足客人的需求。
餐廳業者認為餐桌上有隔板讓全家聚餐意願大幅減少生意大受影響取消隔板後已接到不少訂桌生意希望疫情持續降溫盡快恢復往日榮景。
朝天宮表示之前禁止進香團到廟所以參拜民眾都是親朋好友相約自行開車前來開放進香團後預估搭乘遊覽車進香人潮會有所增加。但廟前的人數管制處還是維持不變仍需戴口罩、量體溫、酒精消毒後才能入廟。</t>
  </si>
  <si>
    <t>隔板天宮生意進香團開放疫情店家之前參拜認為增加維持表示情況人潮客人</t>
  </si>
  <si>
    <t>新冠肺炎台灣隔板小吃5日</t>
  </si>
  <si>
    <t>隔板臺灣肺炎小吃</t>
  </si>
  <si>
    <t>本土確診清零</t>
  </si>
  <si>
    <t>中央流行疫情指揮中心今(19)日公佈國內新增6例COVID-19確定病例分別為1例本土及5例境外移入；另確診個案中新增5例死亡。指揮中心表示今日新增之1例本土病例(案16006)為本國籍50多歲男性近期無國內外旅遊史</t>
  </si>
  <si>
    <t>新增中心指揮本土病例近期男性國籍個案國內公佈死亡今日國內外境外covid-確診確定表示疫情旅遊分別</t>
  </si>
  <si>
    <t>中央流行疫情指揮中心今(19)日公佈國內新增6例COVID-19確定病例分別為1例本土及5例境外移入；另確診個案中新增5例死亡。
指揮中心表示今日新增之1例本土病例(案16006)為本國籍50多歲男性近期無國內外旅遊史今(2021)年8月18日陪家人就醫因家人需住院治療故於同日接受陪病者採檢於今日確診(Ct值227)；個案為無症狀感染衛生單位已啟動醫院及社區調查與防治相關接觸者匡列中。
指揮中心說明今日新增5例死亡個案為3例男性、2例女性年齡介於60多歲至80多歲發病日介5月24日至6月13日確診日介於6月2日至6月15日死亡日介於8月13日至8月17日；詳如新聞稿附件1。
指揮中心指出近期確診個案解隔離情形5月11日至8月17日累計公佈14681位確診個案中已有13545人解除隔離解隔離人數達確診人數923%。
指揮中心說明今日新增5例境外移入個案為4例男性、1例女性年齡介於20多歲至50多歲分別自美國(案16002)、立陶宛(案16003)、越南(案16004)、阿拉伯聯合大公國(杜拜) (案16005)及伊朗(案16007)入境均持有搭機前3日內檢驗陰性報告入境日介於8月6日至8月17日；詳如新聞稿附件2。
指揮中心統計截至目前國內累計2429464例新型冠狀病毒肺炎相關通報(含2411951例排除)其中15897例確診分別為1356例境外移入14488例本土病例36例敦睦艦隊、2例航空器感染、1例不明及14例調查中；另累計110例移除為空號。2020年起累計826例COVID-19死亡病例其中818例本土個案居住縣市分佈為新北市406例、臺北市314例、基隆市28例、桃園市26例、彰化縣15例、新竹縣12例、臺中市4例、苗栗縣3例、宜蘭縣及花蓮縣各2例臺東縣、雲林縣、臺南市、南投縣、高雄市及屏東縣各1例；另8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指揮中心個案確診感染累計措施本土新增今日介於病例衛生相關分別死亡近期入境男性社區</t>
  </si>
  <si>
    <t>台電大樓群聚感染陳時中最新說明新冠肺炎</t>
  </si>
  <si>
    <t>最新陳時中說明感染大樓肺炎台電</t>
  </si>
  <si>
    <t>自嘲韓國瑜</t>
  </si>
  <si>
    <t>高雄市長韓國瑜拍板5月3日將進行「兵推演練」未料卻遭誤解為要封城綠營更狂酸是「封城秀急」韓國瑜今動怒說已經講了第7次了從未說過要封城更自嘲「我是『封城秀急』的弟弟『封城不急』」希望外界別再</t>
  </si>
  <si>
    <t>封城進行演練不急誤解動怒韓國希望</t>
  </si>
  <si>
    <t>高雄市長韓國瑜拍板5月3日將進行「兵推演練」未料卻遭誤解為要封城綠營更狂酸是「封城秀急」韓國瑜今動怒說已經講了第7次了從未說過要封城更自嘲「我是『封城秀急』的弟弟『封城不急』」希望外界別再誤解了。
韓國瑜表示自己講了六次高雄不會考量封城高市講第7次身為高雄市長維護市民健康安全是首要任務但是現在高市府完全沒有考慮封城為了怕誤解再說一次並放慢速度「完全沒有考慮封城」。
韓國瑜也主動提到「有人說我是『封城秀急』來嘲諷我已經說了6次不封城我是『封城秀急』的弟弟『封城不急』」他納悶自己什麼時候說過要封城為何要有奇奇怪怪的抹黑？
韓國瑜重申封城茲事體大對市民、經濟的打擊很大高市府沒有考量到封城「希望明天不用講第8次」。他強調前天跟今天、大前天都講得很清楚兵推演練是預設社區感染之後怎麼樣看救治動能來做演練突然爆發社區感染該怎麼做。</t>
  </si>
  <si>
    <t>封城韓國誤解演練沒有高雄市民希望考量感染已經市長市府完全考慮社區不急</t>
  </si>
  <si>
    <t>新冠肺炎韓國瑜封城秀急封城兵推演練</t>
  </si>
  <si>
    <t>封城韓國肺炎演練</t>
  </si>
  <si>
    <t>暫停老人外帶據點便當回家市長</t>
  </si>
  <si>
    <t>因應新冠肺炎疫情衝擊高市衛生局防患未然12日宣佈上百處長照據點即日起暫停老人供餐服務改為打包成便當讓長輩帶回家享用減少病毒傳播及群聚感染機會目前暫定至3月底是否延長或何時恢復正常將視疫</t>
  </si>
  <si>
    <t>疫情是否衝擊月底高市暫定衛生局目前防患未然機會感染宣佈病毒傳播上百處長減少享用肺炎延長帶回家據點長輩即日起暫停便當老人</t>
  </si>
  <si>
    <t>因應新冠肺炎疫情衝擊高市衛生局防患未然12日宣佈上百處長照據點即日起暫停老人供餐服務改為打包成便當讓長輩帶回家享用減少病毒傳播及群聚感染機會目前暫定至3月底是否延長或何時恢復正常將視疫情狀況再評估。
高市衛生局長期照顧中心主任李素華指出考量到有慢性疾病長輩比較容易感染彼此在同一個空間中午一起吃飯會有口水、飛沫相對不安全因此今天開始老人共餐服務暫停。
李素華表示原本長照據點人員有設想過其他替代方案如用「隔板」繼續共餐但最後考量場地、空間問題才改為將原本的團膳打包成便當讓長輩能夠在中午帶回家享用。
李素華說高市暫停老人共餐服務的措施其他縣市尚未聽聞目前沒有長輩反彈畢竟家屬也會擔心這段時間被傳染風險因此對於政府防疫措施家屬都可以體諒。
衛生局主責推動的社區式長照服務據點分別有失智社區服務據點計52處及目前開辦的非社區照顧關懷據點（醫事）C級巷弄長照站66處總計服務約1500名長輩。另外社會局長青綜合服務中心社區關懷據點及巷弄長照站322處及高雄市原住民事務委員會權管文化健康站計27處也同步啟動辦理。
衛生局仍持續要求據點加強防疫措施並且不定期抽查社區長照據點落實防疫作業在不停止辦理據點服務情形下各項服務活動時建議保持1公尺以上距離落實縝密防疫無縫隙提供長輩、家屬安心、安全的活動場地與空間。</t>
  </si>
  <si>
    <t>據點服務長輩衛生局防疫目前措施家屬社區空間疫情老人高市感染暫停辦理考量照顧原本</t>
  </si>
  <si>
    <t>新冠肺炎武漢肺炎新型冠狀病毒台灣據點</t>
  </si>
  <si>
    <t>肺炎武漢冠狀病毒臺灣據點</t>
  </si>
  <si>
    <t>安倍爽吃緊河豚疫情誇張氣炸</t>
  </si>
  <si>
    <t>新冠病毒在日蔓延據日媒NHK報導包含停留在橫濱港的鑽石公主號在內日本已有705人確診新冠肺炎且至今官方仍未能確任病毒傳播途徑。不過在此防疫工作吃緊之際日本首相安倍晉三竟忙著接待出於同鄉的河豚業者</t>
  </si>
  <si>
    <t>接待安倍晉三日本首相之際吃緊報導工作包含停留出於防疫橫濱途徑病毒傳播鑽石公主日本仍未</t>
  </si>
  <si>
    <t>新冠病毒在日蔓延據日媒NHK報導包含停留在橫濱港的鑽石公主號在內日本已有705人確診新冠肺炎且至今官方仍未能確任病毒傳播途徑。不過在此防疫工作吃緊之際日本首相安倍晉三竟忙著接待出於同鄉的河豚業者在鏡頭面前大啖河豚令不少網友火大直嗆「日本值得交給這個人嗎」？
安倍首相 地元のフグ仲卸業者らと面會 天然トラフグを試食 #nhk_news https://tco/BW6H2hXzk8
報導指出安倍接見河豚盛產地山口縣的河豚業者「下關河豚聯盟」理事長見原宏等人時當場試吃了河豚生魚片大讚口感Q彈有嚼勁。業者同時向安倍表示受暖冬影響當季的河豚獲取量略減但本月初氣溫下降讓產量再度恢復。安倍也表示河豚生魚片是第一美味的希望來到日本的歐美旅客也可以嘗試看看。
不過此新聞一出引來大批網友在NHK下方留言痛批指責此時根本不是在鏡頭前吃河豚的時候「我們可以讓日本交付給這個人嗎」、「不是說正在全力因應新冠病毒」也有不少網友認為首相這回把選舉高於國政這一事實曝光了「果然地方選舉高於國家大政」。而「安倍比河豚更毒」也成了推特上的關鍵字。</t>
  </si>
  <si>
    <t>河豚業者安倍日本網友報導首相nhk表示可以生魚片鏡頭選舉高於病毒工作防疫吃緊途徑之際病毒傳播日本首相</t>
  </si>
  <si>
    <t>河豚安倍業者網友日本</t>
  </si>
  <si>
    <t>網友河豚日本安倍業者</t>
  </si>
  <si>
    <t>四國升級外長衝突邊境會商陸印因應之道</t>
  </si>
  <si>
    <t>中印邊境衝突依舊緊張近來局勢甚至持續升級。在上述背景下美日印澳四國（Quad）外交部長將於10月初在日本會晤商討大陸、新冠疫情等重要問題。《日本經濟新聞》19日引述東京消息人士報導經過日本政府與相關國</t>
  </si>
  <si>
    <t>日本近來局勢消息人士甚至持續東京升級引述背景緊張新聞經濟四國報導外交部長重要quad月初疫情問題會晤大陸商討</t>
  </si>
  <si>
    <t>中印邊境衝突依舊緊張近來局勢甚至持續升級。在上述背景下美日印澳四國（Quad）外交部長將於10月初在日本會晤商討大陸、新冠疫情等重要問題。
《日本經濟新聞》19日引述東京消息人士報導經過日本政府與相關國家協調後第2次美日印澳4國外長會議最快將於10月初在東京登場。屆時預計日本外務大臣茂木敏充、美國國務卿蓬佩奧澳洲外長佩恩（Marise Payne）和印度外長蘇傑生（Subrahmanyam Jaishankar）都將出席此次會議。4國外長去年9月曾在聯合國大會期間舉行首次會議。
日方官員透露4國外長預計將透過這個重要會議重申維持自由開放印太地區的重要性並就應對新冠肺炎大流行及涉陸問題等交流意見。
《日本時報》分析本次會議旨在對抗大陸在印太地區日益強硬的手段。</t>
  </si>
  <si>
    <t>會議外長日本大陸印太東京重要預計問題地區月初近來局勢甚至持續緊張升級背景澳洲美國蓬佩</t>
  </si>
  <si>
    <t>美日印澳四國會議外交部長中印衝突新冠疫情</t>
  </si>
  <si>
    <t>中印四國外交部長會議衝突疫情</t>
  </si>
  <si>
    <t>肺炎夫妻病例確診孟加拉新增工作臺灣染病</t>
  </si>
  <si>
    <t>中央流行疫情指揮中心今(15)日公佈國內新增2例境外移入COVID-19(武漢肺炎)病例為50多歲男性(案444)及40多歲女性(案445)兩人為一對夫婦分別於今(2020)年1月下旬及3月上旬至孟加拉工作6月12日一同自孟加拉搭機</t>
  </si>
  <si>
    <t>孟加拉中心上旬公佈於今下旬分別國內肺炎新增武漢covid-境外指揮工作夫婦女性男性病例疫情一同流行</t>
  </si>
  <si>
    <t>中央流行疫情指揮中心今(15)日公佈國內新增2例境外移入COVID-19(武漢肺炎)病例為50多歲男性(案444)及40多歲女性(案445)兩人為一對夫婦分別於今(2020)年1月下旬及3月上旬至孟加拉工作6月12日一同自孟加拉搭機至馬來西亞並於13日自馬來西亞搭乘專機返國。
新冠肺炎再增2確診打破了連13天「+0」國內新冠肺炎已14天維持「+0」今天是時隔13天又有境外移入個案本土則有64天無新增病例國內確診增加到445例。
指揮中心表示案444在孟加拉工作期間曾於5月23日出現發燒、咳嗽、喉嚨痛、肌肉痠痛及味覺異常等症狀案445則於5月25日出現發燒症狀兩人均於孟加拉當地確診後住院治療。其中案444於5月26日即無症狀5月28日及6月2日採檢均為陰性案445於6月2日檢驗陰性兩人6月2日出院返家後未再外出。兩人6月13日返國入境時無症狀因主動告知曾於孟加拉確診住院由機場採檢後送至集中檢疫所隔離其中案444一採檢驗陽性案445一採檢驗陰性二採檢驗陽性兩人均於今日確診目前住院隔離中。
指揮中心指出案444與案445搭機返台時均有戴口罩、著防護衣入境後未接觸國內親友。衛生單位目前已掌握個案同班機機組員及前後兩排乘客共37人由於兩個案全程皆有著防護裝備因此11位機組員列為自主健康管理對象前後兩排26位乘客維持居家檢疫對象。
指揮中心統計國內截至目前累計74409例新型冠狀病毒肺炎相關通報(含73507例排除)其中445例確診分別為354例境外移入55例本土病例及36例敦睦艦隊。確診個案中7人死亡433人解除隔離其餘持續住院隔離中。</t>
  </si>
  <si>
    <t>確診國內肺炎孟加拉個案中心指揮目前症狀隔離病例住院機組員維持入境境外返國前後</t>
  </si>
  <si>
    <t>新冠肺炎確診孟加拉武漢肺炎新型冠狀病毒</t>
  </si>
  <si>
    <t>肺炎孟加拉確診武漢冠狀病毒</t>
  </si>
  <si>
    <t>全球疫情生命危險上課教育悲歌</t>
  </si>
  <si>
    <t>「半島電視台」（Al Jazeera）13日報導在新冠肺炎（COVID-19）疫情下斯裡蘭卡偏鄉的孩童們無法去學校上課但村內又連不上網路只好每天穿過茂密且有猛獸出沒的叢林登上村子附近的小山以連上網路接受線上授</t>
  </si>
  <si>
    <t>網路報導肺炎covid-疫情斯里蘭卡孩童無法學校小山附近上課村內叢林村子出沒連不上</t>
  </si>
  <si>
    <t>「半島電視台」（Al Jazeera）13日報導在新冠肺炎（COVID-19）疫情下斯裡蘭卡偏鄉的孩童們無法去學校上課但村內又連不上網路只好每天穿過茂密且有猛獸出沒的叢林登上村子附近的小山以連上網路接受線上授課。聯合國先前警告疫情已讓全球兒童教育成果倒退20年。
位於斯裡蘭卡偏遠地區的村落博希提瓦亞（Bohitiwaya）村內的45名學童每天都會在大人的帶領下穿過茂密的叢林、登上一座小岩山因為只有在山頂才能收到網路訊號讓他們得以接受線上授課和下載講義等。且由於並非所有人都有手機或筆記型電腦只好大家一起共用設備。
根據報導這段路來回須行走超過6公里且叢林中有大象和豹等野獸出沒；該村一名6年級學生的父親庫瑪瑞（HM Pathmini Kumari）表示父母們都很擔心學童可能在路上遭遇危險。
這並非單一案例距離該村約60公里的盧努加拉（Lunugala）村同樣收不到網路訊號學童只好在大人的帶領下到附近森林保護區一座小山山頂的樹屋上課。「半島電視台」指出自2020年3月以來斯裡蘭卡學校大部分時間都維持關閉而該國430萬名學生中最多僅約40%有能力參與線上授課。斯裡蘭卡12日已開始為所有教師接種疫苗希望盡快讓學校能夠重新開放。
聯合國先前公佈報告指出在新冠肺炎疫情影響下2020年全球缺乏基本閱讀能力的兒童達584億人較預期的46億人大幅增加抵銷了過去20年來的努力成果。教科文組織呼籲各國向教育體系提供更多資源以盡快在確保安全下重啟學校並加速數位元學習工具的普及避免發生「世代性災難」。</t>
  </si>
  <si>
    <t>學校斯里蘭卡網路只好學童叢林疫情授課成果儘快學生報導並非村內全球上課指出山頂出沒</t>
  </si>
  <si>
    <t>新冠肺炎全球斯裡蘭卡線上授課兒童</t>
  </si>
  <si>
    <t>斯里蘭卡全球肺炎授課兒童</t>
  </si>
  <si>
    <t>瞭解造冊時中企業以上施打依據</t>
  </si>
  <si>
    <t>中央流行疫情指揮中心指揮官陳時中表示日前針對規模1000人以上企業、100人以上中央政府機關對有意願的人進行造冊他強調這是預先的準備並不是由這個當作施打依據目前先造冊瞭解以做未來疫苗分配的規劃</t>
  </si>
  <si>
    <t>造冊以上中心指揮官陳時中表示瞭解日前指揮目前意願依據當作施打進行準備預先強調未來規模機關疫情疫苗企業中央政府</t>
  </si>
  <si>
    <t>中央流行疫情指揮中心指揮官陳時中表示日前針對規模1000人以上企業、100人以上中央政府機關對有意願的人進行造冊他強調這是預先的準備並不是由這個當作施打依據目前先造冊瞭解以做未來疫苗分配的規劃。
有媒體報導「COVID-19疫苗接種外展服務無法選擇疫苗廠牌係為國產疫苗鋪路」中央流行疫情指揮中心今(29)日澄清無法選擇疫苗廠牌係因目前尚無法確認屆時可供應之疫苗廠牌與數量並非為國產疫苗鋪路。
指揮中心表示為加速我國COVID-19疫苗接種作業規劃辦理「COVID-19疫苗接種外展服務」已於日前發文請各部會先行調查「規模1000人以上企業」、「100人以上中央政府機關」等人員施打疫苗意願及進行造冊並由各機關（構）自行評估是否有適合執行接種作業的地點及空間規劃等。
有關媒體報導「該公文提到無法選擇疫苗廠牌係為國產疫苗鋪路」指揮中心澄清係因目前尚無法確認屆時可供外展服務之疫苗廠牌與疫苗數量並非為國產疫苗鋪路。待疫苗量充足會依屆時可供應之疫苗廠牌與數量再次詢問機關（構）參與外展服務與接種之意願。
指揮中心進一步說明有關「疫苗外展服務調查」係為後續疫苗量充足且可全民接種時疫苗需求量調查與分佈之預先規劃。</t>
  </si>
  <si>
    <t>疫苗接種中心指揮機關無法服務調查造冊意願目前鋪路日前施打有關規劃報導媒體預先covid-</t>
  </si>
  <si>
    <t>疫苗企業造冊新冠肺炎台灣</t>
  </si>
  <si>
    <t>造冊肺炎企業臺灣疫苗</t>
  </si>
  <si>
    <t>動能營運nb導體抗跌</t>
  </si>
  <si>
    <t>鈺太(6679)今年因疫情帶動NB需求大好整體營運大彈升法人預估全年每股有機會挑戰大賺7元目前因疫情再掀變種危機筆電廠積極拉貨鈺太第四季營運預計更勝第三季鈺太今股價抗跌上漲逾1%。全球疫情再掀波瀾</t>
  </si>
  <si>
    <t>疫情營運機會全球預估法人挑戰彈升抗跌上漲整體變種目前股價電廠危機積極需求大好</t>
  </si>
  <si>
    <t>鈺太(6679)今年因疫情帶動NB需求大好整體營運大彈升法人預估全年每股有機會挑戰大賺7元目前因疫情再掀變種危機筆電廠積極拉貨鈺太第四季營運預計更勝第三季鈺太今股價抗跌上漲逾1%。
全球疫情再掀波瀾變種病毒衝擊歐洲預計居家辦公、遠距教學的需求恐比先前預期來的更大且時間更長預計鈺太受惠筆電廠積極拉貨下營運動能將一路延伸到明年整體來說第四季會比第三季好、下半年會比上半年好至於明年第一季由於農曆年使得工作天數減少鈺太明年第一季有機會力拚和今年第四季持平。
鈺太今年主要營收成長仍是NB其中的主要動能來自Chromebook因廣達(2382)在Chromebook有60~70%市佔率鈺太原來就是廣達供應商另外其他營收成長動能來自TWS、PS5、TV、穿戴裝置、智能音箱等鈺太今年受到疫情所帶來的商機營運大幅彈升法人樂觀預期鈺太2020年營收有機會成長逾30%每股獲利甚至有機會挑戰7元大關。</t>
  </si>
  <si>
    <t>營運疫情機會明年動能四季今年預計需求預期整體nb廣達來自彈升法人變種</t>
  </si>
  <si>
    <t>鈺太廣達NBTWS無線藍牙耳機</t>
  </si>
  <si>
    <t>廣達twsnb藍牙耳機</t>
  </si>
  <si>
    <t>復蘇飯店業年前亞太區分析產業榮景</t>
  </si>
  <si>
    <t>全球商業不動產服務機構高力國際公佈第三季旅館前景報告（Hotel Insights）認為隨著部分國家國境逐步解封預期亞太區觀光旅館業營運將不至於再轉壞未來可望呈現U型趨勢復甦但長途跨國旅遊可能要到2023年才有</t>
  </si>
  <si>
    <t>復蘇機構趨勢高力國際公佈呈現旅館可望前景未來報告hotelinsights服務旅遊認為不至於營運部分</t>
  </si>
  <si>
    <t>全球商業不動產服務機構高力國際公佈第三季旅館前景報告（Hotel Insights）認為隨著部分國家國境逐步解封預期亞太區觀光旅館業營運將不至於再轉壞未來可望呈現U型趨勢復甦但長途跨國旅遊可能要到2023年才有機會完全復甦。
新冠肺炎疫情使全球各國封鎖國境跨境商旅凍結使觀光旅館業遭逢重創。高力國際調查顯示上半年亞太區飯店業整體住房率驟降至339％單日平均房價僅6032美元（約新台幣1765元）平均客房收益（RevPAR）年減達近7成。
投資動能上高力國際資本市場服務部執行董事黃正忠指出新冠肺炎衝擊使得亞太區飯店交易總額自首季便出現大幅下滑第二季更驟減至僅有10億美元季減幅達568％、年減幅高達717％。
不過過去幾個月來全球已有國家陸續放寬旅遊禁令、甚至重新開放邊境高力國際預期觀光旅館業營運不至於再轉壞。然而由於對經濟及國境解封後的疫情復發、以及疫苗尚未問世的相關擔憂仍將改變旅遊生態。
台灣上半年來台旅客人次僅約1262萬年減達789％臺北市觀光旅館住房率自1月62％一路下滑至6月20％旅館平均客房收益自2815元跌至574元。但在疫情趨緩及消費振興方案帶動下花蓮等風景區飯店住房率已回溫至70％平均客房收益可達3343元。
高力國際董事總經理劉學龍表示目前跨境旅遊仍以必要商務為主各國觀光旅遊活動仍由國旅帶動。未來在全球國境逐步開放、經濟逐漸回穩後離家近且重視衛生安全的短程旅途將率先復甦過往大規模的團客行程減少朝向人數少的精緻團體或自由行為主。
高力國際研究部董事梁儀盈指出台灣以往每年出國人次達上千萬但如今這些旅遊及消費動能只能留在國內。因應後疫情時代民眾生活習慣改變旅館營運商除了應分散多元客層經營方式上應善用台灣優美的山景及海景、融入自然及健康元素、重視戶外設施。
梁儀盈認為飯店業者現在應致力提升經營精緻化建議經營應提升AI人工智慧服務配置無人化及自動化裝置、高標準的衛生清潔設備等透過智慧硬體設施來跟旅客互動。如此在全球旅遊重新開放時才能保有現有市場熱度且更有實力迎接國際觀光客到來。</t>
  </si>
  <si>
    <t>國際旅遊高力全球疫情國境復蘇觀光旅館亞太區旅館臺灣開放董事平均衛生住房重視收益認為客房</t>
  </si>
  <si>
    <t>高力國際飯店業亞太區復甦展望</t>
  </si>
  <si>
    <t>國際亞太區復蘇飯店業展望高力</t>
  </si>
  <si>
    <t>《業績-生醫》診所業務成長馬光2月營收年增5％</t>
  </si>
  <si>
    <t>馬光診所成長業務業績</t>
  </si>
  <si>
    <t>馬光-KY(4139)診所業務成長帶動2月合併營收為新台幣61079萬元較去年同期成長5％其中診所業務成長更達15％。前2月營收為1億2867萬元年減1024%。馬光表示2月份馬光整體合併營收若屏除去年10月出售的國際學</t>
  </si>
  <si>
    <t>合併成長馬光診所業務屏除台幣去年同期帶動去年整體表示月份出售國際-ky</t>
  </si>
  <si>
    <t>馬光-KY(4139)診所業務成長帶動2月合併營收為新台幣61079萬元較去年同期成長5％其中診所業務成長更達15％。前2月營收為1億2867萬元年減1024%。
馬光表示2月份馬光整體合併營收若屏除去年10月出售的國際學校影響下較去年同期成長8％其中天津馬光較去年同期成長24％除由於去年2月逢農曆新年主要原因在於天津馬光糖尿病慢病業務較去年同期成長35％不過因為新冠肺炎疫情擴散部分患者減少出門就醫導致天津馬光一般門診業務減少以及為避免病毒傳染目前暫停口腔業務但整體而言因天津馬光為當地唯一具糖尿病及中風後慢病管理資格的民營機構在慢病管理業務的「剛性」需求下縱使一般門診業務受新冠肺炎影響天津馬光仍然於2月份取得成長的成績單。
馬光進一步表示天津馬光糖尿病慢病管理的年度續約率多年來均維持九成五以上可見此次因應新冠肺炎疫情影響天津市政府特別加速互聯網醫療執照的審核故天津馬光可望提前在第二季取得執照並推出互聯網醫療服務提供患者雲端問診、健康諮詢、送藥到家等一站式雲端服務預計天津馬光將成為天津首家民營擁有慢病管理資格的互聯網醫療暨社區醫療診所值此新冠肺炎擴散之際可望為當地輕症病患及慢病患者的首選更進一步加速拓展公司一般門診及慢病管理經濟規模。
帶動2月合併營收較去年同期成長的另一個原因為馬光旗下知名品牌「黃耀南」中草藥保健品清熱解毒防疫藥方熱銷業績較去年同期成長30％。另外新加坡診所的部分雖然因新冠肺炎疫情影響導致部分患者減少出門就醫但2月分營收在疫情影響下仍然微幅成長顯見新加坡診所自去年營運體質改善後到目前仍持續成長中。</t>
  </si>
  <si>
    <t>馬光天津業務成長影響管理診所去年同期去年肺炎醫療門診疫情互聯網一般減少目前患者</t>
  </si>
  <si>
    <t>馬光雲端問診天津新加坡新冠肺炎</t>
  </si>
  <si>
    <t>天津新加坡問診雲端馬光肺炎</t>
  </si>
  <si>
    <t>庫克檢測揭曉逐一nba陰性</t>
  </si>
  <si>
    <t>在先後爆料麥基、杜德利兩名湖人球員接受新冠病毒檢測呈現陰性《Yahoo Sports》資深記者海恩斯21日繼續爆出湖人替補後衛庫克沒有中鏢更用視訊進行專訪談到接受檢測的過程庫克不禁表示「那是你人生最糟糕的</t>
  </si>
  <si>
    <t>庫克接受表示不禁杜德利過程檢測sportsyahoo陰性記者專訪進行海恩斯球員呈現病毒檢測繼續</t>
  </si>
  <si>
    <t>Quarantined Posted Up Pod: Lakers guard Quinn Cook - who sources say tested negative for coronavirus - on testing process how he’s staying in shape isolated NBA players receiving tests versus general public and more? : https://tco/W9YwNqki4W? : https://tco/bkFXrqogWB pictwittercom/JF96ToUiel
在先後爆料麥基、杜德利兩名湖人球員接受新冠病毒檢測呈現陰性《Yahoo Sports》資深記者海恩斯21日繼續爆出湖人替補後衛庫克沒有中鏢更用視訊進行專訪談到接受檢測的過程庫克不禁表示「那是你人生最糟糕的8到9秒！」
由於先前爆出兩名湖人球員確診新冠肺炎可是湖人官方決定交給球員自行決定是否公開如今隔了1天多時間遲遲沒有湖人球員跳出來證實自己確診只能交給外界繼續猜測當中不過當前包含麥基、杜德利與庫克3人檢測都呈陰性。
「我看過米契爾的採訪影片他說採檢過程很不舒服我不希望任何人有那種經歷但那是必須做的事」庫克說「我們醫生做得很棒讓每個人都避開彼此但所有人反應都一樣搞笑的是我們都在群組內吐槽檢測過程有多痛苦與不適。」
「就是用一個醫用棉花棒醫生會插入你的鼻子深處我猜要到咽喉的部位吧他把棉花棒插入你的鼻子然後轉動那種感覺太糟、太糟了」庫克說「我們在檢測完成後5小時仍感覺不適但我們都接受了檢測且共同克服了它。」</t>
  </si>
  <si>
    <t>庫克檢測球員過程接受陰性繼續交給沒有醫生不適鼻子棉花麥基感覺爆出杜德利確診插入https</t>
  </si>
  <si>
    <t>檢測湖人庫克球員陰性</t>
  </si>
  <si>
    <t>球員庫克檢測陰性</t>
  </si>
  <si>
    <t>台電擴大啟動異地疫情避免辦公</t>
  </si>
  <si>
    <t>因應疫情持續嚴峻中央流行疫情指揮中心已宣佈提升全國疫情警戒至第三級台電為落實防疫確保員工健康及供電不受疫情影響台電總管理處於24日實施異地辦公措施並配合疫情指揮中心指引辦理相關防疫措施。台電說</t>
  </si>
  <si>
    <t>疫情台電指揮中心防疫措施實施異地管理處於影響健康確保不受全國辦公提升警戒相關供電落實員工配合指引辦理中央流行宣佈</t>
  </si>
  <si>
    <t>因應疫情持續嚴峻中央流行疫情指揮中心已宣佈提升全國疫情警戒至第三級台電為落實防疫確保員工健康及供電不受疫情影響台電總管理處於24日實施異地辦公措施並配合疫情指揮中心指引辦理相關防疫措施。
台電說位於台電總管理處的中央電力調度中心是確保全國穩定電力的關鍵因此在98年即考量「異地備援」在高雄同樣增設中央調度中心成為全世界第一套雙主控中央調度中心。
因應疫情考驗台電總管理處已在去年進行調度人員與其他人員分流近期更加強人員分流管制包括人員進出大樓動線分流、公文傳遞動線規劃、加強環境消毒與清潔區域分流、會議採分艙分流或視訊等也提前利用假日期間進行搬遷準備24日開始實施三階段異地辦公措施隨時滾動檢討可加強之作為防止疫情擴散。
異地辦公方式如何執行台電說將積極運用原本會議室及餐廳等空間改為異地辦公場域也綜合盤點鄰近各地方單位可用空間將總管理處各單位約三分之一員工自今（24）日起分三梯次陸續移至異地辦公並杜絕兩區人員越區交流避免單位業務受疫情影響無法正常運作。
台電表示為了穩定供電台電各單位也已完成備援人力機制及異地辦公規劃也針對供電需求完成材料盤點整備及發電必要燃料庫存數量以確保供電不受疫情影響。</t>
  </si>
  <si>
    <t>疫情異地台電辦公分流單位中心供電加強人員調度中央確保措施管理處盤點影響穩定員工進行空間完成備援全國防疫</t>
  </si>
  <si>
    <t>新冠肺炎台灣全國台電異地辦公</t>
  </si>
  <si>
    <t>全國臺灣台電肺炎異地辦公</t>
  </si>
  <si>
    <t>落後國際研發專家合作疫苗</t>
  </si>
  <si>
    <t>台灣新冠肺炎疫情趨緩但國際卻越來越嚴峻台大公衛學院院長詹長權昨指出只要沒有疫苗就很難終結新冠肺炎但台灣疫苗沒有國家隊只有「國際隊」遺憾台灣在這塊缺席。他強調台灣要與國際有連結不可能一直</t>
  </si>
  <si>
    <t>國際臺灣疫苗沒有肺炎學院院長大公嚴峻越來越指出疫情終結強調缺席國際隊</t>
  </si>
  <si>
    <t>台灣新冠肺炎疫情趨緩但國際卻越來越嚴峻台大公衛學院院長詹長權昨指出只要沒有疫苗就很難終結新冠肺炎但台灣疫苗沒有國家隊只有「國際隊」遺憾台灣在這塊缺席。他強調台灣要與國際有連結不可能一直沿用嚴格的邊境管制但要做好控管才能顧好經濟並保護人民健康。
詹長權強調疫苗是終結新冠肺炎疫情的唯一武器各國研發單位預估至少要打2劑才達到效果但從現實與國際觀點來說沒有單一國家可完成疫苗開發疫苗研發需要組國際隊政府要清楚這無法像口罩一樣組國家隊。
他呼籲台灣不要繼續沉溺在誰的實驗室有什麼突破「好像我們也可以做疫苗」實際上國際都組成疫苗研發聯盟台灣一定要跟國際接軌也要提早思考若無法取得疫苗該怎麼做。
台灣疫苗推動協會理事長李秉穎表示國內目前有3個疫苗廠的研發到了動物實驗階段但他坦言進度落後其他國家很多時效上可能會來不及趕上年底秋冬或明年初第二波流行尤其未來能不能做到第三階段的人體實驗以證明其有效性都是非常困難的事情。
不過「疫苗國家隊」還是須加以輔導這是國內疫苗發展的契機因此還是要進行研發；建議業者要有備案一旦研發成果不好要取得國際合作讓國外藥廠能夠技轉或合作加速國內疫苗的供應。
指揮中心發言人莊人祥也表示對於疫苗研發一直都在尋求國際合作應該在明年有機會研發出來。</t>
  </si>
  <si>
    <t>疫苗研發國際臺灣國內沒有合作國家隊國家階段肺炎一直表示取得強調國際隊疫情終結</t>
  </si>
  <si>
    <t>終結疫苗國家隊肺炎研發</t>
  </si>
  <si>
    <t>研發國家隊終結肺炎疫苗</t>
  </si>
  <si>
    <t>殯葬疫苗骨肉分離</t>
  </si>
  <si>
    <t>「今天是我和孩子分開的第22天我怕不小心中了沒發現就此傳染給孩子」前立委黃適卓近日收到許多殯葬業的反應感嘆新冠肺炎患者必須24小時內火化但身處第一線的他們日夜接觸確診個案卻幾乎被政府遺忘</t>
  </si>
  <si>
    <t>孩子個案確診接觸日夜第一線身處火化小時必須小心患者肺炎感歎發現反應就此殯葬收到傳染給近日</t>
  </si>
  <si>
    <t>「今天是我和孩子分開的第22天我怕不小心中了沒發現就此傳染給孩子」前立委黃適卓近日收到許多殯葬業的反應感嘆新冠肺炎患者必須24小時內火化但身處第一線的他們日夜接觸確診個案卻幾乎被政府遺忘力爭將殯葬業者列為優先施打疫苗名單。
桃園市新聞處長詹賀舜指出按照《傳染病防治法》新冠肺炎確診病故個案必須24小時火化針對有接觸遺體的人市府已經完成調查列冊75位第一線工作人員都已經完成疫苗施打。他強調第一線人員執行業務時都要穿著防護衣、戴口罩、面罩才能執行任務防堵疫情零破口。
「無症狀的感染使我更害怕我害怕的不是我中獎而是害怕自己不小心中了而沒發現就此傳染給孩子也因為這樣今天是我和孩子分開的第22天了」前立委黃適卓說殯葬業者一封信道盡因為疫情骨肉分離不得相見的心酸殯葬業彷彿是隱藏版的第一線日夜接觸確診個案卻幾乎被政府遺忘。
黃適卓說每一個離世的人身後事都應該辦得莊嚴鄭重可是疫情期間不僅遺體必須在24小時內火化家屬也不得親見往生者最後一面。折衷的辦法往往只能透過殯葬業人員隔著螢幕用手機視訊送親友離去但他們肩負防疫最後一個環節卻沒辦法受到完善的保護呼籲政府應該將殯葬從業者列入優先對象不讓隱藏版第一線人員淪為防疫犧牲品。</t>
  </si>
  <si>
    <t>殯葬疫情第一線人員黃適必須執行小時政府火化應該接觸最後辦法疫苗確診施打業者孩子卓說</t>
  </si>
  <si>
    <t>殯葬業新冠肺炎前立委黃適卓台灣</t>
  </si>
  <si>
    <t>肺炎黃適殯葬臺灣</t>
  </si>
  <si>
    <t>很棒川普原本死亡數可能</t>
  </si>
  <si>
    <t>美國新冠肺炎死亡人數在昨（22）日正式超過20萬人對此美國總統川普回應時坦言「很遺憾」但也稱防疫工作做得「很出色」否則美國可能會有300萬人喪命。綜合《今日美國報》（USA Today）、美國有線電視新聞網（</t>
  </si>
  <si>
    <t>美國人數死亡今日綜合正式喪命超過遺憾坦言工作對此出色總統回應可能川普肺炎防疫</t>
  </si>
  <si>
    <t>美國新冠肺炎死亡人數在昨（22）日正式超過20萬人對此美國總統川普回應時坦言「很遺憾」但也稱防疫工作做得「很出色」否則美國可能會有300萬人喪命。
綜合《今日美國報》（USA Today）、美國有線電視新聞網（CNN）報導今年初新冠肺炎蔓延美國時川普3月底才表示如果美國能將病歿人數控制在10至20萬人之間那美國的防疫工作就做得「非常好了」如今川普預言成真死亡人數甚至超過預期根據美國約翰霍普金斯大學（Johns Hopkins University）全球疫情統計截至台灣時間今（23）日上午8時美國總死亡人數為200654人。
對此川普昨日在白宮表示「很遺憾」稱美國防疫工作做得「非常出色」「如果我們沒有適當、正確地做（因應）你可能會有250萬人死亡如果你看看其他選項你可能會有250萬人左右喪命甚至更多人。」
川普接著將炮口對準北京「你們看到了我在聯合國的演說中國應該讓病毒止步於他們的邊界之內他們不該讓病毒散播到全世界這是一件非常糟糕的事。」
他更稱要不是他關閉邊界美國可能會有300萬人死亡「這是一件可怕的事永遠不該發生記住是中國讓這件事發生。」
今年5月以來美國的新冠死亡數就不斷超速讓預測模型提前達標華盛頓大學健康計量評估研究中心（Institute for Health Metrics and EvaluationIHME）原本預估10月初死亡人數達18萬人明年1月增加至378萬人實情是5月美國就有10萬人喪命。
針對疫情前景加州大學柏克萊分校（University of California at Berkeley）傳染病及疫苗學系榮譽退休教授斯瓦茲伯格（John Swartzberg）表示隨著秋冬流感季來臨他很難樂觀期待10月、11月情況會好轉「我沒有看到人們的行為有適當的轉變我看不到檢測量提升我看到政治層面持續壓迫做正確的事。」</t>
  </si>
  <si>
    <t>美國死亡人數川普看到表示非常university疫情可能喪命適當沒有中國</t>
  </si>
  <si>
    <t>美國新冠肺炎川普20萬死亡</t>
  </si>
  <si>
    <t>川普肺炎死亡美國</t>
  </si>
  <si>
    <t>加碼防疫加強環島房型市場免費國旅振興</t>
  </si>
  <si>
    <t>為振興國旅市場並讓民眾出遊更加安心並刺激買氣易遊網獨家承包的「環島之星Hello Kitty繽紛列車」商品遊程不僅全面提升列車防疫並嚴格把關每日消毒清潔並於今日推出環島之星和離島澎湖指定商品3月底前出發</t>
  </si>
  <si>
    <t>環島商品列車民眾出遊更加安心刺激指定買氣易遊網獨家防疫承包嚴格把關消毒清潔今日推出kittyhello市場提升</t>
  </si>
  <si>
    <t>為振興國旅市場並讓民眾出遊更加安心並刺激買氣易遊網獨家承包的「環島之星Hello Kitty繽紛列車」商品遊程不僅全面提升列車防疫並嚴格把關每日消毒清潔並於今日推出環島之星和離島澎湖指定商品3月底前出發享住房免費限量升等最高還能直升101坪頂級套房標榜房型價差高達1萬2千元。
為帶動國旅買氣「環島之星Hello Kitty繽紛列車」遊程的住房免費升等優惠包含【溪頭+集集車埕+日月潭 豐富3天】搭配「涵碧樓」25坪「湖畔雙人房」限量升等至101坪的「庭園別墅雙人房」等於現賺1萬2千元房型價差。【花蓮理想大地自由行 2天】3月出發平假日同價下殺至不到4千元假日出發等於先享6折價還能再升等「蜜月／歡樂套房」。
【台南美食+台東 豐富3天】搭配五星級住宿「台南晶英酒店」原安排的12坪房型最高可升等到22坪的「府城套房」房型價差也多達4400元；【台南自由行2天】入住「台糖長榮酒店(台南)」房型空間直接翻倍從10坪房型升等至20坪套房房型每人售價4750元起；若想安排離島旅遊【澎湖自由行3天】用3599起的激省價就能入住五星級「澎湖福朋喜來登飯店」再享升等「池畔親子豪華房」CP值相當高。【墾丁小奈良／海生館／鵝鑾鼻 輕鬆選2天】搭配「墾丁福華渡假飯店」最高可升等入住價差超過8千元的「豪華海景套房。
易遊網上週推出【安心訂房企劃】目前已累積200間國內飯店共同響應除了承諾3大保證外也祭出5折起、免費升等、延遲退房、加人不加價等優惠內容還有200元折扣碼可領取折抵。
易遊網安心訂房3大保證包括：飯店公共空間與客房每日定期消毒、飯店公共空間或客房內提供酒精或乾洗手等消毒用品以及指定專案於3月底前入住可享入住前一天免費取消。</t>
  </si>
  <si>
    <t>為 振興 國旅 市場 並 讓 民眾 出遊 更加 安心 並 刺激 買氣 易遊網 獨家 承包 的 環島 之 星 hello kitty 繽紛 列車 商品 游程 不僅 全面 提升 列車 防疫 並 嚴格 把關 每日 消毒 清潔 並於 今日 推出 環島 之 星 和 離 島 澎 湖 指定 商品 3 月底 前 出發 享 住房 免費 限量 升 等 最高 還 能 直 升 101 坪 頂級 套房 標榜 房 型 價差 高 達 1萬2千 元 為 帶動 國旅 買氣 環島 之 星 hello kitty 繽紛 列車 游程 的 住房 免費 升 等 優惠 包含 溪頭 集 集 車 埕 日月 潭 豐富 3 天 搭配 涵碧 樓 25 坪 湖畔 雙人 房 限量 升 等 至 101 坪 的 庭園 別墅 雙人 房 等於 現 賺 1萬2千 元 房型 價差 花蓮 理想 大地 自由 行 2 天 3 月 出發 平 假日 同 價 下 殺 至 不 到 4千 元 假日 出發 等於 先 享 6 折價 還 能 再 升 等 蜜月 歡樂 套房 台南 美食 台東 豐富 3 天 搭配 五星級 住宿 台南 晶英 酒店 原 安排 的 12 坪 房型 最高可 升 等 到 22 坪 的 府城 套房 房 型 價差 也 多 達 4400 元 台南 自由 行 2 天 入住 台糖 長 榮 酒店 台南 房 型 空間 直接 翻倍 從 10 坪 房型 升 等 至 20 坪 套房 房 型 每人 售價 4750 元 起 若 想 安排 離 島 旅遊 澎 湖 自由 行 3 天 用 3599 起 的 激 省價 就 能 入住 五星級 澎 湖 福 朋 喜來登 飯店 再 享 升 等 池畔 親 子 豪華 房 cp 值 相當 高 墾 丁 小 奈良 海生 館 鵝鑾鼻 輕鬆 選 2 天 搭配 墾 丁 福華 渡假 飯店 最高 可 升 等 入住 價差 超過 8千 元 的 豪華 海景 套房 易遊網 上周 推出 安心 訂 房 企 劃 目前 已 累積 200 間 國內 飯店 共同 回應 除了 承諾 3 大 保證 外 也 祭出 5 折 起 免費 升 等 延遲 退 房 加人 不 加價 等 優惠 內容 還有 200 元 折扣 碼 可 領取 折 抵 易游網 安心 訂 房 3 大 保證 包括 飯店 公共 空間 與 客房 每日 定期 消毒 飯店 公共 空間 或 客房 內 提供 酒精 或 幹 洗手 等 消毒 用品 以及 指定 專案 於 3 月底 前 入住 可 享 入住 前 一 天 免費 取消</t>
  </si>
  <si>
    <t>飯店入住套房台南價差搭配免費消毒出發安心易游網自由房型環島空間最高優惠</t>
  </si>
  <si>
    <t>新冠肺炎武漢肺炎新型冠狀病毒台灣房型</t>
  </si>
  <si>
    <t>肺炎武漢冠狀臺灣病毒房型</t>
  </si>
  <si>
    <t>疫苗返台境外pcr陽性新增雲林確診</t>
  </si>
  <si>
    <t>繼臺北市傳出多起去美國打疫苗回國民眾在檢疫期間驗出新冠肺炎病毒案例雲林縣今天（3日）也有一起下午3點雲林縣府將舉行線上記者會說明。據瞭解雲林縣今天下午將宣佈一起境外移入確診病例該患者到國外打完</t>
  </si>
  <si>
    <t>一起林縣美國病例疫苗回國確診民眾檢疫期間出新患者境外肺炎病毒案例宣佈舉行縣府雲林</t>
  </si>
  <si>
    <t>繼臺北市傳出多起去美國打疫苗回國民眾在檢疫期間驗出新冠肺炎病毒案例雲林縣今天（3日）也有一起下午3點雲林縣府將舉行線上記者會說明。
據瞭解雲林縣今天下午將宣佈一起境外移入確診病例該患者到國外打完2劑疫苗回國隔離時PCR檢測是陽性Ct值32但未回雲林。</t>
  </si>
  <si>
    <t>疫苗回國一起林縣雲林美國陽性ct檢測pcr民眾隔離檢疫打完出新國外期間病例患者確診</t>
  </si>
  <si>
    <t>新冠肺炎台灣雲林境外疫苗</t>
  </si>
  <si>
    <t>雲林肺炎臺灣境外疫苗</t>
  </si>
  <si>
    <t>操作壽險業避險</t>
  </si>
  <si>
    <t>越靠近美國總統大選壽險業投資越趨保守？據保險局27日公佈最新統計到9月底壽險險投資台股總市值為新台幣1兆6523億元比7月高點時的部位少了1082億元其中估算有800億元左右為減碼操作獲俐落袋為安。9月</t>
  </si>
  <si>
    <t>投資估算部位高點操作台幣保守市值公佈保險局最新統計壽險月底壽險業總統大選俐落美國靠近</t>
  </si>
  <si>
    <t>越靠近美國總統大選壽險業投資越趨保守？據保險局27日公佈最新統計到9月底壽險險投資台股總市值為新台幣1兆6523億元比7月高點時的部位少了1082億元其中估算有800億元左右為減碼操作獲俐落袋為安。
9月底壽險業國外股票市值亦降到新台幣5826億元比8月高點少了309億元推估7、8兩月國外股票亦減碼200億元以上等於壽險業二個月減碼股票部位逾千億元。
因為實現獲利或降低投資風險部位壽險業9月底國內外現金部位高達新台幣1兆6554億元創保險局公佈以來、即10個月來的新高這些現金部位若沒有去化年息大約只有02~05％遠低於壽險業資金成本因此壽險公司「避險」操作意味濃厚即錢先放現金部位等待新的投資機會。
同時因為國際板債券贖回潮、國外債券9月價格下跌及實現債券獲利等三大因素國外投資9月單月亦少了新台幣2255億元減少金額創3月新冠肺炎之後的單月新高其中國際板債券9月少了43億元、股票少309億元剩下就是賣債券或債券跌價損失。</t>
  </si>
  <si>
    <t>投資壽險業部位國外股票債券台幣月底現金壽險操作新高保險局公佈單月實現國際獲利高點市值</t>
  </si>
  <si>
    <t>壽險業少了債券新台幣減碼</t>
  </si>
  <si>
    <t>債券台幣壽險業</t>
  </si>
  <si>
    <t>地鐵大戰大都會紐約喊停mlb</t>
  </si>
  <si>
    <t>紐約大都會被驗出2人感染新冠肺炎其中1人是球員他們21日對馬林魚、22日對洋基的比賽臨時喊停。大都會在客場邁阿密與馬林魚已經打了3連戰第4戰之前才被驗出感染者。大都會週末有3場在洋基主場的「地鐵大戰」</t>
  </si>
  <si>
    <t>大都會馬林洋基週末感染者之前連戰已經邁阿密客場喊停比賽感染肺炎球員主場</t>
  </si>
  <si>
    <t>紐約大都會被驗出2人感染新冠肺炎其中1人是球員他們21日對馬林魚、22日對洋基的比賽臨時喊停。大都會在客場邁阿密與馬林魚已經打了3連戰第4戰之前才被驗出感染者。大都會週末有3場在洋基主場的「地鐵大戰」第1戰確定延後。
本月20日是本季大聯盟30支球隊自開幕戰以來全數出場比賽的一天但也只持續1天就再出現病例。先前馬林魚爆發疫情時連續取消7場比賽紅雀停賽更長達半個月。大都會全隊將飛回到紐約持續追蹤檢疫兩位病人暫留邁阿密他們下半月的比賽對手只有馬林魚和洋基。
洋基在月底前與大都會還有6場比賽總教練波恩(Aaron Boone)說：「2020年不比往年我們開季前就有心理準備我們知道隨時會有挑戰也經歷過賽事取消與雙重賽。顯然其他球隊遭遇更嚴重的狀況我們只能盡力安全地打比賽。」</t>
  </si>
  <si>
    <t>比賽大都會馬林洋基持續取消球隊邁阿密紐約booneaaron</t>
  </si>
  <si>
    <t>馬林魚洋基大都會MLB大聯盟</t>
  </si>
  <si>
    <t>大都會mlb洋基聯盟馬林</t>
  </si>
  <si>
    <t>足跡經洗車場確診郵局桃園</t>
  </si>
  <si>
    <t>桃園24日新增7例確診累計桃園市確診病例789例且有2案家庭事件疫調確診足跡經金時代自助洗車店以及桃園大業郵局外刷簿機桃園衛生局呼籲曾出入相關場所者請於足跡重疊次日起14天進行自我健康監測。桃園</t>
  </si>
  <si>
    <t>桃園確診足跡次日重疊請於場所相關衛生局出入呼籲郵局大業病例家庭洗車店事件自助時代經金</t>
  </si>
  <si>
    <t>桃園24日新增7例確診累計桃園市確診病例789例且有2案家庭事件疫調確診足跡經金時代自助洗車店以及桃園大業郵局外刷簿機桃園衛生局呼籲曾出入相關場所者請於足跡重疊次日起14天進行自我健康監測。
桃園市24日宣佈新增7例本土案例年齡介於不足10歲至60多歲之間累計確診案例達789人且7人均為確診者接觸者(案14398、14400、14401、14455、14456、14457、14486)其中有2案例為家庭傳染事件案14401為案12208、12209及12738家人案14486為案13589及案14024家人。
桃園市衛生局也指出24日確診足跡新增金時代自助洗車店以及桃園大業郵局外刷簿機等2地呼籲曾出入相關場所者請於足跡重疊次日起14天進行自我健康監測。</t>
  </si>
  <si>
    <t>桃園 24 日 新增 7 例 確診 累計 桃園 市 確診 病例 789 例 且 有 2 案 家庭 事件 疫 調 確診 足跡 經金 時代 自助 洗車店 以及 桃園 大業 郵局 外 刷 簿 機 桃園 衛生局 呼籲 曾 出入 相關 場所 者 請於 足跡 重疊 次日 起 14 天 進行 自我 健康 監測 桃園 市 24 日 宣佈 新 增 7 例 本土 案例 年齡 介於 不足 10 歲 至 60 多 歲 之間 累計 確診 案例 達 789 人 且 7 人 均 為 確診 者 接觸 者 案 14398144001440114455144561445714486 其中 有 2 案例 為 家庭 傳染 事件 案 14401 為 案 1220812209 及 12738 家人 案 14486 為 案 13589 及 案 14024 家 人 桃園 市 衛生局 也 指出 24 日 確診 足跡 新增 金 時代 自助 洗車店 以及 桃園 大業 郵局 外 刷 簿 機 等 2 地 呼籲 曾 出入 相關 場所 者 請於 足跡 重疊 次日 起 14 天 進行 自我 健康 監測</t>
  </si>
  <si>
    <t>桃園確診足跡案例衛生局累計事件家庭新增呼籲出入洗車店自助時代相關重疊次日請於</t>
  </si>
  <si>
    <t>確診桃園洗車場足跡郵局</t>
  </si>
  <si>
    <t>足跡車場桃園郵局確診</t>
  </si>
  <si>
    <t>感謝陳其邁市民確診高雄今配合醫護努力</t>
  </si>
  <si>
    <t>新冠肺炎疫情仍嚴峻但高雄傳來好消息睽違14天嘉玲終於又回到高雄高雄市長陳其邁感謝市民的配合及醫護的努力他也強調雖然7日0確診但面對疫情仍然不能掉以輕心必須戰戰兢兢如實做好防疫工作他也相信</t>
  </si>
  <si>
    <t>高雄疫情做好戰戰兢兢如實嚴峻必須掉以輕心嘉玲配合不能消息醫護市民仍然傳來努力面對強調確診防疫回到市長</t>
  </si>
  <si>
    <t>新冠肺炎疫情仍嚴峻但高雄傳來好消息睽違14天嘉玲終於又回到高雄高雄市長陳其邁感謝市民的配合及醫護的努力他也強調雖然7日0確診但面對疫情仍然不能掉以輕心必須戰戰兢兢如實做好防疫工作他也相信最終一定可以戰勝疫情。
陳其邁表示高雄7日0本土確診個案距離上次0確診是14天以前而這段期間高雄大多都是出現零星個案他特別感謝市民以及所有醫護同仁的努力但還是要提醒民眾面對新冠肺炎疫情大家沒有樂觀的本錢必須戰戰兢兢、小心翼翼把每個防疫工作落實。</t>
  </si>
  <si>
    <t>高雄疫情確診面對陳其邁個案市民醫護努力戰戰兢兢必須防疫工作肺炎嘉玲消息傳來以前嚴峻相信本錢</t>
  </si>
  <si>
    <t>新冠肺炎台灣高雄確診疫情</t>
  </si>
  <si>
    <t>肺炎高雄臺灣確診疫情</t>
  </si>
  <si>
    <t>新北對抗物資紅十字會肺炎中華民國</t>
  </si>
  <si>
    <t>中華民國紅十字會為提升新北市第一線救護人員出勤防護裝備及能力捐贈捐贈防疫物資於（26日）下午1時30分於南雅分隊車庫舉辦中華民國紅十字會捐贈新北消防防疫物資儀式並邀請新北市謝副市長政達代表受贈及回贈</t>
  </si>
  <si>
    <t>新北捐贈防疫物資紅十字會中華民國市長謝副代表救護人員出勤分隊南雅下午車庫舉辦防護裝備邀請能力儀式</t>
  </si>
  <si>
    <t>中華民國紅十字會為提升新北市第一線救護人員出勤防護裝備及能力捐贈捐贈防疫物資於（26日）下午1時30分於南雅分隊車庫舉辦中華民國紅十字會捐贈新北消防防疫物資儀式並邀請新北市謝副市長政達代表受贈及回贈感謝狀。
中華民國紅十字會長期以來投入國內、大陸以及國際賑災不遺餘力全力實踐紅十字運動所彰顯的博愛、人道、志願服務的精神。近期新冠肺炎疫情日趨嚴峻作為人道組織中華民國紅十字會超前佈署、積極採購並發送必要防疫物資給醫護、消防等救護機構充實第一線抗疫資源。
中華民國紅十字會熱心公益、造福鄉梓之義舉足為當今社會的典範令人殊堪感佩讚賞該會總會長王清峰對於消防救災工作重視協助政府強化防疫能力及裝備不遺餘力也希望藉此達拋磚引玉之效引領各界投入更多的公益善行以造福市民。
謝政達表示中華民國紅十字會長年熱心公益、默默耕耘深受地方各界好評與肯定而今日再捐贈新北市政府消防局防水隔離衣500件、重複用防護面罩700件、12吋丁腈手套14000支及N95口罩10000個加強本府消防局防疫能力及裝備並提升整體防疫效能確保居民的生命安全衷心感謝其善行義舉。</t>
  </si>
  <si>
    <t>紅十字會防疫中華民國新北捐贈公益物資能力裝備人道投入救護防護造福善行熱心義舉提升讚賞會長感佩王清峰</t>
  </si>
  <si>
    <t>紅十字紅十字會中華民國中華民國</t>
  </si>
  <si>
    <t>中華民國紅十字會中華紅十字民國</t>
  </si>
  <si>
    <t>民怨莫德納時中加開說明原因緊急</t>
  </si>
  <si>
    <t>預約疫苗接種莫德納造冊原先指揮解釋今天昨天中心陳時中部長傍晚加開衛福名額民怨再次引發平臺叢生無法亂象民眾</t>
  </si>
  <si>
    <t>疫苗預約高端昨天加開原先民眾衛福部結果美國交易名額認可緊急指出陳時中莫德納先前平臺持續傍晚造冊才會占去</t>
  </si>
  <si>
    <t>新冠肺炎台灣莫德納陳時中高端疫苗</t>
  </si>
  <si>
    <t>莫德納臺灣陳時中肺炎高端疫苗</t>
  </si>
  <si>
    <t>工業擴大海外強新產能</t>
  </si>
  <si>
    <t>新冠肺炎疫情全球蔓延打亂各產業發展佈局線材廠強新工業（5013）董事長吳玉堂日前接受訪問時表示疫情造成消費力延遲已是事實該公司對今年景氣持謹慎、保守態度但仍會按公司既定腳步前進投入大陸滁州EP管</t>
  </si>
  <si>
    <t>公司疫情投入前進腳步蔓延全球態度打亂謹慎保守發展佈局產業線材廠景氣工業董事長大陸今年吳玉堂日前事實接受訪問</t>
  </si>
  <si>
    <t>新冠肺炎疫情全球蔓延打亂各產業發展佈局線材廠強新工業（5013）董事長吳玉堂日前接受訪問時表示疫情造成消費力延遲已是事實該公司對今年景氣持謹慎、保守態度但仍會按公司既定腳步前進投入大陸滁州EP管廠及越南線材廠的興建為營運儲備動能。
強新線材以線種及尺寸規格齊全著稱涵蓋碳鋼、合金金鋼、不銹鋼等線徑50㎜以下都有。
目前兩岸產能分別為10000噸／月及9000噸／月加上供應半導體、光電等產業輸送液、氣的EP管（超潔淨拋光不銹鋼管）產品線組合非常健康尤其大陸廠產品85％供應汽車扣件市場所需具有厚實競爭力。
吳玉堂指出景氣循環有高有低今（2020）年原本預估成長就會趨緩加上開春以來新冠肺炎疫情蔓延各國紛紛祭出封城、鎖國造成的消費力延遲已對全球景氣復甦帶來壓力因此對於今年景氣看法不敢太樂觀第二季以後的訂單變數恐增加必須更謹慎、保守因應。
強新工業自結今（2020）年前3月的營收1254億元較2019年同期1558億元衰退167％。
吳玉堂並強調現在是比氣長的時候；該公司會開源節流加速新產能、新產品佈局並且將藉此刻強化內部員工訓練。
事實上強新因應時局艱辛近年除了持續投入設備汰舊換新、精進產能、提高生產效率外在開拓國際市場及研發新品、提高產品附加價值上態度也非常積極。
在新品開發上強新的異形線開發已具成果目前已供應如手工具、自動化滑軌等市場需求持續增溫。
提高產品附加價值上強新近年來二岸同步增設渦電流探傷設備可檢測線材內部缺陷產品應用於保安類 （如懸吊系統、傳動軸）線材市場迎合高端客戶的需求。目前該設備在大陸廠有二套、台灣一套台灣廠今年將增設第二套擴大供應量。
建構新產能方面由於中國大陸EP管強勁需求強新去（2019）年在大陸滁州增設的EP管新廠預計今年6月完工裝機第三季加入投產。
據悉強新EP管技術來自日本的神戶特殊鋼株式會社原汁原味品質受到台廠及大陸半導體、光電業者的肯定在台市占率高已取代進口；強新滁州EP管新產能開出後更可提高中國市場滲透率為營運添利基。
在東南亞投資方面為供應越南客戶及強化拓展東協、印度市場強新將投入二億元在越南設立最現代化線材廠；該廠已進入環評階段最快今（2020）年6月動工、2021年第三季投產初期產能規劃1000噸／月最終目標4000噸／月。
另外強新已公告2019年合併營收626億元較2018年7708億元衰退187％每股獲利124元該公司董事會已通過2019年度盈餘分配案每股將配息05元。股東會將於6月9日在該公司台南佳裡區總部舉行。</t>
  </si>
  <si>
    <t>強新市場公司產品產能大陸ep供應今年景氣提高線材增設設備投入線材廠目前越南疫情</t>
  </si>
  <si>
    <t>滁州線材廠線材大陸增設</t>
  </si>
  <si>
    <t>大陸線材廠增設線材滁州</t>
  </si>
  <si>
    <t>宣佈東京都府正式安倍晉三進入緊急狀態</t>
  </si>
  <si>
    <t>（16：45更新）日本首相安倍晉三正式宣佈東京等7個都府縣進入緊急狀態。據日媒NHK、共同社報導日本首相安倍晉三7日在新型冠狀病毒感染症對策總部會議上宣佈東京都、大阪府、神奈川、埼玉、千葉、兵庫、福岡縣</t>
  </si>
  <si>
    <t>宣佈日本首相奈川東京都東京會議都府總部緊急狀態對策病毒感染安倍晉共同nhk報導冠狀進入正式</t>
  </si>
  <si>
    <t>（16：45更新）日本首相安倍晉三正式宣佈東京等7個都府縣進入緊急狀態。
據日媒NHK、共同社報導日本首相安倍晉三7日在新型冠狀病毒感染症對策總部會議上宣佈東京都、大阪府、神奈川、埼玉、千葉、兵庫、福岡縣等7個都府縣進入緊急狀態命令即日起生效維持1個月將持續到5月6日。
安倍呼籲各地民眾盡可能減少人與人的接觸希望人與人的接觸機會減少7、8成。
安倍稍晚將會召開記者會對外說明細節。
值得注意的是就在日本首相安倍晉三對包括東京在內等7個都府縣宣佈緊急事態宣言前夕日本疫情最嚴峻的東京疑似爆發逃難潮推特上出現「#東京脫出」的熱門關鍵字更有報導指出東京近郊的渡假勝地輕井澤週末湧現大量來自東京的車潮全國各地也陸續出現來自東京的確診病例。
東京現在可能繼承了武漢、紐約的處境不受自己國人的歡迎。綜合路透社、日本朝日新聞報導日本首相安倍晉三預計今（7）日對包括東京、大阪在內等7個都府縣發布為期一個月的緊急事態宣言就在宣言發布前夕今日上午推特上日本網友間開始出現「#東京脫出」的熱門關鍵字意思就是逃出東京。
#東京脫出Some people have evacuated from the city to the countryside Individualism does not unite organizations https://tco/DAiPyZ0Sw1
目前尚無法確定日本是否真的出現東京逃難潮不過媒體報導東京都知事小池百合子3月底頒布「軟性禁足令」呼籲民眾週末待在家中、減少出門後過去這2個週末東京近郊的渡假勝地輕井澤確實湧現大量來自東京的車潮。
另外媒體也報導包括靜岡、佐賀等日本各地已陸續出現從東京移入的確診病例並且在當地擴大感染。
日本官員紛紛警告呼籲東京等城市居民克制、留在東京因為他們離開的話將會加重鄉村地區的醫療負擔。日本政府冠狀病毒專家小組成員岡部信彥（Nobuhiko Okabe暫譯）警告東京人會散佈病毒到各地「我呼籲民眾忍受不便我們不應該急於離開。」
日本網友也抗議指出鄉村地區以老年人口為主如果爆發疫情情勢將容易變得非常嚴重。一名來自中部山梨縣的網友推文呼籲東京人克制指出他們的行為會造成非常嚴重的後果並且可能造成數百人死亡。
目前日本還有47個都道府縣0確診東北的岩手縣已在上周要求來自東京及鄰近2個都府縣的民眾自我隔離2周。</t>
  </si>
  <si>
    <t>東京日本報導呼籲來自民眾出現都府日本首相指出網友宣佈週末確診包括病毒可能目前安倍晉三東京都脫出</t>
  </si>
  <si>
    <t>雜質疫苗黑色莫德納沖繩緊急</t>
  </si>
  <si>
    <t>日本上周才傳出莫德納疫苗發現雜質停打163萬劑疫苗沖繩昨（28）日再發現莫德納疫苗出現黑色、粉色雜質導致沖繩政府緊急暫停施打。綜合路透社、日本放送協會（NHK）報導沖繩一處大型疫苗接種中心的藥劑師昨日</t>
  </si>
  <si>
    <t>疫苗沖繩莫德納發現雜質綜合報導日本放送協會路透社nhk施打暫停緊急政府導致出現粉色黑色接種傳出中心藥劑師上周</t>
  </si>
  <si>
    <t>日本上周才傳出莫德納疫苗發現雜質停打163萬劑疫苗沖繩昨（28）日再發現莫德納疫苗出現黑色、粉色雜質導致沖繩政府緊急暫停施打。
綜合路透社、日本放送協會（NHK）報導沖繩一處大型疫苗接種中心的藥劑師昨日先是在一支莫德納疫苗的注射器內發現黑色雜質不久後又再另一支注射器及疫苗瓶內發現黑色物質以及在另一支已經抽取疫苗的注射器內發現粉色雜質。
針對莫德納疫苗發現異物沖繩政府已經緊急暫停這座大型接種中心的接種工作負責配送莫德納疫苗的武田藥品將對這起事件展開調查。
值得注意的是日本上周才同樣因為在5個都道府縣的39個未開封莫德納疫苗瓶內發現雜質緊急停打三批已經配送至全國863個接種中心、總計達163萬劑的莫德納疫苗日本政府昨日表示2名30多歲男子在接種不同批、已經停打的莫德納疫苗後死亡據悉他們接種的疫苗瓶內並未發現異物目前尚在調查死因。
據悉沖繩發現有異物的莫德納疫苗與前三批已經停打的疫苗批次不同。
日本厚生勞動省指出三批停打的莫德納疫苗都是由西班牙工廠在同一時期生產當中只有一批疫苗有發現雜質不過由於是同一生產線製造厚勞省仍決定暫停施打另外2批疫苗。
礙於Delta病毒傳播日本正面臨迄今最嚴重的新冠疫情每日新增確診人數首度超越25萬人。
日本目前約有54%人口至少接種1劑疫苗43%已完整接種疫苗。</t>
  </si>
  <si>
    <t>疫苗莫德納接種發現日本沖繩已經雜質暫停瓶內緊急目前中心異物黑色打的施打調查注射器據悉不同配送政府昨日</t>
  </si>
  <si>
    <t>#新冠肺炎#全球日本莫德納疫苗雜質</t>
  </si>
  <si>
    <t>全球日本肺炎莫德納疫苗雜質</t>
  </si>
  <si>
    <t>暫緩pcr桃園陰性全校進行</t>
  </si>
  <si>
    <t>北科附工3日有1名學生感染新冠肺炎Delta變種病毒全校師生及同班同學的家屬進行PCR採檢結果均為陰性。7日再對住在集中檢疫所的同班同學、老師及其家人進行第2次PCR採檢目前皆為陰性但還有4人待採。桃園市政府</t>
  </si>
  <si>
    <t>同班同學陰性進行pcr學生感染肺炎delta變種病毒還有全校師生集中檢疫所目前家屬老師</t>
  </si>
  <si>
    <t>北科附工3日有1名學生感染新冠肺炎Delta變種病毒全校師生及同班同學的家屬進行PCR採檢結果均為陰性。7日再對住在集中檢疫所的同班同學、老師及其家人進行第2次PCR採檢目前皆為陰性但還有4人待採。
桃園市政府晚間表示有關機師兒子（案16122）北科附工有227人居家隔離7日在檢疫所中進行PCR二採結果出爐有223人為陰性其餘4人將依照時間序陸續於9月日8及9月10日採檢。
桃園市衛生局指出目前採檢結果都是陰性暫時沒有要對北科附工全校師生進行第2次快篩。
★《中時新聞網》提醒您：因應新冠肺炎疫情疾管署持續加強疫情監測與邊境管制措施 如有疑似症狀請撥打：1922專線或 0800-001922 並依指示配戴口罩儘速就醫同時主動告知醫師旅遊史及接觸史以利及時診斷及通報。</t>
  </si>
  <si>
    <t>陰性進行結果pcr肺炎疫情桃園全校師生同班同學目前檢疫所接觸史及旅遊醫師告知</t>
  </si>
  <si>
    <t>陰性進行北科附工PCR桃園</t>
  </si>
  <si>
    <t>進行pcr桃園陰性</t>
  </si>
  <si>
    <t>陳時中泡泡下午旅遊最新說明</t>
  </si>
  <si>
    <t>出國旅行近在咫尺了台灣與帛琉的旅遊泡泡即將成真近日旅遊業已傳出4月起每天直飛帛琉更盛傳3月15日帛琉總統惠恕仁將來台細談旅遊泡泡今天中央流行疫情指揮中心指揮官陳時中下午2點將召開記者會最新說明。指</t>
  </si>
  <si>
    <t>旅遊泡泡召開點將下午陳時中指揮官中心記者會指揮疫情流行中央今天旅遊業傳出總統近日成真惠恕仁台細</t>
  </si>
  <si>
    <t>出國旅行近在咫尺了台灣與帛琉的旅遊泡泡即將成真近日旅遊業已傳出4月起每天直飛帛琉更盛傳3月15日帛琉總統惠恕仁將來台細談旅遊泡泡今天中央流行疫情指揮中心指揮官陳時中下午2點將召開記者會最新說明。
指揮官陳時中昨天證實帛琉總統來台將採「綠色通道」用元首規格待遇依照外交泡泡檢疫。指揮中心發言人莊人祥也表示確實有重啟旅遊泡泡規畫包含返台後要居家檢疫3、5天或是不必居家檢疫等方案最近2、3天就會討論。
傳帛琉「旅遊泡泡」預計採團進團出雙方每週各飛8班台灣是華航每週6班長榮每週2班帛琉太平洋航空則向台灣虎航租借飛機每週飛8班。
指揮中心再次提醒民眾出入醫療照護、公共運輸、生活消費、教育學習、觀展觀賽、休閒娛樂、宗教祭祀及洽公機關(構)等八大類高感染傳播風險場域因不易與他人保持社交距離且會近距離接觸不特定對象請務必佩戴口罩並應落實勤洗手、咳嗽禮節等個人衛生習慣以降低感染風險。</t>
  </si>
  <si>
    <t>泡泡旅遊中心指揮臺灣檢疫感染總統指揮官陳時中風險距離咳嗽居家勤洗手落實禮節口罩娛樂休閒宗教觀賽佩戴祭祀</t>
  </si>
  <si>
    <t>帛琉旅遊泡泡陳時中新冠肺炎</t>
  </si>
  <si>
    <t>陳時中泡泡旅遊肺炎</t>
  </si>
  <si>
    <t>病例境外指揮中心新增說明</t>
  </si>
  <si>
    <t>新冠肺炎國內又新增2境外移入病例中央流行疫情指揮中心宣佈今（21）日14:00召開臨時記者會由發言人莊人祥說明最新情形。指揮中心昨(20)日公佈的境外移入病例為菲律賓籍30多歲女性(案507)9月18日自菲律賓入境</t>
  </si>
  <si>
    <t>中心指揮境外病例新增女性菲律賓籍國內發言人記者會說明莊人祥召開最新情形宣佈疫情流行中央公佈肺炎菲律賓</t>
  </si>
  <si>
    <t>新冠肺炎國內又新增2境外移入病例中央流行疫情指揮中心宣佈今（21）日14:00召開臨時記者會由發言人莊人祥說明最新情形。
指揮中心昨(20)日公佈的境外移入病例為菲律賓籍30多歲女性(案507)9月18日自菲律賓入境來台工作。衛生單位已掌握個案同班機接觸者共23人其中9人為前後二排座位旅客列為居家隔離對象14人為機組員因全程有適當防護措施列為自主健康管理對象。
指揮中心統計國內截至目前累計91555例新型冠狀病毒肺炎相關通報(含90461例排除)其中507例確診分別為415例境外移入病例55例本土病例36例敦睦艦隊及1例不明。確診個案中7人死亡、479人解除隔離、21人住院隔離中。</t>
  </si>
  <si>
    <t>中心指揮病例個案列為境外國內肺炎確診隔離掌握班機單位衛生居家機組員全程物件工作防護適當</t>
  </si>
  <si>
    <t>境外移入病例指揮中心1400臨時記者會新冠肺炎</t>
  </si>
  <si>
    <t>中心指揮病例記者會境外肺炎</t>
  </si>
  <si>
    <t>低點電腦設備逆風業績前行</t>
  </si>
  <si>
    <t>工業電腦廠事欣科（4916）2020年3月合併營收續升至581億元惟首季合併營收仍「雙降」至1597億元創近11季低點。展望後市公司預期受新冠肺炎疫情幹擾歐美出貨將出現遞延狀況但將盡全力將訂單按原計畫出貨</t>
  </si>
  <si>
    <t>合併公司歐美預期後市展望低點肺炎疫情干擾盡全力訂單出現</t>
  </si>
  <si>
    <t>工業電腦廠事欣科（4916）2020年3月合併營收續升至581億元惟首季合併營收仍「雙降」至1597億元創近11季低點。展望後市公司預期受新冠肺炎疫情幹擾歐美出貨將出現遞延狀況但將盡全力將訂單按原計畫出貨力求將疫情影響降至最低。
事欣科2020年3月自結合併營收581億元較2月547億元成長611％、但較去年同期669億元減少1316％為近3年同期低點。累計首季合併營收1597億元較去年第四季2111億元減少2435％、較去年同期1743億元減少836％為近11季低點。
事欣科3月營收續揚主要受惠工具機子公司恩德（1528）動能轉強。恩德2020年3月自結合併營收325億元月增1566％、年減394％。不過由於前2月營運偏弱累計首季合併營收838億元季減3033％、年減1075％創近4年低點。
若排除恩德營收事欣科3月個體合併營收約255億元月減399％、年減2263％表現明顯轉弱致使首季合併營收758億元季減1641％、年減555％。法人認為主要受到新冠肺炎疫情全球延燒影響事欣科產品需求及出貨進度所致。
事欣科表示美國及墨西哥廠區已配合政府政策實施各項防疫措施包括員工及訪客自主健康管理、員工用餐管制、廠區全面消毒、強化防疫知識宣導等。公司也已成功緊急調配數千醫療用口罩供員工防疫使用將有利公司正常營運。
展望後市事欣科表示第二、三季進入專案出貨旺季惟歐美疫情致使客戶營運趨緩幹擾預期出貨將出現遞延狀況將盡力使專案訂單照原計畫出貨並因應即時疫情變化調配全球產能及庫存預計出貨遞延狀況可望在5月初改善力將疫情影響降至最低。
事欣科表示現有的博弈、航太、醫療、國防等事業群專案持續出貨、穩健貢獻營收旗下恩德及總格在自動化領域具互補關係此次掌握無人化防疫商機設備客製化商機可望將持續挹注營運動能。隨著全球疫情逐漸獲得控制預期營運有機會逐季穩步成長。</t>
  </si>
  <si>
    <t>疫情營運防疫公司合併恩德員工預期全球專案首季表示醫療調配</t>
  </si>
  <si>
    <t>事欣科營收低點恩德總格</t>
  </si>
  <si>
    <t>低點恩德總格</t>
  </si>
  <si>
    <t>執政黨陳揮文防疫專款力推吐血國民黨</t>
  </si>
  <si>
    <t>新冠肺炎肆虐情況不減反增不只發源地中國大陸封城管控在他國也出現確診甚至死亡病例讓全球如臨大敵而地理位置首當其衝的台灣如今正拚盡全力防堵疫情日前國民黨立院黨團力推500億紓困專款沒想到此舉遭</t>
  </si>
  <si>
    <t>紓困情況不減力推黨團立院發源地國民黨日前中國大陸疫情城管盡全力專款肆虐出現確診甚至如今臺灣死亡</t>
  </si>
  <si>
    <t>新冠肺炎肆虐情況不減反增不只發源地中國大陸封城管控在他國也出現確診甚至死亡病例讓全球如臨大敵而地理位置首當其衝的台灣如今正拚盡全力防堵疫情日前國民黨立院黨團力推500億紓困專款沒想到此舉遭名嘴神揮文痛批說他們忘了自己的身分「看了會吐血！」。
眼見台灣努力防疫國民黨「幫補」立院國民黨團日前提出《紓困暨暫行條例草案》盼以500億協助產業、人們挺過非常時間 而昨(2/17)在《新聞深喉嚨》名嘴陳揮文竟痛罵國民黨提出500億「在幹什嘛？」直呼國民黨憂國憂民彷彿執政黨忘記自己是在野黨「實在看了會吐血」。
陳揮文越講越氣提到了韓國瑜表示今天若是韓國瑜選上總統民進黨這時絕對狠狠修理哪會輕易放過因此認為國民黨實在做了不該做的事紓困適宜應當丟給民進黨負責批國民黨管太多甚至搖頭頻嘆氣。</t>
  </si>
  <si>
    <t>國民黨紓困甚至臺灣提出揮文民進實在日前吐血黨團立院韓國瑜情況不減發源地中國大陸肆虐城管出現</t>
  </si>
  <si>
    <t>回來包機趕上學生階段武漢大學竹女面試</t>
  </si>
  <si>
    <t>農曆年期間因跟隨媽媽回大陸湖北探親結果因新冠肺炎疫情而滯留湖北的新竹女中高3學生Cindy10日晚間11點終於透過2次武漢包機回來了校方表示Cindy在完成隔離檢疫後可趕上3月31日確定2階段面試其父則透過感謝</t>
  </si>
  <si>
    <t>湖北cindy透過回大陸探親結果肺炎階段疫情滯留確定趕上媽媽新竹隔離中高完成表示檢疫學生校方武漢回來包機晚間終於</t>
  </si>
  <si>
    <t>農曆年期間因跟隨媽媽回大陸湖北探親結果因新冠肺炎疫情而滯留湖北的新竹女中高3學生Cindy10日晚間11點終於透過2次武漢包機回來了校方表示Cindy在完成隔離檢疫後可趕上3月31日確定2階段面試其父則透過感謝信謝謝蔡政府與各界的協助。
新竹女中校長呂淑美表示該校3年級學生Cindy是在今年農曆年前跟媽媽回大陸湖北探親結果因新冠肺炎疫情封省而被迫滯留在湖北而首次包機Cindy與媽媽也沒能趕搭上。
由於Cindy的學測成績達57級分過去也一直是英語演講的常勝軍中、英文成績優異很有機會上第1志願台大外文系但她滯留在湖北很多資料無法準備如果再不回國趕不及3月31日的志願放榜就無法進行第2階段面試其父因此向學校及各界求助。
昨天深夜11點Cindy的導師突然接到Cindy的來電指其已在2次武漢包機的首班華航班機登機可順利回國校方是喜出望外大為感謝蔡英文政府與各界的協助。
Cindy的父親今天上午也寫了封感謝信感謝各界他表示「感謝蔡總統、行政院、陸委會、海基會等有關單位在您們的拆衝下我的家人終於踏上臺灣的土地可以回家了！衷心的謝謝您們！」</t>
  </si>
  <si>
    <t>cindy湖北包機表示滯留媽媽感謝成績終於志願無法回國校方透過新竹面試階段武漢政府協助學生感謝信</t>
  </si>
  <si>
    <t>新冠肺炎新型冠狀病毒武漢肺炎NCP台灣</t>
  </si>
  <si>
    <t>肺炎病毒武漢冠狀ncp臺灣</t>
  </si>
  <si>
    <t>人口澳洲社會關閉邊界國際</t>
  </si>
  <si>
    <t>澳洲維多利亞省省長安德魯斯（ Daniel Andrews）週一宣佈因該省的新冠肺炎疫情升高與新南威爾斯省接壤的省界將於週二起無限期關閉。這將是澳洲人口最多的這兩個省100年來首度關閉邊界政府上次對兩地之間的人員</t>
  </si>
  <si>
    <t>關閉澳洲政府andrewsdaniel邊界週一宣佈肺炎首度疫情升高新南威爾斯接壤省界上次人口安德魯斯無限期週二兩地</t>
  </si>
  <si>
    <t>澳洲維多利亞省省長安德魯斯（ Daniel Andrews）週一宣佈因該省的新冠肺炎疫情升高與新南威爾斯省接壤的省界將於週二起無限期關閉。
這將是澳洲人口最多的這兩個省100年來首度關閉邊界政府上次對兩地之間的人員流動採取封鎖措施是在1919年爆發西班牙流感期間。
維多利亞省長表示與澳洲總理莫里森（Scott Morrison）、新南威爾斯省省長貝爾吉格利安（Gladys Berejiklian）共同做出這個封閉省界的決定該措施於當地時間週二晚間11時59分生效。除了新南威爾斯省之外維多利亞省僅與南澳洲省毗鄰兩省邊界已經關閉。
維多利亞省首府與最大城市墨爾本近幾日來的新冠肺炎確診數激增促使政府在30處郊區祭出嚴格的社交距離措施並完全封鎖9幢公共住宅大樓。
維多利亞省隔夜新增127個新冠肺炎確診病例創下疫情爆發以來單日新高記錄。該省亦新增1名死亡病例是逾兩周來全國首次再現死亡病例使澳洲累計死亡病例達到105人。維多利亞省與新南威爾斯省之間的邊界關閉恐將對澳洲經濟復甦帶來打擊該國正走向近30年來的第一個經濟衰退。</t>
  </si>
  <si>
    <t>維多利亞省澳洲威爾斯新南措施病例關閉省長邊界肺炎死亡政府省界爆發新增封鎖週二之間疫情確診打擊帶來</t>
  </si>
  <si>
    <t>維多利亞省新南威爾斯省澳洲關閉死亡病例</t>
  </si>
  <si>
    <t>澳洲關閉威爾斯新南死亡病例維多利亞省</t>
  </si>
  <si>
    <t>狗急跳牆高端時中混打少康</t>
  </si>
  <si>
    <t>疫苗試驗莫德納接種高端中心指揮獲准需要同意部分總公司必須衛福表示部長今天用到陳時中上百召集擔任混打視窗安排受試者啟動</t>
  </si>
  <si>
    <t>高端疫苗心肌炎試驗莫德納表示今天指揮中心出現混打啟動陳時中接種沒有外界心包推銷批評衛福部長</t>
  </si>
  <si>
    <t>高端混打莫德納心肌炎新冠肺炎</t>
  </si>
  <si>
    <t>莫德納心肌炎混打高端肺炎</t>
  </si>
  <si>
    <t>病毒確診歐洲股市擴大首相跌幅</t>
  </si>
  <si>
    <t>英首相強生宣佈確診感染新冠肺炎消息公佈後原已下跌的歐洲三大指數跌幅擴大到晚間21:00時左右英、德、法三大指數跌幅3%至5%其中英國跌幅最重。美國三大指數期貨跌幅亦隨之擴大跌幅約在3%左右。到臺北時間2</t>
  </si>
  <si>
    <t>跌幅三大指數擴大感染確診肺炎消息公佈原已下跌宣佈歐洲期貨晚間強生隨之美國最重</t>
  </si>
  <si>
    <t>英首相強生宣佈確診感染新冠肺炎消息公佈後原已下跌的歐洲三大指數跌幅擴大到晚間21:00時左右英、德、法三大指數跌幅3%至5%其中英國跌幅最重。美國三大指數期貨跌幅亦隨之擴大跌幅約在3%左右。
到臺北時間21:00為止英國富時指數(FTSE)報5491點重挫324點跌幅551%；德國DAX指數報9672點下跌335點跌幅或337%；法國CAC指數報4352點下跌191點跌幅4%。義大利與西班牙股跌幅也在3%-4%之間。
美國三大指數期貨跌幅擴大道指期貨最新報21683點跌665點或3%標普期貨最新報2531點跌77點或29%納指期貨最新報7633點跌210點或27%。</t>
  </si>
  <si>
    <t>跌幅指數三大期貨下跌擴大英國感染最新確診肺炎美國消息公佈宣佈原已歐洲%-之間</t>
  </si>
  <si>
    <t>經濟威脅臺灣肺炎全球可望再造奇跡黃博怡</t>
  </si>
  <si>
    <t>新冠肺炎疫情持續蔓延從2018年中美貿易戰開打2019年加碼演出再加上今年的新冠肺炎肆虐大陸出現前所未見的封城、封省景象世界產業供應鏈很可能斷鏈進而重新解構調整幾乎勢不可免全球經濟板塊可預見將出</t>
  </si>
  <si>
    <t>肺炎板塊經濟全球不可幾乎調整解構重新可能供應產業世界景象封省封城貿易戰加碼前所未見</t>
  </si>
  <si>
    <t>新冠肺炎疫情持續蔓延從2018年中美貿易戰開打2019年加碼演出再加上今年的新冠肺炎肆虐大陸出現前所未見的封城、封省景象世界產業供應鏈很可能斷鏈進而重新解構調整幾乎勢不可免全球經濟板塊可預見將出現大位移。
大陸世界工廠地位將遭遇空前挑戰成為世界主要市場的期待將越來越難以實現高度經濟成長已成過眼雲煙中度經濟成長將成為新常態加速探底的可能性亦不能排除；加上人口結構、城鄉差距與所得分配以及就業市場持續惡化大陸社會維穩需求與成本將逐漸升高情勢發展值得密切關注。
反觀臺灣上述事件的短期衝擊儘管難以完全避免然而民主典範、忠誠夥伴與科技發展的國際認同在後新冠肺炎時代世界供應鏈重構的新浪潮中有機會迎回資金與人才重新匯集再加國際知名企業重新落腳群聚天時、地利與人和齊備再造臺灣經濟奇蹟的序幕可能加速開啟。把握產業結構順利轉型升級的歷史機遇臺灣經濟可望有至少30年的好風光。
我認為1980年代後期的泡沫經濟是過去三十多年臺灣經濟由盛而衰的重要關鍵。按1980年代後期臺灣股、匯與房市聯袂狂飆特別是臺股指數在四年不到的時間由低於千點一路飆漲至1990年2月12日盤中創下至今仍未突破的12682點。假性繁榮的代價就是工資與地租等生產成本持續升高加上勞工抗爭與環保抗爭層出不窮產業外移與產業空洞化的序幕自此拉開。資金、技術、人才的持續外流挫傷了臺灣的經濟續航力卻幫助大陸走出六四天安門的陰霾成為大陸借力順勢崛起的重要因素之一。
我認為2019年堪稱是海峽兩岸命運的轉捩點。在此之前大陸經濟疲態漸露；就在這一年中美貿易戰升級加溫加上香港反送中抗爭事件進退失據大陸政治思想、價值觀與文化力在支撐大陸經濟永續發展上的侷限性顯露無遺。
當舉世的大陸夢被大陸的強國夢敲醒大陸產業外移歷史大戲註定隆重登場。2020年才開始新冠肺炎疫情不可思議的失控蔓延對全球經濟造成前所未見的嚴重斷鏈威脅大陸經濟難以意料的脆弱性已漸成普世認知。在這種情況下大陸政府要如何在可忍受的時間內重建世界對大陸經濟的信心恐怕會是個很大的考驗。
相對地臺灣在2019這一年贏得了世界的認證我們不僅是自由經濟的堡壘、民主的典範也是值得長期合作的政治經濟忠誠夥伴。這種奠基在臺灣文化力的信任溢酬不僅會吸引臺商資金、人才與技術的持續回流更會吸引國際知名企業積極投資臺灣。更重要的是這一波的投資臺灣浪潮普遍具有高階、高值生產的共同性格國人夢寐以求的產業結構轉型升級可望因而順利達成。
今年1月11日的臺灣總統大選總統蔡英文獲得817萬張選票支持繼續連任國際社會立即給予極高的評價與推崇證明讓臺灣有尊嚴地贏得國際社會的認同這一條發展路線無論國內或國外均得到空前的肯定與期待。
我認為這次選舉向世界傳達一個鮮明的訊息那就是擺在臺灣前面的未來發展路徑雖然仍有險阻但是臺灣的文化力與社會價值體系足以讓臺灣克服各種困難而不斷的超越。
正因如此我多次提醒同仁經濟的實質基底已經顯著改變從中央到地方許許多多的人都在為積極建設臺灣而努力所以不要用過去那副建立在產業外移架構下的眼鏡看臺灣過去30年臺灣產業只出不進現在不僅海外臺商回流美、日、歐、澳自由世界的資金、人才與技術也會持續流入臺灣臺灣具備風華再現的各種條件。
綜合上述觀察我預估三年內將看到臺灣民眾的薪資往上拉進而會帶動消費出口也會隨這產業回流而呈現新一波的大爆發。
我早在2010年馬政府極力鼓吹洽簽「兩岸經濟合作架構協議」(ECFA)時就提醒國人經濟過度依賴大陸的潛在風險上任後更再三提醒要求注意大陸曝險問題再加上立法院許多委員持續關心過去3～4年間我國銀行業在大陸的曝險已大幅度地降低。
此外當新冠肺炎疫情爆發所有在大陸設有分行或子行的我國銀行早早就已擬定緊急應變計畫防疫口罩、酒精與額溫槍普遍都不是問題人員安置或輪班乃至身心平衡的輔導措施都有妥善的規劃。
儘管如此我仍然祈禱這場新冠肺炎疫情能早日緩解平息。
（口述／臺灣企銀董事長黃博怡 整理／孫彬訓）</t>
  </si>
  <si>
    <t>臺灣大陸經濟世界持續產業發展加上國際肺炎社會過去資金提醒認為人才</t>
  </si>
  <si>
    <t>典範世界臺灣大陸新冠肺炎</t>
  </si>
  <si>
    <t>大陸臺灣世界肺炎典範</t>
  </si>
  <si>
    <t>雲林農田農業打擊噴藥疫情放棄採收肺炎</t>
  </si>
  <si>
    <t>新冠肺炎疫情衝擊下外食人口減少餐廳、自助餐、旅遊業餐飲買菜量銳減雲林縣西螺鎮、二崙鄉、崙背鄉等蔬菜產地農民哀鴻遍野採收不敷成本紛紛耕鋤成熟的蔬菜。縣長張麗善在縣議員李明哲、遊淑雲、廖偉晴陪</t>
  </si>
  <si>
    <t>蔬菜衝擊縣議員張麗善人口減少餐廳縣長自助餐旅遊業餐飲銳減成熟疫情林縣成本不敷農民紛紛採收哀鴻遍野</t>
  </si>
  <si>
    <t>新冠肺炎疫情衝擊下外食人口減少餐廳、自助餐、旅遊業餐飲買菜量銳減雲林縣西螺鎮、二崙鄉、崙背鄉等蔬菜產地農民哀鴻遍野採收不敷成本紛紛耕鋤成熟的蔬菜。
縣長張麗善在縣議員李明哲、遊淑雲、廖偉晴陪同下7日到西螺鎮勘查多處棄採的小白菜、芥藍菜、青江菜園。
菜農表示最近遇到雙重打擊一是菜價太低二是找不到工人即使有工人採收也不敷成本乾脆犁掉。
菜農說從一月開始菜價就很差新冠肺炎疫情傳出來之後菜價一天比一天差。
張麗善一行人看到已噴農藥等待乾枯的白菜園、開花的芥藍菜園、耕鋤中的青江菜園、已經翻耕變成土的菠菜園。
菜農吳志明說菜價實在太低了播種、肥料、農藥的成本就要一萬多元採收還要一萬多元工錢不採收損失一萬多元採收還要多損失一萬多元乾脆耕鋤休息看狀況。
吳志明說現在要勒緊褲帶過日賺得多就花多賺得少就少花。
張麗善表示怎麼陪伴農民走過難關是縣府要做的呼籲中央政府把農業損失納入新冠肺炎疫情的紓困計畫；第二是呼籲中央辦理耕鋤專案計畫使菜量減少讓農民的損失降到最低。
縣議員李明哲說防疫視同作戰沒有人出來旅遊、上餐廳農民種的菜賣不出去希望中央政府體會農民的困苦每一塊田都代表一個家庭不是一個人而已。</t>
  </si>
  <si>
    <t>農民菜價張麗善損失菜農成本菜園採收餐廳疫情西螺鎮農藥出來表示肺炎中央政府蔬菜李明哲芥藍菜</t>
  </si>
  <si>
    <t>新冠肺炎武漢肺炎新型冠狀病毒台灣菜園</t>
  </si>
  <si>
    <t>肺炎武漢冠狀臺灣病毒菜園</t>
  </si>
  <si>
    <t>機構加強防疫推演感染</t>
  </si>
  <si>
    <t>疫情升溫如果社福機構防出現缺口怎麼辦？為落實身障福利機構防疫台中市政府社會局舉辦「新冠肺炎應變作為兵棋推演」由中區傳染病防治醫療網副指揮官黃伊文等專家分享經驗模擬社福機構發生群聚感染進行推演</t>
  </si>
  <si>
    <t>機構推演肺炎作為應變中區傳染病指揮官防治醫療網發生伊文舉辦社會局台中市政府專家防疫福利缺口分享</t>
  </si>
  <si>
    <t>疫情升溫如果社福機構防出現缺口怎麼辦？為落實身障福利機構防疫台中市政府社會局舉辦「新冠肺炎應變作為兵棋推演」由中區傳染病防治醫療網副指揮官黃伊文等專家分享經驗模擬社福機構發生群聚感染進行推演考驗災害防救人員調度運用能力提升緊急應變機制。
社會局長彭懷真說市長盧秀燕防疫秉持「超前部署、加嚴加密」原則2月28日將應變中心提升為一級開設社會局因應新冠肺炎疫情藉由兵棋推演面對重大疫情災害時實施感染管制措施、通報暨應變作法與待改善事項落實機構防疫工作。
防疫兵棋推演包括霧峰教養家園、立達啟能訓練中心、台中市私立慈愛智慧發展中心皆派員共同參演並於現場發布災情狀況即時模擬處置措施。</t>
  </si>
  <si>
    <t>應變推演機構防疫疫情中心提升感染災害措施落實社會局肺炎發佈現場災情參演共同派員發展中心智慧慈愛</t>
  </si>
  <si>
    <t>防疫機構兵棋新冠肺炎疫情新型冠狀病毒</t>
  </si>
  <si>
    <t>肺炎疫情機構冠狀防疫病毒</t>
  </si>
  <si>
    <t>謝長廷下船眼眶台人公主過去</t>
  </si>
  <si>
    <t>鑽石公主號結束14天隔離期各國陸續派專機接回國人昨（19）日首批下船的旅客中有5名台灣人駐日代表謝長廷一早就在碼頭迎接看見台人下船情緒激動他也忍不住濕了眼眶。謝長廷和副代表蔡明耀、橫濱處長張淑</t>
  </si>
  <si>
    <t>下船代表謝長廷陸續專機接回國人隔離眼眶首批激動情緒台人旅客看見忍不住迎接一早碼頭臺灣人蔡明耀結束</t>
  </si>
  <si>
    <t>鑽石公主號結束14天隔離期各國陸續派專機接回國人昨（19）日首批下船的旅客中有5名台灣人駐日代表謝長廷一早就在碼頭迎接看見台人下船情緒激動他也忍不住濕了眼眶。
謝長廷和副代表蔡明耀、橫濱處長張淑玲等人昨日上午抵達橫濱港的大黑碼頭準備迎接鑽石公主號郵輪上的台籍旅客。蔡明耀表示乘客以長者優先依序下船其中有5名台籍旅客可先下船。
謝長廷下午在臉書表示「終於接到人了！」這些乘客看到他都很激動有的還想張開手擁抱但想到自己戴著N95口罩手又放下來了對大家說「辛苦了也委屈你們了！你們都是最堅韌的一群人即便再健康的人都禁不起每天好像等待宣判的壓力和折磨。」
一位太太紅著眼眶說「一切都過去了！」接著台灣來的蘇醫師跟大家講解防疫及回國注意事項謝長廷則說明機票費用分擔及低調活動的要求。分開前一位女士突然對謝長廷說「你替我們反映心聲被罵得要死真的也謝謝你。」謝長廷愣了一下「這回輪到我眼睛濕潤起來說『這一切也過去了』。」</t>
  </si>
  <si>
    <t>謝長廷下船旅客激動表示乘客蔡明耀眼眶迎接碼頭代表橫濱公主鑽石過去分擔低調活動要求</t>
  </si>
  <si>
    <t>謝長廷鑽石公主號旅客新冠肺炎新型冠狀病毒</t>
  </si>
  <si>
    <t>旅客肺炎公主冠狀鑽石謝長廷病毒</t>
  </si>
  <si>
    <t>比基尼口罩浪費</t>
  </si>
  <si>
    <t>新冠肺炎疫情造成全球已逾500萬人感染32萬8千多人死亡而自疫情開始以來不少國家都出現一罩難求的口罩荒沒想到越南一名身材火辣的嫩模竟突發奇想將口罩拿來遮3點製成「口卓罩比基尼」還將照片PO到社</t>
  </si>
  <si>
    <t>口罩疫情造成全球開始以來比基尼國家身材出現越南想到製成突發奇想</t>
  </si>
  <si>
    <t>新冠肺炎疫情造成全球已逾500萬人感染32萬8千多人死亡而自疫情開始以來不少國家都出現一罩難求的口罩荒沒想到越南一名身材火辣的嫩模竟突發奇想將口罩拿來遮3點製成「口卓罩比基尼」還將照片PO到社群媒體結果沒獲得網友稱讚反遭網友砲轟：「浪費物資」。
網友氣憤表示疫情流行期間這名年輕女模卻浪費重要醫療物資。另1名網友則說：「老實說在此攸關性命時刻拿口罩改造成比基尼我認是一種可怕的行為在你的國家或許可以輕易買得到但在義大利卻是一罩難求。」還有人抱怨說：「我家只剩下3個」、「一種創新的愚蠢。」
雖然這名嫩模的「口罩比基尼」遭不少人批評但仍有人覺得有創意形容它是「罩基尼」(Maskini)。
由於負面回應大於讚美這名IG用戶名稱叫「oanhdaqueen」的年輕女模不久就刪掉照片和貼文還在自己的IG道歉：「我住在越南每個人都可以買到口罩6年來我每天都在用」。</t>
  </si>
  <si>
    <t>口罩疫情比基尼網友ig國家年輕越南照片可以物資浪費造成全球</t>
  </si>
  <si>
    <t>比基尼口罩浪費網友越南</t>
  </si>
  <si>
    <t>網友比基尼口罩越南浪費</t>
  </si>
  <si>
    <t>市府質疑主管討好企業人員防疫追究造謠南科調查責任</t>
  </si>
  <si>
    <t>有民眾在網路爆料指台南市政府調查南科防疫人員及施打疫苗擬將大企業老闆、主管納入優先施打對象台南市政府今澄清預先調查南科防疫第一線人員是以利未來疫苗大量抵達能加速接種效率針對造謠行為將與南</t>
  </si>
  <si>
    <t>施打疫苗台南市政府南科防疫調查人員效率接種加速造謠抵達未來以利主管企業老闆納入優先第一線對象擬將預先</t>
  </si>
  <si>
    <t>有民眾在網路爆料指台南市政府調查南科防疫人員及施打疫苗擬將大企業老闆、主管納入優先施打對象台南市政府今澄清預先調查南科防疫第一線人員是以利未來疫苗大量抵達能加速接種效率針對造謠行為將與南科管理局依傳染病防治法追究法律責任。
網路流傳副市長戴謙要求南科管理局局長蘇振綱整理名冊將企業重要主管、幹部列為防疫重點人員可優先施打疫苗。戴謙今天上午強調有關相關疫苗施打序位南市府遵照中央流行疫情指揮中心指引及衛生單位規定辦理並非如同網路流傳優先予企業重要幹部施打的情形。
台南市政府指出京元電子竹南廠爆發群聚感染引起全國關注市府與南科園區緊密合作預先調查園區事業單位防疫第一線相關人員如廠醫、廠護、協助公司居檢人員服務及清潔保全等以利未來疫苗大量抵達時能夠加速接種效率確保南科營運與員工健康無虞。
市府也表示自全國防疫升級三級以來為避免南科產生疫情破口市府積極展開相關措施包括奇美醫院做為篩檢醫院台積電將全國第一輛零接觸篩檢站從南科開始作業等。
市府也針對4日晚間網路爆料「通知」內容指「明（6／7）日中午前」提供既然還沒造冊送市府哪裡來的特權施打疫苗？對此市府也將與南科管理局研究將依傳染病防治法針對造謠行為追究其法律責任。</t>
  </si>
  <si>
    <t>南科市府疫苗施打防疫人員網路相關全國台南優先市政府企業管理局單位調查疫情戴謙流傳主管重要第一線幹部</t>
  </si>
  <si>
    <t>新冠肺炎台灣南科市府調查</t>
  </si>
  <si>
    <t>臺灣肺炎南科市府調查</t>
  </si>
  <si>
    <t>便民措施警戒即日因應啟動</t>
  </si>
  <si>
    <t>航港局7日表示COVID-19疫情嚴峻全國自5月19日起提升至三級警戒航港局考量民眾因疫情關係可能無法如期依法檢查船舶、申請換照或參加訓練為降低群聚感染風險及維護民眾安全健康特別提供「船舶檢查」、「船</t>
  </si>
  <si>
    <t>民眾疫情船舶檢查降低訓練特別參加感染風險維護申請安全健康依法如期全國無法可能關係提升警戒</t>
  </si>
  <si>
    <t>航港局7日表示COVID-19疫情嚴峻全國自5月19日起提升至三級警戒航港局考量民眾因疫情關係可能無法如期依法檢查船舶、申請換照或參加訓練為降低群聚感染風險及維護民眾安全健康特別提供「船舶檢查」、「船員訓練」及「駕駛監理」等三項便民措施放寬檢查期限或以線上方式辦理並自即日起實施。
航港局表示船舶檢查部分即日起至中央流行疫情指揮中心公告三級警戒結束止未出港之船舶延誤申請船舶定期檢查者得免附未出港證明即可免予裁罰；如果船舶所有人因疫情而居家檢疫、隔離等措施致無法申辦船舶檢查放寬於管制措施解除後3個月內申請檢查即免裁罰。
另外航港局說針對提供基本民行及物資運送船舶若船舶航行期限將屆又有出港的必要時航港局可配合指派船舶檢查人員辦理檢查但提醒船舶所有人於檢查時指派的現場陪檢人員以2人為限並於檢查過程中保持社交距離以降低群聚傳染風險。相關申辦船舶檢查及停航民眾航港局鼓勵多以線上或電話方式以降低人與人間的接觸落實防疫。
其次配合三級疫情警戒期間自5月15日起暫停船員訓練機構及遊艇與動力小船駕駛訓練機構各項訓練。航港局說但為提供相關民眾與船員能於疫情期間訓練不中斷在符合「航海人員訓練、發證及航行當值標準(STCW)國際公約」及確保訓練品質與量能的前提之下開放船員訓練機構及遊艇與動力小船駕駛訓練機構針對學科課程辦理線上教學。
航港局表示因應疫情期間訓練機構無法辦理實體訓練課程為了保障船員順利任職航運產業持續運作針對船員證書到期的船員已先提供航商協助船員申請證書展延服務。另為避免疫情趨緩後因應短期內大量船員訓練需求將造成訓練機構負擔因此研議開放訓練機構線上教學同時為確保各式訓練如質執行特別訂定「交通部航港局因應嚴重特殊傳染性肺炎影響辦理船員專業訓練及遊艇與動力小船駕駛訓練線上教學原則」作為訓練機構實施訓練學科線上教學的執行原則。
航港局說未來船員可先行完成各式學科部分線上學習後待疫情和緩正常開課時僅需補上實作訓練部分並經評估合格後即可核發相關證書。至於遊艇與動力小船駕駛訓練亦可先進行學科線上教學並於日後補足術科訓練時數後即可由駕駛訓練機構核發結訓證書。
此外為配合國家防疫政策確保當前醫療量能考量目前教學醫院或公立醫院門診營運降載航港局說已針對三級警戒期間營業用動力小船駕駛執照有效期間屆滿者可展延至全國各地三級以上警戒防疫規定均解除後6個月內完成換發視同未逾期。</t>
  </si>
  <si>
    <t>訓練船舶船員檢查疫情機構警戒辦理期間證書申請駕駛民眾部分降低相關防疫提供配合出港確保</t>
  </si>
  <si>
    <t>新冠肺炎台灣大量全國訓練</t>
  </si>
  <si>
    <t>全國臺灣肺炎訓練</t>
  </si>
  <si>
    <t>竟然檢測怪哉不定</t>
  </si>
  <si>
    <t>電動車大廠特斯拉（Tesla Inc）執行長馬斯克（Elon Musk）13日推文表示他在同一天接受4次新冠肺炎病毒篩檢結果兩次陰性、兩次陽性。他說這事非常詭異（bogus）並提到自己只有典型感冒症狀其他沒有什麼異狀</t>
  </si>
  <si>
    <t>inc典型執行長馬斯克提到elonmuskbogus詭異非常表示陽性陰性同一天結果接受tesla感冒病毒肺炎</t>
  </si>
  <si>
    <t>電動車大廠特斯拉（Tesla Inc）執行長馬斯克（Elon Musk）13日推文表示他在同一天接受4次新冠肺炎病毒篩檢結果兩次陰性、兩次陽性。他說這事非常詭異（bogus）並提到自己只有典型感冒症狀其他沒有什麼異狀。
根據俄羅斯今日報報導馬斯克在推特（Twitter）上表示：「發生了非常詭異的事情。我今天接受4次新冠肺炎病毒檢測兩次結果陰性、兩次結果陽性。同樣的機器、同樣的篩檢、同個護士。BD的快速抗原測試。」
他指的應該是碧迪公司（Becton Dickinson and CO&amp;apos;s）生產的快速抗原測試。
馬斯克表示他同時也接受不同實驗室的聚合酶連鎖反應（PCR）篩檢24小時後會有結果出來。
馬斯克說他有「典型感冒」症狀並補充說：「截至目前為止沒有什麼不尋常的。」
馬斯克的推文在社群媒體掀起熱議有些人抨擊他不負責任竟然暗示新冠檢測不靠譜。
對於新冠疫情這位49歲的億萬富豪曾經發表幾次極具爭議性的看法。例如他在 5 月中旬公然違反加州封鎖禁令強行讓特斯拉在弗里蒙特的工廠復工並威脅當地官員若不讓工廠復工就要將總部及未來業務撤離加州。他也表明自己和家人不會接受疫苗注射。</t>
  </si>
  <si>
    <t>馬斯克接受表示加州結果特斯拉沒有工廠復工非常測試詭異抗原快速陰性症狀感冒典型肺炎陽性</t>
  </si>
  <si>
    <t>馬斯克兩次4次新冠檢測推文</t>
  </si>
  <si>
    <t>檢測馬斯克</t>
  </si>
  <si>
    <t>影響宣告世衛未來肺炎嚴重國際公衛史上緊急事件</t>
  </si>
  <si>
    <t>新冠疫情止不住全球確診人數已突破1700萬人。世界衛生組織（WHO）今天宣佈維持2019冠狀病毒疾病為「國際關注公共衛生緊急事件（PHEIC）」這是世衛宣告的第6次公衛緊急事件。世衛秘書長譚德塞（Tedros Adhanom</t>
  </si>
  <si>
    <t>緊急事件世衛秘書長全球人數確診突破pheic世界衛生組織who衛生關注今天宣佈維持國際病毒疾病止不住德塞疫情宣告</t>
  </si>
  <si>
    <t>新冠疫情止不住全球確診人數已突破1700萬人。世界衛生組織（WHO）今天宣佈維持2019冠狀病毒疾病為「國際關注公共衛生緊急事件（PHEIC）」這是世衛宣告的第6次公衛緊急事件。世衛秘書長譚德塞（Tedros Adhanom Ghebreyesus）表示「毫無疑問這是最嚴重的一次而且疫情持續大流行中」。
根據中央社「國際關注公共衛生緊急事件」是世衛對國際發出的最高級警報緊急委員會每3個月開會檢討取消或維持。世衛過去曾5度宣佈「國際關注公共衛生緊急事件」包括：2009年的A型流感病毒（H1N1）、2014年西非伊波拉病毒（Ebola）、2014年的小兒麻痺症、2015年到2016的茲卡病毒（Zika）、2019年剛果民主共和國的伊波拉病毒如今宣告冠狀病毒疾病第6次公衛緊急事件創歷史紀錄。
世衛緊急委員會成員7月31日召開視訊會議各國專家檢視疫情最新變化做出最新建議呼籲世衛與全球和區域多邊組織合作支援會員國維持健康服務並建議各國共同致力於公平分配診斷治療藥物及將來問世的疫苗。世衛今天表示秘書長譚德塞接受委員會建議2019冠狀病毒疾病依舊構成「國際關注公共衛生緊急事件」（PHEIC）。世衛認為疫情需要長期應對強調各國、區域及全球各層面合作應對的重要性。
譚德塞表示2019冠狀病毒疾病是世衛根據「國際衛生條例」宣佈的第6次「國際關注公共衛生緊急事件」但毫無疑問這一次是最嚴重的且疫情仍在持續大流行中。他強調這場疫情是百年難得一見的健康危機其效應未來數十年都能感受得到。</t>
  </si>
  <si>
    <t>世衛病毒疫情緊急事件國際建議維持委員會全球表示衛生關注健康疾病德塞今天宣佈強調波拉緊急合作區域應對秘書長</t>
  </si>
  <si>
    <t>世衛緊急事件國際關注公共衛生</t>
  </si>
  <si>
    <t>世衛衛生關注緊急事件國際</t>
  </si>
  <si>
    <t>確診公司夫妻蔡明興金董最新健康狀況</t>
  </si>
  <si>
    <t>富邦金控董事長蔡明興日前從美國返台時於機場採檢後確診經過數日的治療富邦金控表示蔡明興健康恢復情形良好昨已經解除隔離出院返家後進行自主健康管理。對於各界關心富邦金代蔡明興表達「再次感謝各</t>
  </si>
  <si>
    <t>蔡明興健康金控金代已經解除隔離出院返台機場良好美國返家情形日前進行恢復自主對於確診關心治療管理</t>
  </si>
  <si>
    <t>富邦金控董事長蔡明興日前從美國返台時於機場採檢後確診經過數日的治療富邦金控表示蔡明興健康恢復情形良好昨已經解除隔離出院返家後進行自主健康管理。
對於各界關心富邦金代蔡明興表達「再次感謝各界的關心」；至於蔡明興夫人蔡翁美慧確診後的健康狀況富邦金仍是同樣的回應公司立場不過問相關人士個資。</t>
  </si>
  <si>
    <t>蔡明興健康關心確診金控立場公司回應過問同樣已經金仍解除隔離出院良好返家返台情形美國機場進行</t>
  </si>
  <si>
    <t>蔡明興富邦金新冠肺炎台灣翁美慧</t>
  </si>
  <si>
    <t>肺炎臺灣蔡明興翁美慧</t>
  </si>
  <si>
    <t>擺脫家長學生幫助開學教導防疫療養院恐慌草屯</t>
  </si>
  <si>
    <t>受新型冠狀病毒(COVID-19)影響全國各級學校都延長寒假雖然假期拉長但對染病的擔憂、既定考試與行程變動等不確定性因素還是引發部分家長及學生的焦慮。尤其開學人群聚集口罩購買不易恐慌情緒容易交互渲染</t>
  </si>
  <si>
    <t>恐慌影響不易全國學校購買都延長口罩寒假聚集假期人群開學拉長染病尤其擔憂焦慮學生考試家長行程情緒covid-部分變動引發確定性因素</t>
  </si>
  <si>
    <t>受新型冠狀病毒(COVID-19)影響全國各級學校都延長寒假雖然假期拉長但對染病的擔憂、既定考試與行程變動等不確定性因素還是引發部分家長及學生的焦慮。尤其開學人群聚集口罩購買不易恐慌情緒容易交互渲染草屯療養兒童青少年精神科醫師王雅甄特提供擺脫開學防疫恐慌症4大撇步值得民眾參考。
王雅甄醫師表示焦慮是一般人常見的情緒反應常會伴隨身心症狀如腸胃脹氣、腹瀉或便秘、心慌或胸悶、身體緊繃、頻尿、莫名疲倦等表現但通常在壓力解除後焦慮反應也會跟著緩解。如果長期處在各種壓力下焦慮反應很可能會演變成焦慮症對身心與生活反會產生負面影響不得不慎。如持續超過6個月也未檢查出相關的生理問題就應考慮就診身心科。
對於疫情緊張時期王雅甄醫師提供「一呼、二放、三動、四投」的放鬆步驟供家長及學生參考。王醫師表示偶爾的壓力所引發的焦慮可透過「一呼、二放」的「腹式呼吸法」、「肌肉放鬆法」從呼吸調息和覺察身體反應做起。
「腹式呼吸法」可躺在舒服的空間輕鬆閉上雙眼將雙手放在腹部採「鼻吸嘴吐」方式先從吐氣開始將空氣吐光同時雙手感受腹部慢慢地下降吐氣完接著以鼻子緩慢地將空氣均勻吸入同時雙手感受腹部慢慢地鼓起一吐一吸交互進行持續練習約十分鐘。
「肌肉放鬆法」則是用力握拳再慢慢放鬆、雙手平抬向前推再放鬆、手肘向內靠近耳朵緊繃上臂再放鬆及用力聳肩再放鬆等方式每天練習1-2次。
再則「三動、四投」是指「定時的運動」與「投入有興趣的活動」可依照個人喜好安排活動或遊戲尋求人際關係的彼此支持。「一呼、二放、三動、四投」是由靜而動、動靜皆宜很好的紓壓之道防疫期間學生或家長都可善加運用。
王雅甄醫師也提醒民眾面對疫情常因「不瞭解帶來恐懼」對於瞭解正確訊息有助緩解擔憂的民眾不妨認真研究政府公佈的資訊配合防疫從中獲得樂趣與達到防疫效能。
而瞭解越多卻擔憂越多的人建議只要知道防疫重點平時做好生活規劃減輕生活腳步被打亂的機會就可減少焦慮症上門。若民眾緊張和焦慮甚至驚恐的狀態越來越嚴重建議民眾至醫院身心科門診接受評估與治療。</t>
  </si>
  <si>
    <t>焦慮放鬆民眾防疫身心醫師雙手擔憂學生壓力反應家長生活慢慢腹部</t>
  </si>
  <si>
    <t>防疫醫師民眾雙手新冠肺炎</t>
  </si>
  <si>
    <t>民眾雙手醫師防疫肺炎</t>
  </si>
  <si>
    <t>美國台女日本入境嗅覺異常確診</t>
  </si>
  <si>
    <t>中央流行疫情指揮中心今日公佈國內新增2例境外移入新冠肺炎確定病例(案602、603)分別自日本及美國入境。本周累計25例確診不但超過上周數量也是自今年4月底以來單周確診人數新高。指揮中心表示案602為40多</t>
  </si>
  <si>
    <t>確診中心指揮今日公佈新增分別國內日本今年月底病例確定肺炎美國境外數量以來上周單周超過</t>
  </si>
  <si>
    <t>中央流行疫情指揮中心今日公佈國內新增2例境外移入新冠肺炎確定病例(案602、603)分別自日本及美國入境。本周累計25例確診不但超過上周數量也是自今年4月底以來單周確診人數新高。
指揮中心表示案602為40多歲本國籍女性長期定居日本(前次自臺灣出境日期為2020年2月)11月初陸續出現鼻塞、頭痛、噁心、流鼻水及嗅味覺異常等症狀自行服藥後症狀緩解未在當地就醫。11月12日與2名家人一同返臺探親入境時主動告知有症狀於機場採檢後安排至集中檢疫所今日確診。衛生單位已掌握個案同班機接觸者共15人其中同行家人2人及前後二排座位旅客1人列居家隔離；機組員11人及專車司機1人因有適當防護列自主健康管理。
指揮中心指出案603為30多歲本國籍女性因工作長期居住美國(前次自臺灣出境日期為今年8月)11月13日與家人一同返國入境時個案主動告知搭機時自覺出現嗅味覺異常情形但下機後即恢復於機場採檢後安排至集中檢疫所今日確診。衛生單位已掌握個案同班機接觸者共12人其中同行家人1人及前後二排座位旅客3人列居家隔離；機組員8人因有適當防護列自主健康管理。
指揮中心統計截至目前國內累計105589例新型冠狀病毒肺炎相關通報(含104108例排除)其中602例確診分別為510例境外移入55例本土病例36例敦睦艦隊及1例不明；另1例(案530)移除為空號。確診個案中7人死亡、536人解除隔離、59人住院隔離中。</t>
  </si>
  <si>
    <t>確診個案中心指揮症狀入境出現今日今年日本美國肺炎隔離累計味覺異常國內病例分別主動告知</t>
  </si>
  <si>
    <t>新冠肺炎境外移入指揮中心疫情</t>
  </si>
  <si>
    <t>境外指揮肺炎中心疫情</t>
  </si>
  <si>
    <t>歸心似箭出院確診旅客臺灣探望老父公主</t>
  </si>
  <si>
    <t>駐日代表處證實鑽石公主號日前確診感染新冠病毒的兩名台灣旅客1男、1女26日已出院其中女性將盡快回國代表處領務組正協助辦理返國手續中。中年男性將去櫪木縣的醫院探望住院治療中的85歲父親暫不返國。兩人</t>
  </si>
  <si>
    <t>代表處返國中的探望住院治療醫院鑽石確診感染日前公主病毒臺灣旅客男性辦理中年協助手續</t>
  </si>
  <si>
    <t>駐日代表處證實鑽石公主號日前確診感染新冠病毒的兩名台灣旅客1男、1女26日已出院其中女性將盡快回國代表處領務組正協助辦理返國手續中。中年男性將去櫪木縣的醫院探望住院治療中的85歲父親暫不返國。
兩人15日因確診感染而下船經東京的自衛隊中央醫院治療後兩次連續採檢結果為陰性26日獲准出院。駐日代表處分別由政務組和領務組協助處理感染病患出院的後續的相關事宜。
有關痊癒旅客的住院費用和回國機票問題代表處表示醫療費用由日本政府負擔郵輪公司會依據當事人意願安排返台的班機機票費用由船公司負擔。</t>
  </si>
  <si>
    <t>代表處感染醫院機票返國旅客出院確診回國協助費用公司負擔當事人依據意願返台次連續安排班機結果郵輪</t>
  </si>
  <si>
    <t>出院兩名駐日代表處確診感染採檢</t>
  </si>
  <si>
    <t>代表處確診感染出院</t>
  </si>
  <si>
    <t>陳其邁酷似管家</t>
  </si>
  <si>
    <t>因為新冠肺炎（COVID-19俗稱武漢肺炎）疫情持續在台延燒疾管署為了即時向民眾更新最新資訊特別推出LINE聊天機器人「疾管家」不僅能和民眾作互動更能及時提供疫情指南。不過行政院副院長陳其邁卻透露「</t>
  </si>
  <si>
    <t>疫情民眾肺炎行政院指南提供持續及時台延院長俗稱管署最新資訊即時特別line推出管家聊天更新機器人武漢互動陳其邁covid-</t>
  </si>
  <si>
    <t>因為新冠肺炎（COVID-19俗稱武漢肺炎）疫情持續在台延燒疾管署為了即時向民眾更新最新資訊特別推出LINE聊天機器人「疾管家」不僅能和民眾作互動更能及時提供疫情指南。不過行政院副院長陳其邁卻透露「疾管家」真有其人外表更酷似一位男星。
陳其邁昨（13）日在個人IG上貼出新PO文表示到疾管署開會突然有一位「捲髮帥哥」要求和他拍照陳其邁細看指出「他的LINE正夯！原來『疾管家』是真有其人不是cosplay。」
「疾管家」本尊現身了！陳其邁指出其實LINE上疾管家的大頭貼設計就是按照疾管署同仁形象去畫的但是有「戴假髮」。比較真人版和LINE版本疾管家2者都戴著眼鏡、頂著捲髮但本尊實際上卻很年輕。
網友看到疾管家本人興奮表示「哇笑得好靦腆！」、「是疾管家大哥！」許多人都驚訝原來本尊那麼年輕更有人說他外型長得有像男星「盧廣仲」。</t>
  </si>
  <si>
    <t>管家陳其邁line管署疫情年輕原來表示卷髮民眾指出肺炎得有持續台延</t>
  </si>
  <si>
    <t>疾管家陳其邁LINE疾管署本尊</t>
  </si>
  <si>
    <t>line管家管署陳其邁</t>
  </si>
  <si>
    <t>小甜甜開銷公佈金錢流向</t>
  </si>
  <si>
    <t>女星小甜甜（張可昀）日前在節目《小明星大跟班》透露受新冠肺炎影響導致戲約暫緩由於小甜甜幾乎把所有積蓄投資做凍膜副業但她的房貸、車貸等一個月開銷仍約要20萬消息傳出後不少網友都對小甜甜月開銷要20</t>
  </si>
  <si>
    <t>小甜甜開銷節目明星跟班透露肺炎影響投資導致積蓄幾乎暫緩消息傳出日前副業</t>
  </si>
  <si>
    <t>女星小甜甜（張可昀）日前在節目《小明星大跟班》透露受新冠肺炎影響導致戲約暫緩由於小甜甜幾乎把所有積蓄投資做凍膜副業但她的房貸、車貸等一個月開銷仍約要20萬消息傳出後不少網友都對小甜甜月開銷要20萬感到吃驚對此小甜甜也發文回應。
小甜甜月開銷約要20萬消息一出還引發網友留言問「你什麼開銷一個月要花20萬 可以分享一下嗎」對此小甜甜今（14日）淩晨則發文說明：「最重主是因為我有個人保險、另外的車險、我的房貸、我的車貸跟定期用卡扣款的卡費以及兩張儲蓄險定存」。
儘管計畫趕不上變化小甜甜仍表示她不後悔自己當初的投資規劃她也分享應對的方法：「例如回到最初在這時候一天打三種工減額繳房貸都是很棒的方法」小甜甜以正能量面對逆勢並樂觀喊話：「我們一起堅強吧！」</t>
  </si>
  <si>
    <t>小甜甜開銷方法投資分享發文對此網友消息逆勢明星節目面對跟班透露能量樂觀</t>
  </si>
  <si>
    <t>小甜甜開銷20萬月開銷房貸</t>
  </si>
  <si>
    <t>開銷小甜甜</t>
  </si>
  <si>
    <t>辭職官員電話黃石湖北責令</t>
  </si>
  <si>
    <t>據湖北黃石市黃石港區紀檢監察部門7日通報2月2日晚黃石港區新閘社區計生專幹程繽漫向新閘社區書記陳亞麗通電話提出辭職未說明辭職原因經陳亞麗勸說程繽漫仍執意辭職。面對嚴峻的疫情防控工作在社區人員</t>
  </si>
  <si>
    <t>辭職程繽漫黃石港區新閘社區疫情嚴峻面對監察部門執意書記陳亞麗勸說防控計生專幹未說明提出紀檢原因通電話經陳工作通報黃石市社區</t>
  </si>
  <si>
    <t>辭職社區程繽漫通報書記黃石港區街道覆盆山社區黃石市專幹勸說責令黃石港提出新閘社區確診累計茜瑤冠狀民政截至人員顯示工作臨危</t>
  </si>
  <si>
    <t>湖北黃石港區新冠肺炎大陸</t>
  </si>
  <si>
    <t>黃石港區肺炎湖北大陸</t>
  </si>
  <si>
    <t>下海集團酒店疫情</t>
  </si>
  <si>
    <t>新冠肺炎疫情肆虐大多行業生意慘淡甚至被迫熄燈。日前酒店、舞廳等行業遭中央流行疫情指揮中心停業後有應召站腦筋動得快立馬吸收酒店女陪侍透過包養網站釣魚吸客以15萬元起價碼從事性交易月營收直逼6</t>
  </si>
  <si>
    <t>酒店行業疫情性交從事價碼釣魚肆虐網站大多包養透過腦筋停業吸收中心</t>
  </si>
  <si>
    <t>新冠肺炎疫情肆虐大多行業生意慘淡甚至被迫熄燈。日前酒店、舞廳等行業遭中央流行疫情指揮中心停業後有應召站腦筋動得快立馬吸收酒店女陪侍透過包養網站釣魚吸客以15萬元起價碼從事性交易月營收直逼60萬元刑事局南部打擊犯罪中心近日循線查獲逮補13名嫌犯到案。
南打表示年初接獲線指稱台南市永康、安平區有3棟商辦日夜都有不少年輕人出入行跡可疑疑似詐騙機房據點經連月調查蒐證一開始以為只是單純經營網路博奕平臺機房19日見時機成熟收網直搗基地誤打誤撞在電腦查獲性交易媒合對話紀錄才一舉破獲應召Call客機房。
警方指出嫌犯利用疫情期間酒店停業1個月來吸收酒店女陪侍先在包養網站上放上火辣照片「釣魚」再由3名機房員工偽裝成應召女等待魚兒上鉤透過通訊軟體與男客攀談捏照楚楚可憐的背景像是單親家庭、家人欠債背債、親人生病等藉故拉抬性交易金額或包養價碼。
警方表示每次性交易喊到1萬5000元起跳機房員工與男客談妥價錢後再通知應召女出馬地點不限南部也有到桃園去接客但交通費由男客支付警方初步掌握性交易至少20幾次至少賺進5、60萬元機房抽8％、應召女則抽4成其餘進入主嫌口袋。
另外警方查獲網路博奕平臺機房以月薪25萬元聘請員工24小時輪班擔任客服及管理網站投注以儲值贈送點數吸引網友加入會員等賭客匯款後下注撲克牌、百家樂、運動賽事等方式簽賭不法獲利高達500萬元。
警方調查主嫌28歲謝姓男子是富二代住在豪宅當中出入以名車代步他砸錢當大股東「投資」博弈及應召站事業找來21歲蔡姓男子當股東警方循線逮補13名嫌犯到案查扣現金21萬、電腦及手機等贓物全案依賭博罪、妨礙風化送辦。</t>
  </si>
  <si>
    <t>警方機房交易酒店男客查獲疫情員工應召女嫌犯出入網站行業電腦調查股東透過南部男子釣魚中心表示</t>
  </si>
  <si>
    <t>疫情新冠肺炎應召賣淫博弈</t>
  </si>
  <si>
    <t>肺炎應召賣淫疫情博弈</t>
  </si>
  <si>
    <t>川普落選啟示</t>
  </si>
  <si>
    <t>糾纏數天的美國總統選舉開票終於在關鍵州開票結束而告大勢底定。拜登以306票大勝川普232票即將當選！川普雖然持續指控通訊選票有弊端由於並未提出任何具體的證據想要扭轉大選結果可說是機率渺茫。也因此</t>
  </si>
  <si>
    <t>開票川普結果大選扭轉大勢想要底定證據具體提出並未弊端持續指控通訊選票終於關鍵州結束拜登大勝當選總統選舉</t>
  </si>
  <si>
    <t>糾纏數天的美國總統選舉開票終於在關鍵州開票結束而告大勢底定。拜登以306票大勝川普232票即將當選！川普雖然持續指控通訊選票有弊端由於並未提出任何具體的證據想要扭轉大選結果可說是機率渺茫。也因此世界各國領袖已陸續向拜登致電祝賀準備迎向「後川普時代」。
這次美國大選之前民調普遍預測拜登即將勝選甚至是以超過10%的比例大幅勝選。然而選後的結果顯示拜登僅以36%小幅勝選（拜登509%；川普473%）。於是便有許多人批評民調失準。然而事實的真相是隨著大選日的逼近川普的民調原本就逐漸逼近拜登；以Realclear Politics的統計來看選前最後1周兩人的民調平均值是拜登領先川普72%（512%；44%）這和最後的普選投票結果其實差距只有36%是在誤差範圍內並沒有想像中大。
過去4年川普的內政及外交不斷引發爭議。他高舉著「讓美國再度偉大」的大旗奉行「美國至上」的單邊主義不論是國際經貿、環保甚至衛生協議及組織只要不順美國的意川普就退出完全不顧慮盟國以及地球的未來。
川普帶來的利多都是短多長空。比如說限制外來移民在美國就業短期間似乎增加了美國人的就業率但是長期來講阻止在美國受教育的高階人才留在美國是扼殺美國產業的競爭力而且也會降低美國高等教育的競爭力。
更重要的是川普在新冠肺炎的防疫作為上完全拒絕相信科學。美國拜地理位置之賜在疫情開始之初有著約2個月的緩衝時間但是美國在川普領導下白白浪費了美國的緩衝時間使得美國成為全世界受到新冠肺炎影響最嚴重的國家讓人完全無法想像這是全世界醫療最先進的國家。
川普亂政4年而終。他帶給美國社會（或許還有台灣社會？）的撕裂與傷痕還要好一段日子之後才能夠癒合。但我們要感謝民主制度讓我們對於執政者有著4年一次的考試機會可以讓全體國民決定國家的方向不至於共同走向瘋狂。（作者為中華民國法律政策協會副理事長）</t>
  </si>
  <si>
    <t>美國川普拜登完全國家結果大選甚至想像全世界即將最後肺炎</t>
  </si>
  <si>
    <t>拜登川普美國肺炎勝選</t>
  </si>
  <si>
    <t>肺炎美國川普拜登</t>
  </si>
  <si>
    <t>高雄返回宿舍確診雲林員工六輕</t>
  </si>
  <si>
    <t>雲林縣12日新增1名本土確診案案12838為雲林縣麥寮鄉臺塑六輕工業區員工9日回高雄住處、11日在高雄就醫確診與案12838住在工業區同棟宿舍的142名員工返回高雄過端午連假12日在高雄市政府要求下以遊覽車將142</t>
  </si>
  <si>
    <t>高雄員工確診林縣市政府輕工業返回台塑宿舍工業區要求端午麥寮住處本土新增遊覽車</t>
  </si>
  <si>
    <t>雲林縣12日新增1名本土確診案案12838為雲林縣麥寮鄉臺塑六輕工業區員工9日回高雄住處、11日在高雄就醫確診與案12838住在工業區同棟宿舍的142名員工返回高雄過端午連假12日在高雄市政府要求下以遊覽車將142名員工載回六輕工業區篩檢對此雲林縣政府衛生局表示已請六輕盡速進行快篩。
案12838為42歲男性在六輕工業區上班平日住在工業區內宿舍本月5日出現腹瀉、偏頭痛、關節痠痛等癥狀7日曾前往工業區福利大樓醫務室就診9日回高雄住家11日出現發燒癥狀到醫院快篩為陽性PCR檢驗結果為陽性、CT值22目前於醫院治療中還找不到感染源。
據瞭解與案12838住在同1棟宿舍的142名員工陸續返回高雄住家原本公司要求他們自行到醫院快篩但12日晚上公司又通知他們搭乘公司雇用的遊覽車連夜返回六輕工業區快篩。
雲林縣政府衛生局表示高雄市可能是為了減少返鄉人潮加上這142名員工還未全數完成快篩所才請公司把他們送回六輕工業區快篩防疫不分縣市雲林縣衛生局11日已請六輕進行全面普篩。
不願透露姓名的六輕員工說原本想回高雄過端午但為了避免防疫破口也只能依照公司規定回工業區快篩只是端午節假期就這樣泡湯了。</t>
  </si>
  <si>
    <t>員工高雄公司輕工業工業區林縣醫院六輕返回宿舍遊覽車防疫症狀出現衛生局要求原本</t>
  </si>
  <si>
    <t>六輕確診快篩高雄雲林</t>
  </si>
  <si>
    <t>高雄確診雲林六輕</t>
  </si>
  <si>
    <t>陳時中傳播社區進入關鍵宣佈時機</t>
  </si>
  <si>
    <t>今（19）中央疫情指揮中心記者會上再度宣佈新增8名新冠肺炎確診病例其中有7位是境外移入1例本土案例目前累積一共累積108位確診。由於近幾日新型冠狀病毒感染者不斷上升台大公衛系院長詹長權表示中央應該要</t>
  </si>
  <si>
    <t>確診中央累積中心詹長權記者會院長衛系大公上升不斷病毒感染者冠狀本土病例境外指揮表示再度宣佈案例</t>
  </si>
  <si>
    <t>今（19）中央疫情指揮中心記者會上再度宣佈新增8名新冠肺炎確診病例其中有7位是境外移入1例本土案例目前累積一共累積108位確診。由於近幾日新型冠狀病毒感染者不斷上升台大公衛系院長詹長權表示中央應該要宣佈已進入社區傳播階段不過指揮官陳時中認為還沒有達到「這條件」不能說是社區傳染。
陳時中表示根據社區傳播的定義是「本土病例多於境外病例」。原本台灣可能接近達到社區傳染的要件但近日境外移入案例暴增讓台灣也暫時不會宣佈社區傳播。
不過陳時中表示儘管尚未宣佈社區傳播也不敢大意還是要戰戰兢兢面對疫情他在記者會上提到未來2周是防疫關鍵除了加強檢疫外目前的醫療量能依照都還足夠支撐確診人數。
自從3月15日到19日我國新冠肺炎確診數狂增45例其中境外移入確診數為42例境內本土感染有3例。</t>
  </si>
  <si>
    <t>社區確診宣佈傳播境外表示本土目前臺灣病例達到記者會中央傳染疫情案例陳時中肺炎</t>
  </si>
  <si>
    <t>陳時中境外移入社區傳播宣佈防疫</t>
  </si>
  <si>
    <t>社區傳播境外宣佈陳時中防疫</t>
  </si>
  <si>
    <t>健康人士專家體內存有病毒</t>
  </si>
  <si>
    <t>據陸媒報導白岩松連線援鄂前方專家組組長、呼吸科專家劉又寧稱在檢測過程中曾發現健康人士攜帶新冠病的個案。劉又寧稱目前在軍隊的診療方案中採用強調抗體的「金標準」檢測方案雖核酸檢測是一個重要的手段</t>
  </si>
  <si>
    <t>檢測劉又寧方案前方專家組組長呼吸採用強調專家攜帶人士健康發現診療軍隊個案過程中曾目前</t>
  </si>
  <si>
    <t>據陸媒報導白岩松連線援鄂前方專家組組長、呼吸科專家劉又寧稱在檢測過程中曾發現健康人士攜帶新冠病的個案。
劉又寧稱目前在軍隊的診療方案中採用強調抗體的「金標準」檢測方案雖核酸檢測是一個重要的手段但核酸檢測的原理只是發現病毒存在至於病毒是否存在活性或是否具備傳染性無從得知因此核酸檢測呈現陽性不直接代表受測者遭感染。他續稱隨這疫情期延長目前已發現有健康人士體內攜帶病毒的個案。
劉又寧認為抗體可以證明病毒的存在且會引起全身的反應。所以抗體數量增加便能證明受測者受感染了。而抗體包含IgM和IgG。 IgG抗體產生成較晚但假設2週以後有4倍的增高或者4倍的變化就可證明該病人確診。這種診斷很明確所以我們把這種診斷稱為「金標準」。
但劉又寧坦言這個檢測方法也有缺陷它往往是回顧性的發病兩週後才發現因此核酸檢測還有其必要性。</t>
  </si>
  <si>
    <t>檢測抗體劉又寧發現證明核酸病毒存在感染受測者目前方案個案標準人士健康攜帶診斷前方專家組組長呼吸</t>
  </si>
  <si>
    <t>疫情肺炎</t>
  </si>
  <si>
    <t>新冠病毒在全球如火如荼延燒眾所關切的是全球疫情對台灣的影響為何？我國前3月表現雖亮麗未來將面臨哪些挑戰？應有何系統化的因應作為？剖析全球疫情不難發現：一、愈早著手具體防疫措施降低疫情的宏效也愈</t>
  </si>
  <si>
    <t>疫情全球如火如荼降低關切面臨未來亮麗挑戰措施表現應有防疫系統化具體臺灣我國影響因應作為剖析發現</t>
  </si>
  <si>
    <t>病例防疫臺灣病毒疫情衛生我國全球流行必須醫療作為感染挑戰未來疫苗研究旅遊</t>
  </si>
  <si>
    <t>偵測公共衛生挑戰疫苗台灣</t>
  </si>
  <si>
    <t>衛生疫苗挑戰臺灣</t>
  </si>
  <si>
    <t>代表團東奧疫苗開幕提供完成接種輝瑞</t>
  </si>
  <si>
    <t>作為確保2020年東京奧運會和殘奧會安全計畫的一部份國際奧委會(IOC)今天宣佈與輝瑞公司(Pfizer Inc)和(BioNTech SE)達成共識將提供來自世界各國奧林匹克和殘奧委員會的運動員新冠肺炎疫苗。國家奧委會(NOC)將與</t>
  </si>
  <si>
    <t>殘奧肺炎疫苗安全計ioc國際奧會今天宣佈運動員輝瑞公司pfizer委員會incbiontechse達成奧林匹克共識世界來自提供奧運會國家東京奧會</t>
  </si>
  <si>
    <t>作為確保2020年東京奧運會和殘奧會安全計畫的一部份國際奧委會(IOC)今天宣佈與輝瑞公司(Pfizer Inc)和(BioNTech SE)達成共識將提供來自世界各國奧林匹克和殘奧委員會的運動員新冠肺炎疫苗。國家奧委會(NOC)將與當地政府合作根據每個國家疫苗接種指南並與當地法規保持一致以協調當地疫苗分佈狀況並在7月下旬奧運開幕前完成2次疫苗接種。
As part of the plans to ensure safe and secure @Tokyo2020 the IOC has signed an MoU with Pfizer Inc and BioNTech SE to donate doses of the companies’ COVID-19 vaccine to Games participants from National Olympic and Paralympic Committees around the worldhttps://tco/Ne3sLgM1se
國際奧委會和國際殘奧會(IPC)正與國家奧委會和國家殘奧會(NPC)合作鼓勵和協助居住在領土內運動員按國家免疫指南在本國接種疫苗然後才去日本。這不僅為奧運安全環境做出貢獻也是出於對日本居民尊重。目前許多國家政府已在這方面採取積極步驟並正與其國家奧委會和全國人民代表大會協商為奧運參與者接種疫苗。據國家奧委會和國家殘奧會回應預計有大部份奧運參與者在到達日本前已接種疫苗。
國際奧委會主席巴赫(Thomas Bach)說：「疫苗有助於東京奧運和殘奧會所有選手更安全並向我們熱情的日本東道主表示聲援。我們邀請運動員和參加代表團以身作則在可能情況下接受疫苗。透過接種疫苗可對外傳達強而有力的訊息畢竟疫苗接種不僅關乎個人且關乎團結和對社區其他人福祉。感謝輝瑞和BioNTech慷慨捐助以支持東京奧運會和殘奧會運動員和參與者的疫苗接種。」
輝瑞首席執行官伯拉(Albert Bourla)5月6日受日本經濟新聞線上採訪時表示：「奧運舉辦是人類戰勝病毒象徵能向運動員提供疫苗確保奧運安全令我們驕傲 奧運和殘奧會回歸是經歷艱苦一年後世界團結與和平里程碑。我們為提供疫苗感到自豪」。另外BioNTech首席執行官薩辛(Ugur Sahin)表示：「目前已提供超過43億劑疫苗疫苗將繼續幫助保護世界各地生命並使我們恢復正常生活今年奧運會和殘奧會是具有歷史意義的時刻代表全球社會及我們如何站在一起。很榮幸提供疫苗來支援奧運和殘奧會的安全。」</t>
  </si>
  <si>
    <t>疫苗接種奧運殘奧日本運動員提供國家thebiontech表示國際奧會andtose奧會安全參與者奧運會ioc東京輝瑞團結執行官目前世界</t>
  </si>
  <si>
    <t>東奧新冠疫苗AZ疫苗即時報導新冠肺炎</t>
  </si>
  <si>
    <t>az疫苗報導即時肺炎東奧</t>
  </si>
  <si>
    <t>北京核酸檢測觀察高風險監測</t>
  </si>
  <si>
    <t>北京市疫情防控領導小組5日在市新型冠狀病毒肺炎疫情防控工作新聞發布會通報對高風險地區進入（返回）北京人員一律實施14天集中觀察和7天健康監測；對中風險地區已來（返）京人員一律實施14天居家觀察和7天健康</t>
  </si>
  <si>
    <t>地區防控人員疫情一律實施觀察健康小組冠狀病毒肺炎工作新聞發佈會通報高風險風險進入監測集中返回北京</t>
  </si>
  <si>
    <t>北京市疫情防控領導小組5日在市新型冠狀病毒肺炎疫情防控工作新聞發布會通報對高風險地區進入（返回）北京人員一律實施14天集中觀察和7天健康監測；對中風險地區已來（返）京人員一律實施14天居家觀察和7天健康監測；不具備居家觀察條件的一律實施集中觀察。
對有病例發生地區的所在地（市）全域來（返）京人員按要求進行核酸檢測並實施14天健康監測。
此外對於社區（村）非生活必需的棋牌室、麻將室、娛樂室等密閉活動場所要「應關盡關」暫停開放。
北京市5日召開第232場新冠肺炎疫情防控新聞發布會市疫情防控領導小組社區防控組辦公室成員、市黨的建設研究所所長王大廣介紹北京對大陸來（返）京人員社區（村）健康管理有關政策進行了優化和升級。
一、凡有病例發生地（市）全域進（返）京人員或通過各種管道得知自己可能是密切接觸者、次密切接觸者以及其他風險人群的進（返）京人員請務必第一時間主動向所在社區（村）、單位、居住賓館酒店報告自覺接受健康管理。
二、對高風險地區已進（返）京人員一律實施14天集中觀察和7天健康監測。集中觀察期間應嚴格遵守集中觀察點的各項管理規定配合做好核酸檢測和健康監測避免出現交叉感染。
三、對中風險地區已進（返）京人員一律實施14天居家觀察和7天健康監測；不具備居家觀察條件的一律實施集中觀察。居家觀察期間應嚴格遵守居家觀察有關要求做好家庭防護做到足不出戶。凡違反規定擅自外出的一律轉至集中觀察點進行集中觀察引起疫情傳播或者造成傳播風險的要依法追究法律責任。
四、對有病例發生地區的所在地（市）全域進（返）京人員按要求進行核酸檢測並實施14天健康監測。必要時疾控部門還將根據相關地區實際風險情況確定管控時間和範圍動態調整防控措施。將根據最新要求更新社區管控措施。
五、凡被確定為次密切接觸者的除本人按規定進行隔離觀察外共同生活和工作的人員按規定進行閉環管理不得參加任何聚集性活動。其中對居住在社區（村）的人員一般實施7天健康監測。
六、進行社區健康監測的進（返）京人員要密切關注自身及共同生活人員健康狀況如出現發熱、乾咳、乏力等可疑症狀應及時向所在單位和社區（村）報告並佩戴口罩就近到發熱門診就醫。
七、上述居家觀察、集中觀察、健康監測的期限自離開風險地區或離開新冠病毒感染者、密接者等人員之日起算。
八、進一步嚴格社區（村）聚集性公共場所掃碼登記、預約限流、佩戴口罩等防疫措施。對於社區（村）非生活必需的棋牌室、麻將室、娛樂室等密閉活動場所要「應關盡關」暫停開放。</t>
  </si>
  <si>
    <t>人員社區觀察健康地區進行監測風險集中防控管理疫情要求實施措施居家一律規定發熱</t>
  </si>
  <si>
    <t>人員地區健康監測大陸新冠肺炎</t>
  </si>
  <si>
    <t>監測大陸健康地區人員肺炎</t>
  </si>
  <si>
    <t>科大弘光駛入大巴</t>
  </si>
  <si>
    <t>大車「內輪差」致死車禍頻傳弘光科大7日舉辦新生啟航校園文化體驗活動特別配合台中市交通局交通宣導安排「內輪差」體驗活動開來一台大巴士、放氣球當假人提醒學生騎車、走路時避開大型車輛以確保安全。</t>
  </si>
  <si>
    <t>活動體驗走路騎車學生提醒假人氣球巴士車禍弘光科大台大舉辦新生啟航校園文化交通市交通局特別配合</t>
  </si>
  <si>
    <t>大車「內輪差」致死車禍頻傳弘光科大7日舉辦新生啟航校園文化體驗活動特別配合台中市交通局交通宣導安排「內輪差」體驗活動開來一台大巴士、放氣球當假人提醒學生騎車、走路時避開大型車輛以確保安全。
新生啟航活動上午8時30分許在操場舉行第一副校長易光輝、台中市交通局、警察局交通警察大隊、台中區監理所都派員前來參加。台中區監理所交通安全科組長賴秋如表示認識道路內輪差的交通宣導開學期間到台中各大學校園加強宣導第一站便選在弘光科大。
易光輝表示學校很注重學生安全透過活動提醒學生遵守交通規則不要騎快車特別是剛拿到駕照的學生要更小心。另外他也提醒配合新冠肺炎防疫學生進校園皆須戴口罩參加大型活動集會必須戴口罩並教室保持通風；住在新啟用營運的智慧型宿舍新生可用悠遊卡使用洗烘衣機、房間用電等各種設備雖然手持智慧型房卡便能進出不過進入宿舍仍要量體溫。
內輪差交通宣導安全活動開始在操場放上氣球假人大巴士慢速行駛放一旁的假人因為在內輪差的範圍內不慎被捲入車底輾破讓學生看到目瞪口呆。另外還請學生坐上駕駛座看大車的後視鏡瞭解內輪差是什麼？員警指出大型車的視野死角包括正前方、正後方、左後方、右後方騎車千萬不要跟著大車太近更不能在大車旁躲太陽這樣都很危險。
內輪差的震撼教育後大一新生分組進行作AED與CPR急救讓每個人都能親手操作。劉姓學生說新生活動很實用不管是交通宣導還是學習基本急救對自己很有幫助；林姓學生說從外地來台中上課上課前先學會怎麼救人交通安全宣導也學習如何自保是很不錯的活動。</t>
  </si>
  <si>
    <t>學生活動新生台中交通宣導提醒假人宿舍交通安全大車智慧參加急救騎車表示易光輝</t>
  </si>
  <si>
    <t>弘光科大內輪差交通宣導新生</t>
  </si>
  <si>
    <t>交通宣導科大弘光新生</t>
  </si>
  <si>
    <t>半導體動能看好產能mic科技</t>
  </si>
  <si>
    <t>資策會產業情報研究所(MIC)「34th MIC FORUM Spring新局」線上研討會登場預估2021年全球半導體市場規模成長109%達4883億美元成長態勢將延續至2022年成長率預估為127%四大動能為筆電、5G、高速運算(HPC)</t>
  </si>
  <si>
    <t>資 策 會 產業 情報研究所 mic 34 th mic forum spring 新 局 線 上 研討會 登場 預估 2021 年 全球 半 導體 市場 規模 成 長 109 達 4883億 美元 成長 態勢 將 延續 至 2022 年 成長率 預估 為 127 四大 動能 為 筆 電 5 g 高速 運算 hpc</t>
  </si>
  <si>
    <t>預估mic情報研究所動能四大th研討會登場全球成長率導體成長延續forum市場態勢規模spring產業</t>
  </si>
  <si>
    <t>資策會產業情報研究所(MIC)「34th MIC FORUM Spring新局」線上研討會登場預估2021年全球半導體市場規模成長109%達4883億美元成長態勢將延續至2022年成長率預估為127%四大動能為筆電、5G、高速運算(HPC)與車用電子MIC分析指出半導體產能不足也造成排擠效應加上車用晶片訂單回溫導致產能更加吃緊整體半導體產能不足問題將延燒至2022年。
觀測臺灣半導體發展資策會MIC表示2020年整體營收創新高產值大幅提升至293兆新台幣成長率高達22%主要來自疫情驅動筆電與HPC需求以及美中貿易戰之下中國大陸手機品牌業者的手機晶片需求預期2021年臺灣半導體產值將持續提升至326兆新台幣成長率達114%。資深產業分析師鄭凱安指出上半年成長動能來自筆電與顯示器需求加上全球填補庫存半導體產能滿載下半年動能主要為5G滲透率提升以及車用、物聯網應用對半導體元件需求回溫未來須觀測疫情是否受到控制若控制成功可預期需求將持續增長。
資策會MIC資深產業分析師鄭凱安表示2021年半導體面臨更加劇的產能不足與排擠問題供不應求從晶圓代工延伸到封測導致交期與價格拉高產能不足問題將延續至2022年。產能不足也造成排擠效應低毛利應用晶片如顯示驅動IC面臨代工順位延後而缺貨加上車用晶片訂單回溫導致產能更加吃緊預計要到2021年第三季才會稍微緩解；另外排擠效應對於小型IC設計業者造成隱憂大廠議價能力較強影響不大小型業者卻可能因此面臨生存危機。
短中期有三個觀測重點一疫情控制情形將直接影響2021年下半年庫存調整狀況；二在產能不足之下美國對中國大陸的貿易管制是否再有變化將對國際IC設計業者選擇晶圓代工地點產生明顯影響；三缺貨嚴重的晶片類型部分IC設計業者已開始將8吋晶圓製程轉向成本較高、產量較大的12吋晶圓製程有機會緩解部分需求。
鄭凱安觀測長期趨勢表示半導體產能成為各國戰略物資已經成為大趨勢新建產能在配套的基礎設施以及與上下游產業供應鏈的配合之下可望形成新的半導體產業聚落改變全球供需分佈。</t>
  </si>
  <si>
    <t>需求半導體產能產業晶圓觀測導體不足icmic影響面臨排擠之下表示全球動能疫情提升設計業加上造成車用</t>
  </si>
  <si>
    <t>半導體12吋晶圓新冠肺炎NB</t>
  </si>
  <si>
    <t>晶圓肺炎半導體nb</t>
  </si>
  <si>
    <t>航空國籍機組員接種delta疫苗</t>
  </si>
  <si>
    <t>近來3名長榮機師感染Delta變異株為精進國籍航空機組員防疫作為中央流行疫情指揮中心今天晚間與相關工會、交通部及民航局召開會議其中針對機組員接種第3劑疫苗一事指揮中心承諾將納入未來施打規劃考量惟目</t>
  </si>
  <si>
    <t>機組員中心指揮感染施打delta未來變異精進納入國籍機師航空承諾規劃防疫交通部作為民航工會召開會議疫情中央相關晚間今天</t>
  </si>
  <si>
    <t>近來3名長榮機師感染Delta變異株為精進國籍航空機組員防疫作為中央流行疫情指揮中心今天晚間與相關工會、交通部及民航局召開會議其中針對機組員接種第3劑疫苗一事指揮中心承諾將納入未來施打規劃考量惟目前各國施打間隔不一需提至專家會議討論。
中央流行疫情指揮中心今(9)日表示為精進國籍航空公司機組員人員防疫作為於今日晚間召開會議與桃園市機師職業工會、桃園市空服員職業工會、中華航空企業工會、長榮航空公司企業工會、長榮航空關係企業工會、交通部及民航局進行專業溝通及討論說明如下：
一、就醫問題：將與各醫師公會溝通加強宣導醫療人員不可無故拒絕機組人員就醫。
二、國籍航空公司機組員人員接種第三劑疫苗：將納入未來施打規劃考量惟目前各國施打間隔不一有6個月與9個月需提至專家會議進行討論。
三、機組員防護裝備問題：民航局已編列防疫經費補助航空公司採購個人防護裝備指揮中心建議比照去年防疫經驗再行檢視並請航空公司按民航局指示配合處理。
指揮中心說明為確保機組人員執勤健康及安全將持續與相關部會進行討論強化機組人員防疫措施並加強職業安全衛生管理以共同維護機組員身心健康；同時機組員執勤時應遵守民航局訂定之相關作業規範提高自我警覺落實各項防疫措施、自我健康監測及異常通報機制以維護自身及親友之健康安全。</t>
  </si>
  <si>
    <t>防疫航空機組員中心指揮民航公司會議討論機組人員相關進行人員健康國籍工會加強措施維護施打說明晚間執勤溝通問題召開就醫裝備</t>
  </si>
  <si>
    <t>機組員疫苗第三劑民航局國籍航空</t>
  </si>
  <si>
    <t>民航疫苗國籍機組員航空</t>
  </si>
  <si>
    <t>海外服務肺炎洗手</t>
  </si>
  <si>
    <t>家扶基金會至今已認養全球35個國家兒童近7萬名國外兒童。近日因新冠肺炎疫情肆虐全球宣佈進入緊急狀態。家扶基金會教導當地民眾包括使用酒精消毒、乾洗手或是肥皂洗手、製作布口罩並教導當地社區民眾如何配戴</t>
  </si>
  <si>
    <t>全球教導當地基金會民眾兒童洗手酒精口罩使用肺炎疫情包括肆虐宣佈進入緊急狀態肥皂消毒近日製作國外</t>
  </si>
  <si>
    <t>家扶基金會至今已認養全球35個國家兒童近7萬名國外兒童。近日因新冠肺炎疫情肆虐全球宣佈進入緊急狀態。家扶基金會教導當地民眾包括使用酒精消毒、乾洗手或是肥皂洗手、製作布口罩並教導當地社區民眾如何配戴支援當地兒童與家庭營養、糧食、教育、水資源和緊急救援物資發放等規畫。
依據英國樂施會提供倫敦國王學院和澳洲國立大學進行的研究指出新冠肺炎疫情造成的經濟衰退使全球民眾收入下降20％也將導致全球每天收入低於55美元的人口增加548億人。
家扶基金會扶助的全球7萬名國外兒童中其中三分之一是扶助非洲地區近兩萬名兒童對於原本就生活在貧窮線下的民眾家扶基金會目前扶助金改以轉帳方式處理、或拉長領現日時間一位社工分配一天發放並依時段通知家庭至中心領現減少群聚風險。
如在史瓦帝尼扶家扶基金會已經協助近6000名兒童而上月27日起因為史瓦帝尼國王禁止20人以上集會為避免新冠病毒擴散而停止服務目前家扶所合作的20個社區關閉社區廚房改採物資發放方式讓兒童們可將食材帶回家烹煮；另30個社區持續由社區廚房供餐但改以讓兒童帶便當回家不在社區群聚用餐。
目現在全球受疫情影響家扶基金會在國外服務地區仍有2000名兒童迫切需要援助邀請民眾一同輸送愛心補充孩子的需要。國外兒童認養專線：(04)2206-1234分機157。</t>
  </si>
  <si>
    <t>兒童全球基金會民眾社區國外發放疫情當地家庭方式改以物資史瓦帝目前服務教導</t>
  </si>
  <si>
    <t>兒童家扶家扶基金會全球基金會</t>
  </si>
  <si>
    <t>兒童基金會全球</t>
  </si>
  <si>
    <t>確診台商同行驚恐爭議夫妻孟加拉</t>
  </si>
  <si>
    <t>實在太扯了！自孟加拉返台夫妻前天確診新冠肺炎後昨先爆出兩人搭機根本未穿防護衣後孟加拉台灣商會會長又爆料兩人並非商會成員基於好心協助回台但這對夫妻完全沒說在孟加拉當地有感染新冠肺炎讓整團成員</t>
  </si>
  <si>
    <t>孟加拉夫妻肺炎成員協助回台商會並非完全好心前天根本臺灣防護衣當地感染商會會長</t>
  </si>
  <si>
    <t>實在太扯了！自孟加拉返台夫妻前天確診新冠肺炎後昨先爆出兩人搭機根本未穿防護衣後孟加拉台灣商會會長又爆料兩人並非商會成員基於好心協助回台但這對夫妻完全沒說在孟加拉當地有感染新冠肺炎讓整團成員現在都很緊張他自己也不敢進辦公室工作。
指揮中心15日公佈赴孟加拉工作返台的夫婦曾在當地確診返國後再復陽。其中太太（案445）解釋沒二採陰證明就搭機是因當地病患太多而被迫出院無法再次採檢指揮中心原考量兩人聲稱搭機時全程戴口罩、穿防護衣入境也主動通報傳染給他人的風險大幅降低因此暫不開罰。
但指揮中心卻接獲民眾爆料「兩位確診者似乎沒有像外傳的穿防護衣上飛機」經調閱錄影帶及照片發現確診夫婦有戴口罩但沒有穿防護衣對此指揮中心發言人莊人祥表示若真涉及不實記載可開罰6萬到30萬元。
另根據《TVBS》報導同行的孟加拉台灣商會會長透露兩人並非商會成員好心讓他們搭機回台卻都沒告知曾確診的事情害整團成員現在都很緊張。連他自己也很毛這幾天都沒辦法去上班。
按照台灣目前的規定海外確診國人若要返台需符合兩條件一是從發病到登機間隔2個月且症狀已緩解；一是必須二採陰。針對確診者雖不要求全程穿防護衣但最好能先告知航空公司才好安排座位讓機組人員防範但這兩人沒告知航空公司所幸機組人員都有穿隔離衣。</t>
  </si>
  <si>
    <t>確診孟加拉防護衣指揮中心當地臺灣返台成員告知夫妻夫婦</t>
  </si>
  <si>
    <t>孟國夫婦確診生活新冠肺炎防護衣</t>
  </si>
  <si>
    <t>生活確診肺炎夫婦孟國防護衣</t>
  </si>
  <si>
    <t>足跡nova包含市場確診全聯本土桃園</t>
  </si>
  <si>
    <t>桃園市16日新贈15例為14本土、1境外年齡為不足10歲至90多歲其中有7人是確診者接觸者、8人調查中。公佈足跡包含NOVA桃園店、楊梅市場、全聯楊梅中山店、愛買楊梅分店等等。桃園市新聞處資料顯示確診者接觸者有3</t>
  </si>
  <si>
    <t>桃園楊梅確診接觸本土境外年齡不足nova包含分店足跡公佈新聞資料調查顯示中山</t>
  </si>
  <si>
    <t>桃園市16日新贈15例為14本土、1境外年齡為不足10歲至90多歲其中有7人是確診者接觸者、8人調查中。公佈足跡包含NOVA桃園店、楊梅市場、全聯楊梅中山店、愛買楊梅分店等等。
桃園市新聞處資料顯示確診者接觸者有3人為家庭群聚感染。桃園累積731人確診、610人居家隔離。其中確診者足跡包含6月7日前往東埔公園6月1日前往NOVA資訊廣場桃園店、拿易商行6月13日楊梅市場、弘安藥局、全聯楊梅中山店、6月14日前往愛買楊梅分店。本土確診中桃園區新增10人、中壢3人、蘆竹1人。</t>
  </si>
  <si>
    <t>桃園確診楊梅日前本土足跡包含nova分店市場接觸中山全聯境外年齡不足家庭商行資料</t>
  </si>
  <si>
    <t>楊梅NOVA市場全聯愛買</t>
  </si>
  <si>
    <t>nova市場全聯楊梅</t>
  </si>
  <si>
    <t>保持規定違者新加坡執法鐵腕</t>
  </si>
  <si>
    <t>面對新冠病毒肆虐世界各國紛紛採取減少外出或與人接觸甚至封城等減少社會接觸等措施而一向以鐵腕執法聞名的新加坡面對國內突然惡化的疫情也祭出嚴厲規定要求人與人之間必須保持1公尺以上距離若遭舉報或</t>
  </si>
  <si>
    <t>面對減少接觸保持以上世界肆虐祭出疫情紛紛惡化必須突然國內採取外出新加坡聞名措施鐵腕執法一向之間要求規定距離病毒嚴厲</t>
  </si>
  <si>
    <t>面對新冠病毒肆虐世界各國紛紛採取減少外出或與人接觸甚至封城等減少社會接觸等措施而一向以鐵腕執法聞名的新加坡面對國內突然惡化的疫情也祭出嚴厲規定要求人與人之間必須保持1公尺以上距離若遭舉報或違規將面臨1萬元新加坡幣（新台幣21萬）罰款以及6個月有期徒刑。
根據新加坡《海峽時報》報導新加坡衛生部最新的「傳染病(關於防範新冠病毒傳播)規定2020」指出只要在公共場所中刻意與人之間距離低於1公尺之內將被罰款1萬新加坡幣以及6個月的有期徒刑此一法令已於27日淩晨生效。
該法規定在戶外工作以及在校園內的群聚逼需低於10人以下並在如咖啡廳、餐廳與購物中心等非交通運輸空間的座位中確保人與人之間保持1公尺以上距離。
此外該法也規定所有的運動賽事、展覽、交易會以及如戲院、劇場、遊樂場所、電子遊樂中心等大眾娛樂場所將從27日起暫停營運至30日。
報導指出新加坡確診新冠病毒的人數26日增加52起病例其中28起為境外輸入目前總數達683人。</t>
  </si>
  <si>
    <t>新加坡規定距離中心低於之間報導指出減少病毒有期徒刑面對接觸罰款以上遊樂保持校園戶外工作措施</t>
  </si>
  <si>
    <t>新冠肺炎新型冠狀病毒武漢肺炎COVID-19</t>
  </si>
  <si>
    <t>肺炎武漢病毒covid-冠狀鐵腕執法</t>
  </si>
  <si>
    <t>宗新冠新增肺炎確診個案香港</t>
  </si>
  <si>
    <t>香港新冠肺炎第4波疫情嚴重衞生防護中心傳染病處主任張竹君公佈香港今日(28日)新增84宗確診個案其中包括80宗本地個案其中27宗源頭不明其餘53宗與之前個案有關連當中48宗為「歌舞群組」該群組確診人數</t>
  </si>
  <si>
    <t>個案確診香港關連疫情嚴重衛生防護中心傳染病主任公佈竹君今日當中之前肺炎包括新增歌舞不明源頭人數</t>
  </si>
  <si>
    <t>香港新冠肺炎第4波疫情嚴重衞生防護中心傳染病處主任張竹君公佈香港今日(28日)新增84宗確診個案其中包括80宗本地個案其中27宗源頭不明其餘53宗與之前個案有關連當中48宗為「歌舞群組」該群組確診人數已增至415宗；另有3宗輸入病例。香港累計個案6124宗。另外今日新增的初步確診個案則約有80宗。
據公佈歌舞群組的確診者涉及嘉諾撒書院1名教師該校須停課14日全校師生須做病毒測試。該患者的1名家人於德貞女子中學任教該教師昨日(27日)最後上班該校須再停課1至2日等待其檢測結果證無確診方能復課。
27宗源頭不明個案方面包括屯門卍慈小學1名清潔工該校須停課2周、全校師生亦要接受病毒檢測。另外歷山大廈「8½ Otto e Mezzo BOMBANA」餐廳1名廚師確診另有1名職員列初步個案該餐廳需要停業。
香港醫管局公佈截至今日上午9時過去24小時共有15名確診病人出院至今共有5328名病人康復出院。現時共有567名確診病人分別於20間公立醫院留醫其中7人情況危殆4人情況嚴重其餘556人情況穩定。目前香港公立醫院已啟用619間負壓病房合共1137張負壓病床。</t>
  </si>
  <si>
    <t>確診個案公佈停課香港今日教師病人共有餐廳歌舞師生全校初步情況包括不明源頭疫情嚴重新增</t>
  </si>
  <si>
    <t>個案香港情況停課群組</t>
  </si>
  <si>
    <t>個案停課情況香港</t>
  </si>
  <si>
    <t>持續拉高新增確診苗栗</t>
  </si>
  <si>
    <t>中央流行疫情指揮中心6日通報苗栗縣新增確診病例有75例其中外籍移工64例、本國11例。其中京元電員工有65例包括菲籍移工55例本國10例另外苗栗第3家出現群聚感染的電子廠是智邦科技共有10例確診其中外</t>
  </si>
  <si>
    <t>確診中心通報苗栗縣新增指揮科技電子感染智邦病例包括共有疫情出現苗栗第流行員工京元電外籍</t>
  </si>
  <si>
    <t>中央流行疫情指揮中心6日通報苗栗縣新增確診病例有75例其中外籍移工64例、本國11例。其中京元電員工有65例包括菲籍移工55例本國10例另外苗栗第3家出現群聚感染的電子廠是智邦科技共有10例確診其中外籍移工9例、本國1例)目前確診個案已收治隔離中。
苗栗縣政府表示智邦科技竹南廠是在6月4日有1名員工確診後隨即啟動全廠快篩預計篩檢1500人目前篩檢202人陽性10人經PCR檢測10人陽性確診包括外籍移工9例、本國1例相關疫調持續調查中。</t>
  </si>
  <si>
    <t>確診智邦包括科技員工目前外籍陽性中心通報苗栗縣指揮啟動隔離隨即收治苗栗縣政府新增</t>
  </si>
  <si>
    <t>新冠肺炎台灣外籍移工苗栗確診</t>
  </si>
  <si>
    <t>外籍臺灣肺炎苗栗確診</t>
  </si>
  <si>
    <t>台南黃偉哲時中洗版民眾解封六都禁內</t>
  </si>
  <si>
    <t>本土疫情趨緩中央宣佈各縣市防疫措施能夠適度鬆綁開放戶外活動空間室內展場、電影院、健身房等場域。不過考量疫情仍存有風險六都之中僅台南市跟進餐飲業微解封措施開放夜市、餐廳可內用。對此也引起許多民</t>
  </si>
  <si>
    <t>措施開放疫情餐廳中央夜市各縣市宣佈防疫六都之中台南風險對此考量健身房跟進電影院解封展場室內</t>
  </si>
  <si>
    <t>本土疫情趨緩中央宣佈各縣市防疫措施能夠適度鬆綁開放戶外活動空間室內展場、電影院、健身房等場域。不過考量疫情仍存有風險六都之中僅台南市跟進餐飲業微解封措施開放夜市、餐廳可內用。對此也引起許多民眾不滿紛紛到黃偉哲臉書上留言洗版「拜託不要開放內用。」
今（9日）新增32例本土確診但台南市確診已連續12天+0確診數也是六都最低。台南市長黃偉哲表示台南很多小吃攤在疫情期間生計都受到影響現在適度鬆綁能夠讓他們喘一口氣。但他也指出微解封必須非常小心謹慎業者若無法做到自律徹底做好梅花座、隔板「開放就是錯誤的」。
雖然7月13日起各縣市能夠微解封但目前六都首長多表態維持嚴格管制餐飲僅限外帶只有台南市順時中開放餐廳、夜市內用。對此也引起許多市民不滿擔心台南微解封恐吸引外縣市遊客跨區觀光形成防疫破口紛紛湧入黃偉哲臉書留言盼市府不要開放餐廳內用。
網友指出「很多縣市都不開放餐廳內用難道台南人身體比較健康不怕病毒我們被關怕了可以請市長再仔細考慮一下再做決定嗎？」、「拜託不要開放內用別為了發展觀光而拿台南人的健康做賭注」、「有沒有考慮到微解封後那些跨區來玩的觀光客」、「請別開放餐廳內用阻絕外來人潮來台南」、「雙北桃園還是有不明的疫情拜託市長微解封能等等嗎」、「市長我們沒有神功護體病毒不分地區我們很害怕我們還沒準備好請不要讓我們台南人擔心甚至爆發疫情被唾棄」。</t>
  </si>
  <si>
    <t>開放台南解封疫情餐廳市長六都台南人能夠黃偉哲病毒不要防疫擔心觀光</t>
  </si>
  <si>
    <t>餐廳微解封外帶內用台南市</t>
  </si>
  <si>
    <t>外帶解封台南餐廳</t>
  </si>
  <si>
    <t>隊長確診緊急大小隔離北市</t>
  </si>
  <si>
    <t>北市刑大林姓小隊長20日傳出快篩陽性大隊部當晚即進行全面消毒小隊長工作的該棟樓層約20多名同仁21日全部請假停止上班其他單位也進行分流及異地辦公據瞭解該名小隊長經核酸檢測後下午已確認確診被送</t>
  </si>
  <si>
    <t>小隊長進行下午檢測核酸瞭解傳出辦公陽性異地隊部當晚請假分流單位上班停止同仁樓層全面消毒</t>
  </si>
  <si>
    <t>北市刑大林姓小隊長20日傳出快篩陽性大隊部當晚即進行全面消毒小隊長工作的該棟樓層約20多名同仁21日全部請假停止上班其他單位也進行分流及異地辦公據瞭解該名小隊長經核酸檢測後下午已確認確診被送往隔離治療。
家住萬華的林姓小隊長14日發生輕微感冒症狀但就醫時醫生認為是一般感冒林吃藥後狀況也有緩解因此本周正常上下班。
19日晚林出現發燒、胸悶狀況覺得不對勁20日前往快篩結果顯示為陽性隨即向上通報大隊部晚間立刻通知清潔公司前往消毒與林同樓層的其他官警依規定自主健康管理21日全部請假停止上班避免再與他人接觸。
北市刑大另啟動異地、分流、居家上班機制以確保同仁健康安全此外北市刑大除為重大急迫性案件已停止各專案執行經查林姓小隊長近日並無偵辦刑案也沒有執行拘提、逮捕等任務現已就林近日的足跡及接觸對象做後續清查防制。</t>
  </si>
  <si>
    <t>小隊長停止上班近日接觸狀況北市執行健康消毒進行隊部樓層感冒異地同仁分流陽性請假就醫足跡</t>
  </si>
  <si>
    <t>北市刑大小隊長林姓小隊長新冠肺炎台灣</t>
  </si>
  <si>
    <t>小隊長林姓肺炎北市臺灣</t>
  </si>
  <si>
    <t>病理解剖張上淳死亡確診大原</t>
  </si>
  <si>
    <t>國內新冠死亡人數破五百例至今還未對任何一例死亡個案執行病理解剖釐清死亡原因指揮中心專家諮詢小組召集人張上淳今天坦言過去SARS時國內透過解剖的方式來更進一步瞭解疾病死因這次因病患發病太快且散播</t>
  </si>
  <si>
    <t>死亡國內死因疾病瞭解更進一步方式發病人數解剖透過原因指揮張上淳今天小組召集人sars中心過去坦言專家</t>
  </si>
  <si>
    <t>國內新冠死亡人數破五百例至今還未對任何一例死亡個案執行病理解剖釐清死亡原因指揮中心專家諮詢小組召集人張上淳今天坦言過去SARS時國內透過解剖的方式來更進一步瞭解疾病死因這次因病患發病太快且散播地點太廣導致無法提前取得家屬同意進行解剖瞭解病情只能透過過去的就醫紀錄來推想。
張上淳指出當年SARS發生時的第一例個案是住在自己服務的醫院他在病人的同意下進行活體切片從切片組織中找到病原體由於當時已經傳廣東還有香港都有類似病人因此從該切片中得到相當多的治療資訊。
張上淳表示這次雖然已經知道許多病患的主要死因是新冠肺炎造成但死亡後除感染外是否還有其他問題最好還是要有死後的病理切片或病理解剖透過肉眼直觀方式來瞭解病理變化這對直接死因的判斷很有幫助。
張上淳說這樣做要在病人家屬的同意下才能進行初期病患死得很突然因為在不同醫院、不同地方所以沒辦法事先取得家屬同意來進行解剖特別是很多都已經火化了所以現在能看到的都是不完整的資料很難判斷確切死因但我們有去蒐集死者過去的就醫紀錄可透過某種程度猜想真正死亡原因。</t>
  </si>
  <si>
    <t>張上淳死亡死因透過同意病人進行過去瞭解家屬解剖切片已經病理解剖醫院個案sars</t>
  </si>
  <si>
    <t>確診死亡張上淳病理解剖SARS</t>
  </si>
  <si>
    <t>張上淳病理解剖sars死亡確診</t>
  </si>
  <si>
    <t>返家有限明起違反者檢疫居家</t>
  </si>
  <si>
    <t>有關防疫交通車中央流行指揮中心今天表示從明天起居家檢疫通知書會明確說明檢疫者優先由親友接送或自行駕車其他只限防疫車隊方式如果違反搭乘大眾運輸開罰10萬至100萬元罰額。交通部次長祁文中表示</t>
  </si>
  <si>
    <t>防疫表示檢疫流行搭乘違反中心指揮方式今天車隊居家明天駕車自行優先親友接送運輸中央大眾通知書明確說明</t>
  </si>
  <si>
    <t>有關防疫交通車中央流行指揮中心今天表示從明天起居家檢疫通知書會明確說明檢疫者優先由親友接送或自行駕車其他只限防疫車隊方式如果違反搭乘大眾運輸開罰10萬至100萬元罰額。
交通部次長祁文中表示居家檢疫者從機場返家的交通方案已從3月4日開始實施由防疫車隊提供服務。從明天起居家簡易通知書會明確說明檢疫者優先由親友接送或自行駕車其他只限搭乘防疫車隊或自行安排小客車希望要求及戶如違反者有搭乘大眾運輸情形會罰10萬元以上、100萬元以下罰額。
祁文中說如果居家檢疫書上所陳述的返鄉方式跟實際內容不符將罰1萬元以上、15萬元以下罰鍰。返鄉方式若臨時變更可去防疫車隊做變更登記返鄉過程中若有用餐需要各國際機場大廳都有輕食或簡餐檢疫車隊服務處也有希望檢疫者能搭乘直接回家做居家檢疫。
指揮中心指揮官陳時中表示居家檢疫回家的路交通部設計一套回家的方法自11起沒根據規定走會開罰。</t>
  </si>
  <si>
    <t>檢疫居家車隊防疫搭乘返鄉表示回家指揮希望中心明天交通部以上以下大眾運輸變更駕車都有大廳國際機場</t>
  </si>
  <si>
    <t>新冠肺炎居家檢疫防疫車隊</t>
  </si>
  <si>
    <t>居家肺炎檢疫防疫車隊</t>
  </si>
  <si>
    <t>少年母親返台血友病</t>
  </si>
  <si>
    <t>滯留湖北的血友病少年母子今（24）日晚間搭乘長榮航空從成都返台晚間10：46抵達桃園機場。滯留在湖北荊門的血友少年和其母親24日晚間搭乘長榮航空BR-766的航班19時15分自成都雙流機場起飛機上43名乘客有11人</t>
  </si>
  <si>
    <t>晚間航空湖北搭乘少年滯留起飛成都雙流機場航班機上br-返台桃園抵達機場成都荊門母子血友母親乘客血友病</t>
  </si>
  <si>
    <t>滯留湖北的血友病少年母子今（24）日晚間搭乘長榮航空從成都返台晚間10：46抵達桃園機場。
滯留在湖北荊門的血友少年和其母親24日晚間搭乘長榮航空BR-766的航班19時15分自成都雙流機場起飛機上43名乘客有11人轉機、30人在停機坪坐遊覽車入境血友病少年與母親下機後執行專案檢疫程式母子2人則直接從停機坪上搭乘救護車離開前往醫院。</t>
  </si>
  <si>
    <t>搭乘少年母子晚間母親停機坪血友病航空湖北滯留機上成都雙流機場起飛航班br-直接程式檢疫專案返台遊覽車桃園抵達</t>
  </si>
  <si>
    <t>光明點燈世界祈福中和</t>
  </si>
  <si>
    <t>新北市中和區公所31日將於中和華新街舉辦「2020光明點燈節」活動26日舉辦宣傳記者會由於新冠肺炎疫情蔓延現場特別用小燭光排出「No COVID-19」的字樣。中和區長賴俊達也強調要在中和點燈為世界祈福歡迎</t>
  </si>
  <si>
    <t>點燈中和舉辦區長字樣于中和covid-no燭光特別華新街現場蔓延疫情肺炎光明宣傳記者會區公所強調賴俊達</t>
  </si>
  <si>
    <t>新北市中和區公所31日將於中和華新街舉辦「2020光明點燈節」活動26日舉辦宣傳記者會由於新冠肺炎疫情蔓延現場特別用小燭光排出「No COVID-19」的字樣。中和區長賴俊達也強調要在中和點燈為世界祈福歡迎民眾一起共襄盛舉。
賴俊達表示新北市擁有來自全球120多個國家的新住民及移工五顏六色、多元繽紛的文化在這塊土地上綻放。緬甸移民回台定居的華僑在全台共有10萬餘人口新北市就有8萬餘其中超過半數在中和區生根大部分聚居在南勢角一帶是全國緬僑居住最多的地區。
他強調緬僑們早已融入新北市的大家族中並且在中和華新街形成異國美食聚集地及商圈藉由傳統點燈禮佛祈福活動讓全國民眾認識東南亞文化增進民眾與新住民間瞭解與尊重。
中和區公所表示2020緬甸光明點燈節好康多多31日在中和華新街熱鬧登場將會進行交通管制活動下午4時將發送摸彩券3000張最大獎Switch遊戲機、氣炸鍋等並加碼前500名排隊者還能參加緬甸文化體驗闖關可獲得道地美食緬甸芝麻酥、可樂1罐及LED小燭燈。
另外華夏科大也設計抓寶及好玩的遊戲與民眾互動現場還有免費彩繪及東南亞書車、文物展示等以及多達300人的民族服裝踩街秀歡迎民眾攜帶燈光、燭火一同來2020中和緬甸光明點燈節保平安、祈好運。</t>
  </si>
  <si>
    <t>中和緬甸民眾新北活動點燈華新街光明現場美食全國文化歡迎表示強調賴俊達區公所祈福燈節舉辦</t>
  </si>
  <si>
    <t>點燈節光明緬甸祈福活動</t>
  </si>
  <si>
    <t>光明祈福緬甸點燈活動</t>
  </si>
  <si>
    <t>出爐az中和結果抗體試驗高端效價混打</t>
  </si>
  <si>
    <t>AZ+高端混打結果出爐！長庚醫院今公佈100人臨床試驗結果發現混打AZ+高端的中和抗體效價在接種後10天、28天都是2劑AZ組的2倍以上而B細胞、T細胞反應也顯著上升。值得關注的是長庚醫院將試驗對象以不同間隔區分</t>
  </si>
  <si>
    <t>az試驗長庚醫院結果混打高端細胞顯著值得上升關注天都效價接種抗體中和臨床出爐發現對象反應以上</t>
  </si>
  <si>
    <t>混打az接種抗體疫苗發現間隔試驗高端反應長庚醫院顯著細胞研究陳志榮效果表示建議效價</t>
  </si>
  <si>
    <t>高端AZ混打接種2劑</t>
  </si>
  <si>
    <t>接種高端az混打</t>
  </si>
  <si>
    <t>舉行股東常會證交所延至</t>
  </si>
  <si>
    <t>為因應新冠肺炎防疫需要證交所今（15）日召開董事會通過110年股東常會由原訂6月17日延期至8月20日（週五）下午2時假臺北國際會議中心4樓貴賓廳（臺北市信義路5段1號）召開。證交所去（109）年稅後盈餘5796億</t>
  </si>
  <si>
    <t>證交所召開防疫需要信義路臺北國際會議中心臺北市貴賓廳肺炎延期股東週五下午董事會常會由因應</t>
  </si>
  <si>
    <t>為因應新冠肺炎防疫需要證交所今（15）日召開董事會通過110年股東常會由原訂6月17日延期至8月20日（週五）下午2時假臺北國際會議中心4樓貴賓廳（臺北市信義路5段1號）召開。
證交所去（109）年稅後盈餘5796億元每股稅後盈餘（EPS）772元雙雙寫下歷史新高擬將配發46元股利至少創下近10年來新高；其中包括34元現金股利、12元股票股利。股東會延到8月20日舉行證交所今年配股配息時程也將因而往後延。</t>
  </si>
  <si>
    <t>證交所召開股利新高時程防疫需要配股今年臺北國際會議中心舉行貴賓廳創下臺北市寫下eps信義路配發</t>
  </si>
  <si>
    <t>證交所股東常會延到新冠肺炎日召開董事會</t>
  </si>
  <si>
    <t>延到肺炎常會召開股東證交所董事會</t>
  </si>
  <si>
    <t>川普病毒測量美國很快社會國際</t>
  </si>
  <si>
    <t>美國總統川普表示美國很快就有能力每日進行500萬個新冠狀病毒檢測儘管檢測不足仍是美國許多州對重啟商業感到不安的最大障礙。在被問到對美國每日檢測量達到500萬個是否有信心時川普表示檢測量很快就會大幅提</t>
  </si>
  <si>
    <t>美國檢測很快表示川普感到不安商業病毒檢測不足進行障礙有能力問到達到信心</t>
  </si>
  <si>
    <t>美國總統川普表示美國很快就有能力每日進行500萬個新冠狀病毒檢測儘管檢測不足仍是美國許多州對重啟商業感到不安的最大障礙。
在被問到對美國每日檢測量達到500萬個是否有信心時川普表示檢測量很快就會大幅提高。部分衛生專家認為每日檢測量達到500萬個是重啟美國經濟的先決條件。
事實上目前美國每日檢測量距離500萬個仍然天差地遠根據「冠狀病毒疾病追蹤專案」（The COVID Tracking Project）美國單日檢測量最高的一天是4月22日的31萬4182個。
自新冠肺炎大流行開始美國的總檢測量僅達到570萬個遠遠落後其應要達到的檢測能力。以4月份每日平均檢測量約15萬7000個來看美國需要將近6年時間才能讓每一個人都獲得檢驗且只有一次。
根據約翰·霍普金斯大學（Johns Hopkins University）所做的統計目前美國新冠狀病毒確診病例達到101萬1877人占全球總確診數的三分之一因此死亡的人數超過5萬8000人。目前全球感染人數已經超過311萬3447人至少21萬6930人因此病故。</t>
  </si>
  <si>
    <t>美國檢測達到目前病毒確診很快全球超過人數川普表示檢驗約翰·霍普金斯大學獲得johns</t>
  </si>
  <si>
    <t>美國川普新冠肺炎檢測量</t>
  </si>
  <si>
    <t>肺炎川普檢測美國</t>
  </si>
  <si>
    <t>可行高端混打試驗莫德納再說</t>
  </si>
  <si>
    <t>莫德納混打高端疫苗臨床試驗將啟動。臺北市青工總會長滿志剛表示高端未做三期臨床試驗且招募混打的受試對象也不過百人再加上品管及生產都不穩定痛批政府如此護航高端只會讓民眾更加反感「高端還是老實做</t>
  </si>
  <si>
    <t>高端臨床試驗管及生產加上更加護航穩定政府對象打的總會長滿啟動青工志剛</t>
  </si>
  <si>
    <t>高端志剛疫苗試驗莫德納混打bnt資料臨床穩定政府保護應該疫情絕對研究目前招募反感</t>
  </si>
  <si>
    <t>高端混打莫德納BNT新冠肺炎</t>
  </si>
  <si>
    <t>bnt莫德納混打高端肺炎</t>
  </si>
  <si>
    <t>關鍵症狀人才需要</t>
  </si>
  <si>
    <t>新冠肺炎與感冒症狀極為相似不少人擔憂自己可能染疫。前高雄長庚醫院兒童內科主治醫師徐嘉賢指出兩者症狀的確容易混淆但確診新冠肺炎的患者主要症狀包含發燒、乾咳、倦怠以及呼吸急促因此建議4種人才須要</t>
  </si>
  <si>
    <t>症狀肺炎呼吸倦怠乾咳發燒包含急促主要症狀患者高雄長庚醫院兒童可能內科擔憂主治醫師徐嘉賢相似指出極為容易確診混淆</t>
  </si>
  <si>
    <t>新冠肺炎與感冒症狀極為相似不少人擔憂自己可能染疫。前高雄長庚醫院兒童內科主治醫師徐嘉賢指出兩者症狀的確容易混淆但確診新冠肺炎的患者主要症狀包含發燒、乾咳、倦怠以及呼吸急促因此建議4種人才須要採檢包括有收到細胞簡訊、相關接觸史、到過高風險地區及上呼吸道出現症狀沒事千萬別去篩檢站。
徐嘉賢醫師日前在臉書粉專《黑眼圈奶爸Dr 徐嘉賢醫師》表示過敏、感冒症狀與新冠肺炎相似因此門診多了許多求診的民眾狂問「流鼻水、鼻塞是感冒還是過敏會不會是新冠肺炎？」一般來說感冒的症狀會隨著時間變化一開始可能只有打噴嚏隔天就會開始流鼻水、喉嚨痛等也可能會發燒。
徐嘉賢說過敏發作起來會流鼻水、鼻塞或過敏咳有的甚至會氣喘的確很容易跟感冒甚至是新冠肺炎混淆但過敏的症狀通常時間比較固定症狀也不太會改變也沒有發燒、味覺改變的病症但是鼻子長期過敏及鼻竇炎影響下也會有嗅覺喪失或嗅覺異常的狀況。另外過敏的氣喘咳並不是只有喘而已有些咳嗽還會帶有痰音且過敏並不會發燒。
徐嘉賢進一步表示新冠肺炎的症狀多變且現在又有許多無症狀感染者味覺及嗅覺異常也不是獨有的症狀其他普通感冒也會發生。其主要症狀為發燒、乾咳、倦怠以及呼吸急促有68%至888%會有嗅覺、味覺失常與其他疾病相較之下比例特別高通常發覺異常是在初期還沒進入肺部之前的徵兆。
目前唯一能夠確定的方法就是做篩檢但徐嘉賢認為有收細胞簡訊、相關接觸史、到過高風險地區及上呼吸道出現症狀者才有採檢的必要否則沒是千萬別抱著「想去篩檢看看」的想法因為篩檢站、急診室及大型醫療院所風險更高千萬不要增加醫護人員不必要的工作。最後徐嘉賢也呼籲疫情期間都要好好控制過敏至少把一個幹擾因素控制免得自己擔心、懷疑。
★《中時新聞網》提醒您：因應新冠肺炎疫情疾管署持續加強疫情監測與邊境管制措施 如有疑似症狀請撥打：1922專線或 0800-001922 並依指示配戴口罩儘速就醫同時主動告知醫師旅遊史及接觸史以利及時診斷及通報。</t>
  </si>
  <si>
    <t>症狀過敏徐嘉賢肺炎感冒發燒醫師可能疫情異常味覺接觸嗅覺</t>
  </si>
  <si>
    <t>新冠肺炎台灣感冒過敏徐嘉賢</t>
  </si>
  <si>
    <t>臺灣感冒肺炎過敏徐嘉賢</t>
  </si>
  <si>
    <t>出國解禁關鍵</t>
  </si>
  <si>
    <t>新冠肺炎疫情幾乎全世界的觀光產業都受到衝擊幾個月之內國人也都難以出國旅遊有網友對此好奇詢問台灣有很多日本旅遊中毒者想知道若是還未有疫苗問世的情況下大家會什麼時候就前往日本旅遊？底下網友紛紛點</t>
  </si>
  <si>
    <t>旅遊日本網友幾乎全世界觀光產業受到疫情問世情況疫苗未有難以時候出國前往知道中毒者臺灣衝擊</t>
  </si>
  <si>
    <t>新冠肺炎疫情幾乎全世界的觀光產業都受到衝擊幾個月之內國人也都難以出國旅遊有網友對此好奇詢問台灣有很多日本旅遊中毒者想知道若是還未有疫苗問世的情況下大家會什麼時候就前往日本旅遊？底下網友紛紛點出一個關鍵因素。
這名網友在PTT上指出「突如其來的全球性疫情打亂了很多人的出遊計畫很多旅日中毒者無處可去目前台灣疫情趨緩想問問大家如果接下來還是沒疫苗可以使用當台日雙方都解除封鎖過多久後大家敢再去日本？」
這篇文章立刻引來不少人的討論網友的留言十分踴躍其中大部分的人都認為至少需要等到入境後都不需隔離後才會考慮且不少人也擔心去了之後公司對他的觀感不佳「不要檢疫14天這才是影響多數人決定的關鍵」、「不用隔離再來考慮吧」更有網友提到韓國的例子「韓國之前本土0結果剛放縱一下馬上15例」。</t>
  </si>
  <si>
    <t>網友疫情日本旅遊疫苗臺灣中毒者考慮隔離結果韓國本土幾乎之前全世界觀光產業放縱</t>
  </si>
  <si>
    <t>新冠肺炎疫情解禁出國旅遊</t>
  </si>
  <si>
    <t>疫情解禁肺炎出國旅遊</t>
  </si>
  <si>
    <t>日前探視確診出院新增阿嬤家庭新竹</t>
  </si>
  <si>
    <t>新竹市27日新增1例確診病例案14682是30幾歲男性是本月12日桃園確診的案12665的兒子當時案14682是帶著妻子、孩子1家4口到桃園探視手術後的祖母祖母確診後家住新竹市的兒子1家4口都被匡列隔離其中媳婦與6</t>
  </si>
  <si>
    <t>確診桃園兒子新竹孩子妻子探視手術祖母新增病例男性當時匡列本月隔離媳婦</t>
  </si>
  <si>
    <t>新竹市27日新增1例確診病例案14682是30幾歲男性是本月12日桃園確診的案12665的兒子當時案14682是帶著妻子、孩子1家4口到桃園探視手術後的祖母祖母確診後家住新竹市的兒子1家4口都被匡列隔離其中媳婦與6歲孫子在19日也已確診入院治療兒子則在今天確診。
市長林智堅表示今天確診的男性是因日前帶著太太、孩子1家4口到桃園探視剛出院的阿嬤但阿嬤在本月12日確診兒子1家4口立即被隔離而媳婦與其中1孫子在19日也確診當時爸爸與另1位孩子也接受PCR採檢不過是陰性這兩天爸爸因出現症狀再次採檢才確診另1位尚未確診的孩子也已先安置到醫院隔離追蹤。
林智堅說家人手術後前往探視是人之常情但在防疫期間若實在有必要探病應該減少探病人數減少移動更不可以聚餐像是這個家庭一同去探視阿嬤結果有1人確診後再造成家庭群聚。
新竹市截至目前有35例確診病例其中因家族群聚占676％其中有1案是共計有7位家人群聚另1案有5位家人群聚顯示家族間的相互感染是很嚴重的民眾不可不慎。
★《中時新聞網》提醒您：因應新冠肺炎疫情疾管署持續加強疫情監測與邊境管制措施 如有疑似症狀請撥打：1922專線或 0800-001922 並依指示配戴口罩儘速就醫同時主動告知醫師旅遊史及接觸史以利及時診斷及通報</t>
  </si>
  <si>
    <t>確診探視兒子孩子症狀桃園隔離新竹疫情家庭林智堅爸爸阿嬤接觸手術史及病例</t>
  </si>
  <si>
    <t>新冠肺炎台灣確診探視新竹市</t>
  </si>
  <si>
    <t>確診臺灣肺炎探視新竹</t>
  </si>
  <si>
    <t>增加總統疫情明顯確診確實本土</t>
  </si>
  <si>
    <t>蔡英文總統今在臉書表示今天本土確診案例的數量明顯增加說明瞭疫情確實難纏她也提出三個拜託。總統指出「不要氣餒更不可以鬆懈有三件事情我要拜託大家一起繼續努力第一拜託大家繼續堅持防疫指引」</t>
  </si>
  <si>
    <t>總統繼續今天表示本土確診案例數量明顯增加說明疫情確實可以事情鬆懈氣餒提出不要指出</t>
  </si>
  <si>
    <t>蔡英文總統今在臉書表示今天本土確診案例的數量明顯增加說明瞭疫情確實難纏她也提出三個拜託。總統指出「不要氣餒更不可以鬆懈有三件事情我要拜託大家一起繼續努力第一拜託大家繼續堅持防疫指引」。
她說疫情還沒有穩定前都不能大意。少出門、不群聚做好自主健康管理落實各項防疫措施就是保護彼此最好的方式。
第二拜託大家去傳統市場和賣場注意防疫。最近有許多確診案例都有傳統市場或賣場的足跡說明瞭這兩類場所是現階段必須強化防疫的重點。請大家幫忙提醒家人和朋友去傳統市場或賣場採買時一定要配合實聯制措施並小心保持社交距離。
她強調尤其大部分的地方政府已經公佈了傳統市場「分流採買」的措施也要拜託大家體諒和遵守。
第三拜託大家一起支持第一線防疫人員醫護、警消、防疫人員都在疫情的最前線奮戰都為大家承受著許多的風險請大家一起給他們支持和鼓勵。
她說也必須強調任何的暴力攻擊和言語羞辱都無助於克服疫情。政府絕不允許醫療暴力該依法究辦的絕不寬貸。對於因公染疫或受傷的醫護、警消、防疫人員政府也一定會提供最妥善的照顧。
最後強調疫情之下人與人之間不該彼此對立病毒才是我們的敵人！只有團結一致才能更快控制住疫情早一天讓生活恢復正常。</t>
  </si>
  <si>
    <t>疫情防疫傳統措施政府市場強調一起暴力說明必須確診一定案例人員支持總統</t>
  </si>
  <si>
    <t>新冠肺炎台灣疫情傳統市場蔡英文</t>
  </si>
  <si>
    <t>臺灣疫情傳統肺炎市場蔡英文</t>
  </si>
  <si>
    <t>發現肺炎病毒秘密致命未公開</t>
  </si>
  <si>
    <t>一項驚人的新調查報導顯示中國大陸科學家2013年在廢棄的礦坑內發現類新冠肺炎病毒株RaTG13但始終未將這祕密公開。綜合《周日泰晤士報》（The Sunday Times）《澳洲人報》（The Australian）與《太陽報》（The</t>
  </si>
  <si>
    <t>the泰晤士報周日綜合顯示公開大陸秘密中國科學家澳洲人廢棄始終礦坑ratg病毒發現肺炎timessunday報導調查australian太陽</t>
  </si>
  <si>
    <t>一項驚人的新調查報導顯示中國大陸科學家2013年在廢棄的礦坑內發現類新冠肺炎病毒株RaTG13但始終未將這祕密公開。
綜合《周日泰晤士報》（The Sunday Times）《澳洲人報》（The Australian）與《太陽報》（The Sun）等媒體報導這礦坑內有大批蝙蝠與老鼠出沒地上滿是排泄物而科學家發現這病毒株後便將它存放在武漢病毒研究所（Wuhan Institute of VirologyWIV）內。
而這7年前在大陸西南部銅礦坑內發現的病毒株據說是迄今追蹤新冠肺炎大流行起源的最強線索。報導指出有6名礦工2012年在這銅礦坑內作業後開始發攝氏39˚的高燒、咳嗽並出現肺炎症狀。除了1個人外其他5人都有嚴重呼吸困難的現象。
在兩名病患還來不及接受檢測便死亡後昆明醫學院第一附屬醫院為剩下4名病患進行了登革熱日本腦炎甚至SARS等一長串檢測但始終對這神祕疾病束手無策。於是他們要求武漢病毒研究所幫忙結果有了驚人的發現。其中有4人接受檢測後發現身上有不知名的類「嚴重急性呼吸道症候群」（SARS）冠狀病毒抗體。後來其中兩人病癒返家身上的抗體比另外兩名仍在醫院的病患多。至於在院中的兩名病患最後又有1人喪生。
而以研究蝙蝠聞名因此有「蝙蝠女」（bat woman）綽號的武漢病毒研究所研究員石正麗2月與研究團隊共同執筆發表了當時最全面的新冠病毒學術論文。
這篇發表於國際期刊《自然》（Nature）上的論文除了提供新冠病毒的完整基因描述外還透露武漢病毒研究所內有名為RaTG13的蝙蝠病毒樣本並說它和新冠肺炎病毒COVID-19有962％相吻合。不過一名石正麗的老同事說RaTG13的樣本是2013年在礦坑內發現但並未公諸於世。
當初這些大陸蝙蝠病毒專家會深入礦坑是為了想要確認SARS病毒的來源而採集到這新型病毒株是重大的發現。然而令人訝異的是論文中卻匆匆帶過至於那6名生病的礦工更是隻字未提。
報導指出令人納悶的是介於發現病毒以及新冠肺炎疫情大爆發之間的那些年裡究竟發生了什麼事？為何這種新病毒株藏在隱諱的紀錄中？而它和3名死者的關係為何絕口不提？</t>
  </si>
  <si>
    <t>病毒發現肺炎報導蝙蝠礦坑武漢研究所sars大陸檢測ratgthe始終論文石正麗身上發表</t>
  </si>
  <si>
    <t>新冠肺炎武漢肺炎RaTG13武漢病毒</t>
  </si>
  <si>
    <t>武漢肺炎ratg病毒</t>
  </si>
  <si>
    <t>確診一家醫院殘酷女主播現況華視</t>
  </si>
  <si>
    <t>華視女主播林彥汝今(29日)晚間在臉書拍片證實包括她、老公與小孩一家三口全部確診新冠肺炎坦言今日是她確診第6天同時揭露目前醫療能量嚴重不足的殘酷現況不僅1922、1999電話都滿線檢疫所跟醫院更是爆滿</t>
  </si>
  <si>
    <t>確診都滿線電話晚間現況殘酷嚴重不足能量證實醫療包括檢疫所目前老公揭露小孩一家今日醫院坦言</t>
  </si>
  <si>
    <t>華視女主播林彥汝今(29日)晚間在臉書拍片證實包括她、老公與小孩一家三口全部確診新冠肺炎坦言今日是她確診第6天同時揭露目前醫療能量嚴重不足的殘酷現況不僅1922、1999電話都滿線檢疫所跟醫院更是爆滿所以他們即使已確診仍須在家等待。
林彥汝今日拍片證實確診新冠肺炎目前正在家裡隔離中「大家應該可以聽得出來我的聲音非常沙啞因為彥汝在前幾天被通知確診新冠肺炎。除了我之外我的先生還有我的小孩也都是確診了新冠肺炎。」
林彥汝透露她是在本月24號發高燒到391度並出現喉嚨痛、咳嗽有痰等症狀老公則是發燒到395度。但最令她感到痛苦的是喉嚨痛到讓她非常不舒服且手臂上還出現了紅疹。不過她慶幸6歲兒子雖然也是確診陽性但至少沒什麼症狀還可以活潑亂跳在那邊玩。
林彥汝坦言在得知確診後心情非常緊張第一時間立刻打電話去衛生局也打電話給1922跟1999但線路都是滿線狀態可以感受到對方非常忙碌而問到的結果就是先在家裡等因為目前檢疫所跟醫院都是爆滿情形所以他們需要排隊。不過她也提到若是真的很不舒服可以馬上打119請救護車送醫。
最後林彥汝也感謝各界關心有朋友傳簡訊關心也有人想送物資給她讓她相當感動認為自己在抗疫這條路上並不孤單更相信全家人一定能克服新冠肺炎戰勝病毒。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確診肺炎可以非常症狀出現目前務必老公舒服防疫</t>
  </si>
  <si>
    <t>林彥汝華視女主播一家三口確診新冠肺炎台灣</t>
  </si>
  <si>
    <t>確診一家女主播華視肺炎臺灣林彥汝</t>
  </si>
  <si>
    <t>比基尼護士身分透明氣象俄羅斯</t>
  </si>
  <si>
    <t>新冠肺炎期間在醫院內穿著兩節式性感比基尼裝罩上一襲透明防護衣讓春光一覽無遺而一夕全球爆紅的俄羅斯辣護士幸運躲過疫情後人生有了新轉機該名女護士日前意外被服裝品牌相中成為代言人；而日前更傳出新消息</t>
  </si>
  <si>
    <t>護士日前醫院兩節性感比基尼透明代言人防護衣春光一覽無遺全球意外俄羅斯轉機幸運</t>
  </si>
  <si>
    <t>新冠肺炎期間在醫院內穿著兩節式性感比基尼裝罩上一襲透明防護衣讓春光一覽無遺而一夕全球爆紅的俄羅斯辣護士幸運躲過疫情後人生有了新轉機該名女護士日前意外被服裝品牌相中成為代言人；而日前更傳出新消息她受邀成為電視台氣象主播。
這名年僅23歲的俄羅斯護理師茱可娃（Nadezhda Zhukova）今年5月因一件透視防護裝引起熱議紅遍全球。綜合外媒報導她當時並不曉得防護裝穿起來會如此透視但這件事卻讓她意外受到大眾關注更讓她成為內衣、運動服飾代言人現在又被當地電視台延攬成為新的氣象主播。
據《EL HERALDO》報導從本月22日後可以在新聞頻道「Rossiya 1 Tula」和「Rossiya 24 Tula」看見茱可娃的身影她將以氣象主播的身分站在大眾面前並利用她的醫學常識結合天氣預報。茱可娃也在受訪時開心分享很期待這個挑戰但並未放棄本業她仍然在準備成為一位醫生這只是她接下的挑戰之一。
這位穿比基尼的女護士茱可娃帶起許多效應在事發時有不少女性聲援她發起拍下自己穿透視防護服的身影體恤醫護人員的辛勞。她更成為俄羅斯運動品牌Zasport代言人該品牌為國家運動代表隊御用的服裝大牌而現在她又幸運接下氣象女主播的職位。</t>
  </si>
  <si>
    <t>成為護士氣象俄羅斯防護透視代言人報導全球挑戰運動幸運比基尼意外身影接下大眾現在電視臺</t>
  </si>
  <si>
    <t>俄羅斯氣象主播茱可娃透視裝透視防護服</t>
  </si>
  <si>
    <t>透視氣象防護俄羅斯</t>
  </si>
  <si>
    <t>振興妥協可望肺炎進入國會表決</t>
  </si>
  <si>
    <t>美國針對2019冠狀病毒疫情而提出的9000億美元振興方案因聯邦準備理事會放款規定而引爆爭議導致始終擱置不前；不過美參議員在19日連夜挑燈協商後已突破障礙並達成協議最快20日國會就可表決該案。根據國會領</t>
  </si>
  <si>
    <t>疫情提出振興國會方案聯邦準備理事會放款規定病毒引爆爭議達成協議導致突破始終障礙擱置協商</t>
  </si>
  <si>
    <t>美國針對2019冠狀病毒疫情而提出的9000億美元振興方案因聯邦準備理事會放款規定而引爆爭議導致始終擱置不前；不過美參議員在19日連夜挑燈協商後已突破障礙並達成協議最快20日國會就可表決該案。
根據國會領導人妥協計畫紓困方案將為大多數美國民眾提供每週300元美金的臨時失業補助金以及600美元的經濟振興金。此外疫情紓困方案將附加到14兆美元(約新台幣395兆元)的支出法案中而該法案讓政府可應付各項計畫道2021年9月。
參議院民主黨領袖舒默19日表示「如果事情照現有節奏發展20日就能順利進行投票表決」。雖然杜美一派雲淡風輕但事實上協商過程中卻和賓州共和黨議員杜美針鋒相對。
杜美堅持紓困方案必須明定聯邦準備理事會在2020年12月31日後不能持續提供緊急貸款給小企業、州與地方政府；但民主黨人駁斥這根本「管太寬」不但讓聯準會綁手綁腳甚至限制即將上臺的拜登政府影響其振興經濟的能力。據3月通過的《新型冠狀病毒援助、救濟和經濟安全法》(CARES Act）相關貸款12月31日將屆期。
杜美則反駁其提案並非「對美聯儲緊急貸款授權的權力進行全面改革」；不過杜美最終點頭「除去其提案中的籠統措辭以免阻止聯準會主席未來建立類似措施」。國會助理更表示妥協內容即將完成疫情紓困案「距離達成最後協議僅剩一步之遙」。不過如果投票於20日晚上登場委員們很難完全閱讀並理解法案全文。</t>
  </si>
  <si>
    <t>紓困杜美方案政府貸款疫情經濟振興國會協商表示提案即將准會法案提供緊急妥協理事會病毒準備</t>
  </si>
  <si>
    <t>紓困方案新冠肺炎冠狀病毒聯邦準備理事會經濟振興</t>
  </si>
  <si>
    <t>肺炎聯邦病毒冠狀準備理事會方案經濟紓困振興</t>
  </si>
  <si>
    <t>曝光傳播足跡新增最新盤商葡萄</t>
  </si>
  <si>
    <t>葡萄盤商傳播鏈今天（19日）再添6例包括了10日去吃個燒烤1家3口就染疫了其中1歲男童還是父母輪流抱著另外3例是昨天公佈歌唱班成員的家屬彰化縣衛生局更新公佈最新足跡呼籲搭配時間留心注意有接觸史</t>
  </si>
  <si>
    <t>公佈留心時間搭配呼籲足跡最新燒烤注意男童更新父母衛生局輪流家屬成員今天</t>
  </si>
  <si>
    <t>葡萄盤商傳播鏈今天（19日）再添6例包括了10日去吃個燒烤1家3口就染疫了其中1歲男童還是父母輪流抱著另外3例是昨天公佈歌唱班成員的家屬彰化縣衛生局更新公佈最新足跡呼籲搭配時間留心注意有接觸史、有症狀就要注意。
葉彥伯表示新增燒烤店確診者就是典型從公佈足跡檢出的個案衛生局16日公佈足跡曾去燒烤店的父母15日晚上就發現小孩發燒對照公佈的足跡緊急到醫院採檢。連日來發現確診者幾乎都在餐會或是室內的閉密空間活動呼籲仔細看一下足跡只要是室內空間有飲食、聊天打麻將都是高風險場域新增6例又新匡列300人列入追蹤。
葉彥伯也強調公佈足跡並不是獵巫或是標籤化請民眾不要過度恐慌設置快篩站也並非要一般人都去篩檢縣府和中央的做法一致有接觸史並且有症狀才需前往篩檢縣長王惠美也說明篩檢第一關就是問接觸史如果沒有到過這些地方是不會給篩避免造成醫療人力的癱瘓和增加感染風險。
葉彥伯表示彰化累計49例確診葡萄盤商家族的傳播鏈包含刮痧、到麗園飯店、歌唱班和燒烤店共達41人。累計49例確診都是輕症4天來已經有兩千人多人檢測做到早期圍堵目前4個核酸實驗室一天可以檢測到8、900個一天內就可得到棒告彰化負壓病床和專責隔離病房也近90個發現的確診個案只要圍堵的越成功、民眾配合的越好疫情就能越早得到控制。
縣長王惠美也呼籲今天中央指揮中心已經宣佈全國從2級升為3級相關的規定一定會嚴格的執行務必戴上口罩不戴罰3000至1萬5000元室內不超過5個人、室外不超過10個人拜託鄉親在這14天中辛苦一點人流若能控管下來後相信疫情一定會有所趨緩最後強調鄉親務必配合勤洗手、戴口罩、保持社交距離並且不要隨便外出活動。</t>
  </si>
  <si>
    <t>公佈足跡確診呼籲發現燒烤店鄉親接觸一定圍堵</t>
  </si>
  <si>
    <t>彰化足跡葡萄盤商衛生局匡列</t>
  </si>
  <si>
    <t>葡萄足跡盤商衛生局匡列</t>
  </si>
  <si>
    <t>黃珊珊發燒返國房客隔壁</t>
  </si>
  <si>
    <t>臺北市中正區防疫旅館接連兩例確診分別是案16859及擴大採檢發現的案16870。臺北市副市長黃珊珊今召開記者會說明個案在美國回來第二天、12月6日就不舒服、有發燒採取通訊診療用藥之後緩解到12月14日採檢案1</t>
  </si>
  <si>
    <t>臺北市接連確診分別發燒採取通訊記者會診療召開舒服美國回來個案說明用藥黃珊珊市長之後緩解</t>
  </si>
  <si>
    <t>臺北市中正區防疫旅館接連兩例確診分別是案16859及擴大採檢發現的案16870。臺北市副市長黃珊珊今召開記者會說明個案在美國回來第二天、12月6日就不舒服、有發燒採取通訊診療用藥之後緩解到12月14日採檢案16859可能接觸者才確診但他在12月5日已經採檢結果是陰性12月6日並沒有再採檢。
黃珊珊表示中央判定16859屬於境外移入但這位民眾經過14天檢疫結束離開檢疫所後發病確診北市政府不敢大意希望進一步確認感染源在防疫旅館及相關接觸者加以擴大匡列隔離採檢。
黃珊珊指出案16859在11月26日入境到中正區防疫旅館入住到12月10日離開前採檢後也是陰性回到他的家後在12月13日出現喉嚨痛自主管理期間快篩檢驗陽性到醫院採檢確診CT12已接種兩劑疫苗。
黃珊珊指出北市接獲通報後在12月14日立刻進到防疫旅館進行疫調、匡列、清消、全面採檢結果發現案16870在12月14日確診12月5日從美國回來檢疫期到12月19日但他在美國回來第二天12月6日就不舒服在防疫旅館表示有發燒採取通訊診療用藥之後緩解後來一直待在防疫旅館到12月14日採檢案16859可能接觸者才確定他是CT值31這時候已經沒有症狀。
對於16870個案12月6日不舒服當下沒有篩檢到14日才採檢出來是否有疏失？黃珊珊說明個案不舒服會通報衛生局會安排通訊診療他在12月5日已經採檢當時是陰性12月6日因為前一天才採檢就先瞭解症狀、做投藥沒有採檢主要是因為前一天剛剛才採檢。</t>
  </si>
  <si>
    <t>旅館黃珊珊確診防疫沒有舒服個案已經接觸表示ct診療通訊離開匡列通報</t>
  </si>
  <si>
    <t>新冠肺炎台灣採檢防疫旅館黃珊珊</t>
  </si>
  <si>
    <t>臺灣防疫肺炎旅館黃珊珊</t>
  </si>
  <si>
    <t>概念沾光</t>
  </si>
  <si>
    <t>處理器大廠美商超微（AMD）在x86架構中央處理器（CPU）市場持續攻城掠地第三季在排除半客製化、嵌入式及物聯網市場後的總體x86處理器市場佔有率飆升至224％較去年同期增加63個百分點並創下2007年第四季以來</t>
  </si>
  <si>
    <t>市場處理器增加去年同期升至百分點amd市場佔有率架構排除季在攻城掠地嵌入持續中央處理器及物cpu總體聯網創下</t>
  </si>
  <si>
    <t>處理器大廠美商超微（AMD）在x86架構中央處理器（CPU）市場持續攻城掠地第三季在排除半客製化、嵌入式及物聯網市場後的總體x86處理器市場佔有率飆升至224％較去年同期增加63個百分點並創下2007年第四季以來的13年新高紀錄。超微在台積電7奈米投片持續增加上量業界預期市占率可望持續拉升。
超微如期推出Zen 3架構系列x86處理器Vermeer搶攻桌上型電腦市占在台積電7奈米產能奧援下Zen 3架構筆記型電腦、伺服器等處理器將陸續推出。法人看好台積電通吃7奈米晶圓代工訂單封測代工廠日月光投控、晶片組供應商祥碩、均熱片供應商健策、電源管理IC廠茂達及致新、金氧半場效電晶體（MOSFET）廠大中及傑力等概念股同步受惠。
新冠肺炎疫情帶動個人電腦銷售動能超微受惠於競爭對手供貨不足第三季在全球x86處理器市占率已連續9季度呈現成長。根據市調機構Mercury Research針對第三季x86處理器市占率調查報告在排除半客製化、嵌入式及物聯網市場後的x86處理器市場中超微第三季整體市占率已上升至224％較第二季增加41個百分點與去年同期相較增加63個百分點並為2007年第四季以來的13年新高。
超微第三季桌上型電腦x86處理器市占率達201％較第二季增加09個百分點較去年同期增加21個百分點連續12季度維持攀升並為2013年第四季以來新高。筆記型電腦x86處理器第三季市占率亦攀升至202％較第二季增加達03個百分點與去年同期相較增加55個百分點創下連續12季度攀升及市占率達歷史新高紀錄。
超微第四季進入7奈米Zen 3架構世代在台積電7奈米製程及產能奧援下新款桌機處理器一上市就供不應求業界預期超微市占率將持續提升法人除了看好台積電7奈米製程滿載到明年上半年也看好祥碩、健策等概念股營運旺到明年。
其中祥碩因超微市占率提升而受惠最大B550/A520晶片組出貨暢旺明年還可望通吃全新600系列晶片組代工訂單。祥碩第三季合併營收2093億元稅後淨利879億元並較去年同期成長逾26倍每股淨利1273元累計前三季每股淨利達3355元法人預期全年將賺逾四個股本。
由於新一代Zen 3架構處理器平臺不僅在運算時脈效能提升也強化了人工智慧（AI）及繪圖技術等運算功能並全面支援PCIe Gen 4及USB 4等高速傳輸介面搭配的電源管理IC及金氧半場效電晶體（MOSFET）數量大幅增加對於茂達、致新、大中、傑力、尼克森、富鼎等業者亦將帶來更大的營運成長動能。</t>
  </si>
  <si>
    <t>處理器增加架構持續受惠晶片組台積電zen提升明年看好法人成長市場預期運算</t>
  </si>
  <si>
    <t>超微市占率新高架構積電</t>
  </si>
  <si>
    <t>新高架構</t>
  </si>
  <si>
    <t>病房專責行動距離沒有會診關懷</t>
  </si>
  <si>
    <t>臺北榮總將遠距會診模式擴大應用於防疫專責病房協助醫護人員與隔離區內病人診療與跨團隊互動。醫務企管部李偉強主任表示過去護理師協助家屬提供病人關懷時僅能利用手機視訊然而許多老人家視力不好或聽力退</t>
  </si>
  <si>
    <t>協助病人老人家會診模式擴大手機應用利用防疫視力專責病房關懷企管李偉強主任醫護人員互動表示團隊隔離過去</t>
  </si>
  <si>
    <t>臺北榮總將遠距會診模式擴大應用於防疫專責病房協助醫護人員與隔離區內病人診療與跨團隊互動。醫務企管部李偉強主任表示過去護理師協助家屬提供病人關懷時僅能利用手機視訊然而許多老人家視力不好或聽力退化且手機螢幕較小關懷效果並不理想。遠距行動醫療推車因螢幕大且操作簡單除了臨床照護之應用外最重要的是能給予隔離中的病人親情的支持藉由遠距會診模式病人家屬可從家中同時與醫護人員與病人進行三方視訊對話一同討論病情既可避免感染風險即時表達對病人的關心不因疫情造成隔閡更能拉近彼此的距離是防疫專責病房的好幫手。
81歲染疫住院病危的張伯伯因情緒不佳出現輕生的行為護理師發現後立即啟動跨團隊照護。由社工師運用遠距行動醫療推車進行視訊關懷在20分鐘訪談後張伯伯才娓娓道出心中掛念染疫也被隔離的妻子。社工師立即給予同理支持持續引導以正向積極的態度面對病情。張伯伯深受鼓勵表示會堅強努力的活下去期待能與家人再度團聚。
9個月大的小明因被家人傳染不幸染疫媽媽需共同照顧也不幸確診。住院期間兒科醫師藉由遠距行動醫療推車觀察小朋友的活動力及臨床表現兒科護理師在病房內接受醫師指示共同協助評估小明的症狀及活動力。醫護人員及病人都表示行動醫療車看得很清楚病人也能清楚的跟醫療人員溝通比起只用電話會談只聽到聲音更有溫度也更安心！
李偉強主任指出醫護人員可利用遠距行動醫療推車在護理站內「面對面」與隔離中的病人進行視訊問診、解釋病情與說明未來治療方向病人亦能在大螢幕上看到醫護人員真正能感受到有人關心透過即時視診及與病人互動討論有效提升照護品質更減少醫護人員穿脫隔離衣的時間與防護裝備的耗損無形中提高了防疫效能。
臺北榮總、板橋榮民之家與研華科技自今(110)起透過遠距行動醫療推車讓榮家住民不必外出就可與臺北榮總醫師進行線上會診對談此亦為退輔會自109年起推動「金字塔計畫」的一環提升高齡長者就醫品質成效卓著。5月中旬COVID-19疫情急遽升溫之後為降低醫護同仁穿脫防護衣及頻繁進出病房所產生之照護風險研華科技與研華文教基金會與臺北榮總合作捐贈四套遠距行動醫療推車及平板電腦成為防疫專責病房的好幫手。</t>
  </si>
  <si>
    <t>病人醫護人員醫療行動隔離病房護理防疫榮總伯伯表示病情臺北醫師關懷</t>
  </si>
  <si>
    <t>新冠肺炎台灣遠距醫護人員行動醫療</t>
  </si>
  <si>
    <t>臺灣肺炎醫護人員行動醫療</t>
  </si>
  <si>
    <t>酒精消防人員亂象升溫疫情疫苗</t>
  </si>
  <si>
    <t>國民黨立委林思銘今天表示他一早就接獲基層員警反映中央疫情指揮中心5月15日宣佈暫停預約接種新冠肺炎疫苗消防隊員明明要負責載送確診病患屬一線防疫人員儘管名列公費接種對象第二順位但跑遍縣內各醫療</t>
  </si>
  <si>
    <t>接種今天表示一早順位元物件基層公費反映林思銘中央名列疫情人員一線指揮中心防疫確診負責</t>
  </si>
  <si>
    <t>國民黨立委林思銘今天表示他一早就接獲基層員警反映中央疫情指揮中心5月15日宣佈暫停預約接種新冠肺炎疫苗消防隊員明明要負責載送確診病患屬一線防疫人員儘管名列公費接種對象第二順位但跑遍縣內各醫療院所就是打不到疫苗。
林思銘說他不斷接獲地方反映各種亂象包括消防隊員打不到疫苗、酒精價格三天飆漲四成、孩子停課家長防疫照顧假不敢放怒批：這像是做好準備的政府嗎？
林思銘指出中央疫情指揮中心5月15日宣佈暫停預約接種新冠肺炎疫苗消防隊員負責載送確診病患屬一線防疫人員雖然名列公費接種對象第二順位但基層人員跑遍縣內各醫療院所就是打不到疫苗；一問之下才知道因指揮中心疫苗配送出問題未能及時補充給地方政府致防疫斷鏈。
至於重要防疫物資「酒精」林思銘指出有公司週末向廠商詢問酒精價格20公升1400元因六、日沒現金今天去買價格已經飆升到20公升2000元上漲43％而且還要等到星期五才有貨。
另外林思銘也接到憂心忡忡的家長的詢問電話他說孩子停課但因本身在長照機構服務政府雖然說雇主不給家庭照顧假就開罰但是雇主一句那是要把老人家都請家人帶回去嗎？讓這位家長不知如何是好。
林思銘痛批台灣疫情爆發時間比國際整整晚一年多政府坐看國際疫情竟然一點警覺都沒有這些早該做好盤點、預演不該發生的問題現在都發生了；甚至疫情趨嚴短短四天就已經在喊檢驗能量不足部分縣市進入第三級警戒才三天病床就出現短缺。
林思銘說中央防疫作為一團亂指揮、調度嚴重失序他除了擔心疫情會一發不可收拾外也不禁要問這像是已經做好防疫應變準備的政府嗎？</t>
  </si>
  <si>
    <t>疫情防疫政府疫苗已經指揮家長酒精價格接種隊員林思銘今天問題地方中心詢問中央</t>
  </si>
  <si>
    <t>新冠肺炎台灣  林思銘疫苗消防隊員</t>
  </si>
  <si>
    <t>臺灣肺炎疫苗隊員</t>
  </si>
  <si>
    <t>車廂照曝光眾人封穩</t>
  </si>
  <si>
    <t>全國三級警戒至7月12日由於近日確診數趨緩民眾預期解封日即將倒數臺北街頭比起剛宣佈三級警戒時人潮明顯變多有網友PO出今(30)日下午臺北捷運車廂滿座的照片驚呼：「捷運人潮是不是已經自動解封了？」照</t>
  </si>
  <si>
    <t>人潮警戒是不是驚呼照片滿座確診車廂臺北捷運民眾下午預期數趨解封比起即將po倒數明顯臺北宣佈</t>
  </si>
  <si>
    <t>全國三級警戒至7月12日由於近日確診數趨緩民眾預期解封日即將倒數臺北街頭比起剛宣佈三級警戒時人潮明顯變多有網友PO出今(30)日下午臺北捷運車廂滿座的照片驚呼：「捷運人潮是不是已經自動解封了？」照片曝光讓一堆人嚇傻怕爆。
指揮中心上個月剛宣佈全國三級警戒時包括信義商圈、臺北捷運等原本人來人往的公共場所瞬間人潮銳減宛如空城不料大家被關了一個多月後漸漸鬆懈加上近日確診數都降到2位數且續創新低臺北捷運人潮逐漸回籠。
有網友在網路論壇《PTT》轉貼一張聲稱是朋友今天拍到的照片詢問「臺北捷運平日下午兩點這人潮算多嗎？」指出這個時段應該算離峰吧但根據朋友轉述車上位置幾乎都坐滿很多人只能站著讓他好奇臺北捷運人潮是不是已經自動解封了？
從照片中可見雖然車廂中乘客都戴了口罩還有人戴了護目鏡或防護面罩不過確實兩排座位都被坐滿還有不少人站著沒位子坐一眼望去整節車廂幾乎全滿相較於前幾周人煙稀少的情景已大不相同。
照片曝光後讓眾人驚訝網友紛紛回應「年輕人鬆懈了」、「就是二級日常」、「解封穩了」、「比沒冷氣的高雄多很多」還有網友擔心說「東京解封後確診又爬上來」。
不過也有網友分析應該是跟部分已經恢復上班有關而且因為離峰班次會變少所以顯得人變多了；但也有人認為前一陣子人還很少這星期真的有明顯變多。</t>
  </si>
  <si>
    <t>臺北捷運網友人潮照片確診車廂還有已經警戒幾乎朋友鬆懈應該近日下午曝光</t>
  </si>
  <si>
    <t>解封三級警戒北捷臺北捷運人潮</t>
  </si>
  <si>
    <t>臺北捷運警戒解封人潮</t>
  </si>
  <si>
    <t>申請初次失業補助好景不常</t>
  </si>
  <si>
    <t>美國勞工部20日上午公佈的前周（8月15日為止的當周）新增的初次申請失業救濟金人數再度回升到百萬以上來到111萬也遠高於經濟學家預測的925萬人。前一個星期初領失業救濟金人數才以971萬寫下疫情3月初大</t>
  </si>
  <si>
    <t>人數救濟金失業才以初次高於來到申請經濟學家預測以上初領回升再度星期寫下的當新增公佈疫情月初上午</t>
  </si>
  <si>
    <t>人數疫情資料失業美國救濟金初次申請經濟持續市場寫下新增新低執行英國理財董事產業認為</t>
  </si>
  <si>
    <t>美國失業補助新冠肺炎疫情就業市場</t>
  </si>
  <si>
    <t>肺炎補助疫情失業就業美國市場</t>
  </si>
  <si>
    <t>全台肺炎</t>
  </si>
  <si>
    <t>衛福部長陳時中18日宣佈說今天一口氣新增23例全國新冠肺炎確診人數累計達到100例其中本土案例新增有一例沒有旅遊史正對他進行疫情調查其餘人則是來自先前被查出確診的埃及團、土耳其團。陳時中強調「</t>
  </si>
  <si>
    <t>確診新增陳時中宣佈查出先前今天調查疫情一口氣進行旅遊沒有累計全國人數達到肺炎</t>
  </si>
  <si>
    <t>衛福部長陳時中18日宣佈說今天一口氣新增23例全國新冠肺炎確診人數累計達到100例其中本土案例新增有一例沒有旅遊史正對他進行疫情調查其餘人則是來自先前被查出確診的埃及團、土耳其團。陳時中強調「這幾天將是高峰期機場這兩天壓力會很大」！
指揮中心統計目前100例確診中分別為71例境外移入及29例本土病例。確診個案中維持1名死亡22名解除隔離、其餘個案病況穩定持續住院隔離中。
指揮中心指出全球累計193748例確診分佈於145個國家/地區；病例數以中國大陸80881例、義大利27980例、伊朗14991例、西班牙9191例及韓國8236例為多；病例中7086例死亡以中國大陸3226例、義大利2158例、伊朗853例、西班牙309例及法國148例為多。</t>
  </si>
  <si>
    <t>確診病例陳時中指揮新增本土累計中心個案隔離死亡中國宣佈大陸今天天將一口氣高峰期機場疫情進行調查</t>
  </si>
  <si>
    <t>全球全台全國陳時中指揮中心</t>
  </si>
  <si>
    <t>陳時中指揮全台全國中心全球</t>
  </si>
  <si>
    <t>報到大學荷包無法陸生</t>
  </si>
  <si>
    <t>大陸新型冠狀病毒（簡稱新冠肺炎）疫情持續延燒恐將影響美國的GDP？國際學生為美國各大學收入的重要來源新型肺炎疫情在大陸各地爆發一些國家先後發布具針對性的旅行禁令導致許多大陸學生被困在國內無法返</t>
  </si>
  <si>
    <t>大陸學生肺炎疫情美國導致禁令影響針對性旅行發佈持續先後大學國家收入爆發來源重要簡稱gdp國際</t>
  </si>
  <si>
    <t>大陸學生美國澳洲大學國際留學生可能影響教育返回肺炎疫情加拿大學費超過甚至開學旅行持續gdp經濟學校海外為此unsw</t>
  </si>
  <si>
    <t>美國肺炎大學國際學生澳洲</t>
  </si>
  <si>
    <t>學生大學國際肺炎澳洲美國</t>
  </si>
  <si>
    <t>答案旅遊陳時中出國</t>
  </si>
  <si>
    <t>衛福部長陳時中率領防疫團隊南下墾丁走訪墾丁大街、參訪日照中心最主要目的就是告訴大家國內旅遊很安全不過外界最關心的還是出國旅遊何時解禁？面對媒體詢問陳時中笑答：「台灣先玩出國晚點開放」。針對國</t>
  </si>
  <si>
    <t>出國陳時中旅遊防疫團隊臺灣參訪笑答日照中心詢問媒體目的面對國內解禁率領告訴關心安全南下大街</t>
  </si>
  <si>
    <t>衛福部長陳時中率領防疫團隊南下墾丁走訪墾丁大街、參訪日照中心最主要目的就是告訴大家國內旅遊很安全不過外界最關心的還是出國旅遊何時解禁？面對媒體詢問陳時中笑答：「台灣先玩出國晚點開放」。
針對國人出國旅遊以及婚宴人數等解禁問題陳時中表示台灣有很多好玩的地方建議民眾先把台灣認識清楚等國外疫情更趨緩後會再逐步開放國外旅遊；至於婚宴人數放寬部份陳時中說目前開放為250人對新人結婚來說應該足夠了。
國內疫情趨緩陳時中透露昨天睡得很好看到防疫團隊穿著花襯衫逛大街的畫面難得展現他們生活化的一面。</t>
  </si>
  <si>
    <t>陳時中旅遊開放臺灣大街團隊防疫出國國內國外疫情人數解禁婚宴畫面襯衫難得參訪日照</t>
  </si>
  <si>
    <t>陳時中出國旅遊屏東墾丁武漢肺炎</t>
  </si>
  <si>
    <t>旅遊武漢出國陳時中肺炎</t>
  </si>
  <si>
    <t>發燒確診婦人返台菲律賓飛機</t>
  </si>
  <si>
    <t>近日菲律賓COVID-19（新冠肺炎）疫情來勢洶洶中央流行疫情指揮中心今（4）日公佈國內新增1例境外移入病例（案476）。個案長期居住菲律賓2日回國表示有發燒症狀並於今日確診。最新消息一出不少國人忍不住直呼</t>
  </si>
  <si>
    <t>菲律賓疫情最新消息確診今日症狀發燒肺炎國人表示指揮中心境外病例公佈國內新增居住長期</t>
  </si>
  <si>
    <t>近日菲律賓COVID-19（新冠肺炎）疫情來勢洶洶中央流行疫情指揮中心今（4）日公佈國內新增1例境外移入病例（案476）。個案長期居住菲律賓2日回國表示有發燒症狀並於今日確診。最新消息一出不少國人忍不住直呼「又是菲律賓！」其中網友更對案476「發燒還搭飛機回來」這點最不能忍受。
從七月起來自菲律賓的境外移入個案就不斷增加指揮中心也決定針對菲律賓入境旅客自7月26日起實施全面篩檢。指揮中心指出今新增的個案（案476）為50多歲女性本國人長期居住菲律賓距離上次從台出境時間為今年1月直到8月2日才獨自回國。
指揮中心表示案476自7月30日開始發燒但未於菲律賓當地就醫 2日返國時登記曾有發燒症狀在機場接受採檢後送至集中檢疫所當時入境量測體溫為377度且有咳嗽、喉嚨有痰及肌肉痠痛等症狀個案於今日確診。
不少網友在PTT上討論這起個案網友不禁直呼「又是菲律賓」、「bingo！又是菲律賓逃回來的」、「菲律賓到底是多毒啊」。而案476居住史和上飛機前已有發燒症狀更引來網友一陣砲轟「為什麼發燒還可以上飛機」、「7／30發燒未就醫」、「發燒還搭機搞毛阿」、「發燒不先就醫就上飛機回來」、「發燒了還上飛機沒事菲律賓有事生病逃回台灣」。但也有網友平反「逃回來就逃回來吧 畢竟還是本國人阿」、「雖然感情上好想限制他們可問題是理性上是不可能的」、「菲菲的醫療能量已經沒辦法負荷了」。
指揮中心表示案476目前住院隔離治療中。衛生單位也正在匡列班機前後二排可能為接觸者的旅客。據統計截至目前為止國內共476例確診7例死亡441例解除隔離；菲律賓共106330確診2104例死亡65821治癒。</t>
  </si>
  <si>
    <t>菲律賓發燒中心指揮個案網友症狀國人確診飛機回來居住表示就醫旅客入境隔離新增</t>
  </si>
  <si>
    <t>菲律賓發燒案476返台新冠肺炎</t>
  </si>
  <si>
    <t>返台發燒菲律賓肺炎</t>
  </si>
  <si>
    <t>病例本土臺灣社區確診今天安全</t>
  </si>
  <si>
    <t>中央流行疫情指揮中心今日表示國內今日無新增病例昨(9)日新增272例新型冠狀病毒肺炎相關通報截至目前累計通報67133例(含66005例排除)其中440例確診分別為349例境外移入55例本土病例及36例敦睦艦隊。確</t>
  </si>
  <si>
    <t>病例今日通報指揮中心相關肺炎病毒新增冠狀表示國內本土目前疫情截至分別確診境外累計流行</t>
  </si>
  <si>
    <t>中央流行疫情指揮中心今日表示國內今日無新增病例昨(9)日新增272例新型冠狀病毒肺炎相關通報截至目前累計通報67133例(含66005例排除)其中440例確診分別為349例境外移入55例本土病例及36例敦睦艦隊。確診個案中6人死亡366人解除隔離其餘持續住院隔離中。有關129名印度返台民眾全員持續於集中檢疫所密切健康監測。
台灣新冠肺炎達成連續28天沒有本土病例。專家張上淳曾表示若超過28天（2個14日潛伏期）都沒有本土個案以公衛立場來看是相當安全的社區。
流行疫情指揮中心指揮官陳時中說兩個潛伏期過後代表台灣是一個安全的社區外界關心是否考慮篩出高風險社區做篩檢？他強調不需要這樣目前高風險的醫療人員都有在做即有症狀就會篩檢。
指揮中心再次提醒民眾應做好手部衛生與咳嗽禮節；出門若無法保持社交距離或是搭乘捷運、台鐵、高鐵等大眾交通運輸時請全程佩戴口罩。自國外入境時如有發燒、咳嗽等不適症狀應主動通報機場及港口檢疫人員並配合防疫措施；返國後應落實14天居家檢疫如出現疑似症狀請聯繫衛生局或各縣市關懷中心並依指示就醫切勿搭乘大眾運輸工具；就醫時請務必告知醫師旅遊史、職業別、接觸史及是否群聚(TOCC)以供及時診斷通報。</t>
  </si>
  <si>
    <t>中心症狀通報病例本土社區指揮是否搭乘檢疫民眾持續人員咳嗽臺灣肺炎潛伏期目前個案沒有表示</t>
  </si>
  <si>
    <t>連三天說明維持+0指揮中心</t>
  </si>
  <si>
    <t>維持說明連三天中心指揮</t>
  </si>
  <si>
    <t>進場恢復週五中職</t>
  </si>
  <si>
    <t>中職中心指揮球迷資訊購票規定防疫生活運動指揮官初步週五滿足陳時中必須強調進場目前出動</t>
  </si>
  <si>
    <t>球迷進場防疫距離中職中心指揮社交安全以上賽前進行全程口罩注意衛生個人飲食登記制保持出動條件生活</t>
  </si>
  <si>
    <t>新冠肺炎武漢肺炎新型冠狀病毒台灣職棒</t>
  </si>
  <si>
    <t>肺炎武漢冠狀臺灣病毒職棒</t>
  </si>
  <si>
    <t>延期損失黃偉哲蘭展遍地開花國際</t>
  </si>
  <si>
    <t>新冠肺炎全球延燒台南市古都馬拉松與國際蘭展等大型活動也都因應疫情接連延期台南市長黃偉哲2日接受電台訪問時表示馬拉松損失幾百萬蘭展損失4000萬但不幸中的大幸228台南的住房率94％、229住房率84％</t>
  </si>
  <si>
    <t>台南蘭展馬拉松損失大幸古都接受電臺黃偉哲市長訪問延期接連疫情因應大型活動全球國際中的不幸表示肺炎住房</t>
  </si>
  <si>
    <t>新冠肺炎全球延燒台南市古都馬拉松與國際蘭展等大型活動也都因應疫情接連延期台南市長黃偉哲2日接受電台訪問時表示馬拉松損失幾百萬蘭展損失4000萬但不幸中的大幸228台南的住房率94％、229住房率84％顯示已經轉到國內旅遊他將把蘭展的花卉放到山上水道博物館等各景點讓它遍地開花。
黃偉哲還說目前台南有1個確診病例20人居家隔離台南市已經一級開設市府每天召開防疫會議一發現有不完善的就會要求局處首長做好現在要處理傳統市場的防疫工作因為萬一爆發疫情後果不堪設想超前部署、源頭管控才能避免疫情擴散。
針對中央的防疫工作黃偉哲也表示「疫情往上走很難避免守到現在已經相當不容易」並認為這波疫情對民進黨的執政有幫助。
電台節目主持人周玉蒄問防疫總指揮陳時中的滿意度高達84％是否可以選臺北市長？黃偉哲則認為這是時勢造英雄讓陳時中有舞臺、有機會表現或許選臺北市長「不錯」。
至於罷韓行動如火如荼日前高雄市長韓國瑜又爆致詞失誤黃偉哲說228變823對韓的傷害很大50多萬連署罷韓更是很危險的未來罷韓能否成功還得看韓的防疫作為。</t>
  </si>
  <si>
    <t>黃偉哲防疫疫情台南市長蘭展現在已經認為中的避免表示馬拉松臺北工作要求損失</t>
  </si>
  <si>
    <t>黃偉哲新冠肺炎武漢肺炎COVID-19新型冠狀病毒</t>
  </si>
  <si>
    <t>武漢肺炎covid-冠狀黃偉哲病毒</t>
  </si>
  <si>
    <t>轉向受不了柯文哲實在劉寶傑笑話</t>
  </si>
  <si>
    <t>《關鍵時刻》主持人劉寶傑轉向了？他日前在節目中一段開炮臺北市長柯文哲「你柯文哲變笑話了」影片引爆話題令PTT網友直呼寶傑要被柯粉罵爆了！衛福部長陳時中因防疫有成一戰成名滿意度高居不下臺北市長柯文哲</t>
  </si>
  <si>
    <t>臺北市柯文哲日前節目話題引爆ptt網友呼寶傑轉向柯粉罵衛福部長陳時中防疫成名有成滿意度高居開炮影片笑話</t>
  </si>
  <si>
    <t>《關鍵時刻》主持人劉寶傑轉向了？他日前在節目中一段開炮臺北市長柯文哲「你柯文哲變笑話了」影片引爆話題令PTT網友直呼寶傑要被柯粉罵爆了！
衛福部長陳時中因防疫有成一戰成名滿意度高居不下臺北市長柯文哲日前一句「我們現在都要順時鐘不要逆時鐘」被認為暗諷陳時中惹議對此他解釋是玩笑話陳時中也稱：「那就當笑話來看就好。」
對此劉寶傑日前就在節目中直言「我實在忍不住」表示過去節目也對柯文哲很不錯「你自己沒事講什麼順時中、不要逆時中後來當然有壓力說順時中不要逆時中我是開玩笑的你看他（陳時中）講那句話那我就把你當笑話陳時中講這句話不是你這句話是笑話而是你柯文哲變笑話了！」
劉寶傑這番超兇發言引發PTT網友熱議有人好奇「寶傑有比柯P懂防疫嗎」、「寶傑不懂防疫但他懂風向」、「這個節目不也是笑話嗎好意思說別人」但也有人能體會劉寶傑心情「其實寶傑之前有幾段講到有點火氣防疫大家都還是月臺灣本位立場的人居多你一直找麻煩只會造成反感。」</t>
  </si>
  <si>
    <t>陳時中柯文哲笑話劉寶傑防疫節目日前ptt網友不要臺北市找麻煩一直居多</t>
  </si>
  <si>
    <t>劉寶傑陳時中柯文哲關鍵時刻新冠肺炎</t>
  </si>
  <si>
    <t>柯文哲關鍵時刻陳時中肺炎劉寶傑</t>
  </si>
  <si>
    <t>停工三星電子威脅經濟分析</t>
  </si>
  <si>
    <t>新冠肺炎疫情已致蘋果等全球科技巨擘產能受到衝擊如今疫情迅速在韓國擴散分析師預料若三星電子因疫情嚴重而停工將使韓國經濟面臨重大威脅。韓國人口約5100萬人近日新冠肺炎確診人數急遽上升從幾天前的5</t>
  </si>
  <si>
    <t>疫情韓國肺炎確診人口科技近日巨擘全球蘋果受到三星電子衝擊停工人數如今迅速嚴重預料擴散</t>
  </si>
  <si>
    <t>新冠肺炎疫情已致蘋果等全球科技巨擘產能受到衝擊如今疫情迅速在韓國擴散分析師預料若三星電子因疫情嚴重而停工將使韓國經濟面臨重大威脅。
韓國人口約5100萬人近日新冠肺炎確診人數急遽上升從幾天前的50人如今暴增至逾2000人。
分析師提及身為全球智慧型手機與電腦晶片龍頭的三星電子如今面臨產能可能突然停擺的危機。
到目前為止三星電子在疫情控制上仍屬穩健。上週末該公司龜尾（Gumi）廠因1名員工感染新冠肺炎曾短暫停工此後也要求該廠1500名員工在家隔離兩周。
首爾渣打銀行（Standard Chartered）研究主任朴正勳（Park Chong-hoon音譯）表示一旦發生更多產能中斷「可能會衝擊該國脆弱的經濟復甦」。
他說：「倘若病毒進一步擴散、甚至失控一些晶片廠可能停工…對韓國經濟來說是最糟的情況。」
從各方面來看三星集團與韓國經濟的命運緊密相依。這家包山包海的韓國第一大企業去年營收約占國內生產毛額（GDP）的125％。
出口業占韓國GDP的45％而三星重要產品電腦晶片占該國出口的約5分之1。
身為三星集團金雞母的三星電子繳納稅額約占韓國2019年企業稅的逾12％占韓股Kospi指數總市值的約4分之1。
儘管三星強調龜尾廠產能未受影響分析師擔憂若疫情延燒未來會再發生類似的停產情況。
SK證券分析師金永佑（音譯）指出「如果國內1家零件商停工會對整個供應鏈造成重大打擊因三星部分零件只有1家供應商。」
分析師認為三星電子晶片廠停產的機率較低因為廠房設備大多自動化工程師在高度控管的無塵室作業。
但金永佑提醒若韓國晶片廠因缺工而停產勢必對全球記憶體晶片市場造成混亂。</t>
  </si>
  <si>
    <t>韓國疫情三星電子分析停工經濟全球三星停產產能如今可能肺炎員工音譯發生國內衝擊零件三星集團</t>
  </si>
  <si>
    <t>肺炎產能分析師三星韓國</t>
  </si>
  <si>
    <t>分析三星產能韓國肺炎</t>
  </si>
  <si>
    <t>感染結束捕手皇家發現mlb</t>
  </si>
  <si>
    <t>皇家捕手蓋拉格(Cam Gallagher)是隊上第4位新冠肺炎感染者更糟的是他在週五的模擬賽之後才確診他已經接觸了很多隊友！蓋拉格聲明指出：「晴天霹靂不足以形容我的震撼我前晚的比賽感覺狀況很好隔天早上就接到</t>
  </si>
  <si>
    <t>蓋拉格狀況感覺比賽震撼gallagher形容不足以晴天霹靂指出聲明隊友肺炎感染者接觸更糟已經確診週五模擬賽</t>
  </si>
  <si>
    <t>皇家捕手蓋拉格(Cam Gallagher)是隊上第4位新冠肺炎感染者更糟的是他在週五的模擬賽之後才確診他已經接觸了很多隊友！蓋拉格聲明指出：「晴天霹靂不足以形容我的震撼我前晚的比賽感覺狀況很好隔天早上就接到檢測陽性的報告。我沒有症狀。」
身為捕手蓋拉格無法保持安全距離對方打者都要站在他旁邊守備時幾乎每一顆球都經過他的手。皇家尚未宣佈哪些接觸者需要隔離不過依照大聯盟規定任何與染病者接觸的人都必須立即檢驗。蓋拉格是2號捕手先發捕手裴瑞茲(Salvador Perez)已染病遭隔離皇家現在被迫使用經驗較淺的捕手。
《紐約郵報》猶太作家馬許尼克(Phil Mushnick)批評大聯盟與NBA、NFL「貪婪」硬要頂著疫情復賽形容他們是「戴著呼吸器賺錢。」然而從美國再次刷新單日新冠感染數紀錄(近7萬人)以及先前國慶日(7月4日)的大規模報復性出遊「貪婪」「玩命」的並不只是體育聯盟這與聯邦政府急於復工、部分人民疏於防疫也有很大關係。</t>
  </si>
  <si>
    <t>捕手蓋拉格接觸聯盟皇家貪婪形容隔離染病早上接到檢測人民狀況疏於感覺</t>
  </si>
  <si>
    <t>捕手蓋拉格皇家裴瑞茲美國</t>
  </si>
  <si>
    <t>皇家蓋拉格捕手裴瑞茲美國</t>
  </si>
  <si>
    <t>市場三大利多</t>
  </si>
  <si>
    <t>美國央行（Fed）、歐洲央行（ECB）相繼推出史無前例的寬鬆與紓困政策加上主要國家宣佈重啟經濟活動市場信心逐漸回復投資人目光再次轉向收益率較高的新興市場債券刺激發行人發債意願新興債市回復熱絡。鋒裕</t>
  </si>
  <si>
    <t>市場回復ecb相繼推出史無前例寬鬆紓困債市政策加上歐洲央行意願國家宣佈發債刺激發行人經濟債券活動再次目光收益率信心逐漸</t>
  </si>
  <si>
    <t>美國央行（Fed）、歐洲央行（ECB）相繼推出史無前例的寬鬆與紓困政策加上主要國家宣佈重啟經濟活動市場信心逐漸回復投資人目光再次轉向收益率較高的新興市場債券刺激發行人發債意願新興債市回復熱絡。鋒裕匯理資產管理表示新興市場債券具備三大利多—新興市場基本面有撐、利差水準仍具吸引力當高利差水準時入場持有一年正報酬機率較高預期可持續受到市場青睞。
首先新興國家基本面相對穩健經歷新冠肺炎肆虐2020年全球經濟預估將較去年衰退2～3％不過新興市場衰退幅度較成熟國家小並且有機會更早恢復過往水準。展望未來一～三年新興市場國家的經濟反彈力道可望優於歐美等成熟國家。
其次新興市場高收益債利差仍具吸引力根據Bloomberg資料統計截至2020年6月19日觀察新興市場高收益債指數利差為821基點相較於10年平均利差的540基點預估潛在至少300基點的收斂空間。
第三新興高收益債利差水準高時持有一年正報酬機會高。根據Bloomberg資料統計截至2020年6月19日當新興市場高收益債指數利差大於800時持有一年正報酬機率為100％持有一年平均報酬率為2710％；當利差介於800與600之間持有一年正報酬機率為100％持有一年平均報酬為1152％。
展望後市鋒裕匯理新興市場債團隊分析新冠肺炎危機仍會影響全球增長和企業收益對於依賴出口、商品和旅遊業的國家影響尤甚在相關國家的投資仍宜保持謹慎現階段持續尋找較長天期債券並重視投資組合的流動性。</t>
  </si>
  <si>
    <t>市場國家收益利差債券經濟水準報酬持有回復全球影響機會基本持續投資成熟預估平均肺炎</t>
  </si>
  <si>
    <t>利差水準鋒裕匯理水準正報酬機率國家</t>
  </si>
  <si>
    <t>水準報酬國家利差</t>
  </si>
  <si>
    <t>注意事項疏漏返家乘客勞省公主致歉鑽石</t>
  </si>
  <si>
    <t>日本厚生勞動省針對發生新冠肺炎群聚感染的鑽石公主號郵輪下船的乘客發放了返家後注意事項的「健康卡」。厚勞省要求乘客在2周內盡量不要外出但部分乘客拿到的「健康卡」中卻漏了相關的記載。厚勞省致歉表示「</t>
  </si>
  <si>
    <t>乘客健康勞省發生肺炎感染鑽石公主郵輪記載下船相關外出發放儘量部分周內返家</t>
  </si>
  <si>
    <t>日本厚生勞動省針對發生新冠肺炎群聚感染的鑽石公主號郵輪下船的乘客發放了返家後注意事項的「健康卡」。厚勞省要求乘客在2周內盡量不要外出但部分乘客拿到的「健康卡」中卻漏了相關的記載。
厚勞省致歉表示「很抱歉因為說明文中沒有『盡可能避免非必要、非緊急的外出』之記載不可否認的有些人返家後可能曾經外出。」已通知自治體注意。
鑽石公主號上最後一批確認病毒檢驗呈陰性的乘客於2月19日至23日下船。厚勞省要求他們返家後的2周內盡可能避免非必要、非緊急的外出外出時一定要戴口罩等。
厚勞省將相關注意事項製作成健康卡發給所有下船的乘客結果有部分乘客拿到的健康卡中並沒有以上的記載。厚勞省15日指出返家後確診感染的乘客共有7人這2周內他們有可能外出。</t>
  </si>
  <si>
    <t>乘客外出勞省返家記載下船周內感染鑽石公主健康沒有相關注意事項要求發生盡可能可能部分</t>
  </si>
  <si>
    <t>厚勞省乘客返家外出健康卡</t>
  </si>
  <si>
    <t>返家外出乘客健康勞省</t>
  </si>
  <si>
    <t>層級提到國安防疫大陸解禁建議蘇益仁準備</t>
  </si>
  <si>
    <t>台灣新冠肺炎疫情越來越嚴峻影響層面擴及政治、經濟、觀光等幾乎衝擊所有產業抗煞專家蘇益仁指出大陸全面佈局從封城、蓋醫院等都是為了盡快復甦做準備一旦四月疫情受到控制禁令解除所有台商、陸生就</t>
  </si>
  <si>
    <t>疫情控制受到越來越嚴峻四月一旦影響準備層面政治復蘇經濟儘快觀光幾乎衝擊醫院產業封城專家全面</t>
  </si>
  <si>
    <t>台灣新冠肺炎疫情越來越嚴峻影響層面擴及政治、經濟、觀光等幾乎衝擊所有產業抗煞專家蘇益仁指出大陸全面佈局從封城、蓋醫院等都是為了盡快復甦做準備一旦四月疫情受到控制禁令解除所有台商、陸生就會大舉回來屆時恐怕許多人是輕症或是無症狀者「台灣為那天做準備了嗎？」他認為兩岸經貿關係密切只靠一個衛福部就要管全國是不可能的事防疫必須提高到國安層級才能減緩傷害。
抗煞專家、前疾管局長蘇益仁接受本報訪問表示現在必須設想到未來幾個月假設如大陸病毒專家鐘南山所說預計廣蓋更多方艙醫院、火神山醫院把所有發燒可疑病人隔離起來目標就是盼疫情四月可以受到控制讓世界衛生組織盡快對其取消旅遊禁令接著就能取消旅遊警示區和封城並讓產業復工。
然而蘇益仁指出大陸目前對新冠肺炎的管控採取的是「抗煞」的經驗僅對有發燒有症狀者隔離但目前所知新冠肺炎有需多是輕症甚至是無症狀感染就算通通隔離也是會有漏網之魚。
「當大陸解禁來台時屆時兩岸來往的人更多」包含許久沒回來的台商一定一解禁就急著回來「到時台灣是要維持境外阻絕政策嗎？」
「現在防疫單位衛福部還是以保持零社區的思維然而未來是全面政治、經濟問題這麼大的格局不是防疫人員有辦法思考的。」
蘇益仁指出就像日前陸配子女能不能回台陸委會和指揮中心不同調政策一日四變以及昨晚發生陳時中先說是社區感染後來又改口「這種情形一再發生到底是誰在主導？」顯然衛福部的層級是不夠去評估的若每次都是後不同調民眾到底要相信誰？
蘇益仁建議整體防疫應該提高到國安層級可以參考美國在H1N1流感大流行時的經驗由美國ＣＤＣ提供疫情資訊給白宮再由白宮國安專家整體評估做出各項管控措施。</t>
  </si>
  <si>
    <t>蘇益仁防疫專家疫情大陸衛福部隔離指出層級醫院國安臺灣回來症狀政策現在到底整體肺炎必須可以兩岸發生</t>
  </si>
  <si>
    <t>人員駐法確診證實中心肺炎指揮</t>
  </si>
  <si>
    <t>中央流行疫情指揮中心證實我法國駐外人員確診新冠肺炎指揮官陳時中表示其在4月23日採檢4月27日確診依法國規定確診者需居家隔離這名駐外人員中現在法國居家隔離中。</t>
  </si>
  <si>
    <t>法國確診駐外人員居家隔離中心證實陳時中指揮官肺炎指揮表示規定疫情現在流行中央</t>
  </si>
  <si>
    <t>法國駐外人員證實確診4月</t>
  </si>
  <si>
    <t>法國人員駐外證實確診</t>
  </si>
  <si>
    <t>不明後生解封感染尾聲邁向疫情成為常態本土</t>
  </si>
  <si>
    <t>台灣近期本土新冠肺炎新增個案趨於平緩中山醫學大學附設醫院兒童急診科主任謝宗學分析國內整體疫情處於尾聲研判7月26日後應該能迎來解封、降級。但他指出台灣要「清零」的難度很高、機率極低未來社區出現</t>
  </si>
  <si>
    <t>臺灣肺炎新增難度個案趨於平緩中山醫學大學附設醫院兒童指出急診科主任謝宗降級學分國內整體</t>
  </si>
  <si>
    <t>台灣近期本土新冠肺炎新增個案趨於平緩中山醫學大學附設醫院兒童急診科主任謝宗學分析國內整體疫情處於尾聲研判7月26日後應該能迎來解封、降級。但他指出台灣要「清零」的難度很高、機率極低未來社區出現不明感染源恐成為常態待疫苗接種達到群體免疫的程度後才可能回歸正常生活。
「大火撲滅後剩下來的星星之火反而最難處理。」謝宗學10日於臉書指出7/8到7/10間國內分別新增18、32、31例本土個案扣除掉居家隔離的人數後實際對社區有風險的確診數為12、19、12例。謝宗學分析「連續3天確診數維持在10～20人中間整體疫情趨勢的確是趨於緩和且處於疫情尾聲」但重點是「尾聲」會持續多久？
由於整體疫情趨勢向下的方向不變再加上臺北市場群聚和屏東Delta群聚事件都在控制中謝宗學維持先前預測「若沒意外解除三級警戒的日子應該就是 7/26」。至於近日「微解封」爭議不斷他則指出這是向經濟民生妥協的過渡時期做法兩難之中儘量取得的平衡。
對於安親班和幼兒園是否開放謝宗學認為這件事應該單獨來看「在仍有不明感染源不時出現的時空背景下解封真的合適嗎？」他自己是不贊成將孩子送到空間狹小、兒童群聚、戴口罩可能不確實的環境中寧願多觀察一些日子到7/26再看看。
謝宗學指出即使7/26解封、降級社區不時還會有零星不明感染源的病例出現且可能變成常態坦言台灣要清零的難度很高、機率極低未來必須學習和病毒共存。對此大家能做的就是隨時做好個人衛生防護輪到自己順位時趕快去打疫苗「等到接種率提高到形成群體免疫的程度我們才能逐漸回到正常生活」。
謝宗學表示國內的疫苗覆蓋率像火箭升空般快速拉升已經越來越接近未曾被疫情肆虐過的紐西蘭並且和最近同樣爆發疫情的越南逐漸拉開差距。謝宗學說目前的接種率已經突破12％在七月底完成25％的目標很有機會可以實踐。</t>
  </si>
  <si>
    <t>疫情宗學指出應該疫苗可能國內解封接種社區謝宗整體已經出現臺灣不明兒童日子感染</t>
  </si>
  <si>
    <t>解封尾聲不明感染源疫情微解封</t>
  </si>
  <si>
    <t>不明解封感染疫情尾聲</t>
  </si>
  <si>
    <t>治癒患者重症肺炎順利成功分院出院大雲</t>
  </si>
  <si>
    <t>雲林縣1對到北部發展的夫妻感染新冠肺炎先生為無症狀、太太為重症經插管加護病房治療與跨團隊一系列治療後太太於本月2日順利拔管隨後透過視訊接受呼吸復健治療逐漸恢復肺功能夫婦雙雙恢復出院16日以</t>
  </si>
  <si>
    <t>治療太太發展恢復夫妻感染肺炎北部先生逐漸症狀複健重症透過呼吸接受隨後插管順利本月</t>
  </si>
  <si>
    <t>雲林縣1對到北部發展的夫妻感染新冠肺炎先生為無症狀、太太為重症經插管加護病房治療與跨團隊一系列治療後太太於本月2日順利拔管隨後透過視訊接受呼吸復健治療逐漸恢復肺功能夫婦雙雙恢復出院16日以視訊舉辦出院記者會雲林縣長張麗善也到場關心為這對夫婦獻上祝福。
台大醫院雲林分院院長黃瑞仁表示去年院方成功治癒2名奧捷團重症母女今年5月以來這波嚴峻疫情中案4591先生62歲、案4592太太59歲在醫療團隊的悉心照顧下這對夫妻接續脫離險境好消息讓醫護團隊為之振奮。
院方醫療團隊總召集人、醫務特別助理陳崇裕表示重症插管的太太5月25日由於血氧下降至92％胸部X光也開始出現雙側浸潤醫護人員立即向疾管署申請使用瑞德西韋但氧氣需求仍日益增加5月27日在解釋病情後太太與仍然無症狀的先生通完電話後對醫師說「就通通交給台大醫院了」。
插管團隊由急診部主任江文莒指揮插管當下病人並無任何氣喘卻顯示僅75％的血氧飽和度出現「沈默的缺氧」狀況所幸醫護人員悉心照顧以及每天2次由陳崇裕醫師主持的醫療對策會議下病情逐日好轉本月2日順利拔管。
陳崇裕指出太太拔管後病況1度出現惡化氧氣需求增加瀕臨再度插管險境醫療團隊決定使用「清醒伏臥法」也就是俗稱的「超人姿勢」順利讓下降的血氧回復到健康人的水準本月7日病情穩定轉出加護病房與丈夫相聚2人恢復良好核酸檢驗CT值均已大於30因此安排出院。</t>
  </si>
  <si>
    <t>團隊太太插管醫療出現重症恢復病情順利先生治療本月台大醫院表示夫妻使用醫護人員院方夫婦醫師陳崇裕</t>
  </si>
  <si>
    <t>拔管插管重症新冠肺炎台灣</t>
  </si>
  <si>
    <t>重症插管肺炎臺灣</t>
  </si>
  <si>
    <t>衝擊海嘯經濟當前政府王文淵適度開放產業</t>
  </si>
  <si>
    <t>台塑(1301)集團總裁王文淵今(13)日出席臺北紡織展他表示台灣已躍升全球機能性紡織品主要原料供應的重鎮現階段正值美中關係緊張、疫情升溫對經濟的影響遠遠超過2008年金融海嘯因此期許政府審慎面對儘快適</t>
  </si>
  <si>
    <t>政府期許出席海嘯金融臺北超過紡織遠遠表示影響臺灣經濟升溫疫情審慎王文淵緊張美中關係全球正值機能性紡織品現階段</t>
  </si>
  <si>
    <t>台塑(1301)集團總裁王文淵今(13)日出席臺北紡織展他表示台灣已躍升全球機能性紡織品主要原料供應的重鎮現階段正值美中關係緊張、疫情升溫對經濟的影響遠遠超過2008年金融海嘯因此期許政府審慎面對儘快適度開放國際商業活動才能確保產業持續營運讓台灣渡過危機。
王文淵表示台灣紡織業已經逐漸轉型為高科技產業持續在機能性紡織品領域創新研發國際品牌想要採購機能性布料都是以台灣作第一個選擇由此可見台灣已經成為全球機能性紡織品主要原料供應的重鎮。
王文淵表示隨著全球對氣候暖化的重視台灣紡織業者在環保紡織品的開發也投入很多的努力。今年臺北紡織展除了有機能性及環保兩大展出重點之外為因應工業40的發展自動化紡織機械及縫紉設備也是今年重要的展出項目。
面對新冠肺炎疫情王文淵表示台灣紡織業由防水透氣等機能布料的研究基礎上再精進立刻掌握到防止病毒、血液滲透的關鍵技術製造出具備良好透濕度的 防護衣布料可以取代進口進而全力配合政府組成紡織國家隊。
王文淵表示在這波疫情衝擊下紡織業者不分上、中、下游陸續調整產品結構投入防疫產品的生產行列更進一步發展個人防護裝備需求的新商機這個嶄新的防疫產品供應鏈在今年臺北紡織展也有完整的呈現。
王文淵表示近來美中對立與新冠肺炎疫情升溫對台灣帶來非常大的衝擊及挑戰尤其疫情對經濟的影響遠遠超過2008年金融海嘯比預期還嚴重商業活動幾乎全面停滯因此期許政府審慎面對但也應該兼顧防疫要求與經濟發展儘快適度開放國際商業活動才能確保產業持續營運讓台灣渡過危機。
臺北紡織展是台灣紡織業最重要的活動今年共有356家廠商參展使用803個展位並有40多個國際品牌將參加線上及實體的洽談會。</t>
  </si>
  <si>
    <t>臺灣王文淵表示紡織業機能性紡織疫情今年布料紡織品發展臺北防疫政府面對經濟全球產品供應國際品牌商業活動持續展出環保</t>
  </si>
  <si>
    <t>王文淵台塑紡織展新冠肺炎美中貿易</t>
  </si>
  <si>
    <t>肺炎紡織美中台塑貿易王文淵</t>
  </si>
  <si>
    <t>粉絲提前大馬家鄉返台田士廣</t>
  </si>
  <si>
    <t>演出Netflix影集《彼岸之嫁》爆紅的田士廣最近初嘗走紅滋味日前他剛受國際知名品牌COACH吉隆玻旗艦店之邀回到故鄉馬來西亞出席活動衣錦還鄉的他全程受到高規格接待。不過才返台2天田士廣就驚聞大馬已宣佈1</t>
  </si>
  <si>
    <t>演出Netflix影集《彼岸之嫁》爆紅的田士廣最近初嘗走紅滋味日前他剛受國際知名品牌COACH吉隆玻旗艦店之邀回到故鄉馬來西亞出席活動衣錦還鄉的他全程受到高規格接待。不過才返台2天田士廣就驚聞大馬已宣佈18日起全國封城2周與經紀人差一點就回不來台灣的他忍不住驚呼：「好加在！還好提前回來了！」
田士廣的老家在柔佛巴魯此行回大馬他算是過家門而不入前3天忙工作後3天忙著探訪音樂界友人聊之後的音樂合作計畫忙到沒時間回家看家人。由於全球新冠肺炎疫情險峻他與經紀人從桃園機場出境搭飛機開始到落地、出席活動全程除了拍照、用餐其餘時間幾乎全戴著口罩搭機時更特別戴2層吃飯時也完全不交談防疫做好做滿。
盼回饋家鄉
他與經紀人廖麗雯好奇當地朋友戴口罩者不算多對方苦笑回「因為買不到我們的口罩都送別的國家了。」大家都很羨慕他們可以住在台灣政府和多數百姓的防疫也都做得很嚴謹甚至超前部署。
田士廣高中畢業後就跟隨哥哥的腳步來台灣讀大學過去7年中為了省錢只有去年回馬國柔佛巴魯拍《彼岸之嫁》才終於與爸媽相聚。他對台灣已有深厚感情去年10月拿到台灣居留證後原本自認身體好沒打算申請健保卡但最近新冠肺炎疫情肆虐台灣有著令全球羨慕的健保他這兩天打算去健保局辦好手續之後也會申請台灣身分證但他強調若有能力還是會希望回饋自己的家鄉。</t>
  </si>
  <si>
    <t>臺灣田士廣經紀人口罩最近柔佛巴魯時間之後羡慕大馬申請彼岸出席</t>
  </si>
  <si>
    <t>健保彼岸羨慕肺炎大馬</t>
  </si>
  <si>
    <t>彼岸羡慕肺炎大馬</t>
  </si>
  <si>
    <t>停辦學期教育台中遊台升級中學防疫</t>
  </si>
  <si>
    <t>因應新冠肺炎疫情蔓延台中市政府教育局陸續接獲開課單位、學生及家長們的意見為避免學子異地移動及群聚感染風險決定暫停108學年度第2學期「優遊台中學-跨校選修課程」教育局已彙整線上學習資源讓學生在家</t>
  </si>
  <si>
    <t>教育局學生疫情蔓延台中市政府整線陸續決定風險學年度感染學期移動遊台異地中學學子選修課單位避免</t>
  </si>
  <si>
    <t>因應新冠肺炎疫情蔓延台中市政府教育局陸續接獲開課單位、學生及家長們的意見為避免學子異地移動及群聚感染風險決定暫停108學年度第2學期「優遊台中學-跨校選修課程」教育局已彙整線上學習資源讓學生在家自主學習防疫期間學習不中斷。
教育局長楊振昇表示108學年度第2學期「優遊台中學-跨校選修課程」由台中市6個社教館院、14所大學及48所高中職跨域跨校合作規劃88門、102堂假日課程創歷年新高原因應新冠肺炎疫情延後辦理但近日疫情升溫決定暫停舉辦另行評估開放時間。
楊振昇強調為避免學校大規模停課影響學生學習教育局已彙整線上學習資源家長、老師、學生可利用線上教學資源中心自主學習讓學子們防疫期間學習不中斷。</t>
  </si>
  <si>
    <t>學生學習疫情教育局決定楊振升肺炎避免家長學子學年度選修課學期自主期間資源課程游台歷年原因應新冠新高</t>
  </si>
  <si>
    <t>新冠肺炎疫情優遊台中學防疫</t>
  </si>
  <si>
    <t>疫情肺炎中學防疫</t>
  </si>
  <si>
    <t>高端接受疫苗院所預約東縣接種</t>
  </si>
  <si>
    <t>中央流行疫情指揮中心宣佈即日起至6日止開放20歲以上民眾有意願接種第1劑高端疫苗免至預約平臺登記即可到醫療院所預約登記接種台東縣內計有16各鄉鎮市衛生所及7間診所共23間醫療院所參與民眾可至醫療院所預約</t>
  </si>
  <si>
    <t>接種民眾預約醫療院所登記中心宣佈即日起指揮開放以上各鄉鎮意願計有平臺高端疫苗東縣疫情衛生所診所</t>
  </si>
  <si>
    <t>中央流行疫情指揮中心宣佈即日起至6日止開放20歲以上民眾有意願接種第1劑高端疫苗免至預約平臺登記即可到醫療院所預約登記接種台東縣內計有16各鄉鎮市衛生所及7間診所共23間醫療院所參與民眾可至醫療院所預約接種。
台東縣衛生局表示截至9月2日台東縣高端疫苗接種人數為3465人而此次共計16個向鎮市衛生所東興內科診所洗腎診所、小太陽、民安、李文正、蔡明宏、尤憲明診所等 6間市區診所以及卑南鄉初鹿診所等23間醫療院所可接種施打如年滿20歲以上民眾有意願接種第1劑高端疫苗者把握機會。
衛生局再次呼籲18歲以上民眾如仍未接種新冠疫苗或待接種第2劑疫苗者目前皆回歸COVID-19公費疫苗預約平臺https：／／1922govtw／vab／indexjsp登記每期開放時間、疫苗種類、對象接以中央公告為主如需協助者可攜帶身分證及健保卡至衛生所、公所、地政所、戶政所、縣民服務中心等單位由專人協助預約。</t>
  </si>
  <si>
    <t>疫苗接種預約診所衛生所民眾登記中心醫療院所高端開放以上東縣衛生局平臺中央太陽服務意願蔡明宏縣民公所戶政</t>
  </si>
  <si>
    <t>新冠肺炎台灣診所醫療院所台東縣</t>
  </si>
  <si>
    <t>臺灣診所肺炎醫療院所東縣</t>
  </si>
  <si>
    <t>傳播社區出現名稱重要</t>
  </si>
  <si>
    <t>美國疾病管制暨預防中心（CDC）把台灣列為出現明顯「社區傳播」現象臺北市長柯文哲21日指出重點不是名稱實務比較重要必須在出現後很快找到撲滅掉才是正確作法。美疾管中心指台發生社區傳播柯文哲認為</t>
  </si>
  <si>
    <t>中心出現社區柯文哲傳播cdc正確臺灣作法撲滅找到很快名稱必須重要比較重點指出列為發生</t>
  </si>
  <si>
    <t>美國疾病管制暨預防中心（CDC）把台灣列為出現明顯「社區傳播」現象臺北市長柯文哲21日指出重點不是名稱實務比較重要必須在出現後很快找到撲滅掉才是正確作法。
美疾管中心指台發生社區傳播柯文哲認為名稱不重要何必拘泥名稱還是實務比較重要以他的醫學知識告訴自己說社區感染一定會發生因為檔不住 。
柯文哲說很簡單潛伏期隨便講7天就好被感染的人坐飛機進台灣完全沒有生病這個人卻在台灣開始咳嗽所以會出現社區感染他覺得沒有什麼了不起只是出現後可以很快找到撲滅掉這才是正確作法重點不是拘泥名詞叫什麼東西他是不太在意那個名詞。
柯表示美國列名是照美方的科學符合哪些條件做出這個定義他還是那句話名稱不重要實務效果比較重要。
衛生署前署長詹啟賢稱台灣是否為社區感染只是面子問題柯文哲對此回應不要問他這種題目醫學很簡單問醫學他就回答醫學但醫學扯到政治就不想回答了。
此外第24例新冠肺炎確診案例在北部面對北北基共同生活圈該怎麼防範柯文哲說社區感染回復社區的防治還是一樣人多、與不特定人接觸、密閉空間就戴口罩其實他坐公車還是有戴隨著感染增加戴口罩的百分比是否調高就看自己的判斷。</t>
  </si>
  <si>
    <t>感染社區柯文哲臺灣出現重要名稱是否中心比較重點回答口罩名詞沒有傳播發生拘泥美國</t>
  </si>
  <si>
    <t>新冠肺炎柯文哲武漢臺北市CDC</t>
  </si>
  <si>
    <t>武漢柯文哲肺炎臺北市cdc</t>
  </si>
  <si>
    <t>特權黃秋生發聲臺灣入境</t>
  </si>
  <si>
    <t>港星黃秋生昨日提到自己因工作來台目前正在接受14天隔離檢疫更引起大票網友鼓吹「入籍台灣」他也大方地回應「準備中」；但現在正處疫情期間先前政府有禁止陸、港、澳人士或去過上述地區都暫緩入境因此黃秋</t>
  </si>
  <si>
    <t>地區人士工作提到目前禁止正在接受隔離政府檢疫先前期間引起疫情大票網友鼓吹現在入籍臺灣</t>
  </si>
  <si>
    <t>港星黃秋生昨日提到自己因工作來台目前正在接受14天隔離檢疫更引起大票網友鼓吹「入籍台灣」他也大方地回應「準備中」；但現在正處疫情期間先前政府有禁止陸、港、澳人士或去過上述地區都暫緩入境因此黃秋生能來台灣遭疑有特權他今(13)稍早也在臉書發聲解釋並道歉。
黃秋生來台拍攝公視影集《四樓的天堂》將停留台灣幾個月但身為港星卻能入境台灣更受到不少質疑聲浪認為他有特權才能來台灣；但他稍早在臉書闢謠表示自己是透過正當程式申請簽證花了好幾個月的時間並非網友說的有特權對於造成一些人的困擾深感抱歉。
黃秋生臉書全文：
我入境台灣沒有持權的從正途申請簽證前後搞了個多月完全根據台灣的隔離政策。我不是旅遊身份入境的對於令別人帶來不必要的解釋非常抱歉。</t>
  </si>
  <si>
    <t>臺灣入境黃秋生特權對於網友申請簽證解釋抱歉影集拍攝生來天堂黃秋</t>
  </si>
  <si>
    <t>黃秋生港星台灣特權入境</t>
  </si>
  <si>
    <t>特權臺灣黃秋生入境</t>
  </si>
  <si>
    <t>團隊系統性台大倒閉國泰風險</t>
  </si>
  <si>
    <t>新冠肺炎疫情愈演愈烈衝擊全球經濟台灣經濟也受影響。國泰金控及台大組成的產學團隊18日舉辦線上說明會國泰台大產學合作團隊協同主持人徐之強指出2020年台灣經濟成長率由23％下修至2％仍可「保二」。第二</t>
  </si>
  <si>
    <t>經濟國泰臺灣團隊愈演愈烈修至疫情指出衝擊徐之強影響全球主持人金控協同台大合作組成說明會台大產舉辦成長率肺炎</t>
  </si>
  <si>
    <t>新冠肺炎疫情愈演愈烈衝擊全球經濟台灣經濟也受影響。國泰金控及台大組成的產學團隊18日舉辦線上說明會國泰台大產學合作團隊協同主持人徐之強指出2020年台灣經濟成長率由23％下修至2％仍可「保二」。
第二季後半台灣金融情勢有機會小幅改善但仍處在「趨向緊縮」的狀態。該團隊同時預期台灣央行將降息半碼（0125個百分點）應對。
新冠肺炎疫情正在讓美國經濟成長陷入停滯甚至出現衰退的聲音對此徐之強認為目前還沒有這麼悲觀因為還沒到「系統性倒閉」風險。
徐之強分析過去台灣經濟成長率只有二年是負成長分別是2001年網路泡沫台灣GDP為-14％另一次則是2009年金融海嘯台灣GDP呈現-16％ 其他期間即使是遇到SARS台灣GDP都還有4％以上。
他認為今年經濟不會衰退主要是2001、2009年都可看到網際公司倒閉、金融公司倒閉潮但目前美國並沒有系統性風險倒閉潮的現象且全球央行施行寬鬆政策救市台灣經濟成長預料仍可保二。但若美國經濟成長率真的邁入負成長台灣經濟成長率就無法保二甚至達下界1％都是問題因為美國是全球經濟最重要的引擎。
目前國泰台大團隊預期疫情在上半年可結束下半年可回到平均數的成長力道。
徐之強指出過去八年台灣經濟成長達27％若今年下半年3％、上半年1％全年就可到2％。除非未來發生很多重要企業倒閉潮就可能達不到八年平均成長率但現在看來台灣1、2月出口還沒有這個現象台積電與各重要公司的營收還有一定的動能。
至於國泰台大團隊預期央行僅降半碼而非1碼徐之強說主要是2008年台灣重貼現率是125％現在是1375％就是差半碼因應美國降息央行極有可能降半碼但央行不是只有利率政策工具還有非傳統貨幣政策工具可讓市場流動性增加。
徐之強也點出五大影響2020年經濟成長與金融情勢的主要因素：新冠肺炎疫情擴散程度與時間增添全球景氣不確定性；「OPEC+」凍產協議破裂打擊油價衝擊全球經濟成長；應對全球景氣衰退擔憂主要國家財政與貨幣政策措施；英國順利脫歐後未來英歐新關係談判動向；大陸加大刺激的財政政策與偏寬鬆貨幣政策的穩定效果。</t>
  </si>
  <si>
    <t>臺灣經濟成長徐之強全球團隊美國央行國泰金融貨幣政策成長率疫情重要目前台大倒閉未來預期寬鬆</t>
  </si>
  <si>
    <t>徐之強央行台灣經濟成長美國肺炎</t>
  </si>
  <si>
    <t>成長經濟臺灣央行美國徐之強肺炎</t>
  </si>
  <si>
    <t>遠離張麗善主管茹素祈禱</t>
  </si>
  <si>
    <t>雲林縣食品業者也遭受疫情波及業績下滑但仍對防疫第一線醫護人員表示關懷及支持縣府除了配合中央周全部署各項防疫措施外縣長張麗善則帶頭號召一級主管茹素3天藉以祈望疫情快遠離。疫情當前一切都以防疫為</t>
  </si>
  <si>
    <t>防疫疫情遭受波及茹素號召業績主管帶頭下滑張麗善縣長支持縣府第一線措施醫護人員表示部署關懷周全中央配合遠離</t>
  </si>
  <si>
    <t>雲林縣食品業者也遭受疫情波及業績下滑但仍對防疫第一線醫護人員表示關懷及支持縣府除了配合中央周全部署各項防疫措施外縣長張麗善則帶頭號召一級主管茹素3天藉以祈望疫情快遠離。
疫情當前一切都以防疫為優先即使是攸關信仰的宗教活動也不例外所以全國各遶境進香活動幾乎全部暫停雲林北港朝天宮也取消今年的媽祖誕辰出巡遶境改發起慈悲月送素食活動。
張麗善也號召縣府一級主管響應從4月11日到13日吃素3天祈求媽祖保佑新冠肺炎疫情快快結束。</t>
  </si>
  <si>
    <t>疫情防疫活動媽祖縣府號召張麗善主管遭受保佑第一線下滑支持波及優先醫護人員表示茹素關懷業績</t>
  </si>
  <si>
    <t>張麗善新冠肺炎台灣</t>
  </si>
  <si>
    <t>臺灣肺炎張麗善</t>
  </si>
  <si>
    <t>洗手服務處弱勢莊競</t>
  </si>
  <si>
    <t>民進黨台中市立委莊競程服務處結合民力16日準備3000瓶「茶樹乾洗手凝膠」隨身瓶給北屯區弱勢家庭防疫倡導勤洗手的衛教觀念。為避免群聚感染莊競程服務處當場示範防疫所有參加者進行量額溫、雙手噴上消毒</t>
  </si>
  <si>
    <t>防疫莊競服務處進行參加者示範結合茶樹隨身當場民力準備感染衛教北屯區宣導勤洗手避免觀念弱勢家庭</t>
  </si>
  <si>
    <t>民進黨台中市立委莊競程服務處結合民力16日準備3000瓶「茶樹乾洗手凝膠」隨身瓶給北屯區弱勢家庭防疫倡導勤洗手的衛教觀念。為避免群聚感染莊競程服務處當場示範防疫所有參加者進行量額溫、雙手噴上消毒酒精並發送口罩配戴防疫滴水不露。
透過民進黨台中市立委莊競程、市議員曾朝榮的協助愛心不落人後的康斯生技有限公司提供3000瓶「茶樹乾洗手凝膠」隨身瓶免費贈送北屯區弱勢戶現場約有40位北、北屯區的裡長們代表受贈協助弱勢戶挺過這波疫情。
莊競程表示對健康民眾而言配戴口罩不如落實勤洗手向裡民宣導養成勤洗手清潔習慣減少大型集會的頻率和規模或調整群聚活動的形式並經由科技方式如改為網路聚會或線上課程等降低疫情傳染散播機率、減少感染。
北屯區平陽裡長張連進指出暖商協助地方防疫捐贈乾洗手凝露1瓶60ml酒精成分75％隨身瓶方便攜帶出門隨時清潔手部熱心關懷弱勢一起做好防疫確保裡民身體健康、安全。
民進黨市議員曾朝榮說台灣疫情防範措施相較世界各國來的嚴謹但弱勢戶經濟拮据防疫物資相較欠缺亟需外界給予支援與關懷尤其第一線的裡長為民服務配戴口罩、勤洗手是最直接、最基本的防護措施。</t>
  </si>
  <si>
    <t>防疫弱勢勤洗手疫情北屯區協助裡長口罩配戴莊競減少隨身清潔關懷相較感染酒精裡民服務處民進曾朝榮議員洗手茶樹</t>
  </si>
  <si>
    <t>新冠肺炎CONID-19武漢肺炎新型冠狀病毒莊競程</t>
  </si>
  <si>
    <t>武漢肺炎conid-冠狀病毒莊競</t>
  </si>
  <si>
    <t>總統花香肺炎蘇揆稱中央防疫無知</t>
  </si>
  <si>
    <t>行政院長蘇貞昌23日到新北市樹林區農業改良所臺北分場視察花卉、蔬果栽種情況蘇揆表示這裡的桂花很香可以測試嗅覺有無異狀並藉此得知是否感染新冠肺炎。對此新北市議員葉元之痛批蘇揆無知、歧視他更直</t>
  </si>
  <si>
    <t>蘇揆新北葉元之樹林異狀有無嗅覺測試得知可以是否臺北感染分場議員視察桂花改良花卉表示蔬果栽種情況</t>
  </si>
  <si>
    <t>行政院長蘇貞昌23日到新北市樹林區農業改良所臺北分場視察花卉、蔬果栽種情況蘇揆表示這裡的桂花很香可以測試嗅覺有無異狀並藉此得知是否感染新冠肺炎。對此新北市議員葉元之痛批蘇揆無知、歧視他更直言蔡總統曾說過無知和歧視無助於控制疫情說的就是蘇揆這樣的人。
《中天新聞》報導葉元之表示蔡英文總統曾說「無知和歧視無助於疫情的控制」而這句話就是在講蘇貞昌 蘇貞昌就是最無知而且會歧視別人的人「聞不到就是得到新冠肺炎？那麼多人鼻子過敏像我鼻子過敏也常常聞不到所以我現在要去隔離了嗎？怕傳染給別人嗎？」
葉元之質疑是不是未來要檢測有沒有確診就直接測試嗅覺？若有境外旅客入境移民署就要準備很多香料讓人家來聞「看你聞不聞得到九層塔還是聞不聞得到臭豆腐」聞不到就直接隔離；或者醫院進行篩檢時用九層塔取代核酸檢測「所以講這種話就是無知而且歧視」。
對於蘇揆將新冠肺炎患者症狀之一的嗅覺異常拿來嘲笑葉元之直批把別人的傷痛掛在嘴上嘲笑別人病患聽到會有多傷心？在第一線照顧病人的醫護人員聽到行政院長把病人的症狀拿來當成嘲笑的一句話會有多難過？「我們在前線打仗你在後面翹二郎腿說風涼話」。
最後葉元之更砲轟蘇揆不配做人民的父母官居然拿人民傷痛來嘲笑並指這種無知、歧視的人早就該下臺。</t>
  </si>
  <si>
    <t>蘇揆無知葉元之歧視嗅覺嘲笑肺炎隔離表示測試檢測新北聽到直接症狀</t>
  </si>
  <si>
    <t>無知蘇貞昌葉元之新冠肺炎蔡英文</t>
  </si>
  <si>
    <t>葉元之肺炎蘇貞昌無知蔡英文</t>
  </si>
  <si>
    <t>臺灣face助威研勤樂漲通信網</t>
  </si>
  <si>
    <t>研勤(3632)在疫情關係下以人臉辨識為核心基礎研發之「Face8台灣臉霸」接案量持續攀升上月更拿下政府機關標案公司持續走在轉型的路上研勤今股價開高震盪一度大漲逾8%最高達1495元盤中漲幅收斂到3%附近</t>
  </si>
  <si>
    <t>持續研勤最高辨識人臉核心漲逾基礎一度研發face震盪臺灣開高股價接案路上政府收斂漲幅攀升轉型上月</t>
  </si>
  <si>
    <t>研勤(3632)在疫情關係下以人臉辨識為核心基礎研發之「Face8台灣臉霸」接案量持續攀升上月更拿下政府機關標案公司持續走在轉型的路上研勤今股價開高震盪一度大漲逾8%最高達1495元盤中漲幅收斂到3%附近。
研勤傳統業務行車紀錄器市場式微研勤全力發展新業務有鑑於目前台灣已進入防疫新生活運動階段消費與經濟活動開始復甦各旅遊景點人潮回流為有效快速且非接觸測溫與控管人流研勤以人臉辨識為核心基礎研發之「Face8台灣臉霸」接案量持續攀升6月更取得政府單位指標性標案為研勤遍佈全台的目標更向前一步。
研勤指出為防範疫情二次爆發具備資本基礎的企業擴大投資防疫設備的意願大幅提升研勤從自家辦公大樓、旗下釀酒廠與餐酒館門市導入出發防疫控管成效卓越進一步加速推廣至其他餐廳、健身房、廠房工地深受客戶肯定。
針對今年度的展望受到研勤仍處於轉型狀態影響現階段規劃逐步降低車安相關業務比重轉往較具健全獲利模式之人臉辨識系統由於人臉辨識採收案認列方式提列短期營收表現雖未銜接挹注仍有助未來營運體質更加完善健全。
研勤6月合併營收為30474萬元年減1742％累計上半年營收為1億4664萬元較去年同期減少5243%。</t>
  </si>
  <si>
    <t>研勤防疫業務人臉辨識持續基礎控管健全轉型臺灣疫情政府攀升核心旅遊景點復蘇人潮</t>
  </si>
  <si>
    <t>研勤新冠肺炎行車紀錄器人臉辨識Face8台灣臉霸</t>
  </si>
  <si>
    <t>行車辨識紀錄人臉肺炎face臺灣研勤</t>
  </si>
  <si>
    <t>聽取尚未紓困蘇揆澄清特別條例簡報</t>
  </si>
  <si>
    <t>行政院會週四將通過新冠肺炎紓困特別條例外傳行政院長蘇貞昌本週一已聽取簡報條文名稱定為「嚴重特殊傳染性肺炎防治及紓困振興特別條例」行政院發言人Kolas Yotaka澄清蘇揆尚未聽過簡報各條文均在討論中</t>
  </si>
  <si>
    <t>簡報條文肺炎條例紓困特別行政院尚未蘇揆澄清yotaka名稱聽取kolas定為嚴重本週一發言人特殊傳染性蘇貞昌行政院長外傳防治振興</t>
  </si>
  <si>
    <t>行政院會週四將通過新冠肺炎紓困特別條例外傳行政院長蘇貞昌本週一已聽取簡報條文名稱定為「嚴重特殊傳染性肺炎防治及紓困振興特別條例」行政院發言人Kolas Yotaka澄清蘇揆尚未聽過簡報各條文均在討論中並未定案。
政院今天將確定紓困條例相關條文外界關注除了中小企業的紓困外一般民眾若因隔離造成收入減少是不會有隔離津貼發放但相關內容都有待條文公佈目前政務委員羅秉成正與各部會最後確認中。
外傳條文名稱不超過20條文名稱定為「嚴重特殊傳染性肺炎防治及紓困振興特別條例」。但Kolas說蘇揆還沒聽過簡報各法條仍在討論中尚未定案今天會再議。</t>
  </si>
  <si>
    <t>條文紓困條例簡報隔離尚未外傳相關特別肺炎名稱今天kolas蘇揆定案行政院討論定為振興嚴重目前政務委員公佈</t>
  </si>
  <si>
    <t>紓困條文條例特別特別條例</t>
  </si>
  <si>
    <t>條文特別紓困條例</t>
  </si>
  <si>
    <t>臨床實驗批准印度肺炎covaxin疫苗</t>
  </si>
  <si>
    <t>印度巴拉特生技（Bharat Biotech）週一表示其跟印度醫學研究委員會（ICMR）的國家病毒研究所（NIV）合作研發治療新冠肺炎的疫苗Covaxin成為印度政府批准首款進行人體第1和第2階段臨床實驗的疫苗。其計劃7月開始</t>
  </si>
  <si>
    <t>疫苗印度週一表示階段醫學人體研究委員會icmr進行國家病毒批准研究所印度政府niv合作成為研發covaxin治療肺炎biotech臨床實驗bharat</t>
  </si>
  <si>
    <t>印度巴拉特生技（Bharat Biotech）週一表示其跟印度醫學研究委員會（ICMR）的國家病毒研究所（NIV）合作研發治療新冠肺炎的疫苗Covaxin成為印度政府批准首款進行人體第1和第2階段臨床實驗的疫苗。其計劃7月開始實驗。</t>
  </si>
  <si>
    <t>疫苗印度週一表示臨床實驗醫學階段研究委員會人體icmr國家病毒進行研究所批准niv合作印度政府研發成為covaxin治療肺炎biotechbharat</t>
  </si>
  <si>
    <t>Covaxin臨床實驗首款印度疫苗</t>
  </si>
  <si>
    <t>covaxin印度臨床實驗疫苗</t>
  </si>
  <si>
    <t>歡迎管理自主台中機師噴發疫情</t>
  </si>
  <si>
    <t>雙北本土疫情連日以來激增數百例更早之前的華航、諾富特群聚事件反而逐漸「歸零」。竟有一名機師在臉書PO文嘲諷目前的疫情酸「歡迎各位自主健康管理」還嗆「什麼？你們台中還沒三級喔？」囂張言論引起網友不</t>
  </si>
  <si>
    <t>疫情囂張激增健康自主言論之前歡迎華航富特事件反而逐漸目前嘲諷機師</t>
  </si>
  <si>
    <t>雙北本土疫情連日以來激增數百例更早之前的華航、諾富特群聚事件反而逐漸「歸零」。竟有一名機師在臉書PO文嘲諷目前的疫情酸「歡迎各位自主健康管理」還嗆「什麼？你們台中還沒三級喔？」囂張言論引起網友不滿。
華航、諾富特事件爆發後機師族群成了眾矢之的網友認為機師坐領高薪卻無視疫情風險自主管理期間還出來趴趴走甚至約會把病毒傳入社區；主導協調改為3+11的立委範雲也成了網友砲轟對象當時已有不少機師承受莫大壓力。
現在華航、諾富特疫情趨緩反倒是雙北成了重災區一名機師在某臉書社團留言「不好意思在下忝為死雞師一員要槍斃我們嗎？歡迎各位來到死雞師們早已習慣的自主健康管理生活。」
該機師愈講愈酸似乎在宣洩先前成為箭靶的不滿「喔抱歉是已經被關過管他幾天才能過一下然後又強迫重複循環被關的日常。什麼？你們台中還沒三級喔？放心啦也不過就是接下來兩天的事一起來體驗吧！要早點習慣只會越來越糟的。」
偏激言論被網友截圖PO出眾人傻眼「這是很糟糕又情緒性的發言！大家並不在乎有多少人中獎大家在乎的是疫調有沒有誠實。」
「說真的機師族群同溫層效應很強他們很多人不知道自己的發言有多北七」、「一邊領高薪一邊又不願意負風險有什麼好唉唉叫的」、「醫護人員就該死嗎？同樣具備高度專業你以為只有你們機師要退讓跟忍耐嗎」。</t>
  </si>
  <si>
    <t>機師網友疫情華航管理自主不滿習慣風險po言論富特族群歡迎發言</t>
  </si>
  <si>
    <t>新冠肺炎台灣機師</t>
  </si>
  <si>
    <t>機師臺灣肺炎</t>
  </si>
  <si>
    <t>最高加班嚴重時數公務員超標防疫</t>
  </si>
  <si>
    <t>日本新冠肺炎（COVID-19）疫情嚴重導致負責處理相關業務的公務員疲於奔命日本政府坦承內閣官房防疫對策推進室中有一名職員1月的加班時數高達391小時遠超「過勞死警戒線」的每個月80小時標準。「日本放送協</t>
  </si>
  <si>
    <t>小時日本標準covid-疫情嚴重導致負責處理相關時數業務公務員加班職員疲於奔命日本政府坦承內閣推進對策防疫肺炎</t>
  </si>
  <si>
    <t>日本新冠肺炎（COVID-19）疫情嚴重導致負責處理相關業務的公務員疲於奔命日本政府坦承內閣官房防疫對策推進室中有一名職員1月的加班時數高達391小時遠超「過勞死警戒線」的每個月80小時標準。
「日本放送協會」（NHK）報導負責整理新冠肺炎因應對策的內閣官房防疫對策推進室由於日本疫情嚴重需要擔負大量業務因此該單位所屬的102名職員不僅無法在家遠距上班且1月平均加班時數為124小時其中甚至有人加班高達391小時。
就連身兼日本國家公務員制度擔當大臣的行政改革擔當大臣河野太郎也公開在記者會上表示這「太過分了」要求立即改善。經濟再生擔當大臣西村康稔則已公開致歉。他表示這名加班時數嚴重破表的職員對工作十分熱心且被周遭的許多人所依賴導致業務全都集中在他身上將修正相關業務分配和輪班制度。
為改變日本長期以來的加班文化日本2019年修改勞動相關法律規定單月加班時數不得超過100小時且在與其他月份合併計算後2至6個月內的每月平均加班時數不得超過80小時。不過民間企業仍經常違反規定公務員更不在此法保障範圍之內。《朝日新聞》先前指出由於工作環境過於嚴苛日本國家公務員的報考人數已連續4年下降。</t>
  </si>
  <si>
    <t>加班日本小時公務員業務時數相關職員嚴重大臣擔當工作公開負責表示制度導致國家疫情平均對策肺炎超過</t>
  </si>
  <si>
    <t>日本公務員加班過勞新冠肺炎</t>
  </si>
  <si>
    <t>加班公務員日本肺炎</t>
  </si>
  <si>
    <t>台南明起室內肺炎場所備戰口罩</t>
  </si>
  <si>
    <t>台新冠肺炎最近新增不少境外移入案例還有外籍駐台工程師找不到感染源對照近來的爆炸性出遊潮防疫是否會有破口令人擔憂台南市因觀光人潮多為防堵疫情決定提前備戰明天（4日）起將要求室內場所若未能保持</t>
  </si>
  <si>
    <t>境外室內要求案例還有明天外籍備戰工程師提前決定疫情場所新增感染人潮對照觀光</t>
  </si>
  <si>
    <t>台新冠肺炎最近新增不少境外移入案例還有外籍駐台工程師找不到感染源對照近來的爆炸性出遊潮防疫是否會有破口令人擔憂台南市因觀光人潮多為防堵疫情決定提前備戰明天（4日）起將要求室內場所若未能保持安全距離就要戴口罩勸導期為二周後續若未能遵守將對相關業者開罰。
台南市長黃偉哲說後疫情時代管制措施逐步開放現在疫情可能捲土重來在與中央流行疫情指揮中心討論後市府決定將管制措施逐步收攏第一步就是要求室內場所要戴口罩。
黃偉哲說確保安全是最重要的市府相關單位現在仍維持實名制、量測體溫、消毒、戴口罩等措施明日起會強制民間室內場所也要戴口罩將宣導2周並視疫情狀況調整連用餐隔板都可能再用上未來若疫情嚴峻對於一些娛樂場所將會有高強度的限制業者若不能遵守規定將根據相關法令開罰甚至勒令停業。
因有專家警告二波疫情將來襲黃偉哲也建議中央流行疫情指揮中心針對高風險地區入境民眾在居家檢疫14天後還需要進行篩檢確定未染疫情才能放行如此確保邊境管制效果。
南市府回復這項管制措施後預計百貨公司、賣場、電影院、酒店業等娛樂場所將首當其衝後續效應有待觀察。</t>
  </si>
  <si>
    <t>疫情措施口罩管制黃偉哲相關市府室內場所現在決定娛樂場所後續可能業者要求遵守境外</t>
  </si>
  <si>
    <t>疫情場所口罩措施管制</t>
  </si>
  <si>
    <t>管制口罩場所措施疫情</t>
  </si>
  <si>
    <t>康復患者院方肺炎喻為希望荷蘭火花</t>
  </si>
  <si>
    <t>新冠肺炎肆虐全球這次高齡及有慢性病的被視為感染高風險族群而在荷蘭1位101歲婦女確診後經治療已康復出院被醫院喻為「希望的火花」。根據《路透》報導這名101歲婦女在一周前因呼吸困難入住位於鹿特丹的艾</t>
  </si>
  <si>
    <t>婦女全球高齡呼吸困難前因慢性病視為感染高風險報導肆虐族群路透荷蘭火花喻為醫院出院希望康復確診治療入住肺炎位於</t>
  </si>
  <si>
    <t>新冠肺炎肆虐全球這次高齡及有慢性病的被視為感染高風險族群而在荷蘭1位101歲婦女確診後經治療已康復出院被醫院喻為「希望的火花」。
根據《路透》報導這名101歲婦女在一周前因呼吸困難入住位於鹿特丹的艾瑟蘭醫院（IJsselland Hospital）病毒篩檢後反應呈陽性。經住院治療這位百歲人瑞已康復出院醫院表示這位女士將回老家休養。
一位肺部疾病專家指出這位101歲婦人是位堅強的女士很高興她在治療期間能聽從醫生建議甚至還告訴我打噴嚏要保持適當距離也替這這位婦人感到開心已康復出院。
更多 CTWANT 報導</t>
  </si>
  <si>
    <t>醫院康復婦女婦人女士治療出院報導全球高齡慢性病視為肆虐感染高風險告訴打噴嚏甚至建議族群保持醫生適當聽從距離</t>
  </si>
  <si>
    <t>101歲這位康復出院醫院荷蘭</t>
  </si>
  <si>
    <t>荷蘭醫院康復出院</t>
  </si>
  <si>
    <t>口罩增加負擔胸腔</t>
  </si>
  <si>
    <t>什麼！帶N95口罩反而會增加身體負擔？新冠肺炎疫情擴大人人戴上口罩自保有些人會選擇戴上過濾效果最好的「N95口罩」防疫。不過胸腔重症醫生蘇一峰卻認為N95口罩的效果不一定比醫療口罩還好事實上一般民眾</t>
  </si>
  <si>
    <t>口罩效果負擔肺炎身體疫情增加擴大人人還好認為蘇一峰重症醫生胸腔防疫選擇最好過濾醫療一定反而</t>
  </si>
  <si>
    <t>什麼！帶N95口罩反而會增加身體負擔？新冠肺炎疫情擴大人人戴上口罩自保有些人會選擇戴上過濾效果最好的「N95口罩」防疫。不過胸腔重症醫生蘇一峰卻認為N95口罩的效果不一定比醫療口罩還好事實上一般民眾戴上N95口罩反而還會出現健康問題對心肺造成負擔。
今（1日）蘇一峰醫師在臉書上表示「大家在疫情時期都會戴上口罩多增一層保護可是戴上N95口罩罩不一定比一般口罩更好」。他指出這可不是愚人節玩笑若不是高風險的醫療人員戴N95口罩恐出現健康疑慮。
蘇一峰舉出2個例子：一位肺阻塞高齡患者因為擔心就戴起了N95口罩反而變得越來越喘導致呼吸困難而送急診隨後被診斷出「二氧化碳累積」的現象；另外還有一位年輕女性因為工作需要而戴上N95口罩反而吸不到空氣更導致氣喘此急性發作！
為何戴上N95口罩會導致呼吸道疾病發做呢？蘇一峰指出有4個主要原因：
●N95口罩密合度緊密且空氣阻力大如果呼吸換氣能力比較差的人使用時會使得換氣量更少導致氧氣不足甚至二氧化碳的累積。
●N95口罩的鼻樑壓條壓力較大戴上後常常會把鼻子壓扁引發N95所造成的鼻腔阻塞更進一步造成呼吸換氣不足！
●氣喘的患者常常有鼻過敏的問題如果鼻腔壓太緊的物理刺激反而引起鼻子過敏導致呼吸道一併過敏氣喘也因此急性發作！
●一般健康人久戴N95口罩也會出現運動走動覺得喘甚至是換氣不足產生昏昏欲睡的感覺……。
因此蘇一峰認為在疫情期間外出若無法保持人際距離時應該戴上口罩但此時建議選擇一般口罩即可N95口罩不一定會更好！醫生更提醒「本身有心肺疾病的人戴N95口罩務必要小心可能增加對心肺功能的負擔！」</t>
  </si>
  <si>
    <t>口罩蘇一峰導致反而疫情換氣一般不足氣喘造成出現過敏負擔累積二氧化碳患者鼻子認為問題</t>
  </si>
  <si>
    <t>N95口罩蘇一峰導致負擔</t>
  </si>
  <si>
    <t>負擔蘇一峰口罩導致</t>
  </si>
  <si>
    <t>林右昌基隆病毒確診不分新增北市</t>
  </si>
  <si>
    <t>基隆市2日確診數新增3例對於北市環南市場暴增41例是否有人流到基隆？基隆市長林右昌表示北北基桃是生活共同圈病毒不會分北市、基隆人的流動來去頻繁防疫沒有什麼大道理將「場所防疫管理」、「個人防疫</t>
  </si>
  <si>
    <t>基隆北市防疫頻繁生活來去共同流動病毒新增是否會分對於大道理沒有場所人流確診</t>
  </si>
  <si>
    <t>基隆市2日確診數新增3例對於北市環南市場暴增41例是否有人流到基隆？基隆市長林右昌表示北北基桃是生活共同圈病毒不會分北市、基隆人的流動來去頻繁防疫沒有什麼大道理將「場所防疫管理」、「個人防疫措施」徹底落實就對了。
林右昌說市場是人流匯聚場所要把市場管控好不管是攤商還是消費者個人的防護要做徹底基隆倡議的「雙罩一套」成全國市場防疫指引防疫沒撇步強調做好「場所防疫管理」、「個人防疫措施落實徹底」這2點被感染的風險會大幅降低。
針對基隆市有3例確診林右昌說案15008為70多歲男性原匡列養護中心黃區住民先前PCR七採陰性6月26日預防性收治三總基隆分院在6月30日定期監測確診。
他指出案14977、14978同為30多歲是一對夫妻案14977陪產採檢確診無症狀目前收治於部基醫院案14978急產入院已順利生產產後醫院採檢確診無症狀收治汐止國泰醫院新生兒女嬰一採陰性；此案另初步匡列家人5人友人4人共9人。
在1日4個公有市場攤商疫苗施打方面林右昌表示成功市場199位、信義市場194位、果菜市場357位、仁愛市場386位總計1136位攤商完成施打施打率6049％接下來崁仔頂及其他公有市場攤商已造冊會依序施打疫苗。
林右昌表示稍早他特別前往培德駕訓班視察基隆市計程車及貨運司機疫苗施打情形現場次序動線規畫順暢計程車司機及貨運司機總計3192名將分6天進行施打。
林右昌也再次提醒3日將進行75歲以上長者施打莫德納疫苗除臥病在床及不良於行的長者將由裡長造冊衛生所到府施打之外若錯過此次施打時段之後長者就要自行至醫療院所預約施打疫苗。</t>
  </si>
  <si>
    <t>基隆 市 2 日 確診 數 新增 3 例 對於 北市 環南 市場 暴 增 41 例 是否 有 人流 到 基隆 基隆 市長 林右昌 表示 北 北 基 桃 是 生活 共同 圈 病毒 不 會分 北市 基隆 人 的 流動 來去 頻繁 防疫 沒有 什麼 大道理 將 場所 防疫 管理 個人 防疫 措施 徹底 落實 就 對 了 林右昌 說 市場 是 人流 彙聚 場所 要 把 市場 管控好 不管 是 攤 商 還 是 消費者 個人 的 防護 要 做 徹底 基隆 倡議 的 雙 罩 一 套 成 全國 市場 防疫 指引 防疫 沒 撇 步 強調 做好 場所 防疫 管理 個人 防疫 措施 落實 徹底 這 2 點 被 感染 的 風險 會 大幅 降低 針對 基隆 市 有 3 例 確診 林右昌 說 案 15008 為 70 多 歲 男性 原匡列 養護中心 黃 區 住 民 先前 pcr 七 采 陰性 6 月 26 日 預防 性 收治 三 總 基隆 分院 在 6 月 30 日 定期 監測 確診 他 指出 案 1497714978 同為 30 多 歲 是 一對 夫妻 案 14977 陪 產 采 檢 確診 無 症狀 目前收治 於 部 基 醫院 案 14978 急 產 入院 已 順利 生產 產後 醫院 采 檢 確診 無 症狀 收治 汐止 國泰醫院 新生兒 女嬰 一 采 陰性 此案 另 初步 匡列家 人 5 人 友人 4 人 共 9 人 在 1 日 4 個 公有 市場 攤 商 疫苗 施打 方面 林右昌 表示 成功 市場 199 位 信義 市場 194 位 果菜 市場 357 位 仁愛 市場 386 位 總計 1136 位 攤 商 完成 施打 施打 率 6049 接下來 崁 仔 頂 及 其他 公有 市場 攤 商 已 造冊 會 依序施 打 疫苗 林右昌 表示 稍 早 他 特別 前往 培 德 駕 訓 班 視察 基隆 市 計程車 及 貨運 司機 疫苗 施打 情形 現場 次序 動 線規 畫 順暢 計程車 司機 及 貨運 司機 總計 3192 名 將 分 6 天 進行 施打 林右昌 也 再次 提醒 3 日 將 進行 75 歲 以上 長者 施打 莫德納 疫苗 除 臥病在床 及 不良 於 行 的 長者 將 由 裡長 造冊 衛生所 到 府 施打 之外 若 錯過 此次 施打 時段 之後 長者 就要 自行 至 醫療 院所預約 施打 疫苗</t>
  </si>
  <si>
    <t>基隆施打市場林右昌疫苗確診防疫長者收治徹底表示北市醫院造冊場所個人陰性</t>
  </si>
  <si>
    <t>林右昌基隆新冠肺炎台灣施打</t>
  </si>
  <si>
    <t>肺炎臺灣基隆林右昌施打</t>
  </si>
  <si>
    <t>反彈轉彎難怪碰到政府漏洞公佈</t>
  </si>
  <si>
    <t>行政院2日公佈「振興三倍券」方案排除電商、不能找零等問題引發民眾反彈因此政府將提出藝文、體育、旅遊票券白名單納入振興三倍券使用範圍；實體券部分也不會強制規定不得找零民眾黨立委蔡壁如批評行政團</t>
  </si>
  <si>
    <t>找零振興民眾黨方案部分提出旅遊票政府體育反彈民眾引發不能排除問題蔡壁如規定強制使用納入</t>
  </si>
  <si>
    <t>行政院2日公佈「振興三倍券」方案排除電商、不能找零等問題引發民眾反彈因此政府將提出藝文、體育、旅遊票券白名單納入振興三倍券使用範圍；實體券部分也不會強制規定不得找零民眾黨立委蔡壁如批評行政團隊一團亂碰上民眾反彈政策就轉彎。民眾黨立委高虹安也說感覺振興券跟當初紓困措施一樣不清楚政府急於公佈方案不過行政院這次學聰明刻意提前一個月公佈保留政策彈性調整的空間。
因應新冠肺炎對經濟衝擊行政院規劃暑假期間推出振興三倍券採取紙本與電子支付併行紙本振興券面額為500元及200元不找零也不可用於電商、禮券、繳罰單、規費、菸品等商品預計7月1日起預購7月15日正式上路實施。
針對振興券排除電商使用但藝文、體育等活動票券又要透過電商買票因此政府研擬列出「白名單」將納入振興券使用範圍。高虹安認為振興券感覺像紓困措施一樣不清楚政院太急於宣佈施行細節思考不夠仔細但卻有預留政策滾動檢討的時間感覺是先拋出方案測風向。以利作為後續政策調整的參考。
另外振興三倍券令人詬病的是不找零但三倍券最小面額為200元民眾普騙認為面額太大不符合消費習慣與需求高虹安則建議行政院三倍券面額應該要小一點發便民眾使用。
蔡壁如說近期接到臺北市夜市商圈理事長抱怨振興券最低面額200元如果不找零在夜市商圈消費相對不方便諷刺振興券是「排窮券」。不過隨後行政團隊又說部會硬性規定不能找零讓人覺得政府遇到民眾反彈就轉彎恐怕只會越改越亂。</t>
  </si>
  <si>
    <t>振興找零政策民眾政府面額行政院使用方案感覺高虹反彈公佈調整急於蔡壁如行政團隊認為</t>
  </si>
  <si>
    <t>振興券三倍券行政院電商紓困</t>
  </si>
  <si>
    <t>行政院紓困振興</t>
  </si>
  <si>
    <t>男友身分護理林秉樞莫德納證實禾馨疫苗</t>
  </si>
  <si>
    <t>林秉樞毆打立委高嘉瑜扯出案外案臺北市議員遊淑慧接獲檢舉林秉樞7月15日和10月5日分別在禾馨、台中榮總打莫德納疫苗但當時只開放50歲以上長者質疑43歲的林秉樞是不是特權施打。臺北市衛生局今早派員到禾</t>
  </si>
  <si>
    <t>林秉樞臺北市衛生局施打特權高嘉瑜是不是案外案臺北市議員莫德納遊淑慧疫苗質疑當時長者以上開放台中分別禾馨</t>
  </si>
  <si>
    <t>林秉樞毆打立委高嘉瑜扯出案外案臺北市議員遊淑慧接獲檢舉林秉樞7月15日和10月5日分別在禾馨、台中榮總打莫德納疫苗但當時只開放50歲以上長者質疑43歲的林秉樞是不是特權施打。臺北市衛生局今早派員到禾馨瞭解情形北市府發言人陳智菡證實他沒有特殊身分但確實在7月15日曾在小禾馨民權小兒專科診所接種疫苗。
遊淑慧接獲檢舉後將資料送給北市府要求盡速調查林秉樞是否有施打特權疫苗的情形陳智菡今早表示林男之健保卡上並未註記是第七類國安相關人員為何他能在7月份接種疫苗北市會派員稽查。經調查後陳智菡表示確定林秉樞無特殊身分是因為護理師女友的關係才能施打疫苗。
禾馨診所營運長林思宏也親自受訪表示查證後得知他是本院一位吳姓護理師的男朋友當時他是以這種身分施打疫苗而施打對像是診所醫療人員的同住對象會優先施打減少感染機會。至於這部分是否合法林思巨集說這部分是合法的當時院所可以決定施打對象沒有問題。</t>
  </si>
  <si>
    <t>疫苗林秉樞施打禾馨表示當時陳智菡身分診所對象調查接種派員是否市府特殊特權人員情形林思宏護理</t>
  </si>
  <si>
    <t>新冠肺炎台灣林秉樞禾馨護理師</t>
  </si>
  <si>
    <t>臺灣林秉樞禾馨肺炎護理</t>
  </si>
  <si>
    <t>復工陸海關措施企業</t>
  </si>
  <si>
    <t>新冠肺炎風暴襲來大陸全力抗疫之餘也要確保經濟成長平順運轉。大陸海關總署16日推出10條新措施支持外貿企業抓緊時間復工生產。不過大陸財政部長劉昆發文坦言面對疫情大陸財政可能要拉警報；因減稅關稅收</t>
  </si>
  <si>
    <t>大陸可能財政面對大陸海關總署運轉推出全力疫情平順成長劉昆措施經濟支持財政部長確保生產復工外貿企業抓緊時間</t>
  </si>
  <si>
    <t>新冠肺炎風暴襲來大陸全力抗疫之餘也要確保經濟成長平順運轉。大陸海關總署16日推出10條新措施支持外貿企業抓緊時間復工生產。不過大陸財政部長劉昆發文坦言面對疫情大陸財政可能要拉警報；因減稅關稅收入大減而為穩增長又擴大財政赤字預算在減收增支壓力下今年恐怕要過苦日子。
繼透過中國人民銀行（大陸央行）、財政部、銀保監會等資金政策紓困大陸海關總署16日也宣佈祭出10條新措施支持外貿企業抓緊時間復工生產。
10條具體措施包括包含加快驗放進口生產設備和原材料；簡化進口特殊醫療物品檢疫審批並發揮發揮「互聯網+海關」作用例如需當面驗核紙質材料的可經批准先通過拍照、掃描等方式提供電子文檔之後補交紙本資料。
此外劉昆16日在《求是》雜誌發表文章稱這次災情卻打亂盤算尤其是經濟下行壓力加大財政收入面臨壓力並對財政支出帶來排擠作用目前的財力吃緊資金使用缺乏靈活變化可能在保工資、保運轉、保基本民生面臨困難。
劉昆說在今年財政收支可能拉警報下首先須量入為出更加注重改善支出結構。其次要確實落實執行預算也要更加靈活不要太受制於僵化預算的結果。再來各項支出都要明確標準不能亂花錢。
「地方財政也撙節開銷堅決把該壓的壓下來該減的減下去。」他還稱要有效防控地方政府隱性債務風險及時發現和處置潛在風險。堅持「資金跟著專案走」在項目上儲備一批、發行一批、建設一批、接續一批儘快擴大有效投資形成對經濟的有效拉動。</t>
  </si>
  <si>
    <t>大陸資金劉昆預算經濟可能壓力生產有效作用擴大地方靈活財政更加面臨今年支出大陸海關總署進口運轉警報</t>
  </si>
  <si>
    <t>一批拉警報資金壓力新措施</t>
  </si>
  <si>
    <t>壓力資金警報措施</t>
  </si>
  <si>
    <t>感染機組員陳時中突破性檢疫機師國籍</t>
  </si>
  <si>
    <t>國內一名從美國返台的案16066國籍航空機師已完整接種2劑疫苗返台後PCR檢測仍確診為機組員的首例突破性感染個案中央流行疫情指揮中心指揮官陳時中表示匡列的26人當中21人19人陰性檢驗中2人5人待採中</t>
  </si>
  <si>
    <t>返台陳時中指揮官中心指揮疫情國籍流行中央航空個案感染機師突破性表示首例完整機組員確診接種疫苗檢測pcr當中</t>
  </si>
  <si>
    <t>機師陳時中是否匡列疫苗機組員國內檢疫目前確診莊人祥指出至於指揮表示中心兩劑變異</t>
  </si>
  <si>
    <t>機師檢疫加嚴Delta機組員</t>
  </si>
  <si>
    <t>delta檢疫機組員機師</t>
  </si>
  <si>
    <t>肺炎患者床位</t>
  </si>
  <si>
    <t>日本埼玉縣21日發生新冠肺炎輕症患者在家待機時突然死亡的病例引起社會的震驚23日又有1名70多歲男性輕症患者在家待機時突然病重送醫急救後也不治死亡。70多歲男性4月6日出現發燒、咳嗽等症狀9日接受病毒檢測</t>
  </si>
  <si>
    <t>死亡男性突然患者待機在家發生肺炎不治咳嗽送醫急救震驚社會引起病例發燒出現症狀</t>
  </si>
  <si>
    <t>日本埼玉縣21日發生新冠肺炎輕症患者在家待機時突然死亡的病例引起社會的震驚23日又有1名70多歲男性輕症患者在家待機時突然病重送醫急救後也不治死亡。
70多歲男性4月6日出現發燒、咳嗽等症狀9日接受病毒檢測後確診。他的症狀不嚴重保健所便要求他在家療養等醫院病床空了再通知他住院沒想到他於14日突然病重。
埼玉縣白岡市50多歲確診男病患21日突然死亡他1個人獨居死亡的前1天曾跟保健師表示身體狀況惡化埼故安排了21日住院。他父親22日因聯絡不到他而心急到他住處時發現他已無生命跡象。
埼玉縣至23日共有729人確診其中有357人因為沒有空病床只能在家等病床空出來。不光是埼玉縣還有神奈川縣等許多自治體也為沒有空病床而煩惱。
確診患者在家療養時保健所每天會打1、2通電話確診患者的體溫、咳嗽等症狀若症狀惡化則安排住院。
有專家指出光這樣是不夠的肺炎會因為吸入氧氣的機能逐漸衰弱並不是馬上就會感覺到呼吸困難等應該要採用測量血中氧氣濃度的機器若血液中的氣氧濃度降到一定程度以下會很快地轉成重症。患者若咳不停上氣不接下氣時就有可能出現突然病情惡化的危險。</t>
  </si>
  <si>
    <t>患者確診突然死亡在家病床氧氣症狀肺炎濃度惡化男性住院出現安排</t>
  </si>
  <si>
    <t>埼玉縣確診在家療養患者輕症</t>
  </si>
  <si>
    <t>療養在家確診患者</t>
  </si>
  <si>
    <t>恐為病變鮮紅色肺炎特殊出現腳趾症狀</t>
  </si>
  <si>
    <t>新冠肺炎（COVID-19）疫情在全球肆虐3個月後全球的病毒株經過不斷變異讓當初的呼吸道症狀紛紛衍生出許多「非典型症狀」。然而林口長庚兒童急診醫師吳昌騰指出近期美國有多名確診青少年腳部出現病變腳趾上</t>
  </si>
  <si>
    <t>症狀全球青少年確診美國近期covid-疫情指出變異吳昌騰醫師當初出現呼吸道急診紛紛典型兒童林口長肆虐病毒肺炎</t>
  </si>
  <si>
    <t>新冠肺炎（COVID-19）疫情在全球肆虐3個月後全球的病毒株經過不斷變異讓當初的呼吸道症狀紛紛衍生出許多「非典型症狀」。然而林口長庚兒童急診醫師吳昌騰指出近期美國有多名確診青少年腳部出現病變腳趾上長出不明紅色腫脹恐是新冠病毒感染的最新特殊症狀。
吳昌騰在臉書《來講兒科急診的543》上指出新冠肺炎出現最新變異—「COVID腳趾」。此發現是由美國芝加哥「羅伯特·H·盧裡」兒童醫院兒科皮膚科醫生艾米·帕勒博士所提出觀察到有許多確診青少年腳趾上出現莫名的病變跟腫塊推測這極有可能是無症狀兒童患者的遭新冠病毒感染的新跡象。
吳昌騰指出該症狀類似水痘或麻疹的病變而病徵可能出現在單一隻腳趾上也可能出現在全部腳趾甚至會冒在腳的頂部或底部。病變特色為鮮紅色嚴重時還會演變成紫色。
這種特殊症狀會讓病患時而發癢時而痛苦吳昌騰說其中最大的特色就是「這些人通常沒有任何其他新冠病毒感染跡象」。因此呼籲第一線醫師們要特別注意若患者腳部有出現類似水痘或麻疹病變的「COVID腳趾」很有可能是新冠病毒感染的一種新的特殊症狀。</t>
  </si>
  <si>
    <t>症狀出現病變腳趾可能兒童指出病毒感染特色變異兒科醫師吳昌騰美國患者特殊急診covid最新昌騰確診</t>
  </si>
  <si>
    <t>腳趾出現新冠病毒症狀病變</t>
  </si>
  <si>
    <t>病毒出現症狀病變腳趾</t>
  </si>
  <si>
    <t>謝玲玲確診疫情跳舞肺炎</t>
  </si>
  <si>
    <t>香港爆發新冠肺炎第4波疫情23日傳出其中一個「跳舞群組」已累積超過百個確診案例成為全港最大感染群組而香港娛樂圈大亨林建岳前妻、64歲的影星謝玲玲也牽涉其中對此她發出聲明承認自己確診但她強調自己</t>
  </si>
  <si>
    <t>確診香港發出肺炎牽涉疫情對此謝玲玲傳出影星跳舞前妻林建嶽累積大亨超過娛樂案例感染成為全港聲明承認</t>
  </si>
  <si>
    <t>香港爆發新冠肺炎第4波疫情23日傳出其中一個「跳舞群組」已累積超過百個確診案例成為全港最大感染群組而香港娛樂圈大亨林建岳前妻、64歲的影星謝玲玲也牽涉其中對此她發出聲明承認自己確診但她強調自己並不在跳舞群組而是接觸到在跳舞群組的朋友。
謝玲玲在聲明指出18日知道在跳舞群組的朋友確診後她隨即進行第一次檢測當時結果為陰性由於21日香港疫情轉趨嚴重她再進行第2次檢測隔天便得知確診目前已住院治療但沒有任何症狀。她強調沒有參與跳舞群組任何活動自行檢測完全是考量家人及大眾健康著想。
謝玲玲生於台灣8歲時因飾演《婉君表妹》中婉君童年獲得金馬獎最佳童星獎。1980年她嫁給香港富商林建嶽就此息影育有5個子女且深受公婆疼愛但林建嶽婚後緋聞不斷2人最終於1995年分道揚鑣。</t>
  </si>
  <si>
    <t>香港確診跳舞林建岳謝玲玲檢測疫情進行聲明強調朋友緋聞沒有婚後疼愛公婆童年深受獲得子女飾演不斷</t>
  </si>
  <si>
    <t>群組肺炎檢測疫情林建嶽</t>
  </si>
  <si>
    <t>疫情肺炎檢測林建嶽</t>
  </si>
  <si>
    <t>收回美食觀光低點</t>
  </si>
  <si>
    <t>經營85度C的美食-KY（2723）受惠中國大陸門市逐步恢復營運2020年3月合併營收穀底回升惟首季合併營收仍降至5年半低點。展望後市面對美國門市營運亦受疫情影響集團以推出套餐、強化外送方式因應透過衝刺宅家</t>
  </si>
  <si>
    <t>門市營運合併方式受惠強化套餐中國推出集團因應大陸影響疫情逐步-ky恢復美國面對展望低點後市</t>
  </si>
  <si>
    <t>經營85度C的美食-KY（2723）受惠中國大陸門市逐步恢復營運2020年3月合併營收穀底回升惟首季合併營收仍降至5年半低點。展望後市面對美國門市營運亦受疫情影響集團以推出套餐、強化外送方式因應透過衝刺宅家經濟力拚降低營運影響程度。
美食股價3月19日股價下探562元新低今年以來股價已腰斬近日止跌緩步回升、站回80元之上近1月反彈近5成。今（13）日開低後一度下跌401％至813元隨後在買盤敲進下拉回平盤附近截至午盤小跌約05％。三大法人上周擴大買超達1609張。
美食2020年3月自結合併營收1486億元月增799％、年減2498％。累計首季合併營收4703億元季減1814％、年減1767％創5年半低點。若以功能性貨幣計算3月合併營收為人民幣346億元年減197％首季為人民幣1091億元年減128％。
美食表示中國大陸門市截至3月底已有約9成恢復營運隨著各地陸續復工、民眾外出消費增加3月營收月增逾3成。其他市場3月營收則年減17％主因美國3月中旬後多家門市暫時關閉其他門市縮短營業時間、並移除所有內用座位所致。
不過美食表示雖然美國各地新冠肺炎確診病例持續增加但加州、華盛頓州等地的政策反應相對快速近期已看到新增確診病例增加速度放緩疫情控制露出曙光審慎樂觀預期美國民眾可望盡快恢復正常生活。
美食指出美國各地政府限制民眾外出社群網站上對外賣麵包的詢問度暴增對此迅速推出盒裝麵包、與美國前三大外送平臺DoorDash合作消費者可一次購足5個或10個招牌暢銷麵包、每個麵包均獨立包裝在家也能安心享用門市每日現烤的新鮮麵包。
中國大陸方面雖然疫情已見趨緩跡象為確保員工及消費者健康門市仍減少內用座位數、提高清潔消毒頻率透過無接觸配送、到店自提方式服務線上客群。同時也推出門市掃碼送線上點餐優惠券活動多管齊下衝刺忠誠會員數力拚第二季營運成長動能。
至於台灣地區雖然疫情遠較其他國家輕微仍有不少民眾減少外出用餐次數、改為在家慶生過節。對此美食加碼推出家庭套餐和兒童套餐因應凡購買兒童節指定蛋糕可享加購飲料優惠與全民一起安心防疫。</t>
  </si>
  <si>
    <t>門市美食美國營運疫情麵包民眾推出增加外出合併中國大陸透過在家消費者方式套餐</t>
  </si>
  <si>
    <t>美食-KY85度C營收低點中國</t>
  </si>
  <si>
    <t>-ky低點中國美食</t>
  </si>
  <si>
    <t>保單健康防疫住院日東京給付最高新安</t>
  </si>
  <si>
    <t>隨著國內新冠疫情群聚感染的風險拉升造成此波確診病例大幅增加的原因是感染力更強的變異病毒株所致。新安東京海上產險表示該公司「健康禦守+」健康險若是因法定傳染病住院時日額給付最高。在市售防疫保單中</t>
  </si>
  <si>
    <t>健康疫情最高給付感染風險拉升造成住院確診傳染病表示病例產險東京海上新安大幅病毒</t>
  </si>
  <si>
    <t>隨著國內新冠疫情群聚感染的風險拉升造成此波確診病例大幅增加的原因是感染力更強的變異病毒株所致。新安東京海上產險表示該公司「健康禦守+」健康險若是因法定傳染病住院時日額給付最高。
在市售防疫保單中主要都以提供確診者住院醫療保障尤其疾病管理署分析確診者案例顯示住院到解除隔離中位數是27天最久長達80天若投保新安東京海上產險「健康禦守+」健康保險一經醫師診斷為確診到康復出院期間住進負壓隔離病房每日給付最高9000元最多可申請45天新安東京海上產險表示該保單是應為同業防疫保單中住院日額給付最高的一張保單。
全台歷經一波搶保「隔離險」熱潮後其實多數民眾最應該擔心的是確診後所要面臨的自身健康影響及住院期間的薪資損失；新安東京海上產險發言人副總經理呂文泉表示「健康禦守+」是一張專為「法定傳染病」設計的健康保險除了新冠肺炎外還包含在台流行的腸病毒感染併發重症、登革熱或新型A型流感等尤其從各國確診案例顯示感染新冠肺炎很容易引起其他併發症若出院後14天內再次住院都可視為同次住院每「一次住院」達90天以上最高可再獲得150萬元的特別慰問金讓保戶更無後顧之憂專心療養病後身體健康。
為要全面守護國人的健康同時也納入不可預期、突發性的意外傷害及疾病所延伸的相關住院醫療等保障新安東京海上產險表示投保年齡從0-60歲(可續保70歲)一年一保無等待期不分職業類別都可投保保費相較同類型商品便宜以20歲投保年齡為例保費最低不到千元最適合尚無任何健康險的年輕族投保已有一般健康險者更可填補住院日額的不足。
在防疫的關鍵時刻新安東京海上產險提醒除要謹守及配合政府的防疫政策外更要做好平日健康飲食、維持良好生活習慣、提升自體免疫力外同時應及早規劃保險來安心防疫。</t>
  </si>
  <si>
    <t>健康住院確診防疫投保新安東京海上最高產險感染保單保險給付表示</t>
  </si>
  <si>
    <t>安心全台新安東京海上產險住院禦守</t>
  </si>
  <si>
    <t>海上東京產險住院新安全台安心</t>
  </si>
  <si>
    <t>狂歡總理官員火冒三丈義大利人</t>
  </si>
  <si>
    <t>隨著疫情逐步趨緩曾遭新冠肺炎蹂躪的義大利已漸進解封宅在家超過2個月的義大利人迫不及待出門透氣甚至打算開趴狂歡。不過總理孔蒂今天潑了他們一盆冷水警告民眾不要掉以輕心否則下一波疫情可能捲土重來</t>
  </si>
  <si>
    <t>疫情掉以輕心不要民眾警告冷水肺炎蹂躪今天孔蒂總理大利狂歡漸進解打算在家超過</t>
  </si>
  <si>
    <t>隨著疫情逐步趨緩曾遭新冠肺炎蹂躪的義大利已漸進解封宅在家超過2個月的義大利人迫不及待出門透氣甚至打算開趴狂歡。不過總理孔蒂今天潑了他們一盆冷水警告民眾不要掉以輕心否則下一波疫情可能捲土重來。
孔蒂21日在國會表示「現在不是開趴過夜生活或辦聚會的時候。在這個階段更重要的是尊重安全距離且在必要的地方戴上口罩是基本。」
從巴勒摩到杜林民眾在比薩店或酒吧外聚會的影像讓許多地方首長憂心忡忡。他們擔心這些人慶祝隔離後重獲自由可能導致感染人數再度上升。截至20日義大利已有227萬確診超過3萬2千人死亡。
疫情一度慘重的維內托大區首長劄伊亞（Luca Zaia）看到幾十個年輕人沒戴口罩在帕杜瓦酒吧外群聚一堂的照片後火冒三丈說「10天內我會觀察感染率要是上升我們會關閉酒吧餐館海灘再把大家關回家。沒有人想要禁止大家喝開胃調酒但我要拜託大家在6月2日前避免群聚戴上口罩。」</t>
  </si>
  <si>
    <t>疫情酒吧首長民眾孔蒂可能聚會口罩地方超過感染上升大利</t>
  </si>
  <si>
    <t>解封義大利新冠肺炎疫情</t>
  </si>
  <si>
    <t>大利肺炎解封疫情</t>
  </si>
  <si>
    <t>悼念發文川普里程碑同胞悲痛</t>
  </si>
  <si>
    <t>美國因新冠肺炎而死的民眾在27日正式跨過10萬大關總統川普最討厭的假新聞媒體之一美國有線電視新聞網（CNN）甚至在網頁頭版以鬥大的標題寫著「這10萬美國人可以不必死！」嚴厲批判川普對新冠肺炎的回應措</t>
  </si>
  <si>
    <t>川普肺炎美國網頁頭版甚至cnn美國有線電視新聞網標題媒體假新聞討厭總統大關可以跨過民眾正式不必嚴厲</t>
  </si>
  <si>
    <t>美國因新冠肺炎而死的民眾在27日正式跨過10萬大關總統川普最討厭的假新聞媒體之一美國有線電視新聞網（CNN）甚至在網頁頭版以鬥大的標題寫著「這10萬美國人可以不必死！」嚴厲批判川普對新冠肺炎的回應措施才導致疫情如此慘重。
對於這樁慘痛的悲劇川普在28日上午9時許發推文表達悼念。
We have just reached a very sad milestone with the coronavirus pandemic deaths reaching 100000 To all of the families &amp; friends of those who have passed I want to extend my heartfelt sympathy &amp; love for everything that these great people stood for &amp; represent God be with you!
他難得感性寫道「我們剛來到一個非常悲痛的里程碑新冠病毒流行病的死亡人數觸及10萬人。對於亡故者的家人和朋友們我想要為這些了不起人們（逝者）所代表的一切表達由衷的慰問與愛。神與你們同在！」</t>
  </si>
  <si>
    <t>川普表達withhaveto對於thefor肺炎of美國由衷代表甚至網頁頭版cnn美國有線電視新聞網了不起人們</t>
  </si>
  <si>
    <t>川普美國新冠肺炎疫情</t>
  </si>
  <si>
    <t>美國肺炎川普疫情</t>
  </si>
  <si>
    <t>入侵關鍵做好omicron準備</t>
  </si>
  <si>
    <t>美國國家過敏與傳染病研究院（NIAID）院長佛奇（Anthony Fauci）昨（27）日表示擁有大量突變的新冠變異株「Omicron」有可能已經入侵美國。在棘狀蛋白（spike proteinS蛋白）上發現32個突變的新冠變異株Omicron已</t>
  </si>
  <si>
    <t>美國突變蛋白變異omicronniaid研究院院長anthonyfauci表示已經入侵可能擁有發現傳染病proteinspike</t>
  </si>
  <si>
    <t>美國國家過敏與傳染病研究院（NIAID）院長佛奇（Anthony Fauci）昨（27）日表示擁有大量突變的新冠變異株「Omicron」有可能已經入侵美國。
在棘狀蛋白（spike proteinS蛋白）上發現32個突變的新冠變異株Omicron已經擴散非洲、歐洲多國目前美國尚未發現確診病例不過白宮首席防疫顧問佛奇昨日接受美國國家廣播公司（NBC）「今日週末」（Weekend Today）專訪時表示如果Omicron已經進入美國他也「不會感到意外」。
佛奇強調美國境內目前尚未檢測出Omicron變異株「但是當你有呈現這種傳播程度的病毒以及在以色列、比利時及其他地區出現旅遊史相關病例時－當你有這樣的病毒時幾乎無法避免最後會全面蔓延。」
佛奇說Omicron令人擔心是因為它有「大量突變」有可能讓它比其他變異株更具傳染力。
「我們目前還不知道但我們將會假設是這個狀況。」佛奇也補充說明大量突變代表新變異株可能逃脫單株抗體（monoclonal antibody）、康復者血漿（convalescent plasma）等新冠治療方式以及新冠疫苗提供的保護。
佛奇強調「這些都只是可能但是這些建議已經夠多了我們真的必須密切關注並且為嚴重之事做好準備。」</t>
  </si>
  <si>
    <t>美國omicron變異已經可能目前突變病例表示發現病毒你有尚未強調蛋白密切必須關注真的</t>
  </si>
  <si>
    <t>#新冠肺炎#全球佛奇Omicron變異株美國</t>
  </si>
  <si>
    <t>全球omicron肺炎變異美國</t>
  </si>
  <si>
    <t>美國修法跟進瑞德西韋日本</t>
  </si>
  <si>
    <t>繼美國食品暨藥物管理局（FDA）緊急核准使用「瑞德西韋」以治療新冠肺炎重症患者後日本政府2日召開內閣會議決定跟進。厚生勞動相加藤勝信表示已下達指示一旦開發該藥品的美國吉利德藥廠提出申請就會「爭</t>
  </si>
  <si>
    <t>美國提出藥廠管理局吉利緊急fda核准藥品使用開發瑞德西韋治療一旦下達指示肺炎表示重症患者申請日本政府相加藤</t>
  </si>
  <si>
    <t>繼美國食品暨藥物管理局（FDA）緊急核准使用「瑞德西韋」以治療新冠肺炎重症患者後日本政府2日召開內閣會議決定跟進。厚生勞動相加藤勝信表示已下達指示一旦開發該藥品的美國吉利德藥廠提出申請就會「爭取在1周內批准」。
為瞭解瑞德西韋等新冠肺炎藥物的安全性及有效性歐美等各國正推動臨床試驗。日本也存在「特例批准」制度若藥品在海外獲得批准或者許可就可簡化國內審查手續。日本內閣會議決定修改《醫藥品醫療器械法》（原藥事法）相關規定若新冠藥物在美國、英國、加拿大、德國、法國獲得批准或者上市許可就可適用「特例批准」。
加藤勝信透露預計吉利德近期就會提出瑞德西韋的申請一旦核准後瑞德西韋將成為日本首種新冠治療藥物。
到2日晚間日本24小時內新增新冠肺炎確診病例266例累計確診14571例；新增死亡病例26例累計死亡481例。首相安倍晉三表示會考慮將5月6日到期的緊急狀態延長1個月左右5月4日召開會議聽取專家意見後再宣佈相關細節。</t>
  </si>
  <si>
    <t>日本批准藥物瑞德西韋美國肺炎表示召開決定內閣會議特例藥品吉利一旦核准治療許可相關獲得新增提出</t>
  </si>
  <si>
    <t>藥品瑞德美國肺炎申請</t>
  </si>
  <si>
    <t>藥品肺炎瑞德申請美國</t>
  </si>
  <si>
    <t>疫情林書豪提前北京賽區cba</t>
  </si>
  <si>
    <t>隨著大陸北京再次傳出嚴重新冠肺炎疫情根據《天天體育》報導包含林書豪在內的北京首鋼以及北控兩支CBA球隊已經決定提前到15日各自前往復賽賽區(北京首鋼前往青島、北控前往東莞)北京首鋼也宣告取消下周公</t>
  </si>
  <si>
    <t>北京首鋼前往再次傳出嚴重肺炎北京疫情體育報導東莞包含林書豪提前決定cba球隊已經宣告大陸複賽賽區青島取消</t>
  </si>
  <si>
    <t>隨著大陸北京再次傳出嚴重新冠肺炎疫情根據《天天體育》報導包含林書豪在內的北京首鋼以及北控兩支CBA球隊已經決定提前到15日各自前往復賽賽區(北京首鋼前往青島、北控前往東莞)北京首鋼也宣告取消下周公開訓練。
根據最新消息指出目前北京再次爆發新一波疫情過去24小時內增加36起本土病例幾乎都發生在新發地批發市場附近北京也再次進入非常時期為了避免出現封城危機北京首鋼、北控兩支CBA球隊選擇提前離開北京也屬正常。
原本北京首鋼預計17日前往CBA復賽北區賽區青島北控則在18日前往南區賽區東莞如今都已提前到15日出發林書豪也總算可以離開待了快要3個月的北京前往青島備戰20日開始的CBA復賽北京首鋼首戰將跟遼寧交手。
目前北京再次爆發疫情並未對於CBA復賽帶來影響CBA也沒拒絕北京媒體前往各賽區進行採訪卻要求前往賽區人員必須排除是否去過新發地市場在原本的防疫規定中更要求前往賽區人員至少進行兩次檢測且出示相關健康碼。</t>
  </si>
  <si>
    <t>北京前往北京首鋼賽區再次cba複賽疫情提前原本進行林書豪青島人員東莞要求離開目前爆發cba球隊本土病例幾乎</t>
  </si>
  <si>
    <t>CBA北京首鋼大陸賽區北控</t>
  </si>
  <si>
    <t>賽區大陸北京首鋼cba</t>
  </si>
  <si>
    <t>擺攤老闆生意慘跌門口一家夜市</t>
  </si>
  <si>
    <t>台灣進入三級警戒後禁止內用夜巿也因生意冷清自主停業台中大甲知名粉腸攤只能改到自家門前擺攤生意慘跌到只剩一成讓當阿公的老闆感嘆快撐不下去「一家老小15人就靠這個攤子過活啊！」《東森新聞》報導傳</t>
  </si>
  <si>
    <t>生意攤子禁止一家老小夜市下去東森快撐感歎老闆冷清阿公自主停業知名粉腸台中</t>
  </si>
  <si>
    <t>台灣進入三級警戒後禁止內用夜巿也因生意冷清自主停業台中大甲知名粉腸攤只能改到自家門前擺攤生意慘跌到只剩一成讓當阿公的老闆感嘆快撐不下去「一家老小15人就靠這個攤子過活啊！」
《東森新聞》報導傳承60多年的大甲特產粉腸特製蒜蓉醬汁配香腸的獨特口味傳承60多年歷史是大甲知名夜市美食但受疫情影響夜市關閉後只能夠在自家門口擺攤排隊人潮也不復見只剩老客戶。
康老闆表示自己已經當阿公了養活全家老小兒女孫子一家15口全靠這攤子過活現在生意慘跌9成只靠熟客光顧已經快撐不下去不做又不行家裡10幾個人要吃飯日子很難過。
臺北市已在6月29日宣佈夜市「微解封」允許4分之1攤位開業但只提供外帶指揮中心也表示三級警戒時間禁止邊走邊吃僅能提供外帶或是外送沒有禁止整個夜市關掉呼籲三級警戒期間市場、夜市要減少出入口確實執行實聯制措施身分證尾數的管制市場要有人流總數管控每225平方公尺只能有一個人入場後也要維持15公尺社交距離按規定做好是可以開放的。</t>
  </si>
  <si>
    <t>夜市生意禁止警戒傳承粉腸知名表示市場已經老闆提供外帶攤子擺攤下去</t>
  </si>
  <si>
    <t>夜市擺攤生意老闆三級警戒</t>
  </si>
  <si>
    <t>擺攤夜市警戒生意老闆</t>
  </si>
  <si>
    <t>部會開設作戰中心減災疫情</t>
  </si>
  <si>
    <t>新冠肺炎疫情延燒中央流行疫情指揮中心日前一級開設由衛福部長陳時中接任指揮官一級開設後每次會議都需各部會最高決策者出席指揮官也可調動所有行政資源各部會需予以配合。專家認為此階段不應再堅持有</t>
  </si>
  <si>
    <t>指揮官開設疫情階段認為專家指揮配合中心予以日前不應衛福資源中央行政調動流行出席會議決策者最高都需</t>
  </si>
  <si>
    <t>新冠肺炎疫情延燒中央流行疫情指揮中心日前一級開設由衛福部長陳時中接任指揮官一級開設後每次會議都需各部會最高決策者出席指揮官也可調動所有行政資源各部會需予以配合。專家認為此階段不應再堅持有無社區傳播當前應思考的是如何減災。
指揮中心疫情等級分為三級第三級由疾管署署長擔任最高指揮官、第二級為衛福部長、第一級的指揮官則由行政院所指派。指揮中心監測應變官莊人祥表示過去一級開設時指揮官多為行政院副院長層級例如毛治國、張善政、朱立倫此次則是陳時中接任。
莊人祥表示新冠肺炎疫情過去只發生在大陸但如今已在世界各國擴散台灣也需要更多事先因應的措施。一級開設意味著要多做跨部會的橫向聯繫國家的檢驗量能也從一天500件提升到一天2450件。
中國附醫兒童感染科主任黃高彬表示二級與一級的差別在於過去開會時各部會至指揮中心開會僅需派出承辦的代表即可一級開設後每次開會、做決定都需由各部會部長級的人出席意味著最高決策者需參與其中。指揮官可指揮調動各種行政資源包括軍隊等任何單位而各個部會都需配合指揮官的防疫措施。
抗SARS專家、國衛院名譽研究員蘇益仁表示新冠肺炎疫情已在國際上升溫波及的國家增多未來恐怕越來越嚴重。一級開設後政府所考量的層次要更大包括經濟、旅遊、生活、醫療體系等各種面向都需進行整體的準備。他表示「假如這次疫情可能帶來100％的損失就應思考如何將損失減到20％甚至10％。」
至於民眾對於一級開設應如何應對黃高彬表示雖然指揮中心層級有所提升但民眾必要的防疫措施仍不可少除了外出配戴口罩平時也要維持勤洗手的好習慣。</t>
  </si>
  <si>
    <t>開設表示指揮指揮官疫情中心措施過去開會部長國家最高行政專家包括提升都需部會層級</t>
  </si>
  <si>
    <t>各部會肺炎指揮官提升一級</t>
  </si>
  <si>
    <t>指揮官提升肺炎</t>
  </si>
  <si>
    <t>接種討論疫苗科興兒童年齡陸逾</t>
  </si>
  <si>
    <t>疫苗接種兒童科興涉及顧問專家委員會香港醫院學會會長藥劑師下午崔俊明開會限制年齡有關表示討論非常少資料</t>
  </si>
  <si>
    <t>接種科興疫苗兒童年齡委員會大陸產生bnt降低崔俊明免疫限制家長香港表示反應劑量成年人中心總監何柏今傳染病感染電臺節目</t>
  </si>
  <si>
    <t>科興接種年齡接種兒童接種1億</t>
  </si>
  <si>
    <t>兒童年齡科興接種</t>
  </si>
  <si>
    <t>防疫垃圾山區偏僻字條奔波</t>
  </si>
  <si>
    <t>患難見真情！為築起病毒防線居家隔離、居家檢疫者都不能隨意外出垃圾也都由環保局專車清運。台南市政府環保局收運人員洪文弘日前來回200公里前往山區收運防疫垃圾時垃圾包下竟留有一張寫著「謝謝辛苦你們」</t>
  </si>
  <si>
    <t>垃圾收運環保局居家留有防線垃圾包不能防疫隔離人員山區洪文弘前往檢疫病毒隨意外出來回市政府專車</t>
  </si>
  <si>
    <t>患難見真情！為築起病毒防線居家隔離、居家檢疫者都不能隨意外出垃圾也都由環保局專車清運。台南市政府環保局收運人員洪文弘日前來回200公里前往山區收運防疫垃圾時垃圾包下竟留有一張寫著「謝謝辛苦你們」的紙條。他說當下看到那幾個字辛苦、壓力全被釋放眼角竟溼了起來。
洪文弘表示日前被指派前往偏遠山區清運1戶隔離戶垃圾時由於他平常的活動範圍都只有在市區對山區路況陌生加上導航又只能導到附近經與該隔離戶前後通了4次電話還是繞來繞去找不到正確的地址心裡急得不了。從下午2時出發到載到垃圾單趟就花了2小時。
洪文弘指出他揣著一顆七上八下的心口罩、手套、護目鏡等全副武裝載運垃圾包腦中只想著趕快完成任務。當時看見垃圾包下壓著一張紙雖然覺得有些奇怪但也沒多想順手揉成團直到將垃圾包載回到集中消毒區後取垃圾包時看到那團紙才有心情打開來看。
洪文弘不好意思地說簡單幾個字「謝謝辛苦你們」怎有那麼大的力量？當下竟然很想哭彷彿身為第一線防疫基層人員的辛苦、壓力都隨著這幾個字被釋放、驅散了也才想起在載運垃圾時該隔離戶還站在遠處不斷地向他揮手致謝的畫面。
環保局強調列為居家隔離及居家檢疫者垃圾不能隨意放入一般家戶清運的垃圾車如果違反居家隔離或居家檢疫規定逕自外出丟垃圾者將依《傳染病防疫法》開罰10萬至100萬元。該局為了便民特別設立專線06-2686610登記安排清運再委由專責廢棄物清除處理機構協助專車收運。從今年1月至6月累計清運居家隔離及居家檢疫戶948戶、檢疫旅館649處次、1萬4821間房間次收運垃圾為4283公噸。
環保局長謝世傑認為疫情暴發以來該局基層人員默默為防疫付出一次又一次不分假日或平日執行公共場域環境清潔消毒不論日夜在第一時間完成確診者足跡清消以及居家隔離、居家檢疫等的垃圾收運。民眾以紙條表達謝意對該局第一線防疫人員來說是莫大的鼓勵期盼市民朋友能給更多的支持讓環保局的服務愈來愈好。</t>
  </si>
  <si>
    <t>垃圾隔離防疫垃圾包收運清運居家洪文弘環保局檢疫辛苦山區人員完成消毒載運基層人員紙條</t>
  </si>
  <si>
    <t>新冠肺炎台灣居家隔離清運垃圾包</t>
  </si>
  <si>
    <t>居家臺灣肺炎隔離清運垃圾包</t>
  </si>
  <si>
    <t>張上淳未來累積本土</t>
  </si>
  <si>
    <t>台灣本土疫情今年自5月11日起這波本土疫情短短2周確診人數迅速累積達3656人且14日開始死亡人數累積17人其中有慢性病者有14例、無慢性病2例、不詳1例。加上今天新增的6死短短15天以來就有23人死亡。指揮</t>
  </si>
  <si>
    <t>人數累積疫情死亡本土慢性病新增以來確診迅速今天加上不詳今年開始臺灣指揮</t>
  </si>
  <si>
    <t>台灣本土疫情今年自5月11日起這波本土疫情短短2周確診人數迅速累積達3656人且14日開始死亡人數累積17人其中有慢性病者有14例、無慢性病2例、不詳1例。加上今天新增的6死短短15天以來就有23人死亡。
指揮中心說明新增6例死亡個案中案1341為70多歲男性有高血壓、糖尿病等慢性病史5月8日出現咳嗽、發燒、有痰、全身痠痛等症狀11日就醫並住院15日確診20日死亡。
案2558為60多歲男性有萬華區活動史5月15日出現發燒、喉嚨痛、咳嗽、肌肉痠痛等症狀20日確診並收治住院21日死亡。
案2719為90多歲男性有糖尿病、癌症等慢性病史5月14日出現發燒症狀17日就醫並住院20日確診同日死亡。
案3031為60多歲男性有高血壓、糖尿病等慢性病史5月15日出現發燒、咳嗽、呼吸困難、喉嚨痛等症狀20日就醫並住院21日確診23日死亡。
案3242為60多歲女性有糖尿病、高血壓、心血管疾病等慢性病史5月20日有肌肉痠痛、咳嗽、流鼻水、發燒等症狀22日確診後至防疫旅館隔離24日死亡。
案4648為70多歲男性有糖尿病、高血壓等慢性病史5月22日出現發燒、呼吸困難、肺炎等症狀同日就醫並住院23日死亡24日確診。
中央流行疫情指揮中心專家小組召集人張上淳表示國內這次本土疫情可以發現病人平均年齡比較大常常都是好幾種病混在一起確實看到進展很快速從發病到醫院就可以看到肺炎很快惡化確實有這樣的個案就像今天報告的死亡個案都是這樣的表現。
張上淳表示過去幾天都有說明確實在重症的比例比過去都還要更高預期死亡個案會持續出現。這是因為變種病毒的關係還是病人的關係也許兩邊都有影響。一部分我們也看到很多病人確診時CT值很低身體病毒量很高可能跟變種病毒株的特性有關；也可能因為中高年齡層長者太多高血壓糖尿病比較麻煩的疾病造成惡化都有相關的關係。</t>
  </si>
  <si>
    <t>死亡確診發燒出現個案疫情病人症狀看到確實糖尿病高血壓病毒本土酸痛比較可以男性咳嗽過去</t>
  </si>
  <si>
    <t>新冠肺炎台灣確診老年人死亡</t>
  </si>
  <si>
    <t>確診肺炎臺灣老年人死亡</t>
  </si>
  <si>
    <t>查核校園防疫林智堅開學工作</t>
  </si>
  <si>
    <t>25日就要開學了因應新冠肺炎疫情新竹市長林智堅已推出「6大校園防疫守則」與「校園防疫手冊」為開學日嚴陣以備24日更率同相關單位前往培英國中視察啟動跨局處機制確保校園防疫SOP整備完畢。林智堅表示</t>
  </si>
  <si>
    <t>校園防疫林智堅因應肺炎疫情新竹前往英國單位市長相關視察sop率同啟動以備確保推出開學日</t>
  </si>
  <si>
    <t>25日就要開學了因應新冠肺炎疫情新竹市長林智堅已推出「6大校園防疫守則」與「校園防疫手冊」為開學日嚴陣以備24日更率同相關單位前往培英國中視察啟動跨局處機制確保校園防疫SOP整備完畢。
林智堅表示今天在開學前夕要針對校園防疫工作一一把關以「6大校園防疫守則」辦理包括校園環境消毒、掌握防疫物資、落實自主健康管理、進校量體溫、教導正確勤洗手、確保隔離安置措施以最嚴謹的態度面對防疫才能讓校園防疫做到滴水不漏對抗疫情絕不被動強化行政團隊橫向聯繫資訊互通務必將防疫工作做到滴水不露。
教育處黃錦能處長指出本月20日已協同新竹市環保局辦理校園環境消毒希望在開學前將校園環境進行清潔與消毒讓師生能夠在最安全的校園內進行學習。
此外市府已在日前推出「校園防疫手冊」整理停課標準若師生1人確診該班停班停課若師生2人確診該校停課並建立校園防疫SOP讓教職員師生一目了然掌握防疫步驟。
他強調手冊中也推出了讓爸媽學生都安心的「6大防疫QA」提醒市民未來校園將不統一發放口罩、發燒不可進校園、學校團膳廚房每日進行消毒、取消校園場地外借、校園內備有備用口罩、額溫槍與酒精、取消開學典禮等措施。</t>
  </si>
  <si>
    <t>防疫校園消毒進行師生推出手冊口罩確保疫情校園環境林智堅做到新竹掌握開學工作取消sop辦理措施停課守則</t>
  </si>
  <si>
    <t>嘲笑羅智強援手陸伸日本感慨</t>
  </si>
  <si>
    <t>新冠肺炎襲向全球蔡英文政府不願對大陸伸援手但日本不論民間或是官方都對大陸提供物資和捐款。對此台灣有部份網友竟消遣日本義舉。國民黨議員羅智強感慨表示：「自己不願付出愛心還要嘲笑別的國家付出愛心」</t>
  </si>
  <si>
    <t>日本大陸全球付出蔡英文政府表示感慨臺灣國民黨義舉對此消遣議員網友捐款提供物資羅智強都對官方援手愛心肺炎</t>
  </si>
  <si>
    <t>新冠肺炎襲向全球蔡英文政府不願對大陸伸援手但日本不論民間或是官方都對大陸提供物資和捐款。對此台灣有部份網友竟消遣日本義舉。國民黨議員羅智強感慨表示：「自己不願付出愛心還要嘲笑別的國家付出愛心」。
羅智強在臉書指出：「在新冠肺炎的這一場防疫戰中日本、美國、德國都對大陸伸出援手。是因為他們知道中國的防疫長城若崩遭殃的是全世界的人類幫助中國大陸就是幫助自己」。
對是否協助大陸防治新冠肺炎準副總統賴清德1月28日曾表示「這部分需依照疫情指揮中心的決定」；但他強調「台灣跟中國只有一水之隔疫情源頭一定要控制住台灣跟國際社會共同幫助中國也等於是幫助台灣」。羅智強贊同賴清德發言表示「助人即是助己不伸援手已是自私之愚。還去嘲笑別的國家對中國大陸伸出援手？我們到底怎麼了？」
羅智強大嘆「可惜民進黨內像賴清德一般清醒者幾希。」
網友回應羅智強觀點：「人性都到哪? 去了！」、「台灣人行善愛心跑到那兒去呢？」、「等臺灣出事看別國要不要幫」、「民粹的心扼殺了良知與良心」。</t>
  </si>
  <si>
    <t>臺灣大陸中國羅智強援手賴清德表示日本幫助肺炎愛心網友疫情防疫都對伸出嘲笑國家付出</t>
  </si>
  <si>
    <t>羅智強大陸台灣武漢肺炎新冠肺炎</t>
  </si>
  <si>
    <t>肺炎武漢臺灣大陸羅智強</t>
  </si>
  <si>
    <t>夫婦臺灣旅美接觸腹瀉確診個案咳嗽</t>
  </si>
  <si>
    <t>今確診的案393是案384的家人但卻傳出案393返台前航空公司完全不知情患者已被註記被質疑有隱匿通報的嫌疑。指揮中心今天回應案393返台之所以航空公司事前不知情是因為個案臨時更改返台班機過程指揮中心均</t>
  </si>
  <si>
    <t>指揮航空公司不知情返台中心台前質疑隱匿班機通報嫌疑完全患者今天更改個案回應傳出過程家人事前</t>
  </si>
  <si>
    <t>今確診的案393是案384的家人但卻傳出案393返台前航空公司完全不知情患者已被註記被質疑有隱匿通報的嫌疑。指揮中心今天回應案393返台之所以航空公司事前不知情是因為個案臨時更改返台班機過程指揮中心均全程掌握。
案393長期旅居美國3月29日出現咳嗽有痰4月1日出現腹瀉4月11日入境時因有症狀自機場後送就醫採檢於今日確診；其家人(案384)已先於4月10日返國並在4月11日確診兩人均曾在美國接觸過新冠肺炎確診個案。
中央流行疫情指揮中心發言人莊人祥證實該名婦人雖沒發燒但有咳嗽症狀及拉肚子不過她自稱是因為喝牛奶後來有後送到醫院檢查已通報採檢。
莊人祥指出案393返台前曾透過案384通知可能搭乘4月10日的班機返台但後來班機又改成11日才會發生航空公司後來才得知註記的問題。目前已調閱過該班機座艙名單匡列12名機組員7位元民眾需要居家隔離。
至於外傳案393為案384所傳染莊人祥也澄清指出兩人自2月底就未曾見面但都曾與一名確診個案一同工作過研判是在當時所感染並非由案384傳染給案393。</t>
  </si>
  <si>
    <t>確診班機個案指揮中心返台航空公司症狀莊人祥通報指出美國後來咳嗽台前</t>
  </si>
  <si>
    <t>案393案384旅美夫婦腹瀉指揮中心</t>
  </si>
  <si>
    <t>指揮旅美夫婦腹瀉中心</t>
  </si>
  <si>
    <t>調查陸揮關稅</t>
  </si>
  <si>
    <t>世界衛生大會（WHA）從週一起在日內瓦召開在澳洲提案要求世界衛生組織（WHO）獨立調查新冠肺炎因應方式後已有超過120個成員國連署。綜合外電18與19日報導就在WHO同意多數成員國所請展開調查之際北京下了</t>
  </si>
  <si>
    <t>who成員國調查日內瓦召開澳洲提案週一展開要求世界衛生組織獨立方式肺炎因應超過綜合同意外電報導</t>
  </si>
  <si>
    <t>世界衛生大會（WHA）從週一起在日內瓦召開在澳洲提案要求世界衛生組織（WHO）獨立調查新冠肺炎因應方式後已有超過120個成員國連署。
綜合外電18與19日報導就在WHO同意多數成員國所請展開調查之際北京下了重手對澳洲進口大麥課徵超過80％的懲罰性關稅。
澳洲貿易、旅遊暨投資部部長伯明罕（Simon Birmingham）說坎培拉對此深感失望。在澳洲出口的大麥中中國大陸就佔了一半北京課重稅對澳洲的大麥貿易可謂揮了一記重拳。
伯明罕說澳洲官員正與包括印尼在內的其他潛在國際買家會談以尋求替代市場。此外他指出中方隨時都能選擇取消這些關稅澳洲當然會繼續設法說服他們應該這樣做。而澳洲大麥相關產業在聯合聲明中說這次北京課徵的關稅對中澳大麥貿易是重大的打擊1年可能造成5億美元（近150億台幣）的損失。
不過澳洲農業部長李特普勞德（David Littleproud）說中澳並沒有在打貿易戰因此坎培拉不會報復。他說要是中方把課關稅和澳洲力促WHO獨立調查新冠肺炎掛鉤那他會非常失望。他強調這根本是兩回事而澳洲人應該為政府帶頭要求進行新冠疫情相關調查感到驕傲。</t>
  </si>
  <si>
    <t>澳洲關稅大麥調查貿易北京who中方成員國要求應該失望超過相關坎培拉伯明罕肺炎獨立</t>
  </si>
  <si>
    <t>WHOWHA新冠肺炎武漢肺炎中國大陸</t>
  </si>
  <si>
    <t>肺炎武漢wha中國who大陸</t>
  </si>
  <si>
    <t>教師回家收帳肺炎治癒嚇哭</t>
  </si>
  <si>
    <t>好不容易治癒新冠肺炎從疫情中康復首要面對第一個現實的問題就是「醫療費用」一位美國高中教師在醫院待了幾個星期罹患新冠肺炎痊癒後終於回到家裡但他有新的困擾他收到第一份醫療費用帳單上面寫</t>
  </si>
  <si>
    <t>醫療費用肺炎收到困擾醫院美國就是高中問題教師現實面對疫情康復家裡星期回到終於痊癒帳單上面</t>
  </si>
  <si>
    <t>好不容易治癒新冠肺炎從疫情中康復首要面對第一個現實的問題就是「醫療費用」一位美國高中教師在醫院待了幾個星期罹患新冠肺炎痊癒後終於回到家裡但他有新的困擾他收到第一份醫療費用帳單上面寫著高達84萬美元（約台幣2千5百萬）的金額。
COVID survivor receives $840000 statement for treatment with more on the way https://tco/GT8VPkskEL pictwittercom/7D5qbPmxbG
這位高中教師羅伯特（Robert Dennis）新冠肺炎痊癒後回到家收到84萬038694美元的帳單妻子坦承看到金額時「真的嚇到快窒息」其中明細包括羅伯特在重症病房插管兩星期的費用且光醫院藥費就高達25萬美元（約台幣747萬）。
而這還只是第一份帳單還有其他的費用都還沒算進去例如羅伯特在康復醫院住院三週的費用等夫妻倆估計所有帳單總金額會達到150萬美元（約台幣4千4百萬）令他們慶幸的是羅伯特有醫療保險且根據科羅拉多州保險部門指出病人會受到州緊急條例的保護。
根據外媒報導治療病人的醫院如果有「冠狀病毒援助、救濟和經濟安全法案」（CARES ACT）的資金資助醫院就不該向病人寄送醫療帳單。</t>
  </si>
  <si>
    <t>費用羅伯特帳單醫院病人金額台幣醫療肺炎高中教師星期收到高達痊癒waythehttpsonmore</t>
  </si>
  <si>
    <t>美國醫院高中新冠肺炎教師</t>
  </si>
  <si>
    <t>高中醫院肺炎教師美國</t>
  </si>
  <si>
    <t>下來歐洲守時中臺灣一口氣新增</t>
  </si>
  <si>
    <t>台灣新冠肺炎急遽升溫！中央流行疫情指揮中心今天公佈國內一口氣新增6名確診個案是有史以來單日天確診數最多的一次國內累積個案共59案。指揮官陳時中指出這次新增的54案到59案都是境外移入讓台灣感到很警惕</t>
  </si>
  <si>
    <t>新增國內臺灣個案急遽升溫確診中央流行疫情境外指揮中心今天公佈肺炎一口氣累積陳時中指揮官感到</t>
  </si>
  <si>
    <t>台灣新冠肺炎急遽升溫！中央流行疫情指揮中心今天公佈國內一口氣新增6名確診個案是有史以來單日天確診數最多的一次國內累積個案共59案。指揮官陳時中指出這次新增的54案到59案都是境外移入讓台灣感到很警惕因此從今天開始將擴大篩檢主動對14天內有歐洲旅遊史者進行採檢希望將這波從境外感染的衝擊降到最低。
至於這波歐洲疫情會不會走入台灣社區何時會成為高峰？陳時中坦言對於何時走入高峰「我很難預測」就像這次若歐洲沒有淪陷現在台灣的案例發展幾乎可以說已經鬆一口氣結果歐洲又來只能說疫情一波一波的來我們也只能一波一波的守住。
陳時中表示上一次新增那麼多名案例是在2月6日那天包含2名武漢回台、2名從義大利返台在香港轉機者、以及一名澳門返台者共有5個案例。陳時中說累積至今國內確診個案本土確診者有27名境外移入者有32人加上近日確診的都是境外移入個案讓防疫單位很警惕。
陳時中表示雖然已經提升旅遊警示從歐洲入境都要居家檢疫十四天但為了避免漏網之魚今天起將在往前14天追溯有旅遊史且有出現症狀者全面採檢。將從健保資料勾稽放大認定條件來找到這些人由檢疫人員評估有症狀一定要慘減沒症狀者則依據病例史以及身體狀況評估同時呼籲輕症者有旅遊史一定要通報。
另外也呼籲有症狀輕者這段時間有旅遊史可以自動通報這兩種人都會經過檢疫人員評估需不需要慘減基本上有症狀一定會採沒有症狀會根據病例史和現在的狀況去判斷。</t>
  </si>
  <si>
    <t>歐洲旅遊症狀臺灣案例今天陳時中境外個案疫情新增檢疫評估確診</t>
  </si>
  <si>
    <t>橙色臺灣升級公佈警示取消旅遊退票辦法澳門</t>
  </si>
  <si>
    <t>因受新型冠狀病毒肺炎疫情影響澳門地區現已升級為橙色旅遊警示並且建議旅客避免非必要之旅行。為回應現行主管機關針對澳門採加強防護措施台灣虎航4月往返澳門航班將取消。台虎2020年4月1日起至2020年4月30日</t>
  </si>
  <si>
    <t>澳門疫情影響澳門地區航班升級橙色旅遊警示往返肺炎建議旅客避免非必要臺灣措施防護回應主管機關加強取消</t>
  </si>
  <si>
    <t>因受新型冠狀病毒肺炎疫情影響澳門地區現已升級為橙色旅遊警示並且建議旅客避免非必要之旅行。為回應現行主管機關針對澳門採加強防護措施台灣虎航4月往返澳門航班將取消。
台虎2020年4月1日起至2020年4月30日桃園－澳門、台中－澳門、高雄－澳門之往返航班全數取消。針對上述航班取消而影響之旅客台灣虎航將直接退費至訂單中原始之付款帳戶內旅客不須進線至客服中心確認亦不需填寫任何表單。謹提醒退款作業約須4週工作天將退至發卡銀行端後續相關退款時程請逕自與發卡銀行聯繫。
它航機票若涉及台灣虎航航段仍須依照它航作業辦法規定辦理。如原始購票非透過台灣虎航官網購票者退票款請逕洽原開票旅行社或開票平臺洽詢。</t>
  </si>
  <si>
    <t>旅客臺灣澳門退款影響原始銀行髮卡作業航班往返取消疫情澳門地區升級開票橙色</t>
  </si>
  <si>
    <t>呼籲發聲度過神童疫情印度</t>
  </si>
  <si>
    <t>「印度神童」阿南德日前發出預言針對歐洲、中東、美國、日本等地警告「將有大事發生」；結果英國及以色列疫情升溫、日本靜岡爆發奪命土石流、美國邁阿密大樓倒塌。今他呼籲做5件事可幫助健全身心度過這波疫</t>
  </si>
  <si>
    <t>美國日本幫助發出預言呼籲歐洲全身心倒塌中東大樓邁阿密日前石流發生結果警告大事以色列疫情英國爆發升溫</t>
  </si>
  <si>
    <t>「印度神童」阿南德日前發出預言針對歐洲、中東、美國、日本等地警告「將有大事發生」；結果英國及以色列疫情升溫、日本靜岡爆發奪命土石流、美國邁阿密大樓倒塌。今他呼籲做5件事可幫助健全身心度過這波疫情。
阿南德指出因因疫情影響許多人身心靈受創全球超過2億人受憂鬱症所苦。他建議做的5件事分別為「信仰上帝」、「每天祈禱」、「瑜珈」、「親近大自然」、「遠離社群媒體」。
除了透過宗教力量來自印度的阿南德認為瑜珈也能改善身心狀況這點和許多醫師建議多做運動釋放壓力有異曲同工之處。親近大自然可鬆弛身心但台灣目前未完全解封不建議跨縣市移動。
最後一件事遠離社群媒體阿南德說現代科技是造成憂鬱的原因之一必須戒掉「科技癮」讓自己遠離手機、電腦等電子設備不去看社群平臺免得在疫情緊繃的當下吸收到更多混亂訊息及負面能量。</t>
  </si>
  <si>
    <t>阿南德疫情建議遠離美國日本憂鬱身心大自然親近媒體印度吸收當下心靈免得</t>
  </si>
  <si>
    <t>阿南德5件事瑜珈印度神童</t>
  </si>
  <si>
    <t>印度神童阿南德</t>
  </si>
  <si>
    <t>衛生局長莫德納不良反應人數新北</t>
  </si>
  <si>
    <t>新北市開放75歲以上長者預約接種莫德納疫苗今為開放接種第2天新北市衛生局長陳潤秋今在防疫會議上受訪表示目前尚未接到莫德納疫苗的不良反應通報；市長侯友宜則強調新北市不斷優化、調整施打場地一定讓長</t>
  </si>
  <si>
    <t>新北莫德納疫苗接種開放施打調整優化不斷場地強調表示受訪會議防疫目前尚未接到通報不良反應侯友宜市長衛生局長</t>
  </si>
  <si>
    <t>新北市開放75歲以上長者預約接種莫德納疫苗今為開放接種第2天新北市衛生局長陳潤秋今在防疫會議上受訪表示目前尚未接到莫德納疫苗的不良反應通報；市長侯友宜則強調新北市不斷優化、調整施打場地一定讓長者施打過程更安全、更健康做不好的地方都會虛心檢討。
今天不少衛生所都傳出有長者頂著大太陽在衛生所外排隊等疫苗施打狀況對此侯友宜表示長者施打一定要有細心、有耐心也要有愛心新北市會不斷優化施打場地有做不好的地方就虛心檢討讓所有長者安心施打接著會按照年齡往下施打「只要年齡到、時間到、一定打得到」。
★《中時新聞網》提醒您：因應新冠肺炎疫情疾管署持續加強疫情監測與邊境管制措施 如有疑似症狀請撥打：1922專線或 0800-001922 並依指示配戴口罩儘速就醫同時主動告知醫師旅遊史及接觸史以利及時診斷及通報。</t>
  </si>
  <si>
    <t>施打長者新北疫苗一定疫情表示衛生所莫德納侯友宜通報不好檢討地方虛心場地接觸史及旅遊告知</t>
  </si>
  <si>
    <t>施打長者新北市新北衛生局長</t>
  </si>
  <si>
    <t>長者新北衛生局長施打</t>
  </si>
  <si>
    <t>明起申請補貼生活q&amp;a勞工全時</t>
  </si>
  <si>
    <t>疫情影響收入減少、日子難過勞動部「全時受僱勞工生活補貼」明（12日）起開放申請只要月投保薪資在3萬4800元以下5或6月薪水較4月減少逾2成就可以領到1萬元的生活補貼《中時新聞網》整理申請、發放方式、證</t>
  </si>
  <si>
    <t>減少申請補貼生活日子難過整理勞動部新聞網全時薪水以下投保薪資勞工開放領到可以收入</t>
  </si>
  <si>
    <t>疫情影響收入減少、日子難過勞動部「全時受僱勞工生活補貼」明（12日）起開放申請只要月投保薪資在3萬4800元以下5或6月薪水較4月減少逾2成就可以領到1萬元的生活補貼《中時新聞網》整理申請、發放方式、證明檔等相關問題及解答幫助民眾順利領到補貼。
●全時受僱勞工申請生活補貼的對象及資格條件？
適用對象為110年4月30日已參加就業保險月投保薪資在24000元(含)以上至34800元(含)以下且同時符合
1受僱於同一事業單位（公司）的110年5月份或6月份薪資相較4月份薪資減少達20%以上。
2薪資減少達20%以上當月份的末日（5月為5月31日6月為6月30日）應於同一事業單位（公司）加保。
並且未領取其他性質相同的補助、補貼或津貼者得申請補貼。
●全時受僱勞工生活補貼發放金額為多少？
符合資格者發給一次性補貼金額為新臺幣1萬元。
●全時受僱勞工生活補貼的申請及發放方式為何？
1符合資格的民眾可於110年8月31日前備妥「身分證字號/居留證號」、「薪資減少證明影本」及「本人之金融機構帳號」至勞動部網站線上申請。
(1)第一階段：自110年7月12日10點起開放「5月份」薪資減少達20%以上的民眾申請。
(2)第二階段：自110年7月23日10點起開放「6月份」薪資減少達20%以上的民眾申請。
2發放方式：提出申請待審查通過後直接撥款至勞工本人金融機構帳戶。
3符合資格者如無國內金融機構帳戶可採書面申請方式民眾填妥紙本申請書郵寄至居住地之勞動部勞動力發展署分署郵寄支票或匯票給民眾。
●何謂「薪資減少證明文件」？可以用薪資單嗎？要公司蓋章嗎？存摺內頁影本可以嗎？
薪資減少證明檔必須足以佐證薪資給付的情形例如提供薪資單（明細）有載明勞工身分（姓名或身分證字號）、事業單位（公司）名稱及薪資月份、給付金額等項目。
或是銀行薪資轉帳紀錄（含存摺封面及內頁影本）就不必經過雇主蓋章；如果無法提供薪資單或銀行薪資轉帳紀錄而是由雇主另行開立的薪資減少證明載明勞工身分（姓名及身分證字號）、事業單位（公司）名稱及薪資月份、給付金額等項目就必須蓋公司章以供確認。
●透過網路線上申請生活補貼何時會入帳？
只要申請後經審查符合資格者預計於審核完成3日後即可上網查詢入帳資訊。
●一定要領月薪才能申請生活補貼嗎？如果是按件計酬、按時計酬者可以申請嗎？
勞工只要符合本補貼的資格條件其計薪方式為何並無限制。
●何謂薪資減少達20%以上？
以申請5月份薪資減少為例5月份「應領薪資」較4月份「應領薪資」減少20%以上或者5月份「實領薪資」較4月份「實領薪資」減少20%以上都是。例如勞工5月份應領薪資25000元4月份應領薪資33000元即符合薪資減少達20%以上。（應領對應領實領對實領）
●勞工110年5月或6月薪資相較4月薪資都有符合減少達20%以上可以領2份生活補貼嗎？
不可以。本補貼計畫有規定同一受僱勞工發給一次生活補貼。
●年滿65歲以上勞工可以申請生活補貼嗎？
不可以。就業保險適用於15歲以上65歲未滿的受僱勞工65歲以上的勞工不能再參加就業保險不符合請領資格條件。因為65歲以上的勞工通常已領取或已可領取社會保險老年給付業有基本生活保障。</t>
  </si>
  <si>
    <t>薪資申請補貼減少勞工符合生活以上民眾資格公司可以方式月份勞動部金額發放金融機構證明文件</t>
  </si>
  <si>
    <t>薪資減少申請生活補貼1萬元</t>
  </si>
  <si>
    <t>減少申請薪資補貼生活</t>
  </si>
  <si>
    <t>報名不退台太東馬友善</t>
  </si>
  <si>
    <t>受到新冠肺炎疫情升溫影響原定3月1日舉行的「東京馬拉松」規模大幅縮減預計將有38萬跑者參與的賽事最終僅開放200位職業跑者競賽並且不會退還報名費。消息一出掀起參賽者反感不過一名住在台灣的日本網紅則</t>
  </si>
  <si>
    <t>疫情臺灣升溫影響反感原定參賽者掀起舉行東京消息馬拉松肺炎日本規模報名大幅退還縮減預計競賽</t>
  </si>
  <si>
    <t>受到新冠肺炎疫情升溫影響原定3月1日舉行的「東京馬拉松」規模大幅縮減預計將有38萬跑者參與的賽事最終僅開放200位職業跑者競賽並且不會退還報名費。消息一出掀起參賽者反感不過一名住在台灣的日本網紅則點出背後台日差異直言「台灣太友善了！」
網紅「日本人的歐吉桑」在臉書PO文指出這次東京馬拉松報名費約16000日幣有38000人參賽報名費總計約6億日幣（約新台幣16億）。根據過往經驗無論是馬拉松或是腳踏車活動日本主辦單位絕不會退費他自己也曾遇過同樣的狀況當時報名的腳踏車活動因為颱風來襲而取消主辦單位同樣公佈不退費。
他坦言「雖然大家覺得不甘心但是不少人接受沒有退費的事情。因為很多人理解為了活動準備他們（主辦單位）已經花很多錢的事情。」反觀台灣主辦單位舉辦相關活動時若因故取消願意退費的舉動總讓他大感驚訝從中發現台日文化差異直言「台灣的主辦單位太友善…我猜想他們應該賠很多錢。」
貼文一出隨即掀起網友熱議紛紛留言回應「不可抗拒因素可理解」、「原來有這樣的國情差異」、「台灣消費者意識較強不退費會被輿論攻擊到死」、「有時候文化差異真的難以想像」、「台灣→投訴媒體、民代立委」。
不過也有人認為「從參加者（消費者）的角度來看付報名費就是買服務／體驗活動取消了＝東西不賣了退費是天經地義的事。主辦單位先花了很多錢準備活動那是他們的『投資』活動被迫取消退費若賠錢那是主辦單位他們理應要負的投資風險出來辦活動賺錢沒有不用負風險的推給參加者自己負擔是不對的事情不覺得可以用國情差異帶過。可以考量成本或時間不退全額但一塊錢都不退絕對是錯的事情政府或法律應該要保障參加／消費者的權益才對。」</t>
  </si>
  <si>
    <t>活動主辦單位臺灣報名退費不退事情消費者馬拉松日本差異取消應該參加者文化差異掀起理解同樣</t>
  </si>
  <si>
    <t>武漢肺炎新型冠狀病毒新冠肺炎日本東京</t>
  </si>
  <si>
    <t>肺炎病毒日本冠狀武漢東京</t>
  </si>
  <si>
    <t>鬆懈icu不能關鍵等待疫苗一段時間</t>
  </si>
  <si>
    <t>台灣疫情爆發疫苗短缺儼然成為危機。奇美醫學中心加護醫學部主治醫師陳志金表示肯定想要協助政府買疫苗的企業、地方政府但即使買到疫苗施打到發揮效果仍需要一段時間呼籲大家目前還是要做好個人防護避免</t>
  </si>
  <si>
    <t>疫苗醫學政府目前呼籲一段時間短缺需要效果危機發揮做好打到主治醫師陳志金表肯定協助想要中心買到</t>
  </si>
  <si>
    <t>台灣疫情爆發疫苗短缺儼然成為危機。奇美醫學中心加護醫學部主治醫師陳志金表示肯定想要協助政府買疫苗的企業、地方政府但即使買到疫苗施打到發揮效果仍需要一段時間呼籲大家目前還是要做好個人防護避免群聚。
陳志金今（3）日於個人臉書粉專《ICU醫生陳志金》寫下肯定想要協助購買疫苗的企業、地方政府買得到是一件開心的事若買不到也不必灰心畢竟疫苗原廠並不在台灣有的也只願意與中央政府接洽像是嬌生就表示在疫情緊急狀態期間不跟協力廠商或是透過協力廠商合作。
陳志金也舉了南韓大邱市的例子大邱市政府透過管道自購3000萬劑輝瑞／BNT疫苗但南韓CDC判斷非循正規管道因此下令禁用。而輝瑞也表示只跟國家政府提供疫苗不會以其他途徑供貨。
陳志金說即便買到疫苗也開始接種了但其發揮的效果還需要一段不短的時間這段期間大家還是要做好個人防護、避免群聚唯有團結一致才能共同度過。
★《中時新聞網》提醒您：因應新冠肺炎疫情疾管署持續加強疫情監測與邊境管制措施 如有疑似症狀請撥打：1922專線或 0800-001922 並依指示配戴口罩儘速就醫同時主動告知醫師旅遊史及接觸史以利及時診斷及通報。</t>
  </si>
  <si>
    <t>疫苗陳志金疫情個人透過表示政府管道南韓輝瑞期間肯定需要效果買到想要醫學發揮協助接觸避免史及防護臺灣</t>
  </si>
  <si>
    <t>新冠肺炎台灣疫苗保護力</t>
  </si>
  <si>
    <t>疫苗肺炎臺灣保護</t>
  </si>
  <si>
    <t>今年致死毒品</t>
  </si>
  <si>
    <t>新冠肺炎疫情變幻莫測年輕人卻悄悄被新興毒品毒害！台灣高檢署6日統計指出今年1至3月已有42人因吸食新興毒品死亡其中施用超級搖頭丸（PMMA）死亡高達31人遠高於新冠肺炎。為遏阻毒害檢警擬將非工業用途的P</t>
  </si>
  <si>
    <t>毒害毒品肺炎死亡統計指出今年高檢臺灣高達悄悄吸食變幻莫測年輕人高於疫情搖頭</t>
  </si>
  <si>
    <t>新冠肺炎疫情變幻莫測年輕人卻悄悄被新興毒品毒害！台灣高檢署6日統計指出今年1至3月已有42人因吸食新興毒品死亡其中施用超級搖頭丸（PMMA）死亡高達31人遠高於新冠肺炎。為遏阻毒害檢警擬將非工業用途的PMMA化工原料提報列管四級毒品加強查緝。
超級搖頭丸 化工原料擬列管
高檢署昨指出由於PMMA（副甲氧基甲基安非他命）在年輕族群流行不少人甚至合併「笑氣」使用致死率近100%檢警因暑假將至擔心年輕人遭毒害近日將專案查緝。警政署則表示PMMA致死案一律列管溯源初步查出有北部黑幫涉嫌製毒。
緝毒專責檢察官指出施用新興毒品比被毒蛇咬還恐怖毒蛇種類有限可用血清治療但混用毒品有如賭命根本沒藥醫。現國際通報的化學合成毒物短短4年間已從251種暴增逾700種遠超過我國檢驗管制能量。
農曆年前高檢署就曾示警指法醫研究所在去年第4季10至12月解剖吸毒致死案例吸食PMMA死亡高達34人光是12月的1個月內就死28人案例遍及全國以桃園最多最年輕死者僅17歲。
合成毒物暴增 混合施用要命
檢警加強肅毒但毒害未受控制。今年第一季統計顯示新興毒品致死42人中施用PMMA死亡仍高達31人案件量居高不下顯示毒害未獲控制。
高檢署說近年新興毒品快速竄起以毒咖啡包、液態毒品等混合式毒品正在年輕族群流行因包裝精美讓人降低警戒性因性質不定、查緝不易、混合施用後致死率高。尤其搖頭丸、安非他命、K他命等毒品還與笑氣合併施用更應積極壓制防止擴散。
高檢署說PMMA為二級毒品屬中樞神經興奮劑但毒性超過搖頭丸、甲基安非他命4倍50毫克就有中毒可能。但因其毒性作用較慢施用者常因初期無感使用過量致死加上成本低、製程快常以毒咖啡包出現。吸食後會神智不清、抽搐甚至大吼大叫致死率極高。
據高檢署統計今年1至3月查獲毒品5442公斤新興毒品就有4477公斤合計超過8成。</t>
  </si>
  <si>
    <t>毒品施用pmma致死高檢毒害搖頭查緝指出吸食安非他命年輕列管今年死亡統計案例毒性合成</t>
  </si>
  <si>
    <t>列管新興毒品死亡控制施用</t>
  </si>
  <si>
    <t>毒品控制施用死亡列管</t>
  </si>
  <si>
    <t>bnt高端首位政府笨蛋全台</t>
  </si>
  <si>
    <t>疫情指揮中心日前宣佈已接種高端者若有緊急出國需求可加打國際認可疫苗。不過一名男子表示年初打2劑高端後10月又施打1劑輝瑞／BNT當時他還高興地喊「我可能是全台灣甚至是全世界第一個打完2劑高端再</t>
  </si>
  <si>
    <t>高端宣佈接種高端者緊急高興出國日前當時需求bnt可加輝瑞國際認可施打表示年初全台甚至可能中心</t>
  </si>
  <si>
    <t>疫情指揮中心日前宣佈已接種高端者若有緊急出國需求可加打國際認可疫苗。不過一名男子表示年初打2劑高端後10月又施打1劑輝瑞／BNT當時他還高興地喊「我可能是全台灣甚至是全世界第一個打完2劑高端再打一劑BNT的人」但太高調因此被指揮中心註記健保卡使得他無法完成第二劑BNT接種如今指揮中心又開放令他傻眼「到底是我傻還是政府有問題？」
原PO於10月曾在PTT八卦板指出自己是高端受試者於今年2月及3月各施打一劑高端疫苗也確定打並非安慰劑由於是受試者當時健保卡上沒有註劑因此讓他順利於10月闖關又加打一劑BNT令他驚喜地喊「我打到第三劑啦！我可能是全台灣甚至是全世界第一個打完2劑高端再打一劑BNT的人」。
不料因PO文太高調健保卡遭指揮中心註記已接種2劑高端使他無法如期打第四劑疫苗但指揮中心上週五（12日）政策急轉彎宣佈已施打2劑高端者若有緊急出國需求可加打國際疫苗讓該男子超不爽昨日再度在PTT發文「上次把我健保卡註記不給我打第四劑現在又開放是在耍我嗎？」
原PO說本來是很支持台灣生技和醫療研發產業才會參加臨床試驗沒想到政府這樣硬推高端二期臨床試驗都還沒做完就上線給民眾打把人民當白老鼠自己就像笨蛋一樣但才加打一劑BNT就被政府擋下「現在又開放到底是我傻還是政府有問題？」
貼文曝光後不少鄉民也留言「有沒有覺得賺到了」、「花公費比別人多打2劑簡直賺到」、「過幾年身體後遺症政府可不會賠你」、「支援政府有很多方式但我不會拿自己身體開玩笑」、「有實驗精神給推」、「世界第一恭喜台灣之光」、「欸欸你賺到了滿滿一堆疫苗假不要太滿」。</t>
  </si>
  <si>
    <t>高端bnt政府疫苗中心指揮po賺到接種臺灣開放ptt支持沒有</t>
  </si>
  <si>
    <t>高端混打高端疫苗輝瑞／BNT新冠疫苗</t>
  </si>
  <si>
    <t>bnt輝瑞疫苗高端混打</t>
  </si>
  <si>
    <t>國內疫情持續炸鍋本土個案從5月11日至昨日止迅速累積3066人確診今日來到第14天中央流行疫情指揮中心今（23）日公佈再新增590例其中334本土256例為校正回歸至今有84名病患使用呼吸器面對如此嚴峻的新</t>
  </si>
  <si>
    <t>本土疫情使用至今呼吸器個案確診今日來到中央流行迅速累積公佈昨日中心指揮回歸校正面對</t>
  </si>
  <si>
    <t>國內疫情持續炸鍋本土個案從5月11日至昨日止迅速累積3066人確診今日來到第14天中央流行疫情指揮中心今（23）日公佈再新增590例其中334本土256例為校正回歸至今有84名病患使用呼吸器面對如此嚴峻的新冠肺炎情勢雲林某大學一名男同學卻疑似唯恐天下不亂23日在Dcard發文自稱當日在新北一連鎖餐飲店用餐還高呼「誰跟你說內用會染疫的？」叫網友看了傻爆眼。
根據Dcard該則貼文內容一位自稱是雲林某男大生的網友日前在新北一連鎖餐飲店用餐直言「我實在想不通台灣人原來這麼好操弄進來餐廳你要填寫實名制然後量體溫然後你就能內用了」文末還強調只要做好自我防護「我不知道內用有什麼問題」因為「店員都是配（佩）戴口罩當然包含進來的你」。
此文一出有許多網友認為原PO語出驚人於是反諷「你484想引戰？技巧很差ㄟ」還有人高級酸的嗆道「也沒什麼問題啦！頂多就是跟潛伏期帶原者一起用餐而已」或是出面提醒原PO「沒規定之前你愛怎麼內用那是你的事規定一下就好好遵守懂嗎？」不過原PO看了則不甘示弱的回應「我只看到大家都叫外送」、「內用都會確診我外帶也會確診好神奇喔」、「講好聽叫減少確診機率講難聽叫做省事可憐！」
由於留言論戰延燒不斷因此有網友看不下去乾脆打1922詢問留言回應「我剛剛打去問了1922你如果鼓勵民眾內用的話是違反傳染病防治法第 63 條『散播有關傳染病流行疫情之謠言或不實訊息足生損害於公眾或他人者科新台幣3百萬元以下罰金』」最後還不忘用嘲諷口吻祝福原PO「保重喔wwwwwwwwwwwww網路上正義使者很多希望你過幾個月後不要收到法院通知單～～」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po網友確診疫情口罩用餐本土流行使用務必進來雲林dcard留言</t>
  </si>
  <si>
    <t>內用1922確診Dcard網友</t>
  </si>
  <si>
    <t>網友dcard確診</t>
  </si>
  <si>
    <t>接種疫苗施打創香港新高</t>
  </si>
  <si>
    <t>香港《文匯報》報導香港新冠疫苗接種計畫昨日推出第100天有約50400人接種首次單日突破5萬大關成為歷來新高紀錄。香港公務員事務局局長聶德權表示近日接種、預約的人數都較踴躍令人鼓舞希望各界快打疫</t>
  </si>
  <si>
    <t>接種香港令人鼓舞踴躍人數預約希望疫苗近日有約表示事務公務員新高突破紀錄聶德權大關局局長成為歷來昨日</t>
  </si>
  <si>
    <t>接種疫苗香港昨日公佈中心事務公務員紀錄新高表示近日局局長聶德權預約人數星期踴躍未來</t>
  </si>
  <si>
    <t>接種香港疫苗新冠肺炎打針</t>
  </si>
  <si>
    <t>疫苗香港肺炎打針接種</t>
  </si>
  <si>
    <t>指控疫苗機密</t>
  </si>
  <si>
    <t>新冠肺炎疫情未歇世界各國都在與時間賽跑緊鑼密鼓研發疫苗。但英國政府的網路安全機構「國家網路安全中心」（NCSC）16日罕見發布聲明指控接受俄羅斯政府資助的駭客團體正針對英、美和加拿大等國參與研發新</t>
  </si>
  <si>
    <t>研發網路安全世界加拿大時間團體賽跑資助俄羅斯政府中心接受指控緊鑼密鼓聲明發佈英國政府ncsc罕見疫苗</t>
  </si>
  <si>
    <t>新冠肺炎疫情未歇世界各國都在與時間賽跑緊鑼密鼓研發疫苗。但英國政府的網路安全機構「國家網路安全中心」（NCSC）16日罕見發布聲明指控接受俄羅斯政府資助的駭客團體正針對英、美和加拿大等國參與研發新冠疫苗的組織發動網路攻擊。
NCSC指出包括藥廠與研究團體都已是這個名為APT29駭客組織的下手目標「它幾乎確定是」克裡姆林宮情報體系的一部分。
英國官員並未透露這些攻擊是否成功達到竊取醫藥機密的目標。但NCSC強調沒有任何疫苗相關研究因此受牽累。
對英國來說公開點明其他國家為網路攻擊幕後黑手的情況相當罕見。但官員指出英方已與美、加分享其評估報告兩國稍後也將發表各自的說法。外相拉布痛批俄羅斯情報單位針對新冠肺炎的研究單位「令人完全無法接受」。
另外拉布還加碼指控俄羅斯駭客在去年12月英國大選期間非法取得計畫中的英美自由貿易協議敏感檔並在網路上散播企圖幹預大選。拉布表示有關檔在大選前遭竊然後經網路平臺Reddit散佈。雖然沒有證據顯示俄羅斯有大規模幹預大選的行動但任何企圖介入民主過程的行為皆不能接受。他表示英國會保留在未來採取適當回應措施的權利。</t>
  </si>
  <si>
    <t>英國網路大選接受攻擊俄羅斯ncsc研究拉布疫苗官員罕見目標沒有情報表示指出檔組織研發團體企圖</t>
  </si>
  <si>
    <t>機密疫苗肺炎駭客NCSC</t>
  </si>
  <si>
    <t>疫苗肺炎ncsc機密</t>
  </si>
  <si>
    <t>確診六都地圖新北全台</t>
  </si>
  <si>
    <t>昨天(3/29) 指揮中心宣佈新增8例新冠肺炎確診1例本土7例境外有7縣市確診人數增加六都確診接增加其中新北市新增2例最多臺北市、桃園市、台中市、台南市與高雄市各1例此外還有新竹市增加1例全台共累計30</t>
  </si>
  <si>
    <t>增加確診新增新北本土宣佈中心台中桃園南市高雄市新竹人數肺炎全台指揮臺北市六都境外</t>
  </si>
  <si>
    <t>昨天(3/29) 指揮中心宣佈新增8例新冠肺炎確診1例本土7例境外有7縣市確診人數增加六都確診接增加其中新北市新增2例最多臺北市、桃園市、台中市、台南市與高雄市各1例此外還有新竹市增加1例全台共累計306例。
據衛福部疾管署公佈最新的確診案例地圖臺北市最多共84例、新北市72例、台中市33例、桃園市31例高雄市25例彰化縣14例台南市13例新竹市7例、屏東縣6例新竹縣和雲林縣4例苗栗縣、嘉義市與基隆市3例南投縣2例。
該圖顯示整個西半部僅剩「嘉義縣」一塊淨土。目前僅剩下6縣市保持零確診分別是嘉義縣、花蓮縣、台東縣、澎湖縣、金門縣和連江縣。</t>
  </si>
  <si>
    <t>確診義縣增加東縣新竹臺北市南市高雄市新北花蓮縣一塊衛福部僅剩管署最新淨土公佈顯示</t>
  </si>
  <si>
    <t>全台確診分佈六都確診新北市桃園市</t>
  </si>
  <si>
    <t>確診六都分佈新北桃園全台</t>
  </si>
  <si>
    <t>疾呼感恩節cdc外出旅遊業重創旅遊</t>
  </si>
  <si>
    <t>美國新冠肺炎確診病例再攀新高為免疫情加速擴散美國疾病管制預防中心（CDC）19日勸告美國民眾下周感恩節假期勿外出旅行並針對旅遊及聚會活動提出安全建議。疫情當前美國很多家庭面對感恩節這類傳統節慶</t>
  </si>
  <si>
    <t>美國感恩節病例確診家庭新高免疫提出活動聚會旅遊疫情旅行當前建議外出安全加速假期擴散疾病管制預防cdc勸告</t>
  </si>
  <si>
    <t>美國新冠肺炎確診病例再攀新高為免疫情加速擴散美國疾病管制預防中心（CDC）19日勸告美國民眾下周感恩節假期勿外出旅行並針對旅遊及聚會活動提出安全建議。
疫情當前美國很多家庭面對感恩節這類傳統節慶該不該與親友團聚陷入掙紮感恩節前後向來是美國的旅遊旺季。
關於要民眾感恩節勿旅行的呼籲CDC官員沃克（Henry Walke）週四向記者簡報指出這是「強烈建議」而非硬性規定係基於新冠肺炎確診數、住院數及死亡數節節攀升所做的建議。
根預CDC資料11月5日至13日美國確診感染新冠肺炎的人數超過100萬病故數在18日跨過25萬大關單單過去2個月就新增5萬死亡病例。
CDC勸告美國民眾凡是未同住一個家庭至少14天的人勿與他們聚會14天正是新冠病毒的潛伏期。CDC官員表示針對假期期間仍選擇外出旅遊的美國人他們也在CDC官網上張貼安全建議。
CDC建議採虛擬聚會若要親身赴會賓客應自備食物及餐具而且盡可能在戶外。如果選在室內慶祝建議要開窗在打開的窗戶前擺放風扇讓賓客所在的房間保持空氣流通另外準備食物場所的附近要限制人數。
美國汽車協會（AAA）預估今年感恩節外出旅遊人數至少掉10％將創2008年來最大年跌幅。AAA根據10月的模式估算出今年感恩節約5000萬人出遊少於去年的5500萬。
而在CDC公開建議感恩節勿出外旅行後AAA預期出遊人數恐怕更低。
聯合航空、美國航空與西南航空19日異口同聲指出受新冠肺炎確診數激增的影響訂位情況並不熱絡。
聯航週四警告新冠疫情升溫再一次重創航空旅遊從訂位數下滑、機位取消增加嗅出端倪。聯航原本計劃第四季班次要較去年同期減55％照目前看來可能得進一步減班。</t>
  </si>
  <si>
    <t>美國cdc感恩節建議旅遊人數肺炎aaa聚會確診外出旅行賓客食物民眾航空聯航週四病例指出疫情</t>
  </si>
  <si>
    <t>外出旅遊旅遊美國AAA肺炎</t>
  </si>
  <si>
    <t>旅遊aaa美國外出肺炎</t>
  </si>
  <si>
    <t>嬰兒種族歧視口罩下場拉下婦人</t>
  </si>
  <si>
    <t>全球新冠肺炎疫情仍緊繃出門在外還是必須戴口罩、保持社交距離不過自從疫情爆發以來發生不少人對無辜民眾咳嗽、吐口水導致對方感染新冠肺炎而這次「咳嗽攻擊事件」竟然發生在小嬰兒身上一名婦人拉下口罩</t>
  </si>
  <si>
    <t>疫情發生咳嗽肺炎口罩嬰兒必須出門在外保持社交竟然距離爆發以來事件無辜民眾口水導致</t>
  </si>
  <si>
    <t>全球新冠肺炎疫情仍緊繃出門在外還是必須戴口罩、保持社交距離不過自從疫情爆發以來發生不少人對無辜民眾咳嗽、吐口水導致對方感染新冠肺炎而這次「咳嗽攻擊事件」竟然發生在小嬰兒身上一名婦人拉下口罩對嬰兒狂咳最後遭到警方通緝。
這起攻擊事件發生在美國聖荷西一間餐廳一位叫做莫拉（Mireya Mora）的女子推著嬰兒車在排隊這時前方一名婦人不滿莫拉沒有保持社交距離兩人發生口角衝突接著婦人突然拉下口罩靠近不到1歲的嬰兒對著臉蛋開始狂咳。
婦人行為讓莫拉不可置信她受訪時表示小孩受到驚嚇回家後一直睡不安穩且還出現輕微發燒症狀；但整起攻擊事件莫拉認為與種族歧視有關因為自己與奶奶是西班牙裔原本排隊時都沒事當她開始說西語時婦人突然轉身指控她沒有保持社交距離甚至嗆「妳聽的懂我在講什麼嗎」？
這位白人婦女的行為遭網友撻伐警方也依襲擊罪名發布通緝根據公佈消息婦人是年紀大約60多歲的白人女性身分仍不明警方呼籲若知道與她相關資訊的民眾盡速聯繫聖荷西警局。</t>
  </si>
  <si>
    <t>婦人莫拉發生警方攻擊事件口罩社交保持距離嬰兒民眾白人行為排隊通緝疫情咳嗽開始突然荷西肺炎</t>
  </si>
  <si>
    <t>美國白人婦人新冠肺炎肺炎</t>
  </si>
  <si>
    <t>婦人白人肺炎美國</t>
  </si>
  <si>
    <t>假消息不斷署長疫情肺炎嚴辦姑息</t>
  </si>
  <si>
    <t>為避免新型冠狀病毒肺炎(COVID-19)疫情假訊息以訛傳訛特別是在昨日確認國內出現首例死亡個案後更應密切注意防疫假訊息散播造謠企圖引起社會大眾不安、同時強化打擊囤積口罩等防疫物資警政署長陳家欽特別於昨</t>
  </si>
  <si>
    <t>防疫訊息警政署長物資covid-疫情口罩囤積打擊不安強化大眾社會國內以訛傳訛出現首例死亡個案確認引起特別是在昨日企圖造謠</t>
  </si>
  <si>
    <t>為避免新型冠狀病毒肺炎(COVID-19)疫情假訊息以訛傳訛特別是在昨日確認國內出現首例死亡個案後更應密切注意防疫假訊息散播造謠企圖引起社會大眾不安、同時強化打擊囤積口罩等防疫物資警政署長陳家欽特別於昨日（17日）到刑事局召開「查察防疫假訊息專案檢討會議」。並強調對於一切亂傳的假消息絕對嚴辦不姑息。
陳家欽首先對刑事警察局近期嚴查速辦散佈假訊息疫情、哄抬囤積防疫物資案件表達肯定與慰勉之意並親自蒞臨主持專案檢討會議會中特別提醒同仁在執勤時要注意自身安全防護保護自已才能保護國人另外聽取刑事警察局專案報告假訊息查處情形並指示查處重點及方向如一查獲就立即對外說明以降低擴散、遏制不法。
刑事局統計1月23日至昨日止警方已偵辦散佈新型冠狀病毒疫情假訊息72件移送43件、64人。另外針對近日網路謠傳國內有數百人感染新冠肺炎致死的不實訊息刑事局已積極偵辦中呼籲民眾勿造謠觸法。
更多 CTWANT 報導</t>
  </si>
  <si>
    <t>訊息防疫昨日專案造謠疫情特別警察局國內囤積物資檢討會肺炎散佈查處病毒冠狀保護</t>
  </si>
  <si>
    <t>假訊息特別刑事局假消息嚴辦</t>
  </si>
  <si>
    <t>特別訊息假消息嚴辦</t>
  </si>
  <si>
    <t>副作用禁忌疫苗az包一次接種</t>
  </si>
  <si>
    <t>台灣企盼已久的首批新冠疫苗終於到手了！今日上午自韓國運送抵台的20萬劑AstraZeneca疫苗按照疫情指揮中心預定的時程將在一周內開打。AZ到底是何種類型的疫苗？接種後會產生哪些副作用第一、二劑須間隔多久施</t>
  </si>
  <si>
    <t>疫苗產生後會接種終於類型到手到底今日az時程韓國上午運送預定中心指揮astrazeneca疫情副作用</t>
  </si>
  <si>
    <t>疫苗接種肺炎目前反應嚴重可能az施打間隔建議部位使用至少醫師感染過敏民眾發生通常</t>
  </si>
  <si>
    <t>AZ疫苗新冠肺炎接種副作用懶人包</t>
  </si>
  <si>
    <t>肺炎接種副作用疫苗az</t>
  </si>
  <si>
    <t>腫脹就醫確診腋下莫德納病徵打完桃園注意</t>
  </si>
  <si>
    <t>桃園一名女子上月接種莫德納後腋下摸到顆粒般的腫塊由於沒有任何痛感因此並未放在心上後來至醫院檢查後才發現右乳侵襲癌和右腋下淋巴轉移確診乳癌目前正接受治療。乳房外科醫師黃鴻銘表示打完疫苗後</t>
  </si>
  <si>
    <t>腋下莫德納醫師黃鴻銘外科乳房治療接受摸到目前痛感並未放在顆粒沒有心上後來醫院腫塊確診檢查發現侵襲右乳</t>
  </si>
  <si>
    <t>檢查黃鴻銘腫塊腋下疫苗女子摸到淋巴結就醫腫大女性痛感發現打完醫師疫情一定乳房造成</t>
  </si>
  <si>
    <t>新冠疫苗莫德納腫塊腋下乳癌</t>
  </si>
  <si>
    <t>腫塊莫德納腋下疫苗</t>
  </si>
  <si>
    <t>鄉民ptt外籍啥意思機師往來密切秘密</t>
  </si>
  <si>
    <t>新冠肺炎253天本土零確診破功中央流行疫情指揮中心今（22日）宣佈新增1名本土個案為廣達女員工（案771）她是確診紐西蘭籍機師的接觸者（案765）12月7日到12日間與機師密切往來。有網友在PTT發問：密切往來5天</t>
  </si>
  <si>
    <t>確診機師本土密切往來日間疫情流行指揮中央中心宣佈紐西蘭個案接觸員工廣達女網友</t>
  </si>
  <si>
    <t>新冠肺炎253天本土零確診破功中央流行疫情指揮中心今（22日）宣佈新增1名本土個案為廣達女員工（案771）她是確診紐西蘭籍機師的接觸者（案765）12月7日到12日間與機師密切往來。有網友在PTT發問：密切往來5天是什麼意思？一名自稱曾是CCR（Cross Cultural Romance 異國戀）受害者跳出來揭露台女與外籍機師的秘密。
指揮中心今日表示紐西蘭機師在疫調時表示無法回想確切活動史且並未提及曾與案771接觸12月21日經警政單位調查案765之活動軌跡發現案765曾於12月7日至12日間與案771密切往來故列為接觸者同日由衛生單位安排採檢於今日確診。
有網友在PTT發問：密切往來5天是什麼意思？一名自稱曾是CCR（Cross Cultural Romance 異國戀）受害者的鄉民回應表示「有年在女友桌上敲到1張發票+1張收據：南崁麥當勞店2人套餐時間晚上11點半日期就是小年夜前1天。收據是計程車的收據大概2百多吧」。
該鄉民直言：「細節就不談了結論就是外籍機師們在南崁是有宿舍的飛來台灣就立即有台女主動坐車去約會了」。
有人問「跟機師約會還要出麥當勞的錢哦」原PO回應：「細節太複雜就不談了錢都是老外出的只是台女個性有節檢美德收據就放包包惹。結論是他們是網路交友認識的然後洋機師一來台灣女的就會去付（赴）約。最後重點4查了很久最後才知女的不只一個」。
還有人憤怒表示：「ccr害人不淺防疫破口兼洨祕密」原PO也回說「她的小密咪被我知道是因為3月有天忽然跟我說她有了帶去產檢醫生跟我說確定是小年夜前一天中獎的跟發票日期一樣」。</t>
  </si>
  <si>
    <t>機師表示收據確診接觸往來poccr密切秘密回應麥當勞台女鄉民單位指揮活動本土紐西蘭</t>
  </si>
  <si>
    <t>新冠肺炎機師台女本土廣達</t>
  </si>
  <si>
    <t>台女肺炎機師本土廣達</t>
  </si>
  <si>
    <t>it大臣天才幕後英雄盛讚感佩</t>
  </si>
  <si>
    <t>近日行政院政務委員唐鳳在日本大受歡迎因開發了「口罩地圖查詢」以及「鑽石公主號旅客路線圖」成防疫的關鍵角色日媒還將他封為「天才IT大臣」。唐鳳謙虛表示自己只是把政府資料、民間社群的貢獻來進行匯集</t>
  </si>
  <si>
    <t>鳳在民間日本大受歡迎資料開發政府口罩只是表示地圖謙虛查詢唐鳳鑽石公主大臣it旅客貢獻天才路線圖封為防疫關鍵</t>
  </si>
  <si>
    <t>近日行政院政務委員唐鳳在日本大受歡迎因開發了「口罩地圖查詢」以及「鑽石公主號旅客路線圖」成防疫的關鍵角色日媒還將他封為「天才IT大臣」。唐鳳謙虛表示自己只是把政府資料、民間社群的貢獻來進行匯集最辛苦的是藥師朋友們「願意把每一天的工作狀況公開給國人我覺得非常令人感動、佩服。」
唐鳳於「外獨會」網站中留言感謝大家的關心指出「匯集的列初版確實是我寫的也很感謝社群朋友們在設計上的輔助」。但願意使用開放資料的方式來釋出資訊主要歸功於衛福部「讓我們在剛開始就有一些具有公信力的運用出來產生一個資料流的生態系。」
唐鳳說這樣的做法是一個社會創新最初是民間社群友人Howard（吳展瑋）在口罩超商販賣的階段就做出這樣的運用健保署再補上藥事機構的資料「感謝Google的贊助吸收了本來超商階段的60萬以及後續地圖使用的費用。」還有辛苦的藥師朋友們願意將們每天的工作狀況實際公開給國人知道「我覺得這個是非常令人感佩的。」</t>
  </si>
  <si>
    <t>資料感謝朋友口罩地圖願意運用使用階段民間彙集覺得非常辛苦藥師國人公開狀況工作鳳在關鍵防疫</t>
  </si>
  <si>
    <t>唐鳳新冠肺炎武漢肺炎新型冠狀病毒NCP</t>
  </si>
  <si>
    <t>武漢肺炎冠狀病毒唐鳳ncp</t>
  </si>
  <si>
    <t>廚師飯店確診業者知名低調回應北市</t>
  </si>
  <si>
    <t>臺北兄弟大飯店傳出一名西餐廳廚師確診但與廚師有接觸的員工仍無被匡列。北市衛生局表示目前個案太多、無法追蹤；兄弟飯店低調回應目前遵從北市府、衛生局等主管機關的調查及回應廚師確診前即已向飯店請假未</t>
  </si>
  <si>
    <t>飯店廚師衛生局回應目前確診兄弟員工匡列北市表示無法個案調查主管機關追蹤低調遵從即已傳出接觸西餐廳市府</t>
  </si>
  <si>
    <t>臺北兄弟大飯店傳出一名西餐廳廚師確診但與廚師有接觸的員工仍無被匡列。北市衛生局表示目前個案太多、無法追蹤；兄弟飯店低調回應目前遵從北市府、衛生局等主管機關的調查及回應廚師確診前即已向飯店請假未前往上班飯店現正常營業。
對於飯店員工陳情確診者的接觸者未被匡列恐釀防疫破口一事臺北市副市長黃珊珊昨（5／31）日說明匡列需經由一定標準判斷目前只要是確診個案的同住家人一定會被匡列但未必每位同事都被匡列接到中央通報確診個案後健康服務中心就會展開疫調瞭解同住家人、工作狀況、發病前足跡再做匡列。
兄弟大飯店低調表示目前遵從北市府、衛生局等主管機關的調查及回應飯店不會再做任何回應並強調飯店每日都會定時固定進行消毒請民眾不用驚慌目前仍正常營運中。</t>
  </si>
  <si>
    <t>飯店匡列確診目前個案回應兄弟衛生局一定家人廚師表示員工正常接觸調查低調主管機關臺北市市長</t>
  </si>
  <si>
    <t>匡列廚師新冠肺炎台灣兄弟大飯店</t>
  </si>
  <si>
    <t>肺炎臺灣兄弟廚師飯店匡列</t>
  </si>
  <si>
    <t>關鍵盲點高端寧可預約</t>
  </si>
  <si>
    <t>第六輪高端預約今中午截止將在8月23日開打但有許多民眾仍在觀望無法下定決心。對此一名網友認為大家糾結的主因是目前政策規定不能混打因此現在選高端豈不是把自己未來的路封死了？貼文引起眾人討論不</t>
  </si>
  <si>
    <t>高端路封截止未來豈不是民眾觀望現在無法引起下定決心混打對此網友規定認為不能政策糾結主因目前</t>
  </si>
  <si>
    <t>疫苗高端網友混打現在效果沒有副作用預約認為政府表示有效出來國外保護沒效機會相信</t>
  </si>
  <si>
    <t>高端疫苗預約截止混打效力台灣</t>
  </si>
  <si>
    <t>截止預約混打疫苗效力高端臺灣</t>
  </si>
  <si>
    <t>觀察指標股市疫情發展臺北</t>
  </si>
  <si>
    <t>新冠肺炎疫情在中國陸續實施封城及閉環管理下至2月底中國境內新增確診人數似有獲得控制然中國以外地區於2月下旬陸續出現疫情且感染人數大幅攀升超過中國境內美、歐以及中東相繼出現社區傳播衝擊市場信心與全</t>
  </si>
  <si>
    <t>中國出現境內人數疫情陸續傳播社區相繼衝擊中東實施月底封城管理以外控制獲得地區下旬超過新增感染確診攀升</t>
  </si>
  <si>
    <t>新冠肺炎疫情在中國陸續實施封城及閉環管理下至2月底中國境內新增確診人數似有獲得控制然中國以外地區於2月下旬陸續出現疫情且感染人數大幅攀升超過中國境內美、歐以及中東相繼出現社區傳播衝擊市場信心與全球經濟使美股大幅下跌影響全球股市投資信心。日盛上選基金經理人張亞瑋表示在全球央行與政府啟動聯手救市下可望提供市場支撐美股走勢何時走穩將攸關投資人持股信心。
張亞瑋指出在中國消費性電子供應鏈中因零組件受員工返工限制、閉環管理下的運輸限制目前以下游組裝廠開工率最低預期將影響3~4月產出部分新品開發亦可能遞延。生產端狀況有穩定改善物流運輸瓶頸為提升重點。若疫情穩定不再惡化預估供應鏈將於4月回復正常。
張亞瑋分析產業方面持續關注Apple新技術應用包括MiniLED及剪刀腳鍵盤等以及需求相較不受疫情影響的資料中心伺服器、5G基站、光通訊等供應鏈。伺服器市場在5G、AI引領之下推動需求不斷看增大型資料中心仍將是帶動需求成長的主力資料中心建置增加帶動2020年伺服器出貨量成長。根據DIGITIMES預估2019 年全球伺服器出貨量將小幅萎縮14%2020年反彈回升6~7%挑戰1600萬台。</t>
  </si>
  <si>
    <t>中國疫情張亞瑋需求信心影響市場全球供應伺服器資料中心出現穩定大幅運輸境內人數陸續成長管理預估帶動限制出貨量</t>
  </si>
  <si>
    <t>新冠肺炎日盛上選基金美股張亞瑋供應鏈</t>
  </si>
  <si>
    <t>上選日盛基金肺炎張亞瑋供應</t>
  </si>
  <si>
    <t>英國接種首劑新冠疫苗人數破1760萬</t>
  </si>
  <si>
    <t>疫苗人數接種英國</t>
  </si>
  <si>
    <t>肺炎確診資料官方接種人數周日下滑顯示天內死亡數上周死亡疫苗英國近來報告人口公佈</t>
  </si>
  <si>
    <t>肺炎疫苗資料周日死亡數確診預定成人接種英國之前官方要到才能預計原本施打提早完畢起碼以上健康目標</t>
  </si>
  <si>
    <t>英國新冠疫苗新冠肺炎死亡數接種</t>
  </si>
  <si>
    <t>疫苗死亡數肺炎接種英國</t>
  </si>
  <si>
    <t>歡笑聲兒童北市再現樂園條件開放</t>
  </si>
  <si>
    <t>新冠肺炎本土疫情趨緩警戒等級降至2級臺北市立兒童新樂園1日起有條件開放睽違2個多月再度迎來大小朋友們的歡笑聲。為做好防疫採網路預約制單日限制1600人進場開放的15項遊樂設施都要先掃QR Code預約</t>
  </si>
  <si>
    <t>開放預約疫情警戒等級臺北市立兒童設施遊樂樂園歡笑聲小朋友做好防疫網路進場迎來再度</t>
  </si>
  <si>
    <t>新冠肺炎本土疫情趨緩警戒等級降至2級臺北市立兒童新樂園1日起有條件開放睽違2個多月再度迎來大小朋友們的歡笑聲。
為做好防疫採網路預約制單日限制1600人進場開放的15項遊樂設施都要先掃QR Code預約再依照場次分時分流遊玩工作人員也會在每梯次結束後仔細消毒。</t>
  </si>
  <si>
    <t>預約開放梯次工作人員疫情遊玩警戒分流等級結束分時臺北市立兒童樂園code小朋友歡笑聲qr迎來</t>
  </si>
  <si>
    <t>睽違歡笑兒童新樂園有條件開放降級</t>
  </si>
  <si>
    <t>新樂兒童條件歡笑開放降級</t>
  </si>
  <si>
    <t>布棚市府安排檢疫所檢疫隔離居家</t>
  </si>
  <si>
    <t>台中市府15日首度對居家檢疫卻擅自離開住居所的民眾開罰外另針對一名具居家檢疫條件卻棲身布棚搭建的場所安排至檢疫所進行隔離；民政局長吳世瑋指出市府接獲通知後迅速追蹤該名民眾居家檢疫資料並妥適安排隔</t>
  </si>
  <si>
    <t>居家檢疫民眾安排市府隔離進行世瑋檢疫所民政局長指出場所搭建資料通知棲身迅速追蹤條件居所擅自</t>
  </si>
  <si>
    <t>台中市府15日首度對居家檢疫卻擅自離開住居所的民眾開罰外另針對一名具居家檢疫條件卻棲身布棚搭建的場所安排至檢疫所進行隔離；民政局長吳世瑋指出市府接獲通知後迅速追蹤該名民眾居家檢疫資料並妥適安排隔離確認民眾目前身體狀況良好將繼續觀察嚴格堅守疫情防線。
吳世瑋表示該名民眾是經小三通入境負責的區公所裡幹事昨日接獲通知迅速追蹤此民眾居家檢疫資料先以電話關懷得知民眾身體狀況良好隨後就親自現地查訪。
發現民眾居住地點為使用布棚搭建的臨時棲身住所裡幹事隨即通知民政系統、轄區派出所及衛生局並於當日由衛生局、消防局、警察局、民政局及區公所人員到場順利協助將此民眾安排至檢疫所進行隔離。
吳世瑋強調民政系統嚴格堅守社區感染這道防線新冠肺炎防疫期間台中市里幹事及裡長非常關懷民眾居家檢疫的情形努力堅守防疫預防任何防疫缺口的出現務必讓整體基層防護網更加完整。</t>
  </si>
  <si>
    <t>民眾居家檢疫堅守世瑋防疫安排通知區公所隔離系統民政里幹事良好防線身體狀況關懷搭建棲身嚴格台中市府基層資料</t>
  </si>
  <si>
    <t>大白天公寓管制狂歡</t>
  </si>
  <si>
    <t>為了預防新冠肺炎疫情擴散馬來西亞發布行動管制令禁止全國各地的大型集會及人民移動包括宗教、體育、社交及文化活動。不過有19名男女不甩政府管制令租下公寓大白天開趴狂歡遭警方逮捕。雪蘭莪州東南部加影</t>
  </si>
  <si>
    <t>管制逮捕疫情警方擴散狂歡馬來西亞發佈雪蘭莪州行動大白天肺炎公寓體育社交宗教文化包括移動活動租下人民男女禁止全國</t>
  </si>
  <si>
    <t>為了預防新冠肺炎疫情擴散馬來西亞發布行動管制令禁止全國各地的大型集會及人民移動包括宗教、體育、社交及文化活動。不過有19名男女不甩政府管制令租下公寓大白天開趴狂歡遭警方逮捕。
雪蘭莪州東南部加影市警方接獲民眾報案指稱有公寓傳出「震震巨響」。據馬來西亞《中國報》報導警方3日中午12時30分前往察看赫然發現公寓中有14男5女竟然大白天開趴狂歡喝酒跳舞立即將19人通通逮捕。
警方初步調查該間公寓以每日170令吉（約新台幣1200元）出租這批男女每人各繳約20到30令吉從4天前便合資租下這間公寓。
馬來西亞警方目前以刑法滋擾公共場合罪以及傳染病法調查這19人。大馬警方更呼籲：「行動管制期間不要隨意外出好好留在家！」。
★中時新聞網關心您：飲酒過量有礙健康！
★中時新聞網提醒您：酒後不開車安全有保障！</t>
  </si>
  <si>
    <t>警方公寓馬來西亞管制男女行動逮捕調查租下新聞網狂歡大白天包括宗教移動疫情體育人民社交集會</t>
  </si>
  <si>
    <t>公寓開趴狂歡大白天管制令</t>
  </si>
  <si>
    <t>大白天狂歡管制公寓</t>
  </si>
  <si>
    <t>全都微笑川普拜登火爆大選撿便宜</t>
  </si>
  <si>
    <t>民主黨總統候選人拜登在黨內初選時呈現的弱點在11月的大選決戰中卻可能讓他贏得勝利。BBC新聞網29日的分析指出就在民主黨向左傾斜時拜登走務實的中間路線卻是個利多因為無論是五大湖舊工業區的死硬派保</t>
  </si>
  <si>
    <t>拜登民主黨五大利多卻是路線中間務實贏得勝利bbc新聞網初選黨內分析決戰大選指出弱點呈現</t>
  </si>
  <si>
    <t>民主黨總統候選人拜登在黨內初選時呈現的弱點在11月的大選決戰中卻可能讓他贏得勝利。
BBC新聞網29日的分析指出就在民主黨向左傾斜時拜登走務實的中間路線卻是個利多因為無論是五大湖舊工業區的死硬派保守分子或是搖擺州郊區的婦女都不會有威脅感。此外他無法煽動群眾的情緒也未必是缺點。
畢竟對許多美國人來說歷經川普主政時期被迫夜以繼日接受重金屬音樂式轟炸後令人迫不及待地想來些輕柔舒緩的背景爵士樂。拜登的溫和是關鍵微笑幾乎是他的哲學。在充滿黨派偏見拚命抹黑對手的負面政治中他很難成為憎恨的對象。當然他也遠不如希拉蕊那麼兩極化。
BBC紐約特派布萊恩特（Nick Bryant）指出在他報導美國政治新聞30年的生涯中拜登是他所見過最黯淡無光的總統參選人甚至比2016年的傑伯‧布希（Jeb Bush）也就是美國前總統小布希的弟弟還糟。起碼身為佛州前州長的傑伯在說了一句強有力的話時就算沒人鼓掌他也會把話說完。
而77歲的拜登在愛荷華州和新罕布夏州的造勢活動中幾乎不知所云演說成了漫無目標的獨白。他的思維列車千轉百折經常脫離軌道。拜登在黨內初選中表現並不出色原本大家以為他會黯然退出。然而他卻堅持下去在一些他根本沒舉行選舉造勢活動中的州獲勝。
或許正由於他沒出現才在超級星期二民主黨內初選中頻頻獲勝。而拜登競選團隊從愛荷華和新罕布夏汲取的教訓就是愈多選民親眼見到他就愈不可能投給他。拜他的隱形選舉戰略之賜最後終於獲得民主黨黨內提名。
幸運的是美國各州因新冠肺炎疫情禁足封城要求保持社交距離對拜登反倒是福音。他隱身德拉瓦州的家中好幾個月變得名正言順也避免了一些婦女對他「毛手毛腳」的指控。</t>
  </si>
  <si>
    <t>拜登美國民主黨黨內初選總統bbc選舉指出新罕布夏傑伯獲勝幾乎政治婦女活動</t>
  </si>
  <si>
    <t>川普拜登美國大選總統</t>
  </si>
  <si>
    <t>拜登總統大選川普美國</t>
  </si>
  <si>
    <t>掏腰包股東</t>
  </si>
  <si>
    <t>台股電子股吸金重量級權值股台積電（2330）、聯電（2303）、日月光投控（3711）、聯發科（2454）等股價頻創高點資金集中在電子股傳產光芒不如電子使得股價評價偏低台股傳產股大股東紛紛逢低買回持股力挺</t>
  </si>
  <si>
    <t>電子股價低買紛紛聯電股東月光聯發集中高點使得資金評價</t>
  </si>
  <si>
    <t>台股電子股吸金重量級權值股台積電（2330）、聯電（2303）、日月光投控（3711）、聯發科（2454）等股價頻創高點資金集中在電子股傳產光芒不如電子使得股價評價偏低台股傳產股大股東紛紛逢低買回持股力挺以實際行動表達對公司正面的支持。
根據統計2021年1月臺股傳產股中買進持股的大股東有堤維西、大億金茂、泰山、統一、太子、南仁湖、泰博、新光鋼、龍邦、大國鋼、台汽電、鈺齊-KY其中高權投資同步買回統一、太子等統一集團旗下相關企業。
台新投顧副總黃文清認為大股東買回持股除了看好自家公司未來營運也是讓廣大投資者放心公司營運穩健同時大股東將流通在外股權逐步買回也有助於股權集中每年更有穩定的配息入帳可謂一舉三得。
南仁湖經營國道服務區與休閒事業營運因疫情受創大股東詠瑞禾公司2021年1月逢低買進2886張。
泰博為額/耳溫槍及檢測大廠2020年受惠於新冠肺炎疫情題材額/耳溫槍大賣業績爆發推升股價一度達到309元新高然因新冠肺炎疫情逐步趨緩最恐慌時期已過股價從309元高點逐步走低最低1675元高低點跌幅達45％以上。
泰博董事長陳朝旺2021年1月買回自家股票911張逢低買回持股。市場認為陳朝旺看好旗下新冠肺炎快篩試劑正式於2月加入德國健保醫材供應鏈。
製鞋廠鈺齊-KY因疫情因素衝擊業績鈺齊-KY自結2020年全年營收 11346億元年減1166％毛利率2099％年增13個百分點稅後純益898億元年減2983％每股純益（EPS）為506 元低於前一年EPS為781元的規模。
雖然鈺齊-KY業績走低但董事長林文智2021年1月買回453張上個月也買回434張鈺齊-KY股價前低為101元後反彈18日收在1155元股價獲得支撐。</t>
  </si>
  <si>
    <t>股價股東疫情公司-ky逐步肺炎營運業績電子統一集中走低高點</t>
  </si>
  <si>
    <t>鈺齊營運傳產肺炎大股東</t>
  </si>
  <si>
    <t>營運肺炎股東</t>
  </si>
  <si>
    <t>完成元現增</t>
  </si>
  <si>
    <t>心悅生醫（6575）23日宣佈今年辦理的4億元現增案在台杉生技基金領投下已順利募足該資金將用於執行新冠肺炎SNB011及精神分裂症SND11、12、13三項新藥臨床試驗估計年底前後SNB011臨床試驗二期解盲及SND13</t>
  </si>
  <si>
    <t>snb試驗臨床snd宣佈今年辦理元現增台杉基金順利投下資金用於新藥執行肺炎精神分裂症</t>
  </si>
  <si>
    <t>心悅生醫（6575）23日宣佈今年辦理的4億元現增案在台杉生技基金領投下已順利募足該資金將用於執行新冠肺炎SNB011及精神分裂症SND11、12、13三項新藥臨床試驗估計年底前後SNB011臨床試驗二期解盲及SND13第二次期中分析的臨床報告。
登錄興櫃以來首次辦理公開募資的心悅此次引進專業機構投資人包括台杉投資、兆豐銀行及永豐創投等。
心悅目前共有精神分裂症、重度憂鬱症、失智症、新冠肺炎領域等八項新藥獲得美國FDA臨床許可其中治療精神分裂症的SND12及SND13新藥更獲得美國FDA突破性治療認定。
另外新冠肺炎藥物PentarlandirR具有抑制病毒進入人體細胞、抑制病毒複製及抗發炎三大機轉今年4月已啟動美國二期臨床開發進度在類似機轉的口服藥物中是領先的心悅已向台灣TFDA申請臨床試驗五天即獲得核准。而吸入劑型預計在年底左右進入臨床試驗。</t>
  </si>
  <si>
    <t>臨床試驗精神分裂症肺炎獲得美國snd台杉辦理今年新藥snb進入治療病毒抑制fda年底兆豐投資</t>
  </si>
  <si>
    <t>心悅生醫SND13新藥精神分裂症肺炎</t>
  </si>
  <si>
    <t>snd新藥精神分裂症肺炎</t>
  </si>
  <si>
    <t>肺炎病情確診持續上周馬克宏好轉</t>
  </si>
  <si>
    <t>法國總統馬克宏辦公室週三表示馬克宏上週四新冠肺炎檢測結果為陽性後健康已持續好轉。他依規定七天自我隔離期間繼續遠距離工作。馬克宏說自己做為康復者工作效率有點慢但仍繼續把包括抗疫和英國脫歐談判等</t>
  </si>
  <si>
    <t>馬克宏繼續包括上周四新檢測結果肺炎陽性健康有點持續好轉康復者工作效率做為規定隔離期間工作距離</t>
  </si>
  <si>
    <t>法國總統馬克宏辦公室週三表示馬克宏上週四新冠肺炎檢測結果為陽性後健康已持續好轉。他依規定七天自我隔離期間繼續遠距離工作。馬克宏說自己做為康復者工作效率有點慢但仍繼續把包括抗疫和英國脫歐談判等列為優先處理任務。</t>
  </si>
  <si>
    <t>馬克宏繼續談判脫歐英國上周四新包括檢測結果肺炎列為陽性健康持續好轉有點康復者規定做為隔離</t>
  </si>
  <si>
    <t>馬克宏確診新冠肺炎法國總統馬克宏辦公室新冠肺炎檢測</t>
  </si>
  <si>
    <t>肺炎辦公室馬克宏法國總統確診檢測</t>
  </si>
  <si>
    <t>肺炎血清張上淳康復者</t>
  </si>
  <si>
    <t>國外有醫師使用已康復者的血清治療新冠肺炎患者國內會不會跟進採取相同作法？專家諮詢會議召集人張上淳指出過去大陸也有嘗試相同的辦法但這種做法較適合在病人數目不多時有緊急需求上可以考慮的方式但目前</t>
  </si>
  <si>
    <t>相同需求血清緊急治療康復者肺炎不多時數目作法專家會議病人召集人張上淳可以指出過去適合做法大陸</t>
  </si>
  <si>
    <t>國外有醫師使用已康復者的血清治療新冠肺炎患者國內會不會跟進採取相同作法？專家諮詢會議召集人張上淳指出過去大陸也有嘗試相同的辦法但這種做法較適合在病人數目不多時有緊急需求上可以考慮的方式但目前追求的是更先進的做法用康復者的血清細胞做出抗體將能更廣泛的被使用。</t>
  </si>
  <si>
    <t>相同做法血清康復者使用專家會議作法召集人肺炎張上淳指出過去考慮治療方式大陸可以需求目前</t>
  </si>
  <si>
    <t>康復者血清張上淳新冠肺炎武漢肺炎</t>
  </si>
  <si>
    <t>張上淳血清肺炎武漢康復者</t>
  </si>
  <si>
    <t>網友振興超越</t>
  </si>
  <si>
    <t>因應武漢肺炎衝擊產業紓困經濟部擬提出20億元的酷碰折扣（抵用券）行政院發言人Kolas說抵用券絕對不是人人都有的消費券。PTT網友稱只有817能超過765、時空背景不同啦！行政院會今天討論因應武漢肺炎衝擊產業</t>
  </si>
  <si>
    <t>行政院衝擊產業肺炎紓困武漢經濟部擬提因應討論今天不同消費絕對背景折扣時空超過ptt</t>
  </si>
  <si>
    <t>因應武漢肺炎衝擊產業紓困經濟部擬提出20億元的酷碰折扣（抵用券）行政院發言人Kolas說抵用券絕對不是人人都有的消費券。PTT網友稱只有817能超過765、時空背景不同啦！
行政院會今天討論因應武漢肺炎衝擊產業的紓困措施其中經濟部對內需型產業推出上百億的紓困方案包括疫情結束後推出新台幣20億元的酷碰折扣（抵用券）刺激消費。
行政院發言人Kolas Yotaka（穀辣斯尤達卡）解釋抵用券不是消費券而是民眾要搭配交通部陸續推出的國民旅遊方案使用日前的夜市券就是一種例子。必須要能同時刺激住宿、運輸、餐旅業的夜市、商圈、餐廳抵用券。
至於抵用券推出的規模、時機、如何使用；王美花說抵用券原先是提20億元的規模但因為整體特別預算才600億元所以抵用券的部分要細談後才知道會提多少。
王美花指出行政院長蘇貞昌同意抵用券的規劃；會在商圈、夜市、餐廳做抵用券等到疫情緩和後推出；由於目前還在防疫階段經濟部將會配合指揮中心看什麼時機推出抵用券讓民眾出來多消費。
王美花也解釋抵用券是「消費者消費、政府幫你折價」的概念要消費才有抵用「方向是刺激未來更多的消費」；等疫情緩和時政府將大力推動抵用券。
王美花進一步解釋抵用券不是面額的概念；她舉例抵用券比較像消費者去餐廳消費花了1000元可以折抵100元或200元折抵的部分由政府負擔這是初步想法。
至於抵用券是否會採取數位元方式藉此提升行動支付普及。王美花說抵用券規劃設計過程中也有提出要不要推廣、綁定電子支付不過仍要考慮中小型企業、夜市、商家的現實狀況目前經濟部都還在規劃中。
PTT網友稱「只有817能超過765」、「時空背景不同啦！」「馬蔡本來就差不多」、「蔡英文：消費券是煙火政策」、「那當初是在罵幾點的」、「馬英九不行英皇可以」、「菸粉又吃了一記悶棍」、「菸粉表示真香」、「吾媓萬歲萬萬歲」！</t>
  </si>
  <si>
    <t>消費推出夜市經濟部刺激政府疫情紓困行政院餐廳支付煙粉可以產業解釋規劃</t>
  </si>
  <si>
    <t>疫苗效期下午證實今年陳宗彥</t>
  </si>
  <si>
    <t>全國疫情指揮中心副指揮官陳宗彥今天證實今天會有一批疫苗抵達這批疫苗約24萬劑因為還在飛行途中預計下午4點左右抵台這批疫苗效期是今年12月15日。目前傳出先有24萬劑的莫德納就在今天下午會抵達台灣</t>
  </si>
  <si>
    <t>疫苗抵達今天指揮官中心陳宗彥莫德納預計飛行下午傳出目前今年效期證實指揮今天下午途中疫情全國臺灣</t>
  </si>
  <si>
    <t>全國疫情指揮中心副指揮官陳宗彥今天證實今天會有一批疫苗抵達這批疫苗約24萬劑因為還在飛行途中預計下午4點左右抵台這批疫苗效期是今年12月15日。
目前傳出先有24萬劑的莫德納就在今天下午會抵達台灣且下一批41萬劑而美國捐贈的75萬劑疫苗也是莫德納可望在月底前送達因此未來兩週內陸續將再有140萬劑疫苗抵台。</t>
  </si>
  <si>
    <t>疫苗莫德納抵達今天指揮官中心陳宗彥未來周內送達預計陸續飛行月底下午可望效期今年臺灣目前傳出</t>
  </si>
  <si>
    <t>新冠肺炎台灣24萬抵台陳宗彥</t>
  </si>
  <si>
    <t>臺灣肺炎陳宗彥</t>
  </si>
  <si>
    <t>產業菁英協會化學出爐臺灣</t>
  </si>
  <si>
    <t>台灣化學產業協會（TCIA）日前舉辦第六屆第五次理監事會議近40位產學研菁英齊聚一堂。TCIA理事長暨李長榮集團總裁李謀偉表示今年新冠肺炎蔓延全球化學業都面臨了艱難時刻感謝會員廠商提供口罩國家隊所需熔噴</t>
  </si>
  <si>
    <t>tcia口罩提供廠商會員感謝時刻日前艱難面臨舉辦學業國家隊全球化蔓延肺炎監事會今年表示李謀偉產學研菁英齊聚一堂總裁</t>
  </si>
  <si>
    <t>台灣化學產業協會（TCIA）日前舉辦第六屆第五次理監事會議近40位產學研菁英齊聚一堂。TCIA理事長暨李長榮集團總裁李謀偉表示今年新冠肺炎蔓延全球化學業都面臨了艱難時刻感謝會員廠商提供口罩國家隊所需熔噴PP和PE不織布原料帶領大家渡過難關。
近一年來政府許多產業政策都與化學產業的發展息息相關例如：限塑政策、既有化學品登錄、大社工業區降編等議題協會都站在服務的立場努力協助大家一起因應。會中並邀請工研院綠能所所長說明用電大戶綠電條款希望在配合發展綠電的同時也能兼顧企業的發展。
會議最後通過日前評選出的「2020年台灣化學產業菁英獎暨產品創新獎」。獲獎名單如下：「傑出領導獎」由台塑石化公司陳寶郎董事長獲得；「卓越研發獎」由「四維創新材料公司」及「國家中山科學研究院化學研究所」的研發團隊獲得；「產品創新獎」由長興材料工業公司「新型水性UV/LED固化材料」及財團法人塑膠工業技術發展中心「蔬果保鮮袋」等兩項產品獲得；所有得獎者將於「2020年台灣化學產業高峰論壇」接受頒獎表揚同時在會場外展出獲獎產品。
今年新冠肺炎疫情蔓延但協會仍排除萬難將於9月2日假臺北國際會議中心舉辦化學產業高峰論壇本次已是化學產業協會連續第17年舉辦為台灣化學業界年度盛事主題為「跨業合作共趨永續」特別邀請Merck及DSM集團分享國際級化學企業對永續發展的策略作法。同時透過視訊方式由加拿大多倫多大學教授Alan Aspuru-Guzik分享AI在化學產業上的應用以及IHS Markit專家分享COVID-19對化學產業之影響。</t>
  </si>
  <si>
    <t>化學產業產品發展協會獲得材料分享臺灣舉辦邀請集團公司tcia菁英企業獲獎創新獎日前蔓延今年肺炎</t>
  </si>
  <si>
    <t>台灣化學產業協會TCIA獲得肺炎分享</t>
  </si>
  <si>
    <t>tcia協會產業獲得化學肺炎分享臺灣</t>
  </si>
  <si>
    <t>開發肺炎試劑瑞基</t>
  </si>
  <si>
    <t>瑞基（4171）繼1月營收以5257萬元逆勢創下新高後25 日宣佈已成功開發二種新冠肺炎病毒檢測試劑分別適用一般實驗室與瑞基POCKIT檢測平臺即日起即可出貨。由於該試劑約85分鐘即可產生檢測結果目前已引國、</t>
  </si>
  <si>
    <t>檢測試劑瑞基創下逆勢新高結果宣佈成功開發肺炎產生病毒檢測分別適用平臺pockit即日起一般實驗室目前</t>
  </si>
  <si>
    <t>瑞基（4171）繼1月營收以5257萬元逆勢創下新高後25 日宣佈已成功開發二種新冠肺炎病毒檢測試劑分別適用一般實驗室與瑞基POCKIT檢測平臺即日起即可出貨。由於該試劑約85分鐘即可產生檢測結果目前已引國、內外業者洽談合作計劃只是短期內產能仍不足。
董事長劉正忠表示瑞基開發二種新冠肺炎試劑一種就是WHO所公告基因序列用於一般QPCR檢測另一種則是用於瑞基海洋本身所研發及行銷41國的小型可移動檢測儀器POCKIT系列。該二種不同試劑靈敏度皆已通過檢核產品只要置入樣本85分鐘即可產生檢測結果靈敏度及準確度與國家級實驗室無異。
除了新冠肺炎試劑外瑞基在鼠疫的測試上也與大陸疾控合作只是新冠肺炎爆發大陸試劑需求急如星火因此目前新冠肺炎試劑雖開發成功但卻面臨試劑及POCKIT機器產能不足的問題。
目前因新冠肺炎病毒檢測試劑已有業者洽談合作公司表示將視疫情狀況調整產能。</t>
  </si>
  <si>
    <t>試劑瑞基檢測肺炎pockit合作產能目前表示大陸靈敏度開發一般不足實驗室洽談用於業者成功產生結果病毒檢測</t>
  </si>
  <si>
    <t>瑞基大陸肺炎開發分鐘</t>
  </si>
  <si>
    <t>大陸肺炎開發瑞基</t>
  </si>
  <si>
    <t>侯友宜尾數分流身分落實就是跟進市場傳統方法</t>
  </si>
  <si>
    <t>指揮中心指出傳統市場恐是最大的防疫破口嘉義市、基隆市、高雄市呼籲民眾採身分證字號單雙號分流購物；對於新北市是否跟進？市長侯友宜今受訪表示每個市場動線、經營方式、場域都不一樣不管是身分證、門牌號碼</t>
  </si>
  <si>
    <t>市場身分恐是防疫經營方式表示受訪市長民眾侯友宜跟進是否新北對於字型大小購物雙號分流</t>
  </si>
  <si>
    <t>指揮中心指出傳統市場恐是最大的防疫破口嘉義市、基隆市、高雄市呼籲民眾採身分證字號單雙號分流購物；對於新北市是否跟進？市長侯友宜今受訪表示每個市場動線、經營方式、場域都不一樣不管是身分證、門牌號碼還是其他方式能夠落實才是最重要的。
侯友宜說新北市168個傳統市場均由自治會訂定各別的管制作業方式如果沒有辦法做到就停業用任何方式分流管控都是好方法大家一起來就現場狀況做最好的分流管制做不好就停業。</t>
  </si>
  <si>
    <t>市場方式侯友宜管制分流新北身分傳統停業恐是經營方式民眾防疫表示受訪一起</t>
  </si>
  <si>
    <t>新冠肺炎台灣傳統市場侯友宜跟進</t>
  </si>
  <si>
    <t>臺灣傳統市場肺炎侯友宜跟進</t>
  </si>
  <si>
    <t>加碼不夠補貼紓困連發</t>
  </si>
  <si>
    <t>台灣新冠疫情延燒立法院預定5月31日針對紓困條例進行修法審查如果順利通過第一波紓困資金在6月4日就可以緊急入帳其中企業薪資補貼2萬為上限做補助。對此綠委陳明文加碼呼籲政府針對受薪階級與勞工每人</t>
  </si>
  <si>
    <t>紓困政府呼籲加碼陳明文對此補助法院上限補貼預定薪資企業疫情緊急條例進行可以順利</t>
  </si>
  <si>
    <t>台灣新冠疫情延燒立法院預定5月31日針對紓困條例進行修法審查如果順利通過第一波紓困資金在6月4日就可以緊急入帳其中企業薪資補貼2萬為上限做補助。對此綠委陳明文加碼呼籲政府針對受薪階級與勞工每人每月發放1萬元連續發放3個月減緩疫情對民間的衝擊。
陳明文昨（27日）在臉書發文表示他希望政府直接發放現金幫助人民度過這一次的疫情！新冠肺炎肆虐全國的疫情越來越嚴重自己的服務處接到很多鄉親的陳情包括勞工朋友、小吃店、攤商、餐飲業者、遊覽車司機、受創產業員工等各行各業他們表示目前的三級防疫狀態已經讓他們的生活遇到困難。
為了協助民眾度過幾乎沒有收入的狀態陳明文呼籲行政院趕快啟動紓困補助機制針對受薪階級與勞工每人每月發放1萬元連續發放3個月減緩疫情對民間的衝擊讓大家可以安心在家配合政府的防疫工作。最後陳明文呼籲嘉義鄉親沒事少出門出門工作務必要戴口罩遵守指揮中心的防疫規範一起度過這一波的疫情。
因應疫情嚴峻國發會昨於行政院會報告「紓困40」初步原則及方向行政院長蘇貞昌拍板補助3大原則包括個人加快、產業加強、貸款加碼除受影響產業營業減免、企業薪資補貼2萬元、勞工紓困貸款最高10萬元外比照去年針對個人紓困措施自營工作者3萬元中低收入戶加碼4500元。國發會主委龔明鑫表示若在31日完成三讀部分相關補助及津貼最快可望在6月4日起發放。</t>
  </si>
  <si>
    <t>紓困疫情補助陳明文防疫勞工表示度過政府呼籲加碼發放產業包括個人工作狀態鄉親可以貸款補貼企業行政院薪資</t>
  </si>
  <si>
    <t>補助新冠肺炎紓困40陳明文疫情</t>
  </si>
  <si>
    <t>紓困肺炎陳明文補助疫情</t>
  </si>
  <si>
    <t>輪番接觸距離客人酒店</t>
  </si>
  <si>
    <t>中央疫情管理中心證實一名位於臺北市某知名酒店的公關小姐成為確診案例後引起臺北酒店業恐慌。據瞭解該家酒店算是臺北市是老字號的高級酒店旗下在同一地區有至少4家連鎖店由於酒店小姐大多屬於經紀公司常</t>
  </si>
  <si>
    <t>酒店臺北市大多證實小姐位於連鎖店至少知名高級公關小姐引起確診案例成為算是臺北酒店業瞭解恐慌屬於中心地區老字型大小經紀</t>
  </si>
  <si>
    <t>中央疫情管理中心證實一名位於臺北市某知名酒店的公關小姐成為確診案例後引起臺北酒店業恐慌。據瞭解該家酒店算是臺北市是老字號的高級酒店旗下在同一地區有至少4家連鎖店由於酒店小姐大多屬於經紀公司常會在支援旗下酒店甚至派往其他酒店內上班因此要追查接觸史影響層面恐擴大。
據瞭解臺北市衛生局昨(8日)深夜與警方聯合派人前往該店稽查發現酒客仍絡繹不絕生意門庭若市熱鬧的讓稽查人員冒出一頭冷汗。
雖然北市衛生局初步掌握接觸者為21人但實際狀況恐怕不樂觀。因為一般酒店女公關在上班過程中除了同事外一個晚上在同包廂或是坐檯接觸的客人可能超過人50人以上若又同時跑好幾家支援狀況可更糟。
而且公關陪酒時都被規定一定要有肢體或肌膚接觸才顯得出服務專業與貼心因此根本是0距離。萬一有的陪酒小姐還兼營做S(性服務)後果恐怕更為嚴重。
昨晚消息傳出後許多近期內前往該店消費的男客已經開始緊張唯恐萬一衛生局追查到自己頭上將會引起「家庭革命」的嚴重後果。</t>
  </si>
  <si>
    <t>酒店接觸衛生局前往引起瞭解追查服務陪酒恐怕小姐支援狀況公關臺北市上班證實位於熱鬧門庭若市生意</t>
  </si>
  <si>
    <t>酒店妹酒客O距離接觸中央疫情防治中心新冠肺炎</t>
  </si>
  <si>
    <t>防治距離接觸疫情中央中心酒客酒店肺炎</t>
  </si>
  <si>
    <t>台?潘文忠部會討論境外決定</t>
  </si>
  <si>
    <t>台灣新冠肺炎疫情趨緩疫情指揮中心擬在6月7日擴大解禁不少境外生關注何時也能解禁進入台灣教育部長潘文忠今天表示最快這周就會由行政院召開跨部會會議做出評估目前教育部提出境外生回台相關規畫對於國外</t>
  </si>
  <si>
    <t>境外解禁臺灣疫情相關回台中心召開行政院部會會議做出提出表示評估今天教育部目前潘文忠擴大教育部長進入</t>
  </si>
  <si>
    <t>台灣新冠肺炎疫情趨緩疫情指揮中心擬在6月7日擴大解禁不少境外生關注何時也能解禁進入台灣教育部長潘文忠今天表示最快這周就會由行政院召開跨部會會議做出評估目前教育部提出境外生回台相關規畫對於國外疫情做評估後續境外生入台時程採分批安排但仍待跨部會討論後作最後決定。
潘文忠指出目前境外生共計13萬人接獲有學校反映應屆畢業生回不回等問題但他強調台灣防疫陣線做得相當謹慎所以才能守住這個成果各國疫情及防疫作為不同目前全球多國仍處於疫情高峰我們必須需戰戰兢兢、小心因應。
他說疫情發生後就啟動安心就學給予境外生最大彈性接下來何時解禁預計這周就會針對全球疫情研判進一步做出討論。至於今年香港因為反送中、通過國安法政治因素申請到台灣讀書同學成長6成教育部目前會請各大學支持外加名額也會評估各校需求從原有的1％提高支持願意到台灣求學的學生。</t>
  </si>
  <si>
    <t>疫情臺灣境外目前評估解禁防疫討論做出潘文忠支持全球部會教育部學校</t>
  </si>
  <si>
    <t>境外生潘文忠疫情境外新冠肺炎</t>
  </si>
  <si>
    <t>疫情境外文忠肺炎</t>
  </si>
  <si>
    <t>曝光高燒肺部狀況最新民眾總統巴西</t>
  </si>
  <si>
    <t>巴西總統波索納洛（Jair Bolsonaro）驚傳發高燒至攝氏38度當地時間6日他戴著口罩告訴聚集在總統府外的支持民眾自己剛做完新冠病毒檢測「肺部很乾淨一切都好」不過也警告民眾不要靠近他。上周巴西總統波</t>
  </si>
  <si>
    <t>民眾總統巴西bolsonaro發高燒靠近當地時間戴著口罩不要告訴警告聚集總統府肺部都好乾淨支援病毒檢測完新冠jair</t>
  </si>
  <si>
    <t>巴西總統波索納洛（Jair Bolsonaro）驚傳發高燒至攝氏38度當地時間6日他戴著口罩告訴聚集在總統府外的支持民眾自己剛做完新冠病毒檢測「肺部很乾淨一切都好」不過也警告民眾不要靠近他。
上周巴西總統波索納洛驚傳出現包括高燒38度等新冠肺炎症狀並且開始服用抗瘧疾藥物羥氯奎寧（Hydroxychloroquine）美國有線電視新聞網（CNN）報導波索納洛週一赴醫院進行病毒檢測同時一併檢查了肺部。
波索納洛在總統府外告訴支持群眾「我剛從醫院回來我做了肺部檢查我的肺部很乾淨好嗎？我也去做了新冠病毒檢測但是一切都很OK。」
CNN指出波索納洛是戴著口罩向支持群眾說明不過他也警告民眾不要靠他太近「你們不能靠我太近好嗎？這是對所有人的建議。」
當被媒體問及波索納洛是否有發燒時巴西總統府發言人麥塞多（Cintia Macedo）回應「沒有接獲相關資訊」「我們現階段不證實這項訊息」回答相當模稜兩可。
巴西《聖保羅頁報》（Folha de SPaulo）報導波索納洛的新冠病毒檢測結果預計當地時間7日出爐。
CNN日前報導在結束訪美行程、多名隨行官員確診新冠肺炎後波索納洛於3月12至17日期間共進行了3次病毒檢測檢測結果均呈現陰性。
巴西是全球疫情第二嚴重的國家僅次於美國根據美國約翰霍普金斯大學（Johns Hopkins University）全球疫情統計截至7日上午9時巴西確診病例超過162萬例逾65萬人喪命。
儘管疫情嚴峻波索納洛仍無視公衛專家建議不甩防疫社交距離政策持續未戴口罩出席大型造勢活動並且和支持者擁抱甚至鼓勵重啟經濟活動。</t>
  </si>
  <si>
    <t>波索納洛巴西病毒檢測疫情口罩報導cnn民眾總統府確診支持全球肺部活動結果肺炎戴著醫院群眾警告</t>
  </si>
  <si>
    <t>春雨鋼鐵審慎業績</t>
  </si>
  <si>
    <t>台灣鋼鐵集團旗下扣件線材大廠春雨(2012)2020年3月自結營收754億元為今年來新高但較去年同期減少1595%。1-3月自結合併營收1937億元較去年同期減少1573%。展望上半年春雨審慎以對主要是新冠肺炎疫情蔓</t>
  </si>
  <si>
    <t>春雨去年同期減少線材審慎大廠上半年展望今年新高肺炎結合疫情鋼鐵集團臺灣</t>
  </si>
  <si>
    <t>台灣鋼鐵集團旗下扣件線材大廠春雨(2012)2020年3月自結營收754億元為今年來新高但較去年同期減少1595%。1-3月自結合併營收1937億元較去年同期減少1573%。展望上半年春雨審慎以對主要是新冠肺炎疫情蔓延之不確定性。
春雨表示國內對於新冠肺炎疫情尚在掌控中內銷市場相對穩定惟春日機械及中國大陸子公司因新冠肺炎疫情影響致使春雨3月整體營收較去年同期減少。
展望今年上半年春雨審慎以對。主要是新冠肺炎疫情在全球快速蔓延增添不確定性針對台灣外銷及中國市場部分公司會密切觀察疫情後續發展狀況。春雨表示大陸地區已陸續復工產線恢復運作；對於台灣、印尼兩地的內需市場仍維持樂觀看法。
春雨進一步說明只要新冠肺炎疫情控制得當來自基建、都更及台商回流潮帶動的廠辦興建需求仍是拉升相關鋼材產品成長的關鍵動能。在印尼廠方面因當地建築扣件需求持續殷切出貨保持順暢。整體來看目前歐美疫情持續延燒多處仍有封城或管制人員行動措施致使客戶備貨轉趨保守但仰賴台、印兩地內需帶動將可適度抵銷疫情帶來的不確定性。</t>
  </si>
  <si>
    <t>疫情春雨肺炎市場臺灣帶動需求持續印尼致使大陸中國對於兩地確定性內需整體表示去年同期減少</t>
  </si>
  <si>
    <t>台灣鋼鐵集團扣件線材大廠春日機械春雨新冠肺炎</t>
  </si>
  <si>
    <t>大廠機械春日春雨線材鋼鐵集團肺炎臺灣</t>
  </si>
  <si>
    <t>肺炎搜尋結果加強連結優化資訊google</t>
  </si>
  <si>
    <t>新冠肺炎(COVID-19)疫情期間為了讓使用者能夠瞭解即時且正確的資訊微軟(Microsoft)、Google 以及蘋果(Apple)三大巨頭都不約而同推出了新冠肺炎專屬網站。不僅如此Twitter、Facebook 等社群平臺也都優化介面</t>
  </si>
  <si>
    <t>肺炎平臺正確資訊即時facebook微軟twitter瞭解microsoftgoogle能夠使用者蘋果apple不僅如此三大期間巨頭網站疫情不約而同推出covid-</t>
  </si>
  <si>
    <t>搜尋肺炎呈現介面google疫情顯示資訊全球持續使用者可以確診優化蘋果資料covid-警示相關api防控網站</t>
  </si>
  <si>
    <t>Google搜尋新冠肺炎COVID-19在地</t>
  </si>
  <si>
    <t>搜尋肺炎covid-google</t>
  </si>
  <si>
    <t>疫情終結者陸央媒特效藥口服大於美國</t>
  </si>
  <si>
    <t>大陸國務院主辦中央直屬黨報《經濟日報》13日報導近日兩家美國製藥公司默沙東和輝瑞接連發布新冠口服藥好消息因為資料樂觀被不少人視為新冠「特效藥」研發成功甚至說這樣的新冠「特效藥」可以成為全球疫情</t>
  </si>
  <si>
    <t>特效藥黨報經濟日報報導近日美國製藥中央公司默沙東輝瑞接連發佈視為口服藥樂觀資料消息可以主辦研發成為國務院成功</t>
  </si>
  <si>
    <t>大陸國務院主辦中央直屬黨報《經濟日報》13日報導近日兩家美國製藥公司默沙東和輝瑞接連發布新冠口服藥好消息因為資料樂觀被不少人視為新冠「特效藥」研發成功甚至說這樣的新冠「特效藥」可以成為全球疫情「終結者」有望幫助我們恢復疫情前的正常生活。不過抗擊疫情需多管齊下所謂的「特效藥」目前還遠遠不能取代疫苗、口罩、檢測隔離等措施。對國際巨頭的新冠「特效藥」可以保持關注、借鑒學習但切不可神化其功效更不能因此放鬆疫情防控。
《經濟日報》報導世衛組織發言人就此問題發聲時顯然持審慎態度。他表示世衛組織將盡快開始審查默沙東公司此前提交的新冠口服藥莫納皮拉韋（Molnupiravir）的三期臨床試驗資料並稱「目前全球仍處在新冠疫情大流行之中」。
《經濟日報》指出「特效藥」為啥不能擔當疫情「終結者」大任？
首先「特效藥」未必真的有特效需等待真實世界資料。
目前默沙東公司研發的莫納皮拉韋已獲英國藥監局批准上市成為全球第一款獲批的新冠口服藥。根據三期臨床試驗資料該藥將住院或死亡的風險機率降低了約50％。輝瑞公司研發的口服抗新冠藥物Paxlovid尚未獲批但其三期臨床試驗資料更好能將輕、中症且存在基礎疾病的新冠肺炎患者住院或死亡機率降低89％。
但是臨床試驗一般是在較短時間內對一小部分選定人群進行研究。判定「特效藥」是否真的有「特效」臨床研究資料當然重要不過最終還要看真實世界的治療效果現在就得出「有效」結論為時過早。等一段時間看看西方國家的真實療效看看大規模人群應用中是否出現嚴重副作用再做評判不遲。
《經濟日報》表示其次「特效藥」性價比（CP值）並不高將影響其普及性。
西方醫藥巨頭的這些「特效藥」價格非常高。有媒體透露莫納皮拉韋每個療程定價約為705美元。與「特效藥」相比新冠疫苗同樣可以將住院或死亡機率降低九成左右但價格要便宜得多是更為經濟、更易普及的選擇。
《經濟日報》稱再次從切斷傳染病大流行的策略講防大於治。
在新冠疫情已經全球大流行、病毒還在流行中變異的今天少數人獲得救治是不能終結疫情的。新冠口服藥不能預防感染只能減少住院和死亡風險不會像新冠疫苗那樣幫助阻斷社區傳播。因此新冠口服藥只是抗擊疫情的有效工具之一而全球抗疫重點仍應放在做好常態化防控、提高疫苗有效率和接種率上。</t>
  </si>
  <si>
    <t>特效藥疫情經濟日報資料不能疫苗全球臨床口服藥試驗流行真實莫納皮拉韋目前住院研發死亡可以</t>
  </si>
  <si>
    <t>特效藥新冠口服藥默沙東經濟日報終結者</t>
  </si>
  <si>
    <t>默沙東口服藥經濟日報特效藥終結者</t>
  </si>
  <si>
    <t>美女之國入侵烏克蘭肺炎出現首例</t>
  </si>
  <si>
    <t>週二烏克蘭衛生部公共衛生中心代理負責人庫辛（Ihor Kuzin）對說烏克蘭已確認首起新冠狀肺炎的病例。路透社報導庫辛表示患者曾去過義大利他經羅馬尼亞轉機在2月26日返回烏克蘭。在機場曾進行了體溫檢</t>
  </si>
  <si>
    <t>烏克蘭返回轉機大利中心羅馬尼亞負責人代理冠狀曾去確認患者肺炎表示病例路透社報導ihorkuzin機場衛生曾進行</t>
  </si>
  <si>
    <t>週二烏克蘭衛生部公共衛生中心代理負責人庫辛（Ihor Kuzin）對說烏克蘭已確認首起新冠狀肺炎的病例。
路透社報導庫辛表示患者曾去過義大利他經羅馬尼亞轉機在2月26日返回烏克蘭。在機場曾進行了體溫檢查一切正常。不過由於他去過冠狀病毒的高風險國家因此被命令隔離。
兩天後出現咳嗽症狀在週六前往西部城市切爾諾夫策(Chernivtsi)住院被確診感染新冠肺炎。
衛生部副部長維克多·萊亞甚科(Viktor Lyashko )隨後在記者會上說明這名男子目前病情穩定至於他的妻子也在家中處於自我隔離狀態。
萊亞甚科說昨天有4例新冠病毒疑似病例今天這一起得到證實。所有的體檢樣本被轉發到WHO病毒學實驗室。
新冠肺炎在中國大陸已有趨緩的徵兆但是在大陸以外的傳播似乎還處於高速擴散各國家的機場也正在加大對旅行者的檢查以遏止感染速度。</t>
  </si>
  <si>
    <t>烏克蘭肺炎機場國家隔離處於病毒檢查衛生部感染大陸週六前往男子目前說明西部城市症狀</t>
  </si>
  <si>
    <t>烏克蘭新冠肺炎衛生部庫辛</t>
  </si>
  <si>
    <t>肺炎衛生部烏克蘭</t>
  </si>
  <si>
    <t>食物肺炎提升南山免疫力</t>
  </si>
  <si>
    <t>新冠肺炎疫情遲遲未趨緩若染疫也只能靠自身免疫力戰勝病毒醫院只是提供支援性療法。大陸工程院院士、抗疫專家鍾南山建議吃雞蛋、牛奶2種食物增加免疫力、補充蛋白質平時不妨多吃早餐更是不能少了它們。大</t>
  </si>
  <si>
    <t>免疫力遲遲早餐不妨疫情平時蛋白質支援性療法提供只能靠大陸病毒醫院只是工程院院士補充戰勝增加專家食物</t>
  </si>
  <si>
    <t>新冠肺炎疫情遲遲未趨緩若染疫也只能靠自身免疫力戰勝病毒醫院只是提供支援性療法。大陸工程院院士、抗疫專家鍾南山建議吃雞蛋、牛奶2種食物增加免疫力、補充蛋白質平時不妨多吃早餐更是不能少了它們。
大陸《Lily美食談》報導84歲的鍾南山老當益壯持續在一線工作崗位奮戰他光是早餐他一人就吃光2顆柳橙、一碗紅豆粥、一塊加了乳酪的麵包、雞蛋、牛奶麥片。且特別重視雞蛋和牛奶這兩樣食材對提升免疫力很有幫助是早餐不可或缺的食物。
鍾南山提倡「早好午飽晚少」的飲食理念早餐以奶豆蛋蔬果為主要吃最好；午餐吃肉魚蛋豆為主要吃得飽；晚餐要吃少一點以五股食物類為主。</t>
  </si>
  <si>
    <t>早餐免疫力南山食物雞蛋牛奶大陸為主遲遲疫情紅豆只能靠一塊病毒麵包柳橙醫院</t>
  </si>
  <si>
    <t>新冠肺炎武漢肺炎新型冠狀病毒大陸牛奶</t>
  </si>
  <si>
    <t>肺炎武漢冠狀大陸病毒牛奶</t>
  </si>
  <si>
    <t>疫情觀察扭轉趨勢復工進度產業</t>
  </si>
  <si>
    <t>全球肺炎經理楊遠瀚可能製造業內需基金中國表示變化封城城市復工病例狀況衝擊觀察景氣原處緩步疫情</t>
  </si>
  <si>
    <t>產業疫情推出肺炎受惠期待族群需求趨勢回溫陸續衝擊經濟全球封城中國廠商復工</t>
  </si>
  <si>
    <t>復工族群疫情產業趨勢新冠肺炎</t>
  </si>
  <si>
    <t>產業趨勢疫情族群肺炎復工</t>
  </si>
  <si>
    <t>進度疫苗研發世界大陸王軍志先進</t>
  </si>
  <si>
    <t>大陸國務院聯防聯控機制在17日召開的新聞發布會上中國工程院院士王軍志發布一項重要進展稱：大陸新冠病毒的疫苗科研團隊已開始招募受試者。王軍志表示：「大陸目前已有疫苗研發進展較快的單位同時向國家藥監局遞</t>
  </si>
  <si>
    <t>大陸進展王軍志疫苗機制召開新聞發佈會中國研發工程院院士發佈重要科研團隊病毒開始目前表示招募</t>
  </si>
  <si>
    <t>大陸國務院聯防聯控機制在17日召開的新聞發布會上中國工程院院士王軍志發布一項重要進展稱：大陸新冠病毒的疫苗科研團隊已開始招募受試者。王軍志表示：「大陸目前已有疫苗研發進展較快的單位同時向國家藥監局遞交臨床試驗申請的材料並且已展開臨床試驗方案論證、招募志願者等相關工作。目前等待國家藥監局按照有關法規批准後就會開始臨床試驗。」
王軍志表示：「應該說大陸新冠疫苗研發的進度在目前總體上位在國際先進行列不會慢於國外。」
王志軍說疫情初期大陸就成立科研攻關組以最少的時間將疫苗研發工作納入到五大攻關方向並予以定向優先支持。按照滅活疫苗、基因工程重組亞單位元疫苗、腺病毒載體疫苗、減毒流感病毒載體疫苗和核酸疫苗等5條技術方向並遴選8個團隊全力進行疫苗研發。
預計在4月底能完成流感病毒載體疫苗的臨床前研究。</t>
  </si>
  <si>
    <t>疫苗大陸研發臨床目前王軍志試驗病毒方向工作國家藥監局載體進展科研單位招募團隊開始表示流感機制召開新聞</t>
  </si>
  <si>
    <t>加速台企數位化零售業</t>
  </si>
  <si>
    <t>勤業眾信（Deloitte）聯合會計師事務所23日舉辦「勤業眾信消費產業2021零售力量趨勢與展望OMO虛實整合全通路」線上論壇面對新冠肺炎帶來的產業衝擊台灣企業應投入數位資源整合全通路以緩和疫情期間下滑的業績</t>
  </si>
  <si>
    <t>產業通路勤業緩和資源整合數位面對投入企業臺灣帶來衝擊論壇肺炎整合虛實omo趨勢展望力量聯合事務所</t>
  </si>
  <si>
    <t>通路疫情消費者消費產業零售業勤業模式零售科技數位顧客思考工具產品消費行為導入企業體驗投入發展</t>
  </si>
  <si>
    <t>系統聯合互動新零售勤業眾信</t>
  </si>
  <si>
    <t>零售勤業互動聯合系統</t>
  </si>
  <si>
    <t>專家解析q&amp;a疫苗</t>
  </si>
  <si>
    <t>新冠肺炎從開始出現明顯疫情至今已將近半年對於這種完全新的病毒疫苗進展如何？何時可以上市？是不是人人都要打？上海復旦大學附屬華山醫院感染科主任、上海市新冠肺炎醫療救治專家組組長張文宏教授接受陸媒</t>
  </si>
  <si>
    <t>肺炎組長專家組救治醫療可以進展上市疫苗是不是病毒人人完全新對於將近至今上海復旦大學附屬華山醫院疫情張文宏感染明顯</t>
  </si>
  <si>
    <t>疫苗患者病毒常陽張文宏傳染性轉陰研究需要沒有不能現在安全大陸不良反應肺炎明顯是否</t>
  </si>
  <si>
    <t>安全傳染性疫苗肺炎張文</t>
  </si>
  <si>
    <t>疫苗安全肺炎張文傳染性</t>
  </si>
  <si>
    <t>紛雜電子消息多空期貨</t>
  </si>
  <si>
    <t>蘋果發布全新iPhone 12款新機惟繼嬌生疫苗喊卡後又有美國跨國藥企禮來盤中宣佈暫停新冠治療後期試驗整體消息面多空交雜台指期今開漲21點、電子期開漲16點金融期則相對偏弱開盤後小跌約06點目前仍在</t>
  </si>
  <si>
    <t>新機開盤疫苗相對多空消息整體試驗後期治療暫停</t>
  </si>
  <si>
    <t>蘋果發布全新iPhone 12款新機惟繼嬌生疫苗喊卡後又有美國跨國藥企禮來盤中宣佈暫停新冠治療後期試驗整體消息面多空交雜台指期今開漲21點、電子期開漲16點金融期則相對偏弱開盤後小跌約06點目前仍在月線下高檔橫盤整理台股關鍵支撐落在12700上下50點近期應偏向高檔震盪或震盪走高。
在台指期淨部位方面三大法人淨多單增加2005口至8234口其中外資多單加碼且空單減碼淨多單增加1941口至31069口；十大交易人中的特定法人全月份台指期淨空單減少2583口至-15028口。
現現階段台股各均線逐漸形成多頭排列目前在10月8日多方跳空缺口未跌破下仍有利於盤勢。
永豐期貨表示目前市場觀望氣氛濃厚週二價跌量縮短期仍為震盪格局隨著營收及第三季財報公佈具基本面支撐的個股為首選。</t>
  </si>
  <si>
    <t>目前震盪支撐法人增加新機疫苗公佈及第宣佈盤中季財報暫停</t>
  </si>
  <si>
    <t>台指期電子期金融期疫苗新冠肺炎</t>
  </si>
  <si>
    <t>疫苗金融電子肺炎</t>
  </si>
  <si>
    <t>時間發放要來重點</t>
  </si>
  <si>
    <t>行政院長蘇貞昌昨日上午邀集立法院民進黨團成員會面針對振興五倍券討論會中定調全民免支付1000元可免費領取五倍券並規劃「數位加碼」系統預計10月上路《中時新聞網》依照目前規劃整理5大重點包括發放</t>
  </si>
  <si>
    <t>規劃邀集法院整理民進黨團成員上午會面目前振興新聞網討論上路預計全民數位免費定調領取支付系統加碼</t>
  </si>
  <si>
    <t>行政院長蘇貞昌昨日上午邀集立法院民進黨團成員會面針對振興五倍券討論會中定調全民免支付1000元可免費領取五倍券並規劃「數位加碼」系統預計10月上路《中時新聞網》依照目前規劃整理5大重點包括發放時間、紙本券、數位券以及可使用範圍等。
●誰可以領五倍券？
五倍券採不排富的普發方式且不需支付1000元全民都可以免費領取。
●五倍券面額多少？
紙本面額初步規畫為5張200元、2張500元及新增3張1000元面額但仍在討論階段目前細節尚未定案。
●五倍券發放時間？
依照本來的規劃是9月中下旬但相關措施仍要視疫情而定因此估計最快於10月推出。
●五倍券使用範圍？
全國實體店家、攤商皆可使用包括餐飲、百貨、零售、夜市、旅遊與藝文業等也可繳納學雜費不過非消費用途如水電費、罰單、勞保費、健保費、國民年金保險費及繳稅等皆不在適用範圍。
至於電商部分PChome、momo及蝦皮皆不適用僅有特定電商能使用規劃比照去年三倍券模式預計會列出「電商白名單」。
●五倍券發放形式？
發放方式預計依循去年三倍券模式分為紙本及數位兩種。欲領取紙本券的民眾可攜帶健保卡至郵局領取或是至預定平臺預購於4大超商、全聯、美廉社、屈臣氏及康是美等超市藥妝等通路也可領取。
為提升民眾使用數位券意願目前初步規劃研發五倍券App供民眾下載使用並使用獨立QR Cord、獨立帳戶提供辨識讓民眾可比紙本券享有更多優惠。另外經濟部除了要推出數位加碼為方便民眾領取將健保卡插入讀卡機或超商事務機認證身分後進行家戶綁定全家人的數位券即可集中於一人帳戶一次領。</t>
  </si>
  <si>
    <t>使用規劃數位領取民眾紙本發放目前預計討論推出包括面額支付全民加碼</t>
  </si>
  <si>
    <t>五倍券振興五倍券數位券紙本券新冠肺炎</t>
  </si>
  <si>
    <t>紙本數位肺炎振興</t>
  </si>
  <si>
    <t>徐國勇視同通緝犯重刑犯隔離搜尋居家</t>
  </si>
  <si>
    <t>內政部長徐國勇下午為雲林北港朝天宮除疫息災梁皇大法會開香對於因新冠肺炎疫情遭隔離者卻四處趴趴走他強調視同通緝犯及重大刑案嫌疑犯下令警方全面搜尋。徐國勇由朝天宮董事長蔡詠鍀及立委蘇治芬等人陪同</t>
  </si>
  <si>
    <t>天宮徐國勇隔離通緝犯重大疫情肺炎董事長對於嫌疑犯下令大法搜尋</t>
  </si>
  <si>
    <t>內政部長徐國勇下午為雲林北港朝天宮除疫息災梁皇大法會開香對於因新冠肺炎疫情遭隔離者卻四處趴趴走他強調視同通緝犯及重大刑案嫌疑犯下令警方全面搜尋。
徐國勇由朝天宮董事長蔡詠鍀及立委蘇治芬等人陪同一起跟隨法師誦經跪拜替全球祈安希望疫病快遠離。
針對連續有居家檢疫隔離者失聯徐國勇說違反居家檢疫隔離到處趴趴走的失聯者視同通緝犯及重大刑事案件的嫌疑犯已指示員警機構積極全面尋找例如3名失聯的香港遊客警方只花了3小時就找到人並送檢疫所強檢疫。
徐國勇強調對自己負責就是對社會與國家負責有被傳染新冠肺炎疑慮者自我隔離是保護自己也是保護他人居家檢疫或隔離的人不要趴趴走配合相關政策社會會更安全平和。</t>
  </si>
  <si>
    <t>徐國勇隔離檢疫居家天宮警方全面社會強調嫌疑犯重大通緝犯肺炎視同負責跪拜誦經全球</t>
  </si>
  <si>
    <t>新冠肺炎台灣居家隔離徐國勇</t>
  </si>
  <si>
    <t>居家臺灣肺炎隔離徐國勇</t>
  </si>
  <si>
    <t>要求醫護人員工作指揮部防疫武漢</t>
  </si>
  <si>
    <t>大陸一線防疫醫護人員頻傳確診死亡案例為了保障醫謢人員健康提升其免疫力武漢市新冠肺炎疫情防控指揮部今天（21日）明確提出一線醫護人員工作10天休息不少於2天、醫療隊員用餐標準每人每天200元（人民幣下</t>
  </si>
  <si>
    <t>醫護人員一線用餐隊員醫療休息工作確診案例保障人員健康提升免疫力死亡武漢市標準肺炎疫情防控明確提出指揮部今天</t>
  </si>
  <si>
    <t>大陸一線防疫醫護人員頻傳確診死亡案例為了保障醫謢人員健康提升其免疫力武漢市新冠肺炎疫情防控指揮部今天（21日）明確提出一線醫護人員工作10天休息不少於2天、醫療隊員用餐標準每人每天200元（人民幣下同）、按照人均6000元標準發放一次性慰問補助等多項政策待遇。
隨著各省巿派出的200多支醫療隊、3萬多人抵達武漢武漢市新冠肺炎疫情防控指揮部援漢醫療隊接待協調組日前印發《關於進一步加強援漢醫療隊服務保障工作方案》詳細規範醫療人員的、衣、住、行與津貼發放等事宜。
包括每餐提供葷素搭配的盒飯和新鮮時令水果用餐標準每人每天200元；配備取暖器、電熱毯、暖手寶等物資提供牙刷、牙膏、毛巾等個人生活常備用品及時解決隊員理髮等生活需求；完善一線醫護人員值班、輪休等制度每個班次結束後合理安排休息時間原則上每工作10天休息不少於2天；根據各援漢醫療隊工作需要安排專人專車值班確保隨叫隨到；對於援漢醫務人員按照人均6000元標準發放一次性慰問補助。
為盡可能向援漢醫療隊提供較好的食宿、出行條件《工作方案》也指定各區防控指揮長作為第一責任人親自研究動員、親自走訪看望、親自協調解決重大問題切實把援漢醫療隊服務保障工作作為重大政治任務。</t>
  </si>
  <si>
    <t>醫療隊援漢工作提供醫護人員標準保障一線發放防控人員值班隊員解決作為方案醫療生活重大用餐休息每人每天親自武漢市補助指揮部服務人均一次性</t>
  </si>
  <si>
    <t>醫療工作人員標準醫護人員</t>
  </si>
  <si>
    <t>醫護人員醫療人員工作標準</t>
  </si>
  <si>
    <t>心包弱勢民眾高雄家備感溫馨</t>
  </si>
  <si>
    <t>端午節將至北高雄家扶中心連續17年為經濟弱勢家庭舉辦親子慶端午的活動除了民眾的小額捐款外還有榮譽主委柯男烈伉儷捐助的50萬慶端午基金讓今年活動不受疫情影響也讓弱勢民眾備感溫馨。北高雄家扶中心15日</t>
  </si>
  <si>
    <t>弱勢民眾活動端午高雄家中心連續榮譽經濟主委還有柯男烈伉儷家庭溫馨備感捐款捐助舉辦小額基金影響今年</t>
  </si>
  <si>
    <t>端午節將至北高雄家扶中心連續17年為經濟弱勢家庭舉辦親子慶端午的活動除了民眾的小額捐款外還有榮譽主委柯男烈伉儷捐助的50萬慶端午基金讓今年活動不受疫情影響也讓弱勢民眾備感溫馨。
北高雄家扶中心15日說此活動的草創源起是義工聽到了弱勢兒童想要吃粽子的心聲但家長表示：「家裡沒有錢可以買粽子」這令義工感到心疼進而發起義工隊一起出錢出力包粽子送給弱勢家庭至今逾2000戶家庭受惠。
今年的活動由上任的主委陳明和伉儷響應支持贊助包粽子所需的所有糯米而義工隊中有許多夥伴及親友團捐助花生、香菇、粽葉等食材以及小額捐款集合大家的力量再一次成就活動。
陳明和14日特地到場勉勵義工夥伴並與大家一起包粽子將心意包進粽子裡期盼家庭收到的不僅是粽子還有滿滿的溫暖與祝福。</t>
  </si>
  <si>
    <t>粽子活動弱勢家庭義工捐助民眾夥伴小額捐款陳明和今年主委伉儷一起還有端午中心高雄家可以</t>
  </si>
  <si>
    <t>新冠肺炎台灣端午節北高雄家扶中心弱勢家庭</t>
  </si>
  <si>
    <t>高雄家端午節臺灣肺炎中心弱勢家庭</t>
  </si>
  <si>
    <t>預算追加部會振興紓困經濟</t>
  </si>
  <si>
    <t>行政院會今（23）日通過新冠肺炎防治及紓困振興特別預算追加預算案追加1500億元、將預算上限自600億元增加至2100億元全數以舉債支應。其中以經濟部編列預算追加774億元、勞動部追加310億元、衛福部追加198億元</t>
  </si>
  <si>
    <t>預算追加肺炎防治紓困振興上限全數舉債支應增加經濟部特別預算案勞動部行政院衛福部</t>
  </si>
  <si>
    <t>行政院會今（23）日通過新冠肺炎防治及紓困振興特別預算追加預算案追加1500億元、將預算上限自600億元增加至2100億元全數以舉債支應。其中以經濟部編列預算追加774億元、勞動部追加310億元、衛福部追加198億元、交通部追加131億元較多。
行政院長蘇貞昌表示新冠肺炎疫情蔓延全球追加預算案今日通過後將立即送請立法院審議明（24）日將至立法院進行報告並備詢請相關部會妥為準備積極與立法院溝通協調早日通過該追加預算案。
蘇貞昌表示由於疫情對經濟及產業衝擊態勢嚴峻在追加預算案尚未通過前依特別條例第11條規定相關經費報經行政院同意可先行支付部分經費請各部會積極辦理相關紓困工作。
主計總處表示此次追加編列1500億元預算後各部會編列總預算依序為經濟部979億元、衛福部368億元、勞動部310億元、交通部299億元、農委會554億元、文化部402億元、教育部235億元、其他機關合計102億元。
其中經濟部追加達7744億元最多包括辦理製造業、商業服務業與會展產業等薪資及營運資金補貼383億元企業貸款融資保證及利息補貼等212億元刺激國內民眾消費措施等111億元以及補貼營業用水電費65億元。
而首波紓困振興計畫中未編列預算的勞動部此次追加編列3102億元主要為辦理勞工紓困貸款利息補貼10億元以及受疫情影響的自營作業者及無一定雇主勞工生活補貼300億元。
衛福部追加編列198億元包括發給醫療機構與相關人員獎勵及津貼、接受隔離及檢疫者與其請假照顧家屬防疫補償金等714億元徵用及採購防疫物資355億元加發關懷弱勢生活補助413億元辦理病患隔離收治、集中檢疫場所維運及增設等238億元等。
交通部追加編列1313億元包括辦理受疫情影響的旅行（宿）業、觀光遊樂業、計程車、遊覽車與客運業等薪資及營運資金補貼961億元擴大補貼航空業及機場業者降落費、土地房屋使用費、權利金及貸款利息等232億元海運及航空業者貸款利息補貼65億元。
其他部會預算追加編列狀況尚有文化部追加322億元、教育部追加235億元、農委會追加199億元、財政部追加5億元、內政部追加37億元、通傳會（NCC）追加16億元。</t>
  </si>
  <si>
    <t>追加補貼辦理相關紓困疫情預算預算案利息貸款表示交通部包括法院衛福部隔離檢疫生活產業積極部會經費</t>
  </si>
  <si>
    <t>行政院蘇貞昌新冠肺炎防治紓困</t>
  </si>
  <si>
    <t>肺炎蘇貞昌防治紓困行政院</t>
  </si>
  <si>
    <t>呼吸器臺灣最後脫離使用</t>
  </si>
  <si>
    <t>中央流行疫情指揮中心專家諮詢小組召集人張上淳22日分析目前台灣確診個案指出19日時唯一一例使用呼吸器的個案後續有出現併發症而重新戴上呼器今日則正式宣告順利脫離呼吸器；此外最後二例使用葉克膜案例中</t>
  </si>
  <si>
    <t>使用呼吸器個案中心專家小組召集人指揮張上淳分析今日戴上呼最後重新目前正式宣告併發症順利脫離出現指出後續</t>
  </si>
  <si>
    <t>中央流行疫情指揮中心專家諮詢小組召集人張上淳22日分析目前台灣確診個案指出19日時唯一一例使用呼吸器的個案後續有出現併發症而重新戴上呼器今日則正式宣告順利脫離呼吸器；此外最後二例使用葉克膜案例中其中一例死亡另一例也已順利脫離。
張上淳表示最後2例使用葉克膜前一例不幸過世另外一例則順利解除葉克膜9成以上的個案都出院還在住院的人越來越低。張上淳指出最後2例當中的1例與確診個案接觸病史隔離期間出現症狀去醫院就診確診住院以後出現衰竭很快就裝上呼吸器後來又裝上葉克膜使用33天現在離開加護病房了5/11脫離呼吸器目前逐漸康復中。
對於解除隔離的時間張上淳表示住院到解除隔離中位數要25天因為我們採取比較高的標準因此會讓天數看起來比較長專家小組目前正在考慮是否需要調整政策。</t>
  </si>
  <si>
    <t>呼吸器張上淳個案目前使用出現住院隔離確診解除脫離順利專家小組比較葉克最後指出表示裝上中心考慮正在天數</t>
  </si>
  <si>
    <t>呼吸器張上淳病例脫離新冠肺炎</t>
  </si>
  <si>
    <t>脫離病例張上淳呼吸器肺炎</t>
  </si>
  <si>
    <t>吃飯復工行程嚴苛產後章子怡xx</t>
  </si>
  <si>
    <t>章子怡與音樂人汪峰結婚5年今年初湊得一個「好」字在美國迎接兒子報到沒想到時隔不到半年章子怡今(5/18)於微博宣告正式復工曝光一天的工作行程足見即使身為國際巨星又天生麗質產後要回歸幕前都需要</t>
  </si>
  <si>
    <t>章子怡產後天生麗質巨星國際今年初結婚湊得美國回歸行程迎接工作兒子曝光報到復工正式想到宣告時隔微博</t>
  </si>
  <si>
    <t>章子怡與音樂人汪峰結婚5年今年初湊得一個「好」字在美國迎接兒子報到沒想到時隔不到半年章子怡今(5/18)於微博宣告正式復工曝光一天的工作行程足見即使身為國際巨星又天生麗質產後要回歸幕前都需要相當嚴苛的自我要求。
章子怡今在微博宣告生完二胎後光速復工並拍攝影片曝光一整天的工作歷程首先因為疫情仍在章子怡及團隊工作時仍嚴格量體溫及消毒她的服裝噴了酒精還經過高溫熨燙連化妝用品都是全套新的防疫相當到位。
特別的是章子怡帶了瑜珈墊上工工作時飲食也讓工作人員驚嘆因為她表示不吃飯吃燕窩就好拍攝廣告的空檔也不休息在瑜珈墊上做足了1分半的平板支撐還抓時間關心老公、孩子吃飯問題一結束工作馬上趕回家照顧新生兒行程緊湊而嚴苛。
章子怡復工也問候同樣產後返回職場的媽媽們並分享困惑「鬆弛的肚皮要瘦回去不間斷的備奶沒有整夜覺的疲憊」表示以自身來說體能恢復是最困難的為了快點回到目前她每天認真運動深知邊帶孩子邊工作的媽媽相當不容易「辛苦但沒有選擇！帶娃、修身、工作缺一不可一起加油吧！」。</t>
  </si>
  <si>
    <t>工作章子怡相當復工沒有表示媽媽產後拍攝孩子行程嚴苛曝光宣告微博今年初</t>
  </si>
  <si>
    <t>章子怡國際巨星汪峰二胎復工</t>
  </si>
  <si>
    <t>復工章子怡汪峰巨星國際</t>
  </si>
  <si>
    <t>專家delta疑點人員研究離奇</t>
  </si>
  <si>
    <t>台灣昨爆一例本土為中研院P3實驗室的研究人員初判是11月操作實驗時不慎被老鼠咬到而感染推估感染的病毒株是Delta目前已匡列85名接觸者。毒理學專家招名威表示令人匪夷所思的是個案明明是被Alpha老鼠咬</t>
  </si>
  <si>
    <t>老鼠感染本土中研院實驗室研究人員招名威專家毒理學接觸表示匡列目前delta操作實驗不慎</t>
  </si>
  <si>
    <t>台灣昨爆一例本土為中研院P3實驗室的研究人員初判是11月操作實驗時不慎被老鼠咬到而感染推估感染的病毒株是Delta目前已匡列85名接觸者。毒理學專家招名威表示令人匪夷所思的是個案明明是被Alpha老鼠咬到怎麼感染的是Delta？而且個案男友採檢結果竟是陰性這也很離奇讓人好奇男友到底是打哪牌疫苗。
招名威昨天在臉書發文表示被老鼠咬到到底會不會確診新冠肺炎？令他匪夷所思的是明明昨晚新增的本土個案（案16816）已完整接種兩劑莫德納然後被Alpha老鼠咬到最後卻感染Delta？怎麼看都覺得好像哪裡怪怪的雖然指揮中心說個案操作過多種病毒但研究人員的男友是陰性也是非常離奇很想知道男友是打哪牌疫苗？
招名威指出可能實驗室的SOP有問題像是明明被特殊老鼠咬到了為何沒有在第一時間通報？搞得民眾誤以為台灣的實驗室是不是都在亂搞什麼？
招名威坦言只要是念過生科領域的人都知道P3等級的實驗室可不是泛泛之輩因為國內也不過只有18間P3實驗室而已而且不是實驗室想稱自己是P3就可以是要被稱之為P3是有一定程度的標準的。
招名威解釋P3實驗室全名為生物安全第三等級實驗室（Biosafety Level 3 Lab）也稱作防護等級三Protect3（P3）實驗室能操作很多第三級危險群微生物或高濃度、具高度氣膠擴散危險的第二級危險群微生物的實驗室包含炭區桿菌、SARS不僅須設置高壓蒸氣滅菌器等外實驗室還需具負壓定向氣流以免病原菌外洩。
招名威也說P3實驗室操作過的所有物品移出都必須進行除汙實驗室研究人員須受過專業訓練在人員操作規範上除了會管制實驗以外人員進入外實驗人員需要穿戴長袖且正面不開口之防護衣、手套、鞋套以及 N95 口罩視情況甚至需穿戴呼吸防護裝備不論著裝或卸裝也都有一套SOP非常嚴謹。
招名威透露在嚴謹的情況下卻還能確診非常不尋常再加上Delta到底從何而來這也是非常離奇的事。總之應該要以「最壞的打算、最嚴格的處置」來對應這次的狀況希望大家操作試驗都小心謹慎一點不要再有第二個這種狀況再爆出來了。</t>
  </si>
  <si>
    <t>實驗室操作人員個案老鼠delta非常男友到底實驗研究穿戴明明感染情況離奇</t>
  </si>
  <si>
    <t>女研究人員本土確診實驗室Delta</t>
  </si>
  <si>
    <t>本土確診實驗室人員研究delta</t>
  </si>
  <si>
    <t>icu崩潰綿羊測出真偽</t>
  </si>
  <si>
    <t>新冠肺炎疫情嚴峻其中「隱形缺氧」因事前無任何徵兆且致死率高讓不少民眾瘋買血氧機方便檢測。近日有一名男子在網路上購買了3台血氧機測試女兒的布偶娃娃竟然也有血氧、心跳令她氣得大罵難怪一堆人隱形</t>
  </si>
  <si>
    <t>嚴峻缺氧事前徵兆致死疫情心跳民眾肺炎布偶娃娃竟然女兒測試近日男子方便</t>
  </si>
  <si>
    <t>新冠肺炎疫情嚴峻其中「隱形缺氧」因事前無任何徵兆且致死率高讓不少民眾瘋買血氧機方便檢測。近日有一名男子在網路上購買了3台血氧機測試女兒的布偶娃娃竟然也有血氧、心跳令她氣得大罵難怪一堆人隱形缺氧「無良商人一定會下地獄」對此奇美醫學中心加護醫學部主治醫師陳志金也教大家3步驟分辨真偽。
一名男子日前於個人臉書分享前陣子在網路買了3個血氧機放在家裡以備不時之需等了好一陣子後終於到貨他興沖沖地將電池裝上後立刻將手指放入其中測試電子面板顯示血氧98、心跳72他立刻拿給太太監測。
豈知女兒為了好玩將血氧機夾布偶的耳朵竟然測到血氧88且還有心跳讓他當場傻眼再測試了3次結果都一樣。他趕緊上網查看當初購買的網站才發現受騙欲哭無淚地表示難怪一堆人隱形缺氧用到假的血氧機無論怎麼監測都會是98「無良商人一定會下地獄」。
對此陳志金醫師也在臉書教大家辨別血氧機真偽3步驟首先只有活人的手指才會有訊號非生命體是沒有訊號的若將筆夾入血氧機內仍然可看到血氧和心跳2個跳動的數字就是假貨。
第二心跳的數字會隨著監測人靜止或運動後而大幅變化兩者的數字差異不大就是假貨；最後監測者閉氣後血氧數字會出現典型下降如果血氧沒有明顯下降或者下降情況不典型就是假貨。
陳志金表示開始閉氣時的血氧達98%34秒後血氧就會降至95%恢復呼吸後血氧仍會持續掉至81%待心臟把血疫送到指尖需要時間因此會漸漸再回升至99%不過他也警告有心血管或肺部疾病患者請勿嘗試。
★《中時新聞網》提醒您：因應新冠肺炎疫情疾管署持續加強疫情監測與邊境管制措施 如有疑似症狀請撥打：1922專線或 0800-001922 並依指示配戴口罩儘速就醫同時主動告知醫師旅遊史及接觸史以利及時診斷及通報。</t>
  </si>
  <si>
    <t>監測心跳測試缺氧數字假貨就是醫師疫情購買持續男子陳志金手指</t>
  </si>
  <si>
    <t>新冠肺炎血氧機監測隱形缺氧心跳</t>
  </si>
  <si>
    <t>肺炎監測缺氧心跳</t>
  </si>
  <si>
    <t>人員有份參與分配比例津貼明天防疫出爐</t>
  </si>
  <si>
    <t>防疫公佈對於明天病人辦法詳細護理補助醫師比例中心指揮官一定陳時中中央流行疫情指揮都有表示包括人員清潔工</t>
  </si>
  <si>
    <t>補助照顧防疫陳時中醫護人員病人比例津貼一定相關指出明天人員對於補給醫師政府表示分配包括參與染病</t>
  </si>
  <si>
    <t>新冠肺炎武漢肺炎˙COVID-19台灣新型冠狀病毒</t>
  </si>
  <si>
    <t>雜草叢生人氣冷清場館奧運東京穀底</t>
  </si>
  <si>
    <t>原定7月24開幕的2020年東京奧運會受到新冠肺炎疫情影響而被迫到明年雖然東京都在24日當天放煙火祈禱疫情能盡快過去但已建蓋好的場館卻是異常冷清甚至還傳出雜草叢生讓外界不禁感慨萬分。本應是全球注目焦</t>
  </si>
  <si>
    <t>疫情感慨萬分受到不禁外界雜草叢生傳出肺炎甚至冷清異常卻是場館影響被迫奧運會東京都明年</t>
  </si>
  <si>
    <t>原定7月24開幕的2020年東京奧運會受到新冠肺炎疫情影響而被迫到明年雖然東京都在24日當天放煙火祈禱疫情能盡快過去但已建蓋好的場館卻是異常冷清甚至還傳出雜草叢生讓外界不禁感慨萬分。
本應是全球注目焦點的東京奧運會沒想到卻因為疫情肆虐全球導致這場盛會會落得如此下場。眼看著世紀疫情還沒有趨緩的態勢不少專家認為東京奧運恐怕無法如期在明年舉辦就連日本高達7成的民眾也不看好。
根據日本媒體報導國立競技場(田徑)在封館的狀態下周邊人煙稀少東京體育館(桌球)、代代木體育館(手球)更是連奧運的五環標誌都沒有掛上。位於東京都江東區的有明ARINA場館(排球)自今年2月開館以來也只辦過幾場音樂會。但隨著疫情爆發如今這裡被寫著「安全第一」的牌子包圍了起來外人根本無法隨便出入；至於舉行BMX賽車項目的場館裡則是雜草長得比人還高。
當前疫情籠罩的東京都絲毫感受不到奧運會的氣氛就連銀座與東京火車站等人潮眾多的地點也看不到奧運會相關宣傳標語和旗幟。
1960年東京奧運讓日本成功復甦進而走向快速成長的道路相隔64年東京再次取得舉辦奧運的權利沒想到新冠肺炎打亂了日本想要再創奇蹟的夢想還有可能一舉重挫日本經濟來回之間猶如天壤之別。</t>
  </si>
  <si>
    <t>疫情東京日本奧運奧運會場館東京都沒有全球明年舉辦想到肺炎經濟人煙稀少周邊根本無法隨便外人</t>
  </si>
  <si>
    <t>東京奧運東京都新冠肺炎疫情</t>
  </si>
  <si>
    <t>東京都肺炎奧運東京疫情</t>
  </si>
  <si>
    <t>校園今日展開確診學生台科大消毒</t>
  </si>
  <si>
    <t>國內疫情居高不下台灣科技大學傳出1名學生確診。台科大校長顏家鈺發布校內信向教職員生表達今(28)日進行宿舍與校園徹底消毒強調校方會以最慎重的方式採取各式因應的相關措施並進行校內疫調確定需匡列</t>
  </si>
  <si>
    <t>校內進行傳出學生確診台科大校長顏家鈺臺灣科技大學發佈措施方式慎重校方教職員強調相關採取消毒徹底因應校園宿舍</t>
  </si>
  <si>
    <t>國內疫情居高不下台灣科技大學傳出1名學生確診。台科大校長顏家鈺發布校內信向教職員生表達今(28)日進行宿舍與校園徹底消毒強調校方會以最慎重的方式採取各式因應的相關措施並進行校內疫調確定需匡列人員協助進行隔離。
顏家鈺在信中表示台灣已升級至全國第三級防疫警戒逾1周確診個案遽增疫情仍嚴峻。校內有1位學生已接獲衛生單位通報為確診個案。此學生雖為本校住宿生但疫情發生期間大多數的時間都住在校外。學校配合衛生單位進行校內疫調確定需匡列人員協助進行隔離。
顏家鈺提醒校內教職員生務必注意自身健康狀況戴好口罩若有接觸到公共區域的物件如電梯按鈕、門把等務必要勤洗手。現階段盡量避免外出移動防疫期間學校已經全面改採線上授課請老師同學們儘量不要來校園儘量減少人與人的接觸防堵疫情擴散用具體行動共同守護台灣。
顏家鈺說由於疫情情勢變化很快請大家務必從官方管道和學校防疫相關公告瞭解正確的防疫資訊與消息遵守各項防疫規定若有任何健康狀況或疑問請不要緊張或驚慌和官方單位聯繫並遵從相關指示和後續安排。
顏家鈺指出防疫期間還請大家忍耐共同維護學校的安全。透過每一位的努力我們才能有更安全的校園也才能共同抗疫讓台灣更快且安全度過此次疫情。
顏家鈺強調台科大會持續針對疫情有各項對應措施不論是遠距教學、居家辦公、異地辦公或是繼續加強校園人流管制與消毒面對疫情若有不安或恐懼我們也啟動相關諮商輔導、關懷機制請每一位同學、老師、同仁們保持正向抗疫大家攜手努力期能平安度過。</t>
  </si>
  <si>
    <t>疫情防疫顏家鈺相關校內學校校園進行務必單位期間學生臺灣共同確診安全措施接觸消毒健康狀況衛生個案</t>
  </si>
  <si>
    <t>台科大學生確診新冠肺炎台灣</t>
  </si>
  <si>
    <t>確診肺炎學生台科大臺灣</t>
  </si>
  <si>
    <t>甲魚便當醫院恐怖</t>
  </si>
  <si>
    <t>大陸境內新冠肺炎官方統計數字確診已破8萬例武漢市宣佈共要建30間以上的方艙醫院收治輕症患者。近日有醫生、病患相繼表示院內伙食非常好甚至有「甲魚」可以吃。不過大陸網友看了之後大驚認為甲魚應屬「</t>
  </si>
  <si>
    <t>甲魚大陸官方肺炎統計數字確診武漢市宣佈之後以上網友醫院收治患者表示院內近日可以</t>
  </si>
  <si>
    <t>大陸境內新冠肺炎官方統計數字確診已破8萬例武漢市宣佈共要建30間以上的方艙醫院收治輕症患者。近日有醫生、病患相繼表示院內伙食非常好甚至有「甲魚」可以吃。不過大陸網友看了之後大驚認為甲魚應屬「野味」由於政府已經禁止食用野生動物也引起熱議。
一名大陸網友在微博貼出方艙醫院的便當表示有小白菜、紅燒牛楠和蘿蔔還有主菜杏鮑菇燒甲魚她並開心寫下「我們被政府強制隔離的人是不是比在家快要斷糧的你更有口福？」一名關姓醫生也貼出便當影片說：「方艙醫院伙食不錯有甲魚吃啊！」
不過由於新冠病毒一開始被懷疑是由華南海鮮市場的野生動物傳播出來大陸政府已明令不可食用野味再加上方艙醫院的伙食是由專業營養師設計竟然還會出現甲魚也引起網友熱烈討論。
許多網友直言「不要吃甲魚」、「甲魚這麼貴不可能吧」、「甲於在廣東被列為野味不給賣了」、「恐怖」、「無知者無畏」。不過許多網友說「湖北甲魚算不得什麼」、「那海鮮不都是野生的嗎」、「養殖甲魚在湖北菜裡很常見」、「甲魚也算野味？我們逢年過節必吃」、「人工養殖也算野味？我真服了」。
更多 CTWANT 報導</t>
  </si>
  <si>
    <t>甲魚野味網友醫院伙食大陸野生動物表示政府養殖醫生食用海鮮湖北貼出引起便當主菜</t>
  </si>
  <si>
    <t>甲魚新冠肺炎COVID-19武漢肺炎新型冠狀病毒</t>
  </si>
  <si>
    <t>covid-肺炎武漢冠狀病毒甲魚</t>
  </si>
  <si>
    <t>疫情取消住院等待因應</t>
  </si>
  <si>
    <t>保險局10日才宣佈新醫療險保單可以對法定傳染病取消或縮短等待期國泰人壽11日就宣佈即日起對10張現售住院醫療險以批註條款方式取消法定傳染病的30天等待期保戶不必再額外付費先前已投保且還在等待期的保戶</t>
  </si>
  <si>
    <t>等待醫療宣佈傳染病取消保戶付費先前額外不必即日起張現住院縮短國泰人壽批註保單可以條款方式投保</t>
  </si>
  <si>
    <t>保險局10日才宣佈新醫療險保單可以對法定傳染病取消或縮短等待期國泰人壽11日就宣佈即日起對10張現售住院醫療險以批註條款方式取消法定傳染病的30天等待期保戶不必再額外付費先前已投保且還在等待期的保戶直接進入保障期。
國壽應是新制後第一家針對新冠肺炎取消醫療險等待期的公司其他如富邦人壽、新光人壽也將陸續推出類似的新保單或批註條款。
不過國壽這個針對法定傳染病取消現售醫療險等待期的批註條款初步只開放到6月30日之後再視新冠疫情狀況調整開放期若未延長則7月1日之後投保的保戶就會恢復所有疾病都有30天的等待期。
國壽取消等待期的10張住院醫療險包括安安醫療終身險、超安心住院醫療終身險、漾安心住院醫療終身險、三高鑫安定期健康險、康愛無憂住院醫療終身A型、Hen健康定期健康險、心安逸一年期定期住院日額健康險、新永健住院日額健康險附約、大心住院醫療健康險附約、新真全意住院醫療附約。
另外富邦人壽11日也強調為關懷保戶所有個人險有效契約保戶若在5月底前確診新冠肺炎住院治療若是醫護人員則富邦人壽額外致贈5萬元慰問金若不是醫護人員但是醫事人員或衛福部、疾管局、各地衛生局的防疫人員且因負責新冠肺炎疫調、檢驗、管控追蹤等工作罹患新冠肺炎者則富邦人壽給付慰問金2萬元其餘非屬防疫人員的確診新冠肺炎保戶一律給付6000元慰問金。
由於是壽險、醫療險、意外險等保戶都適用即強調沒有用慰問金促銷保單的意味只是純關懷保戶。而富邦人壽對所有個人險保戶只要確診新冠肺炎就致贈慰問金則是所有壽險公司關懷措施中「最大方」。</t>
  </si>
  <si>
    <t>醫療保戶等待住院慰問金肺炎健康人壽取消關懷保單終身人員條款批註傳染病公司確診額外開放</t>
  </si>
  <si>
    <t>等待期保戶醫療險住院新冠肺炎</t>
  </si>
  <si>
    <t>住院醫療保戶肺炎等待</t>
  </si>
  <si>
    <t>嚴重案例死亡狀況分析階段專家</t>
  </si>
  <si>
    <t>中央流行疫情指揮中心今(10)日公佈國內新增263例本土個案確診個案中新增28例死亡連日以來確診死亡數皆為雙位數目前致死率仍高於全球平均216％。前疾管局長、現任陽明大學教授張鴻仁指出分析台灣死亡個案有3</t>
  </si>
  <si>
    <t>死亡個案新增確診中心公佈國內分析大學教授陽明局長平均全球指揮張鴻仁高於指出致死目前位數</t>
  </si>
  <si>
    <t>中央流行疫情指揮中心今(10)日公布國內新增263例本土個案確診個案中新增28例死亡連日以來確診死亡數皆為雙位數目前致死率仍高於全球平均216％。前疾管局長、現任陽明大學教授張鴻仁指出分析台灣死亡個案有3種情況其中「直接死在家裡」最嚴重代表防疫措施跟不上病毒擴散必須擴大篩檢才行。
張鴻仁日前在公視節目中指出死亡個案可以分為3種情況這3種情況也能反映出不同的防疫缺口。依嚴重程度第一就是「找都還沒找到就直接死在家裡」這類感染者未能接受醫療收治便在家中身故顯示防疫部署追不上病毒需要擴大定點普篩的量能儘快找出感染者給予適當治療。
第二種是「來不及收治而死亡」這顯示雖然已經找出感染者但醫療量能不足、資源不夠無法立即給予救治的情況通常發生在疫情初期應變方式如陳時中部長之前執行醫院降載讓輕症患者先出院的做法。
最後一種是「收治後仍死亡」如果這類情況最多就得檢視臨床診治上的不足例如藥物不夠等問題。
張鴻仁也說要降低感染致死率必須把三種狀況的缺口都補齊接著再納入患者的年齡、慢性病等因素計算死亡率如果計算出來與全球各國數值相近就代表將缺口補足了。</t>
  </si>
  <si>
    <t>死亡情況張鴻仁缺口防疫收治患者感染者全球個案疫情必須給予致死代表不夠不足嚴重顯示指出</t>
  </si>
  <si>
    <t>死亡案例確診張鴻仁收治感染者</t>
  </si>
  <si>
    <t>案例收治張鴻仁確診死亡感染者</t>
  </si>
  <si>
    <t>最新大生足跡曝光案例母親本土新增嘉義</t>
  </si>
  <si>
    <t>中央流行疫情指揮中心今天公佈嘉義市新增2例及1例校正回歸案例共3例本土案例分別是案6548、6549、65501男2女年齡介於40多歲至70多歲3例都是與親友接觸而感染案6549是昨天確診的案6104的家人。嘉義市長黃敏</t>
  </si>
  <si>
    <t>嘉義中心案例今天公佈指揮分別新增家人確診疫情昨天本土感染接觸親友介於年齡校正回歸流行市長中央黃敏</t>
  </si>
  <si>
    <t>中央流行疫情指揮中心今天公佈嘉義市新增2例及1例校正回歸案例共3例本土案例分別是案6548、6549、65501男2女年齡介於40多歲至70多歲3例都是與親友接觸而感染案6549是昨天確診的案6104的家人。
嘉義市長黃敏惠今天下午3點直播公佈嘉義市新增的3例本土個案足跡及接觸史案6548為50多歲女性5月16日曾與北部友人接觸5月23日得知北部友人確診且自己也出現疑似症狀因此主動聯繫嘉義市衛生局安排採檢5月27日確診。18到20日曾到7-11湖子內門市、南山人壽、共和市場、小三美日、光南大批發、新宏祥藥局、種杏中醫診所及超頻電腦3c量販停留都約10-30分鐘外出全程有戴口罩。目前各地已清消完成匡列接觸者1名家人已列入居家隔離。
案6549為案6104的家庭接觸者為案6104的40多歲母親無相關症狀5月25日採檢27日確診接觸者3位（均為家人）居家隔離中相關涉足地點與案6104相同都已清消完成。
案6550為70多歲男性因工作關係於5月17日及21日分別接觸北部及中部的同事開車外出洽公且一起用餐5月23日因同事確診5月24日本局接獲其他縣市衛生局轉介通知立即安排採檢且列為居家隔離21上午在嘉義市先期交通轉運中心搭乘客運北上當天又搭乘客運從三重南下至嘉義轉運站匡列接觸者1名家人已列入居家隔離。
黃敏惠也公佈台中市確診個案6100於5月17日自台中搭乘自強號139車次抵達嘉義車站並由親友開車接送返家已確診後收治醫院治療並匡列接觸者2位（均為家人）居家隔離。
黃敏惠表示民眾應從自身做起避免縣市之間的移動嘉義市政府也積極研議、爭取各項紓困措施盤點相關資源包括減稅、租金減免、安心上工延長等11項措施。</t>
  </si>
  <si>
    <t>嘉義接觸確診隔離相關居家搭乘家人黃敏惠公佈中心外出開車匡列措施同事分別</t>
  </si>
  <si>
    <t>新冠肺炎台灣嘉義5月確診</t>
  </si>
  <si>
    <t>嘉義臺灣肺炎確診</t>
  </si>
  <si>
    <t>補助申請美國疫情頭路</t>
  </si>
  <si>
    <t>新冠肺炎疫情重創美國死亡人數27日正式跨過10萬大關。儘管各州逐步解封重開經濟但先前各種防疫、封鎖限制導致百業蕭條失業人口暴增。據勞工部28日上午公佈的前周（5月23日為止的當周）新增的申請失業救濟金</t>
  </si>
  <si>
    <t>失業重創美國死亡人數正式跨過勞工解封大關重開經濟疫情先前防疫逐步封鎖限制導致百業蕭條人口的當公佈上午肺炎新增</t>
  </si>
  <si>
    <t>失業申請人數資料人口大關正式疫情美國以來累計救濟金連續防疫先前重創經濟重開封鎖限制解封導致</t>
  </si>
  <si>
    <t>美國新冠肺炎疫情失業經濟</t>
  </si>
  <si>
    <t>疫情肺炎失業美國經濟</t>
  </si>
  <si>
    <t>台南實際開學操兵備戰演練</t>
  </si>
  <si>
    <t>因應新冠肺炎疫情不只未降溫且有升溫跡象2月25日開學在即各校開啟防疫大作戰繼昨天邀集各區中心學校校長代表針對「上學期間」、「訪客到校」等不同情境做體溫量測實際演練今起３天於各分區辦理共9場學校實際</t>
  </si>
  <si>
    <t>學校實際疫情降溫升溫跡象開學在即肺炎開啟防疫作戰情境不同到校昨天邀集中心體溫</t>
  </si>
  <si>
    <t>因應新冠肺炎疫情不只未降溫且有升溫跡象2月25日開學在即各校開啟防疫大作戰繼昨天邀集各區中心學校校長代表針對「上學期間」、「訪客到校」等不同情境做體溫量測實際演練今起３天於各分區辦理共9場學校實際演練供各校觀摩辦理因應實際狀況修正流程為迎接開學日做好準備。
目前大校反映擔心上學尖峰時間量測體溫會造成交通打結另外也擔心學童發燒、家長未必能第一時間接走各校因應防疫也增派人力進行分道分流防疫作為招募人力不無壓力。
教育局長鄭新輝說目前已制訂「校園防疫須知」及「防疫手冊」明列校園應有防疫措施作為內容包含防疫組織建立、學校師生追蹤、防疫物資整備、校園環境管理、校園門禁管制、強化衛教宣導、緊急通報作為等七大項措施並訂定相關標準作業流程供學校遵循。
教育局表示開學後相關防疫措施如出入口管制量測體溫、每日進行環境清潔消毒、落實教職員工生「生病不上課不上班」等。每日學生到校將分道分流進行體溫量測如有疑似發燒學生則由護理師接續複檢及後續處理。
校外人士若有進入校園之需要也要配合校門口測量體溫並配戴口罩並至訪客會談區不可直接進入辦公區或教學區。
目前學校額溫槍除了各校自備以外教育局已每9班增補1支加上後續教育部撥補之額溫槍預估各校至少每5班會有1支額溫槍校方也將結合導護人員、志工及行政人員量測學生體溫可加快測量體溫作業。
新冠肺炎台南</t>
  </si>
  <si>
    <t>防疫學校校園目前學生作為措施進行實際體溫溫槍因應後續管制進入擔心發燒測量體溫作業上學流程到校教育局</t>
  </si>
  <si>
    <t>確診米契爾nba</t>
  </si>
  <si>
    <t>目前跟隊友戈貝爾都已宣告從新冠肺炎病情痊癒的爵士明星射手米契爾29日公開自己確診前夕到隔離至今的內心煎熬過程米契爾除了坦承自己在等待檢驗結果出爐的那一晚只睡了短短25分鐘更承認自己確診過後曾有可</t>
  </si>
  <si>
    <t>確診米契爾宣告從新肺炎病情承認痊癒爵士那一晚明星出爐射手結果檢驗等待坦承隔離公開過程煎熬內心前夕</t>
  </si>
  <si>
    <t>目前跟隊友戈貝爾都已宣告從新冠肺炎病情痊癒的爵士明星射手米契爾29日公開自己確診前夕到隔離至今的內心煎熬過程米契爾除了坦承自己在等待檢驗結果出爐的那一晚只睡了短短25分鐘更承認自己確診過後曾有可能死亡念頭。
時間回到3月12日這天爵士來到奧克拉荷馬客場面對雷霆這是一場攸關季後賽排名的重要賽事沒想到在跳球前夕就被喊卡當時保全人員衝進場內讓米契爾感覺就像特勤人員保護總統一樣接著他們就被告知戈貝爾確診消息。
爵士全體隊職員就在奧克拉荷馬市直接被隔離米契爾透露在隔離6到7小時期間他跟隊友打牌消磨時間大約只睡了25分鐘左右畢竟他很擔心自己可能確診沒想到隔天一大早他真的確診了這讓他非常困惑因為他很健康。
「我從未出現過新冠肺炎症狀現在也沒有那是最瘋狂的你可以出門逛街看到面帶微笑的人們突然之間你確診了其他人也確診了」米契爾說「我確實想過可能因為新冠肺炎死亡卻很感激那些替自己與隊友檢驗的醫療人員。」
最後談到自己隔離的生活米契爾表示自己仍跟家人住在一起大家卻要戴上口罩且保持一定的接觸距離不過更讓米契爾受不了的是身為第一批確診新冠肺炎的NBA球員人們會不斷跟他提出各式各樣的問題讓他感到很瘋狂！</t>
  </si>
  <si>
    <t>米契爾確診肺炎隔離爵士隊友可能人們人員奧克拉荷馬檢驗前夕時間想到死亡瘋狂</t>
  </si>
  <si>
    <t>米契爾確診新冠肺炎隊友隔離</t>
  </si>
  <si>
    <t>肺炎隊友確診米契爾隔離</t>
  </si>
  <si>
    <t>打完時中莫德納剩下地方</t>
  </si>
  <si>
    <t>接種日前證實國內對象批號專案莫德納疫苗即將到期教師以北收回提供市政府尚未本月安排陳時中</t>
  </si>
  <si>
    <t>疫苗地方接種日前收回物件需要可以政府今天中央啟動確認計畫回收使用過期</t>
  </si>
  <si>
    <t>莫德納7萬劑到期陳時中接種計畫</t>
  </si>
  <si>
    <t>到期計畫莫德納陳時中接種</t>
  </si>
  <si>
    <t>控制不了國家疫情全世界南山帶來災難</t>
  </si>
  <si>
    <t>中國工程院院士鍾南山、李蘭娟昨出席新冠疫情防控經驗國際線上分享會。鍾南山警告如果一些國家控制不了疫情會給全世界帶來災難。他還說「我有點擔心美國即將發生的情況美國的問題將是全球的問題聯邦政府必</t>
  </si>
  <si>
    <t>疫情南山美國問題擔心全球有點李蘭娟災難帶來全世界情況防控出席經驗國際分享發生控制不了</t>
  </si>
  <si>
    <t>中國工程院院士鍾南山、李蘭娟昨出席新冠疫情防控經驗國際線上分享會。鍾南山警告如果一些國家控制不了疫情會給全世界帶來災難。他還說「我有點擔心美國即將發生的情況美國的問題將是全球的問題聯邦政府必須要採取更激烈的、更強有力的舉措。」
當被問及現階段最擔心的事情時鍾南山表示「我現在擔心疫情在一些國家擴散很快。過多的病人會給醫療系統帶來巨大的負擔沒有床位、沒有醫療設施、沒有專業人士這會造成惡性循環。」他續稱如果一些國家控制不了疫情會給全世界帶來災難沒有哪個國家能夠置身事外。
李蘭娟則表示發現和控制傳染源是疫情控製的最大的挑戰。傳染源一旦控製了就相對容易控製疫情。同時防止進一步擴散、減少危重症發生、減少病死率也同樣值得注意。此外兩位院士均表示戴口罩、維持一定距離非常重要。</t>
  </si>
  <si>
    <t>疫情表示國家擔心南山沒有控制帶來李蘭娟院士發生擴散問題傳染源美國災難減少控制不了維持口罩必須政府聯邦</t>
  </si>
  <si>
    <t>大陸新冠肺炎全球武漢肺炎COVID-19</t>
  </si>
  <si>
    <t>肺炎全球武漢大陸covid-</t>
  </si>
  <si>
    <t>表演家長藝術類競賽停辦請命肺炎爭取恢復舉辦</t>
  </si>
  <si>
    <t>109學年度全國學生表演藝術類競賽原訂3月舉辦決賽教育部以衛福部立桃園醫院發生疫情為由決定停辦讓認真練習且甫通過預賽的孩子們感到無奈；學生家長17日向市議會國民黨團陳情懇請教育部給孩子證明自我的機會。</t>
  </si>
  <si>
    <t>教育部孩子藝術類競賽舉辦決賽懇請衛福部表演發生桃園疫情陳情為由醫院決定議會停辦國民黨團認真學生家長練習無奈</t>
  </si>
  <si>
    <t>109學年度全國學生表演藝術類競賽原訂3月舉辦決賽教育部以衛福部立桃園醫院發生疫情為由決定停辦讓認真練習且甫通過預賽的孩子們感到無奈；學生家長17日向市議會國民黨團陳情懇請教育部給孩子證明自我的機會。黨團書記長陳振顯說希教育部收回成命讓決賽恢復舉辦。
台中市一群原訂參加3月全國學生表演藝術類競賽的學生家長17日拜會國民黨團由黨團書記長陳政顯接見教育局長楊振昇作陪。
家長代表說109學年度全國學生表演藝術類競賽去年11月已經舉辦過團體組、合唱團與管協樂團的初賽通過初賽獲得決賽資格的學生們都很珍惜全國比賽的機會；但教育部卻以衛福部立桃園醫院發生疫情為由決定停辦這讓學生、老師與家長們都很錯愕。
陳政顯接受家長陳情後指出看著來陳情的家長感受到他們的焦急與無奈心疼努力認真練習的孩子們他們持續不斷的努力練習要的只是一個證明與比賽的機會。
陳政顯說去年度因疫情突發已經停辦１次教育部經過１年的時間在「超前部署」下理應做好萬全的準備可以因應各種新狀況的發生；但教育部卻以鴕鳥心態讓這些孩子們的心血輕易被抹煞教育部高官們隨意取消的作為根本就是在打臉超前部署。
陳政顯強調防疫非常重要這當然是絕對的但透過落實各種防疫措施的情況下甚至戴上面罩來比賽決賽真的不能舉辦嗎？停辦只能是唯一選項嗎？懇請執政的中央政府教育部的高官們不要抹煞孩子們努力與家長的用心？趕緊收回成命讓決賽恢復舉辦。</t>
  </si>
  <si>
    <t>教育部家長決賽孩子舉辦停辦學生比賽陳情努力全國機會練習發生防疫已經黨團無奈部署超前</t>
  </si>
  <si>
    <t>教育部停辦競賽家長決賽</t>
  </si>
  <si>
    <t>家長競賽教育部停辦決賽</t>
  </si>
  <si>
    <t>川普驚嚇謀殺內幕</t>
  </si>
  <si>
    <t>擔憂新冠肺炎疫情持續擴散美國股市連兩天賣壓湧現拖累道瓊指數連續兩個交易日大跌近2千點美國總統川普為此大為震怒直批衛生官員的警告嚇壞了投資人。美國疾病控制與預防中心（CDC）免疫和呼吸系統疾病中心主</t>
  </si>
  <si>
    <t>疫情免疫cdc持續美國疾病控制與預防中心擴散美國股市投資人賣壓嚇壞湧現警告拖累官員衛生指數連續震怒大為交易日呼吸系統肺炎為此大跌川普總統美國</t>
  </si>
  <si>
    <t>擔憂新冠肺炎疫情持續擴散美國股市連兩天賣壓湧現拖累道瓊指數連續兩個交易日大跌近2千點美國總統川普為此大為震怒直批衛生官員的警告嚇壞了投資人。
美國疾病控制與預防中心（CDC）免疫和呼吸系統疾病中心主任Nancy Messonnier週二警告疫情可能會在美國境內造成社區傳播這是遲早會發生的事提醒民眾要有最壞的心理準備屆時學校可能會停課以及取消大型聚會活動等。
但CDC的這番示警顯然川普並不知情。華盛頓郵報引述消息人士指出川普對美股週二大屠殺相當生氣由於擔憂美股進一步大跌川普警告助理們不可揣測疫情可能造成的影響。
美股繼週一大跌超過千點後週二再度狂殺近900點其中一大原因就是衛生官員表示新冠肺炎可能會在美國出現社區傳播。</t>
  </si>
  <si>
    <t>川普可能週二警告疫情大跌美國cdc衛生官員造成肺炎擔憂傳播社區拖累湧現民眾最壞提醒賣壓</t>
  </si>
  <si>
    <t>美股新冠肺炎武漢肺炎道瓊CDC</t>
  </si>
  <si>
    <t>武漢肺炎cdc</t>
  </si>
  <si>
    <t>留意整理疫情拉回股市捲土重來臺北題材</t>
  </si>
  <si>
    <t>美股受新冠肺炎疫情單日確診人數攀升選情膠著影響連日修正台股週五同樣收黑11657點下跌092%收1254634點成交量197264億。富蘭克林華美投信認為受美歐新冠肺炎疫情單日確診人數再攀高加上美國總統大</t>
  </si>
  <si>
    <t>人數確診疫情肺炎同樣成交量週五佛蘭克林修正華美影響認為選情加上攀升下跌</t>
  </si>
  <si>
    <t>美股受新冠肺炎疫情單日確診人數攀升選情膠著影響連日修正台股週五同樣收黑11657點下跌092%收1254634點成交量197264億。富蘭克林華美投信認為受美歐新冠肺炎疫情單日確診人數再攀高加上美國總統大選前市場觀望氣氛濃厚美國股市持續修正影響台股拉回整理建議不妨持續觀察留意逢低進場的機會。
操作策略上周書玄建議看好電子產業的趨勢不改變但因新冠肺炎疫情似乎有捲土重來的情況部分國家重啟封城與隔離狀態對於居家隔離、居家上班所需要的工具例如筆電、網通、伺服器與顯示器等仍有表現機會；此外由於上半年的疫情經驗目前醫療水準於可掌控的範圍之內死亡率並不至於攀高而居家健身器材、自行車、航運、電商等仍然可留意。
富蘭克林華美第一富基金經理人周書玄認為面對這波新冠疫情Covid-19再度擴大仍然會影響不少商業活動運行歐美地區部分國家如法國、德國已下令暫時關閉部分商場與店家重啟居家隔離政策將再次衝擊各國經濟表現。市場除擔憂疫情惡化之外加上美國總統大選下周11月初啟動開票盤面觀望氣氛濃厚資金出現暫時停看聽的觀望態度。
進一步觀察周書玄也分析科技產業新趨勢不變前三季受疫情影響居家隔離如:桌上/筆記型電腦、網通雲端、伺服器等表現不俗搭載英特爾/超微高速運算的新晶片規格之伺服器新產品第四季將上市也預告明年這塊市場應用表現將淡季不淡但短線股價漲多仍有高檔賣壓建議投資人不妨可趁拉回修正時逢低挑選具業績成長支撐者。</t>
  </si>
  <si>
    <t>疫情居家影響表現周書玄市場部分修正觀望建議伺服器隔離暫時仍然機會觀察留意佛蘭克林</t>
  </si>
  <si>
    <t>台股新冠肺炎富蘭克林華美周書玄重啟封城</t>
  </si>
  <si>
    <t>華美周書玄佛蘭克林肺炎啟封</t>
  </si>
  <si>
    <t>發燒隔離返台公主</t>
  </si>
  <si>
    <t>日本政府25日制定因應新冠肺炎疫情擴大的基本方針包括一般醫院也要接受感染新冠病毒的患者；民眾出現發燒等症狀時要請假避免外出；症狀輕的人原則上居家靜養等。日本全國知事會則對中央政府至今的防疫措施感到不</t>
  </si>
  <si>
    <t>症狀中央政府知事全國日本靜養防疫居家原則肺炎疫情外出基本方針包括擴大一般醫院發燒病毒</t>
  </si>
  <si>
    <t>日本政府25日制定因應新冠肺炎疫情擴大的基本方針包括一般醫院也要接受感染新冠病毒的患者；民眾出現發燒等症狀時要請假避免外出；症狀輕的人原則上居家靜養等。日本全國知事會則對中央政府至今的防疫措施感到不滿認為不該讓地方政府瞎子摸象。
鑽石公主號19名台籍旅客21日返台接受2次採檢後入住檢疫所集中檢疫。醫福會執行長王必勝表示昨日早晨出現一名發燒個案考量鑽石公主號危險性高已安排對方入住負壓隔離病房並進行採檢結果今出爐。
截至25日日本新冠肺炎確診累計達862例其中691例為公主號郵輪乘客和工作人員。此外又一80多歲乘客送醫不治。據報導國際奧委會（IOC）委員可能5月決定東京奧運是否舉辦。</t>
  </si>
  <si>
    <t>公主入住日本接受鑽石發燒出現肺炎症狀決定可能乘客委員ioc國際奧會報導不治東京認為不該不滿</t>
  </si>
  <si>
    <t>採檢入住鑽石公主號檢疫肺炎</t>
  </si>
  <si>
    <t>鑽石入住公主檢疫肺炎</t>
  </si>
  <si>
    <t>口罩交貨防疫腹瀉po染病</t>
  </si>
  <si>
    <t>台中34歲洪姓男子在防疫期間化名「KN Aug」、「Na Kina」、「Ar ch」在網路臉書平臺社團上PO文販賣口罩圖利在收取買家訂金後卻遲不交貨經被害人向台中市政府警察局第三分局報案警方12小時內鎖定他並在彰化找</t>
  </si>
  <si>
    <t>期間化名小時警方kn報案augna分局警察局kina台中市政府ar被害人ch網路交貨防疫鎖定平臺社團訂金</t>
  </si>
  <si>
    <t>台中34歲洪姓男子在防疫期間化名「KN Aug」、「Na Kina」、「Ar ch」在網路臉書平臺社團上PO文販賣口罩圖利在收取買家訂金後卻遲不交貨經被害人向台中市政府警察局第三分局報案警方12小時內鎖定他並在彰化找到洪男並將他帶案偵辦未料他竟稱出現疑染疫腹瀉症狀檢警為謹慎起見立即送醫採驗並啟動隔離偵訊。
台中郭姓民眾4月12日向台中市第三分局報案指稱於網路臉書上之台中拍賣二手區等社團上看到洪男以每1盒(50個)100元PO文販賣防疫口罩遂與洪嫌約定面交取貨但洪男面交時收取被害人訂金並開立收據交被害人後就利用話術拖延交貨進而封鎖被害人讓他求償無門。
警方受理後立即組專案小組派員偵查、蒐集相關證據並在檢察官指揮下持拘票於當日12日11時40分在彰化縣彰化市長安街查獲洪嫌到案併帶回台中住居所扣得犯案用手機2支、收據本1本、台新台幣2200元等贓證物帶案偵辦。
專案小組調查洪嫌利用此手法已於網路上詐騙被害人20人以上。由於洪嫌到案自稱有腹瀉情形檢警為謹慎起見立即送醫採驗並啟動隔離偵訊規定與地檢署透過LINE軟體同步遠端進行視訊偵詢檢察官在偵查庭內遠距與分局連線視訊完成複訊程式並移請法院聲請羈押獲准檢警偵辦與複訊、法院羈押庭訊等全採取遠距視訊方式完成法定程式。
洪嫌自3月1日起利用臉書社團平臺在大臺中市各二手拍賣社團PO文販賣口罩行詐騙之行為被害人應為數不少本案已在檢察官指揮下擴大清查請被害人勇於出面報案。警方也藉此呼籲非法銷售口罩是觸法的行為口罩屬於防疫物資嚴禁囤積、哄抬價格銷售
違者可處五年以下有期徒刑得併科新台幣五百萬元以下罰金民眾千萬不要以身試法。</t>
  </si>
  <si>
    <t>被害人台中口罩防疫警方洪男分局檢察官報案銷售社團立即台幣販賣洪嫌到案專案小組</t>
  </si>
  <si>
    <t>＃武漢肺炎 ＃新形冠狀病毒 ＃新冠肺炎NCPCOVID-19疾管署台中市警局第三分局</t>
  </si>
  <si>
    <t>肺炎台中管署covid-ncp病毒冠狀分局武漢</t>
  </si>
  <si>
    <t>倉促兩劑疫苗元旦原因類人</t>
  </si>
  <si>
    <t>指揮中心日前宣佈明年1月1日起全國26種從業人員須完成兩劑疫苗接種遭民眾反應政策太倉促。指揮中心發言人莊人祥表示本次規範的類別都是我國自三級降為二級時就有訂出的復業指引當初就有規範第一劑疫苗接</t>
  </si>
  <si>
    <t>規範疫苗中心指揮全國明年從業人員完成兩劑接種時就民眾降為當初政策反應倉促我國類別</t>
  </si>
  <si>
    <t>指揮中心日前宣佈明年1月1日起全國26種從業人員須完成兩劑疫苗接種遭民眾反應政策太倉促。指揮中心發言人莊人祥表示本次規範的類別都是我國自三級降為二級時就有訂出的復業指引當初就有規範第一劑疫苗接種須達六至八成認為在一定基礎上要達標較為容易而非倉促拍板。
莊人祥表示目前全國疫苗接種覆蓋率第二劑已突破六成加上先前開放的24類人員都是從三級降到二級準備復業時就有提出指引要求至少接種一劑疫苗達6至8成才能復工若沒有則必須每3到7天進行一次採檢因此有一定的基礎所以才決定要在元旦來實施。
莊人祥說而昨天新增的一、二、三、七類以及殯葬、監所的部分這類人員的第一劑與第二劑涵蓋率都非常高超過九成也是目前認為在現有基礎上比較容易達標的族群才會選擇來實施並非倉促實施。</t>
  </si>
  <si>
    <t>疫苗接種倉促基礎全國規範表示目前容易一定認為複業實施指引達標中心指揮監所人員</t>
  </si>
  <si>
    <t>打疫苗接種站新冠疫苗新冠肺炎台灣</t>
  </si>
  <si>
    <t>疫苗接種臺灣肺炎</t>
  </si>
  <si>
    <t>消毒防疫期間戶外出遊動物園壽山首選</t>
  </si>
  <si>
    <t>疫情來襲許多家長擔憂密閉空間容易感染因而將假日郊遊行程轉移至戶外空間其中高雄市立壽山動物園寓教於樂皆具佔地廣大寬闊變成家長防疫期間的「遛兒」第一首選假日平均前來參觀人數高達3千多名讓小朋</t>
  </si>
  <si>
    <t>假日空間家長人數參觀前來平均擔憂首選密閉高達防疫變成寬闊占地期間寓教於樂動物園壽山感染高雄容易戶外郊遊行程</t>
  </si>
  <si>
    <t>疫情來襲許多家長擔憂密閉空間容易感染因而將假日郊遊行程轉移至戶外空間其中高雄市立壽山動物園寓教於樂皆具佔地廣大寬闊變成家長防疫期間的「遛兒」第一首選假日平均前來參觀人數高達3千多名讓小朋友邊玩邊學拉近與大自然的距離。
雖然疫情尚未緩解但每逢假日家長總是希望多帶學孩子出去走走增進親子感情屬於室外空曠又富有教育價值的壽山動物園成為首選之地根據園方統計若天氣好假日2天可能會有近萬人湧進動物園真正影響入園人數的反而是天氣部分。
營運股股長謝忠麒表示疫情多少還是有些許影響但不是特別顯著加上動物園是戶外空間原本要帶孩子們到其他密閉場館參觀的家長反而會改至動物園遊玩相形互補之下近期來動物園的民眾並沒有下滑反而下雨天遊客人數會大大減少。
儘管如此為了全力防止疫情進入動物園園方每天都會做定期消毒特別會在公共廁所、圍牆、欄杆等民眾可能接觸的地方做最更深入的消毒工作也宣導民眾戴口罩、勤洗手入園前也派人在入口處量體溫防疫工作相當嚴謹。</t>
  </si>
  <si>
    <t>動物園假日家長疫情民眾人數空間反而防疫參觀首選可能壽山密閉工作天氣影響消毒戶外特別</t>
  </si>
  <si>
    <t>壽山動物園假日疫情消毒新冠肺炎</t>
  </si>
  <si>
    <t>疫情消毒假日動物園壽山肺炎</t>
  </si>
  <si>
    <t>緊急撤回龜鱉禁食產業鏈</t>
  </si>
  <si>
    <t>中國大陸宣佈全面禁食野生動物後引發龜鱉養殖業反彈。對此中國農業農村部昨天緊急發出通知將中華鱉（甲魚）與烏龜列入水生動物管理這也代表甲魚與烏龜今後在大陸還是可以養殖食用。據《中央社》報導大陸官</t>
  </si>
  <si>
    <t>大陸烏龜甲魚中國養殖可以野生動物引發禁食龜鱉養殖業反彈對此今後農業列入農村部代表昨天緊急發出中華鱉通知中央食用全面</t>
  </si>
  <si>
    <t>中國大陸宣佈全面禁食野生動物後引發龜鱉養殖業反彈。對此中國農業農村部昨天緊急發出通知將中華鱉（甲魚）與烏龜列入水生動物管理這也代表甲魚與烏龜今後在大陸還是可以養殖食用。
據《中央社》報導大陸官方認定武漢肺炎疫情起源於食用野生動物。中國13屆全國人民代表大會常務委員會2月24日表決通過一項決定宣佈將在「野生動物保護法」的基礎上擴大法律調整範圍確立「全面禁止食用野生動物」的制度。
深圳人大常委會官網隔天公告「深圳經濟特區全面禁止食用野生動物條例（草案徵求意見稿）」祭出最嚴「禁食令」並在草案說明強調經人工繁育、飼養的龜、甲魚、蛇、鳥、昆蟲等野生動物也具有不小的疫病傳播風險無法保證食用的安全性因此也將上述動物排除在可食用動物範圍之外。
但是官方這種「一刀切」政策卻嚴重衝擊相關水產的養殖業生計尤其是龜、甲魚、牛蛙這類餐桌上常見的兩棲動物是否也在禁止之列引發爭議與反彈。
報導引述《中國經營報》報導指出近日廣東省龜鱉養殖行業協會、湖南省龜鱉產業協會、杭州市龜鱉行業協會等行業協會在網上發文呼籲懇請深圳市人大常委會勿將龜鱉列入禁食行列。農業農村部主管的中《國水產雜誌社》也指出2018年大陸中華鱉養殖產量319萬噸產值逾人民幣300億元從業人員幾十萬。中華鱉養殖產業鏈上下游總產值達數千億元大陸20幾個省份都有養殖。
文章強調中國人工養殖食用龜鱉已有7000餘年的歷史。根據目前龜鱉類流行病調查結果來看沒有從龜鱉類動物體內分離到冠狀病毒的報導更沒有發現龜鱉類水產動物與冠狀病毒有任何直接聯繫；也沒有任何實驗可以證明冠狀病毒可從龜鱉類回傳至哺乳動物。
對此大陸農業農村部4日緊急發出通知將中華鱉、烏龜等列入水生動物相關名錄的兩棲爬行類動物按照水生動物管理不列入全面禁食野生動物的範圍內。</t>
  </si>
  <si>
    <t>龜鱉野生動物食用大陸養殖中國動物甲魚禁食報導水產列入中華鱉病毒範圍沒有冠狀農業農村部官方草案養殖業可以全面禁止烏龜相關</t>
  </si>
  <si>
    <t>接種東岸疫苗擴大防疫模範不急</t>
  </si>
  <si>
    <t>美聯社指出美國東岸新英格蘭地區已經成為全美各州的防疫典範該地區6個州超過60%民眾至少接種過1劑疫苗即便當地擴大疫苗接種順位元的速度較慢但是專家指出當地政府更專注在讓脆弱族群優先施打疫苗現在疫苗接</t>
  </si>
  <si>
    <t>疫苗指出地區接種族群新英格蘭已經脆弱專注典範當地政府至少順位專家超過民眾速度施打優先東岸成為全美防疫美國</t>
  </si>
  <si>
    <t>疫苗接種地區新英格蘭當地疫情全美醫院患者指出現在美國超過麻州平均已經目前防疫急診表示</t>
  </si>
  <si>
    <t>#新冠肺炎#全球美國新英格蘭模範生防疫</t>
  </si>
  <si>
    <t>美國全球新英格蘭模範肺炎防疫</t>
  </si>
  <si>
    <t>規模基建省市</t>
  </si>
  <si>
    <t>大陸經濟原本受到中美貿易戰的幹擾已呈現成長趨緩態勢如今再遭逢新冠肺炎風暴的侵襲更讓大陸經濟成長拉警報。為了穩增長大陸各省市也卯盡全力催動公共工程建設（大陸稱鐵公基）上路透過大量政府投資帶動</t>
  </si>
  <si>
    <t>大陸成長經濟上路鐵公基工程建設催動遭逢貿易戰肺炎透過如今干擾態勢呈現風暴增長侵襲</t>
  </si>
  <si>
    <t>大陸經濟原本受到中美貿易戰的幹擾已呈現成長趨緩態勢如今再遭逢新冠肺炎風暴的侵襲更讓大陸經濟成長拉警報。為了穩增長大陸各省市也卯盡全力催動公共工程建設（大陸稱鐵公基）上路透過大量政府投資帶動民間資金向前衝。據估計包括雲南等7個省市這次不惜下血本整個投資規模高達近25兆（人民幣下同）。
恒大集團首席經濟學家任澤平也在2日發文表示啟動「新」一輪基建關鍵在「新」要用改革創新的方式推動新一輪基礎設施建設而不是簡單重走老路導致過剩浪費和「鬼城」現象。未來「新」一輪基建主要應有四「新」就是新的地區、新的主體、新的方式、新的領域。要在補齊鐵路、公路、軌道交通等傳統基建的基礎上大力發展5G、人工智慧、工業互聯網、智慧城市、教育醫療等新型基建以改革創新穩成長。
雲南領頭投5兆人幣
《第一財經日報》報導在新冠肺炎疫情衝擊和經濟下行壓力下多省分最
近密集推出龐大投資計畫。
不僅如此推出新一輪大規模基建的呼聲也在不斷成長。雲南省是這新一輪基建的領頭羊規模也最大高達5兆規模預計2020年計畫完成投資4400多億元。
繼雲南之後河南省也公佈今年要力推的建設計畫總投資33兆元今年計畫完成投資8372億元涵蓋了產業轉型發展、創新驅動、基礎設施、新型城鎮化、生態環保、民生和社會事業六大領域。
中西部春節前已發布
福建省發改委同時公佈了今年重要建設計畫達1567個總投資384兆元。其中在建規畫有1257個總投資297兆元年度計畫投資5005億元；預備項目310個投資087兆元。
事實上早在春節前四川、重慶、陝西和河北等省分都陸續公佈當年度重大建設計畫。其中四川省推出700個規畫總投資約44兆元年度預計投資6000億元以上；重慶市重大計畫有1136個總投資26兆元年度計畫完成投資3476億元；陝西省重點項目600個總投資338兆元年度投資5014億元；河北省重點專案536個總投資188億元年計畫投資2402億元。</t>
  </si>
  <si>
    <t>投資基建計畫成長建設大陸雲南基礎創新經濟公佈新一輪年度今年推出完成省分領域春節設施肺炎</t>
  </si>
  <si>
    <t>改革創新雲南投資省市總投資</t>
  </si>
  <si>
    <t>改革雲南創新省市投資</t>
  </si>
  <si>
    <t>侯友宜強調才能有效控制牙醫師疫情北市</t>
  </si>
  <si>
    <t>新北市長侯友宜今（25日）上午視察新店集中檢疫中心並慰問檢疫中心的醫護人員、房務後勤人員關於北市傳出施打疫苗後的牙醫師染疫及確診者年輕化趨勢侯強調不斷篩檢才能夠有效的控制疫情所以社區篩檢、企業篩</t>
  </si>
  <si>
    <t>檢疫中心上午視察房務後勤人員疫情北市傳出施打疫苗能夠牙醫師確診年輕化趨勢不斷強調</t>
  </si>
  <si>
    <t>新北市長侯友宜今（25日）上午視察新店集中檢疫中心並慰問檢疫中心的醫護人員、房務後勤人員關於北市傳出施打疫苗後的牙醫師染疫及確診者年輕化趨勢侯強調不斷篩檢才能夠有效的控制疫情所以社區篩檢、企業篩檢、居家篩檢都希望市民出來篩檢「不怕確診高只怕你不出來大家一起來篩找到隱形的傳播鏈！」
侯友宜表示新北市從一開始在整個篩檢的量就是全國第一不斷的篩檢不斷希望能夠把隱形的傳播鏈找出來所以新北市設的40處的社區篩檢站幾乎90％以上找到無症狀確診者目前已經找到了1100多個陽性率大概平均是1％。
無症狀者如果不趕快找出來其實在社區的傳播就會大肆地往上讓市民染疫的機率提高所以篩檢再篩檢、不斷的篩絕對是新北市從一開始到現在的方向所以也不斷的篩才能夠有效的控制疫情所以社區的篩檢、企業篩檢、居家篩檢所有的篩檢都希望市民朋友大家出來篩檢讓這個篩檢找出可能還有社區的隱藏的黑數「不怕確診高只怕你不出來大家一起來篩找到隱形的傳播鏈及時控制疫情不要擴散。」</t>
  </si>
  <si>
    <t>社區出來找到確診傳播新北不斷市民能夠侯友宜開始疫情症狀中心檢疫控制不怕</t>
  </si>
  <si>
    <t>新冠肺炎台灣篩檢不斷控制疫情</t>
  </si>
  <si>
    <t>臺灣肺炎不斷控制疫情</t>
  </si>
  <si>
    <t>郭正亮隱憂不熟產業醫療告訴陳時中訊息</t>
  </si>
  <si>
    <t>國內疫情延燒繼企業快篩開放後中央疫情指揮中心指揮官陳時中首度鬆口開放居家快篩。前民進黨立委郭正亮表示陳時中是牙醫出身對醫療產業不太熟悉但他質疑衛福部不可能沒人知道這些事情但為何這些聲音沒</t>
  </si>
  <si>
    <t>陳時中開放疫情沒人不可能衛福部質疑不太熟悉產業知道醫療出身牙醫表示郭正亮企業黨立委民進中心指揮指揮官首度中央居家</t>
  </si>
  <si>
    <t>國內疫情延燒繼企業快篩開放後中央疫情指揮中心指揮官陳時中首度鬆口開放居家快篩。前民進黨立委郭正亮表示陳時中是牙醫出身對醫療產業不太熟悉但他質疑衛福部不可能沒人知道這些事情但為何這些聲音沒有被聽到？郭正亮還擔心是不是有人沒把訊息告訴陳時中？
郭正亮今(13日)在政論節目《新聞大白話》中表示陳時中知道醫療資源緊張很多人抱怨他要急著講自己有做「事實上阿中部長是牙醫出身我跟他認識很久他以前就是牙醫公會理事長他對醫療產業一定比較不熟因為每個人術業有專攻」比如他之前到立院備詢開放居家快篩時槓上時代力量立委邱顯智說沒人來申請。
郭正亮指出有人在臉書上講香港賣的快篩試劑是台灣製的所以怎麼會說台灣沒有？後來我們去查食藥署通過的快篩試劑得到台灣執照的就有10幾家台灣的快篩試劑廠商一堆。
郭正亮認為衛福部不可能沒人知道問題是這個聲音為何沒聽到？現在擔心的是這種事情比如我們看到死亡率高有人說可能是發病到確診時間差太長沒有PCR資源導致給予治療時間太慢那你就會去問為何這麼慢？可能就是資源調度出現問題。
郭正亮擔心是不是很多人沒把訊息告訴陳時中這太奇怪比如快篩對台灣醫療產業稍微瞭解就知道這是台灣生技產最大一塊。</t>
  </si>
  <si>
    <t>郭正亮陳時中臺灣醫療知道資源沒有比如產業開放沒人試劑擔心可能表示疫情事情出身牙醫</t>
  </si>
  <si>
    <t>新冠肺炎台灣郭正亮陳時中快篩</t>
  </si>
  <si>
    <t>郭正亮臺灣肺炎陳時中</t>
  </si>
  <si>
    <t>紐約反彈疫情州長不能復工要錢不要命</t>
  </si>
  <si>
    <t>美國目前已有約半數州的企業陸續恢復生產營業但隨著經濟活動重啟一些州的新冠肺炎疫情出現反彈。美東時間5月2日疫情重災區紐約州的單日新增死亡病例仍未見下降趨勢紐約州州長表示不能要錢不要命過早重啟</t>
  </si>
  <si>
    <t>紐約州疫情企業陸續恢復營業生產表示不能出現州長趨勢經濟下降要錢病例活動重災區肺炎死亡新增</t>
  </si>
  <si>
    <t>美國目前已有約半數州的企業陸續恢復生產營業但隨著經濟活動重啟一些州的新冠肺炎疫情出現反彈。美東時間5月2日疫情重災區紐約州的單日新增死亡病例仍未見下降趨勢紐約州州長表示不能要錢不要命過早重啟經濟顯然不是最佳選項。
《央視新聞》指出截至5月1號包括德州和喬治亞州在內的美國20多個州進入復工複產階段。與此同時美國有線電視新聞網(CNN)報導稱華盛頓特區、路易斯安那州和喬治亞州等地的疫情出現反彈單日新增確診病例大幅上升。
當地時間5月2號美國紐約州州長科莫在每日疫情發佈會上表示當天紐約州新增299例死亡病例這一數字仍然高的可怕不僅沒有出現下降反而還出現上升。
報導說對於儘快重啟經濟的建議科莫表示拒絕他認為這是「把金錢放在人命之上」的做法。科莫說儘管紐約州財政面臨巨大的問題但紐約州仍不會貿然重啟經濟活動並將繼續執行強制佩戴口罩等規定。
目前美國是全球新冠肺炎確診病例和死亡病例最多的國家單日新增確診和死亡病例居高不下疫情防控形勢依然嚴峻。美國公共衛生專家擔憂過早「解封」可能會讓先前的防疫努力付諸東流。</t>
  </si>
  <si>
    <t>美國紐約州疫情病例經濟出現表示新增死亡過早報導喬治亞州確診上升下降州長活動時間目前反彈</t>
  </si>
  <si>
    <t>全美分之一防疫居家</t>
  </si>
  <si>
    <t>鑒於新冠肺炎疫情快速蔓延美國多州政府已相繼祭出居家避疫命令影響所及全美約有三分之一人口遭到禁足。面臨疫情日益嚴峻由共和黨主導的13兆美元抗疫紓困案卻因為過度偏重企業利益周日在參議院遭到封殺。</t>
  </si>
  <si>
    <t>疫情遭到快速利益蔓延偏重企業美國州政府過度相繼祭出紓困居家人口分之一日益命令面臨影響全美</t>
  </si>
  <si>
    <t>鑒於新冠肺炎疫情快速蔓延美國多州政府已相繼祭出居家避疫命令影響所及全美約有三分之一人口遭到禁足。面臨疫情日益嚴峻由共和黨主導的13兆美元抗疫紓困案卻因為過度偏重企業利益周日在參議院遭到封殺。
共和黨居多數的參議院周日（22日）針對紓困案進行程式投票但民主黨認為該方案對企業做得太多對員工卻照顧不足最後表決以47張同意票對47張反對票沒能讓該案過關。該案要獲得通過必須要達60張同意票的門檻。
在表決結束後共和民主兩黨雖然各自把造成該僵局的責任歸咎對方但也矢言將持續協商希望能盡早針對該案達成協議。參議院少數黨領袖舒默（Chuck Schumer）稍後也對該案可能過關釋出正面訊息。他聲稱未來24小時兩黨可望就分歧部分達成共識。舒默發言人之後也補充兩黨與財政部長穆努欽（Steven Mnuchin）的會談極具成果。
此外該疫情也延燒到國會共和黨參議員保羅（Rand Paul）證實確診罹患新冠肺炎成為首位感染該肺炎的參議員同時也是第3位確診的美國國會議員。其他兩名曾與保羅互動密切的議員也已在家進行檢疫。
繼紐約州、加州、伊利諾州、康乃迪克州與紐澤西州發布居家檢疫令後目前又有俄亥俄州、路易士安納與德拉瓦州加入該行列使得美國發布禁足令已達8州約占全美三分之一的人口。
疫情爆發迄今美國確診人數已超過32萬人並有逾415人死亡。當中紐約是疫情最嚴重的地區確診人數高占全美三分之一、死亡數也攀升到63人。
針對疫情一發不可收拾紐約市長白思豪（Bill de Blasio）形容這波流行病是美國自1930年代經濟大蕭條以來所面臨的最大危機並向川普政府要求全面動員軍隊以避免醫療照護系統負擔過重。他並警告未來10天如果紐約市無法取得更多呼吸器恐怕將有更多人因而枉死。</t>
  </si>
  <si>
    <t>疫情美國確診分之一共和黨參議院未來紐約市過關舒默進行檢疫企業同意表決紓困</t>
  </si>
  <si>
    <t>兩黨共和黨美國肺炎參議院</t>
  </si>
  <si>
    <t>共和黨肺炎參議院美國</t>
  </si>
  <si>
    <t>檢測核酸病毒發現全市確診三輪南京市</t>
  </si>
  <si>
    <t>南京市衛健委副主任楊大鎖今（8／1）日上午表示自本輪疫情發生以來南京市已經進行了三輪全市大規模新冠病毒核酸檢測。其中三輪期間發現確診病例74例、81例以及49例共發現確診204例。楊大鎖表示從疫情發生</t>
  </si>
  <si>
    <t>三輪楊大鎖南京市疫情表示發現確診發生核酸檢測期間全市進行上午已經以來主任病毒病例衛健</t>
  </si>
  <si>
    <t>南京市衛健委副主任楊大鎖今（8／1）日上午表示自本輪疫情發生以來南京市已經進行了三輪全市大規模新冠病毒核酸檢測。其中三輪期間發現確診病例74例、81例以及49例共發現確診204例。
楊大鎖表示從疫情發生到第一輪大規模核酸檢測結束共檢測92336萬份期間發現確診病例74例；第二輪大規模核酸檢測8478萬份期間發現確診病例81例；截至7月31日24時第三輪大規模核酸檢測已採樣890萬份其中876萬份採樣結果已完成檢測期間截至7月31日24時發現確診病例49例。</t>
  </si>
  <si>
    <t>檢測核酸三輪期間表示疫情發生發現確診南京市截至病例楊大鎖上午進行全市已經以來主任</t>
  </si>
  <si>
    <t>新冠肺炎兩岸發現大規模核酸檢測</t>
  </si>
  <si>
    <t>兩岸肺炎發現核酸檢測</t>
  </si>
  <si>
    <t>居家消毒便利防疫有效</t>
  </si>
  <si>
    <t>為防止新冠肺炎疫情擴散民眾除了在出入公共場所時盡量配戴口罩、勤洗手外居家環境建議也應確實清潔。一般傢俱、廚房設施可以使用1：100的稀釋漂白水（500 ppm）調配後擦拭並且隨時確保室內空氣暢通保持良好</t>
  </si>
  <si>
    <t>隨時疫情擴散擦拭民眾出入調配公共場所ppm白水儘量配戴稀釋使用口罩勤洗手可以確保肺炎廚房設施傢俱居家環境一般建議清潔</t>
  </si>
  <si>
    <t>為防止新冠肺炎疫情擴散民眾除了在出入公共場所時盡量配戴口罩、勤洗手外居家環境建議也應確實清潔。一般傢俱、廚房設施可以使用1：100的稀釋漂白水（500 ppm）調配後擦拭並且隨時確保室內空氣暢通保持良好通風環境。而浴室、馬桶等衛浴設備則建議用1：10的稀釋漂白水（5000 ppm）來消毒。消毒應該每日一次並且使用當日調配的漂白水最有效。</t>
  </si>
  <si>
    <t>調配環境建議使用稀釋ppm白水疫情擴散民眾出入公共場所肺炎儘量配戴口罩勤洗手居家確保暢通保持良好室內空氣通風隨時一般浴室</t>
  </si>
  <si>
    <t>新冠肺炎武漢肺炎新型冠狀病毒台灣漂白水</t>
  </si>
  <si>
    <t>肺炎冠狀武漢病毒臺灣漂白</t>
  </si>
  <si>
    <t>疫苗攔截鄭麗文陳時中新鮮</t>
  </si>
  <si>
    <t>台灣採購新冠疫苗波折不斷中央流行疫情指揮中心指揮官陳時中日前受訪抱怨原訂向德國BNT採購500萬劑疫苗但因有外力介入而計劃生變還稱「有人不希望台灣太高興」對此國民黨立委鄭麗文接受《中時新聞網》訪問</t>
  </si>
  <si>
    <t>疫苗臺灣採購接受鄭麗文國民黨對此太高興希望中心指揮指揮官疫情陳時中日前受訪生變不斷中央流行抱怨波折計畫原訂</t>
  </si>
  <si>
    <t>台灣採購新冠疫苗波折不斷中央流行疫情指揮中心指揮官陳時中日前受訪抱怨原訂向德國BNT採購500萬劑疫苗但因有外力介入而計劃生變還稱「有人不希望台灣太高興」對此國民黨立委鄭麗文接受《中時新聞網》訪問痛批陳時中在疫苗採買上不但沒有超前部署所有的接洽都比其他國家慢很多拍而且去年他還跟大家拍胸脯說3月就可以開打結果進度嚴重落後統統跳票現在再來扯三道四胡亂甩鍋是沒有辦法實質去解決今天我們沒有疫苗可打的窘境。
而德國BNT公司今（18）日發聲明強調仍計劃提供疫苗給台灣鄭麗文則諷道陳時中一下說德國BNT跳票買不到疫苗一下稱讚德國人道醫療情操讓人敬佩這也不過才一天的時間事情就有這麼大的轉折代表陳時中整個狀況外根本無法掌握疫苗採買的進度質疑政府在和廠商洽談的中間有嚴重的溝通不良。
鄭麗文也表示國民黨立法院黨團已要求行政院在正式開議的第一天針對此一事做專案報告要說清楚為什麼採購疫苗的說法會一變再變希望屆時陳時中能秉實和國會交代不要再用政治性的藉口來模糊焦點。</t>
  </si>
  <si>
    <t>疫苗陳時中德國鄭麗文沒有bnt採購臺灣進度希望嚴重採買計畫國民黨政治性不要交代國會</t>
  </si>
  <si>
    <t>鄭麗文陳時中疫苗BNT新冠肺炎</t>
  </si>
  <si>
    <t>bnt疫苗陳時中肺炎鄭麗文</t>
  </si>
  <si>
    <t>肺炎痊癒出院親筆信消息醫護</t>
  </si>
  <si>
    <t>新冠肺炎再傳好消息！中央流行疫情指揮中心表示繼先前女台商後我國再出現第2名可出院的個案個案為第10例確診新冠肺炎的男子因狀況好轉最快今日解除隔離近日可出院。男子坦言入住負壓隔離病房後家人</t>
  </si>
  <si>
    <t>男子肺炎坦言入住中心指揮表示疫情可出我國流行解除近日台商先前今日隔離個案中央消息</t>
  </si>
  <si>
    <t>新冠肺炎再傳好消息！中央流行疫情指揮中心表示繼先前女台商後我國再出現第2名可出院的個案個案為第10例確診新冠肺炎的男子因狀況好轉最快今日解除隔離近日可出院。男子坦言入住負壓隔離病房後家人全部都變成全民公敵即便如此仍然感謝防疫人員想對他們說一聲「辛苦了！謝謝你們！」。
案10為在武漢工作的台商在太太（案9）確診後原列為接觸者卻在上月底確診新冠肺炎研判為太太的傳染者。醫福會執行長王必勝表示這名男子病程較長症狀輕微。為謹慎起見衛生單位為他進行3次採檢確認陰性後報請指揮官經專家評估後最快今解除隔離出院時間未定。
男子表示自己過去一直在大陸工作卻不習慣在大陸看醫生返台後因流鼻水前往就診CT、喉嚨觀察都無異狀。太太確診新冠肺炎3天後自己也確診夫妻倆一前一後入住負壓隔離病房。
「入住醫院後家人全部都變成全民公敵。」男子明白人性都是擔心自己深怕被傳染但生病之後才能同理病人的無奈與無助。他感謝家人、朋友、醫護人員的陪伴只要家人、社會大眾都能平安「我願意被隔離」。
「一線的醫生、護理人員為了要治療我們必須近距離接觸我們」男子表示醫護人員除了量血壓、體溫、採檢體不厭其煩地說明病情還要照顧患者的日常。康復後還得再自主隔離14天付出令人感動。他感慨台灣的醫療實力可以讓國人受到良好的醫療照護想對第一線所有防疫人員說聲「辛苦了！謝謝你們！」。</t>
  </si>
  <si>
    <t>男子表示隔離確診家人太太肺炎醫生感謝傳染醫療接觸醫護人員出院入住工作台商解除</t>
  </si>
  <si>
    <t>新冠肺炎武漢肺炎新型冠狀病毒NCP台商</t>
  </si>
  <si>
    <t>肺炎武漢冠狀病毒ncp台商</t>
  </si>
  <si>
    <t>藝人鬼怪名單信徒天地網瘋</t>
  </si>
  <si>
    <t>新冠肺炎疫情升高南韓在短短幾天全國淪陷被視為疫情源頭的「新天地教會」教主李萬熙2日首次下跪道歉仍止不住民眾努火沒想到網上現還流出一份藝人信徒名單掀起熱議。新天地教會在韓國擁有逾20萬信徒這回</t>
  </si>
  <si>
    <t>天地教會信徒疫情南韓升高想到民眾網上止不住道歉淪陷流出下跪藝人韓國視為名單李萬熙源頭掀起教主</t>
  </si>
  <si>
    <t>新冠肺炎疫情升高南韓在短短幾天全國淪陷被視為疫情源頭的「新天地教會」教主李萬熙2日首次下跪道歉仍止不住民眾努火沒想到網上現還流出一份藝人信徒名單掀起熱議。
新天地教會在韓國擁有逾20萬信徒這回新冠肺炎疫情爆發至少有兩千個確診案例都與新天地有關沒想到近來網上傳出一些藝人也是新天地教徒其中包含《鬼怪》的陰間使者李棟旭和女歌手Ivy但兩人第一時間都跳出否認謠言。
李棟旭所屬經紀公司「King Kong」今透過IG發聲明：「最近有人散佈旗下藝人與特定宗教有關的虛假事實我社將對散佈失實謠言、誹謗及損害名譽的行為採取強硬的法律行動。」並強調會持續監測絕不容忍損害藝人的行為。
KINGKONG by STARSHIP（@kkbyss）分享的貼文 於 PST 2020 年 3月 月 3 日 上午 1:06 張貼
而Ivy也親自在IG發文：「這種時候總是會有很多流言蜚語令大家忘記本來的目的真的荒謬到笑不出聲請大家小心謠言在這個被虛假主導的世界上。」看得出滿滿無奈。</t>
  </si>
  <si>
    <t>藝人天地謠言疫情虛假ig李棟旭散佈ivy信徒行為有關損害教會想到肺炎網上主導荒謬真的目的</t>
  </si>
  <si>
    <t>藝人新天地信徒新天地教會李東旭</t>
  </si>
  <si>
    <t>天地信徒李東旭教會藝人</t>
  </si>
  <si>
    <t>米粉上市新品小米</t>
  </si>
  <si>
    <t>在新冠肺炎的疫情影響下優惠的購物節成為了消費者的小確幸而小米也看準時機一口氣推出了11款新品並於7日到12日進行一年一度的米粉節而此次的新品最亮眼的當然少不了一次到位的旗艦級米家掃拖機器人能夠</t>
  </si>
  <si>
    <t>新品米家影響旗艦到位少不了優惠購物當然成為消費者小米疫情時機推出米粉一口氣</t>
  </si>
  <si>
    <t>在新冠肺炎的疫情影響下優惠的購物節成為了消費者的小確幸而小米也看準時機一口氣推出了11款新品並於7日到12日進行一年一度的米粉節而此次的新品最亮眼的當然少不了一次到位的旗艦級米家掃拖機器人能夠以全新的LDS雷射導航以即時建構清掃範圍的地圖更支援3種掃拖模式包括掃拖、單掃及單拖配合智慧電控水箱即能因應不同材質的地板給水清掃之餘也能顧好地板。
另外還有米兔兒童聲波電動牙刷、小米液晶手寫板、小米無線雙模滑鼠靜音版等新品而7日早上10時到12日的晚上11時59分期間小米將推出逾百個品項的直降優惠像Redmi Note 7就直降2000元、米家掃地機器人直降千元等另外如小米手環及米家石英表等都享買就送或買1送1優惠。</t>
  </si>
  <si>
    <t>小米新品米家優惠清掃推出地板機器人影響購物疫情電控支援水箱成為智慧</t>
  </si>
  <si>
    <t>地板掃拖新品米粉節直降</t>
  </si>
  <si>
    <t>米粉新品地板</t>
  </si>
  <si>
    <t>子書借閱防疫閱讀</t>
  </si>
  <si>
    <t>受新冠肺炎影響民眾大幅減少外出新北市立圖書館借閱電子書與使用自助借還書機的冊數明顯增加據統計今年1月電子書借閱冊數相較於去年同期成長4成利用總館自助借還書機的冊數也增加7％；此外各分館也提供</t>
  </si>
  <si>
    <t>冊數借閱子書增加自助書機影響民眾大幅減少肺炎外出新北圖書館明顯統計使用利用去年同期相較今年</t>
  </si>
  <si>
    <t>受新冠肺炎影響民眾大幅減少外出新北市立圖書館借閱電子書與使用自助借還書機的冊數明顯增加據統計今年1月電子書借閱冊數相較於去年同期成長4成利用總館自助借還書機的冊數也增加7％；此外各分館也提供自助式書籍除菌機方便讀者幫書本清潔消毒落實防疫。
新北市圖表示新北市有10餘萬種電子書提供豐富多元的學習資源全天候提供市民免費線上閱讀或下載借閱讓民眾宅在家也可以借書透過閱讀防疫又療癒。
據統計新北市去年電子書借閱人數突破10萬人電子書的利用人次更較前年成長超過46萬人次；另外市圖透過物流運輸提供市民免費、快速的網路借書與跨區還書服務2019年共有236萬餘人利用線上借書年借閱冊數約450萬冊使用網路預約借書的人數較2018年增加121萬人。
市圖指出去年借閱總人數為406萬人次25到34歲的女性最愛借書占6成；熱門借閱排行榜中語文類和藝術類最夯是新北市讀者的最愛。108年度最受歡迎的熱門預約書冠軍為《被討厭的勇氣》心理勵志書籍《你的善良必須有點鋒芒》則為電子書的借閱冠軍。</t>
  </si>
  <si>
    <t>借閱借書新北提供冊數子書利用增加人數民眾書籍讀者防疫熱門透過閱讀最愛預約網路統計</t>
  </si>
  <si>
    <t>借閱借書市民最愛市圖</t>
  </si>
  <si>
    <t>借書市民最愛借閱</t>
  </si>
  <si>
    <t>隔離期滿母子寫信致謝血友病</t>
  </si>
  <si>
    <t>日前滯留湖北的血友病童與母親回台後採檢都呈現陰性送到隔離所展開為期14天的隔離母子2人10日淩晨解禁並由親友在今早8點接送返回高雄此外母子還透過手寫信感謝各界援助「非常感謝一路走來所有幫助我們</t>
  </si>
  <si>
    <t>母子隔離援助母親回台感謝寫信呈現透過陰性血友病非常感謝高雄返回親友接送解禁淩晨送到</t>
  </si>
  <si>
    <t>日前滯留湖北的血友病童與母親回台後採檢都呈現陰性送到隔離所展開為期14天的隔離母子2人10日淩晨解禁並由親友在今早8點接送返回高雄此外母子還透過手寫信感謝各界援助「非常感謝一路走來所有幫助我們的貴人們感謝所有衛福人員貼心的照顧！」
血友病母子的手寫感謝信中寫道「非常感謝這一路走了所有幫助我們的貴人們感謝所有衛福人員貼心的照顧謝謝您們辛苦了感謝去接我們的張醫師感謝陳部長帶領的所有站在第一線的工作人員和醫護人員謝謝您們辛苦了！希望疫情趕快離開大家都平平安安再次深深的感謝！」</t>
  </si>
  <si>
    <t>感謝母子血友病辛苦謝謝非常感謝隔離幫助照顧貼心人們人員母親回台呈現陰性親友衛福解禁</t>
  </si>
  <si>
    <t>血友病童母子隔離生活台灣</t>
  </si>
  <si>
    <t>生活母子隔離臺灣血友病</t>
  </si>
  <si>
    <t>消息期指勁揚國際金融</t>
  </si>
  <si>
    <t>投資人對新冠狀病毒疫苖的開發抱持樂觀看法週一隔夜盤美股指數期貨走高展開因國定假日而縮短的一周交易。美國週一（5月25日）為陣亡將士紀念日美股休市因此期貨市場交投仍顯清淡。目前道瓊指數期貨漲311點或</t>
  </si>
  <si>
    <t>週一指數期貨病毒開發目前樂觀清淡交投期貨市場看法國定假日交易美國縮短展開紀念日陣亡將士</t>
  </si>
  <si>
    <t>投資人對新冠狀病毒疫苖的開發抱持樂觀看法週一隔夜盤美股指數期貨走高展開因國定假日而縮短的一周交易。
美國週一（5月25日）為陣亡將士紀念日美股休市因此期貨市場交投仍顯清淡。
目前道瓊指數期貨漲311點或127%為24735點。標普500指數期貨漲131%為299175點。那斯達克100指數期貨漲150%為954700點。
美國生技公司Novavax宣佈其實驗性的新冠狀病毒疫苗展開第一次人體臨床試驗將在澳洲兩地招募約130名年齡介於18歲至59歲的健康成人參與這項研究預計可在7月獲得疫苖安全性與人體免疫反應的初步試驗結果。
其美國同業Moderna上周宣佈其疫苖試驗獲得正面進展所有45位參與者在注射疫苖後都出現新冠狀病毒的抗體。</t>
  </si>
  <si>
    <t>美國試驗指數期貨展開宣佈週一病毒人體獲得介於年齡健康成人交投期貨市場參與招募</t>
  </si>
  <si>
    <t>美股期貨指數新冠肺炎疫苖</t>
  </si>
  <si>
    <t>肺炎指數期貨</t>
  </si>
  <si>
    <t>奔喪眾人回屏病態</t>
  </si>
  <si>
    <t>本土疫情嚴峻其中又以雙北病例最多被視為「重災區」一名網友表示他同事的父親過世因此從臺北南下屏東奔喪沒想到竟遭屏東老家的左鄰右舍大罵防疫破口甚至說「把臺北的病毒帶來屏東想害死誰？」不禁令他</t>
  </si>
  <si>
    <t>臺北雙北病例視為重災區網友表示同事父親過世帶來南下屏奔喪甚至病毒老家左鄰右舍大罵防疫嚴峻</t>
  </si>
  <si>
    <t>本土疫情嚴峻其中又以雙北病例最多被視為「重災區」一名網友表示他同事的父親過世因此從臺北南下屏東奔喪沒想到竟遭屏東老家的左鄰右舍大罵防疫破口甚至說「把臺北的病毒帶來屏東想害死誰？」不禁令他質疑現在的正義魔人到底有多病態？
原PO在臉書社團《爆怨2公社》表示公司有一個同事老家在屏東但是他是在臺北工作上周他住在屏東老家的父親過世因此從臺北回屏東奔喪畢竟父親過世作為子女的回家處理後事也屬正常。
沒想到他同事回到老家之後承受不少左鄰右舍的壓力因為左鄰右舍都知道他在臺北工作左鄰右舍竟大罵他是防疫破口甚至不客氣的說「把臺北的病毒帶來屏東想害死誰？」
原PO強調他同事自始至終都沒有染疫回故鄉奔喪也有做好個人防護質疑現在的正義魔人到底有多病態？難道自己父親過世做兒子的不能回家奔喪嗎？如果喪禮上沒出現是不是又要被罵不孝子？原PO詢問大家該同事到底該不該回去？
貼文一出引起熱議網友紛紛回應「不用理會那些只會嘴的三姑六婆」、「官方一直強調非必要不要返鄉父親就過世了這就是必要！必要！必要！」、「3+11都沒關系了守孝就是破口？」、「臺北工作何時變原罪不是在臺北每個人都陽性」。
有網友建議可以回去但不要搭乘大眾交通工具回去以後盡量不要出門或事先通報當地裡長或者村長有特殊原因不得已才回去並且最好在家裡自主健康管理14天以策安全。</t>
  </si>
  <si>
    <t>同事臺北回去父親奔喪過世網友老家po到底強調左鄰右舍工作回家表示想到質疑</t>
  </si>
  <si>
    <t>北漂男屏東奔喪父親過世正義魔人新冠肺炎</t>
  </si>
  <si>
    <t>奔喪正義父親過世肺炎</t>
  </si>
  <si>
    <t>竟是地主林東京身家檢疫居家</t>
  </si>
  <si>
    <t>新竹一名居家檢疫男「林東京」27日因居家檢疫失聯因多次修改居住地址讓防疫人員遲遲無法聯繫只好靠縣政府公告協尋。發現他竟到處「趴趴走」逼得新竹縣衛生局祭出重罰100萬元隨著尋獲本尊林東京身家也遭</t>
  </si>
  <si>
    <t>新竹檢疫居家修改衛生局居住地重罰祭出防疫人員遲遲無法公告聯繫只好縣政府林東京</t>
  </si>
  <si>
    <t>新竹一名居家檢疫男「林東京」27日因居家檢疫失聯因多次修改居住地址讓防疫人員遲遲無法聯繫只好靠縣政府公告協尋。發現他竟到處「趴趴走」逼得新竹縣衛生局祭出重罰100萬元隨著尋獲本尊林東京身家也遭起底父母竟是竹北大地主破億身家就此曝光。
根據《ettoday》指出因為新冠肺炎疫情影響林東京於2月25日自北京返台因從疫區返台需受規定在家居家檢疫14天但林男卻絲毫不遵守指示反而還跑到臺北「白沙灣」散心由於數度更正檢疫居家位址根據最後一次更改紀錄是在臺北萬華區防疫人員經家訪無法尋獲林東京本人透過警政機關協尋仍無本人蹤影。
起初北六家派出所員警不斷打電話給林男都無法順利連繫直到警方聯繫上林男家人後建議對林東京採取溫情勸說包括了林男的女友都加入喊話行列。透過不斷地簡訊、電話苦勸終於使林東京卸下心房說服他到派出所報到。
不過面對林男居家檢疫者卻到處「趴趴走」的行徑新竹縣衛生局決定將依《嚴重特殊傳染性肺炎防治及紓困振興特別條例》重罰他最高罰金100萬元希望能達到殺雞儆猴的作用也讓他成為因此法規受到重罰的首例。
沒想到藉由這齣「居家檢疫搞消失」鬧劇竟意外曝光了林東京的身家背景據瞭解林男父母是竹北地區的大地主身家上億而林東京本人打扮時髦曾赴日學習餐飲加上又是家中麼子受到許多寵愛可能也因此作風相當我行我素如今受到重罰也希望他能因此獲得教訓。</t>
  </si>
  <si>
    <t>林東京檢疫林男居家重罰身家無法受到東京肺炎聯繫不斷臺北透過父母曝光地主派出所希望新竹防疫</t>
  </si>
  <si>
    <t>林東京居家檢疫新竹重罰身家</t>
  </si>
  <si>
    <t>新竹居家檢疫重罰東京身家</t>
  </si>
  <si>
    <t>大利扣押希臘呼吸器攔截</t>
  </si>
  <si>
    <t>義大利新冠肺炎疫情嚴峻呼吸器等醫療設備相當缺乏羅馬當局早就禁止呼吸器出口現在傳出義大利近期扣押近2000台運往希臘的呼吸器。法新社報導義大利海關昨（24）日宣佈扣押1840台運往希臘的呼吸器。官員</t>
  </si>
  <si>
    <t>呼吸器大利扣押運往希臘相當設備嚴峻缺乏羅馬醫療當局早就疫情禁止肺炎出口現在傳出海關近期宣佈報導法新社</t>
  </si>
  <si>
    <t>義大利新冠肺炎疫情嚴峻呼吸器等醫療設備相當缺乏羅馬當局早就禁止呼吸器出口現在傳出義大利近期扣押近2000台運往希臘的呼吸器。
法新社報導義大利海關昨（24）日宣佈扣押1840台運往希臘的呼吸器。官員表示這些呼吸器包含輸送氧氣的氣閥、面罩以及導管成人及小孩都適用他們主要是從一輛卡車上攔截這批呼吸器。
截至24日義大利有超過64000人感染新冠肺炎逾6000人喪命義大利成為全球疫情中心如海嘯般的患者湧入醫院當地醫療體系近乎崩潰醫療設備嚴重缺乏義大利早於上月25日就宣佈禁止呼吸器出口。
不過因為醫療設備缺乏而發生的悲劇仍不斷上演一名義大利神父在放棄使用呼吸器後喪命。英國《每日郵報》（Daily Mail）報導義北倫巴底地區高齡72歲的神父貝拉爾代利（Giuseppe Berardelli）因感染新冠肺炎住進醫院他的教徒聞訊後贈送一台呼吸器不過貝拉爾代利最後決定將呼吸器捐給另一名他並不認識的年輕病患年輕的新冠患者被認為有較高的存活率貝拉爾代利近日不幸過世。</t>
  </si>
  <si>
    <t>呼吸器大利貝拉爾代利醫療設備缺乏神父醫院患者報導肺炎喪命疫情禁止出口宣佈運往感染扣押希臘年輕導管</t>
  </si>
  <si>
    <t>波輪陳時中bnt</t>
  </si>
  <si>
    <t>93萬劑BNT疫苗今天清晨抵台12到17歲青少年是首批開打對象18至22歲為第二批優先外界相關關心下一批會開放哪個年齡層中央流行疫情指揮中心指揮官陳時中表示先把第一波做完整下一波會再做討論。截至今天下</t>
  </si>
  <si>
    <t>今天青少年物件優先外界指揮中心疫情指揮官相關流行陳時中表示關心中央年齡層開放清晨討論</t>
  </si>
  <si>
    <t>93萬劑BNT疫苗今天清晨抵台12到17歲青少年是首批開打對象18至22歲為第二批優先外界相關關心下一批會開放哪個年齡層中央流行疫情指揮中心指揮官陳時中表示先把第一波做完整下一波會再做討論。
截至今天下午1點的指揮中心最新意願登記統計共有335萬3928人想打BNT疫苗其中24萬3131人一心一意只想打BNT未選擇其他品牌的疫苗。
有40多歲民眾反映想要打mRNA疫苗之前就登記了莫德納但一直等不到現在看到BNT來了卻先給年輕人打似乎落得兩頭空。對此陳時中回應無法保證接下來的到貨量會比現在大所以將來還是會照著年齡層開放；不會讓中間永遠放在那個地方不過現在怎麼安排最恰當也很抱歉讓大家久等。
至於如何按照年齡層開放會從年輕還是年長的人先開放？陳時中說：「容我們規劃完再跟大家報告。」
另外有大學教授不滿BNT讓學生先打教授卻不能打希望開放大學教職員也修先施打。陳時中僅表示「我們也希望讓教授能夠打」。
首批BNT疫苗抵台後需要14天時間封緘檢驗但過去莫德納僅10天就放行對此陳時中說明檢驗封緘有一定的標準標準品先來的話就可以先做第二批如果沒有問題時間就會比較短。
有家長反映有本國籍孩子長年在國外讀書近期返台後因為無國內學籍家長擔心該如何打疫苗。陳時中表示12到18歲青少年大部分都在學校但也有一些自學或輟學的青少年會另外處理都會讓他們有機會可以打但都希望有監護人或家長同意。</t>
  </si>
  <si>
    <t>陳時中疫苗bnt開放現在表示家長希望青少年年齡層登記時間中心指揮對此檢驗莫德納</t>
  </si>
  <si>
    <t>BNT陳時中青少年下波年齡層</t>
  </si>
  <si>
    <t>青少年陳時中bnt年齡層</t>
  </si>
  <si>
    <t>環南病毒基因北農有關delta出爐</t>
  </si>
  <si>
    <t>環南市場在7月2日驗出41位PCR陽性確診者後即休市3日並進行大範圍清消今(6)日為復市首日臺北市長柯文哲、副市長黃珊珊、衛福部長陳時中以及前進指揮所指揮官王必勝今早均於現場視察陳時中表示北農與環南市</t>
  </si>
  <si>
    <t>陳時中pcr視察確診陽性現場進行柯文哲部長衛福黃珊珊市長王必勝指揮官前進指揮所複市臺北市</t>
  </si>
  <si>
    <t>環南市場在7月2日驗出41位PCR陽性確診者後即休市3日並進行大範圍清消今(6)日為復市首日臺北市長柯文哲、副市長黃珊珊、衛福部長陳時中以及前進指揮所指揮官王必勝今早均於現場視察陳時中表示北農與環南市場的基因定序結果顯示為英國變種病毒株為主和南部Delta群聚應該是沒有關聯性。
陳時中指出環南篩檢站昨日對市場周遭做篩檢964人其中陽性3人不過2人是舊案新案1人初步疫調為批貨者而非攤商環南篩檢站在市場今早復市後篩檢站會移至鄰近的雙園國中繼續執行採檢工作7月8日會再展開一次大規模採檢且三市場開始實施工作人員憑數位PCR陰性證明入場之措施過程順利秩序良好人員降載50%也沒有問題。
此外北農環南市場群聚的基因定序也做了基本上以英國變種病毒株為主和南部Delta群聚應該是沒有關聯性。
指揮中心訂定之環南市場復市的六大條件包含進場查驗PCR陰性證明、固定工作人員必須佩戴口罩及面罩、降載人流至原先50%、進行各樓層動線分流、各攤位工作者實名登錄以及落實工作人員健康監測。
另根據最新統計北農第一果菜市場(萬大市場)確診人數97人、第二果菜市場(濱江市場)確診人數23人環南市場截至昨日110人確診總計確診人數為230人其中環南市場接觸者匡列291人居家隔離人數為276人。</t>
  </si>
  <si>
    <t>市場環南確診pcr複市北農人員沒有進行陳時中人數證明陰性</t>
  </si>
  <si>
    <t>環南市場群聚Delta基因定序PCR</t>
  </si>
  <si>
    <t>基因delta南市pcr</t>
  </si>
  <si>
    <t>全台麻痹嘴唇嚴重過敏az個案</t>
  </si>
  <si>
    <t>中央流行疫情指揮中心今天公佈1例接種AZ疫苗發生疑似嚴重過敏反應個案為一名50多歲女性4月6日施打AZ疫苗10分鐘後出現嘴唇、舌尖麻痺、腫脹等症狀被食藥署ADR中心改判為疑似嚴重過敏個案但指揮中心發言人莊人</t>
  </si>
  <si>
    <t>中心az疫苗指揮個案過敏嚴重腫脹麻痹症狀今天舌尖嘴唇出現公佈adr接種改判女性反應</t>
  </si>
  <si>
    <t>中央流行疫情指揮中心今天公佈1例接種AZ疫苗發生疑似嚴重過敏反應個案為一名50多歲女性4月6日施打AZ疫苗10分鐘後出現嘴唇、舌尖麻痺、腫脹等症狀被食藥署ADR中心改判為疑似嚴重過敏個案但指揮中心發言人莊人祥強調個案雖然有發生噁心、發熱、發紅、呼吸喘等症狀透過抗過敏藥物治療後已有明顯好轉。截至目前AZ接種人數累計3萬2450人。
莊人祥表示國內AZ疫苗開打後目前累積3例疑似嚴重過敏個案今公佈的個案原先被歸類為非嚴重個案但經食藥署判定後認為與過敏有關因此近日已改列疑似嚴重過敏個案。
此外莊人祥也指出上週末共新增24例AZ疫苗不良事件通報其中有1例被列為嚴重不良事件一名20多歲女性注射AZ後出現疲倦、四肢痠痛、畏寒、發燒、關節痛等症狀目前已經好轉。
為了讓自費民眾到醫院後都能順利打到AZ疫苗莊人祥表示上周已與醫院與衛生所溝通將1瓶多劑量型AZ疫苗人數從湊足10人放寬至8人就可接種。莊人祥解釋我國採購的AZ疫苗為每瓶10人份但許多醫院礙於湊不滿10人始終無法開打因此在上周決議予以放寬但若是當日最後一瓶AZ疫苗則至少要打完6人。
至於今日有多家醫院傳出AZ疫苗自費接種門診預約額滿莊人祥指出還是要看實際開打後會有多少人施打這部分還有待觀察目前供應自費市場的一萬劑主要是提供5千人施打只要接下來有超過5千人預約就會再評估釋出更多AZ疫苗。
衛福部長陳時中上午在立院指出若接下來AZ疫苗一次到貨量太大就會拒收對此莊人祥解釋若疫苗一次到貨量太大在短期內無法立刻施打完或是即將到貨的疫苗效期太短就會與業者協調分批運送或請業者提供更長效期的產品因應並不是拒收疫苗。</t>
  </si>
  <si>
    <t>疫苗az莊人祥目前嚴重個案接種醫院症狀過敏指出自費中心到貨提供無法</t>
  </si>
  <si>
    <t>AZ疫苗疑似嚴重過敏反應不良反應新冠肺炎</t>
  </si>
  <si>
    <t>嚴重反應過敏不良反應疫苗az肺炎</t>
  </si>
  <si>
    <t>個案就醫老婦本土確診ct北市曝光</t>
  </si>
  <si>
    <t>本土零確診再度破功！繼中研院女助理（案16816）染疫後臺北市一名8旬老婦人今證實確診。她日前因身體不適自行到醫院就醫採檢後確診。初步瞭解這名老婦不常出門大部分時間都待在家裡足跡相對單純目前匡</t>
  </si>
  <si>
    <t>確診老婦足跡待在家裡時間出門相對中研院不常助理瞭解自行不適醫院身體日前初步臺北市就醫證實</t>
  </si>
  <si>
    <t>本土零確診再度破功！繼中研院女助理（案16816）染疫後臺北市一名8旬老婦人今證實確診。她日前因身體不適自行到醫院就醫採檢後確診。初步瞭解這名老婦不常出門大部分時間都待在家裡足跡相對單純目前匡列3名家人居家隔離。
個案Ct值也出爐為399研判應為舊案。據指出該名老婦與中研院女助理、北市中正區防疫旅館房客確診經調查後無關聯細節將待臺北市衛生局整理後統一對外發布。</t>
  </si>
  <si>
    <t>確診老婦中研院助理整理家人居家匡列隔離目前個案單純ct臺北市衛生局相對足跡待在家裡出爐細節時間關聯出門</t>
  </si>
  <si>
    <t>8旬老婦確診染疫本土新冠肺炎</t>
  </si>
  <si>
    <t>本土確診老婦肺炎</t>
  </si>
  <si>
    <t>確診接觸縣府破蛋肺炎單純東新驚慌</t>
  </si>
  <si>
    <t>新冠肺炎疫情持續延燒屏東縣出現首例確診案例疾管署各縣市確診地圖原本確診數為0的屏東縣。增為1例確診為境外移入個案目前收治於縣內負壓隔離病房治療中。縣府21日下午也召開「屏東縣疫情指揮中心會議」</t>
  </si>
  <si>
    <t>東縣確診疫情持續隔離病房收治治療目前縣府個案召開首例下午出現境外管署案例</t>
  </si>
  <si>
    <t>新冠肺炎疫情持續延燒屏東縣出現首例確診案例疾管署各縣市確診地圖原本確診數為0的屏東縣。增為1例確診為境外移入個案目前收治於縣內負壓隔離病房治療中。縣府21日下午也召開「屏東縣疫情指揮中心會議」縣長潘孟安指示縣府24小時待命防疫。
屏東縣出現首例確診個案在屏東的地方網路社群上引發一陣騷動哀嚎「屏東縣也淪陷了！」縣府衛生局表示該案例無社區活動史接觸史相對單純目前縣內各項防護措施都已啟動呼籲民眾不需過度恐慌。
截至22日上午屏東縣居家檢疫有656人縣府表示防疫旅館已整備待命提供居家檢疫者家屬居住讓需要居家檢疫的家庭有更多的選擇。縣府21日再次召開「屏東縣疫情指揮中心會議」由縣長潘孟安主持指示縣府24小時待命防疫。
為了擴大醫療服務及防疫量能縣府於屏北、屏中及屏南地區共指定14家急救責任醫院擔任社區採檢點進行篩檢任務避免個案集中大醫院造成醫療量能壅塞及院內感染風險增加。另外為提升疑似病患就醫分流機制及輕症病人就地治療急救責任醫院將進行專責病房開設及相關整備作業。
縣府也呼籲居家檢疫或居家隔離民眾都應確實遵守各項規定切勿心存僥倖擅離處所以免觸法受罰。也感謝配合居家檢疫、居家隔離民眾與政府共同努力為疫情設下防線。</t>
  </si>
  <si>
    <t>縣府東縣居家檢疫個案醫院疫情民眾確診待命防疫進行治療案例整備急救目前責任呼籲表示醫療</t>
  </si>
  <si>
    <t>新冠肺炎屏東確診境外移入負壓隔離病房</t>
  </si>
  <si>
    <t>確診境外肺炎隔離病房</t>
  </si>
  <si>
    <t>開放演唱會驚喜少年團全球粉絲防彈bts</t>
  </si>
  <si>
    <t>先前傳出許多偶像歌手和團體的演唱會因疫情關係紛紛喊停連世界級天團BTS防彈少年團也不例外在南韓當地4場演唱會取消外北美洲巡迴也延期；但日前BTS卻給全球粉絲大禮決定要在18、19日連2天辦線上演唱會。防</t>
  </si>
  <si>
    <t>先前 傳出 許多 偶像 歌手 和 團體 的 演唱會 因 疫情 關係 紛紛 喊停 連 世界級 天 團 bts 防彈 少年團 也 不 例外 在 南韓 當地 4 場 演唱會 取消 外 北美洲 巡迴 也 延期 但 日前 bts 卻 給 全球 粉絲 大禮 決定 要 在 1819 日 連 2 天 辦 線 上 演唱會 防</t>
  </si>
  <si>
    <t>演唱會bts團體疫情決定關係大禮粉絲紛紛全球喊停日前歌手防彈延期少年團北美洲例外南韓取消當地巡迴</t>
  </si>
  <si>
    <t>先前傳出許多偶像歌手和團體的演唱會因疫情關係紛紛喊停連世界級天團BTS防彈少年團也不例外在南韓當地4場演唱會取消外北美洲巡迴也延期；但日前BTS卻給全球粉絲大禮決定要在18、19日連2天辦線上演唱會。
防彈少年團9日晚上在官方推特發文驚喜宣佈要舉辦「線上演唱會」並分享參與活動詳細訊息；原本防彈少年團分別在11、12、18和19日4天要在首爾奧林匹克主競技場開唱但因為新冠肺炎疫情影響全部取消而海外場次則延期。
不過防彈少年團寵粉出名不想讓粉絲們期待落空決定於18、19日在官方YouTube頻道舉辦線上演唱會讓大家不用出門也能追星並表示會放映他們出道的心路歷程；目前官方推特僅透露演唱會開始時間詳細觀看規定仍待官方公告。
線上演唱會消息一推出全球粉絲都瘋狂紛紛熱情轉推各國粉絲還主動翻譯訊息讓在地人都看得懂相約一起線上追星。</t>
  </si>
  <si>
    <t>演唱會官方粉絲防彈少年團疫情取消延期訊息詳細紛紛bts全球決定舉辦團體</t>
  </si>
  <si>
    <t>防彈少年團BTS演唱會粉絲官方推特</t>
  </si>
  <si>
    <t>粉絲演唱會bts官方少年團防彈</t>
  </si>
  <si>
    <t>旅遊業陸客大蔓延損失疫情</t>
  </si>
  <si>
    <t>日本預測期間月末國際聯合國今年民航截至組織icao產業發表旅遊資料顯示減少肺炎疫情大幅不斷蔓延遊客大陸損失預計報導</t>
  </si>
  <si>
    <t>國際民航預測組織大陸疫情公司航空減少影響聯合國日本航線icao肺炎遊客期間月末大幅顯示預計損失今年日圓截至產業旅遊</t>
  </si>
  <si>
    <t>全球肺炎組織民航日本國際疫情</t>
  </si>
  <si>
    <t>葡萄防疫捐贈機能飲料</t>
  </si>
  <si>
    <t>葡萄王(1707)在新冠肺炎一開始即提供一線防疫人員生技營養品4月中更是擴大捐贈機能飲料給全台疫情較嚴峻的重度收治醫院包含17間醫學中心及14間區域醫院；同時配合地方政府居家檢疫及隔離政策提供機能飲料給居</t>
  </si>
  <si>
    <t>提供醫院機能飲料肺炎開始一線防疫人員配合營養品收治地方月中隔離政策政府嚴峻更是擴大居家捐贈檢疫全台疫情</t>
  </si>
  <si>
    <t>葡萄王(1707)在新冠肺炎一開始即提供一線防疫人員生技營養品4月中更是擴大捐贈機能飲料給全台疫情較嚴峻的重度收治醫院包含17間醫學中心及14間區域醫院；同時配合地方政府居家檢疫及隔離政策提供機能飲料給居家檢疫及隔離民眾健康補給落實疫情期間社會關懷與企業責任。
葡萄王指出在台灣疫情開始即提供市值超過100萬元、4800瓶葡眾樟芝益菌絲體生技營養品並陸續提供6000瓶獲抗疲勞認證的黃金康貝特能量飲料給全臺北中南的重點防疫醫院及4800瓶Power BOMB爆能能量飲料作為桃園市政府第一線防疫人員物資希望透過營養品補給品與能量飲料與為防疫前線人員與醫護補充能量。
葡萄王生技董事長曾盛麟說目前疫情擴及全球台灣防疫能如此成功仰賴醫護人員的努力希望所有醫護與前線人員在繁忙之餘更要照顧自己的健康。葡萄王提供營養品與能量飲料盼藉此照顧前線人員的健康與體力讓葡萄王成為防疫最堅強的後盾。</t>
  </si>
  <si>
    <t>防疫飲料能量疫情提供葡萄人員營養品醫院健康前線臺灣希望照顧醫護機能開始檢疫居家配合收治地方嚴峻</t>
  </si>
  <si>
    <t>全台葡萄王營養品能量飲料新冠肺炎</t>
  </si>
  <si>
    <t>能量營養品飲料葡萄肺炎全台</t>
  </si>
  <si>
    <t>延長處境無限崩潰封城大哭宣佈看不見大馬未來</t>
  </si>
  <si>
    <t>新冠肺炎全球肆虐世界各國老早疫情整得天翻地覆馬來西亞就是其一且自出現疫情至今狀況都沒能好轉始終維持在每天6千確診數左右而政府在第一時間就宣佈了全面封鎖令但因情況始終不明朗日前又宣佈全國</t>
  </si>
  <si>
    <t>始終疫情宣佈肆虐世界老早整得不明朗天翻地覆全球情況出現至今狀況好轉沒能封鎖維持全面確診政府第一時間日前肺炎馬來西亞</t>
  </si>
  <si>
    <t>新冠肺炎全球肆虐世界各國老早疫情整得天翻地覆馬來西亞就是其一且自出現疫情至今狀況都沒能好轉始終維持在每天6千確診數左右而政府在第一時間就宣佈了全面封鎖令但因情況始終不明朗日前又宣佈全國封鎖無限期延長除非確診數降到4千、接種疫苗全國人數達10%否則不會鬆綁這讓定居該處的金馬影后李心潔忍不住崩潰在2個孩子面前痛哭。
事實上李心潔居家防疫已經1年多而6月初馬來西亞政府終究是宣佈全國封鎖當時李心潔還po文自我鼓勵要好好待在家「和孩子們學習如何把24小時黏在一起的苦與樂」不料7/2大馬政府又宣佈「全國封鎖措施無限延長」讓她難以承受。
據《聯合報》報導李心潔防疫在家一打二一直以來都堅強撐著但眼見解禁遙遙無期坦言狀況嚴重到「看不見未來」自己又得一肩扛起持家重擔她某天突然撐不住了在兒子面前崩潰落淚說出自己很累而孩子們靜靜地看著「第一次意識到他們媽媽也會累」。
李心潔透露在她大崩潰後如今已先將孩子託付給家裡長輩照顧獨自靜坐、念經體會「以靜治(制)動」讓心情安定下來如今已找回正向積極態度笑言現在無論孩子如何調皮「我都能把他們安定下來讓天下太平」而因為疫情禁令大馬許多民眾的生活陷入困頓民間發起白旗計畫鼓勵有困難的人將白旗掛在門上尋求協助向來熱心公益的李心潔也響應在臉書上轉貼相關文章呼籲大家一起幫忙一同挺過難關。</t>
  </si>
  <si>
    <t>孩子李心潔全國封鎖宣佈疫情崩潰一起鼓勵白旗狀況在家始終防疫如今</t>
  </si>
  <si>
    <t>李心潔馬來西亞全國封鎖無限期延長新冠肺炎</t>
  </si>
  <si>
    <t>無限期延長封鎖全國馬來西亞肺炎李心潔</t>
  </si>
  <si>
    <t>確診回歸校正活動苗栗縣</t>
  </si>
  <si>
    <t>中央疫情流行指揮中心24日公佈國內新增新冠肺炎本土確診病例校正回歸部分苗栗縣出現2例確症其中案4905住在三灣鄉近期並無出國史5月20日發現身體不適連續3日都未外出23日確診案4906則住在造橋是一名</t>
  </si>
  <si>
    <t>確診中心公佈國內新增國史肺炎本土苗栗縣病例校正回歸部分出現三灣鄉近期指揮連續不適身體</t>
  </si>
  <si>
    <t>中央疫情流行指揮中心24日公佈國內新增新冠肺炎本土確診病例校正回歸部分苗栗縣出現2例確症其中案4905住在三灣鄉近期並無出國史5月20日發現身體不適連續3日都未外出23日確診案4906則住在造橋是一名業務員有萬華活動史曾自行開車前往桃園、宜蘭等地拜訪客戶21日就醫急診後23日確診衛生局已匡列接觸者共14人實施居家隔離中。
中央疫情流行指揮中心24日所公佈本土確診病例校正回歸中苗栗新增2例案4905是53歲男性家住三灣同住有10名家人目前縣府衛生局所公佈的疫調足跡非當簡單僅指他於5月17日至19日間除上班外未外出5月20日至22日因身體不適未外出23日上午10點至1點30分曾赴永和山水庫散步全程都有配戴口罩。
案4906則是63歲男性4名家人同住從5月18日起至20日止曾自行開車分別至桃園南崁、桃園觀音、宜蘭冬山等3地拜訪客戶21日因身體不適赴苗栗某醫院急診22日在家未門23日確診。
衛生局獲報立即啟動疫調、採檢及清消等防疫工作並安排確診者進入醫院負壓病房收治中目前已掌握同住接觸者共14人都予居家隔離及採檢中。其餘接觸者及足跡正擴大調查中。</t>
  </si>
  <si>
    <t>確診衛生局公佈接觸醫院新增身體外出不適足跡急診自行目前客戶開車</t>
  </si>
  <si>
    <t>新冠肺炎台灣校正回歸確診苗栗縣</t>
  </si>
  <si>
    <t>臺灣校正回歸肺炎確診苗栗縣</t>
  </si>
  <si>
    <t>可以醫師疫苗打完告訴</t>
  </si>
  <si>
    <t>近日台灣疫情趨緩疫苗也持續拚接種率不過民眾對於防疫、新冠疫苗相當謹慎的優點也出現了不少「打完疫苗能不能ＸＸ」的疑問。例如打完疫苗能不能運動、能不能打手槍、能不能喝酒等。對此胸腔內科暨重症醫學黃軒</t>
  </si>
  <si>
    <t>疫苗不能打完胸腔對此喝酒內科持續拼接民眾對於防疫相當謹慎出現重症優點疫情手槍運動疑問xx例如</t>
  </si>
  <si>
    <t>近日台灣疫情趨緩疫苗也持續拚接種率不過民眾對於防疫、新冠疫苗相當謹慎的優點也出現了不少「打完疫苗能不能ＸＸ」的疑問。例如打完疫苗能不能運動、能不能打手槍、能不能喝酒等。對此胸腔內科暨重症醫學黃軒醫師逐一為大家解惑！
●打完疫苗可以「揉、壓注射點」嗎？
對此黃軒醫師表示不用。以往打其他疫苗許多時候醫護人員可能會提醒揉按一下主要是因為劑量相較較高通常約3~5cc藉揉按的方式達擴散的效果避免集中。不過新冠疫苗劑量較低約在03~05cc不需要特別做此動作。另一方面注射點也是一種傷口雖新冠疫苗的注射點非常小但若手部不清潔一樣有造成細菌感染的風險即便機率不高還是需留意。
●打完疫苗可以「運動、打球」嗎？
對於這點黃軒醫師表示不建議不過也視情況。主要看是否為激烈運動像是打球、跑步、拳擊、重訓等就不大建議但散步等較輕鬆的運動還是可以視個人情況斟酌。原因在於較激烈的運動後身體難免會有許多不適例如喘、肌肉痠痛等打完疫苗後就開始運動身體的不適恐難以辨別是疫苗的副作用、不良反應、還是因為運動所致。因此建議先停個兩、三天這也不會影響到個人長久的運動習慣。
●打完疫苗可以「打手槍/自慰/性愛」嗎？
此問題在黃軒醫師的粉專上意外的相當多人詢問不過確實也是個相當重要的問題值得重視。對此黃軒醫師表示可以不論男女新冠疫苗對這些行為都不會有所影響也不會讓疫苗失效疫苗不會藉此排出體外。不過還是有需要留意的地方如前述避免太過激烈的行為以免身體痠痛、疲憊等不適無法辨別是疫苗引起或是性行為引起。
●打完疫苗可以「喝酒」嗎？
對此黃軒醫師表示不建議若要喝可淺酌。除了酒精性飲品本身就不利身體健康有礙免疫力主要也包括了喝酒往往都會頭暈、頭痛、宿醉等這些情況出現也會讓人難以辨別、忽略了疫苗可能帶來的副作用或不良反應會讓自己置身於風險當中。因此若真的要喝建議避免超過1個shot杯淺酌即可。
●打完疫苗可以「喝咖啡、茶」嗎？
對於這點黃軒醫師表示是可以的不必對疫苗特別侷限疫苗和咖啡不會有所影響。不過還是要提醒民眾酌量留意咖啡因每日的攝取上限不可過多咖啡因過多也可能造成心悸到時就有可能造成身體不適也可能難以辨別是否為疫苗所引起。
●打完疫苗可以「做醫美」嗎？
隨自由意識抬頭現代人不必在意別人的眼光可以適度讓自己變得更近於自己喜歡的樣貌醫美也相當受歡迎。對於新冠疫苗黃軒醫師表示可以但建議審慎評估並和醫師討論。以大方向來說原因在於身體對外來物的排斥如玻尿酸較容易讓身體有明顯的免疫反應雖通常危險性低但一樣可能造成發炎、腫脹等情況對部分較注重隱私的民眾而言就有可能「洩底」而此情況在６個月左右一樣可能會出現。因此不論疫苗或醫美何者為先前後可間隔一些時間建議4~8周並經醫師評估進行。若在進行醫美後輪到接種疫苗就在醫師評估可行後盡早接種。
●打完疫苗可以「打其他疫苗」嗎？
對此黃軒醫師表示可以但需間隔時間並和醫師討論。以CDC建議為7日而以往建議普遍為14日民眾可做參考。主要原因在於各疫苗施打目的都是在於提升抗體、免疫力多會有相關的副作用出現若沒間隔時間雖疫苗之間通常不會互相影響但也容易難以分辨當下的副作用起因為哪支疫苗所起。
●打完疫苗可以「熬夜」嗎？
對此黃軒醫師表示相當不建議一方面熬夜本就是個不利於身體健康的行為另一方面熬夜如前述幾個例子一樣身體容易因為疲勞、頭暈等不適使得不易辨識當下的情況是否為疫苗的副作用。因此不論是施打前後都不建議熬夜應早點休息為佳平日也建議最好還是調整回正常作息。
●打完疫苗可以「吃藥/中藥」嗎？
藥物不盡相同黃軒醫師提醒務必和醫師討論並遵照醫囑。以慢性病藥物來說如糖尿病、高血壓等病情需受到穩定的控制施打完疫苗後一般而言自然是要繼續規律的服藥以避免情況惡化甚至發生性命危險。中藥方面常見的科學中藥普遍不會有所影響但為防範於未然一樣需要與中醫師討論以確保安全。
●打完疫苗可以吃「保健品/營養食品」嗎？
對此黃軒醫師表示可以但一樣要酌量、注意來源、品質。一般而言不論是保健品或營養食品都並非為藥物可視為如食物般的額外營養補充對身體的直接影響並不大。不過若是來源不明、使用偏方、品質不佳者就有很多的不確定風險存在可能造成身體負擔或不可預期的情況這不論是否在施打疫苗後都需注意。</t>
  </si>
  <si>
    <t>疫苗可以打完醫師建議身體黃軒情況運動可能影響相當避免表示民眾副作用不適</t>
  </si>
  <si>
    <t>今健康黃軒新冠疫苗新冠肺炎疫苗</t>
  </si>
  <si>
    <t>疫苗健康黃軒肺炎</t>
  </si>
  <si>
    <t>出事疫苗保單金管會承保</t>
  </si>
  <si>
    <t>打新冠肺炎若出問題將有保單可理賠。保險局局長施瓊華22日在立法院財委會透露已有一、二家產險公司正在設計疫苗醫療費用保險即被保險人若因施打新冠肺炎疫苗出現問題相關醫療費用將有保單可承保金管會將會</t>
  </si>
  <si>
    <t>疫苗費用醫療肺炎問題保單瓊華法院財委會局長透露保險局理賠產險公司施打新設計保險被保險人</t>
  </si>
  <si>
    <t>打新冠肺炎若出問題將有保單可理賠。保險局局長施瓊華22日在立法院財委會透露已有一、二家產險公司正在設計疫苗醫療費用保險即被保險人若因施打新冠肺炎疫苗出現問題相關醫療費用將有保單可承保金管會將會盡速審查讓其問市。
衛福部引進的新冠肺炎疫苗將開始施打但因為國外有部分民眾施打後出現不適症狀恐影響國內民眾的施打意願。
立委賴士葆詢問這種情況是否有保單承保時施瓊華表示已有產險公司正在加速研發供一般民眾投保若因施打新冠肺炎疫苗出現身體不適衍生的相關醫療費用將由保單理賠但因仍在設計中因此確切的承保內容、保費乃未確定。</t>
  </si>
  <si>
    <t>疫苗承保保單民眾肺炎施打費用出現醫療設計不適理賠產險公司問題施打新相關內容確切保費審查</t>
  </si>
  <si>
    <t>保單施打承保將有新冠肺炎疫苗</t>
  </si>
  <si>
    <t>承保肺炎施打疫苗保單</t>
  </si>
  <si>
    <t>雙北多高雄分配疫苗時中再說明az</t>
  </si>
  <si>
    <t>日本捐贈124萬劑AZ疫苗日前完成檢驗封緘也已配發到各縣市施打然而身為重災區的雙北所配發到的疫苗卻比高雄來得少遭疑「大小眼」中央流行疫情指揮中心指揮官陳時中表示配發給各縣市的疫苗中包含國軍專案的</t>
  </si>
  <si>
    <t>疫苗各縣市配發日前完成流行疫情中央指揮中心指揮官大小發給檢驗陳時中表示來得高雄雙北</t>
  </si>
  <si>
    <t>日本捐贈124萬劑AZ疫苗日前完成檢驗封緘也已配發到各縣市施打然而身為重災區的雙北所配發到的疫苗卻比高雄來得少遭疑「大小眼」中央流行疫情指揮中心指揮官陳時中表示配發給各縣市的疫苗中包含國軍專案的施打疫苗並非算在目標接種對象群也因為雙北是高風險區所以疫苗上才加發75歲以上10%中高風險5% 。
陳時中表示這兩天針對各縣市疫苗配發的數目有些爭議例如為何高雄分到的比雙北多因為每個縣市情況都不同前一波雙北已經開放1、2、3類的人施打其他縣市只有開放第一類施打。
再者高雄拿到的8萬劑加上1萬多劑那1萬多劑是直接要給國軍施打的而是給高雄施打其次臺北市說配發到7萬劑有12萬是中央掌控其實並非中央掌控而是因為中央政府機關很多在臺北市那些工作人員還是歸在臺北的住民當中不是說只有中央能用地方還是放在整體分配量裡來使用。
陳時中說以桃園為例桃園可能會說桃園機場裡有很多疫苗的需求所以算在桃園配發到的量中並不公平但是機場裡也有不少桃園住民當中1、2、3類的我們也都有設算到裡面在此澄清。
中央有中央扣留的第7類就不會算在地方的量裡面軍人就沒有放在各縣市的量但會先發下去無論如何雙北還是風險區所以疫苗加發75歲以上10%中高風險5% 。
媒體問到很多縣市首長反映緊急配發第一劑AZ疫苗時地方政府都沒有被即時告知一般民眾施打的疫苗量也應該分開撥配資訊才能更透明指揮中心怎麼看？
陳時中回應配發量現在已經很透明6月17日就會陸續往下配送讓大家有充分的量可以及早準備另外接種量和到貨時間都很緊迫很難去掌握進貨的時間和量只能盡一切可能讓大家知道6月4日進來封緘檢驗一到兩周時大家都知道有124萬劑也馬上訂出1到6類的目標接種對象群。
陳時中指出6月9日有和各衛生局視訊討論希望能擴大施打量能目標一周能施打100萬劑請各地方的醫療機構、社區接種以及外展服務等提早做好準備希望各縣市先掌握一個基礎的施打量之後就能算出一天可以施打多少如果疫苗量不是很多就不用火力全開可以分配到多天來施打。
陳時中強調有些縣市宣稱兩三天就要打完這樣會讓大家壓力很大我們希望快但不要緊迫還是要根據工作量能做最適當的分配。</t>
  </si>
  <si>
    <t>疫苗配發施打各縣市中央時中地方接種希望雙北</t>
  </si>
  <si>
    <t>施打配發疫苗台灣新冠肺炎</t>
  </si>
  <si>
    <t>疫苗臺灣配發施打肺炎</t>
  </si>
  <si>
    <t>國際戴祖雄聲援王斯官靈芝民眾樂團董事長家中</t>
  </si>
  <si>
    <t>新冠肺炎全球蔓延第一線醫護人員之前在網路發起「i stay at work for you you stay at home for us」呼籲民眾多待在家中引起好萊塢眾多藝人響應由演員凱文貝肯發起名為「#IStayHomeFor」的Hashtag活動包</t>
  </si>
  <si>
    <t>發起stayforat蔓延第一線名為醫護人員之前凱文貝肯網路演員回應好萊塢藝人引起家中民眾全球呼籲us#istayhomeforhome肺炎hashtagwork活動</t>
  </si>
  <si>
    <t>新冠肺炎全球蔓延第一線醫護人員之前在網路發起「i stay at work for you you stay at home for us」呼籲民眾多待在家中引起好萊塢眾多藝人響應由演員凱文貝肯發起名為「#IStayHomeFor」的Hashtag活動包括影星蜜雪兒菲佛史嘉蕾喬韓森、達珂塔芬妮、歌手瑪麗亞凱莉、艾爾頓強等人陸續參與台灣娛樂圈近日則有董事長樂團貝斯手大鈞、八十八顆芭樂籽主唱阿強、金曲客語歌後官靈芝、音樂製作人王爺（王斯禹）以及戴祖雄等人相繼響應盼為疫情風暴盡一己之力。
董事長樂團貝斯手大鈞配合防疫目前公開演出都已暫緩或取消長時間待在家裡他靠自組模型打發時間趁此機會重拾興趣。正在台灣居家自主健康管理的戴祖雄則每日透過直播與家人、粉絲問好他還大方示範運動、分享下廚與護膚的等經驗只是自主管理第二天他到家附近藥局買口罩卻被網友抨擊怎能出門他為此特別開直播解釋「居家自主健康管理」並強調外出絕對有遵守台灣相關規定且全程戴口罩。
曾擔任鄭秀文、李玟、張信哲、徐若瑄等巨星音樂製作人王爺（王斯禹）身兼洛客班樂團主唱2004年洛客班搭配電影「17歲的天空」超夯主題曲《我想你的快樂是因為我》發行至今唯一一張專輯「人生證明」原定規劃出道15周年復出的洛客班因為成員各自忙碌而計畫不斷順延趁此機會開始投入新歌創作希望今年年底有新作品問世。</t>
  </si>
  <si>
    <t>臺灣洛客班樂團自主管理發起趁此機會口罩回應直播戴祖雄時間手大貝斯董事長居家健康音樂forstayat製作</t>
  </si>
  <si>
    <t>董事長樂團王斯禹戴祖雄洛客班官靈芝</t>
  </si>
  <si>
    <t>戴祖雄王斯樂團洛客班董事長官靈芝</t>
  </si>
  <si>
    <t>反彈疫情國際國內防範輸入風險習近平</t>
  </si>
  <si>
    <t>大陸國家主席、中共中央總書記習近平今日召開政治局常務委員會議時指出在全國上下和廣大人民群眾共同努力下全國疫情防控形勢持續向好、生產生活秩序加快恢復但也面臨境外疫情擴散及其對世界經濟產生不利影響的</t>
  </si>
  <si>
    <t>疫情總書記習近平今日世界召開擴散政治局常務委員會議境外指出中共中央全國上下面臨人民加快秩序群眾恢復生活共同努力生產向好全國持續形勢</t>
  </si>
  <si>
    <t>大陸國家主席、中共中央總書記習近平今日召開政治局常務委員會議時指出在全國上下和廣大人民群眾共同努力下全國疫情防控形勢持續向好、生產生活秩序加快恢復但也面臨境外疫情擴散及其對世界經濟產生不利影響的問題。國內疫情反彈風險依然存在特別是國際疫情快速蔓延帶來的輸入性風險增加。
據《新華社》報導習近平3月18日召開政治局常委會會議分析國內外新冠肺炎疫情防控和經濟形勢研究部署統籌抓好疫情防控和經濟社會發展重點工作。他指出全國疫情防控形勢持續向好、生產生活秩序加快恢復疫情防控和經濟社會發展工作取得積極成效但是也面臨著不少新情況新問題特別是境外疫情擴散蔓延及其對世界經濟產生不利影響也給中國大陸疫情防控和經濟發展帶來新的挑戰。要準確把握國內外疫情防控和經濟形勢的階段性變化確保實現決勝全面建成小康社會、決戰脫貧攻堅目標任務。
習近平強調在充分肯定我國疫情防控工作成績的同時要清醒看到國內外疫情形勢的複雜性和嚴峻性。湖北和武漢醫療救治、社區防控和後續工作任務依然艱巨繁重其他地區人員流動和聚集增加帶來疫情反彈風險依然存在特別是國際疫情快速蔓延帶來的輸入性風險增加。要加強疫情防控國際合作同世界衛生組織緊密合作加強全球疫情變化分析預測。
會議強調要科學精準做好重點地區疫情防控工作繼續加強醫療救治努力提高治癒率、降低病亡率。要完善社區防控措施有序擴展無疫社區居民活動空間。武漢市要逐步推進復工複產湖北省其他地區要穩妥有序解除管控措施。
會議要求要落實外防輸入重點任務完善資料共用、資訊通報和入境人員核查機制航空運輸、口岸檢疫、目的地送達、社區防控要形成閉環。
會議指出受國內外多種因素影響當前我國經濟下行壓力持續加大。各級黨委和政府要加快建立同疫情防控相適應的經濟社會運行秩序積極有序推進企事業單位復工複產努力把疫情造成的損失降到最低限度要以省域為單元推動經濟社會秩序恢復。</t>
  </si>
  <si>
    <t>疫情防控經濟會議社區工作國內外形勢任務地區習近平指出有序秩序經濟社會帶來重點影響人員風險發展加快增加變化完善依然</t>
  </si>
  <si>
    <t>經濟巴西央行國際金融降息</t>
  </si>
  <si>
    <t>巴西央行週三宣佈調降Selic基準利率75個基點至3%改寫歷史新低雖然已是連續第7度降息但該央行暗示將進一步降息以緩解新冠肺炎疫情與相關封鎖措施對經濟造成的衝擊。巴西央行貨幣政策委員會（Copom）週三一致</t>
  </si>
  <si>
    <t>央行巴西週三造成衝擊經濟封鎖措施相關疫情肺炎改寫歷史緩解新低基準利率selic已是連續基點降息進一步暗示</t>
  </si>
  <si>
    <t>巴西降息病例已經央行改寫肺炎疫情資料基點實施經濟幅度封鎖措施週三新增死亡確診聖路易斯事業會議</t>
  </si>
  <si>
    <t>巴西央行降息新冠肺炎疫情</t>
  </si>
  <si>
    <t>降息肺炎央行疫情巴西</t>
  </si>
  <si>
    <t>員工確診衛生局匡列北市</t>
  </si>
  <si>
    <t>臺北市政府8日晚間爆出產發局一名女公務員確診該名同仁在5月底因身體不適前往快篩與核酸檢測（PCR）得知快篩結果為陰性但6月8日收到PCR結果出爐卻呈陽性北市府雖已採居家辦公但6月4日該名女公務員曾到達</t>
  </si>
  <si>
    <t>公務員pcr結果辦公居家確診市府同仁陽性月底前往不適身體出爐爆出核酸得知收到陰性</t>
  </si>
  <si>
    <t>臺北市政府8日晚間爆出產發局一名女公務員確診該名同仁在5月底因身體不適前往快篩與核酸檢測（PCR）得知快篩結果為陰性但6月8日收到PCR結果出爐卻呈陽性北市府雖已採居家辦公但6月4日該名女公務員曾到達北市府內拿資料產業局緊急執行府內防疫SOP並將座位圖送至北市衛生局做匡列。
北市產發局主祕劉寶緞證實確診同仁5月底曾有身體不適狀況自行前往快篩與PCR檢測快篩結果為陰性但6月8日PCR出爐卻呈現陽性產發局於下午接獲通報後立刻啟動北市府擬定的防疫標準流程。
劉寶緞說同仁到府內都有配戴口罩衛生局說如配戴口罩有接觸15分鐘以上才會匡列目前已將座位圖交給衛生局確切匡列人數尚未得知北市府固定每週都有消毒。</t>
  </si>
  <si>
    <t>市府匡列衛生局同仁防疫pcr公務員得知座點陣圖劉寶陽性確診月底結果不適北市身體</t>
  </si>
  <si>
    <t>北市府快篩PCR同仁產發局</t>
  </si>
  <si>
    <t>pcr同仁市府</t>
  </si>
  <si>
    <t>電子投票助攻股市股東會臺北防疫</t>
  </si>
  <si>
    <t>新冠肺炎疫情於全球延燒針對即將陸續召開的公司股東會金管會指示集保結算所制訂開會防疫指引。集保調查指引公告後召開股東常會或臨時會的公司均未出現發燒股東親自出席多數股東均採電子投票表達意見對此</t>
  </si>
  <si>
    <t>股東召開公司指引全球疫情陸續結算出現指示股東會金管會常會電子出席肺炎親自開會制訂調查</t>
  </si>
  <si>
    <t>新冠肺炎疫情於全球延燒針對即將陸續召開的公司股東會金管會指示集保結算所制訂開會防疫指引。集保調查指引公告後召開股東常會或臨時會的公司均未出現發燒股東親自出席多數股東均採電子投票表達意見對此呼籲加強宣導股東以電子投票行使參與權。
防疫指引規定若發現體溫過高股東股東會現場應設置隔離區讓發燒股東可在隔離區內行使發言及表決權。不過因應疫情持續嚴峻、指揮中心呼籲管制措施趨嚴據瞭解集保已對此進行滾動式檢討向金管會討論是否調整指引相關措施但目前尚未定案。
據證交法規定目前約1950家上市、上櫃及興櫃公司需在6月底前召開股東常會為降低群聚感染風險集保3月4日邀集股務協會、股務代理機構、上市公司代表及證券周邊單位等共同研議制定「因應防疫召開股東會之作業指引」、並於3月16日公告。
集保統計上述防疫指引公告後在3月底前已召開股東常會或臨時會的公司均配合防疫政策量測現場出席股東體溫並請股東全程配戴口罩等措施。多數股東均採電子投票表達意見僅零星少數股東親自出席且未遇到發燒股東親自出席情形發生。
集保以3月下旬某上市公司租借飯店召開股東常會為例指出親自出席股東需由飯店人員量測體溫、消毒手部才能進場報到前由公司人員再次量測體溫。為有效控制室內座位距離至少保持1公尺、不超過100人以上集會會場座位採梅花座排列及設置備用會場因應。
隨著股東會旺季來臨5、6月將有越來越多公司召開股東常會。集保表示將持續透過不同管道向投資大眾宣導採用電子投票出席不親臨現場也能表達意見、保障股東權利且避免被感染風險是防範疫情並維護股東參與會議權利的最佳方式。</t>
  </si>
  <si>
    <t>股東公司召開出席防疫指引股東會常會疫情措施因應上市電子投票親自表達意見座位持續金管會設置目前呼籲</t>
  </si>
  <si>
    <t>金管會集保集保結算所上市上櫃</t>
  </si>
  <si>
    <t>上市結算上櫃金管會</t>
  </si>
  <si>
    <t>告急貨櫃車醫療紐約</t>
  </si>
  <si>
    <t>美國已成為全球新冠肺炎確診病例最多的國家紐約州疫情尤其嚴重累計病例達37802例占全國逾4成最新一天病亡人數激增逾100人累計達454例。而人口稠密的紐約市死亡人數為281人則占全州的73％。由於醫療物資</t>
  </si>
  <si>
    <t>病例人數累計肺炎確診全球國家紐約州尤其死亡嚴重紐約市激增占全州占全國成為疫情病亡最新人口稠密</t>
  </si>
  <si>
    <t>美國已成為全球新冠肺炎確診病例最多的國家紐約州疫情尤其嚴重累計病例達37802例占全國逾4成最新一天病亡人數激增逾100人累計達454例。而人口稠密的紐約市死亡人數為281人則占全州的73％。由於醫療物資嚴重短缺市內有醫院已開始試行2名患者共同1個呼吸器。紐約市長白思豪25日更警告全市最終可能有一半人感染。
疫情持續惡化的同時美國的醫護人力似也已告急。據香港中通社報導美國國務院領事事務局26日在社交平臺發文鼓勵各國的醫療工作者赴美幫助美國抗疫尤其是那些致力於治療或緩解新冠肺炎疫情的專業人員。
目前在全美重災區紐約市停屍間已經爆滿當局調動45部冷凍貨櫃車充當臨時停屍間每間可容納44具遺體。市政府同時在搭建冷凍帳篷儲存屍體。官員稱臨時措施會使紐約市能容納3600具遺體。皇后區是紐約市確診感染人數最多的區在當地的艾姆赫斯特醫院1天之內就有13人死於新冠肺炎。
紐約市醫療系統不勝負荷瀕臨崩潰曼哈頓西奈山西區醫院先前有3名護士因防護裝備耗盡只好穿上用黑色垃圾袋自製的防護衣照片在社交媒體廣傳。如今同院48歲男助理護士長凱利則感染新冠肺炎身亡。凱利於2周前確診上週二入院搶救24日不治身亡。凱利至少有4名同事亦確診染疫多名同事直指院方無法為前線醫護提供足夠防護裝備要為凱利之死負責。
與紐約相鄰的新澤西州近日疫情也不斷加重26日猛增2492例刷新單日新增紀錄確診總數達6876例死亡81人已經超越加州成為全美疫情第二嚴重的州。新澤西州衛生部25日公佈該州伍德布裡奇市一間老人院爆發集體感染院內94人料全部受感染包括院友及職員。</t>
  </si>
  <si>
    <t>紐約市確診疫情感染肺炎凱利嚴重醫院人數美國社交冷凍醫護醫療裝備防護已經</t>
  </si>
  <si>
    <t>美國醫院肺炎紐約市紐約</t>
  </si>
  <si>
    <t>紐約市肺炎紐約醫院美國</t>
  </si>
  <si>
    <t>鬆口時中檢疫返台宣佈春節</t>
  </si>
  <si>
    <t>返台檢疫春節人數期間部長今天陳時中衛福透露防疫有望旅館規範方案放寬擬將數量因素不足指揮宣佈來不及</t>
  </si>
  <si>
    <t>檢疫陳時中宣佈討論返台防疫旅館指揮中心目前透露來不及方案數量人數國人春節遠遠不及</t>
  </si>
  <si>
    <t>春節檢疫放寬10+47+7</t>
  </si>
  <si>
    <t>春節 檢疫 放寬 10 47 7</t>
  </si>
  <si>
    <t>放寬檢疫春節</t>
  </si>
  <si>
    <t>疫苗az施打質疑自費莊孝維</t>
  </si>
  <si>
    <t>AZ疫苗打氣不佳中央流行疫情指揮中心昨日宣佈21日起開放民眾自費接種。對此臺北市議員遊淑慧質疑疫苗的有效期只到6月15日假設民眾於21日馬上施打但兩劑施打至少要相隔8周自費民眾可能沒有第二劑可打</t>
  </si>
  <si>
    <t>民眾自費疫苗施打流行中央疫情指揮中心相隔昨日質疑遊淑慧宣佈有效期議員對此臺北市接種開放可能至少兩劑</t>
  </si>
  <si>
    <t>AZ疫苗打氣不佳中央流行疫情指揮中心昨日宣佈21日起開放民眾自費接種。對此臺北市議員遊淑慧質疑疫苗的有效期只到6月15日假設民眾於21日馬上施打但兩劑施打至少要相隔8周自費民眾可能沒有第二劑可打「是頭洗一半就沒水的冤大頭？」
遊淑慧昨（14）日於個人臉書粉專表示根據AZ疫苗仿單說明AZ第一劑施打後3周後才開始具有防護力；施打第二劑的15天後才具備完整保護力而且兩周施打時間至少要相隔8周以上。
遊淑慧質疑指揮中心宣佈至21日起開放自費施打假設民眾第一時間馬上接種第一劑8周後是6月16日以後但台灣現有的兩批疫苗有效期分別是5月31日、6月15日「請問這些自費施打的民眾去哪裡找第二劑來打？衛福部能保證？這是在裝孝維？根本是頭洗一半就沒水的冤大頭？」
貼文底下不少網友也留言回應「先不管AZ疫苗會不會引起血栓或其他副作用要打兩劑的疫苗中間要間隔8週結果買來的都快過期有哪個白癡會自願花錢去白打一針這就算是莫德納、BNT、嬌生都一樣」、「真的是亂七八糟」、「衛福部的算術真是一級棒」。</t>
  </si>
  <si>
    <t>疫苗民眾施打自費az周後衛福部質疑有效期指揮兩劑冤大頭相隔中心至少假設</t>
  </si>
  <si>
    <t>施打AZ疫苗新冠肺炎自費</t>
  </si>
  <si>
    <t>疫苗肺炎az自費施打</t>
  </si>
  <si>
    <t>中央市府建議照辦田徑賽地方配合</t>
  </si>
  <si>
    <t>不少大型活動或賽事都因新冠肺炎疫情延燒陸續取消但2月26日到3月1日在高雄登場的港都盃田徑賽事如期僅取消開閉幕儀式；高市府新聞局長鄭照新表示那是開放、戶外型基本上是尊重專業主辦單位除非中央有特殊</t>
  </si>
  <si>
    <t>取消專業尊重基本上戶外開放那是肺炎表示主辦單位鄭照新局長疫情新聞市府儀式閉幕田徑賽如期</t>
  </si>
  <si>
    <t>不少大型活動或賽事都因新冠肺炎疫情延燒陸續取消但2月26日到3月1日在高雄登場的港都盃田徑賽事如期僅取消開閉幕儀式；高市府新聞局長鄭照新表示那是開放、戶外型基本上是尊重專業主辦單位除非中央有特殊的針對大型戶外賽事或是活動相關的建議或措施地方都會配合目前沒有收到那樣的建議。
另罷韓第二階段連署書火速衝破51萬份引發韓粉不滿反制繼先前有韓粉寄給罷韓團體恐嚇信如今又有燒紙錢影片來詛咒；鄭照新說尊重不同市民的意見現在市府同仁精力全神貫注在防疫上就算有一分鐘回答政治性問題萬一因為這樣分心導致有市民受感染「我們晚上都會睡不著覺沒有多餘精力回答政治性問題。」</t>
  </si>
  <si>
    <t>市府取消戶外尊重市民建議沒有精力賽事回答政治性問題疫情肺炎田徑賽如期不滿韓粉引發</t>
  </si>
  <si>
    <t>出國名醫一時全國境外火葬場</t>
  </si>
  <si>
    <t>面對新冠肺炎疫情台灣前一波守得不錯備受國人肯定也贏得國外推祟豈知歐美疫情急劇升溫從歐洲返國的民眾成為新一波防疫危機連2天增添14例恐將辛苦防疫的成果毀於一旦。對於硬要出國旅遊的民眾中山醫大</t>
  </si>
  <si>
    <t>疫情民眾防疫出國對於毀於一旦成果贏得國外肯定辛苦國人備受不錯歐美臺灣急劇增添</t>
  </si>
  <si>
    <t>面對新冠肺炎疫情台灣前一波守得不錯備受國人肯定也贏得國外推祟豈知歐美疫情急劇升溫從歐洲返國的民眾成為新一波防疫危機連2天增添14例恐將辛苦防疫的成果毀於一旦。對於硬要出國旅遊的民眾中山醫大小兒感染科主任謝宗學怒嗆「出國一時爽全國火葬場！」
根據中央流行疫情指揮中心資料15日及16日新增的確診案例除一例是旅遊日本、泰國感染外其餘13例均有歐洲旅遊史顯見國人非必要的出國旅遊已為台灣防疫帶來沈重壓力。
謝宗學在臉書「DrE小兒急診室日誌」上表示昨日新冠肺炎新增8例境外移入案例加上前天的6個案例兩天總共增加14例境外移入案例聽到這樣嚴峻的狀況心中只浮現一句話：「出國一時爽全國火葬場！」
境外案例暴增入網友紛紛表達不滿「沒品沒公德心罰錢拜託」、「真的很讓人生氣!出國還很理直氣壯」、「憤怒外加悲傷真正的大戰要開始了」、「可以先送那位揪團去西班牙葡萄牙的裡長去火葬場嗎」、「限制醫護人員出國結果國人一直出國來累死醫護人員…那些人是在哈囉？」、「一直出去玩 就不要回來了」、「被健保慣壞的台灣人」、「難怪網友會想肉搜」。</t>
  </si>
  <si>
    <t>出國旅遊疫情案例防疫國人火葬場境外小兒歐洲感染臺灣民眾宗學新增一直醫護人員肺炎一時</t>
  </si>
  <si>
    <t>出國火葬場境外移入新冠肺炎武漢肺炎</t>
  </si>
  <si>
    <t>境外肺炎火葬場武漢出國</t>
  </si>
  <si>
    <t>喊話基金國安隨時財長備戰</t>
  </si>
  <si>
    <t>新冠肺炎疫情引發全球股災道瓊指數12日崩跌2352點創1987年「黑色星期一」以來最大跌幅13日台股開盤前財長蘇建榮親上火線宣示國安基金隨時備戰必要時將召開臨時會議討論進場護盤。總統蔡英文也信心喊話</t>
  </si>
  <si>
    <t>總統引發進場全球討論會議股災召開必要備戰蔡英文指數隨時基金國安宣示火線疫情星期一蘇建榮</t>
  </si>
  <si>
    <t>新冠肺炎疫情引發全球股災道瓊指數12日崩跌2352點創1987年「黑色星期一」以來最大跌幅13日台股開盤前財長蘇建榮親上火線宣示國安基金隨時備戰必要時將召開臨時會議討論進場護盤。
總統蔡英文也信心喊話指台灣經濟體質良好疫情控制也較其他國家穩定。政府不僅通過600億紓困預算更全力推動各項防疫及振興經濟措施對股市有實質支撐。
美股12日崩跌財政部擔心影響投資人信心昨一大早6時50分就緊急通知搶在台股開盤前的8時15分召開記者會強調國安基金正密切關注台股會適時因應。
蘇建榮表示隨新冠肺炎全球擴散全球經濟面臨嚴峻挑戰已是無可避免但國內經濟仍審慎樂觀希望投資人能有信心讓股市、匯市穩健發展包含金管會、央行及財政部都會陸續因應。
財政部次長、國安基金執行秘書阮清華則指出股市若出現不理性失序情況、達到國安基金進場要件絕對會即時召開臨時會議討論進場護盤穩定國內股市。
阮清華指出觀察2月24日至3月12日全球主要股市均呈跌勢歐美股市跌幅較大其中法股達3293％、德股3254％、英股2926％、美國道瓊2688％反觀台股僅下跌1082％跌幅只比陸股的382％大。
阮清華說近期亞股跌幅較小主因已先行反映與歐美現正面臨疫情擴散造成股市大跌不同。台灣疫情控制穩定有序基本面良好本益比及殖利率佳且出口持續成長「不是別人跌我們（台灣）就一定要跌。」
行政院發言人Kolas Yotaka也強調政府會盡全力穩定股市動能。對國安基金昨未召開會議Kolas解釋說2016年政黨輪替以來國安基金就沒有進場過儘管股匯市歷經幾次衝擊期間也發生過因國際市場波動與中美貿易戰單日跌破萬點但因台灣總體經濟面穩健危機過後依然可快速止跌回升。</t>
  </si>
  <si>
    <t>股市國安基金臺灣經濟跌幅穩定疫情進場召開信心全球財政部穩健會議蘇建榮匯市國內kolas</t>
  </si>
  <si>
    <t>穩定肺炎阮清華進場護盤因應</t>
  </si>
  <si>
    <t>進場清華肺炎因應穩定</t>
  </si>
  <si>
    <t>病毒確定delta宣佈最新傳播管制南京措施</t>
  </si>
  <si>
    <t>大陸國家衛健委今（27日）公佈前一日大陸新增71例新冠肺炎確診病例。其中江蘇再多31例本土確診病例新增病例一連兩日達雙位數。南京祿口機場疫情持續擴大已涉及5省9市南京疫情傳播鏈已經達到了126人。南京市</t>
  </si>
  <si>
    <t>南京疫情新增病例大陸確診傳播擴大持續機場祿口雙位肺炎已經公佈涉及江蘇一連達到</t>
  </si>
  <si>
    <t>大陸國家衛健委今（27日）公佈前一日大陸新增71例新冠肺炎確診病例。其中江蘇再多31例本土確診病例新增病例一連兩日達雙位數。南京祿口機場疫情持續擴大已涉及5省9市南京疫情傳播鏈已經達到了126人。南京市疾控中心今召開記者會會上指出引起此次疫情病毒為Delta病毒。
南京市今（27日）上午舉行第七場新冠肺炎疫情防控記者會通報疫情防控最新情況。據通報引起這次疫情的病毒毒株是Delta病毒。並稱目前南京物資保障充足完全能保障全市的基本供應。
南京市商務局副局長富寧宏說南京專門成立了生活物資保障指揮部發布了首批全市56家重點生活必需品保供企業名錄。這56家保供企業包括了農批市場、副食品生產企業、商超、餐飲企業。
目前南京全城已經展開了第2輪全員核酸檢測有的重點區域開展了3輪排查追蹤到大量密切接觸者和次密接透過對這些人群應檢盡檢、分時段檢測病例不斷被發現。
南京今也發布最新防疫規定包括嚴格大型活動管理並倡導喜事緩辦、喪事簡辦；減少聚餐實行分餐制、用公筷；暫停KTV、電影院、健身房、室內游泳館、麻將館等密閉場所；農貿（集貿）市場、藥店、批發市場、商場超市等重點場所要落實限流等管控措施；司機、快遞人員等重點群體也要嚴格管理落實防護要求、定期健康監測。此外針對企業單位、醫療機構也要嚴格控管民眾非必要不外出。</t>
  </si>
  <si>
    <t>南京重點疫情企業嚴格南京市病例保障病毒場所市場管理檢測落實包括全市已經生活目前發佈物資肺炎最新新增引起</t>
  </si>
  <si>
    <t>大陸病毒Delta南京新冠肺炎</t>
  </si>
  <si>
    <t>delta南京病毒肺炎大陸</t>
  </si>
  <si>
    <t>陽明上週末升溫鳳怒自私疫情</t>
  </si>
  <si>
    <t>國內疫情大爆發全國更是統一升至三級警戒雙北疫情險峻即便臺北市長柯文哲再三呼籲「沒事乖乖待在家裡」但上週末陽明山仍出現大批遊客及車潮眼見仍有許多不守規矩的民眾讓藝人吳鳳痛批：「疫情就是這樣擴</t>
  </si>
  <si>
    <t>疫情吳鳳痛藝人全國規矩更是統一不守民眾升至陽明警戒上週末乖乖雙北沒事待在家裡呼籲再三險峻臺北市柯文哲爆發眼見車潮</t>
  </si>
  <si>
    <t>國內疫情大爆發全國更是統一升至三級警戒雙北疫情險峻即便臺北市長柯文哲再三呼籲「沒事乖乖待在家裡」但上週末陽明山仍出現大批遊客及車潮眼見仍有許多不守規矩的民眾讓藝人吳鳳痛批：「疫情就是這樣擴散的更快」。
吳鳳日前表示國內疫情爆發一個星期相信大家心裡會有悶的感覺但切勿忘記國外的人過這樣的生活超過一年我們只是剛開始而已不過卻有很多民眾認為去偏僻的地方就沒事結果週末陽明山出現車潮導致塞車讓他無奈表示：「如果我們第一個禮拜這樣那接下來的日子怎麼辦？」接著強調：「疫情就是這樣擴散的更快」。
吳鳳表示台灣目前過的日子不是在開玩笑只能靠防疫人員跟人民自律眼見站在第一線的醫護人員如此辛苦若民眾還是堅持要出門那=這種行為根本就是自私接著再三呼籲：「想要世界看見台灣的團結跟優秀表現就一起好好自律吧！不然未來的日子會有太多後悔的回憶」。
對於吳鳳苦口婆心的提醒網友們紛紛留言：「想恢復正常生活要靠全體國民看看辛苦為疫情付出的醫護人員、警消人員真要有同理心」、「希望全台灣人能跟您一樣有正能量而不是只有口水」、「就是有人這麼不自愛疫情會擴散不是沒理由非必要不要出門待在家裡做好防疫自律就這麼難嗎」、「身為台灣人更應該好好守護台灣自律換自由同島一命」。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情防疫自律臺灣民眾日子出現表示生活務必沒事臺灣人人員待在家裡出門擴散再三呼籲辛苦</t>
  </si>
  <si>
    <t>吳鳳疫情陽明山車潮新冠肺炎</t>
  </si>
  <si>
    <t>車潮陽明山疫情吳鳳肺炎</t>
  </si>
  <si>
    <t>時刻黑暗零售業停薪休假</t>
  </si>
  <si>
    <t>對本來就受電商衝擊而身處困境的傳統零售業來說新冠肺炎疫情造成了更致命打擊這慘況在美國是現在進行式。據美國勞工統計局統計全美零售業員工有近1600萬人多面臨衝擊且面臨無薪假風險的多是基層員工；另外</t>
  </si>
  <si>
    <t>零售業衝擊員工面臨困境造成致命傳統肺炎打擊疫情況在美國現在全美進行式美國勞工統計局統計</t>
  </si>
  <si>
    <t>美國零售業疫情員工公司衝擊gap全美面臨零售服飾統計措施宣佈暫停營業門市顯示風險開始關閉傳統</t>
  </si>
  <si>
    <t>美國零售業員工疫情全美</t>
  </si>
  <si>
    <t>零售業疫情員工全美美國</t>
  </si>
  <si>
    <t>隱匿病毒病人武漢盛傳人員否認</t>
  </si>
  <si>
    <t>15日大陸網上盛傳武漢病毒所一名女性研究生為新冠肺炎「零號病人」武漢病毒研究所人員對此回應稱可以保證武漢病毒所目前「零感染」。陸媒《新京報》報導15日有一則關於「武漢病毒研究所一名女研究生黃燕玲是新</t>
  </si>
  <si>
    <t>病毒武漢研究所研究生保證人員女性目前感染陸媒報導病人肺炎盛傳回應網上黃燕玲大陸</t>
  </si>
  <si>
    <t>15日大陸網上盛傳武漢病毒所一名女性研究生為新冠肺炎「零號病人」武漢病毒研究所人員對此回應稱可以保證武漢病毒所目前「零感染」。
陸媒《新京報》報導15日有一則關於「武漢病毒研究所一名女研究生黃燕玲是新型冠狀病毒肺炎零號病人」的消息在網上瘋傳暗指新型冠狀病毒的起源來自於武漢病毒研究所。
網上流傳的截圖顯示：「武漢（新冠）病毒肺炎的零號病人是黃燕玲系武漢病毒所科研人員2012年考入武漢病毒研究所的碩士研究生。」而15日晚間媒體就此事向大陸中國科學院武漢病毒研究所研究員石正麗、流感病毒實驗室研究員陳全姣求證後兩人均表示對病毒所是否有一位元名叫黃燕玲的女研究生並不掌握但可以保證「武漢病毒所目前無一人感染新冠肺炎」。
「怎麼可能？這個一看就是假新聞。」石正麗說「我可以保證包括研究生在內我們所沒有一個人被病毒感染過我們所是零感染。」對於上述資訊陳全姣也表示「我們武漢病毒研究所沒有一例感染我們病毒所絕對不是『零號』」。
報導說據中科院武漢病毒研究所發佈於2011年11月4日的《2012年度推薦免試碩士研究生擬錄取名單公示》顯示黃燕玲系西南交大推薦的學術性碩士。
網民對於武漢病毒所研究員的說法提出質疑稱如果連黃燕玲此人的訊息都「不能掌握」如何「保證」沒有人被病毒感染？其他網下的回應則表示「把黃燕玲找出來或查就醫記錄跟體內核酸就清楚了至少也讓她現身。
但也有網民回應表示「一個2012年入學的碩士不管是碩士還是轉博都應該已經畢業了怎麼可能扯到病毒這件事情上另外頭像不放照片不是很正常嗎？這種都能被人挖出來網民真的是太閒了」。
武漢病毒研究所在新型冠狀病毒肺炎疫情擴散之際研究所與疫情的關係一直是網上言論質疑的對象網上傳聞稱病毒來源可能來自於處理實驗用動物時未按規定處理導致應銷毀的動物外流引發病毒流傳造成疫情。而所謂「零號病人」正是指在外界得知感染病毒患者之前的那位元不在記錄中的病患即可能是被病毒研究所所方隱瞞的感染者。</t>
  </si>
  <si>
    <t>病毒武漢研究所研究生感染可能網上黃燕玲碩士表示病人保證肺炎回應記錄沒有冠狀研究員疫情</t>
  </si>
  <si>
    <t>武漢肺炎新冠肺炎新型冠狀病毒NCP大陸</t>
  </si>
  <si>
    <t>肺炎冠狀病毒ncp大陸武漢</t>
  </si>
  <si>
    <t>一度開盤大跌</t>
  </si>
  <si>
    <t>新冠肺炎在亞洲全面蔓延亞股昨幾乎全倒晚間開盤的美股期指也重挫道瓊指數一度大跌近千點達99704點歐股開盤重挫3％、義大利更是跌破4％宛如2008年金融海嘯重現；華南投顧董事長儲祥生解讀疫情擴散比想像</t>
  </si>
  <si>
    <t>開盤儲祥生全面董事長蔓延華南重現幾乎海嘯解讀金融亞洲宛如晚間期指指數大跌</t>
  </si>
  <si>
    <t>疫情跡象近期市場加上全球表示上周表現下跌指數韓國跌幅開盤資金持續</t>
  </si>
  <si>
    <t>肺炎美股韓國跡象疫情</t>
  </si>
  <si>
    <t>肺炎韓國跡象疫情</t>
  </si>
  <si>
    <t>學者平等疫情健康國家減少</t>
  </si>
  <si>
    <t>疫苗突破性感染令許多國家開始規劃加強劑的施打但在低收入地區如非洲民眾至少接種1劑疫苗的比例卻只有13％。對疫苗覆蓋率高的國家而言加強劑的接種可有效對抗印度變異株（Delta）但隱憂在於可能導致新的變</t>
  </si>
  <si>
    <t>疫苗接種加強國家在於隱憂delta變異印度可能對抗有效開始規劃低收入地區比例施打至少民眾非洲覆蓋率導致</t>
  </si>
  <si>
    <t>疫苗突破性感染令許多國家開始規劃加強劑的施打但在低收入地區如非洲民眾至少接種1劑疫苗的比例卻只有13％。對疫苗覆蓋率高的國家而言加強劑的接種可有效對抗印度變異株（Delta）但隱憂在於可能導致新的變異株問世。而對疫苗覆蓋率低的國家來說重症、致死率則無法下降。學者認為若要減少健康不平等問題應讓疫情高的國家先打第1劑且需是保護持續力高的廠牌才能讓全球疫情漸漸受控。
公衛學者任小萱表示疫苗就像蹺蹺板在高收入國家已經有半數以上民眾接種至少1劑疫苗相較而言低收入國家如非洲卻只有13-5％的民眾接種1劑疫苗。以以色列為例當地為60歲以上民眾施打BNT加強劑後顯示能預防86％感染副作用與第2劑相近能有效對抗Delta目前該國也將加強劑年齡下修至40歲另美國繼讓長者施打加強劑後9月20日起也將加強劑的施打擴大至全民。
任小萱表示高收入國與低收入國面臨的問題不一對高收入國家來說施打加強劑的隱憂在於可能導致免疫識別逃脫情形更嚴重令病毒再度變異甚至比Delta傳播力更強。對低收入國來說則會因為疫苗覆蓋率不足住院、死亡風險都較高。
由於部分高疫苗取得的國家會將疫苗贈送給低疫苗取得國家有研究分析指出若贈送的疫苗屬於免疫保護持續力差的廠牌（如：科興） 在即便疫苗打的慢或疫情高漲即便獲贈疫情仍無法有效控制。若為免疫保護持續力較佳的疫苗（如：莫德納）即便疫苗打的慢或疫情高漲適當分配能仍有效控制疫情。長遠來看持續力差的廠牌若能有效分配3-5年後低疫苗取得國家的疫情仍可下降而若是持續力高的廠牌有效分配則能達到更有效的控制。
台大公衛學院教授陳秀熙表示全球若要維持健康平等一定要選擇高效能的疫苗給施打率低的國家。他認為要讓疫情高的國家先打第1劑才能產生平衡效果 讓全球疫情慢慢受控。若能像美國同時接種加強劑、贈送疫苗來達到「雙贏」最好不過在無法兼顧的前提下則需要普及化的第1劑及高效能的疫苗低效能的疫苗則不宜考慮這是全球疫苗的重要挑戰。</t>
  </si>
  <si>
    <t>疫苗國家加強疫情施打有效接種全球低收入表示持續民眾變異免疫delta覆蓋率控制收入</t>
  </si>
  <si>
    <t>新冠肺炎國家疫苗加強持續</t>
  </si>
  <si>
    <t>國家疫苗肺炎加強持續</t>
  </si>
  <si>
    <t>提升疫情建議陳時中旅遊邊緣是否日本</t>
  </si>
  <si>
    <t>中央流行疫情指揮中心24日召開疫情說明記者會宣佈調升韓國的旅遊疫情建議等級至於是否也會調升日本的建議等級中央流行疫情指揮中心指揮官陳時中坦言日本地區的確診案例也是在上升中「在（調整等級）的邊緣</t>
  </si>
  <si>
    <t>等級疫情日本調升建議中心指揮流行上升案例確診地區坦言記者會說明陳時中指揮官韓國旅遊至於是否中央召開宣佈調整</t>
  </si>
  <si>
    <t>中央流行疫情指揮中心24日召開疫情說明記者會宣佈調升韓國的旅遊疫情建議等級至於是否也會調升日本的建議等級中央流行疫情指揮中心指揮官陳時中坦言日本地區的確診案例也是在上升中「在（調整等級）的邊緣」。
陳時中表示日本的確診案例持續上升中指揮中心也一直與國外交換訊息其實日本當地也有發生部分群聚感染會時時刻刻檢討及早因應調整。
中央流行疫情指揮中心表示考量目前列為新冠肺炎旅遊疫情建議等級第一級（泰國、義大利、伊朗）及第二級（新加坡、日本）國家的確診病例持續上升且陸續傳出社區及醫院群聚因此即日起自旅遊疫情建議第一級與第二級國家入境的旅客入境後14天內應落實自主健康管理措施。</t>
  </si>
  <si>
    <t>日本疫情等級建議中心指揮確診旅遊國家調整表示調升持續上升流行案例落實中央入境自主天內健康感染當地旅客</t>
  </si>
  <si>
    <t>新冠肺炎新型冠狀病毒台灣日本旅遊警示</t>
  </si>
  <si>
    <t>病毒臺灣冠狀日本肺炎旅遊警示</t>
  </si>
  <si>
    <t>病例台男輸入江蘇大陸工作</t>
  </si>
  <si>
    <t>中央流行疫情指揮中心今(13)日公佈國內新增1例境外移入COVID-19(新冠肺炎)病例為本國籍40多歲男性(案530)今(2020)年2月至中國江蘇工作10月11日返台。是時隔8個月以來再傳台商染疫。指揮中心表示個案返台前</t>
  </si>
  <si>
    <t>中心指揮台商covid-肺炎境外以來病例國籍時隔男性返台新增國內中國工作公佈</t>
  </si>
  <si>
    <t>中央流行疫情指揮中心今(13)日公佈國內新增1例境外移入COVID-19(新冠肺炎)病例為本國籍40多歲男性(案530)今(2020)年2月至中國江蘇工作10月11日返台。是時隔8個月以來再傳台商染疫。
指揮中心表示個案返台前曾於10月1日出現流鼻水及有痰等症狀僅自行買藥服用未在當地就醫其辦公室有另2名同事有感冒症狀亦自行服藥未就醫。個案10月11日返台休假因入境時有咳嗽、流鼻水及鼻塞等症狀於機場進行採檢並於今日確診目前住院隔離治療。距離上一例大陸返台的個案是二月的時候。
指揮中心指出衛生單位已掌握個案同班機接觸者共17人其中10人為前後二排座位旅客列為居家隔離對象7人為機組員未入境。
指揮中心統計國內截至目前累計97166例新型冠狀病毒肺炎相關通報(含96055例排除)其中530例確診分別為438例境外移入、55例本土病例、36例敦睦艦隊及1例不明。確診個案中7人死亡、489人解除隔離、34人住院隔離中。</t>
  </si>
  <si>
    <t>個案中心指揮確診返台隔離症狀目前肺炎入境病例就醫國內自行住院境外居家</t>
  </si>
  <si>
    <t>指揮中心新冠肺炎境外移入確診</t>
  </si>
  <si>
    <t>肺炎境外中心確診指揮</t>
  </si>
  <si>
    <t>確診本土省份新增廣東</t>
  </si>
  <si>
    <t>大陸國家衛健委通報5月30日0至24時31個省（自治區、直轄市）和新疆生產建設兵團報告新增確診病例27例其中境外輸入病例7例（廣東3例上海2例福建1例河南1例）本土病例20例（均在廣東）；無新增死亡病例</t>
  </si>
  <si>
    <t>病例廣東通報自治區直轄市新疆生產建設兵團確診新增報告衛健本土境外國家福建河南上海死亡輸入大陸</t>
  </si>
  <si>
    <t>大陸國家衛健委通報5月30日0至24時31個省（自治區、直轄市）和新疆生產建設兵團報告新增確診病例27例其中境外輸入病例7例（廣東3例上海2例福建1例河南1例）本土病例20例（均在廣東）；無新增死亡病例；無新增疑似病例。
其中廣東新增本土確診病例20例（其中16例為無症狀感染者轉確診）廣州報告18例（其中14例為無症狀感染者轉確診）佛山報告2例（均為無症狀感染者轉確診）；新增本土無症狀感染者3例深圳報告2例佛山報告1例。
全省新增境外輸入確診病例3例廣州報告分別來自柬埔寨、印尼和坦尚尼亞。新增境外輸入無症狀感染者3例廣州報告2例分別來自中非和阿拉伯聯合大公國；佛山報告1例來自法國。新增出院2例。
截至5月30日24時全廣東省累計報告新冠肺炎確診病例2455例（境外輸入1033例）。目前在院64例。</t>
  </si>
  <si>
    <t>報告新增病例確診來自境外佛山廣東輸入症狀本土感染者廣州分別通報自治區廣東省截至累計</t>
  </si>
  <si>
    <t>新冠肺炎確診無症狀感染者廣東大陸</t>
  </si>
  <si>
    <t>確診症狀感染者肺炎廣東大陸</t>
  </si>
  <si>
    <t>柯文哲公開地點旅館防疫時中</t>
  </si>
  <si>
    <t>臺北市長柯文哲與中央疫情指揮中心指揮官陳時中為了是否公佈病例地點屢次隔空交火柯還曾酸「現在都要順時中別逆時中」如今北市的防疫旅館地點卻不公開柯4日受訪表示「這不是只有我們片面決定這個就真的只</t>
  </si>
  <si>
    <t>地點片面疫情指揮這不中心表示指揮官受訪陳時中是否決定中央公佈公開病例現在柯還屢次</t>
  </si>
  <si>
    <t>臺北市長柯文哲與中央疫情指揮中心指揮官陳時中為了是否公佈病例地點屢次隔空交火柯還曾酸「現在都要順時中別逆時中」如今北市的防疫旅館地點卻不公開柯4日受訪表示「這不是只有我們片面決定這個就真的只好順時中了。」
柯文哲表示防疫旅館是中央的計畫北市是承辦單位北市還是資源比較豐富所以會先做出來寫SOP據他所知有9個縣市都跟進所以這是整個台灣的計畫北市只是一個承辦單位負責寫SOP然後全台灣有9個縣市跟進這就不是只有他片面決定這個就真的只好「順時中」了。
柯強調系統要嘛就一致要嘛就全部公開要嘛就不要現在已有9個縣市依照這個速度應該全台灣都會建立總不能北市公開、其他都不公開像這種事情就要全部一致按照中央的規定處理。
媒體詢問那陽明山防疫所是否公開？柯說其實他從頭到尾都主張公開但如果到現在為止中央的政策是不想那麼透明那這樣他就不要自己搞自己。</t>
  </si>
  <si>
    <t>公開中央北市防疫現在是否臺灣地點柯文哲表示sop旅館一致單位只好</t>
  </si>
  <si>
    <t>新冠肺炎武漢肺炎COVID-19新型冠狀病毒柯文哲</t>
  </si>
  <si>
    <t>疫苗畫面考驗排隊老人家生存豔陽意志長輩</t>
  </si>
  <si>
    <t>全國各縣市疫苗紛紛開打臺北市今（15日）起替預約接種的85歲以上長者及65歲以上原住民施打疫苗但信義區長輩卻必須頂著艷陽在飽受高溫曝曬的天氣下排隊等待引起討論。財經網美胡采蘋在臉書「Emmy追劇時間」分</t>
  </si>
  <si>
    <t>疫苗以上胡采蘋財經臺北市討論引起等待排隊emmy施打天氣曝曬信義高溫飽受豔陽必須</t>
  </si>
  <si>
    <t>全國各縣市疫苗紛紛開打臺北市今（15日）起替預約接種的85歲以上長者及65歲以上原住民施打疫苗但信義區長輩卻必須頂著艷陽在飽受高溫曝曬的天氣下排隊等待引起討論。
財經網美胡采蘋在臉書「Emmy追劇時間」分享北市信義區國中外長輩排隊接種疫苗的照片。畫面中可看到許多高齡長者其中有人還拄著拐杖、坐著輪椅仍必須頂著33-34度的高溫排成一列長長的隊伍等待接種。
胡采蘋寫道「這張85歲老人們在艷陽下排隊的照片就是在我所就讀的國中所拍攝我在國中時期曾經有兩次在升旗典禮朝會上被曬到昏厥老師主動上來要我回教室休息。」
對此網友也紛紛留言表示「這種天氣中暑了怎麼辦？」、「這種規劃完全是在考驗臺北老人家的生存意志」、「如果這是我的爺爺奶奶在這樣的地方排隊我一定會當場哭出來」、「如果我是85歲老人拐杖早就丟過去了」。</t>
  </si>
  <si>
    <t>排隊接種疫苗紛紛老人天氣等待長者豔陽拐杖照片信義高溫必須長輩老師主動昏厥上來會上</t>
  </si>
  <si>
    <t>台灣新冠肺炎信義區長輩疫苗</t>
  </si>
  <si>
    <t>信義肺炎長輩臺灣疫苗</t>
  </si>
  <si>
    <t>ot助攻廠商租金紓困竹市減半</t>
  </si>
  <si>
    <t>新竹市政府為促進民間景氣復甦持續推動「後疫情」紓困振興方案並決定針對市府委外營運的OT廠商減收3月至5月50％、為期3個月的促參案件權利金、土地租金包括委外經營藝文場館如辛志平校長故居以及市場攤商、停</t>
  </si>
  <si>
    <t>景氣故居復蘇校長持續辛志平推動疫情場館紓困民間市場振興方案為期經營案件權利決定市府</t>
  </si>
  <si>
    <t>新竹市政府為促進民間景氣復甦持續推動「後疫情」紓困振興方案並決定針對市府委外營運的OT廠商減收3月至5月50％、為期3個月的促參案件權利金、土地租金包括委外經營藝文場館如辛志平校長故居以及市場攤商、停車場等都受惠。
市府指出此次推動的紓困振興方案是針對市府委外營運單位（公辦民營）的OT廠商減收3月至5月一半不等的權利金與土地租金包括辛志平校長故居、李克承博士故居、將軍村、湖畔料亭、玻璃工坊、氣象站等讓在疫情暴發以來人潮至少減少4至6成的廠商都能受惠。
此外市府也對公有市場、動物園營運單位等祭出租金減免共有超過2000家攤商業者受惠。公有零售市場所有攤商的4、5月租金也減收50％果菜市場與漁港直銷中心所有攤商兩個月減租30％。
另樹林頭臨時攤販集中場、假日花市、園藝市集及農特產直銷中心所有攤商3、4、5月都減租50％租金。
香山溼地生態館因疫情關閉生態館展區民眾只能外帶營運受影響市府也減收3個月30％租金。新竹市立動物園親子餐廳、餐車、遊客中心及禮品部等業者3個月租金減半。
此外停車場業者也能申請權利金減免方案業者須檢附今年3月至5月任連續2個月總營業額較去年同期減少達15％的證明就能申請減收3、4、5月計3個月50％權利金包括府後、北區行政大樓、明志書院等10個公有停車場都符合資格。</t>
  </si>
  <si>
    <t>新竹 市政府 為 促進 民間 景氣 復蘇 持續 推動 後 疫情 紓困 振興 方案 並 決定 針對 市府 委 外 營運 的 ot 廠商 減 收 3 月 至 5 月 50 為期 3 個 月 的 促 參 案件 權利 金 土地 租金 包括 委 外 經營 藝 文 場館 如 辛志平 校長 故居 以及 市場 攤 商 停車場 等 都 受惠 市府 指出 此次 推動 的 紓困 振興 方案 是 針對 市府 委 外 營運 單位 公辦 民營 的 ot 廠商 減 收 3 月 至 5 月 一半 不等 的 權利 金 與 土地 租金 包括 辛志平 校長 故居 李克承 博士 故居 將軍村 湖畔 料 亭 玻璃工 坊 氣象 站 等 讓 在 疫情 暴發 以來 人潮 至少 減少 4 至 6 成 的 廠商 都能 受惠 此外 市府 也 對 公有 市場 動物園 營運 單位 等 祭出 租金 減免 共有 超過 2000 家 攤 商業 者 受惠 公有 零售 市場 所有 攤 商 的 45 月租金 也 減 收 50 果菜 市場 與 漁港 直銷 中心 所有 攤 商 兩 個 月 減租 30 另 樹林 頭 臨時 攤販 集 中場 假日 花市 園藝市集 及 農 特產 直銷 中心 所有 攤 商 345 月 都 減租 50 租金 香山 濕地 生態館 因 疫情 關閉 生態館 展區 民眾 只能 外帶 營運 受 影響 市府 也 減 收 3 個 月 30 租金 新竹 市立 動物園 親 子 餐廳 餐車 遊客 中心 及 禮品部 等 業者 3 個 月租金 減半 此外 停車場 業者 也 能 申請 權利 金 減免 方案 業者 須檢 附 今年 3 月 至 5 月 任 連續 2 個 月 總營業額 較 去年同期 減少 達 15 的 證明 就 能 申請 減 收 345 月 計 3 個 月 50 權利 金 包括 府 後 北 區 行政 大樓 明志 書院 等 10 個 公有 停車場 都 符合 資格</t>
  </si>
  <si>
    <t>租金市府市場疫情營運停車場權利中心廠商方案受惠業者包括減少故居減免推動動物園</t>
  </si>
  <si>
    <t>新冠肺炎疫情紓困振興新竹市</t>
  </si>
  <si>
    <t>疫情紓困振興肺炎新竹</t>
  </si>
  <si>
    <t>鼓勵嘉市學子保護口罩</t>
  </si>
  <si>
    <t>新冠肺炎疫情持續升溫延燒嘉義市累計3例確診案例防疫再升級27日學生幾乎都戴口罩上課市府雖仍舉辦春祭國殤典禮但市長黃敏惠及參加祭祀者都距離至少15公尺原訂28日辦理的反毒街舞大賽活動則暫停。春祭國</t>
  </si>
  <si>
    <t>持續升溫嘉義累計疫情確診案例防疫大賽祭祀參加惠及升級活動黃敏距離學生</t>
  </si>
  <si>
    <t>新冠肺炎疫情持續升溫延燒嘉義市累計3例確診案例防疫再升級27日學生幾乎都戴口罩上課市府雖仍舉辦春祭國殤典禮但市長黃敏惠及參加祭祀者都距離至少15公尺原訂28日辦理的反毒街舞大賽活動則暫停。
春祭國殤祭典27日在射日塔忠烈祠舉行由黃敏惠主祭民意代表、嘉義後備指揮部及市府各單位主管到場與祭黃還致贈家屬慰問金。鑑於新冠肺炎疫情持續升溫祭典也縮減規模由原訂250人縮減至40多人但氣氛依舊莊嚴肅穆。
主辦反毒街舞大賽的國際獅子會300-D1區總監張秀華議員則說結合嘉市府舉辦的反毒饒舌街舞大賽因疫情變化已經改期3次才終於敲定本月28日舉辦有13隊參加選手們都練舞很久期待大展伸手；惟疫情嚴峻防疫優先只好忍痛暫停擇期再辦。
此外嘉縣教育處也緊急召開國中小校長會議鼓勵學生戴口罩（含布口罩）進入校園昨天國中小學生幾乎人人戴口罩上課還有學生戴口罩上體育課。
教育處長林立生說新冠肺炎主要是飛沫、接觸傳染；據臺北市立聯合陽明醫院胸腔內科醫師蘇一峰說布口罩對飛沫有防護效果且布口罩洗淨消毒能重複使用鼓勵學生戴口罩自我保護也保護他人。</t>
  </si>
  <si>
    <t>口罩疫情學生舉辦市府反毒大賽嘉義參加防疫暫停肺炎原訂幾乎</t>
  </si>
  <si>
    <t>自我保護布口罩鼓勵學生肺炎原訂</t>
  </si>
  <si>
    <t>鼓勵口罩學生肺炎保護原訂</t>
  </si>
  <si>
    <t>探病禁止護理醫院新北</t>
  </si>
  <si>
    <t>新冠肺炎確診人數持續攀增新北市長侯友宜今召開新冠疫情第26次應變會議會後新北市衛生局長陳潤秋宣佈新北市53家醫院一般病房、142家護理之家20日起全面禁止探病、陪病限1人；加護病房則需訂定探病時段每次</t>
  </si>
  <si>
    <t>新北病房探病全面禁止攀增宣佈持續衛生局長人數護理市長醫院一般侯友宜會後召開</t>
  </si>
  <si>
    <t>新冠肺炎確診人數持續攀增新北市長侯友宜今召開新冠疫情第26次應變會議會後新北市衛生局長陳潤秋宣佈新北市53家醫院一般病房、142家護理之家20日起全面禁止探病、陪病限1人；加護病房則需訂定探病時段每次最多2人探病。
此外陳潤秋表示新北住宿型安養、養護及長照機構共214間全面改以視訊探病為原則若有特殊狀況需當面探病須在非照顧區的獨立會客室進行且限時30分鐘減少長者感染。</t>
  </si>
  <si>
    <t>探病新北病房進行會客室機構獨立全面改以養護照顧安養攀增持續須在非人數</t>
  </si>
  <si>
    <t>新北市護理之家醫院侯友宜新冠肺炎</t>
  </si>
  <si>
    <t>侯友宜醫院護理新北肺炎</t>
  </si>
  <si>
    <t>急診驚人小時</t>
  </si>
  <si>
    <t>清明連假期間不少國人到各大熱門景點趴趴走連假過後急診呼吸道症狀患者暴增陽明醫學博士胸腔重症醫師蘇一峰爆料短短一小時內就來了三個連假出遊後發生呼吸道症狀的患者預估連假後的大量篩檢潮將出現！蘇</t>
  </si>
  <si>
    <t>患者呼吸道症狀國人熱門蘇一峰醫師重症胸腔小時博士景點急診陽明醫學預估出遊</t>
  </si>
  <si>
    <t>清明連假期間不少國人到各大熱門景點趴趴走連假過後急診呼吸道症狀患者暴增陽明醫學博士胸腔重症醫師蘇一峰爆料短短一小時內就來了三個連假出遊後發生呼吸道症狀的患者預估連假後的大量篩檢潮將出現！
蘇一峰今天在臉書發文指出在美國急診看病要十幾萬台幣台灣只要五百元不到台灣就是就醫太方便又超級便宜就算全世界都已經怕爆新冠肺炎了不少台灣民眾還是照常出遊和出國他預估連假後的大量篩檢潮將出現還有大量海歸與本土疑似個案他感嘆「你的歲月靜好是有人負重前行」。
中央流行疫情指揮中心表示清明連假民眾南來北往互動頻繁且部分觀光景點人潮密集為確保國內社區防疫安全民眾若在連假期間曾至人潮擁擠的地方活動請自主健康管理14天。至於下一波五一連假是否會為防疫而取消？指揮官陳時中表示會視疫情變化調整。</t>
  </si>
  <si>
    <t>民眾臺灣蘇一峰人潮防疫急診表示景點疫情出遊患者出現假期清明連症狀呼吸道預估個案感歎</t>
  </si>
  <si>
    <t>清明連假中央流行疫情指揮中心11個國家級警報景點蔡依林虎頭埤</t>
  </si>
  <si>
    <t>疫情警報中心指揮流行景點蔡依林中央虎頭清明連</t>
  </si>
  <si>
    <t>境外人數本土增至學生確診</t>
  </si>
  <si>
    <t>近來本土疫情增溫教育部今（11）日公佈最新全國學生確診人數統計截至10日下午5點半新增本土和境外各1名學生確診總人數增至746人其中本土確診學生720人境外移入26人。教育部校安中心統計4月20日至9月10日</t>
  </si>
  <si>
    <t>教育部學生本土確診統計境外人數公佈最新全國下午新增截至疫情中心增至近來</t>
  </si>
  <si>
    <t>近來本土疫情增溫教育部今（11）日公佈最新全國學生確診人數統計截至10日下午5點半新增本土和境外各1名學生確診總人數增至746人其中本土確診學生720人境外移入26人。
教育部校安中心統計4月20日至9月10日下午5點半學生確診人數本土確診學生人數有720人以大專校院211人最多高中119人、國中113人、國小189人、幼兒園88人。
根據教育部資料顯示另有26名確診學生是境外移入其中24人是大專生1名國中生及1名國小生。
教育部也公佈行政院孩童家庭防疫補貼網最新統計資訊目前已領到孩童家庭防疫補貼的人數比率約9691％合計共230萬9813人符合領取資格。</t>
  </si>
  <si>
    <t>教育部人數學生統計確診本土最新公佈境外補貼家庭孩童防疫下午合計比率顯示</t>
  </si>
  <si>
    <t>新冠肺炎台灣學生教育部確診</t>
  </si>
  <si>
    <t>臺灣學生肺炎教育部確診</t>
  </si>
  <si>
    <t>桃園教學中輟改為回歸時代疫情學習</t>
  </si>
  <si>
    <t>全國各級學校因疫情從5月下旬便停課至今疫情期間實體課程改為線上遠距教學上課方式新穎、新奇此舉意外吸引中輟生參與桃園的國中小中輟生有50人回歸學習。桃園市國中小中輟生原有103位每位中輟生有不同的狀</t>
  </si>
  <si>
    <t>中輟疫情桃園期間實體課程改為教學上課停課方式新穎至今新奇意外吸引回歸學習下旬學校原有</t>
  </si>
  <si>
    <t>全國各級學校因疫情從5月下旬便停課至今疫情期間實體課程改為線上遠距教學上課方式新穎、新奇此舉意外吸引中輟生參與桃園的國中小中輟生有50人回歸學習。
桃園市國中小中輟生原有103位每位中輟生有不同的狀況包括抗拒到校、不願離開家中、情緒困擾、有焦慮狀等。教育局學輔校安室主任鄭淑玲指出這次因疫情改為線上教學有50位中輟生穩定接受線上學習從中輟生名單上結案目前桃園市國中小中輟生僅剩53位。
教育局統計大崗國中原有8位中輟生現有1位；八德國中原有6位中輟生現有4位；桃園國中原有6位現剩下2位。鄭淑玲分析相較傳統授課模式線上教學時間彈性對學生來說更為新奇學習意願提高若開學後若中輟生想繼續使用線上教學也可以會提供學生多元管道學習。
鄭淑玲表示線上學習讓學生有新鮮感且藉由線上學習減少人際關係或肢體誤會的幹擾讓學生更能勇於發言增加學習效能而老師也能在線上學習的視訊中瞭解學生狀況並進一步評估後續輔導措施協助學生持續穩定就學。
大崗國中校長徐如君說學校一直以來都有持續追蹤中輟生去向大多數是家庭問題學校都會扮演協調者協助孩子與家長修復關係。由於中輟生輟學時間都在使用電腦、手機這次線上教學多少也會增加其學習意願詢問中輟生們願不願意改為線上上課多數都答應。
桃園市中輟復學措施有2種包括高關懷課程及適性化課程高關懷課程是針對中輟生、可能中輟的學生去規畫推出烹飪、烘焙、騎腳踏車、走繩等課程現有59校國中申請中輟線上學習計畫希望以多元彈性課程吸引中輟學生返回校園穩定就學。</t>
  </si>
  <si>
    <t>中輟學生學習課程教學學校桃園疫情改為協助穩定狀況原有措施包括持續教育局新奇時間現有</t>
  </si>
  <si>
    <t>中輟生桃園線上教學新冠肺炎台灣</t>
  </si>
  <si>
    <t>教學桃園肺炎臺灣中輟</t>
  </si>
  <si>
    <t>臨盆老婆收入夢想疫情改當上班族</t>
  </si>
  <si>
    <t>39歲男星黃少穀是強辯樂團主唱兼吉他手、龍之家族吉他手去年與37歲Weather Girl天氣女孩林采薇結婚今年3月宣佈太太有喜本以為事業、婚姻皆得意想不到新冠肺炎重創經濟黃少穀頓時失去工作機會眼看老婆快</t>
  </si>
  <si>
    <t>黃少穀吉他工作失去頓時樂團經濟重創肺炎去年想不到weather得意婚姻女孩事業天氣girl以為有喜采薇結婚</t>
  </si>
  <si>
    <t>39歲男星黃少穀是強辯樂團主唱兼吉他手、龍之家族吉他手去年與37歲Weather Girl天氣女孩林采薇結婚今年3月宣佈太太有喜本以為事業、婚姻皆得意想不到新冠肺炎重創經濟黃少穀頓時失去工作機會眼看老婆快生了他決定放下音樂夢、轉職當上班族。
黃少穀14日在臉書沉痛發文：「這個疫情也對我的夢想判了死刑嗎？」他表示疫情前進修吳皓昇老師的表演課對方告知「如果我要拚！就是這兩年了」未料拍完八點檔、準備第二張專輯《命運》時疫情忽然爆發出唱片的夢想因此夭折。
黃少穀坦言在音樂領域看不到什麼成就「我也不是什麼實力派歌手我只是愛寫歌愛分享我的創作但這個世界慢慢的往飆高音+技術面的歌手前進時純粹的創作與態度對我來說已經不合時宜了」他離開音樂公司、轉戰戲劇圈疫情卻越來越嚴重再度失去機會。
看著嬌妻林采薇的孕期來到7個月「有一天她一臉擔心跟我討論著未來我心想！放棄吧放棄那個未知的等待。於是我在求職網站上找了個工作！」後來黃少谷向吳皓昇老師坦承當上班族「聊了很久他說那時候跟我拍戲看不到我的潛力後來幫我上課才慢慢的發現我很多地方可以發揮這兩年他也很期待我可以發展。」這通電話讓黃少穀傷心不已因為還沒準備好時機會來了等到真的準備好又失去機會。
同為演員的邱琦雯看到這篇貼文安慰黃少穀：「老弟很多同行也都停擺停工不要灰心待疫情過後也許機會就來臨了！」五月天士傑也留言打氣：「機會是留給準備好的人而不是留給放棄的人喔你現在選擇相對侷限不是你的問題不要往心裡面去而是要趁現在充實自己從不同面向去體會人生才有可能給觀眾&amp;也給自己新的觀點～小朋友剛要出生人生才是真正的重新開始。」最感人的是老婆林采薇也站出來挺丈夫「老公謝謝你為家庭的付出每次看著你那麼認真那麼努力一直一直不斷的做功課練習我都默默在一旁幫你加油打氣著這行需要很多的是機緣跟運氣你每天在家的努力我都看到了老公我會一直在！一直陪你走下去！」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黃少穀疫情準備音樂機會采薇告知不要人生一直慢慢失去機會歌手務必放棄老婆</t>
  </si>
  <si>
    <t>黃少谷疫情林采薇新冠肺炎台灣</t>
  </si>
  <si>
    <t>采薇肺炎疫情黃少穀臺灣</t>
  </si>
  <si>
    <t>疫情侯友宜停開假日考慮穩定持續新北說明會</t>
  </si>
  <si>
    <t>新北今無新增個案連續9天加0新北市長侯友宜今在疫情說明會會後表示疫情持續穩定如假日又零確診的話會考慮停開線上疫情說明會平日則偶由副市長劉和然代理主持。</t>
  </si>
  <si>
    <t>疫情市長說明會新北連續個案平日確診穩定假日考慮持續停開侯友宜表示會後劉和然代理</t>
  </si>
  <si>
    <t>新冠肺炎台灣說明會疫情新北</t>
  </si>
  <si>
    <t>肺炎臺灣說明會疫情新北</t>
  </si>
  <si>
    <t>醫院嘉義檢疫居家</t>
  </si>
  <si>
    <t>新冠肺炎防疫打持久戰依規定須居家隔離、居家檢疫、自主健康管理者在14天的隔離期間若有非發燒與呼吸道症狀的就醫需求即日起可撥打防疫專線（05）2341150由嘉義市衛生局指定22家醫療院所視訊看診。市衛生局</t>
  </si>
  <si>
    <t>防疫隔離衛生局居家持久戰管理者期間呼吸道發燒症狀就醫需求即日起院所可撥打醫療指定專線嘉義健康規定</t>
  </si>
  <si>
    <t>新冠肺炎防疫打持久戰依規定須居家隔離、居家檢疫、自主健康管理者在14天的隔離期間若有非發燒與呼吸道症狀的就醫需求即日起可撥打防疫專線（05）2341150由嘉義市衛生局指定22家醫療院所視訊看診。
市衛生局表示衛生局首先確認民眾身分、身體狀況與就醫需求依民眾的就醫習慣指定合適的醫院或診所做遠距離診療由專人或個案管理師與病人約定看診時間、通訊軟體再由醫師在診間與病人視訊通話看診通訊診療會截圖與錄音。
通訊看診後領藥、繳款需由家屬或委託代理人完成醫院會憑著健保卡提供藥物並安排繳費由家屬與代理人把藥送給居家檢疫、居家隔離、自主健康管理者。
衛生局表示目前嘉義市還沒有民眾提出通訊看診的需求若是居家隔離、居家檢疫與自主健康管理民眾有發燒、呼吸道症狀不適用視訊診療須通知衛生局或撥打1922協助安排迅速就醫。</t>
  </si>
  <si>
    <t>衛生局民眾診療通訊就醫需求居家醫院隔離代理人防疫指定管理家屬安排病人嘉義呼吸道症狀表示</t>
  </si>
  <si>
    <t>肺炎達美航空追蹤</t>
  </si>
  <si>
    <t>在一對前往夏威夷旅遊的日本夫妻返回名古屋傳出入院治療新冠肺炎的消息後。達美航空（Delta Airlines）與夏威夷航空（Hawaiian Airlines）正與美日衛生當局合作追蹤他們曾行經的路線。據《今日美國報》（USA TOD</t>
  </si>
  <si>
    <t>夏威夷airlines今日路線行經追蹤夫妻合作名古屋返回當局傳出衛生入院美國治療肺炎消息delta達美航空日本hawaiian</t>
  </si>
  <si>
    <t>在一對前往夏威夷旅遊的日本夫妻返回名古屋傳出入院治療新冠肺炎的消息後。達美航空（Delta Airlines）與夏威夷航空（Hawaiian Airlines）正與美日衛生當局合作追蹤他們曾行經的路線。
據《今日美國報》（USA TODAY）與CNN新聞網17日報導一對60多歲的夫妻1月28日搭乘夏威夷航空前往度假勝地夏威夷在當地玩了將近10天2月6日搭乘達美航空611班機從檀香山返回名古屋。接著就傳出兩人因罹患新冠肺炎入院治療的消息。
此外達美說他們正主動連絡那些最近搭乘該班機的乘客。聲明中指出他們正與美國疾病管制與預防中心（CDC）還有名古屋衛生當局合作以採取必要措施以確保顧客和機組人員的安全。
儘管加州等美國7州已出現15宗病例但夏威夷官員說至今當地還沒有出現新冠肺炎確診病例。</t>
  </si>
  <si>
    <t>美國夏威夷名古屋搭乘出現達美航空班機合作肺炎返回當地當局衛生傳出夫妻航空消息病例入院airlines治療前往今日機組人員</t>
  </si>
  <si>
    <t>武漢肺炎新型冠狀病毒全球達美航空夏威夷航空</t>
  </si>
  <si>
    <t>全球病毒冠狀達美航空夏威夷肺炎武漢航空</t>
  </si>
  <si>
    <t>外島重演海軍艦艇感染配置肺炎艦隊敦睦檢測</t>
  </si>
  <si>
    <t>國防部規劃這批17具自動化核酸分析儀將優先部署於執行長期偵巡任務之船艦單位、外離島偏遠單位、及各作戰區國軍醫院俾利單位醫官運用小型自動化核酸分析儀設備針對疑似出現新冠肺炎各類症狀之出勤官兵實施</t>
  </si>
  <si>
    <t>單位核酸分析儀自動化肺炎出現症狀作戰區設備長期任務執行部署優先醫官運用出勤偏遠</t>
  </si>
  <si>
    <t>國防部規劃這批17具自動化核酸分析儀將優先部署於執行長期偵巡任務之船艦單位、外離島偏遠單位、及各作戰區國軍醫院俾利單位醫官運用小型自動化核酸分析儀設備針對疑似出現新冠肺炎各類症狀之出勤官兵實施早期採檢及初步診斷以利及時通報應處精進國軍防疫整備工作。
據瞭解這批新購的小型自動化核酸分析儀是運用熱隔絕恆溫聚合酶連鎖反應技術(insulated isothermal PCR iiPCR)進行核酸擴增反應具有無須反覆加熱及冷卻、反應條件單純、設備體積小及反應時間短(85分鐘)等優點可同時檢測8個檢體並具備自動除汙消毒功能避免人員感染及後續檢測汙染。另設備體積小適合部署於空間狹窄之船艦單位亦可依任務彈性調撥至須採檢之其他單位。
國防部軍醫局表示自動化核酸分析儀已完成採購及交貨並配發海軍、外離島及各國軍醫院合計17台亦完成專責操作人員教育訓練共計3場次、141人次參與。
國防部說自動化核酸分析儀設置後可因應疫情由單位專責人員即時進行疑似個案初步篩檢強化適切之防疫應處作為確維官兵健康並持續執行國軍各項年度戰演訓任務。</t>
  </si>
  <si>
    <t>核酸單位分析儀自動化人員設備軍醫官兵國防部檢測防疫任務進行執行部署初步體積小完成反應專責運用</t>
  </si>
  <si>
    <t>國防部新冠肺炎肺炎群聚感染敦睦艦隊</t>
  </si>
  <si>
    <t>肺炎感染敦睦艦隊國防部</t>
  </si>
  <si>
    <t>傳染開學隔離學生</t>
  </si>
  <si>
    <t>美國部分學區近期相繼打開大門讓師生返校上課不過現在傳出有中學開學第一天就傳出學生感染新冠肺炎迫使校方在開學幾小時就祭出隔離措施。綜合《紐約時報》（New York Times）、美國哥倫比亞廣播公司新聞網（CB</t>
  </si>
  <si>
    <t>開學傳出近期york相繼new打開紐約時報大門綜合師生措施返校上課times隔離現在祭出小時肺炎校方迫使學生感染</t>
  </si>
  <si>
    <t>美國部分學區近期相繼打開大門讓師生返校上課不過現在傳出有中學開學第一天就傳出學生感染新冠肺炎迫使校方在開學幾小時就祭出隔離措施。
綜合《紐約時報》（New York Times）、美國哥倫比亞廣播公司新聞網（CBS News）報導美國印第安納州（Indiana）葛林斐德中央中學（Greenfield Central Junior High School）7月30日讓師生重返學校上課開學第一天幾小時後就傳出有學生新冠病毒檢測呈現陽性。
當地衛生官員指出該名學生是在回學校前幾天進行病毒檢測當天下午檢測結果出爐後當局立刻通知學生家長以及有關單位。
據瞭解該名染疫學生當天曾在學校走廊上穿梭、並且出席不同教室的課程。學校在接獲通知後已立即要求學生以及所有相關接觸者隔離14天。目前尚不清楚染疫學生是否感染了其他人。
主管印第安納州葛林斐德中央地區學校的教育局長歐林（Harold Olin）表示當局早就預期今年秋天學校可能會出現確診病例只是沒有想到開學第一天就發生這種事。
儘管學校重新開放才幾小時就傳出確診消息當地學區仍不改開學計畫只是因應情況啟動病毒檢測方案所有密切接觸者必須隔離14天才能重回學校確診者必須隔離10天並且在出現症狀的72小時後才能回到學校。
除了葛林斐德中央中學印第安納州印第安納波利斯市（Indianapolis）的雅芳高中（Avon High School）一名教職人員也傳出確診新冠所幸該名職員近期並未到校因此校方不需要對相關人員祭出隔離措施。
不過美國學校復學後傳出確診並非單一事件美國有線電視新聞網（CNN）報導密西西比州科林斯高中（Corinth High school）在開學一周後一名學生也傳出新冠病毒檢測結果為陽性該名學生及相關接觸人員已被要求在家隔離。
《紐約時報》指出隨著部分學區堅持讓學校重新開放校方也得做好師生面臨隔離或是學校重新關閉的準備不過學校是否關閉各地區有各自的規定以紐約市為例一個班級若有1至2人確診全班必須停課、隔離14天若一個學校不同班級有2名以上師生染疫學校必須關閉至少14天進行調查；加州則是2周內全校有超過5%的師生染疫後才須關閉。</t>
  </si>
  <si>
    <t>學校隔離學生確診開學傳出師生病毒檢測必須校方小時highschool中學美國關閉印第安那州</t>
  </si>
  <si>
    <t>美國開學學生感染新冠肺炎</t>
  </si>
  <si>
    <t>感染學生開學肺炎美國</t>
  </si>
  <si>
    <t>社論臺灣經濟距離工商</t>
  </si>
  <si>
    <t>美中貿易戰和科技戰後由於美國對大陸高科技的管制造成下單轉單效應也使台灣的科技業商機暢旺。尤其是半導體的搶單轉單效應以及AI、5G、物聯網等技術的開展對半導體需求量大增的情況下成為各方爭搶訂單的標的</t>
  </si>
  <si>
    <t>科技導體效應情況需求量成為管制開展技術造成戰後聯網尤其下單ai臺灣</t>
  </si>
  <si>
    <t>美中貿易戰和科技戰後由於美國對大陸高科技的管制造成下單轉單效應也使台灣的科技業商機暢旺。尤其是半導體的搶單轉單效應以及AI、5G、物聯網等技術的開展對半導體需求量大增的情況下成為各方爭搶訂單的標的而使台積電贏得「護國神山」的美名。其次COVID-19的肆虐導致遠距醫療、遠距工作、遠距學習、遠距娛樂等蔚為潮流也帶動筆電、雲端、資訊安全的需求。此外在新生活型態的帶動下共用經濟、平臺經濟、外送經濟等新的平臺、跨域合作大放異彩。
雖然台灣獲利於新冠肺炎、美中科技戰也使台灣在科技業的訂單源源不絕。但深入分析台灣受惠的絕大多數是代工、硬體而非軟體、服務、智財權與品牌。如遠距的需求台灣還是以筆電、伺服器等硬體為主對遠距的視訊軟體、資訊安全軟體的著墨相對較少。同時在共用經濟、外送經濟蔚為潮流之下台灣除了Ubike之外缺乏自己的平臺Uber Eats、Food Panda均為外來的品牌。
而台灣冀以重望的半導體目前在搶單的情況下訂單已經超額下訂到12至18個月。其中有些訂單並不紮實一旦景氣下滑這些訂單也可能會毀約屆時台灣能否繼續維持這麼熱絡的景氣也有一定程度的不確定性。
就股市而言台積電占台灣上市櫃公司市值近30％其他前十大市值公司的九家總和僅占台積電的一半。而且前述十大市值的公司多數是成立30年以上的半導體、電子、石化公司皆為硬體製造業。和美國、韓國、中國股市的多樣化有著相當大的差異。美國軟、硬體各半；韓國近年來網路、生技、鋰電池產業崛起；中國則在網際網路及相關應用服務大放異彩股市的表現更多樣化更向新經濟靠攏。此外如再以初次上市櫃企業（IPO）的金額觀之那斯達克（Nasdaq）有570多億美元香港有510多億美元台灣則只有100多億元新台幣相去甚遠。
由產業多元化、股市成交值內涵及IPO金額等新經濟的指標觀察台灣和新經濟還有一大段的距離。
至於台灣如何拉近和新經濟的距離？由於台灣和歐洲距離較遠、地緣關係不強日本則吝於技術的移轉而美國仍是AI、5G技術的主要源頭。因此和美國的接軌將是台灣未來和新經濟接軌的主要驅動力。
台灣和美國在科技上接軌可以透過以下三個方向進行：第一供應鏈的接軌；第二人才、技術、商業模式的接軌；第三則是資金、資本市場的接軌。
在供應鏈的接軌上台灣經由大陸、東南亞乃至墨西哥的投資佈局接軌美國市場已經相當完整。但隨著美中科技戰的開打潔淨網絡（clean network）的布建區隔非紅色、紅色供應鏈值得廠商正視也是政府可以支援的課題。另外美國推動再工業化、創造就業機會台灣是最好的策略夥伴。台灣可以慎選一、兩個重點產業提供海外供應鏈的協助幫助美國再工業化、創造就業機會贏得台灣在美國政界及一般民眾的信任。
在人才、技術、商業模式的接軌上AI、5G、物聯網等技術源頭仍在美國台灣可以透過創業投資、透過購併美國廠商取得人才、技術鏈結美國在新經濟的生態鏈。一方面投資美國另一方面台灣可以取得先進的技術、商業模式模式在科技上繼續領先中國、東南亞。
在資本市場的接軌上其一台灣可以參考那斯達克的改革經驗。那斯達克過去面對上市企業減少的困境開始透過資金的挹注扶植新創企業讓新創企業可以源源不絕的上市為那斯達克資本市場注入活水。其二改變企業上市的準則從新經濟的角度鬆綁缺乏彈性的準則尤其是透過矩陣式的規範讓企業在資本、營業額、獲利率等不同準則上有更多彈性的選擇增加新創企業上市的機會。
其三台灣的創新板可以選擇和那斯達克合作因為那斯達克有嚴格的審核程式（SOP）有國際的品牌更容易引進國際的資金。因為它有國際的聲譽更容易取得國際投資人的認可資金將可源源不絕而來。比台灣自行推動創新板來得簡單而且投資人來自全球各地影響更為廣泛。又台灣可以組成一個創業20（20家台灣最好的新創企業）在那斯達克的台灣板掛牌接軌美國引進國際資金為台灣的新創企業開啟接軌國際資本市場的出海口。
當然台灣的產業應該更多元化尤其是扶植生技醫療、軟體服務、網際網路的新創企業才能夠和國際資金想要投資的產業相吻合如此台灣將更容易取得國際資金的青睞。</t>
  </si>
  <si>
    <t>臺灣美國可以企業經濟科技接軌上市技術產業資金訂單達克股市國際透過供應資本硬體那斯</t>
  </si>
  <si>
    <t>遠距新經濟美國資金技術</t>
  </si>
  <si>
    <t>美國經濟資金技術</t>
  </si>
  <si>
    <t>不足柯文哲防疫蔡正元臺北市加油</t>
  </si>
  <si>
    <t>新冠肺炎疫情延燒中前國民黨副祕書長蔡正元上午在臉書發文指臺北市政府最應在全台防疫工作發揮領導作用急診醫師出身的臺北市長柯文哲也應比牙醫出身的疫情指揮中心指揮官陳時中更懂如何準備卻連演練都不</t>
  </si>
  <si>
    <t>疫情出身準備陳時中指揮官國民黨秘書長中心蔡正元上午發文指揮臺北市政府應在全台防疫工作發揮牙醫</t>
  </si>
  <si>
    <t>新冠肺炎疫情延燒中前國民黨副祕書長蔡正元上午在臉書發文指臺北市政府最應在全台防疫工作發揮領導作用急診醫師出身的臺北市長柯文哲也應比牙醫出身的疫情指揮中心指揮官陳時中更懂如何準備卻連演練都不做超前陪署。他呼籲「柯文哲該加油了吧？」
蔡正元說柯文哲是大牌醫師出身面對冠狀病毒疫情照說應該有突出的表現但是柯文哲領導的臺北市府從疫情爆發到現在卻沒有什麼特別的表現；平常話術很多的柯文哲最近講起話來也淡如水。是柯文哲改變為低調作風還是老柯江郎才盡？
他說其實臺北市府最應該在防疫工作上發揮全台的領導作用而不是做個平庸的角色；特別在防疫期間作為市長的柯文哲更該想到臺北市最多回台人口要如何防杜社區感染？ 急診醫師出身的柯文哲總該比牙醫出身的陳時中更懂得如何準備吧？
蔡正元說臺北市也最會在地震上受傷現在既是防疫期間也是地震易發時期若同時發生臺北市總不會連個演練都不做超前部署吧？該做的事很多柯文哲該加點油了吧？</t>
  </si>
  <si>
    <t>柯文哲疫情臺北市出身防疫蔡正元領導醫師特別應該現在表現期間臺北市府陳時中準備急診作用牙醫</t>
  </si>
  <si>
    <t>新冠肺炎防疫超前部署蔡正元柯文哲</t>
  </si>
  <si>
    <t>防疫超前部署肺炎蔡正元柯文哲</t>
  </si>
  <si>
    <t>防疫diy司機小黃有才</t>
  </si>
  <si>
    <t>昨（2月29日）中央流行疫情指揮中心公佈新增5例新冠肺炎確診台灣境內已出現院內感染。受到疫情影響許多行業收入銳減計程車若不跑車載客就沒有收入；一名網友貼出搭車照片只見小黃司機自製「防疫神簾」短</t>
  </si>
  <si>
    <t>疫情收入司機小黃只見照片指揮搭車中心公佈貼出新增自製網友肺炎確診臺灣境內沒有出現院內載客感染計程車</t>
  </si>
  <si>
    <t>昨（2月29日）中央流行疫情指揮中心公佈新增5例新冠肺炎確診台灣境內已出現院內感染。受到疫情影響許多行業收入銳減計程車若不跑車載客就沒有收入；一名網友貼出搭車照片只見小黃司機自製「防疫神簾」短短半天就破7萬網友按讚網友大讚司機超有才！
一名網友在臉書社團「爆料公社」發文「今天遇到這個計程車大哥太有才了！」大讚是遠離新冠肺炎的最佳示範原來司機買了一張大片的透明塑膠布將前、後座完全隔離成兩個空間用來避免飛沫感染。
原PO表示在防疫神簾下方有一個盤子是司機特意準備的用來付錢、找錢可以減少肌膚接觸；至於她在搭車的期間司機也全程開窗保持通風原PO大讚：「不讓他紅不行！」
網友看後也紛紛大讚「這個很可以」、「很懂得保護自己讚啦」、「保護自己也就是保護別人」、「生活靠智慧」、「這防疫做的好嚴密」。不過也有網友提醒「透明布要洗才有效果否則反而把病毒留在距離呼吸道更近的地方」、「冷氣空調開車內循環就破功了」、「這還存有很大的空隙並未做到完全隔離沒啥作用只是求心安而已」。
更多 CTWANT 報導</t>
  </si>
  <si>
    <t>司機網友大贊防疫疫情計程車感染透明用來po完全隔離收入可以肺炎有才保護指揮中心</t>
  </si>
  <si>
    <t>新冠肺炎武漢肺炎新型冠狀病毒台灣司機</t>
  </si>
  <si>
    <t>肺炎武漢冠狀病毒臺灣司機</t>
  </si>
  <si>
    <t>巨頭四大famg籌碼方攀專訪</t>
  </si>
  <si>
    <t>是方(6561)堪稱中華電(2412)小雞金去年每股大賺867元以歷史成長軌跡來看今年有機會挺進1個股本獲利在疫情中突圍加上101%的配息率台股績優生當之無愧市場就斷言「在這波疫情下、帶動靠雲端相關維繫</t>
  </si>
  <si>
    <t>疫情帶動小雞去年歷史斷言成長軌跡來看當之無愧今年優生市場息率機會挺進股本加上獲利</t>
  </si>
  <si>
    <t>疫情雲端服務客戶機房劉耀元市場去年持續成長網路idc衝擊發展國際化獲利絕對來看產品</t>
  </si>
  <si>
    <t>涮涮鍋足跡確診公佈北市</t>
  </si>
  <si>
    <t>臺北市公佈2例確診者足跡其中案15907在10日確診初判可能感染源尚待釐清中個案曾在8月7日到過遠百寶慶店10日曾到過台灣銀行萬華分行皆已完成清消遠百寶慶店今停業1天；個案曾搭乘的捷運8／10已完成清消。</t>
  </si>
  <si>
    <t>個案確診完成寶慶感染可能足跡清中分行臺灣銀行搭乘</t>
  </si>
  <si>
    <t>臺北市公佈2例確診者足跡其中案15907在10日確診初判可能感染源尚待釐清中個案曾在8月7日到過遠百寶慶店10日曾到過台灣銀行萬華分行皆已完成清消遠百寶慶店今停業1天；個案曾搭乘的捷運8／10已完成清消。
另外個案15908在10日確診初判可能感染源為家戶感染個案曾在7日到過大同區的易明軒庭園餐廳；9日曾到過錢都涮涮鍋臺北延平店8／10完成清消8／10-8／12停業3天至8／23禁止內用僅能外帶。</t>
  </si>
  <si>
    <t>個案完成停業確診感染寶慶禁止可能足跡清中臺灣銀行</t>
  </si>
  <si>
    <t>新冠肺炎個案足跡清消錢都</t>
  </si>
  <si>
    <t>個案足跡肺炎錢都</t>
  </si>
  <si>
    <t>台中確診船員社區</t>
  </si>
  <si>
    <t>台中市清水區一處社區6日晚間傳出有住戶確診COVID-19被安置到醫院隔離治療；對此台中市衛生局指出是5名孟加拉籍船員租屋在此已解隔離後要再登船做PCR篩檢未料5人中有1人為陽性令人憂心的是其中1人10月29日入</t>
  </si>
  <si>
    <t>隔離台中pcr晚間船員傳出確診住戶社區孟加拉</t>
  </si>
  <si>
    <t>台中市清水區一處社區6日晚間傳出有住戶確診COVID-19被安置到醫院隔離治療；對此台中市衛生局指出是5名孟加拉籍船員租屋在此已解隔離後要再登船做PCR篩檢未料5人中有1人為陽性令人憂心的是其中1人10月29日入境解隔離後已入住該社區超過半個月另4人11月18日入境也在上周解隔離入住該社區還在自主健康管理中。
台中清水社區6日晚間傳出有民眾確診晚間救護車進進出出將住戶隔離安置台中市衛生局證實為境外移入個案是5名孟加拉籍船員入境檢疫期滿要再登船做PCR檢驗其中1人呈現陽性衛生局不敢輕忽已立即隔離安置並重新採檢送驗。
衛生局表示新增境外移入陽性個案為新加坡入境孟加拉籍船員其中4名個案曾施打過1-2劑新冠疫苗。這5人有1人是10月29日入境另4人11月18日入境自桃園機場入境入境時都持3日內陰性報告自新加坡來台入境唾液檢驗及檢疫期滿前鼻咽採檢皆為陰性檢疫期滿後入住公司租屋處其中1人11月中就已入住該社區另4人上周入住還在自主健康管理中。
對於該群聚確診是否整個社區民眾都有被傳染之虞台中市衛生局指稱5人中有4人還在自主健康管理中經調查個案外出皆有佩戴口罩出門時無於社區大樓逗留因語言不通無與其他住戶接觸目前尚待疾管署檢驗血清等釐清感染源。</t>
  </si>
  <si>
    <t>隔離社區入境衛生局台中檢驗住戶個案安置檢疫期滿陽性確診入住船員管理新加坡</t>
  </si>
  <si>
    <t>新冠肺炎台灣清水確診5人</t>
  </si>
  <si>
    <t>臺灣清水肺炎確診</t>
  </si>
  <si>
    <t>考慮政府升溫再度防疫疫情限制荷蘭</t>
  </si>
  <si>
    <t>11月初荷蘭新冠肺炎住院人數再飆高令政府考慮重啟防疫限制可能成為今夏以來西歐第一個提高防疫限制的國家。由防疫專家組成的疫情管理團隊近日建議政府應下令取消大型集會活動、關閉電影院並縮短餐飲業營業時</t>
  </si>
  <si>
    <t>政府防疫限制電影院肺炎關閉住院活動人數集會取消下令縮短建議近日團隊疫情管理組成考慮西歐成為可能</t>
  </si>
  <si>
    <t>11月初荷蘭新冠肺炎住院人數再飆高令政府考慮重啟防疫限制可能成為今夏以來西歐第一個提高防疫限制的國家。由防疫專家組成的疫情管理團隊近日建議政府應下令取消大型集會活動、關閉電影院並縮短餐飲業營業時間。
荷蘭總理呂特（Mark Rutte）可能在12日做出決策。儘管荷蘭成人疫苗接種率逼近85％但新冠肺炎住院人數大增令許多醫院被迫縮減日常醫療人力。</t>
  </si>
  <si>
    <t>荷蘭政府防疫可能限制肺炎住院人數醫院活動關閉大增下令取消集會疫情建議團隊近日電影院縮短組成餐飲業管理營業時間西歐</t>
  </si>
  <si>
    <t>防疫荷蘭考慮新冠肺炎住院人數</t>
  </si>
  <si>
    <t>考慮肺炎住院荷蘭人數防疫</t>
  </si>
  <si>
    <t>明年注意預言面臨神童災難印度</t>
  </si>
  <si>
    <t>「印度神童」阿南德多次預言成功讓不少網友深信不疑。他曾警告12月要更加小心全球疫情可能會加劇沒想到Omicron變異株就出現讓世界各國紛紛祭出邊境政策近日他又有最新預言他提醒12月有6件事要特別小心</t>
  </si>
  <si>
    <t>預言小心成功想到加劇政策近日omicron網友可能變異出現祭出紛紛世界邊境疫情全球深信不疑更加警告提醒</t>
  </si>
  <si>
    <t>「印度神童」阿南德多次預言成功讓不少網友深信不疑。他曾警告12月要更加小心全球疫情可能會加劇沒想到Omicron變異株就出現讓世界各國紛紛祭出邊境政策近日他又有最新預言他提醒12月有6件事要特別小心包括疫情與病毒範圍會擴大、國際政治局勢、洪水氾濫、房地產業及畜牧業等。
阿南德上月26日於YouTube頻道《Conscience》上傳影片警告大家要特別注意12月的第二周這個時間點可能會看到更大的疫情危機與病毒傳染的範圍會再擴大且在明（2022）年全球將面臨多個災難。
阿南德表示受到木星逆行的關係許多疫苗接種率高的國家也會面臨高感染率包括英國、以色列、法國、西班牙、瑞典及日本等多達17個國家都已出現疑似Omicron變異株病例也要注意國際政治局勢變化特別是大陸與印度邊界的發展有可能在明年3月至4月間出現狀況。
阿南德說全球氣候變遷也要注意特別是洪水氾濫問題；另外因為月偏食的關係是血月、紅月亮在這2至3個月內要留意房地產業、畜牧業的發展最後他也說印度的經濟也是值得關注的事。
阿南德也提醒疫情雖然嚴峻但疫苗並非萬靈丹建議大家從大自然中得到防衛武器也就是保持健康的生活方式才能對抗疾病可吃沒有加工過的食品、呼吸新鮮空氣、多曬太陽別重度使用3C產品要適時釋放壓力。
★《中時新聞網》提醒您：民俗傳說僅供參考請勿過度迷信。</t>
  </si>
  <si>
    <t>阿南德疫情可能出現全球特別印度關係疫苗包括國家警告面臨畜牧業房地產業發展預言變異omicron國際</t>
  </si>
  <si>
    <t>印度神童阿南德預言新冠肺炎台灣</t>
  </si>
  <si>
    <t>預言阿南德神童肺炎印度臺灣</t>
  </si>
  <si>
    <t>滅菌迎合led肺炎uvc隆達需求</t>
  </si>
  <si>
    <t>UVC LED消毒殺菌應用多元、且技術門檻較高隆達電子（3698）身為光電半導體解決方案提供者專注於光、機、電、熱的技術整合及產品創新也是業界少數可提供晶粒、封裝、模組一條龍生產的LED光源提供者近年也積極</t>
  </si>
  <si>
    <t>技術提供者led應用門檻光源電子身為晶粒提供隆達生產封裝光電半導體一條龍解決方案專注創新產品</t>
  </si>
  <si>
    <t>UVC LED消毒殺菌應用多元、且技術門檻較高隆達電子（3698）身為光電半導體解決方案提供者專注於光、機、電、熱的技術整合及產品創新也是業界少數可提供晶粒、封裝、模組一條龍生產的LED光源提供者近年也積極開發UVC LED。為滿足使用者的多元需求近期更推出多款UVC LED新品PU35CL1能耗低、封裝小特別適用於隨身型殺菌用品民眾在外可隨時清潔不把病毒帶回家! 而PU35CM1適用於100ma typ13~15mW的強度能在有限空間快速殺菌可安裝在空氣清淨機、空調等白色家電中是居家防疫不可缺少的利器。
隆達深耕LED多年是業界少數同時可提供UV晶粒、封裝及模組之全方位技術製造商光電設計技術團隊可針對客戶需求開發客製化產品。
新冠肺炎疫情在全球釀成極大恐慌為防止病毒感染及散播人們格外重視殺菌。UV-C紫外線已被証明能消滅細菌、病毒、黴菌等微生物。近期中國國家衛生委員會針對冠狀病毒相關治療指南中指出紫外線將可消滅COVID-19病毒。</t>
  </si>
  <si>
    <t>led殺菌技術病毒封裝uvc產品適用於提供者近期pu需求開發紫外線光電消滅晶粒極大恐慌釀成防止全球</t>
  </si>
  <si>
    <t>隆達全球LEDUVC封裝</t>
  </si>
  <si>
    <t>uvcled隆達封裝全球</t>
  </si>
  <si>
    <t>進一步確診活動引發社區寧波疫情爆發研究</t>
  </si>
  <si>
    <t>大陸浙江寧波市疾控中心日前針對新冠肺炎感染案例進行特徵分析其中發現1月22日~2月22日期間寧波市累積的157起確診個案中有近9成為群聚感染最大宗的群聚感染事件則是來自1月19日的一場大型佛寺活動總共導</t>
  </si>
  <si>
    <t>感染肺炎來自案例確診個案日前佛寺進行期間特徵分析寧波市發現累積事件成為寧波市疾控中心活動浙江</t>
  </si>
  <si>
    <t>大陸浙江寧波市疾控中心日前針對新冠肺炎感染案例進行特徵分析其中發現1月22日~2月22日期間寧波市累積的157起確診個案中有近9成為群聚感染最大宗的群聚感染事件則是來自1月19日的一場大型佛寺活動總共導致了67起確診病例以及15個無症狀感染者。
該份研究名為《寧波市新型冠狀病毒肺炎病例流行特徵分析》於4月10日刊登在《預防醫學》期刊當中作者為寧波市疾控中心張棟樑、易波等人。
該研究指出1月22日~2月22日期間寧波市本地感染病例為106起佔總數6752％；而首位確診病例是寧波某公司財務人員曾在1月14日前前往杭州參加會議並在當時與來自武漢的同事討論並在1月22日返回寧波被診斷感染新冠病毒。
值得注意的是研究當中提到在1月19日舉辦的某場大型佛事集體活動發生嚴重群聚感染致社區疫情暴發確診病例共有67例無症狀感染者15例。確診病例中男性17例、女性50例； 50歲以上病例48例佔7164％。
研究指出寧波市1月22日報告首例確診病例且為本地病例當日即出現病例發病峰值呈現本地病例和輸入病例共同流行趨勢與1月19日那場大型佛教集體活動造成的聚集性感染進一步導致社區暴發有關。
此外在這段期間寧波市下轄10個縣市都有確診病例。數量居前三位的分別為海曙區69例、慈溪市26例以及鄞州區16例佔1019％。海曙區確診病例數主要與前述大型佛事集體活動導致的聚集性疫情所致。
事實上早在2月上旬寧波官方就曾公告這場佛教集體活動導致的聚集性疫情當時稱有25人確診。</t>
  </si>
  <si>
    <t>病例確診感染寧波市研究活動導致集體疫情期間寧波日前當時當中來自寧波市疾控中心肺炎病毒</t>
  </si>
  <si>
    <t>病例寧波市感染新冠肺炎武漢肺炎</t>
  </si>
  <si>
    <t>感染寧波市肺炎武漢病例</t>
  </si>
  <si>
    <t>預約混打截止今日人選</t>
  </si>
  <si>
    <t>首批混打預約今天上午10點開搶截至下午1點已有17萬人預約預約已於今天下午4點截止。原定混打將在11月20日、21日進行但考量適逢週末中央流行疫情指揮中心宣佈延長至24日。有民眾今天一早上網預約混打意外</t>
  </si>
  <si>
    <t>預約混打中央流行週末疫情指揮截至下午中心宣佈一早延長民眾今天考量適逢進行今天上午今天下午截止原定上網已於</t>
  </si>
  <si>
    <t>首批混打預約今天上午10點開搶截至下午1點已有17萬人預約預約已於今天下午4點截止。原定混打將在11月20日、21日進行但考量適逢週末中央流行疫情指揮中心宣佈延長至24日。
有民眾今天一早上網預約混打意外發現24日前皆可預約。指揮官陳時中說明原本開放混打日期為11月20至21日但明後天是週末有些地方沒有開那麼多站因此延長至24日下週一到週三都可以預約接種。
陳時中也說第14輪混打疫苗共有26萬8984人登記已預約混打共16萬9597人其中選擇莫德納約有11萬人、BNT則有5萬4千多人。</t>
  </si>
  <si>
    <t>預約混打週末延長中央流行疫情指揮官接種指揮可以中心陳時中意外說明宣佈時中開放日期</t>
  </si>
  <si>
    <t>混打預約莫德納BNT台灣</t>
  </si>
  <si>
    <t>混打臺灣bnt莫德納預約</t>
  </si>
  <si>
    <t>原因可能確診受罰金在中</t>
  </si>
  <si>
    <t>JYJ成員金在中昨(1日)稱罹患新冠肺炎結果不到1小時內又自首稱是「愚人節玩笑」引發軒然大波韓國網友怒上青瓦台網站請願要求懲罰金在中消息傳到PTT台灣網友則虧他成了「確診中」。韓媒報導多次散佈假消息</t>
  </si>
  <si>
    <t>網友確診肺炎結果小時自首愚人節請願要求懲罰臺灣軒然大波玩笑網站</t>
  </si>
  <si>
    <t>JYJ成員金在中昨(1日)稱罹患新冠肺炎結果不到1小時內又自首稱是「愚人節玩笑」引發軒然大波韓國網友怒上青瓦台網站請願要求懲罰金在中消息傳到PTT台灣網友則虧他成了「確診中」。韓媒報導多次散佈假消息引發民眾不安可能處以一年以下有期徒刑但警方表示因金在中沒有反覆發布假消息而是只發一次被懲罰的機率很低。
金在中昨晚二度發表道歉聲明稱自己的父親日前接受肺癌手術在醫院內看到醫護人員為抗疫做出的努力相反的是周遭人穿著普通衣服在沒戴口罩的狀態下如往常無異的享受生活更讓他覺得應該提高警覺心還稱：「今天的文章雖然有些過分但如果因此引發矚目的話或許會有更多人聽勸？」
而人在日本工作的金在中昨晚緊急取消了NHK廣播節目「古家正亨のPOP★A」今風波繼續延燒原定5日在5日在NHK BS premium的「《the covers》名曲選2020」演出也突然宣佈取消3日將參加音樂廣播《M Station》特別節目是否也被取消則是未知數。
另一方面韓國網友也不領情金在中的道歉昨下午已有人在青瓦台請願嚴懲金在中截自2日淩晨已超過2萬人連署。韓國警方則說根據當地法律多次散播造成人民恐慌的假消息將處以1年以下有期徒刑或罰款1000萬以下韓元（約24萬台幣）但因金在中並沒多次傳播可能無法適用這項罰則而傳南韓中央防疫對策本部討論此例是否適用《傳染病防治法》第18條若未有正當理由提出假資料最高可處2年以下有期徒刑和2000萬以下韓元罰金（約48萬台幣）最新消息是此法僅適用於醫療人員金在中並不適用。</t>
  </si>
  <si>
    <t>金在中引發假消息取消以下網友韓國適用有期徒刑是否nhk昨晚懲罰警方可能道歉</t>
  </si>
  <si>
    <t>金在中假消息愚人節確診有期徒刑</t>
  </si>
  <si>
    <t>確診假消息愚人節金在中有期徒刑</t>
  </si>
  <si>
    <t>科學家研發鼻孔技術不用</t>
  </si>
  <si>
    <t>不用戳鼻孔、也不用等待24小時只需對小袋子呼氣30秒就可以在5到10分鐘內確認新冠檢測結果的技術已不是夢想。近日線上發表於國際學術刊物《呼吸研究雜誌》一篇論文表明北京大學環境學院教授要茂盛團隊與北京朝</t>
  </si>
  <si>
    <t>教授等待北京大學環境學院表明小時論文雜誌研究呼吸袋子學術刊物國際發表可以近日確認夢想</t>
  </si>
  <si>
    <t>不用戳鼻孔、也不用等待24小時只需對小袋子呼氣30秒就可以在5到10分鐘內確認新冠檢測結果的技術已不是夢想。近日線上發表於國際學術刊物《呼吸研究雜誌》一篇論文表明北京大學環境學院教授要茂盛團隊與北京朝陽區疾病預防與控制中心等團隊合作集成呼出氣採樣、氣相色譜－離子遷移譜檢測和機器學習模型研發出新冠感染的「無創呼出氣揮發性有機物組合指紋篩查系統」並已申請大陸國家發明專利。
「實驗已經證明這種方法有效。檢測不但快而且足夠靈敏。」要茂盛說明目前無創呼出氣篩查系統正計畫擴大樣本量進一步優化與測試以實現推廣應用。
據《科技日報》引述要茂盛表示該檢測中無需任何檢測試劑被試者使用一次性呼吸袋只要呼氣30秒便可完成樣品採集。最快能在5到10分鐘內實現新冠患者快速篩查。相比核酸檢測這種方法不僅簡便省時還十分經濟。
要茂盛認為新冠核酸檢測有時會出現「假陰性」的隱患特別許多場所和場景都需要快速篩查例如高層會議、海關入境、特殊航班、隔離酒店、收治醫院等可在這些地方填補核酸檢測在時間和靈敏度方面的不足做到「雙保險」。</t>
  </si>
  <si>
    <t>檢測篩查茂盛核酸出氣呼吸實現系統快速方法團隊等待小時靈敏度時間</t>
  </si>
  <si>
    <t>新冠肺炎大陸篩查茂盛新冠</t>
  </si>
  <si>
    <t>大陸肺炎篩查茂盛</t>
  </si>
  <si>
    <t>專家方法指標可以降級達成警戒</t>
  </si>
  <si>
    <t>全國三級警戒延至6/28許多人關注是否再繼續延長台大醫院前副院長王明钜發文表示是否延長應看這5個指標並表示要完成這些指標就必須要「主動、大量、快速的採集檢體與完成檢驗的能量」否則就算達成了也</t>
  </si>
  <si>
    <t>完成是否延長表示指標檢驗關注採集快速主動繼續須要台大醫院能量院長發文王明钜就算延至達成</t>
  </si>
  <si>
    <t>全國三級警戒延至6/28許多人關注是否再繼續延長台大醫院前副院長王明钜發文表示是否延長應看這5個指標並表示要完成這些指標就必須要「主動、大量、快速的採集檢體與完成檢驗的能量」否則就算達成了也只是所有人忍耐、自動封城的結果一旦解除了三級警戒的管制疫情大火必將重新燃起。
王明钜今（12日）在臉書發文表示台灣5/15起雙北提升至三級警戒緊接著停課、停止聚會、停止餐飲內用、公司改採居家辦公全國進入半封城狀態雖然這個三警戒狀態在大家的努力配合下已經撐4週但到昨天單日確診數仍高達286人死亡人數24人甚至還有3人是死亡當天或死後才確診、2人是在確診3天內死亡。
王明钜指出目前台灣延長三級警戒至6/28未來是否可以降級他認為可以觀察這5個指標分別是「死亡人數」、「死亡當日確診或死亡後才確診的病人數」、「確診後3天內死亡人數」、「雙北連14天確診數持續下降、或維持在10人以下」以及「全國各地區連14天不再出現確診新高峰」。
王明钜認為死亡人數代表台灣應對新冠病毒大流行的診斷（找出每位確診者）、治療（確診者能獲得足夠且相當品質的醫療照顧）以及因疫苗施打而減少感染者與預防死亡的整體醫療能量。因此應該要連續14天每一天的死亡人數都要持續減少到剩個下位數甚至少到變成3人以下。
王明钜解釋死亡當日確診或死亡後才確診的病人數代表台灣公衛和醫療體系能早期診斷出染疫者的能力這項指標應該要是0人而且要連續14天都是0人。只要出現一個這樣的案例就代表社區內還有太多感染者因沒被發現而無法得到好的醫療監測才會在死亡當天或死後確診；確診後3天內死亡人數最好也要是0人而且是連續14天內都是0人但如果做不到連續14天內也應該只有非常少的天數出現1人。
王明钜也說新北市與臺北市的每日篩查人數持續增加而且確診人數連續14天的期間內能持續下降或維持在10人以下；除了雙北之外的地區每日篩查人數也要持續增加且每個地區連14天都不再出現確診人數新高峰這樣才能避免台灣內部任何一個新破口的出現。
王明钜表示在台灣疫苗施打人數達到70%之前要達成上述的5個指標的方法只有一個那就是「主動、大量、快速的採集檢體與完成檢驗的能量」如果沒有就要達成上述5點的可能性很低就算達成了也可能是靠著全國民眾的忍耐與配合自動封城的結果「一旦解除了三級警戒與管制疫情大火必將重新燃起。」
王明钜也提到只要有一個無症狀的感染者猝死只要仍然有無症狀的感染者死亡後才確診全國民眾心中的恐慌將很難消除。只要這種恐懼不消除目前已幾乎完全停擺的服務業與其他產業就算政府在其他考量下降低三級警戒在實質上恐怕也很難達到恢復經濟的效果。</t>
  </si>
  <si>
    <t>確診死亡人數王明钜警戒臺灣全國醫療指標出現感染者表示持續代表達成就算連續是否延長</t>
  </si>
  <si>
    <t>三級警戒降級指標方法新冠肺炎</t>
  </si>
  <si>
    <t>指標方法降級警戒肺炎</t>
  </si>
  <si>
    <t>澳洲婚禮成防疫破口35人確診感染</t>
  </si>
  <si>
    <t>防疫婚禮確診感染澳洲</t>
  </si>
  <si>
    <t>新冠肺炎疫情攻入南半球澳洲和紐西蘭19日皆宣佈將自20日晚間起全面禁止外國人入境因為確診病例以境外移入為主。不過一場婚禮讓澳洲GG了確診病例一下子暴增35例而且全是境內感染。新冠肺炎疫情嚴峻敏感期</t>
  </si>
  <si>
    <t>澳洲病例確診肺炎疫情感染晚間境內全是紐西蘭南半球全面禁止入境外國人境外gg為主婚禮</t>
  </si>
  <si>
    <t>澳洲確診感染婚禮隔離病例入境必須晚間佈雷格疫情肺炎表示出現之前流感症狀人數遵循指示接受</t>
  </si>
  <si>
    <t>澳洲20婚禮35確診新冠肺炎群聚感染</t>
  </si>
  <si>
    <t>確診肺炎婚禮感染澳洲</t>
  </si>
  <si>
    <t>確診醫師天才發病早就北部感染</t>
  </si>
  <si>
    <t>中央流行疫情指揮中心昨晚宣佈國內又新增第24例新冠肺炎確診個案為北部一名60多歲的退休女性近2年都無出國史感染源還在調查中。Icu醫生陳志金表示最令人擔憂的是台灣首例是1月20日入境第24例1月22日發</t>
  </si>
  <si>
    <t>中心昨晚宣佈國內新增金表陳志醫生icu指揮肺炎調查確診個案北部感染退休國史女性</t>
  </si>
  <si>
    <t>中央流行疫情指揮中心昨晚宣佈國內又新增第24例新冠肺炎確診個案為北部一名60多歲的退休女性近2年都無出國史感染源還在調查中。Icu醫生陳志金表示最令人擔憂的是台灣首例是1月20日入境第24例1月22日發病是否代表更早就感染了？
陳志金在臉書發文指出台灣首例是1月20日入境第24例1月22日發病有可能更早就感染了並擔心她過年期間有無家聚？而且1月22至29日到底去了幾家診所就醫？1月29日前往醫院急診留院觀察待了多久？從1月30日至2月17日住院到加護病房都不是隔離病房
第24例從發病到確診29天密切接觸者共360人陳志金擔憂這中間有接觸多少醫護人員？陳志金強調「潛伏期」是指被傳染後到出現症狀的期間並不是出現症狀後到確診的時間目前第24例的潛伏期並不清楚29天是她「發病」出現症狀到「確診」的時間重點是不知道她在「何時」被「誰」傳染的。</t>
  </si>
  <si>
    <t>確診感染發病陳志金潛伏期早就期間時間臺灣出現中心昨晚傳染症狀首例宣佈國內指揮急診醫院</t>
  </si>
  <si>
    <t>出現巴西疫情肺炎爆發武漢病毒</t>
  </si>
  <si>
    <t>繼西班牙巴塞隆那大學研究指出當地在2019年3月12日採集的廢水發現新冠病毒後巴西聖卡塔琳娜聯邦大學昨(2)日宣佈在巴西聖卡塔琳娜州首府弗洛裡亞諾波利斯市發現去年11月份的下水道水樣中存在新冠肺炎病毒。顯示新</t>
  </si>
  <si>
    <t>發現大學卡塔琳娜巴西病毒研究指出當地月份採集去年下水道水樣廢水弗路里厄諾普利斯首府宣佈聯邦巴塞隆那肺炎</t>
  </si>
  <si>
    <t>病毒研究肺炎發現宣佈卡塔琳娜巴西下水道大學大陸水樣弗路里厄諾普利斯去年病例樣本不同今年聯邦確診基因組跟蹤資料</t>
  </si>
  <si>
    <t>新冠肺炎病毒西班牙巴塞隆那大學廢水巴西</t>
  </si>
  <si>
    <t>西班牙巴塞隆病毒那大肺炎廢水巴西</t>
  </si>
  <si>
    <t>用藥氣喘可望緩解covid-使用症狀</t>
  </si>
  <si>
    <t>全球醫療及科學家團隊都積極研究採用何種藥物治療新冠患者一份近期發表於刺胳針呼吸醫學雜誌（The Lancet Respiratory Medicine）指出「吸入劑Budesonide」可做為改善緩解COVID-19症狀的選擇用藥之一。北醫附設胸</t>
  </si>
  <si>
    <t>選擇積極症狀研究covid-採用緩解藥物改善做為治療budesonide患者團隊用藥發表指出medicinerespiratorylancet</t>
  </si>
  <si>
    <t>全球醫療及科學家團隊都積極研究採用何種藥物治療新冠患者一份近期發表於刺胳針呼吸醫學雜誌（The Lancet Respiratory Medicine）指出「吸入劑Budesonide」可做為改善緩解COVID-19症狀的選擇用藥之一。
北醫附設胸腔內科主任周百謙指出治療新冠肺炎使用合適劑量的系統性類固醇在新英格蘭醫學雜誌顯現出可以下降高危險群重症與呼吸衰竭的機率這說明瞭適度使用合適劑量類固醇在理論上可以降低病毒相關發炎問題以及免疫風暴的機率。針對這個概念臨床研究嘗試使用副作用更小的吸入性類固醇來調控呼吸道免疫環境將可改善病毒引發發炎及過敏反應造成的氣道狹窄與痰量增加以及病毒感染所造成病患廣泛呈現的呼吸障礙問題。
根據BBC報導英國牛津大學研究發現用於治療氣喘的吸入式藥物Budesonide能夠加速病患康復衛生部長丘吉爾（Jo Churchill）也證實政府1項研究發現「吸入劑布地奈德Budesonide讓患者自我報告的康復時間減少了3天」。而牛津大學教授、呼吸內科醫師巴法爾德（Mona Bafadhel）指出Budesonide能在新冠病毒可能產生影響的地方發揮最大效用皮質類固醇可以減緩發炎該藥物「有可能」可以減少病毒複製但目前仍需繼續對服用的患者後續評估。
周百謙主任特別提醒對於高風險族群許多藥物治療必須提早才能夠下降相關的重症率及致死率。類固醇雖然可以降低重症風險但仍可能因免疫抑制造成部分副作用不過吸入型類固醇主要透過呼吸道調控對全身影響不大副作用極少孕婦同樣可以使用。相信善用吸入型藥物的特性可以有效下降新冠肺炎的影響更可望改善罹病後恢復期的氣道早日恢復罹病族群的健康。
全球都在尋求老藥新用以對抗新冠病毒感染後的重症威脅並持續臨床研究及觀察以保衛人類健康。這個成分的吸入劑用藥經查詢衛福部食品藥物管理署資料有國產和輸入2個來源顯示未來國內患者需要治療時應可無虞。</t>
  </si>
  <si>
    <t>藥物可以研究治療類固醇患者budesonide病毒使用呼吸重症改善影響副作用可能造成指出下降發炎用藥康復族群醫學雜誌健康</t>
  </si>
  <si>
    <t>發炎副作用budesonide病毒呼吸</t>
  </si>
  <si>
    <t>病毒副作用呼吸發炎budesonide</t>
  </si>
  <si>
    <t>肺結核確診學生大學慈濟</t>
  </si>
  <si>
    <t>慈濟大學一位學生因咳嗽、呼吸道感染且有發燒症狀懷疑染上新冠肺炎經慈濟醫院篩檢並安排胸腔科診斷確認感染的是「肺結核」雖虛驚一場不過肺結核傳染力很強花蓮縣衛生局在學校配合下大規模召回一百多</t>
  </si>
  <si>
    <t>感染肺結核衛生局花蓮縣呼吸道學校發燒症狀確認懷疑診斷肺炎經慈濟安排醫院胸腔咳嗽傳染虛驚一場</t>
  </si>
  <si>
    <t>慈濟大學一位學生因咳嗽、呼吸道感染且有發燒症狀懷疑染上新冠肺炎經慈濟醫院篩檢並安排胸腔科診斷確認感染的是「肺結核」雖虛驚一場不過肺結核傳染力很強花蓮縣衛生局在學校配合下大規模召回一百多名學生返校拍肺部X光片學生則表示雖然被臨時召回感到錯愕但支持校方作法。
因新冠肺炎慈濟大學稍早已宣佈門禁除了師生與洽公外外人無法進入校區。昨天慈濟醫院安排X光車開進校園大喜館前停駐許多學生陸續報到。學生告訴媒體接獲校方「重要通知」指近期有一位同學因確診肺結核為了讓同學對此疾病有所瞭解安排實體說明會結束後進行胸部X光檢查時間4月22日還叮嚀學生攜帶健保卡。
花蓮縣衛生局副局長鍾美珠證實慈大學生感染肺結核她說該大學生3月9日因咳嗽、呼吸道感染還有發燒等症狀就醫疑似染上肺結核轉慈濟醫院胸腔科確診當時入院就醫已先辦理休學至3月30日轉回南衛生福利部院胸腔病院接續治療。</t>
  </si>
  <si>
    <t>學生肺結核慈濟安排感染胸腔醫院衛生局校方就醫召回確診肺炎症狀發燒大學呼吸道咳嗽同學大學生部院</t>
  </si>
  <si>
    <t>慈濟大學慈濟醫院肺結核肺炎安排</t>
  </si>
  <si>
    <t>醫院肺炎慈濟肺結核大學安排</t>
  </si>
  <si>
    <t>健身房緊急宣佈暫停營業李愛警戒紓困雙北第</t>
  </si>
  <si>
    <t>台語金曲歌後李愛綺與外籍老公Duke結婚13年育有1子1女近年來她與從事健身運動事業的老公一同合開複合式健身房豈料受到疫情影響損失嚴重加上昨雙北市宣佈防疫警戒提升至第3級健身房、遊藝場所等休閒娛</t>
  </si>
  <si>
    <t>老公健身房提升duke警戒結婚防疫北市宣佈加上嚴重損失近年來影響從事疫情健身運動受到事業豈料一同外籍李愛綺遊藝場</t>
  </si>
  <si>
    <t>台語金曲歌後李愛綺與外籍老公Duke結婚13年育有1子1女近年來她與從事健身運動事業的老公一同合開複合式健身房豈料受到疫情影響損失嚴重加上昨雙北市宣佈防疫警戒提升至第3級健身房、遊藝場所等休閒娛樂場所應關閉李愛綺緊急通知上課的學員們健身房已暫停營業不要到場撲空。
李愛綺表示健身房將暫停營業至28日至於後續開業狀況？她說：「一切依照指揮中心、配合政府法令規定。」她與老公已熬過去年疫情難關希望今年順利度過憶起去年受到疫情影響3個月慘賠3百萬元十分無奈對於今年的損失？她語帶保留說目前剛開始損失還無法估計。
但他們健身房去年因疫情影響1個月約損失1百萬現在健身房先暫停2周粗估損失50萬元。李愛綺與老公用心經營健身房業績穩定卻因為疫情減少許多客流量她呼籲希望政府之後可以有紓困、振興或補助方案協助運動產業度過難關。</t>
  </si>
  <si>
    <t>健身房損失老公疫情李愛綺去年政府影響希望今年暫停營業受到方案補助振興協助紓困可以duke近年來狀況從事結婚健身運動</t>
  </si>
  <si>
    <t>李愛綺李愛綺健身房紓困新冠肺炎三級警戒</t>
  </si>
  <si>
    <t>紓困健身房李愛肺炎警戒李愛綺</t>
  </si>
  <si>
    <t>同機匡列旅客埃及不會delta</t>
  </si>
  <si>
    <t>新北市某幼兒園群聚案各界猜疑埃及爸就是這起事件的傳染源疫情指揮中心發言人莊人祥表示目前無法確定是境外或國內染疫會盡量做基因定序釐清感染途徑但不會回頭匡列當時與埃及爸搭同班機入境的旅客因為即</t>
  </si>
  <si>
    <t>埃及猜疑就是疫情指揮發言人中心莊人祥表示傳染源目前無法事件確定境外列當國內回頭儘量</t>
  </si>
  <si>
    <t>新北市某幼兒園群聚案各界猜疑埃及爸就是這起事件的傳染源疫情指揮中心發言人莊人祥表示目前無法確定是境外或國內染疫會盡量做基因定序釐清感染途徑但不會回頭匡列當時與埃及爸搭同班機入境的旅客因為即便有確診者都已不具傳染力。對此腎臟科名醫江守山直言「這樣子疫調真的不會死嗎？」
江守山昨（10）日於個人臉書粉專《江守山醫師》分析當時搭乘同班機入境的旅客指揮中心說即便有確診者研判都已不具傳染力因此不會回頭再去匡列「但這樣子疫調真的不會死嗎」？
江守山認為這樣的疫調方式真的太危險了若同機不只埃及爸、埃及爸親哥及表哥染疫就算都是無症狀感染者解隔離後難道就不會感染家人及同事嗎？此時應匡列同機旅客並進行PCR篩檢及抗體監測任何陽性需要擴大匡列其家人及同事才能找到隱形傳播鏈絕不能因為現在病毒量低就推測當時不具傳染。
江守山說疫調的同時應盡快確認在邊境口水快篩、居隔篩檢甚至是最後的PCR採檢中間過程是否有問題導致偽陰性比例偏高尤其是對Delta變異株檢測是否還有效？若無法使用有效的產品守護國門就會產生虛假的安全感。
中央流行疫情指揮中心副組長羅一鈞回應各國旅客入境本來就有14天隔離規定與埃及籍確診者同班機的旅客也不例外各種採檢都有目前同班機確診只有個案的2位親戚另外還有1位是期滿採檢CT值36無法追尋源頭但推測應不是飛機上互相感染。
★《中時新聞網》提醒您：因應新冠肺炎疫情疾管署持續加強疫情監測與邊境管制措施 如有疑似症狀請撥打：1922專線或 0800-001922 並依指示配戴口罩儘速就醫同時主動告知醫師旅遊史及接觸史以利及時診斷及通報。</t>
  </si>
  <si>
    <t>旅客埃及疫情無法感染班機指揮確診醫師中心傳染入境症狀邊境監測江守山推測</t>
  </si>
  <si>
    <t>幼兒園埃及爸Delta變異株疫調江守山</t>
  </si>
  <si>
    <t>變異delta埃及江守山幼稚園</t>
  </si>
  <si>
    <t>中午明日全數醫護施打基隆疫苗</t>
  </si>
  <si>
    <t>基隆市長林右昌日前表示要各院A1醫護人員與基層診所醫師全面施打疫苗如此才能守護醫療人力確保醫療量能充足。他在今日進一步表示全市共有701位A1醫護人員目前已有400位施打完畢扣除私人因素不便接種外</t>
  </si>
  <si>
    <t>表示醫護人員醫療私人扣除完畢因素才能疫苗施打充足目前全面今日進一步診所醫師基層共有全市日前人力確保</t>
  </si>
  <si>
    <t>基隆市長林右昌日前表示要各院A1醫護人員與基層診所醫師全面施打疫苗如此才能守護醫療人力確保醫療量能充足。他在今日進一步表示全市共有701位A1醫護人員目前已有400位施打完畢扣除私人因素不便接種外預計明天中午之前會全部打完。
林右昌下午與基隆長庚醫院、三軍總醫院基隆分院、部立基隆醫院、礦工醫院、市立醫院開會決議長庚未來收治重症病患輕症、無症狀患者則往其他醫院送以分流來確保醫療能量。4大醫院的篩檢站也會與急診室保持距離避免影響常態急診功能。
林再次呼籲2類人要做篩檢與確診者有接觸史或有上呼吸道、發燒症狀才符合去之前要先撥打衛生局專線通報由市府安排篩檢地點、時間不要抱著篩看看的心情。此外明天中午之前全市701位直接或間接照顧確診個案的A1醫護人員將全數接種疫苗。</t>
  </si>
  <si>
    <t>醫院之前醫護人員醫療症狀全市確診基隆表示明天中午確保接種林右昌疫苗收治常態重症影響急診功能</t>
  </si>
  <si>
    <t>新冠肺炎台灣基隆醫護人員施打疫苗</t>
  </si>
  <si>
    <t>臺灣基隆醫護人員肺炎施打疫苗</t>
  </si>
  <si>
    <t>不停網友肺炎南韓</t>
  </si>
  <si>
    <t>新冠肺炎疫情在南韓急遽攀升這段時間內確診病例數已遠遠超越日本但台灣網友卻指出「大家看到南韓病例數炸裂但這是靠政府積極篩檢可見韓國政府做得比日本好吧」？近日南韓新冠肺炎疫情嚴峻原PO卻在PTT</t>
  </si>
  <si>
    <t>南韓日本病例疫情肺炎積極可見政府韓國政府確診炸裂急遽近日臺灣網友遠遠時間超越攀升</t>
  </si>
  <si>
    <t>新冠肺炎疫情在南韓急遽攀升這段時間內確診病例數已遠遠超越日本但台灣網友卻指出「大家看到南韓病例數炸裂但這是靠政府積極篩檢可見韓國政府做得比日本好吧」？
近日南韓新冠肺炎疫情嚴峻原PO卻在PTT八卦版發文「韓國政府做事情比日本好吧？」他認為相較日本不積極的隔離和檢驗韓國做的還比較好畢竟韓國也政黨輪替好幾輪了不像日本自民黨幾乎算萬年執政一堆官二代、政二代一般年輕人根本無法參與政治跟韓國比起來不算真正的民主吧？雖然韓國也有財閥的問題就是了可見民主政治政府的公務員素質反而比較高吧？
底下網友看到後也紛紛回應「韓國猛驗、日本敷衍、印尼裝死」、「至少韓國態度跟應對有在緊張 日本根本已放棄」、「中央厚勞省只會裝死」、「日本為了奧運直接放推黑數很多！」、「日本黑數超多要自費8萬日元驗驗」。</t>
  </si>
  <si>
    <t>日本韓國南韓政治網友病例民主積極比較可見政府韓國政府疫情肺炎執政</t>
  </si>
  <si>
    <t>新品助陣防疫威潤抗推出通信網</t>
  </si>
  <si>
    <t>威潤(6465)跨入防疫領域成立新品牌「滅菌者聯盟UVengers」規畫開發一系列搭載深紫外線(UV-C)殺菌技術的消毒產品最新宣佈攜手桃園敏盛醫院提供威潤旗下防疫新品牌滅菌者聯盟UVengers高科技深紫外線(UV-C)攜</t>
  </si>
  <si>
    <t>防疫紫外線uvengersuv-c滅菌聯盟品牌桃園成立攜手宣佈醫院最新提供產品威潤旗消毒技術殺菌高科技搭載開發</t>
  </si>
  <si>
    <t>威潤(6465)跨入防疫領域成立新品牌「滅菌者聯盟UVengers」規畫開發一系列搭載深紫外線(UV-C)殺菌技術的消毒產品最新宣佈攜手桃園敏盛醫院提供威潤旗下防疫新品牌滅菌者聯盟UVengers高科技深紫外線(UV-C)攜帶式除菌棒UV1協助第一線醫護人員強化自身防護另外UVengers也預計在第二季推出相關新品。
威潤有鑑於深紫外線燈珠的功率是決定消毒棒除菌效果的關鍵故UV1即是採用旭化成高品質、高功率的60mW和最佳除菌265nm波長的深紫外線燈珠旭化成相當認可威潤於防疫產品線的投入與行銷推廣能力已將威潤列為旭化成全力輔導的模範製造商未來也會陸續介紹客戶給威潤雙方攜手搶攻防疫市場商機。
滅菌者聯盟UVengers為威潤因應全球防疫趨勢跨界防疫產業創立的新品牌期能以研發高規格車聯網產品的精神開發出各式高品質、高功能的深紫外線除菌產品。滅菌者聯盟UVengers首款產品UV1已於LIFESTYLE WEEK Tokyo、台灣國際醫療暨健康照護展、LED Japan 等國內外專業大型展覽展出吸引大批關注抗菌防疫議題民眾及專業買主洽詢讓台灣除了全民防疫精神被全球看見在防疫抗菌產品上的研發技術也更進一步被國際市場認可可謂成果豐碩。威潤表示目前已積極著手研發更大型、功率更強、適用於更多不同應用場域的深紫外線除菌產品。
另外威潤也表示相關新品預計在今年第二季陸續推出期能為全球防疫貢獻心力同時也為威潤創造新一波成長動能。</t>
  </si>
  <si>
    <t>防疫威潤產品紫外線uvengersuv研發功率全球化成滅菌聯盟專業臺灣國際攜手陸續消毒市場品牌表示精神</t>
  </si>
  <si>
    <t>威潤UV1新冠肺炎紫外線敏盛醫院 高通</t>
  </si>
  <si>
    <t>肺炎紫外線敏盛uv醫院威潤高通</t>
  </si>
  <si>
    <t>風險開放傳播社區自費防疫站民間</t>
  </si>
  <si>
    <t>新冠肺炎若進入社區傳播如何找出輕症或無症狀患者將決定疫情傳播速度專家學者表示目前國內尚無快篩無法進行全面普篩但可重點區域防護如進入總統府或進醫院的人可先做PCR（聚合酶連鎖反應）等兩天</t>
  </si>
  <si>
    <t>傳播進入可先醫院社區總統府pcr防護重點區域尚無國內症狀表示專家學者目前患者</t>
  </si>
  <si>
    <t>新冠肺炎若進入社區傳播如何找出輕症或無症狀患者將決定疫情傳播速度專家學者表示目前國內尚無快篩無法進行全面普篩但可重點區域防護如進入總統府或進醫院的人可先做PCR（聚合酶連鎖反應）等兩天拿到結果後才可進出。另有醫師建議醫院篩檢量能若足夠可考慮開放自費篩檢讓自覺有疑慮但又不符通報篩檢民眾自費篩檢藉此多找出輕症病患。
消弭民眾憂心染病恐慌
三總內科部主治醫師張峰義指出最近海外台灣人都擠回來有人可能旅途勞累出現不適症狀有些人很擔心陸續到醫院想自費篩檢但相關單位元對這部分無進一步規定如自費要多少錢？可刷健保卡收診察費嗎？各醫院無所適從做法差異很大目前醫院篩檢量能若足夠建議開放自費篩檢除可消弭心理恐慌也可多找出一些輕症。
專家建議重點區域防護
台大麻醉科教授王明钜表示現在對國外回來的民眾還可用旅遊史做篩檢判別條件但14天後入境者變很少居家檢疫民眾也可出來活動屆時拿什麼做為篩檢初判條件？要將輕症篩選出來快篩是重要工具但目前國內尚無屆時還是只能做PCR。
王明钜說在篩檢量能有限前提下可以將篩檢放在重點區域上例如總統府很重要進出的人都要先做篩檢等拿到報告後再進入醫院也是這樣就可避免院內感染的事發生。
疫情中心回應暫不考慮
對現階段是否開放自費篩檢疫情指揮中心疫情監測組組長周志浩表示目前國內一天最多可篩檢3200件檢體昨日單日篩檢了1400個人雖然檢驗量能還有餘但仍在擴充篩檢對象中有些人1人需採檢2次有些則採檢1次現階段資源仍應留給風險高者暫未考慮開放自費採檢。</t>
  </si>
  <si>
    <t>醫院自費民眾疫情目前進入表示重點考慮區域開放國內回來</t>
  </si>
  <si>
    <t>採檢醫院篩檢輕症傳播</t>
  </si>
  <si>
    <t>醫院傳播</t>
  </si>
  <si>
    <t>寬鬆熔斷動作fed</t>
  </si>
  <si>
    <t>新冠肺炎延燒全球美國聯準會（Fed）武器全開一口氣降息4碼利率趨近於「零」大動作反引起恐慌台股終止史上最長萬點行情美股週一開盤立刻暴跌2250點跌幅達971％S&amp;P500指數也下殺814％開盤瞬間即啟</t>
  </si>
  <si>
    <t>開盤全球美國准會fed武器全開一口氣降息利率近於動作s&amp;p引起恐慌終止跌幅</t>
  </si>
  <si>
    <t>新冠肺炎延燒全球美國聯準會（Fed）武器全開一口氣降息4碼利率趨近於「零」大動作反引起恐慌台股終止史上最長萬點行情美股週一開盤立刻暴跌2250點跌幅達971％S&amp;P500指數也下殺814％開盤瞬間即啟動暫停15分鐘的熔斷機制道瓊指數一度跌超過2700多點。
分析師表示若美股收盤跌幅控制在5％內台股今跌幅將縮小短期9500點有支撐。
台股萬點行情 暫告終
Fed意外全力出手美股投資人卻喝倒彩週一開盤馬上崩跌至觸及熔斷機制恢復交易後跌勢進一步擴大道瓊工業指數狂瀉2770點、12％報20409點標普5百與那斯達克指數也分別暴跌11與12％。今年3月以來美股已3度開盤因崩跌而暫停交易。
新冠肺炎疫情重創全球經濟美國限制歐洲各國旅客入境加深全球金融市場動盪股價大跌G7會員國昨天以視訊會議形式舉行高峰會商討後續應對措施。澳洲與南韓亦呼籲20國集團（G20）領袖與財金首長開會協調經濟刺激行動引發市場期待國際社會聯手推出「救市聯盟」。
此外國際貨幣基金（IMF）也表示已經接獲至少20多個國家要求援助已準備好調動其1兆美元的放款機制以協助全球各個受新冠肺炎重創經濟的國家。
G7急會商 IMF忙金援
萬寶投顧投資總監蔡明彰表示聯準會降得太快又太急、弄巧成拙不僅美股大跌、亞股也幾乎全趴包括澳洲、菲律賓、泰國、印度以及深證成指等跌幅都超過5％以上；台股昨在跌勢拉大後連續摜破萬點、9900、9800點等整數關卡終場大跌411點、收在9717點台股史上最長萬點行情暫告一段落。
華南投顧董事長儲祥生表示美股暴漲暴跌恐怕還要維持一段時間若美股底部出現即近來的最低點1、2周都沒有跌破且波動度降低美股震盪才有趨緩的跡象。
富邦投顧董事長蕭乾祥認為台股長期向上趨勢線已被破壞加上Fed大幅降息暗示國際疫情衝擊不容小覷預期今年大盤高點已過加權指數區間將下移至10年線附近約在9114點左右因此短線縱使有反彈機會投資人仍須調節基本面受疫情衝擊較大的個股。</t>
  </si>
  <si>
    <t>表示全球跌幅開盤指數疫情經濟fed機制澳洲行情國際大跌imf投資人國家</t>
  </si>
  <si>
    <t>降息肺炎美股台股暴跌</t>
  </si>
  <si>
    <t>暴跌肺炎降息</t>
  </si>
  <si>
    <t>出爐陳宜民調查報告提出實驗室五大質疑中研院</t>
  </si>
  <si>
    <t>中研院基因體研究中心P3實驗室爆發感染其中一名女研究助理疑未落實SOP兩度被實驗小鼠咬傷成為染疫關鍵。國家政策研究基金會今針對中研院的調查報告提出五大質疑認為管理實驗室的關鍵人物詹中校（詹家琮）</t>
  </si>
  <si>
    <t>研究實驗室中研院管理認為質疑提出五大中心小鼠實驗sop成為調查報告感染落實助理關鍵國家基金會政策關鍵人物</t>
  </si>
  <si>
    <t>中研院基因體研究中心P3實驗室爆發感染其中一名女研究助理疑未落實SOP兩度被實驗小鼠咬傷成為染疫關鍵。國家政策研究基金會今針對中研院的調查報告提出五大質疑認為管理實驗室的關鍵人物詹中校（詹家琮）應出面把整起事件說清楚而非由中研院長廖俊智一個人扛。
國家政策研究基金會永續發展組召集人陳宜民表示整起事件的第一個疑點就是為何研究助理會只戴一層手套就進入實驗室？難道是赤手空拳卸下防護衣、鞋套等裝備？
陳宜民指出自己曾待過陽明大學的P3實驗室當時就要求助理進入實驗室前一定要戴兩層手套且要用膠帶密封若要離開實驗室必須先於操作臺脫第一層手套將手套丟入生物安全櫃中第二步驟才是脫防護衣、鞋套等裝備完成後才能再脫第二層手套。
第二大疑點則是研究助理不過是幫小鼠換墊料為何還會被咬？陳宜民表示換墊料能被老鼠咬可說是天下奇聞而研究助理未在生物安全櫃中操作換墊料過程更是另一天下奇聞。
而研究助理僅著單層手套幫小鼠換墊料又疑似未於生物安全櫃中操作陳宜民再提出第三點質疑認為該研究助理曾操作感染Delta、Apha以及其他病毒株的小鼠難道都用同一個手套操作？未戴兩層手套恐造成交叉感染「換墊料可以混在一起換嗎？這樣的實驗結果可信嗎？」
陳宜民說本次的中研院事件是將一個實驗室內能犯的錯誤都犯了第四個質疑點為發生被咬意外時首要本能應是先自救而非救老鼠先將手套脫掉試著將血水擠出來然後沖水、消毒接著進入緩衝區脫防護衣再來才是包紮、通報但看起來一個單純的意外事故都沒有處理好。
陳宜民提出的第五項質疑則是當天研究助理找不到實驗室負責人通報「長官不在那請問職務代理人是誰？」負責人若去休假職務代理人必須被通知接著才是向上逐級通報而疾管署也應該要被通知。
陳宜民說「廖俊智院長願意出來承擔很好可是他不是做動物實驗的並不瞭解其中狀況要找實驗室的負責人出來講而詹中校到底有沒有把事情講清楚我是懷疑的。」</t>
  </si>
  <si>
    <t>實驗室研究手套助理宜民質疑小鼠通報操作實驗進入事件感染負責人提出陳宜民中研院防護衣沒有</t>
  </si>
  <si>
    <t>實驗室陳宜民中研院新冠肺炎台灣</t>
  </si>
  <si>
    <t>中研院肺炎陳宜民實驗室臺灣</t>
  </si>
  <si>
    <t>bnt接種疫苗學生北市</t>
  </si>
  <si>
    <t>新北市衛生局預計9月22日開始學生接種BNT疫苗全校採居家線上授課2天如果不適可以請疫苗假北市是否會跟進北市副市長蔡炳坤說學生接種後有需要的話可以請3天的疫苗假；至於線上教學部分蔡指出臺北市這</t>
  </si>
  <si>
    <t>疫苗學生接種可以北市教學bnt市長蔡炳坤至於居家全校部分授課需要的話不適開始跟進是否</t>
  </si>
  <si>
    <t>新北市衛生局預計9月22日開始學生接種BNT疫苗全校採居家線上授課2天如果不適可以請疫苗假北市是否會跟進北市副市長蔡炳坤說學生接種後有需要的話可以請3天的疫苗假；至於線上教學部分蔡指出臺北市這部分都非常成熟有任何學生個別停課或班級停課其實在家中都可以透過線上來教學用這些維護學生權益。
蔡炳坤強調這次校園接種BNT疫苗家長有提出會不會有後遺症北市會進一步宣導學生如果接種後可請3天接種疫苗假；至於目前運作採各校線上教學北市都很成熟有任何學生班級停課在家中都可以在線上教學來維護學生權益。</t>
  </si>
  <si>
    <t>學生疫苗接種北市可以教學bnt蔡炳坤至於班級成熟停課部分家長非常宣導權益市長校園強調進一步</t>
  </si>
  <si>
    <t>學生北市台灣BNT新冠肺炎</t>
  </si>
  <si>
    <t>bnt臺灣北市肺炎學生</t>
  </si>
  <si>
    <t>信心庶民嚇到肺炎跌幅</t>
  </si>
  <si>
    <t>庶民信心在2020年初如同坐雲霄飛車般大起大落。國泰金控20日公佈2月國民經濟信心調查結果今年元月民眾才因總統大選結果將出爐、中美貿易戰暫歇而對未來信心指數大增到10創56個月最樂觀但2月馬上就有503％的</t>
  </si>
  <si>
    <t>信心樂觀增到大起大落指數雲霄飛車國泰馬上未來金控出爐暫歇結果總統大選才因貿易戰公佈國民經濟民眾元月調查結果今年</t>
  </si>
  <si>
    <t>庶民信心在2020年初如同坐雲霄飛車般大起大落。國泰金控20日公佈2月國民經濟信心調查結果今年元月民眾才因總統大選結果將出爐、中美貿易戰暫歇而對未來信心指數大增到10創56個月最樂觀但2月馬上就有503％的受訪民眾預期未來半年景氣會惡化未來景氣樂觀指數急降到-279創94個月最大跌幅。
上次出現民眾對未來景氣預期「狂喜狂悲」是在2012年4月當時因為油電雙漲、民生物資喊漲、及課微證所稅等三大利空造成未來景氣樂觀指數由28直接降到-261當時也有近50％的受訪民眾預期未來半年景氣要惡化。
國泰金分析雖然國發會最新公佈的12月景氣對策信號維持綠燈領先指標上升同時指標亦改善景氣穩健但受到新冠肺炎疫情爆發的影響民眾信心急凍未來景氣樂觀指數、未來就業樂觀指數、非耐久財消費意願指數都創15個月新低。
雖然台股仍相對抗跌但民眾對未來台股的樂觀指數亦下跌創13個月新低有521％的受訪者預估未來半年台股會走跌則是15個月來再度有逾半民眾看跌。
但也可能有不少投資人打算「富貴險中求」即趁這波疫情影響股市回檔之際逢低進場因此在將現金轉進股市投資的風險偏好指數上2月仍是維持正數達13比元月的51略降即今年是連二月維持正數仍有25％的受訪者有意「錢」進股市。</t>
  </si>
  <si>
    <t>未來景氣民眾指數樂觀信心維持股市國泰公佈當時疫情影響元月今年新低預期受訪者</t>
  </si>
  <si>
    <t>景氣樂觀指數最大跌幅受訪</t>
  </si>
  <si>
    <t>指數跌幅樂觀景氣受訪</t>
  </si>
  <si>
    <t>防疫眼睛campbell護目鏡naomi珍珠隔絕病毒</t>
  </si>
  <si>
    <t>全球爆發新冠肺炎人人自危經常需要出國的超模娜歐蜜坎貝兒（Naomi Campbell）為了防疫出動醫療人員的配備現身機場讓網友都看傻眼。照片中娜歐蜜身穿白色防護衣、戴著護目鏡、口罩和手術手套全身包到只留下眼</t>
  </si>
  <si>
    <t>肺炎全身人人自危手套經常手術口罩需要護目鏡出國戴著防護衣白色身穿人員配備醫療出動歐蜜坎防疫campbell現身機場</t>
  </si>
  <si>
    <t>全球爆發新冠肺炎人人自危經常需要出國的超模娜歐蜜坎貝兒（Naomi Campbell）為了防疫出動醫療人員的配備現身機場讓網友都看傻眼。
照片中娜歐蜜身穿白色防護衣、戴著護目鏡、口罩和手術手套全身包到只留下眼睛看路她拖著行李箱出現在機場仍不忘擺出pose拍照可見得身上就算穿得密不通風還是包不住骨子裡的超模魂。
除了完整的防疫裝扮本來就重視清潔的她搭飛機前就會自備殺菌紙巾消毒座位連冷氣孔都不放過想盡辦法徹底隔絕感染新冠肺炎的機會。</t>
  </si>
  <si>
    <t>機場防疫肺炎感染不放過想盡辦法氣孔連冷徹底座位隔絕消毒紙巾自備殺菌pose拍照</t>
  </si>
  <si>
    <t>防疫超模NaomiCampbell新冠肺炎</t>
  </si>
  <si>
    <t>campbellnaomi防疫肺炎</t>
  </si>
  <si>
    <t>鄉民女神政策口罩路上</t>
  </si>
  <si>
    <t>台灣14日暴增180例本土病例指揮中心緊急宣佈雙北地區升到第3級警戒不少名人也呼籲大家戴好口罩、沒事少出門不過仍有人不遵守讓網紅潔哥相當憤怒提出「一新政策」防堵那些仍不戴口罩的人讓網友都讚爆。潔</t>
  </si>
  <si>
    <t>口罩本土病例指揮中心緊急宣佈雙北地區升到警戒名人呼籲戴好憤怒提出相當一新政策</t>
  </si>
  <si>
    <t>台灣14日暴增180例本土病例指揮中心緊急宣佈雙北地區升到第3級警戒不少名人也呼籲大家戴好口罩、沒事少出門不過仍有人不遵守讓網紅潔哥相當憤怒提出「一新政策」防堵那些仍不戴口罩的人讓網友都讚爆。
潔哥先是在臉書曬出戴著口罩的自拍照接著開始抱怨還是有許多路人不戴口罩讓她忍不住建議「接下來我希望政府可以推行一個政策只要是走在路上看到有人沒戴口罩任何路人都可以拿拖鞋往他們頭上貓（打）下去！然後說『幹！防疫啦』」這樣她相信這一些白目的人被多貓（打）幾次口罩就會戴好戴滿了。
此話一出立刻引起上萬網友按讚表示認同與支持「真的！還一堆人不戴口罩出門看了很生氣」、「這個提議好欸～磨拳擦掌中」、「每次看到真的超想貓下去太實用的政策」、「還有那些口罩外層都已經起毛球還不丟的」。
潔哥也補充說明「有些人罰錢可能還不怕直接打下去可能成效比較佳」網紅鬼才阿水也附和「我今天早上回新竹家才遇到我們社區的長輩完全不戴口罩也不把疫情當一回事」語氣相當無奈。
雙北目前規定外出全程戴口罩新北市長侯友宜也表示若有民眾違反相關規定他相信中央會公佈相關罰則希望民眾自發配合他也會不斷派人稽查若規勸不聽該罰救罰。</t>
  </si>
  <si>
    <t>口罩政策看到希望相當表示真的可以網友戴好規定相信下去</t>
  </si>
  <si>
    <t>潔哥口罩疫情新冠肺炎</t>
  </si>
  <si>
    <t>口罩疫情肺炎</t>
  </si>
  <si>
    <t>確診數飆新北</t>
  </si>
  <si>
    <t>新北市今日新增195本土病例、115名校正回歸共增310例本土個案累計3947人；新北市長侯友宜下午主持防疫會議表示今天新增個案以板橋39例最多土城區因為有長照機構群聚染疫事件導致數字大幅增加若扣除長照</t>
  </si>
  <si>
    <t>新增個案本土新北導致數字事件大幅機構病例主持下午侯友宜防疫城區校正市長會議表示今天</t>
  </si>
  <si>
    <t>新北市今日新增195本土病例、115名校正回歸共增310例本土個案累計3947人；新北市長侯友宜下午主持防疫會議表示今天新增個案以板橋39例最多土城區因為有長照機構群聚染疫事件導致數字大幅增加若扣除長照機構染疫人數整體數字沒有上升此外三重30人、中和27人皆比平常略高。
侯友宜說提醒大家新北市沒有樂觀權利每日仍增加百例一定要低度再低度的活動截至今日累計3947人板橋區885、中和區635、三重區452另外樹林、汐止、林口、三峽、泰山還是要密切觀察。</t>
  </si>
  <si>
    <t>新北沒有增加侯友宜板橋新增累計個案數字今日本土機構三峽林口泰山防疫主持會議</t>
  </si>
  <si>
    <t>310人新北市確診板橋長照機構</t>
  </si>
  <si>
    <t>確診板橋新北機構</t>
  </si>
  <si>
    <t>流感西班牙慘烈重演</t>
  </si>
  <si>
    <t>新冠肺炎持續擴散全球病例數已超過4萬人學者研究潛伏期恐長達42天民眾恐在不知不覺中被感染此次瘟疫不禁回想起1918年的「西班牙大流感」（1918 flu pandemic）曾造成全球5億人感染至少5000萬人死亡。根</t>
  </si>
  <si>
    <t>全球感染擴散病例超過學者研究造成西班牙流感不禁flu瘟疫回想pandemic持續長達潛伏期民眾不知不覺肺炎至少</t>
  </si>
  <si>
    <t>新冠肺炎持續擴散全球病例數已超過4萬人學者研究潛伏期恐長達42天民眾恐在不知不覺中被感染此次瘟疫不禁回想起1918年的「西班牙大流感」（1918 flu pandemic）曾造成全球5億人感染至少5000萬人死亡。
根據美國「國家過敏與傳染病研究院」（National Institute of Allergy and Infectious Disease）主任佛奇（Anthony SFauci）表示新冠肺炎的傳染性極高不排除成為大流行但是否會造成災難性流行病仍無法評斷。不過許多流行病學模型推估實際病例數恐高達10萬甚至更多這也讓不少專家想起1918年肆虐全球的「西班牙大流感」；該病是有史以來感染性最廣泛、致死率最高的流行病。
西班牙流感並非起源於西班牙因當時剛好是第一次世界大戰期間大部份消息都被戰爭所掩蓋西班牙身為中立國因大肆報導疫情慘況讓人誤以為西班牙疫情最為嚴重而病因則來自於H1N1病毒全球約有5億人口感染超過2千萬人死亡流感死亡率達到10%因物資缺乏及無法獲得良好照顧之下流感奪走人數比一戰還多成為人類歷史上最致命的流行感冒之一。
最早出現群據感染記錄是在美國堪薩斯州（Kansas）的軍營但症狀與普通流感相當只有頭痛、高燒、肌肉酸痛和食慾不振等卻隨著戰爭緣故一夕演變成致命病毒迅速蔓延全球症狀包括肺部積水、呼吸困難及皮膚轉紫黑色等就連台灣也難逃一劫首波疫情出現在基隆地區加上當時台灣爆發霍亂和流行性腦炎等疾病造成民心慌亂時任台灣總督的明石元二郎也不敵病毒甚至併發肺炎不幸病逝。
西班牙流感席捲全球然而卻在18個月後突然神祕消失直到今日科學家仍在努力地研究這個世紀病毒。回顧人類過網重大疫情像是愛滋病、SARS和禽流感等其病毒來自於動物；有專家就推斷全球氣候變遷正改變動物的習性野生物種入侵人類居住環境覓食進而帶來傳染病加上空間擁擠形同加速病毒傳播。
更多 CTWANT 報導</t>
  </si>
  <si>
    <t>流感全球西班牙病毒感染疫情人類造成臺灣流行病肺炎傳染病加上戰爭症狀研究成為病例當時動物</t>
  </si>
  <si>
    <t>武漢肺炎新冠肺炎新型冠狀病毒台灣大陸</t>
  </si>
  <si>
    <t>肺炎病毒冠狀臺灣大陸武漢</t>
  </si>
  <si>
    <t>需求升溫dram南亞有望報價題材</t>
  </si>
  <si>
    <t>台股上周連四日收紅一舉站上月線及季線摩爾投顧分析師鐘崑禎指出以周線格局本周大盤高點預期將至12000點隨後將進入高檔震盪投資人可趁2月財報公佈前積極的來回操作；本周投資組合前兩大為國巨（2327）</t>
  </si>
  <si>
    <t>上月季線摩爾組合投資分析師鐘崑一舉震盪投資人大盤指出公佈格局周線來回積極隨後進入</t>
  </si>
  <si>
    <t>台股上周連四日收紅一舉站上月線及季線摩爾投顧分析師鐘崑禎指出以周線格局本周大盤高點預期將至12000點隨後將進入高檔震盪投資人可趁2月財報公佈前積極的來回操作；本周投資組合前兩大為國巨（2327）、中美晶（5483）再選入南亞科（2408）、聯鈞（3450）與環球晶（6488）。
台股經11個交易日的震盪洗盤11600點附近的大量區已由壓力轉為支撐雖還未完全收復1月30日的長黑但以價量結構觀察短線底部確立就14日的收盤位置來看大盤已可視為初步的由空轉多。
總經方面整體國際經濟勢必受新冠肺炎一定程度的衝擊預期各大企業第一季財報將會明顯下滑尤其2月交易日少須慎防3月初月報公佈後的失望性賣壓出籠因此本周操作上可以朝整理後突破前高的個股挑選。
類股方面蘋果供應鏈受此次新冠肺炎劇烈衝擊其中最重要的復工關鍵在電子製造服務（EMS）廠包括鴻海及和碩這兩間大廠的復工進度目前都在六成以下陸廠的舜宇與立訊復工進度也不到四成再加上缺工與人員進出限制預期整體供應鏈至3月中旬後才有望慢慢回穩。
至於被動元件族群因積層陶瓷電容（MLCC）供需缺口持續擴大各大廠相繼宣佈交期延長三個月以上龍頭廠國巨也預期將從3月起調漲MLCC、電阻價格約三成且稼動率短期不易大幅拉升下被動元件族群可望受惠漲價的預期心理吸引大量資金轉入。</t>
  </si>
  <si>
    <t>預期復工交易日震盪大盤mlcc公佈整體方面供應元件被動族群操作進度衝擊</t>
  </si>
  <si>
    <t>台股有望被動元件族群本周肺炎</t>
  </si>
  <si>
    <t>元件族群被動有望肺炎</t>
  </si>
  <si>
    <t>疫苗死亡累計新增</t>
  </si>
  <si>
    <t>中央流行疫情指揮中心昨（10日）新增176例疫苗接種後不良事件其中包含7例死亡4例為接種AZ疫苗、3例為接種莫德納疫苗。目前國內疫苗接種後死亡個案累計1055例。疫情指揮中心莊人祥說明疫苗接種後不良事件新增通</t>
  </si>
  <si>
    <t>接種疫苗指揮中心疫情死亡新增不良事件說明累計莊人祥個案莫德納國內目前包含流行az中央</t>
  </si>
  <si>
    <t>中央流行疫情指揮中心昨（10日）新增176例疫苗接種後不良事件其中包含7例死亡4例為接種AZ疫苗、3例為接種莫德納疫苗。目前國內疫苗接種後死亡個案累計1055例。
疫情指揮中心莊人祥說明疫苗接種後不良事件新增通報176件分別為121件非嚴重不良事件7件死亡48件其他疑似嚴重不良事件。
7例接種後死亡個案中4例為接種AZ後79天到117天發生2女2男年齡為57至64歲；另外3例為接種莫德納後11至21天發生1女2男年齡為67至69歲。
指揮中心統計目前國內累計1055例疫苗接種後發生死亡之不良事件其中752例為接種AZ253例為接種莫德納30例為接種高端20例為接種BNT。</t>
  </si>
  <si>
    <t>接種指揮疫苗中心死亡不良事件新增發生az疫情累計嚴重莫德納年齡目前國內個案說明莊人祥統計通報分別包含</t>
  </si>
  <si>
    <t>接種疫苗死亡台灣新冠肺炎</t>
  </si>
  <si>
    <t>死亡臺灣疫苗肺炎接種</t>
  </si>
  <si>
    <t>寵物確診傳播傳人陽性</t>
  </si>
  <si>
    <t>新冠肺炎疫情未退香港有確診病患飼養的寵物犬驗出冠狀病毒弱陽性香港證實新型冠狀病毒會人畜傳播。我中央流行疫情指揮中心執行官周志浩28日在記者會說明目前不排除這種可能但仍需要檢測。此外最新研究指出</t>
  </si>
  <si>
    <t>疫情香港冠狀病毒需要可能排除目前說明記者會未退檢測周志浩執行官中心指揮飼養確診流行寵物中央</t>
  </si>
  <si>
    <t>病毒寵物感染沒有研究人類香港傳播宿主穿山甲排除疫情發現指出肺炎可能</t>
  </si>
  <si>
    <t>香港肺炎病毒宿主冠狀病毒</t>
  </si>
  <si>
    <t>肺炎香港宿主冠狀病毒</t>
  </si>
  <si>
    <t>華邦電景碩喊進外資</t>
  </si>
  <si>
    <t>台股拚重新吸聚人氣外資圈再出招麥格理證券看好景碩（3189）營運自2020年起翻揚、最壞情況已過升評至「優於大盤」摩根士丹利除同步重申看好景碩還針對華邦電（2344）發出戰術性買進報告（RTI）疾呼現在</t>
  </si>
  <si>
    <t>景碩看好人氣買進外資戰術性發出華邦電麥格理證券報告情況優於最壞大盤重申營運同步摩根士丹利</t>
  </si>
  <si>
    <t>景碩華邦電dram股價客戶營運看好外資證券獲得持續麥格理優於需求影響智慧現在分析</t>
  </si>
  <si>
    <t>獲得肺炎DRAM中低價華邦電</t>
  </si>
  <si>
    <t>肺炎dram低價華邦電獲得</t>
  </si>
  <si>
    <t>仁惠抓到感染醫院員工麻將隱匿重罰最毒</t>
  </si>
  <si>
    <t>高雄鳳山賭場群聚案共造成15人染疫先前卻一直找不到感染源經過多日調查高市府2日召開防疫會議宣佈抓到感染源頭兇手竟是先前確診的仁惠醫院男行政人員該男確診後對衛生局疫調人員隱匿曾到鳳山瑞竹路賭</t>
  </si>
  <si>
    <t>先前感染人員確診造成隱匿召開防疫會議抓到宣佈山瑞竟是兇手源頭一直</t>
  </si>
  <si>
    <t>高雄鳳山賭場群聚案共造成15人染疫先前卻一直找不到感染源經過多日調查高市府2日召開防疫會議宣佈抓到感染源頭兇手竟是先前確診的仁惠醫院男行政人員該男確診後對衛生局疫調人員隱匿曾到鳳山瑞竹路賭場打牌的事實高市府將對他依傳染病防治法43條、67條處以30萬元罰款。</t>
  </si>
  <si>
    <t>先前感染賭場市府人員確診事實造成打牌傳染病山瑞抓到召開隱匿宣佈竟是</t>
  </si>
  <si>
    <t>仁惠醫院隱匿賭場高市府確診</t>
  </si>
  <si>
    <t>隱匿賭場醫院市府仁惠確診</t>
  </si>
  <si>
    <t>專欄氣盛瓊期期貨指數人氣國外</t>
  </si>
  <si>
    <t>經濟鮑爾演說於聯穩健准會薪資失業率主席目前聽證擴張盤面景氣看待肺炎美國疫情發展對於企業內容成長強調</t>
  </si>
  <si>
    <t>目前疫情美國多方鮑爾市場經濟上升操作內容確診公佈進行發展肺炎持續演說支撐相對期貨成長影響</t>
  </si>
  <si>
    <t>肺炎美股疫情鮑爾期貨</t>
  </si>
  <si>
    <t>肺炎鮑爾期貨疫情</t>
  </si>
  <si>
    <t>hfnc員工救命陳時中內幕</t>
  </si>
  <si>
    <t>繼藝人賈永婕募集342台「救命神器」高流量氧氣鼻導管全配系統HFNC分送各大醫院後中央流行疫情指揮中心指揮官陳時中昨(13)日也宣佈目前已購買500台HFNC卻遭批評慢半拍。一名自稱是HFNC設備從業人員的網友揭內</t>
  </si>
  <si>
    <t>hfnc救命流量氧氣自稱募集導管全配批評中心指揮官指揮陳時中系統疫情流行中央分送</t>
  </si>
  <si>
    <t>繼藝人賈永婕募集342台「救命神器」高流量氧氣鼻導管全配系統HFNC分送各大醫院後中央流行疫情指揮中心指揮官陳時中昨(13)日也宣佈目前已購買500台HFNC卻遭批評慢半拍。一名自稱是HFNC設備從業人員的網友揭內幕表示確實6月4日有接到中央詢價的消息不過最後似乎並沒有成功接單。
這名網友在網路論壇《PTT》表示6月4日有接到中央詢價採購500台HFNC的消息公司內部為了這件事烽火連天的忙了一周不過今天才從電視新聞得知衛福部已經出貨200台因此接到單的似乎並不是他們的廠。
該名員工感嘆為了這個案子公部門與使用單位都急如星火公司也已提前下單訂貨深怕來不及交給第一線但今天看電視才得知衛福部已經出貨至於衛福部已出貨的200台他不知道是哪間公司的總之他還沒有接到要回公司加班出貨的消息。
至於哪個品牌的HFNC好用？原PO則指出只能說青菜、蘿蔔各有所好每台設備都有優缺點國產的不一定不好外國的也不一定比較猛最重要的是能救命、用對方式、用對地方能有效減輕設備不足壓力的都是好東西。
對於在賈永婕善舉後指揮中心13日才宣佈已購買500台HFNC其中200台當天到貨遭外界批評動作太慢若都要靠民間募資那政府編列預算有甚麼用？有PTT網友無奈回應「政府採購有跟學校、公家交手過就知道 沒人注意的才會快…不能說再多了」。</t>
  </si>
  <si>
    <t>hfnc公司設備網友消息中央救命知道賈永婕今天似乎接到沒有指揮</t>
  </si>
  <si>
    <t>救命神器HFNC陳時中賈永婕端午節</t>
  </si>
  <si>
    <t>hfnc陳時中賈永婕端午節救命</t>
  </si>
  <si>
    <t>內服防疫外用提升校園中醫師免疫力</t>
  </si>
  <si>
    <t>新冠肺炎病毒擴散防疫成熱門話題長榮女中邀請奇美醫院中醫部長許堯欽客座授課教學生製作養生茶與防疫香包內服外用提升免疫力對抗病毒。防疫除了勤洗手、戴口罩外增強免疫力是防病毒入侵最基本方式。長榮</t>
  </si>
  <si>
    <t>防疫免疫力病毒擴散許堯欽部長客座授課中醫奇美醫院邀請學生女中防病毒製作入侵養生熱門話題增強內服</t>
  </si>
  <si>
    <t>新冠肺炎病毒擴散防疫成熱門話題長榮女中邀請奇美醫院中醫部長許堯欽客座授課教學生製作養生茶與防疫香包內服外用提升免疫力對抗病毒。
防疫除了勤洗手、戴口罩外增強免疫力是防病毒入侵最基本方式。長榮女中餐飲科與美容科師生移到戶外大樹下授課請來許堯欽教導增強防疫課程教學生如何製作防疫香包及養生茶增強抵抗力課程呼應時勢。
許堯欽指出根據大陸抗疫經驗證實西醫消滅病毒、中醫調理身體雙管齊下對新冠肺炎患者有更好療效平時若能提升自體免疫力創造病毒不愛的環境能使疾病遠離自己。
許堯欽調配的香包含有藿香、菖蒲、艾葉等能保健腸胃、護心肺的中藥材攪碎後裝入過濾袋香包放在書房或臥室味道能驅走病毒。美容科學生將網紗布料縫製成香包袋傳統香包更添時尚感。
許堯欽調配補中益氣的養生茶、健脾化痰的檸檬香茅餐飲科學生現場沖泡給師生品嘗外有薰香護體、內有茶飲補身內服外用達到防疫效果。
長女校長蔡玉敏表示為了防堵疫情寒假期間學校即成立防疫小組包括學生到校量體溫、一般教室不關門窗、專業教室強化消毒等。校方也將部分課程改到戶外進行。
今年長女畢業成果發表會捨棄設備一流的大禮堂；美容科、時尚造型科的造型走秀移師到學校後花園餐飲科、觀光科預訂在林蔭大道擺攤選在較為安全的開放環境進行。</t>
  </si>
  <si>
    <t>防疫許堯欽病毒增強免疫力餐飲課程美容學生養生長女學校中醫戶外科學師生調配</t>
  </si>
  <si>
    <t>新冠肺炎防疫病毒學生免疫力</t>
  </si>
  <si>
    <t>病毒防疫肺炎學生免疫力</t>
  </si>
  <si>
    <t>政治車尾時中人物侯友宜最新排名席捲曝光疫情</t>
  </si>
  <si>
    <t>一向自詡為「防疫模範生」的台灣近期卻從華航機師染疫起疫情持續擴大中小企業好不容易從去年的疫情中恢復如今又再度面臨因為疫情導致經營危機；民眾則面對沒有疫苗可以打的焦慮與恐慌對蔡政府來說是前所未有</t>
  </si>
  <si>
    <t>疫情恐慌焦慮臺灣打的近期可以疫苗華航沒有面對機師模範民眾持續危機去年經營導致恢復面臨再度</t>
  </si>
  <si>
    <t>一向自詡為「防疫模範生」的台灣近期卻從華航機師染疫起疫情持續擴大中小企業好不容易從去年的疫情中恢復如今又再度面臨因為疫情導致經營危機；民眾則面對沒有疫苗可以打的焦慮與恐慌對蔡政府來說是前所未有的執政危機。根據媒體數新調查新北市長侯友宜在31個政治人物中被看好度第一高達791%民眾認為侯友宜最有潛力成為後蔡英文時期的政治領袖；臺北市長柯文哲排名第二。
《ETtoday新聞雲》於2021年5月30日至6月1日以「手機簡訊」進行調查回收有效樣本數為1520份。本問卷提供台灣目前最有知名度以及影響力的31位政治人物名單由受訪者選出十個依據挑選次數最多的前十名做為榜單的依據。
調查結果顯示：新北市長侯友宜在31個政治人物中被看好度第一高達791%民眾認為侯友宜最有潛力成為後蔡英文時期的政治領袖；臺北市長柯文哲排名第二；副總統賴清德排名第三；鴻海創辦人郭台銘排名第四；立法委員蔣萬安排名第五。第六到第十名的排名依次為前國民黨主席朱立倫、台中市長盧秀燕、桃園市長鄭文燦、高雄市長陳其邁、衛生福利部長陳時中。
和前次調查結果相比（2021年3月）侯友宜維持高看好度續居第一名；柯文哲憑藉醫生專業包括醫護徵召與防疫旅館等快、狠、準的果斷決策在此次疫情中抗疫表現突出獲得民眾看好排名從第六名上升到第二名；郭台銘則因近日新冠肺炎疫情嚴峻在國內急需疫苗的情況下提出申請進口500萬劑BNT疫苗首次進入榜內就一舉衝到第四名；賴清德及蔣萬安都小幅下滑一名分列第三名與第五名。
在後續排名朱立倫看好度提升從第八名上升至第六名為藍營人士入榜的第三名；而首度進入榜內的還有盧秀燕除多次針對中火發電廠增設等議題與中央對抗外面對本次新冠肺炎社區感染擴散迅速指揮展開積極抗疫獲得人氣與看好度排名大幅躍進至第七名為十大中唯一的女性政治人物；受部桃群聚感染與華航諾富特事件的影響鄭文燦由前次的第三名下滑至第八名；陳其邁由第七名下滑至第九名；同樣受到疫情影響前次第五名的陳時中因華航機師檢疫期限放寬成「3+11」導致出現防疫破口指揮部署遭受質疑加上疫苗採購爭議失去人氣以及好感度排名下滑至第十名。</t>
  </si>
  <si>
    <t>排名疫情看好疫苗政治防疫侯友宜市長民眾人物前次柯文哲下滑臺灣調查指揮導致朱立倫面對危機感染盧秀燕賴清德華航</t>
  </si>
  <si>
    <t>新冠肺炎侯友宜柯文哲陳時中</t>
  </si>
  <si>
    <t>柯文哲肺炎侯友宜陳時中</t>
  </si>
  <si>
    <t>上海莊人祥輸出臺灣</t>
  </si>
  <si>
    <t>上海市衛生健康委員會宣佈30日報告6例境外輸入性新冠肺炎確診病例其中1例來自台灣為台灣民眾。若消息為真這應是台灣輸出至大陸的第4例新冠肺炎確診病例。不國中央流行疫情指揮中心發言人莊人祥表示一早也</t>
  </si>
  <si>
    <t>臺灣病例確診肺炎發言人中心宣佈指揮疫情流行報告莊人祥中央境外輸出委員會輸入大陸表示應是健康來自消息</t>
  </si>
  <si>
    <t>上海市衛生健康委員會宣佈30日報告6例境外輸入性新冠肺炎確診病例其中1例來自台灣為台灣民眾。若消息為真這應是台灣輸出至大陸的第4例新冠肺炎確診病例。不國中央流行疫情指揮中心發言人莊人祥表示一早也是看到新聞就立刻與陸方聯繫陸方回覆會儘速確認後告知台灣還沒收到進一步的消息。
根據上海通報該名確診患者在台灣生活12月27日自台灣出發當日抵達上海浦東國際機場入關後即被集中隔離觀察期間出現症狀。綜合流行病學史、臨床症狀、實驗室檢測和影像學檢查結果等診斷為確診病例。</t>
  </si>
  <si>
    <t>臺灣確診消息病例症狀肺炎陸方新聞看到一早宣佈表示莊人祥發言人中心集中指揮期間隔離</t>
  </si>
  <si>
    <t>台灣輸出莊人祥新冠肺炎確診台灣大陸</t>
  </si>
  <si>
    <t>肺炎臺灣確診莊人祥輸出大陸</t>
  </si>
  <si>
    <t>宏達電回鍋執行長王雪紅</t>
  </si>
  <si>
    <t>5G新機開賣前夕宏達電再傳人事異動上任不到1年的原執行長Yves Maitre辭職獲准由董事長王雪紅回鍋兼任這是王雪紅去年9月17日卸任執行長後二度兼任執行長。搶攻5G換機商機宏達電本周宣佈HTC U20 5G正式在</t>
  </si>
  <si>
    <t>執行長宏達電兼任王雪紅宣佈前夕人事上任董事長yves去年辭職maitre獲准htc搶攻回鍋</t>
  </si>
  <si>
    <t>5G新機開賣前夕宏達電再傳人事異動上任不到1年的原執行長Yves Maitre辭職獲准由董事長王雪紅回鍋兼任這是王雪紅去年9月17日卸任執行長後二度兼任執行長。
搶攻5G換機商機宏達電本周宣佈HTC U20 5G正式在台灣開賣並預計於9月5日陸續上架至各大通路及網路門市。由於U20 5G標榜專為台灣市場設計、完整支援5G EN-DC頻段、SA及NSA雙模設計被宏達電寄予厚望。
沒想到就在新機開賣前夕Yves Maitre閃電離職。事實上宏達電近年人事更迭前執行長周永明於2015年3月淡出核心後就是由王雪紅首度親自擔任執行長並由前財務長張嘉臨輔佐直至去年才交棒Yves Maitre。
Yves Maitre在加入宏達電前曾在全球電信巨擘Orange電信擔任Consumer Equipment and Partnerships執行副總裁雙方是2005年因業務關係而有合作機會Yves Maitre也對宏達電印象不錯因而被王雪紅延攬。
Yves Maitre上任後除了貫徹王雪紅訂出的轉型目標在XR（延展實境）與AI（人工智慧）領域積極拓展新業務希望能在未來5G發展上搶佔先機並奪得強而有力的地位也持續推動新機上市鞏固在台市占率。
對於Yves Maitre到職未滿1年就離開宏達電表示新冠肺炎改變全球人類的生活方式與商業行為使全球差旅備受限制Yves Maitre考量家庭與工作難兼顧董事會通過其辭任對於他的未來發展給予祝福。
業界認為王雪紅過去就有兼任宏達電執行長的經驗重操兵符不是難事但宏達電近年積極轉型公司挑戰不小恐怕還是得找個專業經理人分擔重任完成轉型大計。
業界認為相較於宏達電在XR的內容研發實力逐漸成熟眼前更需殷切補足的恐怕還是智慧型手機市場這塊尤其5G換機潮在即大陸手機因政治幹擾無法來台空出的價格帶是大有可為的機會應該好好把握。</t>
  </si>
  <si>
    <t>宏達電yvesmaitre執行長王雪紅轉型兼任新機對於xr擔任手機積極業務設計去年發展未來全球</t>
  </si>
  <si>
    <t>Maitre兼任執行長開賣前U20</t>
  </si>
  <si>
    <t>執行長兼任maitre</t>
  </si>
  <si>
    <t>連勝紅人回歸憤怒停賽mlb</t>
  </si>
  <si>
    <t>辛辛那提紅人隊被驗出有1位球員感染新冠肺炎大聯盟緊急喊停16日、17日剩餘的兩場海盜系列賽進一步檢測與追蹤。國聯中區由於聖路易紅雀隊長期停賽被搞得賽程混亂唯一沒受影響的是紅人現在紅人終於也中鏢了</t>
  </si>
  <si>
    <t>紅人肺炎出有系列賽混亂進一步感染球員檢測賽程追蹤國聯停賽中區長期聖路易紅雀現在影響喊停</t>
  </si>
  <si>
    <t>紅雀進度週二紅人比賽複賽聯盟進一步檢測系列賽出有追蹤球員預估感染</t>
  </si>
  <si>
    <t>紅雀雙重賽7局紅人海盜</t>
  </si>
  <si>
    <t>紅雀紅人海盜</t>
  </si>
  <si>
    <t>人潮熱點清潔隊消毒防疫</t>
  </si>
  <si>
    <t>新冠肺炎疫情升溫北部傳出有醫護感染情況為超前部署同時配合年前清潔工作台中市環保局特別針對人潮聚集熱點執行環境防疫消毒也加強巡檢清除積水容器及孳生源、疏通水溝；值得一提的是日前還發生清潔人員</t>
  </si>
  <si>
    <t>清潔升溫北部傳出醫護日前感染水溝值得一提的是情況疏通超前孳生容器疫情部署積水清除配合加強年前消毒防疫環境執行熱點</t>
  </si>
  <si>
    <t>新冠肺炎疫情升溫北部傳出有醫護感染情況為超前部署同時配合年前清潔工作台中市環保局特別針對人潮聚集熱點執行環境防疫消毒也加強巡檢清除積水容器及孳生源、疏通水溝；值得一提的是日前還發生清潔人員協助民眾疏通水溝時竟衝出大批老鼠所幸經過近2小時清淤讓水溝恢復乾淨。
清水溝 衝出大批老鼠
環保局長陳宏益指出因應新冠肺炎發展清潔隊去年初就成立防疫消毒大隊去年二月開始持續在台灣燈會會場、針對大眾交通工具及全市464所高中以下學校及127輛校車等進行環境及公共區域消毒作業。
陳宏益表示為全面強化防疫工作消毒大隊每月也持續針對百貨商圈、交通場站及民眾洽公機關等全市579處人潮聚集熱點進行戶外環境加強消毒至今完成6300處次重點場所消毒工作；此外針對農曆新年前後民眾外出採買年貨或出遊也規畫增加消毒頻率只要衛生單位通報清潔消毒人員立即出動。
防新冠 也阻絕登革熱
確實的清理與消毒不只可防範新冠疫情也可防範登革熱疫情陳宏益強調台中市前幾年發生登革熱本土病例為防堵環保局秉持「孳生源清除為主化學噴藥為輔」的原則定期清除積水容器、杜絕孳生源清潔隊員每月並到熱點區進行公共環境巡檢去年總計動員近12萬人次、清理積水容器超過3萬個。
在清理水溝部分日前清潔隊接獲通報指樂業國小旁一處水溝不通且頻傳惡臭經現場會勘發現是攤販清洗魚蝦時丟棄海鮮殘渣導致惡臭。
東南區清潔隊長蔡明昌說清潔人員到場後先灌水沖洗水溝接著2人鑽進窄小水溝查看突然有一群老鼠衝向隊員幸好他們處變不驚持續2小時終於清完溝內約05公噸垃圾。</t>
  </si>
  <si>
    <t>消毒水溝清潔持續民眾陳宏益環境工作人員老鼠進行登革熱防疫惡臭熱點清理孳生小時積水清除全市容器隊員</t>
  </si>
  <si>
    <t>肺炎陳宏益消毒清潔隊疫情</t>
  </si>
  <si>
    <t>肺炎消毒清潔隊陳宏益疫情</t>
  </si>
  <si>
    <t>曾陪家確診新增花蓮新竹</t>
  </si>
  <si>
    <t>新竹縣25日新增一名確診個案新竹縣長楊文科25日下午宣佈該名確診者為案5299為本國籍20多歲女性住在竹北市在發病前的公共地區活動史僅有花蓮縣1處民宿另外針對新竹市通報的確診者在新竹縣的足跡新竹</t>
  </si>
  <si>
    <t>確診新竹地區活動發病竹北市女性國籍縣長宣佈下午楊文科個案通報新增足跡</t>
  </si>
  <si>
    <t>新竹縣25日新增一名確診個案新竹縣長楊文科25日下午宣佈該名確診者為案5299為本國籍20多歲女性住在竹北市在發病前的公共地區活動史僅有花蓮縣1處民宿另外針對新竹市通報的確診者在新竹縣的足跡新竹縣政府環保局也完成消毒。
楊文科指出案5299在5月21日至23日則與家人開車前往花蓮處理家中事務期間居住在花蓮縣新城鄉一處民宿但因旅館屬於不公開的足跡新竹縣政府也通報花蓮縣政府並完成消毒。
案5299在5月24日晚間因出現發燒由家人陪同就醫及採檢確定為陽性後由救護車後送至醫院隔離治療。楊文科表示案5299的疫調結果已經交給中央判讀並釐清其感染源。其15名接觸者及同住家人也依據風險程度安排採檢、居家隔離或自主健康管理。
另外新竹縣政府上午也接到新竹市政府通知新竹市確診個案有前往寶山鄉1處寵物樂園、竹北市縣政九路一間自助餐的足跡環保局也已消毒完畢。
楊文科表示中央流行疫情指揮中心25日宣佈三級警戒延長至6月14日各級學校也停課至6月14日對於線上教學不足之處縣府也做滾動式檢討公播課程會加入低年級課程、國中勞權教育課程遠距教學線上支援平臺也會整合新竹縣輔導團、教育部及其他縣市的線上教學平臺另外國小學力測驗則延長至7月1日施測。
楊文科也感謝普生股份有限公司捐贈新竹縣1萬人份的「新冠肺炎核酸檢驗試劑PCR」支援醫療能量。</t>
  </si>
  <si>
    <t>新竹家人確診新竹縣政府教學足跡文科消毒隔離中央竹北市表示支援前往花蓮</t>
  </si>
  <si>
    <t>新竹縣案5299楊文科確診足跡</t>
  </si>
  <si>
    <t>楊文科確診足跡新竹</t>
  </si>
  <si>
    <t>評估高端追加來勢洶洶疫苗omicron混打</t>
  </si>
  <si>
    <t>南非爆出最新變種病毒Omicron各國嚴陣以待擔心疫情再次蔓延；高端今指出已著手展開因應方案評估高端疫苗第3劑追加施打的免疫生成性及疫苗混打評估的可行性。高端疫苗指出已建構Omicron偽病毒評估現有</t>
  </si>
  <si>
    <t>評估疫苗omicron指出病毒高端嚴陣以待擔心疫情蔓延再次生成高端今追加變種方案展開因應建構免疫打的混打最新可行性</t>
  </si>
  <si>
    <t>omicron疫苗評估免疫高端病毒試驗變異進行指出對抗追加抗原流行團結目前展開變種突變中和抗體生成混打啟動</t>
  </si>
  <si>
    <t>Omicron評估第3劑高端疫苗變異株</t>
  </si>
  <si>
    <t>疫苗omicron高端評估變異</t>
  </si>
  <si>
    <t>學校以上購置防疫體檢補助紅外線體溫全縣澎湖縣</t>
  </si>
  <si>
    <t>因應開學防疫全澎湖縣學校24日展開防疫機制總體檢各校已成立防疫小組擬定防疫管理措施計畫縣長賴峰偉親率隊視察重申確實測量體溫宣佈400人以上學校補助購置紅外線體溫儀。縣府強調即日起開學後校園</t>
  </si>
  <si>
    <t>防疫學校開學強調縣府體溫紅外線措施機制展開縣長購置賴峰偉率隊視察補助重申確實以上測量體溫宣佈即日起成立</t>
  </si>
  <si>
    <t>因應開學防疫全澎湖縣學校24日展開防疫機制總體檢各校已成立防疫小組擬定防疫管理措施計畫縣長賴峰偉親率隊視察重申確實測量體溫宣佈400人以上學校補助購置紅外線體溫儀。
縣府強調即日起開學後校園是人群聚集互動最頻繁的地區防疫考驗才真正開始校園衛生安全決不能失守守護學生健康讓家長放心。
教育處表示所有防疫物資額(耳)溫槍、消毒水、肥皂、緊急備用口罩等都已到位同時責令全縣學校成立防疫小組擬定防疫管理措施計畫及自主防疫檢合表製作肺炎防疫作業Q＆A供各校參考運用隨時監控掌握防疫現況。
各校都設置發燒檢測站控管學生進出校園動線每天確實實施測量體溫發現學生體溫超過375度立刻安排至保健室隔離並通知家長帶往醫院檢查尤其宣導勤洗手及注意咳嗽禮節。
教育處大聲疾呼通報機制最重要一發現疑似感染新冠肺炎症狀學生盡速通報衛生局或撥打1922協助落實校安通報。
賴峰偉表示防疫視同作戰防疫細節務必零缺口針對學校人數達400人以上學校縣府將補助學校添購紅外線體溫檢測儀提供學生安全學習環境。</t>
  </si>
  <si>
    <t>防疫學生學校校園通報體溫肺炎家長教育處賴峰偉機制確實測量體溫縣府表示安全開學以上紅外線補助成立措施</t>
  </si>
  <si>
    <t>本錢大意現在沒有面臨臺灣危機</t>
  </si>
  <si>
    <t>新冠肺炎疫情嚴峻台灣累計確診人數382人對此中山醫學大學附設醫院兒童急診科主任謝宗學醫師發文表示9日中央流行疫情指揮中心指揮官陳時中語重心長的警語「台灣沒有大意的本錢」且新冠肺炎傳染力遠大於SA</t>
  </si>
  <si>
    <t>臺灣疫情肺炎傳染急診科主任兒童醫院宗學附設醫師大學發文中山醫學對此表示中央流行人數指揮中心本錢確診語重心長警語</t>
  </si>
  <si>
    <t>新冠肺炎疫情嚴峻台灣累計確診人數382人對此中山醫學大學附設醫院兒童急診科主任謝宗學醫師發文表示9日中央流行疫情指揮中心指揮官陳時中語重心長的警語「台灣沒有大意的本錢」且新冠肺炎傳染力遠大於SARS若病人突然暴增可能造成醫療資源不足那時的致死率甚至會比SARS還高。
謝宗學醫師在臉書發文表示9日下午開車接孩子下課看到下班下課時間人潮眾多便當店、飲料店大排長龍好像世界沒有新冠肺炎肆虐心中不禁想這樣平靜的生活能一直維持嗎？會不會一覺醒來爆疫情大爆發使平常熟悉的一切灰飛煙滅開始禁足和封城？
謝宗學也指出台灣現在面臨的嚴峻危機一、世界各國疫情沒有趨緩的現象大陸繼續掩飾疫情拚復工二、清明連假人潮群聚的危機至少還要10天才能解除三、國人開始鬆懈街上看到不少人沒戴口罩。
謝宗學也表示每天維持高強度防疫的生活很痛苦但要保有現在如常的生活模式真的只能這樣。清明連假後他開始配戴N95口罩因為現在國外旅遊史與接觸史已不再是判斷新冠肺炎唯一參考依據他知道職責所在不能讓自己染病所以開始適應12小時緊戴N95工作。他希望大家能持續做好個人防護措施不要參加人多的活動、不要到密閉空間及人潮擁擠的地方去出門一定要戴口罩、勤洗手保護自己也保護家人更是保護國家台灣真的沒有大意的本錢。</t>
  </si>
  <si>
    <t>疫情開始臺灣肺炎沒有現在宗學生活口罩表示人潮sars看到清明連危機真的世界維持嚴峻</t>
  </si>
  <si>
    <t>本錢危機台灣新冠肺炎武漢肺炎</t>
  </si>
  <si>
    <t>臺灣危機肺炎武漢本錢</t>
  </si>
  <si>
    <t>機票衝擊吐血疫情上海重慶</t>
  </si>
  <si>
    <t>受新冠肺炎疫情及各地不同程度封城影響大陸大眾運輸載客量大減飛機票價更是跌得比客運車票還低。今天從上海飛往重慶的機票最高才人民幣59元最低更只要49元（新台幣約211元）。《中央社》報導26日從上海飛</t>
  </si>
  <si>
    <t>上海疫情程度不同影響大陸大眾中央運輸載客台幣飛機票飛往今天重慶機票</t>
  </si>
  <si>
    <t>受新冠肺炎疫情及各地不同程度封城影響大陸大眾運輸載客量大減飛機票價更是跌得比客運車票還低。今天從上海飛往重慶的機票最高才人民幣59元最低更只要49元（新台幣約211元）。
《中央社》報導26日從上海飛往哈爾濱的機票最低也只要99元人民幣(合台幣434元)。上海至重慶直線距離約1410公里空中飛行時間平均約需2小時30分；上海至哈爾濱直線距離則達1680公里空中飛行時間平均約需2小時近40分。
陸媒《新京報》用「吐血價」3字形容上述票價（不含規費）。並指各大城市相繼推動復工航空業便抓住一切機會「流血復工」包括高層主管帶頭降薪甚至不支薪、員工無薪休假、推出「吐血價」機票等措施。
報導說上述不到100元人民幣的機票雖是由廉航春秋航空推出但一線航空公司如東方航空及山東航空開出的上海至哈爾濱票價也只要170元(合台幣745元)是非疫情時期的1折左右。
除上海外北京、廣州等大陸一線城市飛往哈爾濱、重慶、成都的經濟艙票價也大多報出1至3折的超低價。
報導指出受疫情影響大陸航空雖然流血復工但以24日當天上午10時30分的情況為例大陸全境1萬3110個航班中仍取消了7809班取消率將近60%。
報導說大陸航空業者的自救措施除壓低票價像是以機上餐點豐富聞名的四川航空甚至推出團體營養餐業務對外承包機關團體、企業等單位等集體配餐業務以補貼收入。</t>
  </si>
  <si>
    <t>大陸航空上海報導票價哈爾濱機票推出疫情復工重慶飛往人民幣台幣甚至業務城市流血一線吐血</t>
  </si>
  <si>
    <t>醫護人員呼籲加油打氣端午節物資返鄉張鈞寧移動</t>
  </si>
  <si>
    <t>全台疫情持續嚴峻目前人在大陸的張鈞甯心繫台灣這段期間得知各大醫院有物資的需求希望醫護同仁們都能在安全的防護措施下為民眾服務她協助提供防水高筒鞋套及防水隔離衣等表示現在所需的物資已經陸續到位</t>
  </si>
  <si>
    <t>物資防水目前大陸張鈞寧心系現在臺灣表示期間得知協助民眾服務嚴峻措施下為醫院防護安全需求希望同仁</t>
  </si>
  <si>
    <t>全台疫情持續嚴峻目前人在大陸的張鈞甯心繫台灣這段期間得知各大醫院有物資的需求希望醫護同仁們都能在安全的防護措施下為民眾服務她協助提供防水高筒鞋套及防水隔離衣等表示現在所需的物資已經陸續到位希望能幫所有前線醫護人員加油打氣也藉著這個機會對所有在崗位上辛勞努力的醫護人員們說：「辛苦了！」
而被問捐助物資的金額張鈞甯經紀人表示：「金額的部分不重要啦！能夠盡己之力為醫護人員幫上忙才是鈞甯的一點心意。」張鈞甯也不忘呼籲大家：「一起『甯』聚愛的力量努力度過這段艱困的時刻端午假期乖乖待在家裡不要返鄉移動哦！」
有鑒於台灣各地仍有許多弱勢兒少受限於家庭資源及經濟沒有足夠的網路及電腦設備進行遠距學習張鈞甯也與言承旭一同用行動支持台灣世界展望會她今（9日）在臉書轉發邀請大家加入「你捐款貧童遠距學習不中斷！」活動募集數位設備送到偏鄉幫助弱勢兒少穩定學習。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張鈞寧學習醫護人員物資臺灣努力弱勢兒少務必希望表示防疫口罩專線防水金額目前肥皂</t>
  </si>
  <si>
    <t>張鈞甯新冠肺炎台灣</t>
  </si>
  <si>
    <t>臺灣肺炎張鈞寧</t>
  </si>
  <si>
    <t>天價導體</t>
  </si>
  <si>
    <t>聯詠(3034)第二季營收創下歷史新高帶動今股價開高走高漲幅一度達8%股價衝上291元歷史新高。聯詠6月受到面板驅動IC業務減少影響單月營收5853億元月減577%但累計第2季營收仍達1861億元季增102%超</t>
  </si>
  <si>
    <t>股價歷史季營業務影響ic減少驅動單月面板受到開高帶動一度新高創下</t>
  </si>
  <si>
    <t>聯詠(3034)第二季營收創下歷史新高帶動今股價開高走高漲幅一度達8%股價衝上291元歷史新高。
聯詠6月受到面板驅動IC業務減少影響單月營收5853億元月減577%但累計第2季營收仍達1861億元季增102%超過177億~185億元的財測目標改寫歷史單季新高紀錄。
聯詠今年上半年儘管受到新冠肺炎衝擊但整體營運表現依舊穩住第二季營收還創下歷史新高展望第三季聯詠預期市場將開始回穩供應鏈拉貨力道可望轉強因為下半年OLED驅動IC、TDDI等需求持續提升聯詠預計今年營運將更勝去年由於聯詠去年全年營收就創下歷史新高換句話說聯詠今年營收將有實力持續創高。
除OLED驅動IC、TDDI外今年在5G手機的策動下聯詠光是上半年AMOLED的出貨就會比去年全年多因為聯詠主要供應商之一為大陸京東方京東方又為大陸最大面板廠供貨給各品牌手機廠故隨著大陸5G智慧機快速滲透下聯詠將受惠AMOLED毛利率較佳也會順勢帶動獲利表現除手機應用AMOLED外聯詠也積極導入AMOLED的其他應用。</t>
  </si>
  <si>
    <t>歷史今年大陸ic新高amoled驅動季營表現帶動營運持續創下股價上半年</t>
  </si>
  <si>
    <t>聯詠歷史新高AMOLEDIC第二季營收</t>
  </si>
  <si>
    <t>新高amoledic歷史季營</t>
  </si>
  <si>
    <t>韓越顯高雄薄弱市民互信朝野機會江啟臣</t>
  </si>
  <si>
    <t>國民黨主席江啟臣今天在中常會重批政府振興政策並指朝野互信因罷韓越顯薄弱民進黨無視當前紓困振興工作混亂國際局勢變化在內外交迫中不放棄以行政手段協助罷韓；而國民黨要更積極串連包括高雄市在內的執政</t>
  </si>
  <si>
    <t>振興國民黨積極中常會政府協助串連外交行政手段放棄變化國際局勢混亂政策工作紓困當前無視民進韓越顯</t>
  </si>
  <si>
    <t>國民黨主席江啟臣今天在中常會重批政府振興政策並指朝野互信因罷韓越顯薄弱民進黨無視當前紓困振興工作混亂國際局勢變化在內外交迫中不放棄以行政手段協助罷韓；而國民黨要更積極串連包括高雄市在內的執政縣市共推安心旅遊、防疫旅遊超前部署振興工作。他再次懇求高雄鄉親投票前重新思考市府團隊的努力與成績值得再給一次機會繼續延續高雄的幸福。
江啟臣說前天國內連續43天零本土個案居家隔離人數首度歸零創下「雙零」紀錄。同時高雄市政府也宣佈連續4個月無本土病例並且結合高雄市內37家旅館舉行點燈活動。中央與地方同步宣示國內疫情緩和即將逐步展開振興工作。
但行政院推出的振興政策卻令人難以期待要求民眾以1000元購買3000元面額的振興券令人費解分不清楚這是商業促銷還是政府振興政策？金融海嘯時期馬政府發放消費券不僅帶動了經濟活水也讓民眾在消費時花了比消費券還多的金額刺激經濟這種做法才是最實質的振興！
他說面對接下來的振興需求國民黨仍舊主張發放現金。日前國民黨立法院黨團也正式提案每人發放6000元希望透過發放現今來刺激消費活絡因為疫情凍結的經濟讓各行各業能逐漸回歸正軌。
江啟臣說然而國際疫情仍未平息邊境管理不能鬆懈兩岸國際局勢變化更瞬息萬變美陸對峙、競合的局勢顯然將在疫情過後更加明確。香港局勢變化也牽動兩岸互動同樣值得關注與擔憂。此刻更應是朝野共同面對世界變局的關鍵時間但朝野間的互信卻因為罷免韓國瑜市長的動作越顯薄弱。
他說國民黨擔憂台灣社會持續虛耗空轉、對立激化絕對不利於因應快速的國際局勢變化。令人遺憾的是執政的民進黨無視當前紓困振興工作混亂國際局勢變化在內外交迫中仍不放棄以行政手段協助罷韓工作的可能性。
江啟臣指出在中央紓困振興作為不力的情況下國民黨要更積極串連地方政府進行振興工作。上週新北市長侯友宜、金門縣長楊鎮浯已經展開縣市互惠的國旅振興規劃國民黨執政縣市也無不用心共同推動振興工作包括台中市政府已規劃擴大辦理「臺中購物節」、高雄市政府也推動「高雄振興購物嘉年華」台東縣政府也推出「獎勵旅遊及度假會議計畫」。黨中央也將更持續積極連結執政縣市共同推動安心旅遊、防疫旅遊希望攜手面對後疫情的經濟衝擊超前部署振興工作。
江啟臣強調藉由中常會他再次重申黨中央力挺每位黨籍從政同志包括15位黨籍縣市長。黨中央有責任與韓國瑜市長及所有的地方政府共同合作用市政成績證明國民黨的執政經得起考驗。面對各種的意見與批評國民黨除了虛心檢討更再次懇求高雄鄉親投票前重新思考市府團隊的努力與成績值得再給一次機會繼續延續高雄的幸福。</t>
  </si>
  <si>
    <t>振興國民黨工作高雄疫情執政變化面對共同經濟政府啟臣發放市長黨中央地方包括國際局勢旅遊朝野政策</t>
  </si>
  <si>
    <t>罷韓韓國瑜侯友宜振興新冠肺炎</t>
  </si>
  <si>
    <t>侯友宜振興韓國肺炎</t>
  </si>
  <si>
    <t>警報今日防疫疫情校園總數北市</t>
  </si>
  <si>
    <t>臺北市松山區某國中學生染疫周邊校園紛紛預防性停課昨日共有12校受影響、4399名學生請防疫假。北市副市長蔡炳坤今日指出今日請防疫假的人數已從4339名增加到5113名目前共有61個班仍在停課中共有1550名學</t>
  </si>
  <si>
    <t>共有停課防疫周邊校園紛紛預防目前昨日增加人數今日北市影響學生班仍中學生市長蔡炳坤指出松山區</t>
  </si>
  <si>
    <t>臺北市松山區某國中學生染疫周邊校園紛紛預防性停課昨日共有12校受影響、4399名學生請防疫假。北市副市長蔡炳坤今日指出今日請防疫假的人數已從4339名增加到5113名目前共有61個班仍在停課中共有1550名學生受到影響。
北市府下午舉行防疫記者會媒體詢問今日請防疫假的人數停課學校總數和影響學生人數有多少？不少學校即將在週一恢復上課周邊補習班和家教班是否也比照作法一併在週一恢復實體授課？
蔡炳坤表示昨天請防疫假的人數為4339名佔總學生數的134％今日已增加到5113人佔總數的158％等於增加了774位；停課部分則有61個班包括國中28個班、國小6個班、幼稚園27個班共有7校、5園停課所影響的學生則有1550人。
至於復課部分蔡表示除了松山區的2個國中跟中山區的1個國小人數總共619位星期一可以復課其他學校還要等和核酸檢測（PCR）結果才能做出決定。北市副市長黃珊珊也補充有確診學生的那班還是會持續停課因為學生都在居家隔離。</t>
  </si>
  <si>
    <t>學生停課人數防疫影響共有學校周邊增加今日複課恢復週一北市部分松山區市長國中國小</t>
  </si>
  <si>
    <t>新冠肺炎台灣防疫假影響人數</t>
  </si>
  <si>
    <t>防疫臺灣肺炎影響人數</t>
  </si>
  <si>
    <t>血栓罕見接種引發莫德納住院首例全美身亡</t>
  </si>
  <si>
    <t>美國一名65歲男子在接種第2劑莫德納（Moderna）疫苗10天後因為持續頭痛、腿部疼痛住院並且確診血栓併血小板低下症候群（Thrombosis with Thrombocytopenia SyndromeTTS）男子在接受積極治療後仍不幸身亡這</t>
  </si>
  <si>
    <t>男子積極moderna接受疫苗tts持續syndrome頭痛thrombocytopeniathrombosis症候住院低下with確診血小板血栓疼痛治療莫德納接種不幸身亡美國</t>
  </si>
  <si>
    <t>美國一名65歲男子在接種第2劑莫德納（Moderna）疫苗10天後因為持續頭痛、腿部疼痛住院並且確診血栓併血小板低下症候群（Thrombosis with Thrombocytopenia SyndromeTTS）男子在接受積極治療後仍不幸身亡這是全美首起因為接種莫德納疫苗引發罕見血栓的案例。
綜合英國《每日郵報》（Daily Mail）、「今日俄羅斯」（Russia TodayRT）報導美國匹茲堡艾勒翰尼醫療體系（Allegheny Health Network）的研究人員昨（28）日在美國《內科醫學年鑑》（Annals of Internal Medicine）上發布美國首起接種莫德納疫苗引發罕見血栓不幸喪命的案例。
報告指出這名65歲男子在接種第2劑莫德納疫苗10天後住院接種疫苗後他反覆頭痛、雙腿疼痛一周就醫前2天開始呼吸困難。
男子本身患有高血壓、高血脂症（Hyperlipidemia）等慢性疾病就醫後很快就被診斷出血栓併血小板低下症候群的罕見血栓症狀他同時有深部靜脈栓塞（Deep Vein ThrombosisDVT）及血小板減少症（Thrombocytopenia）。
醫療團隊試圖找出男子出現血栓併血小板低下症候群的原因包括感染新冠肺炎、其他病毒或是由栓塞性血小板減少性紫斑症（thrombotic thrombocytopenic purpuraTTP）造成不過上述所有因素全被排除最終團隊總結男子出現的罕見血栓症狀是由疫苗所誘發。
報告指出男子在住院3天後就出現腦靜脈竇血栓（cerebral venous sinus thrombosis）這是一種罕見的血栓型態可能導致出血。儘管經過12天快速治療團隊也窮盡各種方式包括用下腔靜脈濾器收集大血塊、以及使用Bivalirudin等抗血栓藥物男子最終仍不幸病逝。
先前科學家僅證實接種腺病毒為載體的AZ、嬌生疫苗會併發罕見血栓這份研究顯示接種mRNA技術的疫苗也可能出現罕見血栓。
據瞭解這是美國至今唯一一起接種莫德納或輝瑞/BNT疫苗後出現血栓併血小板低下症候群的案例美國目前已經施打超過306億劑莫德納與BNT疫苗。
匹茲堡的研究團隊強調mRNA疫苗已被證實安全、有效而且數百萬人接種後沒有出現這個問題他們認為65歲男子的不幸例子是相當罕見的案例就算後續證實有其他案例接種疫苗的好處仍舊較大。
研究團隊也指出如果團隊能更早一步發現男子的的症狀是「疫苗誘發的免疫性血栓併血小板低下症」（vaccine-induced immune thrombotic thrombocytopeniaVITT）他們就會早一點用不同的方式為他治療。</t>
  </si>
  <si>
    <t>男子血栓疫苗接種美國罕見團隊血小板出現案例研究莫德納低下靜脈thrombocytopenia不幸thrombosis證實症候治療住院指出症狀</t>
  </si>
  <si>
    <t>#新冠肺炎#全球美國莫德納罕見血栓首例</t>
  </si>
  <si>
    <t>美國全球莫德納肺炎罕見血栓首例</t>
  </si>
  <si>
    <t>二戰死者危機</t>
  </si>
  <si>
    <t>在新冠肺炎疫情橫掃下據約翰霍普金斯大學（Johns Hopkins University）統計至今美國已有直逼19萬人確診而死亡人數也突破4000。據俄羅斯衛星網1日報導聯合國祕書長古特瑞斯（Antonio Guterres）週二警告全</t>
  </si>
  <si>
    <t>橫掃antonio特瑞約翰霍普金斯大學秘書長johns聯合國hopkins報導university統計至今衛星美國俄羅斯突破guterres疫情人數死亡</t>
  </si>
  <si>
    <t>在新冠肺炎疫情橫掃下據約翰霍普金斯大學（Johns Hopkins University）統計至今美國已有直逼19萬人確診而死亡人數也突破4000。
據俄羅斯衛星網1日報導聯合國祕書長古特瑞斯（Antonio Guterres）週二警告全球正面臨的可能是第二次世界大戰以來最具挑戰性的危機。
世界衛生組織（WHO）已宣佈新冠肺炎疫情是「大流行（Pandemic）。而根據世衛最新的統計數字顯示全球有超過754萬人確診逾36萬人喪生。</t>
  </si>
  <si>
    <t>全球確診疫情肺炎報導聯合國衛星秘書長俄羅斯特瑞突破antonio人數guterres死亡週二警告hopkins第二次世界大戰以來</t>
  </si>
  <si>
    <t>武漢肺炎新型冠狀病毒全球美國確診</t>
  </si>
  <si>
    <t>冠狀病毒全球肺炎美國武漢確診</t>
  </si>
  <si>
    <t>教育部23日早上表示受新冠肺炎影響為避免因學生個人或父母等主要家庭成員發生非自願失業、減班休息或經濟急難等情況導致學生本人就學及生活出現困難已積極研擬規畫對學生的紓困計畫。教育部指出為讓未來</t>
  </si>
  <si>
    <t>學生教育部肺炎影響避免自願失業減班休息積極經濟個人父母家庭成員發生困難出現情況生活</t>
  </si>
  <si>
    <t>教育部23日早上表示受新冠肺炎影響為避免因學生個人或父母等主要家庭成員發生非自願失業、減班休息或經濟急難等情況導致學生本人就學及生活出現困難已積極研擬規畫對學生的紓困計畫。
教育部指出為讓未來計畫執行更順利教育部已召開兩場次說明會徵詢學校意見目前正依學校回饋建議進行執行方式的調整待計畫確定後近日就會正式對外發佈施行。
對此網友們傻眼了直呼蔡英文政府竟然沒有記取之前紓困之亂的教訓還在巧立名目、亂發錢真正需要紓困的勞工朋友卻沒有辦法順利拿到錢、度過難關到底在搞甚麼！
教育部傍晚隨即透過新聞稿澄清強調已在2月份與大專校院研議啟動相關助學機制在這之上將持續協助照顧更多需要幫忙的學生應無另立紓困方案之準備。
宅神朱學恒在臉書表示：教育部啊教育部【掩面】！</t>
  </si>
  <si>
    <t>教育部學生紓困執行需要順利沒有表示學校對外正式發佈施行對此近日網友確定傻眼自願</t>
  </si>
  <si>
    <t>教育部宅神朱學恒紓困新冠肺炎新冠病毒</t>
  </si>
  <si>
    <t>朱學紓困肺炎教育部病毒</t>
  </si>
  <si>
    <t>發酵檢測領先防疫</t>
  </si>
  <si>
    <t>普生(4117)搶攻新冠肺炎檢驗試劑市場率先告捷。普生表示核酸檢驗產品已出貨印度、印尼、墨西哥與馬來西亞等國營運加速衝刺。本月底包括印度及尼泊爾都會有大型標案結果出爐若順利得標可望挹注新一波動能。普</t>
  </si>
  <si>
    <t>印度檢驗普生挹注可望肺炎尼泊爾營運包括本月底試劑衝刺加速市場馬來西亞率先墨西哥印尼表示核酸產品</t>
  </si>
  <si>
    <t>普生(4117)搶攻新冠肺炎檢驗試劑市場率先告捷。普生表示核酸檢驗產品已出貨印度、印尼、墨西哥與馬來西亞等國營運加速衝刺。本月底包括印度及尼泊爾都會有大型標案結果出爐若順利得標可望挹注新一波動能。
普生新冠肺炎核酸檢測產品5月開始出貨已交貨印度、印尼、墨西哥及馬來西亞等國帶動營收跳升。目前一班制產能已達80-100萬劑未來將視各區需求得以加班開到兩班制將產能拉高到160萬劑以上。
普生新冠肺炎之核酸檢驗產品除出貨印度、印尼、墨西哥與馬來西亞等國並在5月底向美國FDA送件申請EUA待確認獲准後將開始出貨美國；另還有印度、尼泊爾都有500萬劑以上的大型標案進行參與中月底前結果將陸續出爐。
普生指出除核酸產品外也有與中研院合作的抗原檢測試劑及最新發表的雙重抗體檢驗試劑。其中抗體檢驗試劑是全球少數可以同時檢測IgG、IgM的抗體檢測產品目前抗體檢測全球僅3個國家7隻產品獲准公司已送出如美國FDA、TFDA與CE等相關申請。另與中研院的抗原檢驗試劑正進行臨床試驗中預計結果在8月中下旬出爐。</t>
  </si>
  <si>
    <t>產品檢驗檢測試劑美國印度核酸結果出爐獲准月底以上馬來西亞申請進行目前肺炎抗體</t>
  </si>
  <si>
    <t>普生全球檢驗試劑新冠肺炎馬來西亞</t>
  </si>
  <si>
    <t>試劑檢驗全球肺炎馬來西亞普生</t>
  </si>
  <si>
    <t>密切監測疫苗變異進行出口捐贈升級</t>
  </si>
  <si>
    <t>大陸國家衛健委6日通報截至6月5日全大陸31個省（自治區、直轄市）和新疆生產建設兵團累計報告接種新冠病毒疫苗7億6306萬劑次；截至6月4日累計向80多個國家捐贈、向40多個國家出口疫苗3億5701萬劑同時大陸</t>
  </si>
  <si>
    <t>累計大陸截至疫苗國家報告直轄市新疆生產建設兵團接種自治區病毒通報捐贈衛健出口</t>
  </si>
  <si>
    <t>大陸國家衛健委6日通報截至6月5日全大陸31個省（自治區、直轄市）和新疆生產建設兵團累計報告接種新冠病毒疫苗7億6306萬劑次；截至6月4日累計向80多個國家捐贈、向40多個國家出口疫苗3億5701萬劑同時大陸滅活疫苗、重組蛋白疫苗、腺病毒載體疫苗已也累計在全球90多個國家和地區獲批上市或緊急使用。
據央視引述大陸國家衛生健康委副主任曾益新表示目前來看病毒仍在不斷變異但還在疫苗防控範圍內強調要繼續觀察病毒的變異一旦病毒的變異超出現在疫苗防控範圍就要對疫苗進行升級、改造升級到兩價疫苗甚至三價疫苗來防控。
大陸國家衛健委指出在新冠病毒疫苗研發、生產、使用等方面均在積極開展國際合作。部分疫苗研發單位元元已經與阿拉伯聯合大公國、巴西、烏茲別克、菲律賓、巴基斯坦等20多個國家的相關機構合作展開Ⅲ期臨床試驗。
同時有部分疫苗研發單位元正在與國外企業合作核酸疫苗研發部分疫苗研發單位元獲得流行病防範創新聯盟經費支持目前也正進行境外Ⅱ／Ⅲ期臨床試驗。
生產方面大陸疫苗生產企業與多個發展中國家展開合作迅速推進疫苗的大規模生產。部分企業生產的原液已運往巴西、印尼、埃及、阿拉伯聯合大公國、巴基斯坦、馬來西亞等國並啟動境外分包裝工作。</t>
  </si>
  <si>
    <t>疫苗國家大陸病毒研發合作生產累計部分防控企業目前使用單位巴基斯坦進行境外變異臨床巴西大公國截至聯合展開試驗</t>
  </si>
  <si>
    <t>新冠肺炎大陸疫苗生產多個</t>
  </si>
  <si>
    <t>疫苗大陸肺炎生產</t>
  </si>
  <si>
    <t>確診全院結果護理桃園出爐</t>
  </si>
  <si>
    <t>桃園28日新增2起本土確診案例創新低其中1人是一間大型護理之家的住民有糖尿病史18日曾施打疫苗但25日因血糖飆高送醫採檢確診雖然CT值高且二採陰性不排除感染已久但衛生局不敢大意連夜將護理之家住</t>
  </si>
  <si>
    <t>確診護理本土衛生局不敢已久大意案例感染排除陰性新低血糖高且糖尿病送醫</t>
  </si>
  <si>
    <t>桃園28日新增2起本土確診案例創新低其中1人是一間大型護理之家的住民有糖尿病史18日曾施打疫苗但25日因血糖飆高送醫採檢確診雖然CT值高且二採陰性不排除感染已久但衛生局不敢大意連夜將護理之家住民和工作人員共110人全採檢晚間結果出爐全都陰性。
衛生局長王文彥指出桃園28日新增2例本土確診個案年齡介於50多歲至60多歲之間其中案14795感染源待釐清是桃園市某護理之家的女住民有糖尿病史18日曾打過第一劑AZ疫苗因為血糖控制不佳25日曾飆到500緊急送醫醫院採檢陽性確診。
王文彥說該名奶奶CT值353且28日再度採檢是陰性不排除是很久以前感染但因她居住的護理之家規模很大衛生局第一時間完成匡列採檢、連夜疫調整個護理之家扣除確診者所有住民有83位工作人員包括護理員、照顧服務員和看護有27名110人全匡列採檢。
晚間採檢結果出爐110人採檢結果全都陰性據悉該院大部分住民和工作人員都已施打完第一劑疫苗。</t>
  </si>
  <si>
    <t>護理確診陰性感染工作人員疫苗桃園衛生局王文彥連夜血糖民和全都送醫本土排除結果ct晚間新增</t>
  </si>
  <si>
    <t>護理之家住民採檢28日確診</t>
  </si>
  <si>
    <t>護理確診</t>
  </si>
  <si>
    <t>人員核酸新增陽性上海本土海澱區確診北京病例</t>
  </si>
  <si>
    <t>北京市海澱區1名赴京人員今天（12月2日）核酸檢測結果為陽性。經初步調查該陽性人員常住哈爾濱市11月26日與哈爾濱市確診病例在密閉空間有接觸11月28日乘坐CZ2628航班從哈爾濱太平國際機場到達北京大興國際機</t>
  </si>
  <si>
    <t>人員到達哈爾濱市陽性哈爾濱太平國際機場航班cz今天乘坐接觸核酸空間北京檢測初步調查結果確診密閉病例常住大興國際海澱區北京市</t>
  </si>
  <si>
    <t>北京市海澱區1名赴京人員今天（12月2日）核酸檢測結果為陽性。經初步調查該陽性人員常住哈爾濱市11月26日與哈爾濱市確診病例在密閉空間有接觸11月28日乘坐CZ2628航班從哈爾濱太平國際機場到達北京大興國際機場在京暫住地為海澱區琨禦府東區7號樓。
海澱區已在第一時間啟動應急響應立即開展疫調排查對相關人員活動涉及海澱區軌跡琨禦府東區採取管控措施啟動相關區域人員核酸檢測。
下一步海澱區將加快疫調溯源和核酸檢測快速排查風險人員嚴格落實管控。
★上海新增2例新冠肺炎本土確診病例　一地被列為中風險地區
此外據央視網報導今天（12月2日）18時上海舉行新冠肺炎疫情防控工作新聞發布會會上介紹截至今天（12月2日）17時上海市新增2例新冠肺炎本土確診病例。
上海市、區疫情防控應急處置機制立即啟動全面開展流行病學調查、相關人員排查、採樣檢測和隔離管控落實相關場所及環境終末消毒等防疫措施。這2例病例均已轉運至上海市公共衞生臨床中心隔離治療目前病情穩定。
上海市衞健委正在開展流行病學調查、溯源和防控管理等工作截至目前暫未發現與此前的疫情有關聯。
根據國務院聯防聯控機制有關要求經市新冠肺炎疫情防控工作領導小組辦公室研究決定將浦東新區花木街道牡丹路186弄小區列為中風險地區上海市其他區域風險等級不變。</t>
  </si>
  <si>
    <t>人員上海市疫情海澱區防控相關病例檢測風險今天啟動核酸肺炎排查調查開展確診目前機制隔離截至措施落實管控</t>
  </si>
  <si>
    <t>人員海澱區確診病例陽性12月</t>
  </si>
  <si>
    <t>陽性人員病例海澱區確診</t>
  </si>
  <si>
    <t>肺炎肆虐女友情人節李英宏</t>
  </si>
  <si>
    <t>李英宏14日情人節在IG曬出與女友的甜蜜合照浪漫說：「啾咪一波。」據悉他與女友交往多年女友曾在他4年前的〈臺北直直撞〉MV參與拍攝李英宏昨回應：「關於放閃只想讓對方開心一下沒想太多大家就一起情</t>
  </si>
  <si>
    <t>女友李英宏沒想開心對方回應拍攝直撞mv參與臺北甜蜜浪漫ig</t>
  </si>
  <si>
    <t>李英宏14日情人節在IG曬出與女友的甜蜜合照浪漫說：「啾咪一波。」據悉他與女友交往多年女友曾在他4年前的〈臺北直直撞〉MV參與拍攝李英宏昨回應：「關於放閃只想讓對方開心一下沒想太多大家就一起情人節快樂吧。」
不過有許多粉絲在他的IG紛紛留言：「心碎了！」、「已失戀。」他聽聞後傻笑說：「始料未及聽到有人哭了鄭重道歉。」而他時隔4年將推出新專輯《水哥2020》他在官方YouTube頻道上釋出整張新作讓歌迷全曲目免費試聽也是送給歌迷一個最好的情人節禮物。
此外近來新冠肺炎肆虐他的5場商演皆延後、取消廣告代言相關活動也都暫停粗估少賺近百萬李英宏現也專心在寫歌創作上也多了許多時間去聆聽他人的創作。
談到新專輯「水哥」取自台語的「水氣」有形容「帥、酷、豪爽」被問及自認最水哥的地方在哪？他故意甩頭髮、打趣：「從小到大不知道追女生的感覺是什麼！」似乎異性緣十分好。</t>
  </si>
  <si>
    <t>情人節李英宏女友水哥歌迷專輯ig創作似乎感覺追女生臺北直撞知道mv參與取消延後</t>
  </si>
  <si>
    <t>李英巨集李英巨集女友情人節</t>
  </si>
  <si>
    <t>情人節李英宏李英女友</t>
  </si>
  <si>
    <t>營運雍智續旺</t>
  </si>
  <si>
    <t>半導體測試板廠雍智（6683）11日公告第一季財報受惠於5G及WiFi 6等晶圓測試板及IC老化測試載板出貨暢旺第一季合併營收、平均毛利率、營業利益、稅後淨利、每股淨利等同步創下歷史新高單季每股淨利252元優於預</t>
  </si>
  <si>
    <t>測試淨利營業單季新高毛利率平均合併同步雍智季財報晶圓公告受惠wifi利益歷史創下</t>
  </si>
  <si>
    <t>半導體測試板廠雍智（6683）11日公告第一季財報受惠於5G及WiFi 6等晶圓測試板及IC老化測試載板出貨暢旺第一季合併營收、平均毛利率、營業利益、稅後淨利、每股淨利等同步創下歷史新高單季每股淨利252元優於預期。新冠肺炎疫情帶動在家遠距工作需求5G及WiFi 6需求強勁第二季營運表現將明顯優於第一季。
測試廠今年大量釋出IC老化測試載板訂單加上5G晶片及WiFi 6網路晶片的晶圓測試板訂單強勁雍智第一季財報亮麗合併營收季增172％達247億元較去年同期成長281％創下季度營收歷史新高平均毛利率季增02個百分點達586％較去年同期提升77個百分點改寫季度毛利率新高紀錄。
雍智第一季營業利益季增264％達083億元與去年同期相較明顯成長389％稅後淨利季增399％達068億元與去年同期相較成長391％每股淨利252元。亦即雍智第一季營業利益、稅後淨利、每股淨利等均創下歷史新高並大幅優於市場預期。
雖然新冠肺炎疫情造成終端需求放緩但半導體生產鏈未受衝擊受惠於中國加快5G新基建帶動基地台、智慧型手機等相關晶片需求增加加上在家遠距工作推動WiFi 6路由器熱賣並造成WiFi 6晶片缺貨。所以包括聯發科、華為海思、瑞昱等業者已增加5G或WiFi 6的相關晶圓投片雍智可望直接受惠。
雍智公告4月合併營收月增60％達097億元較去年同期大幅成長660％並創下單月營收歷史新高。累計前4個月合併營收344億元與去年同期相較明顯成長369％並為歷年同期歷史新高。法人看好雍智第二季營收將續創季度歷史新高。
法人表示雍智接單維持強勁智慧型手機應用處理器的晶圓測試板訂單能見度高電源管理IC、WiFi 6、射頻IC等IC老化測試載板等訂單優於預期而今年測試廠擴大預燒（burn-in）測試產能對雍智的IC老化測試載板下單量明顯增加雍智今年仍有機會維持逐季成長動能看好今年獲利將賺逾一個股本。</t>
  </si>
  <si>
    <t>雍智wifi測試歷史需求明顯成長增加合併淨利晶圓今年優於受惠強勁訂單新高季度去年同期</t>
  </si>
  <si>
    <t>成長老化雍智歷史新高測試載板</t>
  </si>
  <si>
    <t>新高歷史雍智測試老化成長</t>
  </si>
  <si>
    <t>喪失張上淳味覺排除病毒返國歐美變異</t>
  </si>
  <si>
    <t>近期國內的確診個案中從歐美返國的民眾有不少為嗅、味覺喪失中央流行疫情指揮中心專家諮詢小組召集人張上淳證實國內嗅味覺喪失的患者基本上都是歐洲、美洲返國的境外移入者因此不排除當地的病毒株已有變異</t>
  </si>
  <si>
    <t>返國喪失味覺國內當地排除境外專家中心美洲小組歐美歐洲指揮召集人疫情張上淳民眾流行</t>
  </si>
  <si>
    <t>近期國內的確診個案中從歐美返國的民眾有不少為嗅、味覺喪失中央流行疫情指揮中心專家諮詢小組召集人張上淳證實國內嗅味覺喪失的患者基本上都是歐洲、美洲返國的境外移入者因此不排除當地的病毒株已有變異目前國內的大陸、亞洲旅遊史病患並未發現這種狀況但詳情還需要國內醫學的研究與探討至於喪失味覺嗅覺者是否會增加重症機率目前還沒有確切證據。
新北市長侯友宜最近再度呼籲中央應全面對入境者進行普篩但中央流行疫情指揮中心今天仍不願妥協指揮官陳時中表示機場普篩還是會有偽陰性、偽陽性的問題若全面實施恐會造成更大的防疫漏洞因此目前對於邊境防疫還是採取折衷方案對入境者有症狀者就直送集中檢疫所採檢只要是陰性就可返家居家檢疫另外對於居家檢疫者在結束14天管制前也會依照民眾的症狀來判斷是否需安排採檢有症狀者才會採檢這樣就不會有偽陰性、偽陽性的問題。</t>
  </si>
  <si>
    <t>國內目前喪失味覺症狀中央返國民眾是否入境者陰性對於中心指揮防疫疫情流行</t>
  </si>
  <si>
    <t>味覺喪失國內返國採檢</t>
  </si>
  <si>
    <t>國內喪失返國味覺</t>
  </si>
  <si>
    <t>部門市府全面調查清明連要求旅遊台南</t>
  </si>
  <si>
    <t>「清明連假去過國家級警報示警的11個景點嗎？」台南市議會國民黨團6日要求市府主動調查公部門員工及學生的清明旅遊史並建議有前往11景點旅遊的公務員及同學們上班、上學一定要戴口罩不要成為防疫破口。未來</t>
  </si>
  <si>
    <t>景點旅遊不要口罩一定上學台南上班成為議會黨團要求國民市府同學主動調查公務員清明部門學生員工</t>
  </si>
  <si>
    <t>「清明連假去過國家級警報示警的11個景點嗎？」台南市議會國民黨團6日要求市府主動調查公部門員工及學生的清明旅遊史並建議有前往11景點旅遊的公務員及同學們上班、上學一定要戴口罩不要成為防疫破口。未來還有勞動節和端午節連假黨團也希望市府能提早研擬一套旅遊防疫措施不要讓台南市的景點再遭國家級警報點名。
黨團書記長王家貞表示在此防疫第一的當下新北市政府已要求去過11個國家級警報景點的員工一定要戴口罩上班富邦金控、國泰金控、鴻海等公司也紛紛在夜間緊急發文要求去過11個景點的員工居家辦公7天或14天；11個國家級警報景點台南市的關子嶺、烏山頭也上榜人擠人擠出大家對疫情的關切市府在清明連假之後是否也要跟進新北市的作法？
王家貞表示她鼓勵親子共遊但全球新冠肺炎確診病例及死亡數一直快速增加台灣是地球村的一分子有多少樂觀的本錢？家長真愛自己的孩子就不會在此疫情緊張的時刻帶著孩子出遊讓孩子身歷險境。
「不讓防疫出現破口人人有責」黨團要求市府應做表率調查有多少公部門員工在清明連假去過11個景點？並要求他們都戴口罩上班；學校裡有多少學生也去過這11個景點？並請學生們這段時間上學戴口罩進入校園不要讓校園成為防疫破口。未來還有勞動節和端午節連假希望市府能提早研擬一套旅遊防疫措施不要讓台南市景點又遭國家級警報點名這樣對景區和民眾傷害更大。</t>
  </si>
  <si>
    <t>景點要求防疫市府警報黨團口罩員工旅遊孩子台南上班學生清明連疫情表示新北</t>
  </si>
  <si>
    <t>台南市議會國民黨團新冠肺炎武漢肺炎防疫破口</t>
  </si>
  <si>
    <t>黨團肺炎國民武漢議會防疫台南</t>
  </si>
  <si>
    <t>今年控制疫情</t>
  </si>
  <si>
    <t>全球政經環境危機四伏知名經濟學家馬凱表示新型冠狀病毒肺炎疫情可能拖累大陸經濟無法「保5」經濟成長下滑20%左右進而影響全球40%的經濟成長動能。但他說新冠肺炎疫情最快在2月底獲得控制加上貿易戰和緩</t>
  </si>
  <si>
    <t>疫情肺炎經濟成長全球獲得月底知名經濟學家馬凱表示冠狀控制病毒拖累可能動能危機四伏下滑無法加上大陸環境</t>
  </si>
  <si>
    <t>全球政經環境危機四伏知名經濟學家馬凱表示新型冠狀病毒肺炎疫情可能拖累大陸經濟無法「保5」經濟成長下滑20%左右進而影響全球40%的經濟成長動能。但他說新冠肺炎疫情最快在2月底獲得控制加上貿易戰和緩、香港反送中問題降溫、英國脫歐塵埃落定因此判斷今年是好年全球經濟仍有正面發展。
馬凱在臺北經營管理研究院7日舉辦的「世界經濟走向與台商對策論壇」上表示大陸經濟成長占全球比重高達3到4成左右近年全球經濟欲振乏力原因就在於大陸經濟成長下滑「給全球經濟出現往下拖的力量。」
而開春至今新冠肺炎疫情延燒馬凱指出當然會拖累大陸經濟出現「保6」甚至「保5」危機但他認為一方面最近幾天新增病例數放緩；另一方面大陸政府封城後向外傳播的狀況並未進一步擴散尤其與大陸往來最密切的香港病例數不超過20例再加上按照目前國際研發團隊研發藥物的速度疫苗等相關藥品問世的喜訊很快就能聽見因此預測本月底疫情就能獲得控制大陸經濟有機會反彈。
中美貿易戰告一段落
馬凱更指出影響大陸經濟的另一個關鍵就是中美貿易戰過去市場各界提心吊膽總是擔憂關稅再增加、新關稅課徵等但情況在1月15日中美正式簽署第一階段貿易協議後得到改善目前雙方之間的關稅戰已從不斷升高到反轉下降他說未來可能拉回大陸去年流失的投資從負投資轉正「否極泰來」。
同時馬凱表示英國脫歐1月31號塵埃落定後脫歐陰霾消散可能造就一個「更有活力的英國」並對沉寂多年的歐盟形成鯰魚效應使得歐洲開始祭出相關措施刺激經濟成長；而武漢肺炎意外使得香港群眾運動降溫有助於整體回歸理性「對香港當然是好的。」綜合這些因素馬凱認為對全球經濟來說今年是個好年。
此外馬凱強調若未來中美貿易戰進一步反轉在大陸的企業不需轉單、外移產線部分產線就不外移部分之前外移的生產線甚至會回大陸台灣失去這個助力將會成為反面殺傷力這是必須持續關注的重點。</t>
  </si>
  <si>
    <t>經濟大陸馬凱全球香港成長肺炎貿易戰疫情表示可能英國關稅相關使得病例目前加上外移</t>
  </si>
  <si>
    <t>香港大陸外移肺炎全球經濟</t>
  </si>
  <si>
    <t>外移大陸肺炎全球香港經濟</t>
  </si>
  <si>
    <t>疫苗常見問題以上</t>
  </si>
  <si>
    <t>公費新冠肺炎疫苗今起開放第九類18歲以上有重大疾病患者以及第十類50歲以上民眾接種共有94萬1095人完成預約今起可依預約時間前往醫療院所施打但如果因故不小心錯過預約怎麼辦？如果臨時想要更改疫苗廠牌又該</t>
  </si>
  <si>
    <t>預約疫苗以上更改想要小心錯過施打開放民眾因故院所醫療前往接種時間共有完成肺炎疾病患者重大</t>
  </si>
  <si>
    <t>公費新冠肺炎疫苗今起開放第九類18歲以上有重大疾病患者以及第十類50歲以上民眾接種共有94萬1095人完成預約今起可依預約時間前往醫療院所施打但如果因故不小心錯過預約怎麼辦？如果臨時想要更改疫苗廠牌又該怎麼做？《中時新聞網》整理出五個疫苗登記與預約的常見問題供民眾參考。
◎疫苗意願登記時間
疫苗意願登記每週一將統一結單符合接種資格者將會收到預約簡訊。目前除了第九類與第十類的公費疫苗接種對象外民國92年以前出生（18歲以上者）也可以登入系統進行疫苗施打意願登記。
◎疫苗接種預約方式有哪些？
收到預約簡訊的民眾可透過公費疫苗預約平臺或健保快易通App線上預約或親自前往四大超商、藥局或是衛生所插卡預約打疫苗的時間與地點且在預約期間內民眾也可以透過網站或App來修改接種地點或時間。
◎要怎麼修改疫苗意願登記？
民眾登記疫苗施打意願之後如果想要修改想接種的疫苗廠牌並不需要重新登記可以登入公費疫苗預約平臺或健保快易通App上面會顯示已登記的資訊下方可選擇「修改登記」的按鈕就能更改原先勾選的疫苗廠牌。
◎錯過接種疫苗時間怎麼辦？
如果不小心錯過預約打疫苗的時段也別慌可以在當天告知現場的工作人員選擇同一天的不同時段接種但如果沒辦法在當天打疫苗的話就須要等收到下一輪的簡訊通知再重新預約接種疫苗的時間與地點。
◎先登記意願就可先打疫苗？
中央流行疫情指揮中心曾在記者會上解釋疫苗意願的登記先後順序與收到預約簡訊的先後順序並沒有關聯將會以「長幼有序」方式排列依出生年序發布預約通知。</t>
  </si>
  <si>
    <t>疫苗預約接種登記民眾意願可以時間收到修改簡訊app公費施打出生選擇當天時段前往地點</t>
  </si>
  <si>
    <t>疫苗預約第九類第十類公費對象開打</t>
  </si>
  <si>
    <t>公費對象預約疫苗</t>
  </si>
  <si>
    <t>上工上路即時工作安心新竹</t>
  </si>
  <si>
    <t>為幫助因新冠肺炎疫情影響生計的民眾勞動部日前推出「安心即時上工計畫」但因申請門檻太嚴格新竹市政府7日再推出放寬應聘條件的「安心即時上工20」就業博覽會錄取者每月可有80小時工時、1萬2640元補助、最</t>
  </si>
  <si>
    <t>推出上工即時安心疫情可有影響生計錄取者民眾博覽會肺炎勞動部就業小時日前嚴格新竹市政府門檻申請放寬條件應聘</t>
  </si>
  <si>
    <t>為幫助因新冠肺炎疫情影響生計的民眾勞動部日前推出「安心即時上工計畫」但因申請門檻太嚴格新竹市政府7日再推出放寬應聘條件的「安心即時上工20」就業博覽會錄取者每月可有80小時工時、1萬2640元補助、最高6個月。
新竹市「安心即時上工20」就業博覽會今天在市府內廣場舉行市長林智堅特別前往關心他說未來巿府安心即時上工額度將再提升期待能提供勞工朋友500個巿府工作職缺協助穩定勞工經濟生活。
他說「安心即時上工計畫」20版繼上月成功媒合187人於市府就業後此次再加碼139個職缺增加就業機會且這次求職更便利市府提供1站式1對1專人服務從提出申請、資格審核、提供職缺、現場面試1次完成。
此外未來表現良好的即時上工員工也將納入未來市府人才庫作為市府未來徵聘臨時人員的重要參考。
市府勞工處指出勞動部之前推出的「安心即時上工計畫」申請門檻太嚴格難以適用許多有需求的民眾市府立即向行政院反應行政院也快速放寬條件原本是半年內有勞保或就保2個月放寬到1年內有投保即可。另原本勞保薪資額度2萬3800元以下也放寬成無限制；竹市職缺也從326個增加至500個。
此次計有衛生局、環保局、社會處及民政處等單位釋出139個職缺主要協助幫洽公民眾量測體溫、防疫物資整備、環境清潔、防疫宣導及相關文書等工作今天現場有近200位勞工朋友洽詢。
勞工處強調「安心即時上工計畫20」放寬資格只要申請登記日前1年有勞工保險或就業保險投保紀錄者都可適用。符合資格的勞工經錄取後到巿府相關局處從事計時工作每小時按基本工資158元核給工作津貼每月最高工作80小時每月最多核給1萬2640元每人最長以補助6個月為限目的是穩定勞工的經濟生活。</t>
  </si>
  <si>
    <t>市府勞工上工放寬即時安心就業工作未來提供資格申請小時推出民眾相關適用日前今天現場補助</t>
  </si>
  <si>
    <t>警報降息經濟已不</t>
  </si>
  <si>
    <t>新冠肺炎疫情持續擴散衝擊到大陸宏觀經濟的表現多家外資投行甚至預估今年首季大陸GDP年增速恐怕連「保5」都有困難有鑑於此大陸官媒開始預期「降準、降息」已經不遠新華社旗下的刊物《中國證券報》12日就報</t>
  </si>
  <si>
    <t>大陸中國刊物持續社旗擴散新華不遠衝擊已經證券降息宏觀經濟疫情預期表現開始外資官媒甚至有鑑於此預估今年困難</t>
  </si>
  <si>
    <t>新冠肺炎疫情持續擴散衝擊到大陸宏觀經濟的表現多家外資投行甚至預估今年首季大陸GDP年增速恐怕連「保5」都有困難有鑑於此大陸官媒開始預期「降準、降息」已經不遠新華社旗下的刊物《中國證券報》12日就報導指出隨著中國人民銀行（大陸央行）逆回購操作已達高峰加上下周開始逆回購到期資金較為集中屆時人行因應疫情而進行定向降準的機會不低。
事實上新冠肺炎疫情爆發以來多位學者專家及投行均探討過人行降息、降準的可能性。瑞銀投資研究部首席中國經濟學家汪濤就預估為了確保大陸經濟動的順暢人行2月可能會有一次降息降幅大約是10個基點左右汪濤並估計今年大陸約有100個基點的降準空間。
對中小銀行定向降準
另外北京大學滙豐金融研究院執行院長巴曙松更在12日指出如果本次疫情對大陸經濟的影響進一步加重那麼對於中小銀行提供定向降準將是可行的手段。
相對於各機構熱議大陸官媒近期倒是鮮少評論人行是否應該降準、降息不過《中國證券報》12日刊出的一篇文章則是因為預估人行可能會在下周降息甚至降準而引起外界關注。
文意指出從上周人行在兩天之內就透過逆回購操作釋出17兆元人民幣資金來看可以看出近期人行實施超大規模流動性投放帶有應急性質首要目的可能是提振市場信心穩定金融市場。但考慮到春節後現金回流推高流動性的季節性規律人行繼續超常規投放流動性必要性下降。
貨幣調控易鬆難緊
不過由於下周開始人行此前經由逆回購釋出的資金將密集到期回籠在實體經濟仍因疫情而高度不安的情況下《中國證券報》指出屆時MLF操作利率下調進而牽引本月貸款市場報價利率（LPR）下降將是大概率事件。
此外對疫情波及領域給予定向支持也是人行接下來的另一看點所在。報導指出考慮到疫情令經濟開局形勢更加複雜嚴峻對於人行後續在定向降準工具的運用仍值得期待。
不過業內人士認為人行「大水漫灌」的措施仍不致於「重現江湖」但貨幣調控易鬆難緊將是確定的預計未來一兩個季度內都難以明顯轉向這或許將引導市場利率有較為明顯的下降趨勢。</t>
  </si>
  <si>
    <t>人行大陸疫情指出降息經濟中國市場預估操作流動性下降可能利率開始資金</t>
  </si>
  <si>
    <t>下周降息肺炎中國證券報資金</t>
  </si>
  <si>
    <t>肺炎中國降息證券資金</t>
  </si>
  <si>
    <t>全靠陳時中郭昱政府臺灣楊培安後腿</t>
  </si>
  <si>
    <t>新冠肺炎疫情肆虐全球台灣靠著衛福部長陳時中坐鎮指揮防疫措施獲得各國肯定不過歌手楊培安卻在微博嘲諷：「蔡政府沒了陳時中疫情還能控制在現在這樣的狀況嗎」對此女星郭昱晴不滿反嗆：「扯台灣後腿的人」</t>
  </si>
  <si>
    <t>臺灣疫情肆虐全球不滿郭昱女星對此狀況衛福陳時中坐鎮指揮防疫措施獲得部長肯定歌手楊培安微博現在嘲諷</t>
  </si>
  <si>
    <t>新冠肺炎疫情肆虐全球台灣靠著衛福部長陳時中坐鎮指揮防疫措施獲得各國肯定不過歌手楊培安卻在微博嘲諷：「蔡政府沒了陳時中疫情還能控制在現在這樣的狀況嗎」對此女星郭昱晴不滿反嗆：「扯台灣後腿的人」。
楊培安在微博發文認為台灣疫情控制得當應該歸功陳時中部長領導的整個衛福部和防疫團隊專家光靠執政團隊是不會有能力解決疫情以外的問題接著嘲諷：「蔡政府沒了陳時中疫情還能控制在現在這樣的狀況嗎」？對此郭昱晴發文怒嗆：「台灣最不缺的就是這種抱對岸大腿扯台灣後腿的人」。
對此網友也紛紛留言：「歲月改變不了人的本性但人民幣會」、「人民幣的魔力讓他可以毫無尊嚴的活下去」、「又來一個因為不紅硬要刷存在感的」。</t>
  </si>
  <si>
    <t>臺灣疫情控制防疫對此部長時中微博發文楊培安嘲諷郭昱團隊人民幣尊嚴</t>
  </si>
  <si>
    <t>楊培安郭昱晴陳時中蔡政府新冠肺炎</t>
  </si>
  <si>
    <t>政府陳時中郭昱楊培安肺炎</t>
  </si>
  <si>
    <t>內政取消年內不了回來馬上恢復疫情</t>
  </si>
  <si>
    <t>受疫情影響許多海外國人不便返國超過2年未入境遭依法遷出戶籍恐影響健保等權益。對此內政部表示為了正確戶籍資料出境2年以上依法應遷出登記。只要出境未逾4年一回國立即可參加健保其他相關權益</t>
  </si>
  <si>
    <t>戶籍影響依法出境遷出權益國人不便返國超過參加入境即可正確內政資料表示對此海外登記以上疫情</t>
  </si>
  <si>
    <t>受疫情影響許多海外國人不便返國超過2年未入境遭依法遷出戶籍恐影響健保等權益。對此內政部表示為了正確戶籍資料出境2年以上依法應遷出登記。只要出境未逾4年一回國立即可參加健保其他相關權益政府也都有因應措施可確保海外國人權益。
內政部表示出境2年戶籍遷出是依戶籍法規定以落實戶籍管理制度。且行政法院曾有判例表示遷徙是事實行為遷徙登記應依事實認定。因此當事人既然人在國外則應依事實辦理遷出登記。但民眾不必擔心戶籍被遷出者仍具有中華民國國民身分未來只要持中華民國護照或入國證明檔入境後即可辦理遷入登記。
對於海外國人戶籍遷出後恐影響健保、國民年金與勞工保險之老年給付、個人綜合所得稅率、地價稅率等政府相關單位包括僑委會、衛福部、勞動部、財政部及內政部等已有開會協調相關權益都不會受影響內政部並特別提供圖片解說相關規定請民眾可以放心。
健保方面內政部指出國人出境若未超過4年回台後可馬上恢復戶籍和健保。若超過4年才回台一般須等待6個月後再加保但只要設籍後找到受雇單位便可立即加保無須等待。
內政部表示國保、勞保、課稅等權益相關業務主管機關也都有因應作為例如國民年金之老年給付可向我駐外館處申請開立驗證「身分或居住相關證明文件」郵寄至勞動部勞保局審查後就會照常給付。民眾如有相關問題可進一步向各業務主管機關洽詢確保自身的權益。</t>
  </si>
  <si>
    <t>相關內政戶籍權益遷出登記國人表示影響民眾出境超過海外事實證明檔勞動部單位入境政府業務主管給付辦理</t>
  </si>
  <si>
    <t>新冠肺炎台灣內政部健保遷出</t>
  </si>
  <si>
    <t>內政臺灣肺炎遷出</t>
  </si>
  <si>
    <t>身體確診萬華歌廳不適市場成功生意基隆</t>
  </si>
  <si>
    <t>基隆市政府從疫情爆發迄今累積22例只有1案感染源來自桃園其餘都和萬華群聚案有關其中有一案2564為一名年約60多歲男子平時在成功市場擺攤5月2日、10日前往西門町紅寶石歌廳消費13日不舒服但仍有在市場</t>
  </si>
  <si>
    <t>市場迄今累積爆發消費歌廳西門日前感染桃園萬華群擺攤來自成功男子平時疫情紅寶石舒服</t>
  </si>
  <si>
    <t>基隆市政府從疫情爆發迄今累積22例只有1案感染源來自桃園其餘都和萬華群聚案有關其中有一案2564為一名年約60多歲男子平時在成功市場擺攤5月2日、10日前往西門町紅寶石歌廳消費13日不舒服但仍有在市場做生意市長林右昌緊急下令成功市場今天中午關閉至5月30日零時。
林右昌表示案2564平時生活規律5月1日至16日有7天從早上7點至10點在成功市場擺攤其中5月2日、10日早上11點搭乘台鐵區間車從三坑至臺北下車後步行到西門町紅寶石歌聽直到下午5點再搭火車回基隆。
林右昌說該名長者5月13日開始不舒服晚上7點前往仁愛區南榮路43號王大夫診所看診醫生建議若有不舒服要到醫院篩檢而5月15、16日仍前往成功市場擺攤爾後身體仍不適直到今日確診。
林右昌指出早上已緊急通知成功市場從今天中午12點起到5月30日零時暫時休業並請環保局前往執行消毒作業。</t>
  </si>
  <si>
    <t>林右昌市場前往成功舒服早上擺攤西門基隆平時紅寶石今天中午迄今累積環保局大夫診所桃園</t>
  </si>
  <si>
    <t>新冠肺炎台灣成功市場擺攤確診</t>
  </si>
  <si>
    <t>臺灣成功市場肺炎擺攤確診</t>
  </si>
  <si>
    <t>不明進駐緊急衛生局台西感染首例雲林</t>
  </si>
  <si>
    <t>雲林縣今（5日）新增第13例新冠肺炎確診案案10663是家住台西鄉蚊港村的77歲男性他3日出現症狀後病情就急轉直下確診當天下午血氧濃度掉到54％CT值29緊急插管收住於負壓隔離病房目前感染源不明衛生局今</t>
  </si>
  <si>
    <t>確診感染目前隔離病房新增於負插管緊急ct濃度男性出現</t>
  </si>
  <si>
    <t>雲林縣今（5日）新增第13例新冠肺炎確診案案10663是家住台西鄉蚊港村的77歲男性他3日出現症狀後病情就急轉直下確診當天下午血氧濃度掉到54％CT值29緊急插管收住於負壓隔離病房目前感染源不明衛生局今下午緊急進駐台西鄉蚊港旭安府做快篩。
衛生局長曾春美指出案10663老翁3日咳嗽、發燒、腹瀉、肌肉痠痛、倦怠、呼吸短促、重度呼吸窘迫而就診目前收治於負壓加護病房感染源不明匡列隔離16人。
麥寮六輕廠區昨天傳出一對夫妻（案女10467、案男10653）確診其19歲就學中的女兒（案10468）也感染因3人均設籍於台中市個案管理歸台中市清水區雲林縣府今公佈一家3口在雲林縣的足跡。
曾春美表示案10467是51歲女性原本於麥寮六輕上班5月29日出現發燒、盜汗、咳嗽、頭痛及肌肉痛症狀而到診所就醫30日辦理離職手續6月3日確診CT值23居家隔離15人目前於醫院治療。
衛生局長曾春美表示該確診女性的足跡單純進六輕廠區辦公室的時間僅早上7點到8點30分、下午1點至2點、4點40分至5點其餘時間外派駐點巡查下班後回宿舍。
案10653是案10467的丈夫男性52歲在麥寮六輕廠區工作3日因妻子快篩陽性他自行至醫院採檢4日陽性確診CT值16匡列31人居家隔離目前於醫院治療。他確診前的足跡都在辦公室、宿舍。
案10468是這對夫妻的女兒6月3日因母親確診她被匡列居家隔離並採檢4日採檢結果陽性目前於醫院治療。她確診前的足跡大多在台中市家中。
雲林縣長張麗善表示昨天（4日）六輕廠區一傳出有確診案例衛生局立即緊急要求廠區快篩275名員工都是陰性。未來也會循此模式只要有社區、工業區發生感染案就立即前進設置快篩站。</t>
  </si>
  <si>
    <t>確診目前感染六輕下午足跡緊急台中ct曾春美匡列表示醫院隔離林縣麥寮</t>
  </si>
  <si>
    <t>新冠肺炎台灣確診104緊急</t>
  </si>
  <si>
    <t>肺炎確診臺灣緊急</t>
  </si>
  <si>
    <t>az通報還要死亡長輩長者</t>
  </si>
  <si>
    <t>日本贈送的124萬劑AZ（AstraZeneca）疫苗日前開打連日來已傳出多例接種後死亡事件國民黨立委陳以信指出「這五天累計死亡通報數是65例除下來發現最近五天打AZ後的死亡通報率高達「百萬分之105」已經突破萬</t>
  </si>
  <si>
    <t>死亡通報az疫苗日前連日來陳以信指出國民黨累計事件接種傳出發現下來最近高達astrazeneca萬分已經贈送</t>
  </si>
  <si>
    <t>疫苗az死亡長者通報cdc施打萬分資料才能人數指出昨天莫德納現在美國確診贈送挽救</t>
  </si>
  <si>
    <t>新冠肺炎台灣AZ長者陳以信</t>
  </si>
  <si>
    <t>az臺灣肺炎長者陳以信</t>
  </si>
  <si>
    <t>拖累首季衰退最弱國銀</t>
  </si>
  <si>
    <t>銀行也是新冠肺炎疫情受災戶。金管會5日公佈國銀3月稅前獲利182億元創十年來同期獲利最低水準且比去年同期大幅衰退44％是歷年3月最大衰退幅度。累計國銀首季稅前獲利8095億元較去年同期衰退169％也是</t>
  </si>
  <si>
    <t>衰退獲利國銀去年同期肺炎疫情受災戶金管會公佈幅度最低水準累計大幅首季歷年同期</t>
  </si>
  <si>
    <t>銀行也是新冠肺炎疫情受災戶。金管會5日公佈國銀3月稅前獲利182億元創十年來同期獲利最低水準且比去年同期大幅衰退44％是歷年3月最大衰退幅度。累計國銀首季稅前獲利8095億元較去年同期衰退169％也是史上成長動能最弱的第一季。
銀行局副局長莊琇媛分析今年3月非常特別新冠肺炎疫情蔓延全球世界衛生組織（WHO）定義為全球公共衛生緊急事件造成全球資本市場波動除了股市下挫債券價格也下跌加上各國競相降息如美國連降兩次共6碼（1碼是025百分點）台灣央行也降息1碼使得銀行投資收益及利息收益都減少。
銀行局統計今年首季銀行國內總分行投資淨利是2229億元比去年同期少了2834億元衰退幅度達5597％；至於全行投資淨利是2242億元比去年同期減少2859億元衰退56％以上。
另外因為新冠肺炎造成停工及封城等企業營運受影響銀行判斷海外分行及國際金融業務分行（OBU）授信風險提高因此增提呆帳準備。
OBU首季提列呆帳準備比去年同期增加217億元3月就比2月再多提存116億元代表3月銀行預期外幣授信等風險比2月升高。海外分行首季提存呆帳準備同樣比去年同期增加173億元3月則比2月多提3億元。
成本大幅增加下OBU首季稅前獲利2357億元同比衰退95％3月單月更只賺48億元應也是近年3月OBU獲利最少的一年；至於海外分行首季獲利816億元年減232％3月單月只賺227億元也是15個月新低。
首季國銀只有大陸分行稅前獲利156億元比去年同期成長122％是唯一有成長的單位。
莊琇媛表示應是去年大陸分行提存金額較多今年則較少首季提存呆帳費用比去年同期少15億元3月呆帳費用提列則比2月減少43億元。</t>
  </si>
  <si>
    <t>首季分行去年同期銀行獲利衰退obu提存肺炎今年海外投資減少造成呆帳全球降息銀行局增加</t>
  </si>
  <si>
    <t>提存衰退肺炎OBU獲利</t>
  </si>
  <si>
    <t>獲利obu提存肺炎衰退</t>
  </si>
  <si>
    <t>境外確診指揮中心說明</t>
  </si>
  <si>
    <t>國際新冠肺炎疫情再爆發我國自11月8日起至今以連續5天出現確診個案指揮中心今宣佈我國再增5例境外移入發言人莊人祥今（12日）下午2時舉行記者會說明。今天再增5例確診指揮中心統計國其中589例確診分</t>
  </si>
  <si>
    <t>我國確診指揮中心疫情爆發下午肺炎莊人祥記者會說明舉行發言人今天境外起至出現連續宣佈個案</t>
  </si>
  <si>
    <t>國際新冠肺炎疫情再爆發我國自11月8日起至今以連續5天出現確診個案指揮中心今宣佈我國再增5例境外移入發言人莊人祥今（12日）下午2時舉行記者會說明。
今天再增5例確診指揮中心統計國其中589例確診分別為497例境外移入55例本⼟病例36例敦睦艦隊及1例不明（比利時工程師）；另1例(案530)移除為空號。確診個案中7人死亡、528人解除隔離、45人住院隔離中。
指揮中心呼籲民眾自國外入境時如有發燒、咳嗽等不適症狀應主動通報機場及港口檢疫人員並配合防疫措施；返國後應落實居家檢疫期間如出現疑似症狀請即聯繫衛生局或各縣市關懷中心並依指示就醫切勿搭乘大眾運輸工具；就醫時請務必告知醫師旅遊史、職業別、接觸史及是否群聚(TOCC)以供及時診斷通報。
指揮中心再次提醒民眾應持續做好手部衛生與咳嗽禮節；外出若無法與他人保持社交距離請全程佩戴口罩。自國外入境時如有發燒、咳嗽等不適症狀應主動通報機場及港口檢疫人員並配合防疫措施；返國後應落實居家檢疫如出現疑似症狀請務必聯繫衛生局或各縣市關懷中心並依指示就醫切勿搭乘大眾運輸工具；就醫時請務必告知醫師旅遊史、職業別、接觸史及是否群聚(TOCC)以供及時診斷通報。</t>
  </si>
  <si>
    <t>中心指揮確診檢疫症狀出現咳嗽通報務必我國民眾就醫個案國外境外入境</t>
  </si>
  <si>
    <t>指揮中心境外移入新冠肺炎</t>
  </si>
  <si>
    <t>境外中心肺炎指揮</t>
  </si>
  <si>
    <t>疫苗藥師偷打半夜政府診所不怕火燒臺北市</t>
  </si>
  <si>
    <t>臺北市某診所遭爆8日深夜違規替不符資格者施打AZ疫苗北市政府昨（9）對診所重罰200萬元並終止合約。市長柯文哲坦言管控有問題在記者會現場認錯並將案件送政風處調查此事也引發綠營群起撻伐。藥師林士峰認為</t>
  </si>
  <si>
    <t>診所群起引發調查違規深夜不符政風資格案件施打認錯現場az記者會問題疫苗管控坦言</t>
  </si>
  <si>
    <t>臺北市某診所遭爆8日深夜違規替不符資格者施打AZ疫苗北市政府昨（9）對診所重罰200萬元並終止合約。市長柯文哲坦言管控有問題在記者會現場認錯並將案件送政風處調查此事也引發綠營群起撻伐。藥師林士峰認為此事凸顯了政府疫苗採購不力與政治操作兩大關鍵在大動作攻擊政敵的同時「都不怕火燒到自己」。
林士峰昨日在臉書發文表示他看到臺北市診所偷打疫苗新聞的時候其實他還滿佩服民進黨團的操作畢竟「享特權」的確一向讓人深惡痛絕特別是現在大部分民眾對疫苗抱持引頸期盼的態度才會出現「是不是有人偷打疫苗」的質疑。
對此林士峰指出兩大關鍵：第一這個消息不就是突顯了台灣疫苗嚴重不足的問題嗎？買疫苗在世界各國都是國家的事追根究柢是政府疫苗採購不力才會衍生出這些亂象結果我們執政黨不好好檢討就算了還從這件事情衍生出的問題大動作去攻擊政敵做政治操作都不怕火燒到自己。第二派發疫苗到臺北市的診所指揮中心就有資料如果診所敢未依指示只打前三類的人員施打肯定會受罰的在事件還沒明朗前新聞倒是鬧得挺大的。
此文一出引發網路熱議留言數高達近300則網友紛紛回應：「綠營想轉移注意力結果最後結論又回到——疫苗不足」、「可以轉移執政黨防疫不力焦點當然集全黨之力往死裡打囉」、「如果疫苗充足現在就沒有偷打的顧慮了」、「看到現在。真的覺得心累。原本以為台灣的環境再糟也就這些年的穀底。最壞也就這樣。這一次的疫情讓我覺得有能力還是自我求生吧」。</t>
  </si>
  <si>
    <t>疫苗診所問題現在操作不力施打引發臺北市轉移覺得臺灣結果執政黨偷打</t>
  </si>
  <si>
    <t>偷打疫苗疫苗新冠肺炎台灣柯文哲</t>
  </si>
  <si>
    <t>疫苗臺灣肺炎柯文哲偷打</t>
  </si>
  <si>
    <t>質疑時中回歸數字校正管理確診大師</t>
  </si>
  <si>
    <t>公佈個案政府今天文傳國民黨國內信心公信力失去資料藍委本土陳玉珍病例真的主委中心上周回歸肺炎</t>
  </si>
  <si>
    <t>回歸數字今天校正政府中心公佈沒有確診指揮本土資訊體重個案說法嘲諷新增民眾質疑玩弄陳時中指揮官</t>
  </si>
  <si>
    <t>新冠肺炎台灣 回歸校正數字</t>
  </si>
  <si>
    <t>回歸臺灣肺炎校正數字</t>
  </si>
  <si>
    <t>傳染全送防疫旅館確診在家症狀沒人</t>
  </si>
  <si>
    <t>疫情嚴峻臺北市長柯文哲認為「最難搞的是發病前就開始傳染的案例」3日下午在防疫記者會重申無症狀的確診者都送防疫專責旅館除了可避免家戶傳染外也防止老人疫情變壞、來不及送醫或是單獨在家死掉卻沒人</t>
  </si>
  <si>
    <t>傳染防疫疫情在家單獨送醫來不及認為柯文哲最難老人發病防止開始確診家戶重申記者會都送</t>
  </si>
  <si>
    <t>疫情嚴峻臺北市長柯文哲認為「最難搞的是發病前就開始傳染的案例」3日下午在防疫記者會重申無症狀的確診者都送防疫專責旅館除了可避免家戶傳染外也防止老人疫情變壞、來不及送醫或是單獨在家死掉卻沒人知道。
柯說為避免家戶感染有懷疑的就快篩快篩陽性就快做PCR檢測起先因醫院床位不夠所以55歲以下、沒症狀者先在家但現在既然家戶感染這麼多確診者就全都住防疫旅館。
此外柯也提到確診者都送防疫旅館除防止年輕人傳染給家人也防止老人在家病情惡化、來不及送醫因防疫旅館有醫護人員在防疫旅館也和醫院形成區域聯防更可馬上送醫院。
「怕單獨死在家沒人知道！」柯說若無症狀確診者想在家待「除非你跟我講你家房間很大還有獨立浴廁都乖乖待17天不要出來但我還是怕你單獨死在家可能缺氧、急速變壞然後沒人知道所以還是去住防疫旅館」。
柯說防疫專責的醫院病房床位已從600增加至1300床防疫專責旅館床位也從0變成1800床現在已開始擴張病房同時也要感謝很多招募來的醫護人員他每天開會都一定會問「昨天有沒有遇到救護車上的病人送不進急診室？」因過去2、3天都沒此情形了他就認為整個處理疫情的醫療量很OK。
柯表示旅館開始用線上登錄直到昨晚防疫旅館還有200個空床另外有300多個床位是有人剛出去、還沒消毒完畢醫院動員已完成旅館也差不多了現有醫療防線上還能應付。</t>
  </si>
  <si>
    <t>疫情 嚴峻 臺北市 長 柯文哲 認為 最難 搞 的 是 發病 前 就 開始 傳染 的 案例 3 日 下午 在 防疫 記者會 重申 無 症狀 的 確診 者 都送 防疫 專責 旅館 除了 可 避免 家戶 傳染 外 也 防止 老人 疫情 變 壞 來不及 送醫 或是 單獨 在家 死 掉 卻 沒人 知道 柯說 為 避免 家戶 感染 有 懷疑 的 就 快 篩 快 篩 陽性 就 快 做 pcr 檢測 起先 因 醫院 床位 不夠 所 以 55 歲 以下 沒 症狀 者 先 在家 但 現在 既然 家戶 感染 這麼 多 確診 者 就 全都 住 防疫 旅館 此外 柯也 提到 確診 者 都送 防疫 旅館 除 防止 年輕人 傳染給 家人 也 防止 老人 在家 病情惡化 來不及 送醫 因 防疫 旅館 有 醫護人員 在 防疫 旅館 也 和 醫院 形成 區域 聯防 更 可 馬上 送 醫院 怕 單獨 死 在家 沒人 知道 柯說 若無 症狀 確診 者 想 在 家 待 除非 你 跟 我 講 你家 房間 很 大 還有 獨立 浴 廁 都 乖乖 待 17 天 不要 出來 但 我 還 是 怕 你 單獨 死 在家 可能 缺氧 急速變 壞 然後 沒人 知道 所以 還 是 去 住 防疫 旅館 柯說 防疫 專責 的 醫院 病房 床位 已 從 600 增加 至 1300 床 防疫 專責 旅館 床位 也 從 0 變成 1800 床 現在 已 開始 擴張 病房 同時 也 要 感謝 很多 招募 來 的 醫護人員 他 每天 開會 都 一定 會 問 昨天 有 沒有 遇到 救護 車上 的 病人 送 不 進 急診室 因 過去 23 天都 沒 此 情形 了 他 就 認為 整個 處理 疫情 的 醫療 量 很 ok 柯 表示 旅館 開始 用 線 上 登錄 直到 昨晚 防疫 旅館 還有 200 個 空 床 另外 有 300 多 個 床位 是 有人 剛出去 還 沒 消毒 完畢 醫院 動員 已 完成 旅館 也 差不多 了 現有 醫療 防線 上 還 能 應付</t>
  </si>
  <si>
    <t>旅館防疫醫院在家開始床位確診疫情症狀柯說家戶知道單獨認為沒人防止醫療還有</t>
  </si>
  <si>
    <t>防疫旅館醫院無症狀柯文哲新冠肺炎</t>
  </si>
  <si>
    <t>症狀柯文哲醫院旅館防疫肺炎</t>
  </si>
  <si>
    <t>日本喜劇遺產私生子娛樂</t>
  </si>
  <si>
    <t>以搞笑、綜藝起家的日本藝人志村健靠著「怪叔叔」、「瞳婆婆」一角創下演藝事業高峰受封喜劇王的他在螢幕上活躍48年卻在全球爆發新冠肺炎時染疫過世。志村健留下的14億資產和他的私生活再度成熱議。出生公</t>
  </si>
  <si>
    <t>再度私生活藝人資產留下螢幕上喜劇活躍高峰演藝事業全球爆發創下一角婆婆肺炎成熱叔叔</t>
  </si>
  <si>
    <t>以搞笑、綜藝起家的日本藝人志村健靠著「怪叔叔」、「瞳婆婆」一角創下演藝事業高峰受封喜劇王的他在螢幕上活躍48年卻在全球爆發新冠肺炎時染疫過世。志村健留下的14億資產和他的私生活再度成熱議。
出生公教嚴肅家庭 志村健為爸爸成諧星
志村健出生傳統家庭爸爸是小學副校長家中排行老三的他兩個哥哥是公務員志村健之所以會成為諧星全和爸爸有關。志村健發現嚴肅的爸爸只看到搞笑節目就會難得露出笑容這也促使志村健努力朝喜劇演員的之路邁進。
1972年入行的志村健出道前曾擔任諧星加藤茶的助理隔年他以實習身分加入TBS電視台的招牌節目《8時全員集合》固定班底志村健以滑稽、誇張表演方式爆紅接著在《漂流者大爆笑》、《志村大爆笑》等節目都可以看到志村健的演出。
其中志村健以節目《志村大爆笑》最為廣受人知並以「怪叔叔」一角創下演藝事業高峰同時志村健在「傻瓜殿下」不計形象把臉塗白、畫粗眉毛加上他砍脖子的動作更是經典志村健獨特的肢體動作和幽默喜劇節奏不只逗樂日本觀眾他在台灣、泰國甚至歐美都享有高知名度。
志村健對台灣演藝圈也影響不小陽帆模仿的「楊婆婆」和陶晶瑩與謝祖武的愛情情境喜劇《安室愛美惠》還有綜藝大哥胡瓜的主持風格也都是當年受到志村健搞笑風格的影響。
志村愛台灣 愛吃美食愛美女卻無婚無子
志村健生前和台灣淵源很深多次因工作或私下來台旅遊對台灣美食和文化更是瞭若指掌志村健最後一次抵達寶島應該是2017年當時他為節目《天才！志村動物園》來台出外景除了在IG曬造訪自由廣場、吃美食照外還被藝人山豬捕獲到志村健現身西門町。
在藝界打滾48年志村健帶給觀眾無限歡樂他風光受封「喜劇王」外感情生活也屢成焦點70歲的志村健風流一生曾與女星優香、加藤綾子以及前AV女優朝美穗香傳緋聞但志村健卻始終未婚他也曾透露和每任女友都是以結婚為前提交往自己也很想有自己的孩子但都沒能如願。
抽煙喝酒樣樣來 才立志養生就染疫
志村健確診新冠肺炎前就曾傳出健康狀態亮紅燈志村健嗜酒、菸癮很重他在2016年、2018年傳出得肺炎和肝病而有肝臟慢性病的志村健在年初因被檢查出胃部有瘜肉讓志村健開始重視養生但他卻在此刻確診新冠肺炎。
志村健3月17日因疲勞症狀在家休息19日出現發燒和呼吸困難症狀20日住院、被診斷有嚴重肺炎並在23日確診新冠肺炎未料志村健搶救後仍在29日晚上宣告不治享壽70歲。
志村健原本要為2020東京奧運傳遞聖火如今卻不幸染疫辭世成為他永遠都無法完成的任務志村健輝煌搞笑48年日本喜劇泰斗在70歲畫下句點不過他留下的財產也不容小覷據悉高達50億日幣（約14億台幣）由於志村健未婚、沒有子女由於他沒有立遺囑日媒分析他的2個哥哥將會成為法定繼承人但他在多年前發表的書籍中曾提及自己有一個私生子若出現認親恐怕也讓財產繼承添下變數。
※喝酒警語
中時新聞網提醒您：酒後不開車安全有保障
中時新聞網關心您：喝酒過量有礙健康！
※吸菸警語
中時新聞網提醒您：吸菸有害健康</t>
  </si>
  <si>
    <t>村健喜劇臺灣節目肺炎爸爸成為美食喝酒</t>
  </si>
  <si>
    <t>志村健喜劇泰斗搞笑喜劇王14億</t>
  </si>
  <si>
    <t>喜劇泰斗</t>
  </si>
  <si>
    <t>到貨時間疫苗還要獨家陳時中周玉蔻</t>
  </si>
  <si>
    <t>資深媒體人周玉蔻今又再度「獨家」爆料表示最新一批的疫苗將在5月底、6月中旬準時抵台引發網友討論有網友就譏諷已經有周玉蔻了不知道還要衛福部長陳時中幹嘛另有網友指出這則訊息之前就有相關報導不</t>
  </si>
  <si>
    <t>網友周玉蔻再度獨家表示最新疫苗月底月中準時之前知道衛福還要指出陳時中部長引發討論訊息</t>
  </si>
  <si>
    <t>資深媒體人周玉蔻今又再度「獨家」爆料表示最新一批的疫苗將在5月底、6月中旬準時抵台引發網友討論有網友就譏諷已經有周玉蔻了不知道還要衛福部長陳時中幹嘛另有網友指出這則訊息之前就有相關報導不曉得「她這個獨家是lag了多久」。
周玉蔻今（18日）在臉書上表示有個「獨家好消息」AZ以及莫德納疫苗將在5月底、6月中旬分批抵台就在發文不久後周玉蔻就將「AZ與莫德納」的敘述刪除。
對於周玉蔻再一次獨家爆料批踢踢網友表示「如果能公佈的話為什麼不是由衛福部公告新聞」、「可以請她當指揮官嗎」、「台灣防疫指揮官變政論名嘴是哪招」、「笑死以後看周玉蔻的臉書就好了開什麼記者會」、「下午記者會看陳時中部長怎麼回應」、「陳時中不抓就告他瀆職」、「肯定執政黨有人放出來的啊政論名嘴變防疫指揮官根本國際笑話」。
更有網友譏諷「其他人爆料是妨害蔻蔻姐我們的神」、「黨說造謠一定罰等等是蔻蔻姐那個和時鐘（陳時中）有超自然連結」；另有網友認為周玉蔻這消息不能算獨家「AZ第三批4/15就有新聞了莫德納之前新聞也是說5月底6月初可能會進來不曉得她這個獨家是lag了多久」。記者查詢網友所給的線索發現部分媒體也曾在4月15日報導AZ疫苗將在6月15日前抵台及莫德納疫苗5月底將到貨的訊息。</t>
  </si>
  <si>
    <t>周玉蔻網友獨家月底az陳時中表示莫德納疫苗新聞部長指揮官報導蔻蔻政論</t>
  </si>
  <si>
    <t>周玉蔻獨家疫苗新冠肺炎AZ</t>
  </si>
  <si>
    <t>疫苗肺炎獨家az周玉蔻</t>
  </si>
  <si>
    <t>學者陸向澳閉門羹訊息</t>
  </si>
  <si>
    <t>澳洲總理日前公開呼籲調查新冠肺炎起源引發北京不滿先後對澳洲大麥課徵關稅、禁止牛肉進口雙方關係降至冰點。坎培拉當局數周來持續尋求和北京磋商不過至今仍吃閉門羹專家分析北京持續已讀不回主要在</t>
  </si>
  <si>
    <t>北京持續澳洲調查呼籲肺炎進口牛肉雙方分析禁止關係起源關稅冰點引發大麥坎培拉專家當局不滿至今磋商</t>
  </si>
  <si>
    <t>澳洲總理日前公開呼籲調查新冠肺炎起源引發北京不滿先後對澳洲大麥課徵關稅、禁止牛肉進口雙方關係降至冰點。坎培拉當局數周來持續尋求和北京磋商不過至今仍吃閉門羹專家分析北京持續已讀不回主要在釋放3大訊息包括要澳洲別和美國走太近、北京方面還不打算調整關稅以及強調對澳洲的「侮辱」。
新冠肺炎蔓延全球澳洲總理莫里森（Scott Morrison）4月公開呼籲派遣獨立調查人士進入大陸調查新冠病毒疫情起源同時也對北京的防疫工作展開調查此舉引發北京反彈。後續大陸宣佈暫停向澳洲4間屠宰場進口牛肉禁令影響所及相當於佔澳洲出口大陸牛肉的35%此外對澳洲出口的大麥徵收為期5年、高達805%稅率。不僅如此上周大陸文化和旅遊部更以種族歧視現象升溫為由對國民發布「赴澳大利亞旅遊安全提醒」週二更對赴陸求學陸生發布警示種種舉措嚴重衝擊兩國貿易交流。
針對北京提升制裁措施澳洲貿易部長伯明罕（Simon Birmingham）8日表示數周來持續尋求和大陸商務部部長鍾山磋商不過對方都無回應。
北京屢賞坎培拉閉門羹學者分析大陸主要在向澳洲釋放3個訊息。
第一要澳洲不要和美國走太近。美國巴克內爾大學（Bucknell University）政治學教授朱志群（Zhiqun Zhu）表示陸澳之間不是只有關稅問題另外還有澳洲參與美國在南海的聯合軍演、排除華為參與當地5G建設、關切「港版國安法」實施等「很明顯北京不高興澳洲加入川普政府的反陸運動。」
「對大陸來說現在的澳州政府太熱衷於支持川普政府對大陸採取的高壓手段所以大陸無法如常和澳洲做生意。」「北京冷待坎培拉是在釋出明確且強烈的訊息：不要跟川普政府走太近否則陸澳關係會很困難。」
另外美國中國安全專家洛森（Ben Lowsen）認為鍾山不接伯明罕電話代表2件事其一大陸國家主席習近平現階段還不想改變關稅政策；其二鍾山想要強調對澳洲侮辱的嚴重性。
洛森說一般而言官員會回應外國夥伴的要求「是或不是」但有時候也會表示要考慮一下他說以他對過去和北京交手的經驗北京現階段的考慮時間可能會再持續一段時間甚至是無限期因為決策者認為現在還不是做決定的時機。
「強調不滿顯示北京決心要施壓坎培拉改變調查新冠病毒的論調。」</t>
  </si>
  <si>
    <t>北京澳洲大陸美國坎培拉關稅持續調查表示強調政府川普牛肉發佈訊息參與安全伯明罕</t>
  </si>
  <si>
    <t>大陸澳洲北京閉門羹新冠肺炎</t>
  </si>
  <si>
    <t>閉門羹北京澳洲肺炎大陸</t>
  </si>
  <si>
    <t>無奈提醒莉塔網友果然升溫自私疫情</t>
  </si>
  <si>
    <t>藝人蘿莉塔從《大學生了沒》出道是各大綜藝節目邀約的對象甜美外型加上直率性格圈了無數粉絲力挺近日隨著新冠肺炎疫情延燒所有工作不是取消就是延後不過她也透露到超商買食物時卻被網友私訊提醒「要囤</t>
  </si>
  <si>
    <t>網友出道食物綜藝節目對象甜美透露大學生加上延後直率就是性格取消</t>
  </si>
  <si>
    <t>藝人蘿莉塔從《大學生了沒》出道是各大綜藝節目邀約的對象甜美外型加上直率性格圈了無數粉絲力挺近日隨著新冠肺炎疫情延燒所有工作不是取消就是延後不過她也透露到超商買食物時卻被網友私訊提醒「要囤貨」不禁感嘆：「人果然都是自私的」。
台灣新冠肺炎疫情延燒日前雙北宣佈三級警戒時各大量販店出現一波「搶購囤貨潮」潮對此蘿莉塔表示到超商買一碗要吃的泡麵時發現架上物資都很充足呼籲所有人買適當的量即可真的不需要過度恐慌未料卻有網友私訊她不應該只買一碗泡麵而是要趕緊囤貨才對讓她無奈表示：「就像荀子說的人性本惡人果然都是自私的只要想著自己就好」更怒斥：「奸商跟黃牛票就是這樣養出來的」。
Lolita Lee 蘿莉塔（@lolitalee513）分享的貼文
此外蘿莉塔也透露疫情爆發後所有工作不是取消就是延後對於沒有固定薪水的演藝圈來說等於要放兩個禮拜的無薪假接著強調若持續沒有工作的話已經不敢想像下個月該怎麼活了更再三呼籲：「真心希望大家好好配合所有防疫措施讓疫情趕快過去讓三級真的能在兩個禮拜內解除吧」更透露身為工作狂的她真的好想念攝影棚。
對此網友也紛紛回應：「沒有任何事物比健康更重要了」、「同感做市場的沒出門就沒錢賺希望大家加油遵守防疫規定」「大家要注意防護啊台灣加油」。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防疫沒有疫情莉塔透露網友工作肺炎務必呼籲禮拜出現</t>
  </si>
  <si>
    <t>蘿莉塔囤貨新冠肺炎搶購潮疫情</t>
  </si>
  <si>
    <t>肺炎莉塔搶購潮疫情</t>
  </si>
  <si>
    <t>樂觀博智後市金像</t>
  </si>
  <si>
    <t>受惠於高頻高速時代來臨網通、伺服器等相關設備需求增溫雖然新冠肺炎疫情打亂電子供應鏈短期仍在等待復甦中但業界看好伺服器供應鏈不受新冠肺炎幹擾相關業者如PCB廠博智（8155）、金像電（2368）備受市場</t>
  </si>
  <si>
    <t>伺服器相關供應肺炎金像博智pcb網通業者干擾設備等待蘇中需求增看好電子來臨打亂疫情不受</t>
  </si>
  <si>
    <t>受惠於高頻高速時代來臨網通、伺服器等相關設備需求增溫雖然新冠肺炎疫情打亂電子供應鏈短期仍在等待復甦中但業界看好伺服器供應鏈不受新冠肺炎幹擾相關業者如PCB廠博智（8155）、金像電（2368）備受市場關注股價也相對抗跌。
由於市場對伺服器供應鏈後續營運有所期待進而帶動業者股價波動較大博智及金像電9日應主管機關要求紛紛公告近期財報。博智一月自結營收223億元、每股稅後089元同日也公佈二月份營收252億元較去年同期117億元大幅成長11487％。金像電自結一月1446億元每股盈餘017元。
博智為仁寶轉投資的利基型PCB廠主攻伺服器板、雲端儲存設備、工業電腦用板等。由於搭上伺服器需求旺盛題材以及該公司產能集中台灣、出貨中國比例低股價自農曆年後就不斷攀升。
法人分析博智過去跟隨仁寶以NB、MB訂單為主但因公司規模不具成本優勢轉往伺服器及工業電腦發展且集中在少量多樣及高層數的產品。而擴充高層次板產能、提高高利基型產品也是該公司主要目標未來新品主軸將以30層以上多層板、工業電腦用板等方向進行加上少量多樣的特性能在此個別產品提供全製程的競爭對手較少看好今年雲端、資料中心等需求不淡樂觀看待該公司今年業績表現。
金像電過去也是以生產NB板為主的PCB廠近年則積極調整產品結構轉攻網通、伺服器隨著高頻高速網路需求出現金像電調整產品成效逐漸顯現去年第三季也成功單季轉盈。目前公告的二月營收1669億元月增155％、年增2873％累計前二月營收為3115億元、年增993％。
金像電曾表示去年業績逐步改善證明5G是未來趨勢無庸置疑公司強攻網通類產品的策略也正確不過大環境仍有不確定因素因此對於後續發展仍有待觀察未來公司將持續針對5G基地台、400G網通板以及汽車相關板材進行開發。</t>
  </si>
  <si>
    <t>伺服器金像產品公司博智網通股價需求供應相關pcb電腦工業後續看好公告發展</t>
  </si>
  <si>
    <t>伺服器網通肺炎工業電腦PCB</t>
  </si>
  <si>
    <t>工業肺炎網通電腦pcb伺服器</t>
  </si>
  <si>
    <t>時中預告明天涵蓋達標疫苗</t>
  </si>
  <si>
    <t>陳時中表示疫苗國內達到涵蓋中央目標流行達標疫情指揮今天指揮官中心預計分別明天指標目前月底接種</t>
  </si>
  <si>
    <t>疫苗覆蓋率表示陳時中國內邊境涵蓋目前目標對於明天預計各有不同看法要到放鬆一定程度專家保護</t>
  </si>
  <si>
    <t>疫苗涵蓋率陳時中達標疫苗施打</t>
  </si>
  <si>
    <t>陳時中達標疫苗涵蓋施打</t>
  </si>
  <si>
    <t>導演透露李安最愛臺灣走走馮迪</t>
  </si>
  <si>
    <t>52歲的好萊塢動作片巨星馮迪索（Vin Diesel）不懼新冠肺炎疫情新片《血衛》如期於下週上映。他在該片化身被操控記憶的超級英雄展現拳拳到肉的打鬥場面。他在台灣時間6日接受媒體視訊訪問他除了大讚曾合作《比</t>
  </si>
  <si>
    <t>vindiesel媒體不懼接受時間臺灣肺炎場面疫情打鬥新片馮迪訪問拳拳如期于下周展現英雄上映</t>
  </si>
  <si>
    <t>52歲的好萊塢動作片巨星馮迪索（Vin Diesel）不懼新冠肺炎疫情新片《血衛》如期於下週上映。他在該片化身被操控記憶的超級英雄展現拳拳到肉的打鬥場面。他在台灣時間6日接受媒體視訊訪問他除了大讚曾合作《比利林恩的中場戰事》的李安是他心中最愛的導演之一和李安一樣是好萊塢首選的台裔導演林詣彬和馮迪索更是麻吉大呼：「林詣彬是我的兄弟！」他們倆合作多部《玩命關頭》系列默契絕佳馮迪索也直言：「說實話一直都想到台灣看看來做宣傳！」
《血衛》由漫畫改編不同於大眾熟知的漫威跟DC該作出自「勇士漫畫」馮迪索表示「這個角色很獨特和典型英雄電影很不一樣」他透露當初試鏡時帶著當時8歲的大兒子一塊去「結果他直接對我說『爸爸你就是血衛！』讓我當場決定接演」他更笑著建議：「演員們應該都要帶孩子去試鏡」讓全場大笑。
馮迪索在《血衛》片中每次醒來都會重複「失憶」被問到現實中是否有類似的「斷片」經驗他笑笑表示沒有不過自己容易忘記一些小事情也會把朋友名字叫錯有一次跟小朋友一起唱《獅子王》的歌曲還被女兒抓包把歌詞唱錯！」馮迪索也分享除了自己角色擁有的超能力外也想體驗片中關鍵角色「哈汀博士」的技能「他可以創造所有的人工科技讓任何事情變得可能。」最後馮迪索對台灣影迷甜喊：「希望電影能夠為觀眾帶來微笑為我們感到驕傲。」《血衛》12日搶先全球在台上映。</t>
  </si>
  <si>
    <t>馮迪臺灣角色合作表示事情漫畫電影片中英雄林詣彬</t>
  </si>
  <si>
    <t>馮迪索李安血衛新冠肺炎武漢肺炎</t>
  </si>
  <si>
    <t>李安肺炎武漢馮迪</t>
  </si>
  <si>
    <t>疫苗不該制度atp額外福利維奇喬柯收買網球</t>
  </si>
  <si>
    <t>世界球王喬柯維奇（Novak Djokovic）今年球場上不如意場外也鬧出不少風波此前他才剛爆冷止步塞爾維亞男網公開賽蒙地卡羅大師賽更是僅止步於16強本季狀況十分不佳而近日他談到ATP規定為球員打疫苗一事他</t>
  </si>
  <si>
    <t>止步novak規定djokovicatp今年球場上不如意近日場外維奇球員十分狀況風波此前才剛爆冷塞爾維亞更是</t>
  </si>
  <si>
    <t>世界球王喬柯維奇（Novak Djokovic）今年球場上不如意場外也鬧出不少風波此前他才剛爆冷止步塞爾維亞男網公開賽蒙地卡羅大師賽更是僅止步於16強本季狀況十分不佳而近日他談到ATP規定為球員打疫苗一事他對此頗有微詞。據透露ATP官方為讓球員接受疫苗施打承諾給球員一些額外福利這讓喬柯維奇感到不滿另外據《sportskeeda》在內多家外媒報導他也將退出接下來的馬德里大師賽放棄衛冕將損失500積分！
喬柯維奇說道：「我聽說接受疫苗的球員將獲得福利和更好的住房條件ATP還是應該遵守巡迴賽各項賽事的規則而不是按照自己的規則來執行我現在什麼都不想說至少對我們的網球而言應該這樣。」「在疫苗方面實際上有很多選擇我從組織者和我哥哥那裡聽到的消息是有很多球員想接受不同種的疫苗。」
他強烈對外表示願不願意接受疫苗是自己能決定的事而不是透過這些福利來驅使球員接受打從塞爾維亞公開賽他就不斷強調自己反對此規定。另外據外國媒體《馬卡報》表示喬柯維奇不僅會退出馬德里大師賽也可能接連缺席羅馬大師賽等於接下來的兩站他都不會出席而看到他的這些論點有網友回應說：「他是為養精蓄銳還是出了什麼問題？」、「小丑喬柯維奇！」
而今年還有令人矚目的法網和溫布頓法網將在5月24日到6月13日期間舉行另外去年因疫情停辦的溫布頓大賽將於6月28日至7月11日舉行明年更將取消週日休兵1天的悠久傳統與其餘三大滿貫一樣連戰14天。或許喬柯維奇真的想給自己一段時間好好休息準備好狀態再應付這兩個頂尖賽事。</t>
  </si>
  <si>
    <t>維奇喬柯疫苗球員接受大師atp福利止步規定應該塞爾維亞公開賽表示</t>
  </si>
  <si>
    <t>喬柯維奇ATP新冠肺炎法網溫布頓</t>
  </si>
  <si>
    <t>atp肺炎維奇法網溫布喬柯</t>
  </si>
  <si>
    <t>疫情疫苗擺脫接種速度</t>
  </si>
  <si>
    <t>新冠肺炎疫情橫掃全球奪去超過200萬人的性命也導致不少國家被迫進入封城狀態嚴重影響日常生活。人人都在問新冠肺炎到底甚麼時候可以結束讓生活恢復正常。綜合外電5日報導美國新冠肺炎首席專家佛奇（Anth</t>
  </si>
  <si>
    <t>肺炎國家導致被迫進入性命封城狀態超過嚴重影響日常生活全球綜合生活人人外電結束橫掃可以美國</t>
  </si>
  <si>
    <t>新冠肺炎疫情橫掃全球奪去超過200萬人的性命也導致不少國家被迫進入封城狀態嚴重影響日常生活。人人都在問新冠肺炎到底甚麼時候可以結束讓生活恢復正常。
綜合外電5日報導美國新冠肺炎首席專家佛奇（Anthony Fauci）等科學家說全球要有70%—85%人口接種疫苗生活才能逐漸恢復正常。由於西方富國接種疫苗的速度比世界其他地方快以目前的速度來看全球大概需要7年才能達標。
而各國接種新冠疫苗的速率不一有些國家以接種兩劑疫苗覆蓋率為75%為目標。例如全球疫苗接種率最高的以色列只花了2個月就朝75%的覆蓋率邁進。而美國要到2022年新年時才會達標。
然而接種疫苗的變數很多。例如紐約因為冬天暴風雪影響有些人無法出門接種一度將達標時間拉長為17個月但在加緊接種下又縮短為13個月。此外加拿大因為疫苗運送時間延遲最近幾星期的施打率也降低了一半。
不過隨著疫苗愈來愈多接種速度也可望加快。重點在於要是社區裡只有少數人接種新冠病毒還是會繼續蔓延。而在多數人都接種的狀況下才有可能建立起對抗病毒的集體防衛陣線。</t>
  </si>
  <si>
    <t>接種疫苗全球達標肺炎速度病毒生活影響美國時間國家覆蓋率才能例如建立可能才有</t>
  </si>
  <si>
    <t>新冠肺炎疫苗恢復正常接種何時正常</t>
  </si>
  <si>
    <t>疫苗接種肺炎正常</t>
  </si>
  <si>
    <t>德塞公開gaga世衛親善大使lady</t>
  </si>
  <si>
    <t>Lady Gaga（女神卡卡）受WHO之邀統籌舉辦慈善抗疫演唱會「One World：Together At Home」並在演唱會前夕的記者會上大讚WHO秘書長譚德塞是「真正的超級巨星」引發熱議現更有網友挖出卡卡母親曾擔任世衛親善</t>
  </si>
  <si>
    <t>who卡卡演唱會母親網友引發巨星真正one統籌home擔任舉辦德塞慈善秘書長</t>
  </si>
  <si>
    <t>Lady Gaga（女神卡卡）受WHO之邀統籌舉辦慈善抗疫演唱會「One World：Together At Home」並在演唱會前夕的記者會上大讚WHO秘書長譚德塞是「真正的超級巨星」引發熱議現更有網友挖出卡卡母親曾擔任世衛親善大使。
Lady Gaga是美國知名反川普藝人因此不少人認為她這次公開力挺譚德塞其實是為了嗆川普不過也有網友發現Lady Gaga和世界衛生組織的關係本來就不錯其母親辛西亞（Cynthia Germanotta）去年5月曾擔任WHO親善大使中的心理健康大使對於媽媽受邀擔任親善大使卡卡感到相當驕傲還轉發新聞並感謝世衛。
除了辛西亞當時曾於推特寫下「很高興能與譚德塞與他的專業團隊合作」卡卡也多次發文宣傳世界衛生組織可見母女倆和世衛關係密切因此這次Lady Gaga公開讚揚譚德塞也有網友認為不意外。</t>
  </si>
  <si>
    <t>卡卡德塞whogagalady世衛親善大使網友擔任母親演唱會西亞川普世界衛生組織公開認為關係onehome前夕</t>
  </si>
  <si>
    <t>Lady Gaga譚德塞世衛親善大使女神卡卡</t>
  </si>
  <si>
    <t>德塞世衛親善大使女神gaga卡卡lady</t>
  </si>
  <si>
    <t>看護陳時中市府瞭解</t>
  </si>
  <si>
    <t>國內一名印尼籍非法看護日前確診新冠肺炎中央流行疫情指揮中心日前表明反對掃蕩非法移工但勞動部、北市衛生局紛紛「逆時鐘」要求取締非法移工。指揮中心指揮官陳時中表示已與勞動部部長再三討論表明需加強</t>
  </si>
  <si>
    <t>日前勞動部指揮中心表明確診再三部長肺炎中央流行看護疫情表示紛紛陳時中時鐘衛生局要求北市取締指揮官掃蕩反對</t>
  </si>
  <si>
    <t>國內一名印尼籍非法看護日前確診新冠肺炎中央流行疫情指揮中心日前表明反對掃蕩非法移工但勞動部、北市衛生局紛紛「逆時鐘」要求取締非法移工。指揮中心指揮官陳時中表示已與勞動部部長再三討論表明需加強看護的訓練和管理不要在醫院趴趴走；至於北市的狀況則需瞭解一下。
陳時中日前前往醫院視察超前佈署情況時表明反對掃蕩非法移工認為加強取締恐加重第一線護理人員負擔日前在記者會上也表示不會管對方身分如何「我只管他有沒有健康」且已與勞動部當面討論勞動部長許銘春也表示全力配合。
勞動部昨發函新北市要求追查日前確診的非法印尼籍移工；北市衛生局今也發函要求醫院發現非法移工時告知移民署處理。對於兩方「逆時中」的作法陳時中表示已與勞動部部長再三討論將加強看護的訓練和管理不要在醫院趴趴走。至於北市的狀況則需進一步瞭解。</t>
  </si>
  <si>
    <t>日前勞動部表示醫院北市要求表明加強看護討論部長指揮中心取締確診衛生局陳時中反對掃蕩訓練</t>
  </si>
  <si>
    <t>非法移工陳時中勞動部醫院新冠肺炎</t>
  </si>
  <si>
    <t>醫院勞動部陳時中肺炎</t>
  </si>
  <si>
    <t>中風癱瘓崩潰莫德納過去打完健康</t>
  </si>
  <si>
    <t>打完莫德納後竟重度中風新北市一名66歲李姓男子7月14日接種莫德納疫苗後臉色發白、頭暈隔天出現心絞痛、瞳孔放大緊急送醫李男妻子表示醫師診斷先生已經是重度中風狀態一個月過去後情況仍未好轉癱瘓在</t>
  </si>
  <si>
    <t>中風莫德納過去狀態送醫李男緊急妻子表示放大醫師瞳孔心絞痛已經出現先生診斷頭暈發白臉色疫苗李姓接種男子新北</t>
  </si>
  <si>
    <t>打完莫德納後竟重度中風新北市一名66歲李姓男子7月14日接種莫德納疫苗後臉色發白、頭暈隔天出現心絞痛、瞳孔放大緊急送醫李男妻子表示醫師診斷先生已經是重度中風狀態一個月過去後情況仍未好轉癱瘓在床每個月看護費近10萬元過去先生身體一直很健康希望釐清病因。
據《東森新聞》報導李男妻子表示66歲的先生7月14日接種莫德納當天出現頭暈、臉色發白的症狀15日狀況持續惡化開始心絞痛、瞳孔放大嚇得趕緊將先生送醫並緊急開刀住進加護病房。1個月過去後先生病情仍未好轉全身接近癱瘓醫師也判定是重度中風讓李男妻子懷疑跟接種莫德納有關。
李男妻子表示先生一直以來身體都很健康只有輕微高血壓曾經小中風住院但恢復良好每天到公園散步40分鐘。如今先生癱瘓後每天看護費2700元一個月費用近10萬元長期下來負擔很重「不是我負擔不起是很多人都負擔不起」將去申請預防接種受害救濟並釐清病因。
根據指揮中心統計國內疫苗不良反應通報資料顯示截至8月25日止共接獲51件疑似TTS（血栓合併血小板低下）通報案件有48件是接種AZ疫苗3件是接種莫德納其中22名男性、29名女性年齡介於22到95歲之間發病時間是接種疫苗後1天至51天其中有7例死亡。</t>
  </si>
  <si>
    <t>先生中風接種莫德納疫苗李男過去妻子癱瘓通報表示病因緊急送醫醫師健康看護心絞痛負擔瞳孔放大發白</t>
  </si>
  <si>
    <t>莫德納中風癱瘓健康接種</t>
  </si>
  <si>
    <t>接種健康中風莫德納癱瘓</t>
  </si>
  <si>
    <t>大使防疫陳時中好手</t>
  </si>
  <si>
    <t>中央流行疫情指揮中心今(10)日表示國內6月7日後已擴大鬆綁生活防疫規範為鼓勵民眾落實防疫新生活特別邀請我國桌球好手江宏傑擔任防疫新生活宣傳大使陳時中表示4月30日講到現在我們已經不夠吸睛因此特</t>
  </si>
  <si>
    <t>生活防疫表示已經中心現在講到國內不夠指揮日後陳時中好手鬆綁擴大我國大使特別邀請擔任宣傳</t>
  </si>
  <si>
    <t>中央流行疫情指揮中心今(10)日表示國內6月7日後已擴大鬆綁生活防疫規範為鼓勵民眾落實防疫新生活特別邀請我國桌球好手江宏傑擔任防疫新生活宣傳大使陳時中表示4月30日講到現在我們已經不夠吸睛因此特別請江宏傑來擔任代言「顯然比我們吸睛很多」。
陳時中表示全球增加的病例依然很多防疫新生活大家不要忘記發現去醫院時大家開始沒有警覺忘記戴上口罩提醒一定要配戴口罩。
江宏傑表示這次的疫情讓大家深刻感受到生活上的不便更讓自己珍惜正常生活的難能可貴。很榮幸這次能擔任防疫新生活的宣傳大使希望大家一起身體力行將勤洗手、戴口罩、保持社交距離等變成日常生活的一部分共同守護社區防疫安全。
指揮中心指出隨著國內疫情趨緩目前雖已放寬社區防疫措施但提醒民眾平時仍應落實勤洗手、呼吸道衛生與咳嗽禮節等良好個人衛生習慣；外出活動時維持室內15公尺、室外1公尺以上的社交距離若無法維持應佩戴口罩；至餐廳或攤販用餐時可挑選有適當用餐距離、隔板提供套餐的店家享受美食並配合業者執行實聯制、體溫監測等防疫作業；生病不適者盡量在家休息只要將這些防疫基本功內化為生活習慣就能保護自己及他人的健康。</t>
  </si>
  <si>
    <t>防疫生活表示口罩距離疫情擔任勤洗手特別社區國內忘記提醒維持指揮中心社交用餐</t>
  </si>
  <si>
    <t>防疫江宏傑防疫新生活桌球好手樂活</t>
  </si>
  <si>
    <t>生活好手防疫江宏傑樂活</t>
  </si>
  <si>
    <t>碟片血清檢測力拼取得丹麥認證臺灣上市</t>
  </si>
  <si>
    <t>新冠肺炎疫情大爆發各國亟需即時檢測產品總部坐落在丹麥哥本哈根的柏勝生技已成功開發新冠肺炎病毒血清檢測設備不只能在12分鐘內快篩甚至也可應用於社區回溯與檢測疑似無症狀患者這項技術平臺預計在5月</t>
  </si>
  <si>
    <t>檢測肺炎症狀回溯患者社區甚至應用哥本哈根柏勝生只能即時坐落丹麥總部產品成功</t>
  </si>
  <si>
    <t>新冠肺炎疫情大爆發各國亟需即時檢測產品總部坐落在丹麥哥本哈根的柏勝生技已成功開發新冠肺炎病毒血清檢測設備不只能在12分鐘內快篩甚至也可應用於社區回溯與檢測疑似無症狀患者這項技術平臺預計在5月取得歐盟與台灣認證力拚盡速上市協助全球抗疫。
柏勝生技(BluSense Diagnostics)成立於2014年是科技部「萌芽計畫」衍生的新創公司並已獲台安生技及廣明光電投資該公司生化研發基地座落於丹麥哥本哈根軟硬體研發中心與設備生產則位於台灣桃園。
柏勝生技執行副總孫偉芸表示團隊僅以3周的時間3月初便完成血清檢測碟片開發並在中壢天晟醫院協助下持續優化檢測系統。上週於丹麥第二大醫院Hvidovre hospital執行初步的臨床驗證靈敏度高達9成結果令當地醫生十分振奮。下周將在義大利醫院將完成更大量的臨床驗證預計最快在5月取得歐盟與台灣認證。
孫偉芸也提到柏勝生技發展出兼具高準確性、攜帶方便與操作簡易的產品僅需受測者一滴血液作為檢體12分鐘即可取得定量且高靈敏度與專一性的檢測結果。至於研發施測的檢體來自丹麥共有15例其中10例為陽性、5例為陰性。
至於新冠肺炎病毒的篩檢孫偉芸說其中一個是檢測IgM即是感染初期出現的抗體可用於疑似病例早期篩檢；IgG則於感染中後期出現可瞭解患者處於恢復期或是否曾被感染。
孫偉芸也提到這次研發的血清檢測碟片可在臨床上同時檢測IgM與IgG動態瞭解患者處於何種感染階段不只可用於社區回溯甚至也能檢測疑似無症狀患者以及確認病患是否已無傳染力是否符合出院標準。這項施測碟片攜帶與操作十分便利適合於機場、港口等第一線防疫場所使用。</t>
  </si>
  <si>
    <t>檢測丹麥研發孫偉芸感染醫院患者臨床碟片臺灣血清取得是否十分操作肺炎協助產品結果公司</t>
  </si>
  <si>
    <t>檢測碟片柏勝生技台灣丹麥新冠肺炎</t>
  </si>
  <si>
    <t>臺灣丹麥柏勝生碟片檢測肺炎</t>
  </si>
  <si>
    <t>克服疫情保營學生實習</t>
  </si>
  <si>
    <t>嘉南藥理大學保健營養系今年因遭逢新冠疫情肆虐全台在保護營養系實習生安全及兼顧同學取得營養師專技高考資格的雙重前提下除與營養學會、營養師公會視訊會議外同時與實習醫院共同商定「因應新冠肺炎（COVID-19</t>
  </si>
  <si>
    <t>營養因應共同商定會議實習醫院公會學會營養師前提師專取得今年同學實習生遭逢保護疫情全台肆虐保健資格</t>
  </si>
  <si>
    <t>嘉南藥理大學保健營養系今年因遭逢新冠疫情肆虐全台在保護營養系實習生安全及兼顧同學取得營養師專技高考資格的雙重前提下除與營養學會、營養師公會視訊會議外同時與實習醫院共同商定「因應新冠肺炎（COVID-19）疫情營養科系實習學生訓練計畫」將彈性調整實習截止日期到111年4月30日並且協調實習醫院與實習生完成PCR檢測、疫苗施打等程式克服因疫情而來的不便目前已有63位學生開始到醫院實體實習。
該校表示新冠肺炎（COVID-19）疫情不只衝擊各行各業也為各類國家考試帶來變數尤其對營養師、藥師、社工師等必須完成專業實習才能參加國家證照考試科別更是雪上加霜不只國考延期實習規劃也可能被迫取消。
嘉藥保營系自三級警戒升級以來便密切觀察以進行滾動式調整並在營養學會主辦的視訊會議建議將營養系的實習生比照醫學、牙醫實習生列入第一類醫事執業人員實習生優先施打疫苗再將決議函送教育部及衛生福利部並獲得政府各部會良善的回覆。
該系系主任孫芳明表示自去年（109年度）實習起就持續與院方針對疫情狀況進行討論很幸運109年度實習生能照常實習但110年度實習同學們必須在承受新冠肺炎（COVID-19）蔓延的壓力下完成醫院實習；但校方很有信心相信在壓力下該系學生不但能成長得更好也能提早養成醫事執業人員應有的專業素養。</t>
  </si>
  <si>
    <t>實習營養實習生疫情醫院學生完成年度進行調整營養師肺炎covid-考試國家施打同學表示必須疫苗</t>
  </si>
  <si>
    <t>營養師肺炎醫院實習嘉藥</t>
  </si>
  <si>
    <t>肺炎實習醫院營養師</t>
  </si>
  <si>
    <t>嚴重新高不良事件疫苗az血栓</t>
  </si>
  <si>
    <t>AZ疫苗3月22日開打昨國內新增14例疑似嚴重不良事件另有1例從非嚴重不良事件改列疑似嚴重不良事件合計有15例創下新高。發言人莊人祥表示15名疑似嚴重不良事件中有3人疑似血栓年齡分別是20幾歲、30幾歲</t>
  </si>
  <si>
    <t>嚴重事件不良國內新增發言人莊人祥創下表示合計血栓年齡疫苗分別az</t>
  </si>
  <si>
    <t>AZ疫苗3月22日開打昨國內新增14例疑似嚴重不良事件另有1例從非嚴重不良事件改列疑似嚴重不良事件合計有15例創下新高。發言人莊人祥表示15名疑似嚴重不良事件中有3人疑似血栓年齡分別是20幾歲、30幾歲、50幾歲。
9日國內新增通報14例疑似疫苗接種後嚴重不良事件第1例個案接種後7日發生左臉麻痺且無法閉眼就醫後疑似左側顏面神經麻痺門診追蹤中；第2例個案接種後2天開始發生左耳腫脹感並有耳鳴等不適就醫後疑似左耳聽力變差門診追蹤中。
第3例個案接種後10天發燒與全身不適就醫後發現肝功能異常與肌酸磷化酵素升高住院診治中；第4例個案為接種後7天發生血便住院而通報目前已出院。
第5例個案接種後4天發生血壓高與左側肢體麻木及無力感就醫後住院評估檢查腦部影像學無特殊發現住院一日後出院持續追蹤中；第6例接種後12天因左眼中心有黑影而就醫疑似左眼黃斑部水腫持續門診追蹤中。
第7例個案接種後8日因腹痛至急診就醫抽血檢驗發現D-dimer異常但血小板數正常後續四肢出現紅疹接種後9日再就醫疑似為尋 麻疹但抽血檢驗仍發現D-dimer異常血小板正常住院診治中；第8例為接種後隔日 有胸悶、喘、腹瀉和頭痛症狀後續症狀改善但接種後6日仍有胸悶、喘以及出現 視力模糊情形而就醫檢查初步排除血栓持續門診追蹤中。
第9例為接種後4天因左 腿疼痛至急診就醫後續又因左腿開始紅腫疼痛接種後7日再就醫診斷疑似為左側股靜脈栓塞持續門診追蹤中；第10例為接種後3天因胸悶、喘及心跳快而就醫後續因心悸、喘而在接種後8天至急診就醫目前心臟科門診追蹤中。
第11例為接種後3天因發燒、腹痛而就醫後續因持續發燒、肌肉無力而在接種後8天至急診就醫初步檢查CxR疑似有肺炎COVID-19檢驗陰性目前住院診治中；第12例為接種後隔天 有發燒、雙手腳無力、頭暈、嘔吐症狀接種後2天就醫目前雙腳無力情形已改善 持續追蹤關懷。
第13例為接種後隔天有體溫偏高、頭暈、全身痠痛、喘、起身無力症狀接種後4天因右腳踝腫大會痛且有瘀血情形而於次日就醫血小板與D-dimer檢驗正常目前門診追蹤；第14例為接種後當天出現腹瀉症狀後續於接種後1到5天陸續出 現發燒、注射部位疼痛及紅腫、胸前與四肢出現大片紅疹癢、喉頭水腫且吞嚥困難 而於接種後6天至急診就醫疑似過敏反應收治住院觀察2天目前已出院紅疹已全部消退無不適症狀。
第15例為從非嚴重不良事件改列疑似嚴重不良事件的個案5月19日接種後當天四肢與腹部出現紅疹、癢併有畏寒、疼痛症狀而至診所就醫後續於接種後15到20天陸續出現左腳水腫、腫脹、癢且有瘀斑而於接種後22天至急診就醫初步診斷疑似左側下肢其他特定深部靜脈栓塞及血栓持續追蹤關懷中。</t>
  </si>
  <si>
    <t>就醫接種住院症狀後續目前出現急診追蹤持續門診疼痛紅疹發燒發現無力個案水腫檢驗發生</t>
  </si>
  <si>
    <t>AZ疫苗接種就醫嚴重不良事件門診</t>
  </si>
  <si>
    <t>就醫嚴重接種不良疫苗事件az門診</t>
  </si>
  <si>
    <t>學姊韌帶心疼護理神經醫院雙和</t>
  </si>
  <si>
    <t>救人者反被砍！確診新冠肺炎的62歲洪姓男子昨疑因不滿遭隔離入住新北市雙和醫院負壓病房竟持水果刀砍傷3名護理師警方獲報著隔離衣趕往醫院將他壓制上銬同時在病房完成筆錄但學姊卻在臉書中爆料其中一名</t>
  </si>
  <si>
    <t>病房隔離醫院學姊筆錄洪姓肺炎完成男子不滿護理水果刀警方壓制</t>
  </si>
  <si>
    <t>救人者反被砍！確診新冠肺炎的62歲洪姓男子昨疑因不滿遭隔離入住新北市雙和醫院負壓病房竟持水果刀砍傷3名護理師警方獲報著隔離衣趕往醫院將他壓制上銬同時在病房完成筆錄但學姊卻在臉書中爆料其中一名護理師神經、韌帶都被砍斷「右手就這樣被一個垃圾毀了！」
洪男上月28日被衛生局通知確診入住雙和醫院11樓負壓病房昨上午7時許突然情緒失控怒喊：「不願意被隔離！」接著拿出入住時即攜帶的水果刀揮舞並砍傷3名護理師。
中和警分局錦和派出所獲報出動6名警員穿著隔離衣趕往喝令洪放下水果刀並上銬逮捕23歲施姓護理師腹部穿刺傷、25歲陳姓護理師胸部及右手刀傷、27歲蔡姓護理師肚皮刀傷以施姓護理師傷勢較重需開刀治療所幸均無生命危險。
有自稱為護理師的學姊卻在臉書「靠北護理師」留言說新聞不會告訴你們的事一人神經、韌帶被砍斷、一人氣胸、一人腹部受傷現在不只防病毒還要防病人。
學姊心疼留言說才剛畢業工作沒幾年20多歲「右手就這樣被一個垃圾毀了！」學妹辛苦了。
雙和醫院表示關於傳出護理師確診等都是假訊息有2名護理師傷勢較為嚴重由於涉及護理師個人隱私不方便多做表示目前手術開刀狀況良好感謝各界關心。
雙和醫院重申身為新北市防疫隔離醫院堅守肩負收治重症後送病人的責任與全國醫護共同站在防疫第一線守護民眾健康安全。對於醫療暴力滋事絕不寬貸確保醫護人員安全。</t>
  </si>
  <si>
    <t>護理醫院隔離確診入住學姊病房水果刀右手防疫開刀安全表示言說腹部傷勢</t>
  </si>
  <si>
    <t>護理師雙和醫院新冠肺炎韌帶神經</t>
  </si>
  <si>
    <t>醫院雙和肺炎韌帶護理神經</t>
  </si>
  <si>
    <t>疫情坦言各縣市桃園陳時中</t>
  </si>
  <si>
    <t>衛福部長陳時中24日到桃園參加桃園市政府的防疫會議盛讚桃園很多措施都已到位但提到公佈確診個案戶籍地他直言慢慢的每個縣市都會有也不認為疫情都會集中在北部反問：「還沒完全結案誰又知道呢？」重點在避</t>
  </si>
  <si>
    <t>桃園結案完全反問北部集中都會措施疫情認為參加到位確診提到個案戶籍地公佈直言慢慢</t>
  </si>
  <si>
    <t>衛福部長陳時中24日到桃園參加桃園市政府的防疫會議盛讚桃園很多措施都已到位但提到公佈確診個案戶籍地他直言慢慢的每個縣市都會有也不認為疫情都會集中在北部反問：「還沒完全結案誰又知道呢？」重點在避免醫療體系崩盤。
面對個案戶籍地圖上線陳時中也澄清其實「法定傳染病確定病例數地理分佈圖」一直都在登革熱時期甚至公佈到「裡」這次「全國嚴重特殊傳染性肺炎本土病例及境外移入病例地理分佈」把裡拿掉。他解釋日前有人透過「傳染病統計資料查詢系統」公佈疫情資訊疾管署覺得很緊張就撤除了「我是覺得沒必要本來有的資訊就留在這個地方！」
陳時中強調他沒有刻意點名哪個縣市就是要避免引發恐慌強調資訊公開是要對防疫有幫助的而不是引發恐慌他也不諱言從國外的例子可以看到：「其實慢慢每個縣市都會有！」重點是要避免醫療體系崩掉每一個地方會崩掉都是從醫療體系先崩盤以前SARS的經驗就是這樣他也不認為目前北部「紅通通一片」是疫情重中之重強調還沒完全結案都很難說「誰會知道像遠在歐洲一兩天就多逾百個確診病例！」要盡力而為。
陳時中也提到鑽石公主號從日本回來的乘客都經過二採陰目前在集中檢疫所安置完成大家的心情看起來都還好他也鼓勵再忍耐不到14天對他們和社會都好他坦言鑽石公主號乘客包機返台的檢驗規格比較高雙採陰是因為公主號裡面有很多沒有辦法掌握的情況所以格外把規格拉高一點讓他們自己也安心、社會也安心也辛苦他們了。
陳時中表示看到桃園市政府積極作為感到很心安很多中央希望地方做的事情都已到位希望中央跟地方能夠合作更密切防疫工作才有可能做好呼籲大家居家檢疫、居家隔離、甚或是病人都不是我們的敵人「我們的敵人不是人、我們的敵人是病毒！」唯有合作才會成功對立就會失敗。
陳時中也讚桃園跟民間團體合作動員守望相助隊幫忙藥局坦言實名制讓民眾「無法充分自由購買」引發壓力大家都在承擔藥局是第一線呼籲多體諒他也笑言「桃園三包」健康強健食補包、居家安心消毒包、以及減壓紓食包很貼心「不過零食包要撙節使用不然會像市長一樣越來越胖！」</t>
  </si>
  <si>
    <t>桃園病例地方合作時中公佈資訊防疫引發公主疫情強調居家避免傳染病體系</t>
  </si>
  <si>
    <t>日產防疫加入酒廠宜蘭</t>
  </si>
  <si>
    <t>台灣菸酒公司投入防疫用酒精生產行列朝每日產能20萬瓶目標邁進宜蘭酒廠為此停掉其他產品生產線明天開始生產預計可日產42萬瓶今天（16日）酒廠開賣不到1小時就賣完酒精但早起排隊的民眾大約5分鐘就能</t>
  </si>
  <si>
    <t>酒精生產酒廠防疫排隊行列生產線明天產能開始為此產品邁進預計宜蘭目標今天日產投入民眾早起</t>
  </si>
  <si>
    <t>台灣菸酒公司投入防疫用酒精生產行列朝每日產能20萬瓶目標邁進宜蘭酒廠為此停掉其他產品生產線明天開始生產預計可日產42萬瓶今天（16日）酒廠開賣不到1小時就賣完酒精但早起排隊的民眾大約5分鐘就能購買讓民眾笑說：「比買口罩方便多了！」
宜蘭酒廠今天所賣的酒精來源是屏東酒廠有864瓶一早就有不少人排隊酒廠結帳區就有2人負責民眾付帳後再以發票為憑取酒精酒廠投入人力賣酒精縮短民眾購買時間。宜蘭酒廠賣的是已調製好的75％酒精容量是600ml每瓶75元每人限購1瓶。
宜蘭酒廠投入生產後預計每天能生產42萬瓶防疫用酒精但生產後的酒精是由總公司控管分配並非生產的酒精全部由宜蘭酒廠販售。
為了加緊生產速度防疫用酒精有採回收瓶分裝酒廠透露考量民眾防疫急需採購酒瓶會影響生產速度因此以現有的回收瓶分裝酒精回收瓶用完後退瓶價是2元。</t>
  </si>
  <si>
    <t>酒精酒廠生產民眾防疫宜蘭投入回收速度今天排隊預計購買分裝生產線明天產品開始</t>
  </si>
  <si>
    <t>退讓哀嚎陳柏惟</t>
  </si>
  <si>
    <t>新冠肺炎疫情持續延燒大甲鎮瀾宮媽祖遶境是否如期舉行引發議論基進黨立委陳柏惟表示鎮瀾宮將取消1300桌「起駕宴」直言「這是主辦與防疫單位充分溝通的結果」。不過大批網友認為還是要延期舉辦遶境相信</t>
  </si>
  <si>
    <t>持續大甲鎮延期網友結果充分單位溝通防疫主辦認為直言疫情取消媽祖宮將議論</t>
  </si>
  <si>
    <t>新冠肺炎疫情持續延燒大甲鎮瀾宮媽祖遶境是否如期舉行引發議論基進黨立委陳柏惟表示鎮瀾宮將取消1300桌「起駕宴」直言「這是主辦與防疫單位充分溝通的結果」。不過大批網友認為還是要延期舉辦遶境相信媽祖一定會體諒的。
新冠肺炎疫情延燒全台而宗教盛事「大甲媽祖繞境」預計將在下個月19號開始然外界擔心如此高人數的群聚活動恐成為防疫缺口認為需為民眾安全考慮停辦與否。大甲鎮董事長顏清標表示會再與南部各宮廟協商後在26日舉行記者會對外說明。
媽祖遶境是否會延期還不得而知。不過媽祖遶境前的起駕宴確定停辦。陳柏惟昨在臉書爆料「快訊起駕宴1300桌停辦」他想「這是主辦與防疫單位充分溝通的結果」。
但是大批網友認為停辦起駕宴不是重點重點是大甲媽祖遶境應該要延期才是。網友灌爆陳柏惟臉書表示「應該是整個活動徹底延期辦理」、「只是起駕宴啊！重點是繞境活動啊」、「看看韓國很怕台灣也因為宗教而防疫破功」、「香港也是佛堂傳染支持暫緩宗教活動」、「希望取消媽祖遶境！我相信媽祖娘娘會體諒大家也會保佑台灣的」！</t>
  </si>
  <si>
    <t>媽祖活動停辦防疫宗教表示延期認為陳柏惟大甲鎮網友取消是否體諒應該臺灣</t>
  </si>
  <si>
    <t>起駕陳柏惟媽祖遶境新冠肺炎武漢肺炎</t>
  </si>
  <si>
    <t>媽祖肺炎陳柏惟武漢</t>
  </si>
  <si>
    <t>工作開學鬆懈防疫補習班備用口罩</t>
  </si>
  <si>
    <t>教育部為因應嚴重特殊傳染性肺炎疫情統一配發一般醫用口罩予各縣市供短期補習班及課照中心使用。台中市目前獲配發2660盒一般醫用口罩並將依教育部所定發放原則一班一盒進行發放。台中市政府教育局與疫情指揮中心</t>
  </si>
  <si>
    <t>疫情配發一般口罩教育部中心發放台中市政府傳染性肺炎使用補習班台中統一各縣市目前特殊班一教育局進行原則</t>
  </si>
  <si>
    <t>教育部為因應嚴重特殊傳染性肺炎疫情統一配發一般醫用口罩予各縣市供短期補習班及課照中心使用。台中市目前獲配發2660盒一般醫用口罩並將依教育部所定發放原則一班一盒進行發放。台中市政府教育局與疫情指揮中心提醒各補習班及課照中心妥善運用防疫物資。-
台中市政府表示全市補習班及課照中心家數3000餘家依目前獲配數量仍不足每家一盒；依教育部配發原則以招收對象為國小、國中、高中學生的補習班為優先發放對象並於20日於陽明大樓5樓大禮堂進行第一階段的發放。相關內容已公告於教育局(https：／／wwwtcedutw／)及短期補習班資訊管理系統網站／臺中市／政府相關公告 (https：／／bsbkhedutw)。
教育局指出為能即時、周延與順利將物資發放給補習班、課照中心日前已邀集台中市補習教育暨品保協會理事長楊佳叡、台中市補習班品保協會理事長陳協鴻及台中市輔助教育協會理事長林育椿等商談細節3位理事長表持續支持並提醒各補習班及課照中心妥善運用防疫物資。
教育局強調本次配發的防疫備用口罩係屬緊急支援之防疫備用物資其運用以提供臨時性發現學生出現發燒、咳嗽、喉嚨痛、呼吸急促等不適或緊急狀況者配戴並應請學生就醫返家休息；並請各補習班及課照中心持續配合進行防疫作業。</t>
  </si>
  <si>
    <t>補習班發放教育局中心台中配發物資防疫口罩進行教育部理事長學生疫情運用台中市政府相關協會物件tw持續一般公告</t>
  </si>
  <si>
    <t>補習班防疫中心台中市口罩</t>
  </si>
  <si>
    <t>中心防疫台中口罩補習班</t>
  </si>
  <si>
    <t>考古工作者管新冠直擊秦陵兵馬俑直播</t>
  </si>
  <si>
    <t>《雲遊兵馬俑》考古工作者發掘三座兵馬俑坑秦國「銳士」作戰使用哪些武器？秦陵考古二號坑出土「高科技」兵種雲集！帶您近距離直擊！</t>
  </si>
  <si>
    <t>兵馬雲集俑坑兵種秦國高科技出土銳士作戰考古使用武器秦陵發掘考古工作者兵馬俑距離雲遊直擊</t>
  </si>
  <si>
    <t>直擊兵馬俑秦陵考古工作者新冠肺炎</t>
  </si>
  <si>
    <t>考古工作者秦陵兵馬俑直擊肺炎</t>
  </si>
  <si>
    <t>銷量保險</t>
  </si>
  <si>
    <t>就連保險套都出現缺貨潮！受到新冠肺炎影響台灣曾出現搶購衛生紙、口罩等物資的狀況沒想到由於全球最大的保險套生產商停產造成保險套在某些國家、地區成為了被瘋搶的物資。根據陸媒《每日經濟新聞》報導全球</t>
  </si>
  <si>
    <t>保險物資出現全球缺貨陸媒受到國家肺炎地區成為影響臺灣搶購狀況衛生紙口罩想到經濟造成停產</t>
  </si>
  <si>
    <t>保險停產進口蘇寧國際物資受到出現疫情影響短缺消費者當天銷售全球資料顯示生產商衛生紙口罩缺貨</t>
  </si>
  <si>
    <t>新冠肺炎武漢肺炎COVID-19新型冠狀病毒杜蕾斯</t>
  </si>
  <si>
    <t>肺炎武漢covid-病毒冠狀杜蕾斯</t>
  </si>
  <si>
    <t>實況崩潰鬆懈全靠防疫良心臺灣</t>
  </si>
  <si>
    <t>台灣新冠肺炎疫情趨緩防疫措施曾獲多國肯定不過一位剛從英國返台的網友發文表示就他自己所見台灣現在防疫超鬆懈！下機只量體溫、防疫專車的司機也沒照標準程式做居家檢疫回報全憑良心想自費篩檢還難符</t>
  </si>
  <si>
    <t>防疫臺灣自費良心全憑回報檢疫居家程式標準疫情肯定英國返台措施司機網友專車發文</t>
  </si>
  <si>
    <t>台灣新冠肺炎疫情趨緩防疫措施曾獲多國肯定不過一位剛從英國返台的網友發文表示就他自己所見台灣現在防疫超鬆懈！下機只量體溫、防疫專車的司機也沒照標準程式做居家檢疫回報全憑良心想自費篩檢還難符資格引發熱議。
網友在PTT上發文表示我就是海龜也不怕你們罵！之前因為疫情嚴重隔了3個月才從英國搭飛機回台灣。他一直覺得自己不是無症狀就是有可能早得過新冠肺炎而他想說回來後可以被篩檢結果並沒有！
原PO表示先不說那個確診的日本女學生就他看到的狀況來講之前有班機時幾乎每班都有好幾個確診而這次滯留英國的人擠滿一台飛機回來就他的看法和某些台灣人的習慣這台飛機不太可能大家都沒事。
原PO指出抵台後以為會有嚴格的檢查結果出關下機幾乎都沒人管僅簡單地量體溫如此若有人吃退燒藥恐怕也無從得知。而防疫專車根本就普通小客車司機超隨便路上還問「是否要在休息區上廁所」雖然也有朋友說他搭到的很專業。
原PO接著說居家檢疫回報資料是自己填你亂填恐怕也沒人知道！對14天後都無症狀的人而言他恐怕還是不知道自己有病也不知道有無傳染給別人。而自費篩檢的條件基本上大家都不符資格啦！奉勸大家外出還是要好好戴口罩。
貼文引發網友討論「其實台灣真的靠良心防疫」、「台灣人神功護體」、「你發這篇害我今天晚上怕到睡不著」、「佛系防疫你敢嘴」、「這太扯啦 海龜 政府沒介入強制篩檢？」、「沒辦法人性啊！鬆懈了」。</t>
  </si>
  <si>
    <t>防疫臺灣po英國網友表示飛機恐怕資格海龜之前知道疫情良心</t>
  </si>
  <si>
    <t>台灣防疫鬆懈崩潰實況</t>
  </si>
  <si>
    <t>臺灣鬆懈防疫實況崩潰</t>
  </si>
  <si>
    <t>希臘高中生確診風向</t>
  </si>
  <si>
    <t>北市高中生遊希臘後回國確診新冠肺炎由於這名高中生是1月與家人同遊希臘3月5日才返台確診消息傳開後飽受輿論抨擊「爽玩歐洲兩個月」。不過有知情人士用時間軸揭高中生染病始末怒嗆「案59」原本就是安排3月5</t>
  </si>
  <si>
    <t>高中生確診希臘始末染病歐洲時間人士知情抨擊輿論飽受傳開消息家人返台原本肺炎</t>
  </si>
  <si>
    <t>北市高中生遊希臘後回國確診新冠肺炎由於這名高中生是1月與家人同遊希臘3月5日才返台確診消息傳開後飽受輿論抨擊「爽玩歐洲兩個月」。不過有知情人士用時間軸揭高中生染病始末怒嗆「案59」原本就是安排3月5日回國並非因延後開學才玩這麼久希望大家不要再亂罵、誤會他獲得有不少人附和認為留言詛咒他的人真的太過了相關議題在網路上發酵也讓網友驚訝「風向變了」。
確診高中生不但被網友瘋狂肉搜還有護理師怒嗆不准用健保「案59」的親友陸續站出來為他抱屈認為他去的時間點在1月當時歐洲根本還沒什麼疫情也沒有旅遊警示是合法出國當事人回國時並沒有症狀回國後海關也說不用自主管理希望網友先搞清楚再發言。
高中生的親友並附上「案59」旅遊時間軸說明如下：
出國-1月中旬
回國-3月5日
希臘旅遊警示-3月11日
出現症狀-3月12日
就醫檢查-3月13日
確診-3月15日
親友說明後獲得部分網友認同紛紛回應「一群人搞不清楚3月11日希臘才被列為一級」、「留言詛咒真的太病態了」、「大家都不是預言家嘴這個根本事後諸葛」、「民粹真可怕霸淩到什麼髒話都出來了」。</t>
  </si>
  <si>
    <t>高中生網友回國確診時間親友希臘旅遊根本希望獲得認為歐洲沒有留言</t>
  </si>
  <si>
    <t>高中生確診確診案59旅遊警示希臘</t>
  </si>
  <si>
    <t>旅遊確診警示希臘高中生</t>
  </si>
  <si>
    <t>居家隔離修法嚇</t>
  </si>
  <si>
    <t>隨著全球新冠肺炎疫情的擴大台灣的防疫措施也不斷強化。其中對可能受感染卻仍在潛伏期者分別有居家檢疫與居家隔離的措施以避免疫情擴散。但近日陸續傳出有隔離者趴趴走或失聯的狀況對違反者的處罰是否有效、</t>
  </si>
  <si>
    <t>疫情措施隔離違反肺炎狀況居家擴大臺灣防疫不斷強化感染可能潛伏期傳出避免陸續擴散近日</t>
  </si>
  <si>
    <t>隨著全球新冠肺炎疫情的擴大台灣的防疫措施也不斷強化。其中對可能受感染卻仍在潛伏期者分別有居家檢疫與居家隔離的措施以避免疫情擴散。但近日陸續傳出有隔離者趴趴走或失聯的狀況對違反者的處罰是否有效、執行過程是否有漏洞等在疫情緊張的此刻應盡快檢討。
因為中國大陸、香港、澳門已被列為新冠肺炎感染區因此從此三地回台的民眾中央流行疫情指揮中心依據《傳染病防治法》要求須進行14天的居家檢疫；而如果是與新冠肺炎的確診者有所接觸則須進行居家隔離14天。至於違反居家檢疫、居家隔離者分別可處1萬到15萬元、6萬到30萬元的罰鍰如此的法律效果似乎不重。尤其隔離者一旦外出接觸的場所與人數不知凡幾其所可能帶來的風險極高難道不能處以更重的刑罰嗎？
依《傳染病防治法》第62條確實有針對不遵行指示散佈傳染病可處3年以下有期徒刑的明文但於客觀上須有傳染他人的結果、主觀上也須明知有傳染病才足以成罪。而受居家隔離者就算外出趴趴走因處潛伏期間如何證明有傳染給他人的事實這本身就有困難；就算能證明因果關係但因尚未有病癥要說明本人知有傳染病也有困難致使此刑罰規定僅具宣示意義。
也因此要靠事後的處罰來落實居家檢疫與隔離既無嚇阻效果也顯得緩不濟急所以採取集中檢疫與管理似乎是最有效的方式。但此等措施涉及人身自由的限制必然是在不得已的情況才能採行況且目前隔離人數恐已有數千人要找尋隔離場所有很大的困難更遑論集體隔離地點很容易引來附近民眾的抗議。
以上的困境加上考量人力監視資源的有限性對居家檢疫、隔離者採行電子監控更具有實際效果。只不過現行採取提供隔離者具有衛星定位的手機因無法強制隔離者隨身攜帶必然出現監控的漏洞。至於回報身體狀況又有道德風險存在凸顯低密度的電子監控最終還是得依賴人為的查證。
為解決此問題政府可考慮對居家檢疫與隔離者強制配戴有GPS定位的電子手環就可為全天候的監控。但因此種方式已與對犯罪者或刑事被告的電子監控相當在隔離者並非觸法者的情況下實有人權侵害的疑慮。因此若疫情指揮中心決定要採行高密度的電子監控在目前無法律明確授權的情況下應該修法解決。
基於防疫工作的複雜與變異性於法制上確實必須給主管機關相當大的裁量空間卻也必須兼顧法律的明確及實效性。立法院在開議後應檢視防疫的需要盡快通盤檢討《傳染病防治法》進行相關修法以維護國人健康。
（作者為真理大學法律系所副教授兼刑事法研究中心主任）</t>
  </si>
  <si>
    <t>隔離傳染病居家檢疫疫情監控電子法律防疫情況防治法措施困難中心肺炎採行民眾</t>
  </si>
  <si>
    <t>電子監控居家隔離肺炎檢疫傳染病</t>
  </si>
  <si>
    <t>居家肺炎隔離監控檢疫電子傳染病</t>
  </si>
  <si>
    <t>社區肺炎確診消毒管理員通知住家住戶makiyo</t>
  </si>
  <si>
    <t>新冠肺炎疫情延燒今天（2日）新增549名本土確診案例、12例死亡疫情不見趨緩跡象也讓民眾人心惶惶藝人Makiyo（川島茉樹代）就透露居住的社區管理員驚傳確診目前正在進行隔離但誇張的是沒有任何人通知住戶</t>
  </si>
  <si>
    <t>確診疫情誇張隔離進行正在目前今天居住makiyo透露藝人人心惶惶民眾管理員新增社區</t>
  </si>
  <si>
    <t>新冠肺炎疫情延燒今天（2日）新增549名本土確診案例、12例死亡疫情不見趨緩跡象也讓民眾人心惶惶藝人Makiyo（川島茉樹代）就透露居住的社區管理員驚傳確診目前正在進行隔離但誇張的是沒有任何人通知住戶此事。
根據《三立新聞網》報導Makiyo居住的社區管理員上個月確診新冠肺炎目前正在隔離中她透露得知此事相當驚訝因為管理室位於地下一樓自己則住在1樓由於距離相當近讓她得知狀況後相當驚恐當下詢問社區總幹事對方才坦言已通報衛生署確診管理員也被集中隔離但不解的是事發至今社區不僅沒派人消毒也沒有跟住戶公告此事接著不滿表示：「本來有公告後來就被拿掉了完全沒有人來教我們做什麼措施」。
Makiyo表示由於大樓住戶頗多加上地下一樓管理室跟好幾棟房子相通此外住戶都是老人家社區又離國防部相當近週遭也有相當多國軍弟兄讓她擔憂有感染風險接著強調自己這個月雖然都沒去管理室不過近來已待在家裡進行自主管理目前身體暫無不舒服的狀況。
好友小Ｓ聽聞Makiyo因為社區管理員確診正在做居家隔離不忘提醒對方不僅不要出門也不要過度驚慌更強調家裡一定要隨時進行消毒相信該做的防疫措施都做好一定會沒事但還是不改搞笑性格直呼：「我就不去看她了」。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社區確診相當makiyo隔離管理員防疫進行沒有住戶目前管理室肺炎通報務必身體疫情</t>
  </si>
  <si>
    <t>Makiyo新冠肺炎社區管理員確診</t>
  </si>
  <si>
    <t>肺炎社區管理員確診makiyo</t>
  </si>
  <si>
    <t>發燒確診老翁機構縣長</t>
  </si>
  <si>
    <t>新竹縣11日再增加一名確診者為新竹台大分院生醫醫院竹東院區附設護理之家90多歲男性住民10日因發燒採檢確診先前5度採檢均為陰性新竹縣衛生局匡列33名接觸者並擴大採檢75人其中66為陰性9人結果尚未出爐</t>
  </si>
  <si>
    <t>新竹陰性確診院區附設竹東醫院護理男性分院發燒擴大衛生局匡列接觸增加先前結果</t>
  </si>
  <si>
    <t>新竹縣11日再增加一名確診者為新竹台大分院生醫醫院竹東院區附設護理之家90多歲男性住民10日因發燒採檢確診先前5度採檢均為陰性新竹縣衛生局匡列33名接觸者並擴大採檢75人其中66為陰性9人結果尚未出爐這也是該機構在6月29日後再度新增確診者。
新竹縣原先已連續5天「嘉玲」新增確診個案為案153485月初就醫後轉入護理之家居住家屬自聘一名看護看顧該機構自6月10日出現首例確診者案15348被匡列為接觸者採取1人1室隔離並於6月10、17、23日3度採檢為陰。
該案23日解除隔離轉自主健康管理6月29日期滿採檢仍為陰性並轉回機構住房由自聘看護照顧到7月7日第5度採檢仍為陰性未料10日發燒採檢確診。
睽違11天再爆確診者新竹縣衛生局及醫院均不敢大意匡列75人採檢、接觸者包含照服員、助理人員、行政等33人匡列案15348的自聘看護被列為居家隔離者。至於感染源新竹縣衛生局表示仍待釐清。
★《中時新聞網》提醒您：因應新冠肺炎疫情疾管署持續加強疫情監測與邊境管制措施 如有疑似症狀請撥打：1922專線或0800-001922並依指示配戴口罩儘速就醫同時主動告知醫師旅遊史及接觸史以利及時診斷及通報。</t>
  </si>
  <si>
    <t>確診新竹接觸陰性機構匡列隔離看護就醫衛生局護理疫情醫院新增列為發燒監測邊境管制</t>
  </si>
  <si>
    <t>陰性採檢新竹縣長照中心匡列</t>
  </si>
  <si>
    <t>新竹中心匡列陰性</t>
  </si>
  <si>
    <t>起源病毒發言人爭辯臺灣美中</t>
  </si>
  <si>
    <t>新冠肺炎起源引起美中外交系統發言人隔空交火美國國務院發言人歐塔加斯（Morgan Ortagus）推文指出台灣去年12月早已警示世衛組織（WHO）並批評中國試圖掩蓋疫情。我外交部發言人歐江安證實自疫情爆發以來</t>
  </si>
  <si>
    <t>發言人疫情引起美中外交系統外交部歐塔掩蓋中國起源加斯批評who世衛組織警示早已去年臺灣指出試圖morganortagus江安證實</t>
  </si>
  <si>
    <t>新冠肺炎起源引起美中外交系統發言人隔空交火美國國務院發言人歐塔加斯（Morgan Ortagus）推文指出台灣去年12月早已警示世衛組織（WHO）並批評中國試圖掩蓋疫情。我外交部發言人歐江安證實自疫情爆發以來台灣即與各方專家進行討論並曾緊急向中國疾病控制中心查證疫情狀況並同步透過「國際衛生條例」(IHR)機制通報「世界衛生組織」(WHO)。
歐江安說我國在12月31日立即針對從武漢直航入境班機進行「登機檢疫」制度同日啟動邊境檢疫應變措施強化入境旅客的發燒篩檢。我國的各項疫情防治措施一開始即是以冠狀病毒會「人傳人」的角度進行整備及超前部署。
歐江安指出台灣在全政府指揮體系建立、醫療體系動員、疫情調查、醫療物資管理、資訊科技運用、有效隔離、超前部署、公衛宣導等防疫作為不僅有效防堵武漢肺炎疫情的擴散也受到國際社會的高度肯定。
我國政府感謝美國及其他理念相近國家支持台灣國際參與。台灣身為國際社會負責任的一員有能力、也有意願與國際社會攜手合作共同防止武漢肺炎疫情擴散與國際社會成員共同為全人類的健康與安全貢獻心力。
外交部國組司司長陳龍錦則表示我國疾管署當時透過IHR窗口電郵通報WHO對方僅回應「收到了」、「會轉給專家處理」但據我方瞭解WHO之後似乎並未將相關訊息公佈在內部網站。</t>
  </si>
  <si>
    <t>疫情國際who臺灣我國社會進行發言人武漢江安肺炎措施專家外交部中國政府有效入境透過超前指出部署ihr通報共同檢疫</t>
  </si>
  <si>
    <t>台灣疫情國際發言人肺炎</t>
  </si>
  <si>
    <t>國際臺灣疫情肺炎發言人</t>
  </si>
  <si>
    <t>《其他股》營運後市不看淡中租回神走揚</t>
  </si>
  <si>
    <t>看淡回神後市營運</t>
  </si>
  <si>
    <t>中租-KY（5871）雖受中國大陸銷貨業務認列準則變更影響2020年1月合併營收仍改寫同期新高。投顧法人認為中租獲利能力良好新冠肺炎疫情對營運影響應屬短期近期回落為良好進場時機。中租今（17）日股價開高走揚</t>
  </si>
  <si>
    <t>影響良好銷貨業務大陸中國準則變更合併改寫時機同期進場股價認為近期應屬</t>
  </si>
  <si>
    <t>中租-KY（5871）雖受中國大陸銷貨業務認列準則變更影響2020年1月合併營收仍改寫同期新高。投顧法人認為中租獲利能力良好新冠肺炎疫情對營運影響應屬短期近期回落為良好進場時機。中租今（17）日股價開高走揚最高上漲239％至1285元。
受新冠肺炎疫情延燒影響市場憂心中國大陸市場趨弱將影響中租營運成長動能致使中租鼠年開紅盤以來股價欲振乏力近期於121～126元間盤整。三大法人近期偏空操作上周合計賣超3716張其中以外資賣超達3690張最多。
中租2020年1月自結合併營收4698億元月減2074％、降至近11月低點仍年增422％改寫同期新高。其中台灣及東協地區營收分別年增14％、30％中國大陸則因銷貨業務認列準則變更而下滑。
中租說明中國大陸貿易融資業務過去未考慮交貨遞延、報關失敗等風險今年從嚴認定、與客戶約定不承擔存貨風險使相關營收由總額法改為淨額法認列。若以交易總額推算中租1月自結合併營收為53億元年增18％中國大陸地區營收為年增19％。
中租旗下仲利國際在中國大陸擁有49個據點目前僅武漢分公司尚未復工、有待官方通知其他地區分公司均已陸續復工。公司表示春節後都是客戶資金最充裕時期因此往年2月向來為全年最淡月此次疫情後續影響程度目前仍在彙整評估中。
法人指出中租在中國大陸貿易融資業務收入過去以包括銷售成本及毛利的總額法認列。今年起改以不再承擔存貨風險的新業務模式營收改採僅計入毛利的淨額法認列使中國大陸1月營收年減11％但此會計認列準則的變更並不影響實際業績及獲利認列。
法人認為中租近期股價疲弱主要為反應市場對新冠肺炎疫情的擔憂。但依據SARS經驗認為對中租影響應屬短期主要影響將反應在上半年。預期即使信貸成本因此倍增中租仍能維持每股賺1股本能力看好近期股價回落為更好的進場時機點。</t>
  </si>
  <si>
    <t>影響中國大陸近期股價法人疫情業務風險地區總額復工客戶認為目前市場</t>
  </si>
  <si>
    <t>包機曝光現場照片深夜武漢任務謹慎白天才完成</t>
  </si>
  <si>
    <t>自武漢包機回台的專機今日（11日）清晨4時08分抵台由中華航空、東方航空分別載169人、192人抵台。中央流行疫情指揮中心公佈8張現場照片將專機抵台後所有的檢疫措施曝光在國人面前；交通部次長王國材也貼出現場</t>
  </si>
  <si>
    <t>專機現場交通部今日次長面前國人中華清晨航空曝光措施中心檢疫疫情公佈指揮台後照片王國材東方航空中央流行回台</t>
  </si>
  <si>
    <t>自武漢包機回台的專機今日（11日）清晨4時08分抵台由中華航空、東方航空分別載169人、192人抵台。中央流行疫情指揮中心公佈8張現場照片將專機抵台後所有的檢疫措施曝光在國人面前；交通部次長王國材也貼出現場照片「從深夜到白天二架專機任務完成！」
指揮中心表示兩架班機的旅客在上機前就必須以「發燒或具嚴重呼吸道症狀者無法上機」原則執行檢疫；班機抵台後361名乘客必須經過醫師進行健康評估均無須後送就醫已載送國內3處集中檢疫所進行14天隔離檢疫。
此次包機安排了4名醫生、9名護理師前往桃園機場也安排了10輛救護車、22輛遊覽車待命協助就醫或載往集中檢疫所。指揮中心醫療應變組組長薛瑞元、副組石崇良也身穿寫有「指揮官」、「副指揮官」的防護衣在現場全程指揮。
361名返台旅客將在48小時內完成採檢指揮中心表示將以「一人一室」為原則每人每日量測體溫兩次以便及時發現症狀後送就醫。檢疫所會提供口罩等相關防護裝備供檢疫者、工作同仁使用含包機361名在內的的所有集中檢疫者均不能外出且活動範圍以檢疫房間為主與附近居民不會有接觸請民眾放心。
更多 CTWANT 報導</t>
  </si>
  <si>
    <t>檢疫指揮中心專機集中現場檢疫所包機就醫必須症狀進行安排原則上機旅客班機台後照片完成</t>
  </si>
  <si>
    <t>新冠肺炎武漢肺炎新型冠狀病毒台灣武漢包機</t>
  </si>
  <si>
    <t>武漢肺炎冠狀病毒臺灣包機</t>
  </si>
  <si>
    <t>民進拖垮政府全台民意疫情</t>
  </si>
  <si>
    <t>新冠肺炎本土疫情延燒國民黨青年部主委陳冠安指出過半民眾認為這次疫情危機係屬人禍有關他並觀察網路社群討論發現綠營負面聲量大漲衛福部長陳時中成為負面聲量王疫情討論藍營吃香綠營吃鱉現在的蔡政</t>
  </si>
  <si>
    <t>疫情討論國民黨主委青年陳冠安指出民眾認為危機吃香人禍有關觀察陳時中網路成為藍營發現</t>
  </si>
  <si>
    <t>疫情憤怒討論陳時中心情成為民進陳冠安出現國民黨上升相當疫苗趨勢蔡英文可能政府</t>
  </si>
  <si>
    <t>新冠肺炎負面聲量蔡英文蘇貞昌陳冠安</t>
  </si>
  <si>
    <t>肺炎蔡英文蘇貞昌陳冠安</t>
  </si>
  <si>
    <t>告示牌美國寡婦音樂攪局無限期延期</t>
  </si>
  <si>
    <t>新冠肺炎衝擊全球影視產業繼好萊塢大片《007：生死交戰》、《花木蘭》、《玩命關頭9》等片紛紛延檔後由史嘉蕾喬韓森（Scarlett Johansson）主演的漫威電影《黑寡婦》台灣時間18日也宣佈延後上映原訂北美地區5</t>
  </si>
  <si>
    <t>宣佈全球產業時間好萊塢臺灣生死寡婦交戰電影花木蘭玩命關頭主演紛紛延後衝擊johanssonscarlett史嘉蕾</t>
  </si>
  <si>
    <t>新冠肺炎衝擊全球影視產業繼好萊塢大片《007：生死交戰》、《花木蘭》、《玩命關頭9》等片紛紛延檔後由史嘉蕾喬韓森（Scarlett Johansson）主演的漫威電影《黑寡婦》台灣時間18日也宣佈延後上映原訂北美地區5月1日上映台灣則4月30日上映目前新檔期未定靜觀其變預計6月上映的DC《神力女超人1984》也恐受波及電影發行的上半年可說是前途堪慮。
除了《神力女超人1984》之外還有《狗狗史酷比！》、《阿特米斯奇幻歷險》、《綠衣騎士》（暫譯The Green Knight）等大製作電影的檔期尚未更動未來動向頗受關注。另外同樣和《黑寡婦》在今天宣佈延後檔期的電影則為《逃出絕命鎮》團隊最新力作《顫役輪迴》、莎拉保羅森（Sarah Paulson）驚悚片《逃》、奪魂鋸系列《死亡漩渦：奪魂鋸新遊戲》、燒腦懸疑片《窺探》、《祕密花園》、《祕密：夢想的力量》及《狄更斯之塊肉餘生記》（暫譯The Personal History of David Copperfield）等7部原訂於4至5月上映的電影檔期推延。
除此之外繼日前紐約及洛杉磯宣佈關閉電影院後根據《Deadline》報導指出美國2大連鎖影城AMC與Regal自即日起皆宣佈停業其中AMC一共有630個據點、11萬個影廳目前停業6至12周；Regal則有542個據點、7155個影廳另外加上其他多家連鎖戲院品牌總計北美超過3000間戲院暫停營運重新營業的時間則待疫情局勢而定。
除了電影上映檔期異動一年一度的美國告示牌音樂獎頒獎典禮也宣告延期原定在4月29日於拉斯維加斯MGM飯店舉行。該獎項一直都是歐美音樂圈的一大盛會如今新冠肺炎病毒疫情大流行加上該地區接近疫情重災區加州因此主辦方在推特上發聲明宣佈取消目前活動尚未得知推遲至何時。</t>
  </si>
  <si>
    <t>電影上映宣佈目前疫情美國連鎖超人神力時間the加上尚未regal戲院原訂寡婦延後</t>
  </si>
  <si>
    <t>黑寡婦美國延期告示牌音樂獎新冠肺炎</t>
  </si>
  <si>
    <t>音樂告示牌延期美國寡婦肺炎</t>
  </si>
  <si>
    <t>爭議勞動局呼籲資方妥善處理星聚</t>
  </si>
  <si>
    <t>◎星聚點資遣費爭議 勞動局呼籲資方妥善處理對星聚點發生資遣費給付爭議勞動局局長陳信瑜說明星聚點有2家登記公司名稱各為星據點文創公司與星聚點壹號文創公司員工勞保投保人數分別為621人與85人。3月至4月有</t>
  </si>
  <si>
    <t>星聚公司爭議勞動局勞保名稱登記投保說明陳信瑜人數局長發生給付妥善處理呼籲資方員工文創據點分別</t>
  </si>
  <si>
    <t>◎星聚點資遣費爭議 勞動局呼籲資方妥善處理
對星聚點發生資遣費給付爭議勞動局局長陳信瑜說明星聚點有2家登記公司名稱各為星據點文創公司與星聚點壹號文創公司員工勞保投保人數分別為621人與85人。3月至4月有陸續資遣93人與14人尚無違反就業服務法資遣通報與大量解僱保護法規定。
◎新增1例境外移入 累計439人確診
零確診才高興一天中央流行疫情指揮中心今日公佈國內新增1例新冠肺炎境外移入病例其為一位30多歲女性於今年1月至英國工作於4月26日返國經二採才確診這名女性在住防疫旅館時確診為國內首位住防疫旅館確診案例。
◎督促錢櫃賠償 北市府8日說明會
林森錢櫃失火釀成悲劇臺北市政府法務局5日召開會議要求錢櫃公司預付罹難者家屬新台幣200萬元賠償金併加發目前仍在加護病房的傷者10萬元慰問金富邦產險公司也承諾將協力儘速賠償被害者及其家屬相關損失。
◎黃琪冒充林青霞助理 詐5星級飯店
騙個沒完！「騙扁小子」黃琪又被查出2017年間假冒知名影星林青霞的助理向澎湖5星級飯店要求升等優惠還涉嫌盜刷任姓網友及2名男友信用卡9萬餘元新北地檢署今（6日）依行使偽造私文書等罪嫌將黃琪起訴。</t>
  </si>
  <si>
    <t>公司黃琪星聚確診要求家屬賠償女性林青霞新增助理星級飯店國內境外勞動局爭議</t>
  </si>
  <si>
    <t>星聚點資遣費爭議勞動局黃琪</t>
  </si>
  <si>
    <t>爭議勞動局星聚黃琪</t>
  </si>
  <si>
    <t>孫子兵法成本對付刁民英國首相</t>
  </si>
  <si>
    <t>英國首相強森（Boris Johnson）日前一席「群體免疫」說震撼全球也引來各界批評。不過英國政府真的腦子進水？攝影藝術家久方武提出不同觀點他認為英國政府至少進行了3項神操作而「群體免疫」更是用了孫子兵法</t>
  </si>
  <si>
    <t>群體英國政府免疫johnson日前操作震撼項神藝術家攝影引來全球至少提出進行水?不同認為批評觀點腦子boris</t>
  </si>
  <si>
    <t>英國首相強森（Boris Johnson）日前一席「群體免疫」說震撼全球也引來各界批評。不過英國政府真的腦子進水？攝影藝術家久方武提出不同觀點他認為英國政府至少進行了3項神操作而「群體免疫」更是用了孫子兵法中的「欲擒故縱」不費吹灰之力、不動一兵一卒就讓全英國人乖乖在家裡面躲起來強森根本是政治天才！
久方武在臉書發文表示從新冠疫情爆發以來他見過最神操作的國家就是英國。英國政府對於新冠疫情至少進行了3項（以上）的神操作。
其中英國首相強森先是告訴英國民眾在這場疫情中他們將失去不少親友大家先要有心理準備。其次已在倫敦海德公園規畫好可以容納50萬人的公墓不用擔心沒有地方埋葬。
之後強森又發表演說表示經過英國科學家及醫學權威人士的研究英國對付新冠肺炎病毒的方式將採取群體免疫法。
結果當強森正式宣佈執行這項政策後整個倫敦街頭雞、鴨、人、狗、貓瞬間全部躲起來。就好像回復到二次世界大戰時英國政府不費吹灰之力、不動一兵一卒就讓全英國人乖乖在家裡面躲起來。
久方武說曾幾乎統治整個世界的大英帝國什麼樣的刁民他們會沒見過呢？「英國政府只用三句嘴砲話術就成功解決了所有英國的刁民問題讓英國民眾全部好好地待在家裡面不敢出來。」
久方武盛讚強森「只用嘴泡方式、0成本」就對付了新冠疫情真是執政高手中的高手政治天才！他表演了一場非常精彩的孫子兵法欲擒故縱戲碼。</t>
  </si>
  <si>
    <t>英國英國政府強森疫情免疫群體操作躲起來倫敦裡面表示天才刁民政治民眾只用在家方式對付孫子兵法</t>
  </si>
  <si>
    <t>湯紹成同在美中</t>
  </si>
  <si>
    <t>正值新冠肺炎疫情蔓延之際近日24小時內共機二度繞台國台辦也勸民進黨不要玩火威懾之意明顯。在此非常時期北京如此動作自然讓人聯想是國際間挺台聲浪大漲之故尤其是賴清德訪美的後果而《環球時報》也已</t>
  </si>
  <si>
    <t>疫情蔓延近日小時肺炎賴清德台辦玩火威懾民進明顯非常不要時期北京尤其動作</t>
  </si>
  <si>
    <t>正值新冠肺炎疫情蔓延之際近日24小時內共機二度繞台國台辦也勸民進黨不要玩火威懾之意明顯。在此非常時期北京如此動作自然讓人聯想是國際間挺台聲浪大漲之故尤其是賴清德訪美的後果而《環球時報》也已證實。
就以賴清德訪美一事觀之雖然事先表明是以個人身分為之但其副總統當選人的身分被凸顯已打破以往台灣高官訪美的紀錄。首先這必定是美方主動邀約的結果否則不會成事。這看在北京眼裡就是趁人之危國難當頭美國還在傷口撒鹽若北京沒有反應乃形同默認台美共謀推移「一中」紅線將一發難以收拾。還好美方仍有所節制並未大肆宣傳如公開賴清德參訪白宮的照片等尚留餘地。況且川普也與習近平通電話共商疫情防治雙方還有相當可合作的空間關係尚不至於立即惡化。
目前美國的地位確實比較有利川普彈劾案未過因而助長其聲勢。在共和黨首次愛荷華州初選中川普以968%的得票率一舉拿下40張黨代表票的39張壓倒性擊潰對手雖不能說川普最後一定會勝出但十拿九穩的態勢明顯。相對地在民主黨方面則狀況不明一則是首次初選計票系統就當機已對該黨的聲勢與初選的透明性產生相當的打擊。加上新人以黑馬之姿勝出攪亂一池春水確引人注目。
再者美國在防疫方面必有相當優勢也已表明會協助大陸抗疫但北京方面卻並未同意自然也有難言之隱。因為這必將會牽涉到機密的疫情同時大陸強硬抗疫手法也可能會暴露無遺。
再從北京的角度觀之目前疫情肆虐封城只能治標疫苗才能治本但都還難以掌控尤其時間與空間的問題均難把握。原本2月10日大陸一些工廠準備開工但是相關條件無法配合比如零件因交通管制而無法配送防疫的措施如手套與酒精的缺乏等因而開工再度延期目前連北京都已進入半封城狀態挑戰確實嚴峻。
在台灣方面賴清德若拒絕美國的邀約必將顯得膽小慎為這也不是民進黨一貫的作風自然因勢利導達到突破台美關係的目的。因為在外交方面的動作若成功就是突破封鎖的一件大功當可對內邀功；若失敗就可歸咎於中共打壓當可博得同情絕對穩賺不賠何樂不為？但若北京的內外壓力過大改採外銷轉內銷的策略台灣必將首當其衝必須審思慎擇。
綜合觀之日益嚴重的疫情突如其來目前各國都在加緊研製疫苗以便加以控制。雖然目前已造成相關國家難以估計的損失但依過往的抗疫經驗疫情終將得到控制屆時將會再度形成一波經濟上揚來彌補傷口。在此關鍵時刻各方尤當以抗疫為重放下恩怨全力抗疫此乃人道超越一切、矛盾應分大小的鐵則與求生之道。北京也應盡量開放相關訊息以便增強防疫效果這也是大陸可以發揮影響力的大好機會必定會獲得各方的正面回應。
（作者為國立政治大學國際關係研究中心研究員）</t>
  </si>
  <si>
    <t>北京疫情方面目前川普美國大陸賴清德關係相關防疫相當臺灣自然國際難以空間</t>
  </si>
  <si>
    <t>新光保單防疫銷售</t>
  </si>
  <si>
    <t>新冠肺炎疫情再度來襲防疫保單再度成為熱門商品。新光人壽26日表示2020年因應新冠肺炎疫情推出的一年期住院日額防疫保單「活力罩」主打若因法定傳染病住院每天最高給付5千元去年4月到7月之間就銷售逾25萬</t>
  </si>
  <si>
    <t>保單防疫再度肺炎疫情去年最高住院傳染病之間活力新光人壽表示商品因應成為熱門住院日推出</t>
  </si>
  <si>
    <t>新冠肺炎疫情再度來襲防疫保單再度成為熱門商品。新光人壽26日表示2020年因應新冠肺炎疫情推出的一年期住院日額防疫保單「活力罩」主打若因法定傳染病住院每天最高給付5千元去年4月到7月之間就銷售逾25萬張今年1月29日將重新開放銷售。
台灣產險的防疫保單因為給付方式簡單保費便宜在國內傳出醫院及社區感染後保單賣到爆各家保險公司亦紛紛加速推出防疫保單專案或訴求自家現有的防疫商品。
新壽強調其去年曾推出的活力罩一年期住院日額健康保險當時提供0到65歲民眾投保且針對法定傳染病沒有30天的等待期立即投保立即有保障；且一旦不幸罹患法定傳染病如新冠肺炎、腸病毒、登革熱等住院每天除了有住院日額保險金還增加一倍日額的法定傳染病關懷保險金如新冠肺炎要住進負壓隔離病房就比照加護病房一天再多加二倍日額若住院超過30天多出的天數再多給一倍日額的長期住院保險金。
即例如30歲男性住院日額1千元一年保費約910元若不幸因新冠肺炎住進隔離負壓病房42天之後轉入普通病房再住8天則前30天都是4千元31到42天是多了1千元長期住院金每天5千元但43到50天是普通病房少了加護病房2千元則一天是3千元等於50天共領204萬元。
由於保費便宜且是一年期保單所以去年在疫情緊張的4月推出後到7月共賣超過25萬張這次疫情再起新壽也打算1月29日再重新推出這款防疫保單。</t>
  </si>
  <si>
    <t>保單防疫傳染病住院推出住院日肺炎病房疫情去年保費保險保險金商品不幸便宜</t>
  </si>
  <si>
    <t>防疫保單千元住院日額法定傳染病新冠肺炎</t>
  </si>
  <si>
    <t>傳染病住院日保單防疫肺炎</t>
  </si>
  <si>
    <t>工作自費期滿檢疫男性確診</t>
  </si>
  <si>
    <t>中央流行疫情指揮中心今(8)日公佈國內新增1例境外移入新冠肺炎病例為菲律賓籍50多歲男性船員(案524)因工作於今(2020)年9月15日入境台灣登機前三日內檢驗報告及入境機場採檢均為陰性。指揮中心表示個案入境迄</t>
  </si>
  <si>
    <t>入境中心指揮肺炎病例境外菲律賓籍男性新增陰性船員國內公佈機場檢驗報告工作登機臺灣於今</t>
  </si>
  <si>
    <t>中央流行疫情指揮中心今(8)日公佈國內新增1例境外移入新冠肺炎病例為菲律賓籍50多歲男性船員(案524)因工作於今(2020)年9月15日入境台灣登機前三日內檢驗報告及入境機場採檢均為陰性。
指揮中心表示個案入境迄今均無症狀9月15日入境後進行集中檢疫至9月29日9月30日檢疫期滿後搭乘專車至飯店10月5日由公司安排至醫院自費採檢因檢驗結果呈現弱陽性10月6日再次採檢並於今日確診；目前個案住院隔離中。
指揮中心指出衛生單位已掌握個案接觸者共17人其中16人為同車接觸者(10月5日自費採檢皆為陰性)列為居家隔離對象1人為同車司機因有適當防護列為自主健康管理對象；將進一步調查個案檢疫期滿後是否有其他活動史以匡列可能之接觸者。
指揮中心統計國內截至目前累計95691例新型冠狀病毒肺炎相關通報(含94444例排除)其中524例確診分別為432例境外移入、55例本土病例、36例敦睦艦隊及1例不明。確診個案中7人死亡、487人解除隔離、30人住院隔離中。
這名個案入境前都是陰性卻是在入境檢疫期滿後才變成陽性中央流行疫情指揮中心發言人莊人祥表示可能是偽陰性機場唾液採檢發病比較久可以看出來很多都是期滿後才驗出陽性可能唾液對於發病比較多天者偏向是偽陰性的結果。
明明規定9月26日起從菲律賓返國檢疫期滿就要採檢該個案9/30期滿就要採檢但他卻是自費採檢對此莊人祥回應先前的規定是指在9月26日以後從菲國入境者才須檢疫期滿前採檢而該個案是因為公司規定所有人都要採檢因此其實加上他一共有17個人都自費採檢最後只有案524驗出來是陽性。</t>
  </si>
  <si>
    <t>個案期滿入境檢疫中心指揮陰性陽性自費可能確診規定隔離肺炎接觸列為目前病例</t>
  </si>
  <si>
    <t>新冠肺炎疫情境外移入指揮中心</t>
  </si>
  <si>
    <t>境外疫情肺炎指揮中心</t>
  </si>
  <si>
    <t>感染社區累計伊朗</t>
  </si>
  <si>
    <t>伊朗新冠肺炎疫情擴散恐已出現社區感染。該國衛生部發言人賈漢普爾（Kianush Jahanpur）昨日透過官媒宣佈全國確診病例又新增15例總確診病例已累至43例、死亡人數8人。伊朗也成為中國大陸以外死亡人數最多的國</t>
  </si>
  <si>
    <t>死亡人數伊朗確診病例擴散疫情普爾jahanpur賈漢kianush昨日發言人透過全國出現以外社區宣佈感染衛生部官媒大陸中國成為</t>
  </si>
  <si>
    <t>伊朗新冠肺炎疫情擴散恐已出現社區感染。該國衛生部發言人賈漢普爾（Kianush Jahanpur）昨日透過官媒宣佈全國確診病例又新增15例總確診病例已累至43例、死亡人數8人。伊朗也成為中國大陸以外死亡人數最多的國家。
此外伊拉克南部濟加爾省傳出全國第1起確診病例讓伊拉克成為繼阿拉伯聯合大公國、伊朗、以色列、黎巴嫩後第5個出現確診新冠肺炎患者的中東國家。病患是從伊朗什葉派聖城庫姆返國的學生現已隔離治療。
伊朗當局已下令從23日起包括庫姆和首都德黑蘭在內的14個省份的學校和教育機構全部關閉同時關閉全國所有電影院和展覽館至下週末足球比賽暫停10天。據傳當局也暫時不讓民眾前往伊拉克朝聖。
而與伊朗分別有陸上和海上邊界的伊拉克和科威特都如臨大敵。由於伊朗最早出現疫情的庫姆是伊拉克和科威特什葉派信徒的熱門旅遊地點當局不敢掉以輕心。伊拉克當局已在20日宣佈關閉與伊朗的所有邊境並暫停對伊朗人核發簽證。伊拉克航空也已暫停往返伊朗的所有航班。
科威特則宣佈過去14天有伊朗旅遊史的國際旅客禁止入境從伊朗入境的科威特公民歸國後也必須立即隔離。</t>
  </si>
  <si>
    <t>伊朗伊拉克科威特確診當局全國出現宣佈暫停關閉旅遊病例成為人數死亡什葉疫情肺炎隔離</t>
  </si>
  <si>
    <t>肺炎伊朗庫姆科威特關閉</t>
  </si>
  <si>
    <t>科威特伊朗肺炎關閉</t>
  </si>
  <si>
    <t>防疫樂觀認知</t>
  </si>
  <si>
    <t>新冠肺炎肆虐最近日本確診案例連環爆但日本政府在防疫措施上相當輕忽腎臟科醫師江守山在節目上分享許多日本朋友只把新冠肺炎當作是感冒看待不用理它讓他超驚訝。鄭弘儀昨在節目《新聞挖挖哇》上指出新</t>
  </si>
  <si>
    <t>日本節目肺炎鄭弘儀驚訝不用看待感冒相當措施輕忽防疫當作案例日本政府確診江守山最近分享朋友新聞</t>
  </si>
  <si>
    <t>新冠肺炎肆虐最近日本確診案例連環爆但日本政府在防疫措施上相當輕忽腎臟科醫師江守山在節目上分享許多日本朋友只把新冠肺炎當作是感冒看待不用理它讓他超驚訝。
鄭弘儀昨在節目《新聞挖挖哇》上指出新冠肺炎發展至今許多國家在防疫上仍然相當輕忽尤其是日本竟然還有發燒達375度且持續4天再就醫的規定讓他非常驚訝。
腎臟科醫師江守山也在節目中表示日本政府在想什麼真的搞不懂但是不少日本人對新冠肺炎的看法竟是「感冒而已不用理它」但一般感冒的死亡率會有2%嗎？怎麼能將新冠肺炎當感冒看且它傳染力比SARS更厲害。
江守山也直言這次東京奧運恐怕是辦不下去因為疫情鐵定是會在奧運之前爆發。而中山醫藥大學附設醫院兒童急診科主任謝宗學也在臉書上分享東京奧運如期舉行的機率不高除非夏季的高溫真能舒緩疫情但仍需面對各國是否願意讓價格不菲的運動員前往疫區參賽的問題。</t>
  </si>
  <si>
    <t>肺炎日本奧運感冒節目疫情分享驚訝日本政府東京不用防疫江守山輕忽相當腎臟科醫師運動員價格不菲</t>
  </si>
  <si>
    <t>新冠肺炎江守山感冒相當輕忽</t>
  </si>
  <si>
    <t>江守山肺炎感冒相當輕忽</t>
  </si>
  <si>
    <t>診所歇業緊急就診主管不會公佈富特名稱</t>
  </si>
  <si>
    <t>華航機師染疫案持續延燒中央疫情指揮中心今公佈桃園諾富特飯店某主管染疫新冠肺炎曾到診所三度就醫；據瞭解該診所在新北市三重區診所接獲中央通報後已緊急歇業新北市環保局白天也完成全面大消毒全力</t>
  </si>
  <si>
    <t>中央新北診所完成白天市環保局歇業全面緊急桃園公佈持續中心飯店富特通報指揮主管疫情</t>
  </si>
  <si>
    <t>華航機師染疫案持續延燒中央疫情指揮中心今公佈桃園諾富特飯店某主管染疫新冠肺炎曾到診所三度就醫；據瞭解該診所在新北市三重區診所接獲中央通報後已緊急歇業新北市環保局白天也完成全面大消毒全力防堵疫情蔓延。
據瞭解該診所位在新北市三重地區接獲中央通知後已緊急歇業新北市環保局也派遣人力到場大規模消毒消毒範圍以診所周邊環境為主約2小時完成消毒工作；衛生局也協助居家檢疫和自主健康管理者的後續安排全力配合中央指示。
不過新北市府發言人蔣志薇表示以中央流行疫情指揮中心公佈的資訊為準。
指揮中心發言人莊人祥表示指揮中心已利用健保就醫資料查詢當天前後時段前往該診所就診的病人衛生局會進行通知不另行公佈該診所及縣市。</t>
  </si>
  <si>
    <t>診所中央新北消毒疫情中心指揮衛生局全力通知就醫完成發言人瞭解表示公佈市環保局歇業緊急主管飯店</t>
  </si>
  <si>
    <t>三重診所新北防疫旅館諾富特華航</t>
  </si>
  <si>
    <t>防疫旅館新北富特診所華航</t>
  </si>
  <si>
    <t>無法赴美高端指揮蔡英文中心回應總統</t>
  </si>
  <si>
    <t>美國規定11月18日起未接種美國認定的疫苗品牌將無法入境新規是否會讓已接種高端的總統蔡英文、副總統賴清德無法赴美？指揮中心發言人莊人祥表示外界不必擔心因為外交部已開始協調確保接種高端的政府官員赴</t>
  </si>
  <si>
    <t>接種無法高端美國總統認定確保疫苗表示莊人祥中心發言人外界品牌外交部不必擔心指揮協調赴美入境開始是否</t>
  </si>
  <si>
    <t>美國規定11月18日起未接種美國認定的疫苗品牌將無法入境新規是否會讓已接種高端的總統蔡英文、副總統賴清德無法赴美？指揮中心發言人莊人祥表示外界不必擔心因為外交部已開始協調確保接種高端的政府官員赴美不受阻。
莊人祥表示外交部9月起就開始向美方瞭解入境措施現在更與衛福部合作透過各方管道與美方溝通爭取高端納入美方清單會持續努力讓國人能順利赴美。
至於高端疫苗打氣低迷衛福部長陳時中昨天坦言我國採購的500萬劑很可能打不完。中央流行疫情指揮中心今天則表示剩餘未到貨的數量將捐贈給其他有需要的國家目前正與外交部積極接洽中。
指揮中心發言人莊人祥表示指揮中心實際驗收223萬劑高端疫苗扣掉目前已接種的136萬劑還剩86萬劑推測部長昨天說剩200多萬劑沒打可能是口誤。
莊人祥說依據採購合約高端今年底前必須交付500萬劑疫苗否則會被罰款因此無論外界打氣如何高端還是會持續生產疫苗並封緘檢驗疾管署仍會驗收目前先觀望是否有其他國家可捐贈但還要先看高端是否有拿到其他國家的EUA外交部已啟動聯繫。
至於將來是否會開放打完2劑高端的民眾補打第3劑他廠疫苗？莊人祥說無論是國內EUA還是世界衛生組織都認為打過2劑後可視為有效接種即便要施打也可能是用第3劑的方式進行但若接種過高端疫苗第三劑仍可能會施打高端。</t>
  </si>
  <si>
    <t>高端疫苗接種外交部是否可能表示赴美美方目前指揮中心國家莊人祥入境採購至於eua</t>
  </si>
  <si>
    <t>高端入境美國蔡英文新冠肺炎台灣</t>
  </si>
  <si>
    <t>蔡英文美國肺炎入境高端臺灣</t>
  </si>
  <si>
    <t>曝光原因口罩高喊驚呆林岱樺眾人</t>
  </si>
  <si>
    <t>國內疫情從12日起急遽升溫全台陷入高度恐慌。民進黨立委林岱樺12日在立法院院會中堅持不戴口罩引來現場同黨立委邱議瑩不滿兩人當場互嗆。藥師林士峰指出林受訪時稱一切都「慈悲就好」顯然林堅持不戴口罩的</t>
  </si>
  <si>
    <t>堅持急遽升溫口罩陷入全台高度恐慌當場民進藥師不滿林士峰邱議瑩指出黨立委受訪慈悲</t>
  </si>
  <si>
    <t>國內疫情從12日起急遽升溫全台陷入高度恐慌。民進黨立委林岱樺12日在立法院院會中堅持不戴口罩引來現場同黨立委邱議瑩不滿兩人當場互嗆。藥師林士峰指出林受訪時稱一切都「慈悲就好」顯然林堅持不戴口罩的原因可能是宗教信仰因素。其實林宗教色彩鮮明早在2018年朝野協商《財團法人法》時就表示「宗教超越了憲法規範」言論掀起極大爭議。
林士峰今日（14）在臉書發文指出根據《TVBS》新聞報導林岱樺受訪時針對當日情形笑臉盈盈不斷喊道：「慈悲就好！慈悲！什麼都是慈悲就好好嗎？」並搭配「雙手合十」姿勢這讓他恍然大悟：「原本以為林岱樺委員堅持不戴口罩只是因為被指責好面子拉不下臉而已。想不到是宗教信仰因素啊！」
對此林士峰強調大家都尊重林岱樺的信仰但是現在是防疫期間為了社會大眾著想「和你的佛溝通ㄧ下除了祂的庇護以外戴個口罩真的會更保險ㄧ些而且萬一有人模仿你他又剛好沒有佛的保祐成為防疫的破口該怎麼辦才好？」
其實林岱樺宗教色彩一直相當鮮明根據《中國時報》2018年6月26日報導當日《財團法人法》朝野協商宗教團體是否納入管理林即表示：「這已經是超越憲法之上已經在人類『何者為人』、『人從哪裡來』這樣的道德面難理解台灣為何要用這法律規範佛教？」林認為佛、道數千年歷史建立比丘跟比丘尼數百條戒律受到戒律這麼多不該再用世俗法律去規範。林更稱該法既然是為防制洗錢就應從金融著手與宗教無關她不敢說百分之百沒有宗教團體洗錢但大部分的宗教團體都不會有這種行為不懂為何要納入《財團法人法》管理。
《中國時報》2018年6月29日報導也指出面對《財團法人法》是否納管宗教團體林岱樺表示：「宗教與財團不一樣宗教超越了憲法規範。」更稱宗教團體公佈財產會引來黑道這些話當時被在野立委怒批還引起網友嘲笑、撻伐林則回應：「批評我的人感恩啦、感謝啦、阿彌陀佛我念阿彌陀佛分享給他們。」</t>
  </si>
  <si>
    <t>宗教林岱樺規範宗教團體口罩指出財團法人表示堅持憲法防疫法律超越引來當日</t>
  </si>
  <si>
    <t>林岱樺口罩邱議瑩新冠肺炎台灣</t>
  </si>
  <si>
    <t>邱議瑩口罩肺炎林岱臺灣</t>
  </si>
  <si>
    <t>合作李克強強化對接瀾湄</t>
  </si>
  <si>
    <t>中國國務院總理李克強24日在北京出席瀾湄合作第三次領導人會議時表示瀾湄合作應與「國際陸海貿易新通道」對接以進一步暢通貿易通道。此外中國的新冠肺炎疫苗研製成功後將優先提供給湄公河的國家。瀾湄合作（</t>
  </si>
  <si>
    <t>瀾湄合作貿易通道北京出席優先提供研製成功中國疫苗肺炎陸海國際領導人表示湄公河李克強會議國家暢通進一步對接</t>
  </si>
  <si>
    <t>中國國務院總理李克強24日在北京出席瀾湄合作第三次領導人會議時表示瀾湄合作應與「國際陸海貿易新通道」對接以進一步暢通貿易通道。此外中國的新冠肺炎疫苗研製成功後將優先提供給湄公河的國家。
瀾湄合作（瀾滄江－湄公河合作）是由中國政府推動的區域合作機制由李克強在2014年的第17次中國與東協領導人會議上所提出的倡議相關成員國包括湄公河流域的中國、寮國、緬甸、泰國、柬埔寨和越南等六國。
央視報導上述會議原本訂於2020年初在寮國舉行但因受疫情影響而推遲最終改為線上會議以對瀾湄合作提供戰略指引方針。此次會議除了討論互聯互通機制外公共衛生議題也成為重點內容。
李克強在上述會議指出瀾湄合作與「國際陸海貿易新通道」對接將進一步暢通貿易通道調動中國西部、西南部以及東協其他國家力量以實現對湄公河國家的更大投入確保產業鏈供應鏈穩定。中國願與湄公河五國落實好對接措施為相關區域注入新動力。
李克強表示「國際陸海貿易新通道」縱貫中國西部地區鏈接東南亞與歐亞大陸區域聯動效果突出。
他強調為了協助各國對抗疫情中方將在瀾湄合作專項基金框架下設立公共衛生專項資金中國新冠肺炎疫苗研製完成並投入使用後將優先提供給湄公河國家。
「國際陸海貿易新通道」是以「一帶一路」政策為基礎由中國與新加坡兩國聯手展開的互聯互通示範項目以重慶為內陸連接點利用鐵路、水運等運輸方式與東南亞國家建立貿易通道。</t>
  </si>
  <si>
    <t>中國會議合作湄公河瀾湄國家李克強貿易通道互聯互通東南亞疫情區域衛生相關機制國際陸海提供東協對接西部領導人表示</t>
  </si>
  <si>
    <t>通道中國李克強湄公河貿易</t>
  </si>
  <si>
    <t>湄公河中國貿易通道李克強</t>
  </si>
  <si>
    <t>陽性目前病毒英超確診</t>
  </si>
  <si>
    <t>英格蘭超級足球聯賽上周針對996名球員及球隊工作人員進行新冠肺炎病毒檢驗當地時間週六結果出爐來自兩隻不同球隊的兩人呈陽性而英超雖然尚未確定復賽日期但計畫週二開放管制人數的團體訓練目前在聯盟頂級</t>
  </si>
  <si>
    <t>球隊人數管制開放週二計畫工作人員日期複賽進行確定尚未團體肺炎病毒英超檢驗陽性當地時間週六結果出爐來自</t>
  </si>
  <si>
    <t>英格蘭超級足球聯賽上周針對996名球員及球隊工作人員進行新冠肺炎病毒檢驗當地時間週六結果出爐來自兩隻不同球隊的兩人呈陽性而英超雖然尚未確定復賽日期但計畫週二開放管制人數的團體訓練目前在聯盟頂級隊伍中確認8人體內有新冠肺炎病毒。
英超發出的聲明寫道：「聯盟可以確認在上週二及週四、週五三天對聯盟996位球員及工作人員進行新冠肺炎病毒檢驗受測者中有2人測驗結果是陽性這些人必須立刻進行自我隔離7天。」
英超表示不會公佈確診者名單但透露第二波檢驗的人數比第一波多上週二英超表示第一波檢測人數為748人病毒呈陽性反應的有6人落在3支不同隊伍球員必須做過檢測才可以進行訓練每隊每兩周就要做一次檢測下一波檢測將在本週一到週二進行。
英國職業足球從3月13日新冠肺炎疫情爆發後就停擺到現在不過疫情逐漸趨緩英國政府目前同意6月1日重新比賽不過英超方面還在思考復賽的詳細日期因為還有比賽場館、防疫措施、積分計算等問題要討論20支隊伍代表週三將開會決定何時恢復比賽及訓練。</t>
  </si>
  <si>
    <t>進行隊伍比賽肺炎週二檢測人數病毒聯盟訓練球員檢驗目前日期疫情球隊英超可以必須複賽結果</t>
  </si>
  <si>
    <t>足球英超進行檢測新冠肺炎</t>
  </si>
  <si>
    <t>進行檢測英超肺炎足球</t>
  </si>
  <si>
    <t>現金eps集團股利乾杯</t>
  </si>
  <si>
    <t>興櫃餐飲公司乾杯(1269)公佈2019年合併營收為2897億元、創歷史新高年增1958%合併稅後淨利達092億元為歷史第三高每股稅後盈餘497元。董事會4/24決議擬每股配發2元現金股利。展望後市面臨新冠肺炎疫情嚴</t>
  </si>
  <si>
    <t>合併歷史面臨後市乾杯展望股利公佈現金配發決議董事會公司新高肺炎三高淨利餐飲</t>
  </si>
  <si>
    <t>興櫃餐飲公司乾杯(1269)公佈2019年合併營收為2897億元、創歷史新高年增1958%合併稅後淨利達092億元為歷史第三高每股稅後盈餘497元。董事會4/24決議擬每股配發2元現金股利。
展望後市面臨新冠肺炎疫情嚴峻考驗加上何時方休尚不明朗乾杯審慎以對延緩展店計畫管控各項費用維持財務營運體質健全以保障全體同仁工作權益為首要。在嚴格執行防疫措施提供安全用餐環境給消費者之餘乾杯並自去年已經開始展開研究的外送服務、餐廳之外銷售通路更加速籌備進程致力提升集團整體競爭優勢力拼營運維持暢望。
乾杯集團今年以「穩健」為目標朝「縱橫軸」雙向發展架構集團健全的牛肉事業全新藍圖將在「縱軸」上深化教育滲透牛肉事業發展核心知識給予全體員工。「橫軸」則是開發新商機佈局外送、外帶、食品零售等市場並樂觀看待疫情後消費力度回溫營運可望逐季轉強。
乾杯集團2019年營收創高主因為海內外全力拓展牛肉核心事業以及精實策略助功奏效。面對新冠肺炎重創餐飲市場乾杯集團以「穩健」保障全體同仁工作權益為首要目標；同時並以「深化教育訓練」與「開發新商機」雙向發展架構集團更穩健的牛肉事業藍圖因應疫情帶來的產業急速結構性轉變。
乾杯2019年海內外拓點雙箭齊發全年海內外共展9間店其中包括台灣4店、中國大陸5店。台灣事業聚焦牛肉核心開創和牛燒肉懷石「和牛47」、全球獨家和牛油重慶麻辣鍋「麻辣45」兩間全新高價品牌為集團餐飲事業開創嶄新格局並持續拓展新型態黑毛屋品牌。在中國大陸乾杯亦快速拓點去年進軍北京達成北上廣深一線城市均有設點寫下新的里程碑加上重慶門市共插旗中國大陸5個城市、擴大市場版圖帶動集團營收及獲利的大幅成長。
在精實經營體質的方針下於108年出售持有100%股權的乾杯速食股份有限公司(旗下品牌：宮武?歧烏龍麵、KUA`AINA)、轉型黑毛屋品牌積極對品牌進行調整加上盤點店點汰弱留強、關閉旗下獲利不佳的店鋪調整體質後的效益顯現提升108年營業淨利至203億元較去年同期成長25 %創下歷史新高由於認列閉店費用、影響營業外支出增加稅後淨利092億元仍為歷史第三高。
面臨新冠肺炎疫情的嚴峻考驗乾杯集團表示在餐飲市場尚不明朗的狀況下審慎看待市場、延緩展店計畫管控各項費用維持財務營運體質健全以保障全體同仁工作權益為首要。同時嚴格執行防疫措施提供安全用餐環境給消費者；此外去年已經開始展開研究的外送服務、餐廳之外銷售通路更加速籌備進程致力提升集團整體競爭優勢力拼營運維持暢望。
乾杯集團今(109)年以「穩健」為目標朝「縱橫軸」雙向發展架構集團健全的牛肉事業全新藍圖將在「縱軸」上深化教育滲透牛肉事業發展核心知識給予全體員工；「橫軸」則是開發新商機佈局外送、外帶、食品零售等市場並樂觀看待疫情後消費力度回溫營運可望逐季轉強！</t>
  </si>
  <si>
    <t>乾杯集團事業市場品牌牛肉疫情餐飲加上體質歷史營運核心海內外穩健大陸淨利中國去年發展</t>
  </si>
  <si>
    <t>全新乾杯乾杯集團事業牛肉</t>
  </si>
  <si>
    <t>事業乾杯集團牛肉</t>
  </si>
  <si>
    <t>員工電子京元新增足跡新竹曝光</t>
  </si>
  <si>
    <t>新竹縣6日新增3例確診個案住峨眉鄉的40多歲男子為京元電子員工由公司安排採檢後陽性確診居家隔離的30歲婦人和50多歲婦人分別為萬華接觸史和機構群聚確診者的家人居家隔離後採檢陽性確診。縣長楊文科表示</t>
  </si>
  <si>
    <t>確診陽性隔離居家個案峨眉鄉京元男子電子史和機構員工公司婦人安排新增家人萬華接觸分別縣長</t>
  </si>
  <si>
    <t>新竹縣6日新增3例確診個案住峨眉鄉的40多歲男子為京元電子員工由公司安排採檢後陽性確診居家隔離的30歲婦人和50多歲婦人分別為萬華接觸史和機構群聚確診者的家人居家隔離後採檢陽性確診。
縣長楊文科表示這名京元電子員工出現咳嗽發燒4日由公司安排快篩陽性昨PCR檢測結果陽性送至集中檢疫所隔離治療工作接觸者由公司匡列同住家人2人匡列居家隔離並曾戴口罩到過峨眉鄉富興村隆聖宮、苗栗縣頭份鎮聯社中正路232號統一超商。
竹北市30多歲女性是萬華接觸史確診者的媳婦居家隔離期間均無症狀昨隔離期滿前採檢為陽性確診隨即送醫隔離治療。因她居隔無接觸者無公共活動史返家等待採檢結果時與3名家人有接觸匡列3人居家隔離。
另外竹北市50多歲婦人平時就在機構內陪病照顧丈夫丈夫確診後被匡列居家隔離4日出現咳嗽悶熱有肺部浸潤情形收治負壓檢測結果為陽性確診就地隔離治療。
另外5日公佈寶山鄉2名京元電子相關案例案是一對母女40多歲母親是京元電子員工出現身體痠痛、頭痛和四肢過敏但未就醫2日和20多歲女兒一起出現發燒症狀4日檢測結果均陽性確診隨即送往負壓隔離病房治療。
母女倆足跡有寶山鄉新豐宮生活圈公園（全程戴口罩）、寶新路統一超商和新竹市高峰路統一超商。
楊文科說因應苗栗移工群聚事件新竹縣將強化篩檢量能下週將會在湖口工業區、縣府前外廣場及竹東地區（暫定樹杞林廣場）新增3個免費社區篩檢站為高風險的民眾提供服務。
有鑑於竹竹苗疫情持續升溫竹縣府與新竹市及苗栗縣組成「竹竹苗防疫作戰聯盟」提升醫療量能、圍堵病毒的擴散外楊文科呼籲鄉親配合五大防疫措施：
一、在家戴口罩、用餐不共餐、碗筷不共用、浴廁分艙分流避免家庭群聚。二、食物線上買購物少次多買及一次買足並落實老年人在家不出門購物由年輕人外出採買減少出門接觸病毒機會。
三、 外出採買盡量用信用卡結帳碰觸的物品、金錢、包裹及手部一定要用酒精徹底消毒及洗手。四、不要拜訪親友不要移動及社交以手機視訊問候取代聚會。五、手機及貼身用品一定要時常消毒。
楊文科最後懇託鄉親接下來的端午連假一定要避免跨縣市返鄉探親在外工作和就學的民眾也請暫時忍耐不要返鄉請大家簡化傳統的祭拜習俗也盡量減少到傳統市場採買所有人配合避免群聚和移動疫情才能有效控制共同期待疫苗全面施打。</t>
  </si>
  <si>
    <t>隔離確診接觸陽性居家避免一定新竹治療口罩出現結果採買不要公司電子員工統一移動</t>
  </si>
  <si>
    <t>陽性確診居家隔離京元電子楊文科</t>
  </si>
  <si>
    <t>居家京元隔離電子確診陽性楊文科</t>
  </si>
  <si>
    <t>三星手機員工工廠</t>
  </si>
  <si>
    <t>三星電子22日證實韓國龜尾市手機廠一名員工確認感染新冠肺炎整座廠房將暫時停工直至24日（週一）上午。三星兩款折疊手機皆在龜尾廠生產一旦停工的時間延長三星恐難以滿足市場對新款折疊機的需求。三星透過電</t>
  </si>
  <si>
    <t>三星停工手機恐難延長肺炎廠房時間感染暫時確認尾市需求折疊機員工直至週一一旦生產上午折疊市場</t>
  </si>
  <si>
    <t>三星電子22日證實韓國龜尾市手機廠一名員工確認感染新冠肺炎整座廠房將暫時停工直至24日（週一）上午。三星兩款折疊手機皆在龜尾廠生產一旦停工的時間延長三星恐難以滿足市場對新款折疊機的需求。
三星透過電子郵件發布聲明稿表示龜尾廠將關閉至24日上午防止其他員工感染新冠肺炎病毒而確診員工工作的樓層將持續關閉至25日上午。
三星在新聞稿中指出公司已要求曾與該名確診案例接觸的員工自我隔離。據悉該確診案例是三星無線部門的職員該部門負責手機生產。
三星亦表示三星位在韓國其他地方的晶片和顯示器廠房生產工作不受影響。
龜尾市廠房位在首爾東南方200公里共有兩條產線主要生產高階手機。三星大部分的手機皆在越南和印度生產但部分頂級機種仍在韓國製造。三星首款折疊機Galaxy Fold以及甫於2月初亮相的第二代折疊機Galaxy Z Flip皆是在龜尾廠生產。
三星的緊急應變工作小組已用簡訊通知龜尾廠的員工公司將在週末擴大消毒廠房期間廠房將關閉。三星建議員工在24日返回工廠上班時應配戴口罩做好個人防護。三星亦建議員工避免國內差旅透過視訊會議連繫業務。往返龜尾廠和總部的接駁車也將暫時停駛。
由於龜尾廠是在週末停工三星表示對手機生產的影響微小。然而三星新一代折疊機才剛上市一旦停工的時間拉長三星可能難以滿足市場旺盛的需求。
韓國的新型肺炎疫情急速升溫22日單日增加超過200例確診案例已累計至433例。龜尾市鄰近大邱市大邱市新天地教會爆發群聚感染韓國的確診人數一口氣增加逾60例。</t>
  </si>
  <si>
    <t>三星員工生產韓國確診廠房手機折疊機停工工作尾市感染表示肺炎上午透過案例公司關閉暫時建議</t>
  </si>
  <si>
    <t>員工肺炎三星韓國折疊機</t>
  </si>
  <si>
    <t>韓國員工折疊機三星肺炎</t>
  </si>
  <si>
    <t>再創新高菅義偉病例發佈新增日本緊急狀態</t>
  </si>
  <si>
    <t>日媒14日報導全國13日新增1705名新冠肺炎再度創下單日新高。首相菅義偉13日堅持專家認為「我們還沒到需要再次頒布緊急狀態的情況」。日本放送協會（NHK）報導專家指日本已出現第三波疫情。自疫情爆發以來</t>
  </si>
  <si>
    <t>專家報導日本出現nhk日本放送協會頒佈緊急狀態再次首相情況需要菅義偉沒到堅持認為疫情再度新增肺炎創下全國</t>
  </si>
  <si>
    <t>日媒14日報導全國13日新增1705名新冠肺炎再度創下單日新高。首相菅義偉13日堅持專家認為「我們還沒到需要再次頒布緊急狀態的情況」。
日本放送協會（NHK）報導專家指日本已出現第三波疫情。自疫情爆發以來日本已累計逾116萬件病例近1900人死亡。東京依然是國內最大的疫情爆發熱點當地連續3天出現逾300名新症。
報導引述東京1名收治重症病患的醫師說法稱院內床位已接近爆滿。日本於4月首次針對疫情發布緊急狀態5月解除緊急狀態此後一直沒再發布緊急狀態。</t>
  </si>
  <si>
    <t>報導日本緊急狀態疫情東京專家出現爆發發佈醫師首相再次堅持認為菅義偉頒佈沒到說法需要院內重症</t>
  </si>
  <si>
    <t>緊急狀態日本菅義偉新冠疫情確診</t>
  </si>
  <si>
    <t>菅義偉疫情日本確診緊急狀態</t>
  </si>
  <si>
    <t>美國會替代隔離表決紛紛議員方案</t>
  </si>
  <si>
    <t>美國繼參議院率先出現新冠肺炎確診病例後眾議院近日也有二名議員染疫使越來越多議員被迫自主隔離令國會不得不考慮改採代理人或遠距投票等其他替代表決方案。眾議院議長裴洛西（Nancy Pelosi）在23日發表的調查</t>
  </si>
  <si>
    <t>眾議院議員出現nancy裴洛西肺炎議長確診病例方案表決率先替代代理人被迫近日考慮自主不得不國會投票隔離</t>
  </si>
  <si>
    <t>美國繼參議院率先出現新冠肺炎確診病例後眾議院近日也有二名議員染疫使越來越多議員被迫自主隔離令國會不得不考慮改採代理人或遠距投票等其他替代表決方案。
眾議院議長裴洛西（Nancy Pelosi）在23日發表的調查報告指出在眾多議員因疫情而無法出席議會的情況下民主黨議員主張採取無異議通過經濟振興方案。
然而只要議會中有一人反對就無法達成無異議通過在此情況下議會只能考慮代理人或其他替代表決方案。
自從共和黨籍肯塔基州參議員保羅（Rand Paul）在22日確診成為國會首位感染新冠肺炎的議員後已有多位議員被迫隔離。共和黨參議員李麥克（Mike Lee）及羅姆尼（Mitt Romney）都因為和保羅接觸而展開14天居家隔離而民主黨參議員克羅布查（Amy Klobuchar）也因丈夫確診而被迫隔離。
民主黨眾議員麥克亞當斯（Ben McAdams）及共和黨眾議員狄亞茲巴拉特（Mario Diaz-Balart）也先後確診新冠肺炎再加上其他多位因接觸確診病例而隔離的議員恐怕使議會協商陷入僵局。
近日已有部分議員提出遠距線上投票的替代方案但眾議院規範委員會主席麥克高文（James McGovern）強烈反對因為遠距投票牽涉太多資安考量。
眾議院在執行代理人投票前須先修改一項法規但這個步驟也需要議員無異議通過否則議員還是得親自出席進行表決。眾議院少數黨領袖麥卡錫（Kevin McCarthy）表示目前無從得知代理人投票的表決方案在眾議院能獲得多少支持。</t>
  </si>
  <si>
    <t>議員眾議院方案確診隔離投票議會表決代理人民主黨共和黨參議員被迫異議肺炎替代保羅反對國會接觸出席考慮病例</t>
  </si>
  <si>
    <t>投票方案肺炎替代眾議院</t>
  </si>
  <si>
    <t>方案肺炎替代投票眾議院</t>
  </si>
  <si>
    <t>護理禁止探病新竹</t>
  </si>
  <si>
    <t>新冠肺炎疫情延燒新竹縣除對各醫院陪病及探病人數進行限縮與管制衛生局8日發佈各護理之家探、陪病時間表其中芊馨園、瑪琍亞、禾韾、富林、懷恩、福韾、豫萱等7所護理之家禁止探訪。衛生局表示其它護理之家因</t>
  </si>
  <si>
    <t>護理衛生局新竹醫院疫情豫萱探病人數管制進行時間表禁止富林</t>
  </si>
  <si>
    <t>新冠肺炎疫情延燒新竹縣除對各醫院陪病及探病人數進行限縮與管制衛生局8日發佈各護理之家探、陪病時間表其中芊馨園、瑪琍亞、禾韾、富林、懷恩、福韾、豫萱等7所護理之家禁止探訪。
衛生局表示其它護理之家因應疫情發展也規定每個訪客必需嚴格執行戴口罩、量體溫、手部消毒、詢問旅遊史、職業別、接觸史、群聚狀況及登記以備必要時方便釐清傳染路徑進行接觸者調查。
縣長楊文科呼籲這段時間避免出入醫療場所和護理之家改以視訊或通訊等方式表達對親人的關心。</t>
  </si>
  <si>
    <t>護理疫情進行接觸衛生局通訊改以口罩體溫嚴格執行必需手部消毒詢問方式場所旅遊醫療</t>
  </si>
  <si>
    <t>新竹縣護理之家禁止探病</t>
  </si>
  <si>
    <t>方案紓困不能淪為打秋風社論</t>
  </si>
  <si>
    <t>立法院朝野黨團週五同意將因應新冠肺炎紓困法案逕付二讀預估最快可在25日完成三讀。朝野各黨與社會各界對紓困並無異議但我們仍要再進一言：紓困不能常態化朝野政客應珍惜民脂民膏不能以紓困為由亂撒幣甚至</t>
  </si>
  <si>
    <t>紓困朝野不能週五為由同意因應肺炎預估民脂民膏法案付二珍惜完成異議社會各界常態</t>
  </si>
  <si>
    <t>立法院朝野黨團週五同意將因應新冠肺炎紓困法案逕付二讀預估最快可在25日完成三讀。朝野各黨與社會各界對紓困並無異議但我們仍要再進一言：紓困不能常態化朝野政客應珍惜民脂民膏不能以紓困為由亂撒幣甚至成為政經權勢打秋風的藉口。
紓困特別條例20日在行政院會通過定名《嚴重特別傳染性肺炎防治及紓困振興特別條例》授權行政院編列新台幣600億元預算用於防疫與振興紓困草案分為防治、紓困、振興與罰則等四部分共18條。如果以經費分配看大致上是：觀光產業紓困約44億元、交通運輸業紓困98億元、觀光產業復甦與振興約54億元以及觀光升級與轉型前瞻計畫約300億元。
新冠肺炎對大陸經濟產生強烈的衝擊這股衝擊明顯已波及周遭國家不僅4成出口到大陸的台灣難以倖免日、韓、東南亞國家都已承受相當程度的負面影響。包括官方與民間的經濟預測單位都已下修今年全年的經濟成長率預測值因此經濟的影響確實已發生。
絕不浮濫發續命錢
不過經濟受影響並不代表政府非要拿國庫經費去紓困、去支撐企業；新冠肺炎確實對特定產業衝擊極度強烈例如航空、觀光、旅行社、旅館驟然間業績大幅跌了5成、甚至有高達8成者；但如果以時間來看其衝擊是在春節後才出現至今只有一個月。至於未來到底會延續多久仍在未知之數一般估計至少要到4、5月之後疫情才會緩和。
如果拿當年SARS、或之後的H1N1這種短期就對經濟產生強大衝擊的疫情案例來看在疫情高峰期固然是風聲鶴唳、各種消費經濟行為受影響但都能在短期（一到二季）內就結束經濟立即能反彈上揚。雖然現在很難確定新冠肺炎是否也能在一到二季內結束但坦白說如果企業連承受幾個月業績重挫的能力都沒有虧損幾個月就要政府拿錢紓困這種體質與經營能力政府是否該拿納稅人的錢去救是該再細思量。
此外法令的內涵、紓困的內容與經費的分配我們也認為大有問題。以政府對產業的紓困而言切記其基本原則是：對體質與營運較好、有繼續經營能力與價值但受短期衝擊而影響營運者政府可以給予融資甚至降低其各種費用以助其度過經營難關；但絕對不能拿錢不分好壞浮濫的給予續命錢這些未來終究是呆帳一筆；更不能拿錢去「補助虧損」。
但根據交通部規畫的經費中約45%為補助損失、協助業者融資周轉的紓困方案這部分即使以補助業者在業績差時進行「員工培訓」的名義把錢「送出去」都是不該的浪費。還有已被證明效益差的「振興抵用券」這次編列了20億元除了原本適用的夜市外其他單位紛紛來爭取適用除零售外連文化部都要求適用於文藝活動、看表演看電影買書都適用。文化產業固然有受衝擊但絕非重災區跑來爭取適用只讓外界有「打秋風」之感。
在600億元的紓困經費中有一半是用作「觀光升級與轉型前瞻計畫」；坦白說台灣觀光產業要能永續發展必然要升級、轉型台灣觀光資源必須再作規畫與調整如此才能吸引更多高消費力的觀光客因此我們支持政府這項作法。
檢討花費多效益低
但這些計畫與經費編列在為紓困而訂定的條例中為此還在法令中加上「振興」兩字是否有「趁火打劫」讓各界支持此預算的味道？是否合宜是該再檢討。這些計畫其實並非十萬火急為何不回歸正常預算程式、編入總預算中？而法案中列入的各種刑罰（如不遵指示有傳染他人之虞、散播疫情謠言等）其實都有其他相關法令規範並無必要列在紓困條例中。
從整體經濟情勢看官方2月公佈的今年經濟成長率預測仍有237%因疫情下修幅度約035到05個百分點這種經濟情勢實在難謂緊急到要政府紓困的程度；再以個別產業看從過去的案例政府相挺的補助、甚至紓困實非良策。蔡政府執政後短短3年多就對觀光產業進行過7、8次補助成效如何是「有目共睹」政府豈能繼續花費多又效益低的政策？</t>
  </si>
  <si>
    <t>紓困經濟政府產業觀光衝擊經費振興補助疫情甚至肺炎不能是否適用</t>
  </si>
  <si>
    <t>觀光適用肺炎經費振興</t>
  </si>
  <si>
    <t>經費觀光適用振興肺炎</t>
  </si>
  <si>
    <t>血友病網友少年中華民國陸委會</t>
  </si>
  <si>
    <t>(05:45新增  陸委會淩晨書面聲明指出這名血友病少年是兩岸婚姻在台所生的子女在台辦理出生登記領有台灣身分證具有中華民國籍。有關媒體及網路流傳「血友病童並沒有台灣國籍他是徹頭徹尾的『中國人』」訊息</t>
  </si>
  <si>
    <t>血友病臺灣指出少年國籍兩岸子女婚姻沒有出生網路有關媒體登記領有中華民國身分具有辦理流傳童並書面聲明徹頭徹尾淩晨中國陸委會</t>
  </si>
  <si>
    <t>(05:45新增 陸委會淩晨書面聲明指出這名血友病少年是兩岸婚姻在台所生的子女在台辦理出生登記領有台灣身分證具有中華民國籍。有關媒體及網路流傳「血友病童並沒有台灣國籍他是徹頭徹尾的『中國人』」訊息並非事實不應再繼續錯誤流傳。陸委會強調對於血友病少年這次因疫情因素在湖北滯留他的特殊用藥需求政府非常重視由海基會透過台商協會管道予以協助來維護他生命需要希望各界能夠正確理解相關訊息並予以理性看待。)
湖北武漢因新冠病毒肺炎疫情封城導致一名回鄉省親的台灣血友病少年與母親馬女士遭滯留。一名前外交人員劉仕傑今晚在臉書PO文踢爆「血友病童是中國國籍不是台灣籍。病童固然可憐但他的親生父母都是中國人。」但劉仕傑立刻遭陸委會打臉陸委會發言人邱垂正證實少年是中華民國籍。
血友病少年的母親馬女士近日再度向蔡政府求助上次海基會「千里送藥」的藥劑已用完希望能盡速搭乘後續包機返台。但馬女士讚揚中國共產黨、催促武漢模式包機等言論令台灣社會出現不少反彈聲浪。
前外交人員劉仕傑更在臉書直指：病童的親生父母都是中國人、「他是徹頭徹尾的中國人」等語。不過陸委會發言人邱垂正打臉劉仕傑稱血友病童的生父是中華民國籍陸配馬女士在台灣依親多年已取得中華民國戶籍並核准在台定居病童也是中華民國籍。</t>
  </si>
  <si>
    <t>血友病臺灣少年陸委會中華民國馬女士病童中國國籍希望劉仕傑予以武漢海基會訊息湖北疫情包機政府流傳滯留母親徹頭徹尾</t>
  </si>
  <si>
    <t>吐苦水觀光業高雄檢討</t>
  </si>
  <si>
    <t>新冠肺炎疫情衝擊百工百業尤以觀光業、運輸業快撐不下去。立委李昆澤、許智傑4日邀集交通部等部會與高雄相關產業座談針對紓困振興方案說明業者大吐苦水李昆澤呼籲紓困預算須持續滾動檢討回應產業需求。高</t>
  </si>
  <si>
    <t>李昆澤紓困產業衝擊百工百業尤以觀光業運輸業檢討快撐疫情下去持續許智傑部會邀集預算交通部高雄相關呼籲座談</t>
  </si>
  <si>
    <t>新冠肺炎疫情衝擊百工百業尤以觀光業、運輸業快撐不下去。立委李昆澤、許智傑4日邀集交通部等部會與高雄相關產業座談針對紓困振興方案說明業者大吐苦水李昆澤呼籲紓困預算須持續滾動檢討回應產業需求。
高雄市旅行公會理事長吳盈良提到現行針對旅行社紓困方案必須提出5成業績衰退等檔證明但每筆交易金額很細量太大了需花很長時間對於急需用錢業者緩不濟急盼能簡化申請補助流程。
吳盈良表示政府提出「以訓代賑」方案原本提供提供員工每月120個小時培訓上課現改為每6個月總共120個小時「對需要把人才留住的旅行業是很大的傷害」。
高雄市遊覽車公會理事長林士勛直言遊覽車業95％營業額來自國民旅遊如今生意幾乎停擺盼交通部給予專案貸款審核從寬。高市計程車公會理事長甘光華則盼計程車汰舊換新補助能延長讓多數運將都能受惠。
交通部政務次長王國材指出相關振興政策觀光局正規畫中會配合疫情發展調整預計投入665億元預算重振產業紓困預算能量不足部分也會隨時滾動檢討。
李昆澤表示相關紓困須滾動檢討即時回應產業需求像是觀光局人才轉型培訓計畫相關預算原本只有5億在他爭取下追加15億；紓困方案需更加完備、申請更加快速全面照顧到產業界。</t>
  </si>
  <si>
    <t>紓困方案相關預算交通部產業李昆澤公會高雄理事長疫情申請人才觀光局提出培訓原本業者補助表示振興檢討</t>
  </si>
  <si>
    <t>新冠肺炎觀光飯店遊覽車紓困</t>
  </si>
  <si>
    <t>飯店肺炎觀光遊覽車紓困</t>
  </si>
  <si>
    <t>陸急援外台美</t>
  </si>
  <si>
    <t>在美國也遭新冠肺炎重擊後事態的走向悄悄回歸到中美兩強的結構性對抗近期中美爭論「誰是病毒起源地」就是鮮明例子。而台灣也陷入兩強結構的盤算在本就應該專業至上的防疫決策中屢屢採用雙重標準處處著</t>
  </si>
  <si>
    <t>屢屢肺炎決策防疫事態至上走向專業應該悄悄盤算就是鮮明結構爭論起源地回歸陷入臺灣</t>
  </si>
  <si>
    <t>在美國也遭新冠肺炎重擊後事態的走向悄悄回歸到中美兩強的結構性對抗近期中美爭論「誰是病毒起源地」就是鮮明例子。而台灣也陷入兩強結構的盤算在本就應該專業至上的防疫決策中屢屢採用雙重標準處處著墨「親美抗中」。
美國早在1月31日就宣佈過去14天內曾到訪大陸的外國人暫時禁止入境開了全球對陸航班禁令的第一槍。如今疫情在歐美擴散大陸採「一省援一國」方式派醫療隊分赴義大利、伊朗、巴基斯坦等國救援；習近平14日也致電南韓、義大利、伊朗總統慰問並致電歐洲理事會主席米歇爾、歐盟執委會主席馮德萊恩就近期歐盟出現新冠肺炎疫情向歐盟及各成員國人民表示誠摯慰問。但無論是口頭慰問或派人援助都獨缺美國。
澳門病例少 仍列隔離
在台灣陳時中說考量美國「地廣人稠」僅將華盛頓、紐約、加州三地提升為旅遊第二級警示；然而早在2月11日指揮中心就斷然把大陸、香港、澳門全數列為旅遊警示最高的第三級；之後中斷兩岸多數航班只留京滬蓉廈四地。
中美同樣都是地廣人稠的大國這不是雙重標準是什麼？
尤其是澳門從2月初至3月中已一個半月無新增確診病例累計確診數也一直停留在10例卻被一竿子打翻至今往返澳門回台仍要接受14天隔離。
相較於大陸多個疫情嚴重城市已採封城方式嚴防疫情輸出美國的管控卻差太多如果在華盛頓、紐約的人跑到美國其他城市再飛回台灣根本就無法杜絕疫情傳入台灣。
政治盤算屢見雙重標準
號稱新聞自由的美台媒體在報導新冠肺炎疫情時擺明是雙重標準。像《紐約時報》報導武漢封城是「造成個人自由巨大損失」義大利封城則是「冒著風險保全歐洲」。台灣媒體報導武漢居民在陽台唱歌吶喊抒發情緒是「淒厲嘶吼」宛如「大型煉獄」而義大利封城後當地人在陽台唱歌則是發揮義大利人的浪漫「讓蕭瑟的空蕩街道增添了一絲溫暖與小確幸」。
所以說病毒才是人類共同的敵人。台裔美籍的籃球明星林書豪幾天前再次譴責種族歧視呼籲「少一些仇恨、多一些同理心」。台灣的防疫成果有目共睹若能少一些政治盤算回歸人道主義那就更臻完美了。</t>
  </si>
  <si>
    <t>臺灣美國疫情大陸澳門雙重標準大利盤算報導航班慰問肺炎歐盟防疫回歸隔離</t>
  </si>
  <si>
    <t>中美封城美國肺炎澳門</t>
  </si>
  <si>
    <t>封城肺炎美國澳門</t>
  </si>
  <si>
    <t>打過bnt確診工作漆工發病ait</t>
  </si>
  <si>
    <t>北市府今公佈4例確診足跡其中案15680與案15681為父子兒子案15680在知名手搖飲料店「約翰紅茶公司」擔任工讀生父親案15681為美國在臺協會（AIT）油漆工已打過2劑BNT疫苗仍確診目前已匡列12名AIT相關人員。</t>
  </si>
  <si>
    <t>確診ait飲料店目前約翰公司紅茶bnt擔任打過工讀生父親漆工公佈美國在台協會足跡匡列知名疫苗兒子父子市府相關</t>
  </si>
  <si>
    <t>北市府今公佈4例確診足跡其中案15680與案15681為父子兒子案15680在知名手搖飲料店「約翰紅茶公司」擔任工讀生父親案15681為美國在臺協會（AIT）油漆工已打過2劑BNT疫苗仍確診目前已匡列12名AIT相關人員。
北市府疫調時發現手搖店工讀生的父親案15681為AIT油漆工已施打過2劑BNT疫苗但仍確診北市府發言人陳智菡證實總共匡列者為18人包含家人共6人、AIT保養組員工12人並聯繫AIT保養組長、護理師進行清消作業。
陳智菡指出確診工讀生案15680是被朋友新北確診者案15655傳染而確診工讀生與確診AIT油漆工父親於7月25日一同就醫篩檢陽性確診。</t>
  </si>
  <si>
    <t>確診ait工讀生市府父親漆工保養疫苗bnt進行護理匡列者組長飲料店作業總共打過約翰一同就醫</t>
  </si>
  <si>
    <t>AIT確診油漆工約翰紅茶新冠肺炎</t>
  </si>
  <si>
    <t>約翰紅茶漆工確診ait肺炎</t>
  </si>
  <si>
    <t>確診泡茶堂兄弟嘉縣</t>
  </si>
  <si>
    <t>中央流行疫情指揮中心29日公佈嘉義縣新增4起新冠肺炎本土確診個案源頭指向設籍新北市、曾有萬華史的70歲男子該男子返嘉縣大林鎮與3名堂兄弟泡茶聊天造成群聚感染最小的堂弟中鏢後又傳給同住的兒子。嘉縣衛生</t>
  </si>
  <si>
    <t>嘉縣中心公佈嘉義傳給新增男子新北肺炎堂弟指向本土最小確診堂兄弟源頭個案泡茶造成</t>
  </si>
  <si>
    <t>中央流行疫情指揮中心29日公佈嘉義縣新增4起新冠肺炎本土確診個案源頭指向設籍新北市、曾有萬華史的70歲男子該男子返嘉縣大林鎮與3名堂兄弟泡茶聊天造成群聚感染最小的堂弟中鏢後又傳給同住的兒子。嘉縣衛生局已匡列接觸者48人33人居家隔離15人自主健康管理目前44人採檢陰性另還有4人等報告中。
1人插管 同住兒子也染疫
嘉義縣長翁章梁昨指出這起群聚感染連同新北市的男子在內共5人確診。該新北個案曾去過熱區萬華近期返回大林鎮家鄉嘉縣67歲案7550、88歲案7674、70歲案7629與70歲新北個案是堂兄弟關係案7550先出現咳嗽症狀多日27日在嘉市某醫院確診目前插管治療中嘉縣衛生局獲報展開調查發現案7550與另外3個堂哥經常一起泡茶聊天篩檢後發現4名堂兄弟都染疫且案7550同住的兒子案7673也確診。
嘉縣衛生局長趙紋華說追蹤發現案7629雖曾前往臺北5月4日返回大林但足跡相對單純反而是新北個案戶籍在區公所長期南北趴趴走18日從臺北回到大林因靠打零工生活目前住在某工地同租一處還有24人住居環境複雜。
新北個案 長期南北趴趴走
趙紋華說經過疫調新北個案曾去過萬華且Ct值30比案7629高推測他從熱區往南移動間接造成這波5人群聚感染機率大全案共匡列接觸者48人33人居家隔離15人自主健康管理44人完成採檢結果陰性另4人等報告中。
翁章梁強調全案屬泡茶和家族群聚傳染因嘉縣確診案例多數有熱區移動接觸史請大家務必堅守沒事「宅」在家的共識。
昨縣府同步公佈4名列案確診者足跡因許多足跡都以「某診所」、「某駕訓班」帶過引發民眾反彈和批評包括國民黨團等多位議員都呼籲縣府明確公佈足跡不要造成防疫漏洞。</t>
  </si>
  <si>
    <t>確診新北個案嘉縣足跡公佈目前發現堂兄弟造成感染泡茶接觸兒子縣府嘉義返回</t>
  </si>
  <si>
    <t>嘉縣男子大林泡茶萬華</t>
  </si>
  <si>
    <t>泡茶大林嘉縣萬華男子</t>
  </si>
  <si>
    <t>北半球噴鼻血香港</t>
  </si>
  <si>
    <t>崔碧珈擁有36G火辣魔鬼身材讓她被封為「香港新一代波神」上個月剛渡過32歲生日的她在IG放上性感照催促粉絲訂閱自己頻道火辣的魔鬼身材讓所有人直呼要噴鼻血了。新冠肺炎肆虐全球讓原本要到國外工作的崔碧</t>
  </si>
  <si>
    <t>魔鬼身材原本全球ig生日放上渡過性感照肆虐催促上個月粉絲肺炎訂閱噴鼻血頻道一代要到所有人香港</t>
  </si>
  <si>
    <t>崔碧珈擁有36G火辣魔鬼身材讓她被封為「香港新一代波神」上個月剛渡過32歲生日的她在IG放上性感照催促粉絲訂閱自己頻道火辣的魔鬼身材讓所有人直呼要噴鼻血了。
新冠肺炎肆虐全球讓原本要到國外工作的崔碧珈行程全取消留在香港為了打發時間更開設YouTube頻道直接透過網路進行英文教學日前她在IG放上火辣身材照只見她對著鏡頭擺出嫵媚撩人的姿勢並露出一對渾圓北半球和深邃事業線讓粉絲眼睛大吃霜淇淋接著不忘跟粉絲再三喊話：「你們Subscribe我新的Youtube Channel沒呀」。
日前被拍到和一名外籍猛男在沙灘做運動疑似有新戀情傳出對此她表示和對方僅是朋友更透露對方早是已婚身分至於外界關心的感情狀態仍繳出白卷。</t>
  </si>
  <si>
    <t>粉絲日前igyoutube香港頻道魔鬼身材崔碧珈狀態關心感情外界至於身分已婚姿勢露出方僅嫵媚</t>
  </si>
  <si>
    <t>崔碧珈魔鬼身材渾圓北半球噴鼻血IG</t>
  </si>
  <si>
    <t>噴鼻血崔碧珈魔鬼身材ig北半球</t>
  </si>
  <si>
    <t>有救答案防疫日本一面倒</t>
  </si>
  <si>
    <t>新冠肺炎〈NCP〉爆發以來全球各地都陸續傳出確診案例近日更是在日本迅速蔓延。近日有網友就在PTT發問表示如果現在日本官員全都開始清醒認真防疫這樣還來的及嗎？文章瞬間引起網友熱議。一名網友近日在PTT八</t>
  </si>
  <si>
    <t>日本近日網友ptt爆發以來全球陸續傳出ncp確診案例瞬間防疫文章認真清醒開始全都官員現在表示發問肺炎引起</t>
  </si>
  <si>
    <t>新冠肺炎〈NCP〉爆發以來全球各地都陸續傳出確診案例近日更是在日本迅速蔓延。近日有網友就在PTT發問表示如果現在日本官員全都開始清醒認真防疫這樣還來的及嗎？文章瞬間引起網友熱議。
一名網友近日在PTT八卦板以標題「日本現在清醒還來得及嗎？」發文表示現在日本爆發一堆病例疫情慘重假如現在官員全部清醒開始認真防疫的話還來的及嗎？會不會疫苗馬上就研發出來然後這件事情就落幕？文章曝光後有網友留言表示「學武漢封城啊」、「擔心自己台灣吧科科」、「隨時都可以來得及 只是看來不及是定義在什麼」、「東奧障礙 讓他們不想面對現實」、「不辦東奧寧願死的精神」、「下週開會決定要不要醒」、「東奧就算少到只有中國跟日本隊比也要辦下去」、「再擺爛下去3月日本變全球最大疫區」、「他們其實有能力處理卡在辦東奧心態」。
但有大部分網友覺得已經太晚紛紛留言點出主因「來不及了。檢驗是一回事縮限潛在病例跟爬梳接觸史在已經發生社區感染的現在難度太高」、「晚了接下來確診病例要往上衝了」、「不會清醒啦」、「官員信賴一但被打破你要原本就對政治冷感的日本民眾再去相信難了」、「開會的速度趕不上疫情的速度」、「有哪個國家確診例從29飆車到61??早就淪陷了」、「已經有病例在東京車站晃好幾天現在連厚勞省都有人中獎了」、「連自己官員都爆看來沒救了」。</t>
  </si>
  <si>
    <t>日本現在病例網友東奧官員已經確診清醒表示全球爆發近日留言文章開會來不及</t>
  </si>
  <si>
    <t>首相府地鐵站倫敦關</t>
  </si>
  <si>
    <t>英國新冠肺炎疫情惡化但首相強森19日強調他相信疫情可以在未來12周內受到控制不過前提是民眾須遵從政府的抗疫指南去做。從19日起英國疫情較嚴重的倫敦關閉部分地鐵站但首相府稱目前倫敦「封城」機會為零。</t>
  </si>
  <si>
    <t>疫情倫敦英國部分關閉民眾遵從嚴重前提政府控制惡化受到首相指南周內未來目前強調可以相信</t>
  </si>
  <si>
    <t>英國新冠肺炎疫情惡化但首相強森19日強調他相信疫情可以在未來12周內受到控制不過前提是民眾須遵從政府的抗疫指南去做。從19日起英國疫情較嚴重的倫敦關閉部分地鐵站但首相府稱目前倫敦「封城」機會為零。
英國新冠肺炎病例持續增加截至19日新增643人確診累計總數升至3269人。累計死亡病例則由104人增至144人兩天內增加了一倍多。有專家則估計英國或許已有超過5萬人受到感染。
強森主持每日疫情通報會時表示目前的措施似乎未能遏止疫情發展但民眾若能遵從政府建議包括保持社交距離、當自己或家屬出現病徵就居家隔離等再加上改善病毒檢測以及科學進步相信就可以在未來12周內度過高峰於夏天來臨時驅走疫情。他強調並不保證疫情會在6月底走下坡但一切都有可能。
另外外界盛傳首相府已開會商討限制民眾進出倫敦最快本週末「封城」可能影響900萬人。強森則說暫無停運倫敦公共運輸的可能性但希望公眾避免聚會。首相府發言人亦稱對進出倫敦實施任何限制的機會為零（zero prospect）。
英國政府已宣佈學校自20日起停課。倫敦也宣佈從19日開始無限期關閉約40座地鐵站並會削減地鐵和公車班次。繼續開放的地鐵站主要是線路中轉站。對大城市來說無限期關閉這麼多地鐵站做法可算頗為極端。</t>
  </si>
  <si>
    <t>疫情倫敦地鐵站民眾首相府關閉英國目前受到可能政府遵從無限期強森機會強調病例增加進出</t>
  </si>
  <si>
    <t>封城肺炎英國首相府相信</t>
  </si>
  <si>
    <t>首相府封城相信英國肺炎</t>
  </si>
  <si>
    <t>疫情臺灣大贊蘇貞昌控制口中奇跡</t>
  </si>
  <si>
    <t>行政院今日召開擴大防疫會議行政院長蘇貞昌表示台灣在5月爆發疫情後在70多天內就將疫情控制住被外媒稱為第2次奇蹟。疫情指揮中心指揮官陳時中則表示國內仍有社區隱形傳播鏈風險建議繼續維持二級警戒。疫</t>
  </si>
  <si>
    <t>疫情表示建議防疫風險傳播會議社區行政院長蘇貞昌繼續國內臺灣爆發控制擴大稱為奇跡指揮陳時中指揮官中心維持天內</t>
  </si>
  <si>
    <t>行政院今日召開擴大防疫會議行政院長蘇貞昌表示台灣在5月爆發疫情後在70多天內就將疫情控制住被外媒稱為第2次奇蹟。疫情指揮中心指揮官陳時中則表示國內仍有社區隱形傳播鏈風險建議繼續維持二級警戒。
疫情指揮中心指出國內近一周新增本土病例為74例雖較前一周104例下降近30％但仍有零星感染和群聚事件仍應謹慎面對。而目前疫苗接種人口覆蓋率已達3694％劑次人口比達到3908（劑／每百人）。
陳時中說國內仍有社區隱性傳播鏈的風險二級警戒等相關管制措施有繼續維持的必要雖各行業主管機關可視情形彈性調整不過仍建議各部會在研擬防疫應變計劃時能夠縮短相關個案的通報及反應時間以加速衛生單位元的疫調及掌握時程。
陳時中表示因Delta病毒仍在各國流竄建議邊境管制仍需維持現有強度並確實做好國內線及國際線分流如有與他國合作的旅遊泡泡措施亦應確實做好分流管制。
蘇貞昌指出台灣在去年各國疫情爆發之際仍能堅守防疫而今年台灣在國內疫情爆發後70多日內就將疫情控制住也被國外媒體記者稱為是第2次的奇蹟。
蘇貞昌說國內疫情逐漸趨緩國人都希望恢復正常生活並逐漸開始外出消費請相關部會務必建立有效並可執行的指引始能有利於國人遵行。
蘇貞昌表示自727全國降為二級警戒後相關管制措施並已實施運作二周請各部會隨時掌握各行業的執行情形如有需改變或調整之處也務必要讓整個團隊掌握資訊並也要向相關業者及國人清楚說明。
蘇貞昌亦指示有關邊境管制及相關防疫交通部、內政部、海委會及農委會必須要嚴格把關盯緊每個環節既是保護第一線執勤人員也是保護國人健康安全。</t>
  </si>
  <si>
    <t>相關疫情蘇貞昌防疫國內管制國人表示掌握建議維持措施爆發臺灣警戒執行確實必要</t>
  </si>
  <si>
    <t>新冠肺炎台灣蘇貞昌國內台灣</t>
  </si>
  <si>
    <t>肺炎蘇貞昌臺灣國內</t>
  </si>
  <si>
    <t>王鴻薇想起陳時中內線交易東洋</t>
  </si>
  <si>
    <t>檢調搜索東洋涉及內線交易案對此國民黨臺北市議員王鴻薇表示自己和幾位議員去年告發東洋炒股當時衛福部長陳時中還幫東洋說話結果現在被檢調打臉真不知道陳是單純看不出來還是太壞選擇看不到。針對檢</t>
  </si>
  <si>
    <t>東洋議員國民黨對此告發內線交易炒股真不知道涉及當時衛福陳時中現在結果說話王鴻薇臺北市太壞表示看不出來去年</t>
  </si>
  <si>
    <t>檢調搜索東洋涉及內線交易案對此國民黨臺北市議員王鴻薇表示自己和幾位議員去年告發東洋炒股當時衛福部長陳時中還幫東洋說話結果現在被檢調打臉真不知道陳是單純看不出來還是太壞選擇看不到。
針對檢調偵辦東洋炒股案王鴻薇今（17日）在臉書發文表示東洋在去年10月12日風光宣佈取得BNT疫苗的台灣代理授權隔天開始股票交易量倍增股價一路飆漲。結果到了去年11月3日突然又宣佈代理破局股價被炒了一波後開始跌停鬧劇一場讓許多小股民損失慘重。
王鴻薇稱當時陳時中說不建議金管會去查東洋還說：「金管會當然可以去調查不過在我所知道他們所發布的裡面並沒有誇大不實的部分」。王鴻薇直言明眼人一看就知道絕對有問題而陳時中竟然說不建議查當時自己就和台中市議員羅廷瑋、臺北市議員侯漢廷一起到北檢告發東洋涉嫌內線交易。
時隔將近1年王鴻薇稱前兩日檢調兵分多路大搜索帶回東洋14名幹部和12位元親友最新消息是總經理已經認罪被諭令300萬交保。王鴻薇指出當時陳時中不是還替東洋講話嗎？還不建議金管會去查結果現在被檢調打臉真不知道陳時中當初是太單純看不出來還是太壞選擇看不到。
據《中國時報》16日報導台灣東洋藥品去年10月爭取代理BNT疫苗雖然事後破局檢調掌握總經理施俊良、重症醫療事業群副總屈志源等主管及員工14人利用該項利多訊息透過12名親友買賣股票疑涉內線交易不法獲利近500萬士林地檢署15日指揮調查人員搜索26處約談施俊良等26人到案訊後依違反證交法陸續移送士檢複訊。檢察官複訊後諭令施以300萬交保、屈志源以200萬元交保共計有員工、親友團17人具保其餘9人改列關係人請回。</t>
  </si>
  <si>
    <t>東洋王鴻薇親友去年當時陳時中內線交易代理議員搜索結果股票知道調查員工總經理開始</t>
  </si>
  <si>
    <t>東洋王鴻薇陳時中檢調內線交易案</t>
  </si>
  <si>
    <t>陳時中內線交易王鴻薇東洋</t>
  </si>
  <si>
    <t>川普世衛外交官宣佈退出who秘書長事前不知情</t>
  </si>
  <si>
    <t>《紐約時報》27日爆料儘管美駐聯合國總部大使布倫柏格(Andrew Bremberg)5月底才親自向世界衛生組織(WHO)提交7大條件試圖表達對WHO在新冠疫情中的不滿並要求改革；孰料數小時後美國總統川普便自行在白宮宣佈</t>
  </si>
  <si>
    <t>who川普總統美國聯合國總部大使小時布倫柏格孰料andrew改革bremberg要求不滿月底親自中的世界衛生組織提交疫情表達自行</t>
  </si>
  <si>
    <t>《紐約時報》27日爆料儘管美駐聯合國總部大使布倫柏格(Andrew Bremberg)5月底才親自向世界衛生組織(WHO)提交7大條件試圖表達對WHO在新冠疫情中的不滿並要求改革；孰料數小時後美國總統川普便自行在白宮宣佈退出WHO不論美外交官還是WHO秘書長皆完全不知情「看了電視才知道」。
報導中指出布倫柏格提出的「7大狀」包括：1 調查新冠病毒的源頭並公佈WHO處理疫情的過程。2 譚德塞應呼籲大陸提供活病毒樣本並要求停止審查大陸醫師與記者。3 譚德塞應承認各國在疫情其間限制出遊為正確的做法。4 派員至臺灣取經防疫。5 預先批准新冠藥物與疫苗。6 WHO代表人員數應由國家資助比率決定。7 WHO應支持七大工業國提出的改變。
據美方官員表示由於譚德塞拒絕接受或任何「協商」結局便是川普退出WHO。WHO官員表示美國要求的「7大狀」還算合理其實無須以「大砲打小鳥」的方式提出改革要求而是循一般管道協商。如此可避免「脅迫」的感覺雙方也可以輕鬆的態度協商。
不過《紐時》披露部分內容恐觸及政治敏感地帶加上譚德塞不願承擔疫情擴散的責任與譴責最終選擇「絕不屈服」。WHO顧問高斯丁也認為「這不能稱為協商根本是勒索」。
「7大狀」顯然出自白宮、國務院與衛生部之手；不過川普逕自宣佈退出WHO的行動卻讓日內瓦的一票外交官大吃一驚。事實上布倫柏格在日內瓦與歐洲盟友討論時歐洲代表還希望能阻止美國撒手離開WHO。
「7大狀」反映出的是美國與川普對WHO的不滿。儘管拜登有意重新加入WHO但「7大狀」突顯出的問題如果沒有改善川普留下的破碎關係勢必為拜登繼承如何推動改革讓金主與受援者都滿意將是未來重點。</t>
  </si>
  <si>
    <t>who協商川普疫情布倫柏格德塞美國改革提出要求退出代表病毒拜登白宮不滿</t>
  </si>
  <si>
    <t>WHO川普譚德塞大流行新冠肺炎</t>
  </si>
  <si>
    <t>流行德塞川普who肺炎</t>
  </si>
  <si>
    <t>師生出國不禁柔性宜蘭勸導</t>
  </si>
  <si>
    <t>新北市禁高中職以下師生出國宜蘭縣政府並未跟進縣府表示縣府所轄的各校出國計畫已經暫停6月前也禁止各項出國計畫學校教職員如有出國計畫是依據中央疫情指揮中心政策禁止前往第3警示地區。縣府表示所</t>
  </si>
  <si>
    <t>出國禁止計畫縣府表示以下師生宜蘭縣政府政策中心前往指揮高中職依據已經疫情中央並未跟進警示暫停所轄地區學校</t>
  </si>
  <si>
    <t>新北市禁高中職以下師生出國宜蘭縣政府並未跟進縣府表示縣府所轄的各校出國計畫已經暫停6月前也禁止各項出國計畫學校教職員如有出國計畫是依據中央疫情指揮中心政策禁止前往第3警示地區。
縣府表示所轄各校師生如前往非第3及警示地區的國家會採柔性勸導、避免出國相關作為縣府會是疫情變化彈性調整。</t>
  </si>
  <si>
    <t>出國縣府師生禁止計畫疫情前往警示地區表示所轄以下宜蘭高中職縣政府依據勸導中央指揮已經柔性中心避免相關作為國家</t>
  </si>
  <si>
    <t>新冠肺炎CONID-19武漢肺炎新型冠狀病毒宜蘭</t>
  </si>
  <si>
    <t>肺炎武漢conid-病毒冠狀宜蘭</t>
  </si>
  <si>
    <t>手法成為猛男疫情</t>
  </si>
  <si>
    <t>全球升溫的新冠肺炎疫情成為詐騙集團的新手法？30歲單身林姓女子的網路情「MRCheng」自稱是香港人還秀出大肌身材猛男照以甜言蜜語擄獲林女芳心。「MRCheng」向林女指稱因疫情管制導致他收入大幅減少要</t>
  </si>
  <si>
    <t>疫情chengmr林女導致肺炎管制詐騙集團手法指稱身材單身猛男甜言蜜語女子香港收入</t>
  </si>
  <si>
    <t>全球升溫的新冠肺炎疫情成為詐騙集團的新手法？30歲單身林姓女子的網路情「MRCheng」自稱是香港人還秀出大肌身材猛男照以甜言蜜語擄獲林女芳心。「MRCheng」向林女指稱因疫情管制導致他收入大幅減少要商借新台幣15萬元應急林女不疑有他到銀行匯款所幸行員及員員警覺有異及時勸阻。
詐騙集團手法推陳出新連全球延燒的新冠肺炎疫情也用上了保七第一大隊20日表示日前阻攔第一件以假藉「新冠肺炎疫情」作為詐騙藉口的網路交友感情詐騙案件。
林女2月28日上午到台銀鬥六分行要辦匯款到香港不斷低頭滑手機引起銀行人員注意通報保七員警會同行員趨前關心瞭解。林女指稱錢是要匯給從小就認識的朋友堅持沒有被騙。
經員警及行員耐心的關心探詢林女才娓娓道出她在遊戲網站認識香港人「MRCheng」雖兩人並未見面但是對方溫柔體貼讓她很信任。「MRCheng」日前訴苦說因為新冠肺炎疫情管制影響導致收入大減要借15萬元應急等疫情過後生活工作穩定就會還錢。
經員警與行員解釋說明林女才恍然大悟原來是遇上詐騙集團的網路交友詐騙感謝員警及行員的勸阻讓她保住辛苦錢。
★中時新聞網關心您：防詐騙專線︰165報案專線︰110</t>
  </si>
  <si>
    <t>詐騙疫情行員林女mrcheng關心員警肺炎香港集團網路銀行保七匯款認識</t>
  </si>
  <si>
    <t>疫情詐騙行員肺炎員警</t>
  </si>
  <si>
    <t>疫情肺炎行員詐騙員警</t>
  </si>
  <si>
    <t>再創新高外資技嘉電腦設備</t>
  </si>
  <si>
    <t>技嘉(2376)5月營收再創單月歷史新高站上11601億元月增5%年增52%連續第3個月營收站上百億元；累計前5個月營收為51014億元年增64%。今年以來宅經濟發酵品牌大廠輝達、超微新品推出帶動技嘉板卡、伺</t>
  </si>
  <si>
    <t>技嘉站上帶動推出新品大廠品牌發酵經濟今年以來單月歷史再創新高累計連續</t>
  </si>
  <si>
    <t>技嘉伺服器運算提供車輛產品品牌決策研究即時平臺目前amd高效能歐洲決策控制站上肺炎高速</t>
  </si>
  <si>
    <t>單月歷史新高自動駕駛車輛決策控制平臺AMD伺服器</t>
  </si>
  <si>
    <t>車輛駕駛決策控制自動新高平臺amd歷史單月伺服器</t>
  </si>
  <si>
    <t>連鎖人群健身房台南嚴峻警告疫情無視</t>
  </si>
  <si>
    <t>台南市警方9日晚間在新營區查獲某健身連鎖店內有7人違反室內群聚；業者堅稱沒有客人、未營業只有3名工作人員和4名教練。但警方認為已明顯違反群聚規定將在場違規者依違反傳染病防治法函送衛生單位開罰。目前</t>
  </si>
  <si>
    <t>違反警方衛生函送防治法晚間傳染病營區單位查獲健身違規者連鎖店規定營業沒有工作人員名教練明顯客人堅稱業者</t>
  </si>
  <si>
    <t>台南市警方9日晚間在新營區查獲某健身連鎖店內有7人違反室內群聚；業者堅稱沒有客人、未營業只有3名工作人員和4名教練。但警方認為已明顯違反群聚規定將在場違規者依違反傳染病防治法函送衛生單位開罰。
目前三級防疫警戒各娛樂行業全面暫停營業避免造成防疫破口。台南市新營警分局中山路派出所警員昨日晚間7點巡邏時卻發現轄內中山路有一間健身連鎖店燈火通明經查場所內共有7人其中3名是工作人員4名為教練。
業者稱3名工作人員是公司指派他們來處理事務其餘4名教練是做線上的視訊教學全程都有戴上口罩。不過警方認為業者違反室內禁止5人以上群聚規定且涉嫌違規營業依規定告發後續移請衛生局來認定及辦理。
台南市長黃偉哲10日指出新營這家健身連鎖店在營業場所線上教學違反這類場所不能營業、室內5人以上規定但如是健身教練、自營健身工作室在住家或營業場所以外的地方線上教學因未群聚且也沒在營業場所開張是合法也能被大眾接受。
台南市政府衛生局今天表示健身房屬應關閉的休閒娛樂場禁止任何人在內從事相關業務、消費或其他聚會行為。新營這家健身連鎖店因大門未關閉會再釐清是否營業、負責人是否裁罰。
衛生局提到如未營業因屬不可營業場所禁止室內5人以上聚會每人將裁罰6萬元；另健身中心改線上教學避免群聚達防疫目的及兼顧生計是否符合規定將再向中央請示。</t>
  </si>
  <si>
    <t>營業健身違反場所台南連鎖店衛生局防疫教學規定禁止警方室內是否工作人員中山路晚間業者以上娛樂</t>
  </si>
  <si>
    <t>新冠肺炎台灣連鎖店7人違反</t>
  </si>
  <si>
    <t>連鎖店肺炎臺灣違反</t>
  </si>
  <si>
    <t>操盤心法－經濟衰退疑慮擴大短期難逃震盪命運</t>
  </si>
  <si>
    <t>擴大疑慮經濟衰退心法震盪命運操盤</t>
  </si>
  <si>
    <t>國際經濟情勢：　全球新冠肺炎疫情持續惡化儘管各國官方出臺利多救市依舊無法消彌市場的恐懼。日前世界衛生組織（WHO）宣佈新冠病毒疫情為大流行病美國總統川普限制歐洲國家到美國旅遊歐洲央行（ECB）未如市</t>
  </si>
  <si>
    <t>美國疫情旅遊歐洲央行國家川普無法恐懼市場肺炎總統利多日前世界衛生組織出臺官方who惡化流行病持續宣佈病毒</t>
  </si>
  <si>
    <t>國際經濟情勢：　全球新冠肺炎疫情持續惡化儘管各國官方出臺利多救市依舊無法消彌市場的恐懼。日前世界衛生組織（WHO）宣佈新冠病毒疫情為大流行病美國總統川普限制歐洲國家到美國旅遊歐洲央行（ECB）未如市場期待做出降息以因應可能的衝擊以及疫情影響時間可能延長至下半年衝擊程度是不斷的擴大全球GDP恐會因此出現嚴重下滑部分區域甚至可能爆發衰退危機；加上全球疫情日趨嚴峻台股短期恐仍難逃大幅震盪的命運。
總經方面美國2月非農就業人數新增273萬人優於市場預期同月CPI也較預期強勁然該月數字還未能充分反映疫情擴大的影響參考意義有限。
聯準會（Fed）近期多次宣佈入市措施且先前再次宣佈緊急降息幅度高達四碼聯邦利率已近0％並至少增加7000億美元的債券資產以挽救受疫情衝擊的經濟然市場反對疫情將造成的下行風險更為擔憂加上Fed強調不採取負利率政策一旦後續再有變數救市手段將因此受限。
川普最新計畫將實施12兆美元的經濟刺激措施政府後續亦會加大力道推出財政政策及貨幣政策但考量美國疫情仍難以控制未來可能進一步限縮金融市場及對人員移動進行嚴格封鎖對於經濟衝擊恐將更加嚴重觀察焦點為疫情何時能見高峰以及財政政策的力道對於經濟層面的修復程度為何。
投資策略：
新冠肺炎疫情失控對金融市場造成重擊外資賣股求現恐慌情緒引發多殺多的情況融資追繳與斷頭亦陸續發生指數以相當陡峭的角度迅速摜破萬點雖當前資金寬鬆大量的資金仍需找尋有效的出路資金面將可吸納部分疫情對股價的衝擊讓低點不至於過低但在疫情未受控之前恐懼之情恐難消退或往避險性資產流去或以現金為王的方式作為應對。另當股價修正本益比後市場將開始審視獲利面的減損一旦疫情拖長或持續增溫後續不排除因恐慌再出現低點。
除疫情本身帶來的損失外封城停工讓供給面急凍供應鏈斷鏈企業與民眾也恐頓失金流進而造成需求面的大減勢必成為經濟的重大殺傷力由於各國央行利率多已在歷史相對低位調整空間相當有限為預防金流凍結所引發的風暴不得不提供企業或個人充裕的流動性以變現。
就總體面的角度來看提振景氣效果恐不如預期應僅是先防止金融市場的崩壞後續提振狀況仍將視疫情持續時間而定。綜合上述由於大盤上周起數度帶量下殺未見明顯支撐盤勢壓力不容小覷操作仍需謹慎應對投資主軸上以5G基地台伺服器與資料中心等剛性需求概念為投資重點。</t>
  </si>
  <si>
    <t>疫情經濟市場衝擊後續美國可能金融市場投資造成預期宣佈全球引發相當角度企業應對有限資產恐懼恐慌</t>
  </si>
  <si>
    <t>後續美國肺炎有限金融</t>
  </si>
  <si>
    <t>肺炎後續有限金融美國</t>
  </si>
  <si>
    <t>全國封鎖印度延至社會國際</t>
  </si>
  <si>
    <t>印度總理莫迪（Narendra Modi ）週二對全國發表演說時宣佈新冠肺炎防疫封鎖措施的實行期間將延至5月3日。原本為期21天的封鎖措施訂於週二午夜解除。莫迪表示封鎖及其他社會疏離措施已使國家受益儘管經濟成本隨</t>
  </si>
  <si>
    <t>措施封鎖週二莫迪國家modi發表演說全國受益宣佈社會表示肺炎防疫實行解除期間延至原本為期</t>
  </si>
  <si>
    <t>印度總理莫迪（Narendra Modi ）週二對全國發表演說時宣佈新冠肺炎防疫封鎖措施的實行期間將延至5月3日。
原本為期21天的封鎖措施訂於週二午夜解除。
莫迪表示封鎖及其他社會疏離措施已使國家受益儘管經濟成本隨之而來。印度必須遏阻新冠狀病毒擴散並採取更嚴格的措施防止疫情的新熱區出現。莫迪並在演說中感謝印度人民雖忍受艱辛但仍遵守封鎖措施。
印度雖然已經封鎖大部分國土但其新冠肺炎感染病例仍大幅增加。截至當地時間週二上午8時印度衛生部門公佈10363名確診病例與339名死亡病例。</t>
  </si>
  <si>
    <t>措施印度封鎖週二莫迪病例肺炎經濟成本隨之國家衛生部門冠狀病毒受益必須擴散採取嚴格上午</t>
  </si>
  <si>
    <t>印度莫迪新冠肺炎全國封鎖</t>
  </si>
  <si>
    <t>肺炎全國莫迪印度封鎖</t>
  </si>
  <si>
    <t>疫苗以上az類人優先接種</t>
  </si>
  <si>
    <t>中央流行疫情指揮中心指揮官陳時中表示因為疫苗陸續來台預計下周就會配發7萬多劑莫得納疫苗給第一類對象施打因為第一類尚有3成左右人員未施打也就是7萬多人。至於大家關心日本捐贈的124萬劑疫苗相對數目比</t>
  </si>
  <si>
    <t>疫苗施打中心指揮官陳時中日本表示關心至於陸續預計指揮周就會物件莫得納配發捐贈人員尚有疫情流行相對</t>
  </si>
  <si>
    <t>中央流行疫情指揮中心指揮官陳時中表示因為疫苗陸續來台預計下周就會配發7萬多劑莫得納疫苗給第一類對象施打因為第一類尚有3成左右人員未施打也就是7萬多人。
至於大家關心日本捐贈的124萬劑疫苗相對數目比較大因此有先設定相關的目標族群施打當然還是會優先鎖定在會直接接觸病毒或是相關在防疫的第1、2、3類人員；至於長照機構其照顧者、75歲以上長者以及洗腎病人因為有相對重症以及群聚高風險因此也會列在優先施打對象中。
其他施打族群也包含「關鍵設施及產業國防必要人員」因為社會還是要維持基本運作會提供一部份疫苗給上述相關人員讓社會維持運作。
另外少部分大學指考工作人員大概有3000人因為大學指考是非常重要的升學管道還是要維持安全性希望日本捐贈的疫苗可以在6月11日檢驗完成都合格就會進行封緘和配發作業目標6月15日開放施打。
陳時中強調既然是目標接種群就沒有所謂先後問題這些到時候會一起開放施打預估量能100多萬劑可以一起來開放假如每次都按照順序排恐怕施打速度會變太慢假設目標施打群施打的效率越高第二批配發的也比較多重災熱區或中高風險區也會增加配發比例。
接下來重要的是觀察配發下去後的目標族群施打效率若目標族群施打效率較高配送額度就會比較多也會考量較嚴峻疫區增加配送比例。
離島部分會考慮配送比較高的比例因為有可能碰上交通與颱風的問題再來離島區域的醫療量能跟本島有落差醫療資源要互相支援相對可能性較低。
這些基本原則大致已經擬定計畫在禮拜二我們會送交ACIP委員會做討論定案看還有哪些可以思考更完全的會請教專家給我們些建議。</t>
  </si>
  <si>
    <t>施打疫苗目標配發比較相對可以相關人員開放比例維持族群至於問題基本配送重要</t>
  </si>
  <si>
    <t>莫德納疫苗新冠肺炎台灣接種順序</t>
  </si>
  <si>
    <t>肺炎臺灣疫苗接種莫德納順序</t>
  </si>
  <si>
    <t>帝王牛郎曝光裸照真好</t>
  </si>
  <si>
    <t>被稱為「日本第一牛郎」、「夜之帝王」的羅蘭（Roland）年薪高達日幣3億元他開的男公關店發薪也相當闊綽但受到新冠肺炎影響日前宣佈暫時停業。不過羅蘭昨（2日）罕見曬了兩張裸照說：「想要被我擁抱（上床）</t>
  </si>
  <si>
    <t>帝王裸照羅蘭roland罕見年薪達日羅蘭昨停業暫時公關宣佈日前影響想要肺炎相當</t>
  </si>
  <si>
    <t>被稱為「日本第一牛郎」、「夜之帝王」的羅蘭（Roland）年薪高達日幣3億元他開的男公關店發薪也相當闊綽但受到新冠肺炎影響日前宣佈暫時停業。不過羅蘭昨（2日）罕見曬了兩張裸照說：「想要被我擁抱（上床）嗎？」引發粉絲熱烈回應還有人看照後感動表示「能活著真是太好了」。
羅蘭是日本男公關界的傳奇人物許多自負發言更是出名甚至還集結成冊出書、辦「名言展覽」。他曾說：「如果我認真做男公關的話法國的葡萄園大概都要滅絕了」、「你的年薪只是我的時薪」、「世界上只有2種男人我我以為的人」等名言為人津津樂道。
羅蘭日前才剛宣佈他的男公關店「THE CLUB」受到新冠肺炎影響現在可能連員工的薪水、房租都無法負擔讓他相當苦惱不得不暫時停業。不過發文隔日馬上貼出兩張上半身裸照還說：「想要被我擁抱嗎？」由於日文的「抱」有兩種意思經常被引申為發生性關係所以發文一出就引發網友爆動短短1天就近7萬人按讚。
不過羅蘭也補充「各位粉絲在夢中可以自由想像不論如何大家都要好好的。」粉絲看後紛紛表示「好高級的色情」、「啊啊啊好想抱一下」、「我想在現實中抱你」、「好想被你抱在懷裡」、「根本就是大衛雕像啊」、「這照片在發光啊」。
更多 CTWANT 報導</t>
  </si>
  <si>
    <t>公關羅蘭粉絲名言年薪發文相當引發暫時停業宣佈日前日本想要擁抱裸照</t>
  </si>
  <si>
    <t>羅蘭男公關粉絲裸照活著</t>
  </si>
  <si>
    <t>公關粉絲裸照羅蘭</t>
  </si>
  <si>
    <t>陽性者加強版症狀集中檢疫所</t>
  </si>
  <si>
    <t>本土疫情升溫中央流行疫情指揮中心昨將全台升至第3級並要求地方政府在發現確診者後第一時間即6小時內將個案送往檢疫所或醫院。根據統計目前已有500多名輕症、無症狀、快篩陽性者入住加強版集中檢疫所目</t>
  </si>
  <si>
    <t>檢疫所疫情指揮中心入住陽性者症狀全台升至政府要求流行發現目前確診地方統計第一時間醫院</t>
  </si>
  <si>
    <t>檢疫所目前新北醫療要求指揮確診中心建置表示政府地方集中加強版使用醫院旅館防疫症狀</t>
  </si>
  <si>
    <t>加強版集中檢疫所快篩陽性無症狀新冠肺炎</t>
  </si>
  <si>
    <t>陽性症狀檢疫所集中加強版肺炎</t>
  </si>
  <si>
    <t>肺炎太空伊朗看得見隱瞞</t>
  </si>
  <si>
    <t>顯示報導dailymail肺炎郵報確診病例postwashington死亡華盛頓郵報超過之後大利中國大陸疫情伊朗衛星資料影像官方</t>
  </si>
  <si>
    <t>顯示衛星疫情肺炎墓地伊朗馬薩爾科技專家出現萬人塚影像原本區域因應死者防止大都</t>
  </si>
  <si>
    <t>武漢肺炎新型冠狀病毒全球伊朗萬人塚</t>
  </si>
  <si>
    <t>冠狀病毒全球肺炎伊朗武漢萬人塚</t>
  </si>
  <si>
    <t>竟是旁邊國家都是新安全重災區全球</t>
  </si>
  <si>
    <t>新冠肺炎疫情蔓延全球目前國內確診病例仍以境外移入為主相對於大陸、日本、韓國台灣疫情控制備受肯定根據近日公佈的一份國際榜單台灣在「最安全國家」中排行第五名至於全球最安全國家第一名是位於中東地</t>
  </si>
  <si>
    <t>臺灣全球疫情安全國家蔓延目前仍以確診境外病例國內為主相對大陸日本韓國榜單國際公佈控制備受近日肯定中排肺炎</t>
  </si>
  <si>
    <t>新冠肺炎疫情蔓延全球目前國內確診病例仍以境外移入為主相對於大陸、日本、韓國台灣疫情控制備受肯定根據近日公佈的一份國際榜單台灣在「最安全國家」中排行第五名至於全球最安全國家第一名是位於中東地區的以色列最令人意外的是鄰近國家都是這次新冠肺炎的重創區域。
根據《Deep Knowledge Group》網站近日公佈的榜單目前全球最安全國家前五名依序是：以色列、新加坡、紐西蘭、香港及台灣雖然中東地區是這次新冠肺炎的重災區但相對於周圍鄰國災情以色列透過手機App應用程式警示活動範圍與新冠肺炎病患重疊的用戶有效控管疫情大流行。
排名第五的台灣防疫在國際上備受肯定不少國家都公開讚揚包括美國微軟創辦人比爾蓋茲、美國資深藝人芭芭拉史翠珊都曾公開讚美台灣的超前部署WHO也發表聲明正面回應台灣參與案並表示將台灣衛生當局的最佳做法分享給全球。
至於全球安全風險黑名單依序是：美國、義大利、印度、西班牙及伊拉克世界強國美國因確診數居冠成為黑名單榜首緊跟在後的則是死亡人數最多、醫療系統幾乎崩潰的義大利。</t>
  </si>
  <si>
    <t>臺灣國家美國全球以色列肺炎疫情安全相對公開確診黑名單依序是目前近日肯定中東地區備受公佈國際大利榜單</t>
  </si>
  <si>
    <t>最安全國家以色列台灣武漢解封勞工紓困貸款</t>
  </si>
  <si>
    <t>臺灣武漢以色列解封勞工國家紓困安全貸款</t>
  </si>
  <si>
    <t>新用瑞德西韋治療環孢素</t>
  </si>
  <si>
    <t>治療新冠肺炎住院病患可望有全新療法！國衛院近日發布最新研究成果指出使用瑞德西韋搭配一款用於器官移植抗排斥的免疫製劑「環孢素」老藥來治療新冠中、重症患者可達成「一加一大於二」的療效進一步縮短病</t>
  </si>
  <si>
    <t>治療一大于二達成瑞德西韋搭配使用指出用於研究成果器官最新移植發佈近日國衛院排斥免疫療法製劑患者可望</t>
  </si>
  <si>
    <t>使用瑞德西韋病毒肺炎患者環孢素搭配藥物人體降低沒有李秀珠效果目前住院實驗研究團隊進一步發現風暴</t>
  </si>
  <si>
    <t>搭配瑞德治療新效果肺炎</t>
  </si>
  <si>
    <t>治療瑞德效果搭配肺炎</t>
  </si>
  <si>
    <t>特價沒人爆發產品疫情傻眼</t>
  </si>
  <si>
    <t>新冠肺炎疫情擴散造成民眾瘋搶民生物資如口罩、酒精與衛生紙好市多更是出現一次又一次的喪屍潮但如今竟然連某個以前就算特價也沒人想買的東西如今也成為搶手貨讓網友傻眼。女網友在臉書《Costco好市多 商</t>
  </si>
  <si>
    <t>如今擴散造成民眾民生物資疫情口罩酒精傻眼衛生紙女網友網友特價成為搶手貨竟然喪屍</t>
  </si>
  <si>
    <t>新冠肺炎疫情擴散造成民眾瘋搶民生物資如口罩、酒精與衛生紙好市多更是出現一次又一次的喪屍潮但如今竟然連某個以前就算特價也沒人想買的東西如今也成為搶手貨讓網友傻眼。
女網友在臉書《Costco好市多 商品經驗老實說》PO文表示內湖好市多的濕式衛生紙才進入第一天特價就被秒殺買都買不到一問工作人員只得到因為現在是「非常時期」的答案。女網友不解表示這明明就只是上廁所用的濕式衛生紙而已以前特價都沒人要現在竟然變搶手貨店家還無法確定進貨時間實在傻眼。
不少網友也紛紛留言：「乾的搶完就換搶濕的」、「台灣人不缺紙缺智」、「我OK你先大」、「現在只要跟紙有關的大家都要搶？」、「以前沒人要剛剛發現店家還限購」、「穿孔當口罩用嗎」？</t>
  </si>
  <si>
    <t>現在衛生紙以前沒人特價表示女網友搶手貨傻眼店家竟然如今網友濕式口罩擴散造成民眾</t>
  </si>
  <si>
    <t>特價好市多濕式衛生紙武漢肺炎新冠肺炎</t>
  </si>
  <si>
    <t>衛生紙濕式武漢肺炎特價</t>
  </si>
  <si>
    <t>宗為病例確診新增境外香港輸入</t>
  </si>
  <si>
    <t>香港衞生防護中心22日公佈當地新增44宗新冠肺炎確診個案有29宗病例為境外輸入其中7人是留學生；另外15宗是本土感染病例。信報財經報導香港衞生防護中心指出新增患者年齡介於20個月大～72歲。其中境外輸入2</t>
  </si>
  <si>
    <t>病例新增境外輸入中心衛生防護香港本土感染宗是年齡患者當地肺炎留學生個案公佈指出確診財經報導介於</t>
  </si>
  <si>
    <t>香港衞生防護中心22日公佈當地新增44宗新冠肺炎確診個案有29宗病例為境外輸入其中7人是留學生；另外15宗是本土感染病例。
信報財經報導香港衞生防護中心指出新增患者年齡介於20個月大～72歲。其中境外輸入29宗病例多數病患均曾到訪歐美包括7名留學生及一名香港運動員。其中有兩患者屬於加拿大旅行團體此團體至今共7人確診。
對此港大醫學院院長梁卓偉表示香港疫情正處於最高風險階段未來兩周仍會有大批港人從外國返回香港如果市民減少社交接觸無法取得成效香港政府在短期內應考慮限制餐飲業的營業時間。</t>
  </si>
  <si>
    <t>香港病例確診患者留學生新增輸入境外衛生防護中心在短期內香港政府成效取得考慮無法接觸社交減少市民高風險階段周仍會返回未來</t>
  </si>
  <si>
    <t>境外輸入香港新冠肺炎新型冠狀病毒 COVID-19</t>
  </si>
  <si>
    <t>肺炎香港冠狀病毒輸入covid-境外</t>
  </si>
  <si>
    <t>中心孩子健康防護消毒防疫把關</t>
  </si>
  <si>
    <t>因應新冠肺炎高雄市各早療中心及據點不敢大意老師們在療育課程設計運用巧思將洗手、個人衛生習慣、健康促進等內容融入繪本教材課程希望讓孩子養成良好衛生習慣打造強健抵抗力來面對傳染性疾病。為照顧0至6</t>
  </si>
  <si>
    <t>衛生習慣高雄市抵抗力強健中心據點打造老師良好養成課程設計希望孩子面對課程運用教材肺炎融入內容</t>
  </si>
  <si>
    <t>因應新冠肺炎高雄市各早療中心及據點不敢大意老師們在療育課程設計運用巧思將洗手、個人衛生習慣、健康促進等內容融入繪本教材課程希望讓孩子養成良好衛生習慣打造強健抵抗力來面對傳染性疾病。
為照顧0至6歲發展遲緩與身心障礙兒童早療中心工作人員每日清早即投入環境清潔消毒將教室空間、教具輔具、扶手、門把等用酒精進行擦拭更善用戶外陽光進行曝曬殺菌並備好額溫槍、乾洗手液等迎接上課的孩子。
老師們加強每天的環境與用物清潔消毒頻率空間保持通風孩子下課後除了用漂白水也定期推著醫療級的紫外線消毒燈進行教室內全面消毒。
社會局兒福中心表示除管控進出早療中心人員每天也密切注意孩子的精神狀況、食慾、活動力、體溫、洗手等情形監測並緊盯著孩子在機構內的情形期待透過這樣的努力為孩子的照顧與健康把關為防疫守住這一道防線。</t>
  </si>
  <si>
    <t>孩子中心消毒洗手進行照顧健康衛生習慣老師情形空間教室環境清潔防疫把關陽光高雄市擦拭曝曬殺菌傳染性面對</t>
  </si>
  <si>
    <t>孩子中心消毒早療早療中心</t>
  </si>
  <si>
    <t>孩子中心消毒</t>
  </si>
  <si>
    <t>到手疫苗bntcovax分配輝瑞</t>
  </si>
  <si>
    <t>台灣也將有輝瑞／BNT疫苗！根據衛福部疾管署近期公告新冠疫苗冷鏈倉儲採購需求我將採購攝氏負70度冷鏈技術50萬劑由於僅有輝瑞／BNT疫苗需要在零下70度的保存條件因此估算我國應可從COVAX配貨50萬劑量不過</t>
  </si>
  <si>
    <t>疫苗輝瑞bnt冷鏈應可我國估算採購條件covax保存零下需要管署公告衛福部技術近期倉儲需求劑量</t>
  </si>
  <si>
    <t>台灣也將有輝瑞／BNT疫苗！根據衛福部疾管署近期公告新冠疫苗冷鏈倉儲採購需求我將採購攝氏負70度冷鏈技術50萬劑由於僅有輝瑞／BNT疫苗需要在零下70度的保存條件因此估算我國應可從COVAX配貨50萬劑量不過指揮中心強調數量暫時未定。
我國自COVAX平臺共購買476萬劑疫苗目前AZ疫苗已經到貨199萬劑。由於我國花了較多的金額可獲得選擇疫苗的權利因此目前選擇品牌包含AZ、輝瑞／BNT與賽諾菲。
根據招標公告倉儲溫度包含-70℃±10℃(約50萬劑)、-20℃±5℃(約100萬劑)及2至8℃(約270萬劑)第一項的保存條件應是指輝瑞／BNT疫苗-20℃±5℃則是莫德納的保存條件至於2至8℃(約270萬劑)則是AZ疫苗。
從公告招標的攝氏負70度冷鏈技術50萬劑應是為了從COVAX購得的輝瑞／BNT疫苗而準備。
指揮中心今天上午則表示「COVID-19疫苗14083萬劑倉儲物流與配送」採購案包含COVID-19 AstraZeneca(AZ)廠牌疫苗9883萬劑(倉儲溫度2-8℃)及COVAX平臺供應420萬劑(倉儲溫度包含-70℃±10℃、-20℃±5℃及2至8℃)之國際運輸及國內配送等採購作業以利疫苗運送保管過程符合原廠冷鏈與國內藥品實施優良運銷規範（GDP）等相關規範確保疫苗品質及接種效益。
指揮中心表示由於COVAX平臺之候選疫苗種類多現階段尚無法獲知實際供應廠牌及數量然為利廠商投標時評估所需冷鏈設備及投標金額爰以該三項溫層及粗估數量提供估算採開口合約視未來實際供應之倉儲溫度項目、數量及執行項目結算並以決標契約價金為上限不受預估數量限制。</t>
  </si>
  <si>
    <t>疫苗數量冷鏈倉儲covaxbnt輝瑞az包含我國採購中心公告指揮平臺溫度供應金額條件估算國內保存實際投標covid-</t>
  </si>
  <si>
    <t>疫苗輝瑞BNT50萬劑COVAX</t>
  </si>
  <si>
    <t>輝瑞covaxbnt疫苗</t>
  </si>
  <si>
    <t>流感疫苗降低誤認施打</t>
  </si>
  <si>
    <t>新冠肺炎可能在秋冬捲土重來屆時將直接碰上流感的衝擊。專家表示過去流感季節國外曾出現醫療量能崩潰的情況加護病房被佔滿排擠了其他病患的需求今年流感季節碰上新冠肺炎醫療整備必須做好流感疫苗的</t>
  </si>
  <si>
    <t>流感醫療季節碰上肺炎病房被占情況排擠崩潰秋冬出現直接捲土重來國外需求屆時今年整備</t>
  </si>
  <si>
    <t>新冠肺炎可能在秋冬捲土重來屆時將直接碰上流感的衝擊。專家表示過去流感季節國外曾出現醫療量能崩潰的情況加護病房被佔滿排擠了其他病患的需求今年流感季節碰上新冠肺炎醫療整備必須做好流感疫苗的接種也是重點接種率高新冠肺炎才能在臨床上被凸顯政府也應協助快篩的使用讓臨床醫師能有效地做出診斷。
台大醫院感染科主任陳宜君表示流感的表現與新冠肺炎類似若要將兩者區別今年流感疫苗的接種將是一大重點施打率高群體保護力就高臨床上新冠肺炎的病患也能更被凸顯。
中央流行疫情指揮中心發言人莊人祥表示受新冠肺炎衝擊許多人都戴起口罩流感的案例相當少秋冬流感會不會升溫還值得觀察。今年公費流感疫苗共採購約600萬劑可供2成5的民眾施打。若疫苗接種率高、流感病毒變異太大加上口罩遵從度高相信秋冬流感對新冠肺炎的衝擊不大。
至於快篩的使用目前食藥署已核可數家廠商的產品。莊人祥表示醫療院所若需使用應採用抗原快篩抗原快篩能找出當下的感染者抗體快篩則是找出曾經感染者。各家醫療院所要不要進貨取決於各家醫療院所的政策以及快篩仿單的規定。醫療院所若要使用指揮中心不反對但若要確定是否感染新冠病毒還需搭配核酸檢測以核酸檢測結果為主。</t>
  </si>
  <si>
    <t>流感醫療肺炎表示使用今年院所流感疫苗接種臨床衝擊秋冬感染病毒口罩莊人祥</t>
  </si>
  <si>
    <t>肺炎秋冬快篩接種感染</t>
  </si>
  <si>
    <t>接種秋冬感染肺炎</t>
  </si>
  <si>
    <t>沒穿返台防護衣夫妻指揮確診中心證實孟加拉</t>
  </si>
  <si>
    <t>打破連續13天零確診中央流行疫情指揮中心昨公佈2例自孟加拉返國的中年夫妻確診返台前因其妻未取得2此採檢陰性證明今遭爆料自稱全程戴口罩、著防護衣的兩人其實根本。指揮中心今天證實經調閱錄影帶跟照片確認</t>
  </si>
  <si>
    <t>中心指揮確診調閱證實今天流行證明自稱陰性全程取得口罩疫情根本防護衣台前其實</t>
  </si>
  <si>
    <t>打破連續13天零確診中央流行疫情指揮中心昨公佈2例自孟加拉返國的中年夫妻確診返台前因其妻未取得2此採檢陰性證明今遭爆料自稱全程戴口罩、著防護衣的兩人其實根本。指揮中心今天證實經調閱錄影帶跟照片確認兩人的確僅戴口罩沒著防護衣涉及疫調不實已經請地方衛生局進行調查。
案444（50多歲男性）以及案445（40多歲女性）為夫婦分別於今年1月下旬及3月上旬至孟加拉工作6月12日一同自孟加拉搭機至馬來西亞並於13日自馬來西亞搭乘專機返國。
兩人先前均於孟加拉當地確診後住院治療但返台前僅先生符合二次採檢陰性的返台規定太太則自述因孟加拉當地病患太多被迫出院無法再次採檢返台前僅經一次採檢陰性。
指揮中心原本考量兩人供述搭機返台時均全程配戴口罩、穿著防護衣入境後也主動通報未接觸國內親友傳染給他人的風險大幅降低因此暫不開罰沒想到遭到料最新爆料卻完全不是這一回事。
中央流行疫情指揮中心發言人莊人祥表示不只媒體報導指揮中心也接獲民眾爆料「兩位確診者似乎沒有像外傳的穿防護衣上飛機」經調錄影帶跟照片 發現兩人都有戴口罩但的確是沒有穿防護衣。
由於指揮中心昨發布的疫調新聞稿載明「案444與案445搭機返台時均有戴口罩、著防護衣」莊人祥強調疫調內容是疫調人員對兩人進行的如今涉及不實記載將交由地方衛生局調查詢問查明究竟是哪裡出了問題。若能歸究於病人交由衛生局認定可以傳染病防治法第43條接受疫調時不得拒絕、規避或妨礙否則可開罰6萬到30萬元。
莊人祥說按目前規定在海外確診的國人如果要返台必須符合兩個條件一是從發病到登機必須間隔2個月且症狀已緩解；一是必須二次採檢陰性。針對確診者雖不要求全程穿防護衣但最好可以事先告知航空公司才好安排座位讓機組人員可以防範但這兩人也沒有跟航空公司講所幸機組人員都有穿隔離衣。
莊人祥強調確診者搭機回台最重要的還是要戴口罩事實上只要戴好口罩就能有效大幅降低傳染給他人的風險。</t>
  </si>
  <si>
    <t>確診防護衣中心指揮孟加拉口罩返台陰性可以衛生局沒有必須全程</t>
  </si>
  <si>
    <t>孟加拉確診夫妻防護衣莊人祥指揮中心</t>
  </si>
  <si>
    <t>夫妻莊人祥防護衣確診指揮中心孟加拉</t>
  </si>
  <si>
    <t>提供安排大陸疫苗願意陸委會台辦回應</t>
  </si>
  <si>
    <t>針對大陸新冠病毒疫苗是否輸入台灣的議題大陸國台辦24日晚間再度表態稱陸方「願意迅速作出安排讓廣大台灣同胞盡快有大陸疫苗可用」並稱如果有需要大陸也願意「積極考慮向台灣派出疫情防控專家。」國台辦</t>
  </si>
  <si>
    <t>大陸願意臺灣疫苗台辦是否陸方迅速作出安排表態儘快疫情再度臺灣同胞晚間派出輸入需要考慮積極議題病毒防控</t>
  </si>
  <si>
    <t>針對大陸新冠病毒疫苗是否輸入台灣的議題大陸國台辦24日晚間再度表態稱陸方「願意迅速作出安排讓廣大台灣同胞盡快有大陸疫苗可用」並稱如果有需要大陸也願意「積極考慮向台灣派出疫情防控專家。」
國台辦發言人朱鳳蓮24日表示針對當前臺灣疫情肆虐國台辦多次強調願意盡最大努力協助廣大台灣同胞加強疫情防控盡快戰勝疫情。面對島內日趨嚴峻的疫情和廣大臺胞不斷承受的防疫壓力島內一些團體和人士不斷呼籲採購大陸疫苗我們的態度非常明確願意迅速作出安排讓廣大台灣同胞盡快有大陸疫苗可用。如果有需要「也願意積極考慮向台灣派出疫情防控專家與台灣醫療衛生人士分享抗疫經驗」提供防疫諮詢。
朱鳳蓮呼籲民進黨當局利用政治操弄轉移視線是對廣大台灣同胞極不負責任的做法要立即停止各種對大陸協助廣大台灣同胞抗疫進行的汙衊抹黑採取切實行動去除人為障礙讓廣大台灣同胞的生命健康、利益福祉儘早得到應有的保障。
對此陸委會回應陸方從未透過兩岸既有管道向我方提出陸方疫苗的有關資訊卻每每藉台灣內部疫情升溫時放話批評我政府阻撓陸製疫苗輸入這種明顯的統戰分化操作台灣社會非常明瞭國際社會也都清楚認知。台灣向外取得疫苗受到何種阻撓對岸心知肚明眾人也已週知多言無益。
不過針對大陸提供台灣疫苗事宜立委陳玉珍曾表示去年十月東洋董事長林全曾主動找衛福部長陳時中告知已有能力取得ＢＮＴ疫苗至多三千萬劑算不算正式訊息？陳時中也曾承認香港雅各臣去年曾透過一九二二、部長信箱表達供應ＢＮＴ疫苗意願算不算正式管道？
陳玉珍說當前臺灣疫情嚴峻既然上海復星都公開表達願提供疫苗給台灣蔡政府若真有心防疫、保障國人健康就應「主動連繫」不要講一些五四三只是因意識型態作祟就是不想跟大陸買疫苗。</t>
  </si>
  <si>
    <t>疫苗臺灣大陸疫情臺灣同胞願意防疫陸方提供台辦主動保障健康透過呼籲陳時中表示朱鳳蓮去年人士防控管道阻撓部長</t>
  </si>
  <si>
    <t>疫苗新冠肺炎台灣大陸朱鳳蓮</t>
  </si>
  <si>
    <t>肺炎臺灣大陸疫苗朱鳳蓮</t>
  </si>
  <si>
    <t>《紡纖股》獎勵補貼、擴建新產能新纖戰季線反壓</t>
  </si>
  <si>
    <t>產能補貼建新戰季線獎勵</t>
  </si>
  <si>
    <t>新纖(1409)去年底公告其杭州廠將搬遷原訂2020年中結束營業春節期間即為停工狀態因此不受影響；杭州廠的搬遷補償及獎勵補貼為人民幣78億元公司表示因有稅負問題須考慮尚無法確定可認列獲利金額；此外新</t>
  </si>
  <si>
    <t>杭州搬遷確定無法考慮問題稅負表示公司人民幣補貼春節期間停工結束營業獎勵狀態補償原訂</t>
  </si>
  <si>
    <t>新纖(1409)去年底公告其杭州廠將搬遷原訂2020年中結束營業春節期間即為停工狀態因此不受影響；杭州廠的搬遷補償及獎勵補貼為人民幣78億元公司表示因有稅負問題須考慮尚無法確定可認列獲利金額；此外新纖亦公告將在揚州建新的工程塑膠廠預估最快2021年完工。
新纖今早盤逆勢反彈挑戰季線反壓。
市場揣測新冠肺炎影響中國產能生產及運輸新纖聚酯纖維可望有轉單的受惠題材。但法人指出新纖已在數年前將纖維產品由大宗規格轉作特殊規格因此並沒有因中國疫情蔓延而出現轉單受惠。新纖目前在台灣的工廠為聚酯粒與聚酯纖維聚酯粒的銷售地區以日本、東南亞為主。
法人指出由於飲料業者對回收酯粒的需求提升新纖於2020年1月與三菱商事簽約在泰國廠擴建21萬噸聚酯粒產能其中R-PET(回收酯粒)可占50%若3月順利通過環評預計明年4Q可望完工屆時新纖將切入R-PET上游對營運將是另一挹注。
新纖也公告將在5月28日舉行股東會3月20到3月25日暫停融券賣出股票。</t>
  </si>
  <si>
    <t>公告聚酯影響中國回收r-pet聚酯纖維法人指出搬遷完工杭州可望受惠規格暫停問題</t>
  </si>
  <si>
    <t>新纖纖維聚酯粒3月獎勵</t>
  </si>
  <si>
    <t>聚酯纖維獎勵</t>
  </si>
  <si>
    <t>承認打法美國高端混打算數</t>
  </si>
  <si>
    <t>不少民眾選擇疫苗廠牌除了考慮保護力之外也會考量到未來出國能否被承認。對此醫師陳昶宇表示無論是混打AZ＋莫德納、AZ＋BNT還是打2劑高端恐怕都無法被美國承認為完全接種因為美國疾病管制與預防中心（</t>
  </si>
  <si>
    <t>承認美國az考慮保護之外無法高端考量恐怕陳昶宇未來醫師對此出國能否疾病接種完全bnt莫德納</t>
  </si>
  <si>
    <t>不少民眾選擇疫苗廠牌除了考慮保護力之外也會考量到未來出國能否被承認。對此醫師陳昶宇表示無論是混打AZ＋莫德納、AZ＋BNT還是打2劑高端恐怕都無法被美國承認為完全接種因為美國疾病管制與預防中心（CDC）目前認可的完全接種是打了2劑BNT、莫德納或是1劑嬌生另WHO緊急授權的2劑AZ也算數。但也不排除相關規定未來會改。
陳昶宇昨在臉書發文分享AZ混打BNT或莫德納在美國可能被視為沒有完成兩劑疫苗接種。根據美國疾病管制與預防中心（CDC）的規定完全接種（Fully Vaccinated）的定義包括美國認可的兩劑BNT、兩劑莫德納或一劑嬌生以及符合世衛組織（WHO）緊急授權的兩劑AZ疫苗如果沒有完全接種須自我隔離7天。
陳昶宇指出混打兩劑疫苗不論是AZ＋莫德納還是AZ＋BNT目前都沒有被包括在完全接種的裡面也就是說混打疫苗的人入境美國可能會需要自我隔離7天。
陳昶宇表示疫苗混打的根本原因是因為供貨不穩定效果與副作用都各有優劣也不是每個國家都承認混打因此本來就不是都有好處因此不需要強求混打。當然隨著世界上越來越多國家開始實施混打也許美國未來會修改相關規定。
有網友好奇詢問那如果在台灣接種了兩劑高端疫苗呢？陳昶宇留言回應同樣是要自我隔離7天沒符合完全接種規定的人通通都是自我隔離7天。另也有網友表示他以為大家打疫苗是為了提升保護力但原來許多民眾都是為了出國一種疫苗等於通行證的概念？
中央流行疫情指揮中心指揮官陳時中日前曾在記者會上表示與美國在臺協會臺北辦事處新任處長孫曉雅談論到疫苗雙邊認證、數位接種證明、出入境證明等議題時在疫苗雙邊認證方面我方將會提出高端疫苗因為美國對高端疫苗也相當重視。</t>
  </si>
  <si>
    <t>疫苗混打接種美國完全兩劑az表示規定隔離高端莫德納bnt承認未來中心出國沒有認證</t>
  </si>
  <si>
    <t>混打AZ接種兩劑陳昶宇</t>
  </si>
  <si>
    <t>接種兩劑az陳昶宇混打</t>
  </si>
  <si>
    <t>快易通app小時招順利疫苗預約</t>
  </si>
  <si>
    <t>疫情指揮中心日前開放符合資格的民眾至「COVID-19疫苗預約平臺」預約接種意願今發送第一輪開放預約的簡訊沒想到收到簡訊的民眾瞬間湧入「1922」網站及「健保快易通」App造成掛點網友怨聲連連事實上除了上</t>
  </si>
  <si>
    <t>開放民眾預約簡訊網友掛點造成app快易通符合怨聲資格網站湧入瞬間日前連連接種平臺疫苗發送covid-收到想到中心意願</t>
  </si>
  <si>
    <t>疫情指揮中心日前開放符合資格的民眾至「COVID-19疫苗預約平臺」預約接種意願今發送第一輪開放預約的簡訊沒想到收到簡訊的民眾瞬間湧入「1922」網站及「健保快易通」App造成掛點網友怨聲連連事實上除了上述2種方式外還可至超商、藥局及附近衛生所插入健保卡預約。
指揮中心日前開放第9、10類人登記接種意願資格為18至64歲有重大疾病病患及50至64歲成人並於今早陸續發送符合資格第一梯次預約簡訊大批民眾湧入1922網站及「健保快易通」App登記接種時間及地點造成系統大當機。
事實上民眾除了至「1922govtw網站」及「健保快易通」進行預約外也可持個人健保卡至超商事務機、藥局、衛生所插卡預約亦能選擇施打地點及時段而第一梯次收到簡訊的民眾最快於7月16日就可打到AZ疫苗。
★《中時新聞網》提醒您：因應新冠肺炎疫情疾管署持續加強疫情監測與邊境管制措施 如有疑似症狀請撥打：1922專線或 0800-001922 並依指示配戴口罩儘速就醫同時主動告知醫師旅遊史及接觸史以利及時診斷及通報。</t>
  </si>
  <si>
    <t>預約民眾資格疫情簡訊接種開放事實上疫苗地點造成快易通符合登記梯次衛生所收到發送藥局接觸史及</t>
  </si>
  <si>
    <t>新冠肺炎預約健保快易通App疫苗</t>
  </si>
  <si>
    <t>預約肺炎快易通app疫苗</t>
  </si>
  <si>
    <t>中心小英謊言陳時中絆腳石搬開指揮</t>
  </si>
  <si>
    <t>本土疫情不斷升溫截至2日已有149人死亡超越SARS時期紀錄。國民黨立委鄭麗文指出「沒有全面篩檢」、「官僚文化處處阻擋」、「全台灣不敢逆時中」是台灣防疫失敗的三大主因；痛批在衛福部部長陳時中的帶領下指</t>
  </si>
  <si>
    <t>臺灣截至陳時部長衛福部批在死亡超越主因sars時期三大紀錄失敗升溫國民黨防疫中的鄭麗文指出沒有不敢</t>
  </si>
  <si>
    <t>本土疫情不斷升溫截至2日已有149人死亡超越SARS時期紀錄。國民黨立委鄭麗文指出「沒有全面篩檢」、「官僚文化處處阻擋」、「全台灣不敢逆時中」是台灣防疫失敗的三大主因；痛批在衛福部部長陳時中的帶領下指揮中心已成「謊言中心」台灣人要想活命就必須下架陳時中更奉勸總統蔡英文必須把陳時中這個絆腳石搬開台灣的防疫才有機會成功。
鄭麗文昨日（2）在臉書發文表示「沒有全面篩檢」、「官僚文化處處阻擋」、「全台灣不敢逆時中」是台灣防疫失敗的三大主因。其中包括陳時中所做的「3+11」錯誤決策是今天台灣疫情的元兇陳更在國會公然說謊、甩鍋立委們要求他說清楚決策的過程卻拿到一紙公文說「沒有會議記錄」可見陳到今天竟然都還在騙。
鄭麗文進一步痛批指揮中心如今已成「謊言中心」因衛福部多次下架、修改官網正式公佈的公文2月在官網正式公佈BNT取得了台灣緊急授權卻在4月27日下架對外說BNT無緊急授權、沒有藥證所以不能進口；台灣拿不到BNT從頭到尾充滿黑幕充滿陰謀論因為指揮中心買不到所以也不准民間買嗎？她要求衛福部提出說明送到國會來的公文卻是滿紙謊言衛福部如何向全民交代？
此外鄭麗文更抨擊陳時中在1年多的時間所有該做的通通都沒做現在死亡人數已經將近是SARS的3倍100多條人命換不到陳的幡然悔悟換不到蔡英文的任何關切只會在高端股價跌停板後立刻出來開記者會可見民進黨在乎的不是病床數字、不是人命的數字而是只在乎高端股價的數字。
綜觀以上鄭麗文強調國民黨全力支持研發國產疫苗但要給國人施打當然必須有WHO國際認證不能讓國人當白老鼠所以蔡政府趕緊進口國際認證的疫苗讓全民施打。至於陳時中一再說謊、故意釋放假消息、故意誤導全民從頭到尾都在迴避所有的監督所有的承諾沒有一件事情有真正兌現陳的錯誤、失職、說謊、阻擋已經成為防疫最大絆腳石她呼籲蔡英文必須把這個絆腳石搬開台灣的防疫才有機會成功。</t>
  </si>
  <si>
    <t>臺灣鄭麗文沒有衛福部陳時中中心必須防疫說謊蔡英文bnt指揮可見謊言國會全民要求阻擋死亡疫苗國人</t>
  </si>
  <si>
    <t>陳時中鄭麗文台灣疫苗新冠肺炎</t>
  </si>
  <si>
    <t>疫苗臺灣鄭麗文陳時中肺炎</t>
  </si>
  <si>
    <t>警戒盧秀燕前提疫情全國態度</t>
  </si>
  <si>
    <t>中央宣佈全國疫情警戒自7月27日起降為2級台中市長盧秀燕23日指出距離場域開放措施以及防疫措施還有幾天時間台中將採「1前提、2態度」確保防疫安全漸進式開放而非為了開放而開放每個場域開放與否及程</t>
  </si>
  <si>
    <t>台中防疫開放措施警戒盧秀燕前提態度距離指出疫情降為市長確保時間還有全國安全宣佈中央</t>
  </si>
  <si>
    <t>中央宣佈全國疫情警戒自7月27日起降為2級台中市長盧秀燕23日指出距離場域開放措施以及防疫措施還有幾天時間台中將採「1前提、2態度」確保防疫安全漸進式開放而非為了開放而開放每個場域開放與否及程度要視「防疫安全」為前提不會一步到位。
台中市長盧秀燕說台中市注射覆蓋率佔全市281萬多人口僅2293％還有77％左右的市民對病毒是沒有防護力要小心翼翼且很謹慎就算中央宣佈解封、鬆綁台中市仍秉持「穩定、漸進式解封」全國僅25％的人注射疫苗一定要重視解封的防疫安全。
盧秀燕指出全市765家幼兒園共8萬3千名孩童將恢復場域開放幼兒除受到照顧讓家庭及父母可以恢復正常上班、生活但不包括課照中心之前已經公佈解封。
盧秀燕表示文化場域也將漸進式鬆綁開放另民政系統包括宗教場域儀式等另5大局處管理的場域及行業陸續解封至於補習班是否開放？全市一般課程、才藝補習班2900家從業人員2萬5000人尚未施打疫苗若要開放必須謹慎確保防疫安全盡快研究一旦有結果將報告宣佈。
盧秀燕說另外飲食內用顧及防疫安全　目前各縣市都在討論中台中市政府將盡快研擬一旦有結果將對外界宣佈。</t>
  </si>
  <si>
    <t>開放防疫盧秀燕安全解封台中全市宣佈包括鬆綁謹慎注射疫苗補習班全國指出儘快還有前提市長確保</t>
  </si>
  <si>
    <t>開放盧秀燕新冠肺炎解封防疫</t>
  </si>
  <si>
    <t>肺炎盧秀燕解封防疫開放</t>
  </si>
  <si>
    <t>車門便當駕駛糾正傻眼口罩</t>
  </si>
  <si>
    <t>全國三級警戒民眾外出一定得戴口罩不過有些戶外工作者相當無奈喝水、吃飯都得偷偷摸摸深怕被人檢舉搞得像過街老鼠。一名網友抱怨他獨自一人關車門在車內吃便當竟然被人敲窗提醒要「戴口罩」讓他相當</t>
  </si>
  <si>
    <t>口罩相當一定戶外工作者無奈獨自一人抱怨車門網友提醒車內過街老鼠都得便當吃飯偷偷摸摸竟然檢舉深怕</t>
  </si>
  <si>
    <t>全國三級警戒民眾外出一定得戴口罩不過有些戶外工作者相當無奈喝水、吃飯都得偷偷摸摸深怕被人檢舉搞得像過街老鼠。一名網友抱怨他獨自一人關車門在車內吃便當竟然被人敲窗提醒要「戴口罩」讓他相當無奈：怎麼吃？
一名網友在臉書社團《爆廢公社》發文表示自己一人車門關起來吃個飯剛脫下口罩就被某熱血民眾敲門提醒：「先生疫情現在很嚴重請你戴口罩好嗎？」。這名網友無奈表示手都拿便當了戴口罩是要怎麼吃？忍不住感嘆：「疫情防護人人有責」、「長點腦可以嗎」。
許多網友看了紛紛回應：「口罩正義魔人過頭了」、「一堆過度正義假掰的人」、「矯枉過正過頭了」、「在車上一個人可以吃吧？不是有解釋過了嗎？」、「自己一個在車裡吃 還要戴口罩吃 是腦袋有問題嗎」、「叫那個人先表演戴口罩吃便當給你看」、「別說了！在工地我們遇到那種無腦的不知從哪跑來的熱心民眾在我們休息吃飯時跑進來跟我們說要戴口罩我才要問他你是住海邊還有你進來不用帶工地安全帽嗎？」。
事實上中央流行疫情指揮中心21日就已經統一宣佈表示如果兩人以上同車需要配戴口罩但如果是一個人在車內則不需要因此一個人在車內吃飯當然也不需要戴口罩。
此外針對工人、外送員在外吃飯、喝水怕挨罰臺北市長柯文哲也表示外出戴口罩是個原則不要把原則弄得硬梆梆在空曠的地方、身旁5公尺沒人還是可以吃飯但也不是讓大家開始在公園草地野餐「老百姓水準夠高就知道怎麼做」。</t>
  </si>
  <si>
    <t>口罩吃飯網友表示疫情可以民眾便當無奈工地車內進來提醒需要車門外出</t>
  </si>
  <si>
    <t>新冠肺炎台灣戶外工作工人外送員</t>
  </si>
  <si>
    <t>戶外工作臺灣工人肺炎</t>
  </si>
  <si>
    <t>經濟體重創</t>
  </si>
  <si>
    <t>在新冠肺炎疫情火速延燒下據約翰霍普金斯大學（Johns Hopkins University）統計至今全球有超過72萬人確診破34萬人喪生。據CNBC新聞網30日報導貝倫堡（Berenberg）分析師認為這次新冠疫情爆發意味著所有</t>
  </si>
  <si>
    <t>疫情認為cnbc全球新聞網統計報導至今university貝倫hopkinsjohnsberenberg分析約翰霍普金斯大學確診超過喪生肺炎</t>
  </si>
  <si>
    <t>在新冠肺炎疫情火速延燒下據約翰霍普金斯大學（Johns Hopkins University）統計至今全球有超過72萬人確診破34萬人喪生。
據CNBC新聞網30日報導貝倫堡（Berenberg）分析師認為這次新冠疫情爆發意味著所有已開發經濟體今年都將出現衰退。一名分析師指出由於部份空前的封城措施佷可能持續好幾個月全球各地經濟體可能陷入「深凍」（deep freeze）期。
隨著這衛生危機變本加厲意味世界各國實質上不得不封鎖大大限制了數十億人的生活。
英國智庫經濟學人資訊社（Economist Intelligence UnitEIU）首席分析師奧克森福德（Matthew Oxenford）說目前的關鍵在於要嘗試做些全世界都沒做過的事。
他指出那就是把多數經濟體裝上維生系統進入某種「深凍」狀態好在3個月更可能是6個月後再從蟄伏中甦醒。</t>
  </si>
  <si>
    <t>經濟體分析可能指出全球疫情實質世界意味限制大大變本加厲封鎖不得不危機衛生johns資訊社cnbc</t>
  </si>
  <si>
    <t>武漢肺炎新型冠狀病毒全球美國經濟</t>
  </si>
  <si>
    <t>冠狀全球病毒肺炎美國武漢經濟</t>
  </si>
  <si>
    <t>確診韓國肺炎累計新增</t>
  </si>
  <si>
    <t>韓國中央防疫對策本部通報至今天淩晨零時2019年冠狀病毒疾病（COVID-19武漢肺炎）確診病例達8565例較18日增加152例；連同稍早確認的病例死亡人數增至92例。新增確診數時隔4天又回到100例以上其中109例來</t>
  </si>
  <si>
    <t>確診病例本部通報今天淩晨冠狀病毒對策疾病新增covid-武漢肺炎增至確認死亡人數回到時隔防疫增加</t>
  </si>
  <si>
    <t>韓國中央防疫對策本部通報至今天淩晨零時2019年冠狀病毒疾病（COVID-19武漢肺炎）確診病例達8565例較18日增加152例；連同稍早確認的病例死亡人數增至92例。
新增確診數時隔4天又回到100例以上其中109例來自大邱（97例）及慶尚北道（12例）地區主因大邱一家療養醫院發生群聚感染至少有75例確診使新增病例激增。
大邱市先前因爆發新天地教會群聚感染一天內新增確診數最高曾達741例的紀錄之後疫情持續減緩但近期又出現電話客服中心、療養醫院等小規模群聚感染確診數再次出現增加趨勢。大邱市至今累計確診6241例居首。
其他新增病例集中在首都圈首爾市12例、京畿道18例；其他地區蔚山6例忠清北道、全羅北道各1例檢疫5例。
韓國聯合新聞通訊社報導死亡病例截至淩晨零時較18日增加7例連同稍早確認的慶尚北道一名81歲男性患者不治累計92例；解除隔離人數增加407例共計1947例。
韓國境內接受篩檢人數已超過30萬其中28萬2555人為陰性1萬5904人仍在等待結果揭曉。</t>
  </si>
  <si>
    <t>確診病例新增人數增加韓國感染淩晨死亡累計療養醫院慶尚地區確認陰性通報</t>
  </si>
  <si>
    <t>病例增加人數感染大邱市</t>
  </si>
  <si>
    <t>人數感染增加病例</t>
  </si>
  <si>
    <t>健康東京新安防疫升級</t>
  </si>
  <si>
    <t>繼富邦產、國泰產以及旺旺友聯產之後為防疫以及提供保戶更多保障新安東京海上產也將旗下健康險再升級包括取消法定傳染病等待期等五大保障。新安東京海上產險表示為了提昇民眾健康保障推出升級版的「健康禦</t>
  </si>
  <si>
    <t>保障健康升級新安東京海上防疫提供保戶包括取消將旗傳染病民眾等待提升五大產險表示國泰之後推出友聯</t>
  </si>
  <si>
    <t>繼富邦產、國泰產以及旺旺友聯產之後為防疫以及提供保戶更多保障新安東京海上產也將旗下健康險再升級包括取消法定傳染病等待期等五大保障。
新安東京海上產險表示為了提昇民眾健康保障推出升級版的「健康禦守+」健康保險主要的五大保障為：一、取消因罹患新冠肺炎、登革熱等法定傳染病等待期；二、保戶經確診罹患約定的法定傳染病將額外給付法定傳染病補償金；三、保障範圍不分海內外；四、一次住院達90日以上者提供住院日額500倍的高額突發傷病特別慰問金；五、不分職業類別、不須體檢都可投保守護民眾健康更全面健康防護好心安。
為減輕國人面對法定傳染病等突發傷病之壓力新安東京海上產險推出針對法定傳染病的保單除新冠肺炎外其他如登革熱、流感併發重症等法定傳染病都包含在內若保戶經確診將一次性給付法定傳染病補償保險金尤其保障範圍不分海內外提供保戶最完整防護網。新安東京海上產險副總經理呂文泉表示新安東京海上產險「健康禦守+」健康保險不僅保障法定傳染病連海內外突發傷病也涵蓋應是市場保障範圍最廣的防疫保單且保費相對傳統壽險便宜不限職業類別都可投保民眾無需特別體檢可減少投保時的困擾與費用貼心守護國人健康。
呂文泉說新安東京海上產險「健康禦守+」健康保險也保障擴及海外也就是隨著疫情緩解若國際商旅活動解禁當保戶海外旅遊經醫師確診為法定傳染病時可領取1~3萬元不等的補償保險金若因新冠肺炎住進負壓隔離病房每日給付可達3000~9000元當連續住院90日以上則可領走50~150萬元不等的一次性的突發傷病特別慰問金。另外還可選擇附加投保「突發傷病住院回診保險金」、「突發傷病住院照護費用保險金」相關醫囑回診或住院時每次或每日可獲得1000~3000元理賠金讓保戶更無後顧之憂專心對抗病毒。</t>
  </si>
  <si>
    <t>傳染病保障保戶健康突發傷病住院海上東京新安投保保險金提供不分給付海內外範圍產險肺炎確診特別民眾</t>
  </si>
  <si>
    <t>法定傳染病保戶突發傷病新安東京海上產險</t>
  </si>
  <si>
    <t>新安傷病突發東京海上保戶產險傳染病</t>
  </si>
  <si>
    <t>防疫網友衣露興奮名義疫苗</t>
  </si>
  <si>
    <t>新冠肺癌病毒肆虐全球為鼓勵民眾施打COVID-19疫苗增加身體保護力21日開始日本政府實施企業、大學等「職域接種」引發各界關注。不過當地電視台拍攝長髮正妹小露香肩接種疫苗的畫面意外讓日本、台灣網友超</t>
  </si>
  <si>
    <t>疫苗接種肆虐全球鼓勵民眾意外施打畫面covid-病毒增加身體保護開始日本政府實施長髮拍攝企業大學露香</t>
  </si>
  <si>
    <t>新冠肺癌病毒肆虐全球為鼓勵民眾施打COVID-19疫苗增加身體保護力21日開始日本政府實施企業、大學等「職域接種」引發各界關注。不過當地電視台拍攝長髮正妹小露香肩接種疫苗的畫面意外讓日本、台灣網友超興奮連PTT鄉民都群起報名「想當接種義工」。
透過PTT轉發的日本電視翻攝圖可以得知畫面裡一頭長髮飄逸的正妹雖然臉戴白色口罩顏值如何不得而知但睫毛濃密、氣質出眾的模樣已經叫人想入非非加上施打疫苗時她性感的拉下襯衫露出雪白香肩和纖細手臂接受醫護人員的酒精消毒唯美畫面讓台日網友不小心又戀愛了紛紛在自己國家的熱門論壇上留言驚呼「看起來很香」、「肩膀好美我想舔了」。
連平日嚴苛審美的台灣PTT鄉民都爭先恐後的嚷嚷想當接種疫苗的義工如癡漢表示「我想當疫苗了」、「女人最美的部位」、「一整天能幫1、2個正妹接踵偶jo滿足惹」、「日本妹腋下一定很乾淨又香」、「感覺好正」。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疫苗接種畫面口罩ptt身體施打務必日本網友臺灣防疫長髮專線鄉民</t>
  </si>
  <si>
    <t>義工電視台PTT肩膀香肩</t>
  </si>
  <si>
    <t>電視臺肩膀ptt義工</t>
  </si>
  <si>
    <t>確診學生臨界點北部感染社區高中全校首例全台停課</t>
  </si>
  <si>
    <t>中央流行疫情指揮中心昨天公佈國內新增8例新冠肺炎病例累積個案達108例。新增個案中其中7例為境外移入唯一本土個案就是國內首例高中生染疫（59案）的同班鄰座同學（103案）指揮中心緊急宣佈該北部高中全校</t>
  </si>
  <si>
    <t>中心國內個案指揮新增緊急昨天高中生公佈宣佈首例本土累積肺炎同學同班鄰座北部境外</t>
  </si>
  <si>
    <t>中央流行疫情指揮中心昨天公佈國內新增8例新冠肺炎病例累積個案達108例。新增個案中其中7例為境外移入唯一本土個案就是國內首例高中生染疫（59案）的同班鄰座同學（103案）指揮中心緊急宣佈該北部高中全校學生1650人、教職員工154人全數停課8天成全台第一所停課學校。台大公衛學院院長詹長權表示應該要宣佈社區傳播階段了。
專家籲公佈校名 以利社區備戰
中央流行疫情指揮中心指揮官陳時中表示第103案位置坐在59案斜前方因該校有兩人確診宣佈全校自3月20日至3月27日停課。為何不是放14天指揮中心莊人祥解釋要從13日兩學生與所有師生最後接觸日算起。103案相鄰座位的同學共5人也已進行採檢。
59案高中生和家人同遊希臘一個多月返台後確診當時指揮官陳時中就坦言該個案學生時間拉得長活動看起來比較多在疫調、整個社區感染形成相當大的壓力。果真時隔4天他鄰座同學（103案）中鏢了並導致全校停課。
對此台大公衛學院院長詹長權表示應該要宣佈社區傳播階段了「全世界都是這樣做」他並認為應該公佈學校名字以利社區備戰新加坡、香港都是這樣台灣應該沒有特別的困難。
詹長權說學校是社區的一部分學校感染就可以做為社區傳播階段的指標同一校有兩個人確診就必須相當注意。
南市百餘位學生 家人有出國史
此外國內確診案例境外移入激增成為台灣防疫破口台南市教育局長鄭新輝發現3月17日起調查學生及其共同生活家人近14天旅遊史就有100多位學生共同生活家人有出國史。
不過陳時中表示社區傳播有其定義目前國內仍是境外移入多於本土案例；指揮中心絲毫不敢大意戰戰兢兢並指出未來2周將是防疫關鍵尤其現在案例數多「對我們壓力非常大」對醫療跟防疫的壓力非常大但相對的對社會壓力是沒有這麼大現在我們就是在守境外移入跟社區的這一條線要全力守住否則一旦進入社區之後如果在不可控的情況下問題就相對的大了這兩周就是全力在做這件事。</t>
  </si>
  <si>
    <t>社區學生中心指揮國內確診個案學校宣佈傳播案例防疫境外同學公佈陳時中應該停課壓力表示</t>
  </si>
  <si>
    <t>停課傳播學生學校社區</t>
  </si>
  <si>
    <t>學生社區傳播停課學校</t>
  </si>
  <si>
    <t>裡裡對付口頭禪醫護無奈館長黃越綏留言</t>
  </si>
  <si>
    <t>兩性專家黃越綏曾是陳水扁時期的總統府國策顧問她今(18日)在臉書談起日前新北市中和區瓦磘裡裡長林綺芳在記者會上為率隊前往歐洲旅遊道歉卻坦言不知道哪裡錯了忍不住動怒直言「這種人恐怕只能用館長的口頭禪</t>
  </si>
  <si>
    <t>陳水扁時期直言動怒總統府國策顧問忍不住知道坦言道歉恐怕旅遊日前歐洲新北前往率隊</t>
  </si>
  <si>
    <t>兩性專家黃越綏曾是陳水扁時期的總統府國策顧問她今(18日)在臉書談起日前新北市中和區瓦磘裡裡長林綺芳在記者會上為率隊前往歐洲旅遊道歉卻坦言不知道哪裡錯了忍不住動怒直言「這種人恐怕只能用館長的口頭禪來對付」。
新冠肺炎疫情肆虐瓦磘裡裡長林綺芳卻因為在疫情嚴峻時刻執意率團前往西班牙、葡萄牙等地旅遊引發爭議。對此她返國後特地召開記者會道歉強調絕沒有為了1萬4千塊補助款出國對於外界批評聲浪她坦言不知道做錯什麼出國前1、2天西班牙才宣佈二級警示。
對於裡長的說法黃越綏在臉書直言感慨萬千她說：「國後雖然有道歉卻又強調她不知道自己到底哪裡錯了？如果沒錯幹嘛要道歉？而道歉了卻又不知道錯在哪裡？」感嘆這種人只能用館長口頭禪來對付。
更有醫護人員忍不住在文章底下留言「身為醫護人員的我真的覺得好累為什麼不能共體時艱一下」。</t>
  </si>
  <si>
    <t>道歉知道對於忍不住西班牙直言記者會醫護人員黃越綏旅遊前往強調疫情林綺芳坦言裡裡對付口頭禪</t>
  </si>
  <si>
    <t>黃越綏館長口頭禪瓦磘裡裡長林綺芳中和裡裡長</t>
  </si>
  <si>
    <t>裡裡口頭禪館長林綺芳黃越綏中和</t>
  </si>
  <si>
    <t>《業績-電子零件》崇越電去年每股賺51元密切注意疫情變化</t>
  </si>
  <si>
    <t>去年崇越電電子零件密切注意疫情業績變化</t>
  </si>
  <si>
    <t>電子化學材料通路商—崇越電(3388)受到原物料價格下滑及中美貿易戰幹擾致使2019年營收及獲利均呈現下滑2019年每股盈餘為51元崇越電表示今年以來全球受到新冠肺炎影響經濟景氣目前全球市況仍存在諸多不確定</t>
  </si>
  <si>
    <t>全球受到下滑市況目前物料景氣經濟價格影響肺炎致使貿易戰干擾獲利呈現今年以來崇越電錶</t>
  </si>
  <si>
    <t>電子化學材料通路商—崇越電(3388)受到原物料價格下滑及中美貿易戰幹擾致使2019年營收及獲利均呈現下滑2019年每股盈餘為51元崇越電表示今年以來全球受到新冠肺炎影響經濟景氣目前全球市況仍存在諸多不確定因素公司將密切留意疫情對產業市場變化並適時做出因應措施。
崇越電2019年合併營收7772億元年減9%歸屬母公司稅後盈餘為376億元年減189%每股盈餘為51元；公司董事會通過每股將配發現金股息36元以3月3日崇越電收盤價68元計算現金殖息率約53%。
崇越電通表示今年股息配放率70%略低於往年80%主要是考量目前全球受到新型冠狀病毒影響經濟景氣未來市況仍存在諸多不確定因素因此多保留一些現金部位以因應後續可能的狀況；目前貿易戰對全球經濟影響已逐步淡化矽利光原料價格及供需狀態亦回復平穩狀態但今年開春以來全球受到新冠肺炎影響經濟景氣其中以大陸最為嚴重各地出現延遲暫緩開工之情形目前全球市況仍存在諸多不確定因素崇越電將持續密切留意疫情對產業市場的變化並適時做出因應措施。</t>
  </si>
  <si>
    <t>全球受到目前現金經濟影響價格今年下滑因應貿易戰景氣崇越電股息公司因素確定狀態市況存在</t>
  </si>
  <si>
    <t>崇越電殖息率新冠肺炎</t>
  </si>
  <si>
    <t>息率崇越電肺炎</t>
  </si>
  <si>
    <t>《熱門族群》陸全面復工蘋果台系供應鏈好嗨</t>
  </si>
  <si>
    <t>蘋果復工全面台系供應族群熱門</t>
  </si>
  <si>
    <t>儘管3月19日蘋果股價未隨美股反彈逆勢收低但大陸各地全面復工且短線股價跌幅已大今天蘋果供應鏈在大立光(3008)盤中亮燈領軍下全面止跌反彈玉晶光(3406)、台郡(6269)、新日興(3376)及正崴(2392)盤中股價連袂</t>
  </si>
  <si>
    <t>股價反彈全面盤中蘋果日興玉晶光逆勢亮燈跌幅復工大陸</t>
  </si>
  <si>
    <t>儘管3月19日蘋果股價未隨美股反彈逆勢收低但大陸各地全面復工且短線股價跌幅已大今天蘋果供應鏈在大立光(3008)盤中亮燈領軍下全面止跌反彈玉晶光(3406)、台郡(6269)、新日興(3376)及正崴(2392)盤中股價連袂漲停。
新冠肺炎持續在全球蔓延尤其是歐洲及美國地區正進入流行高峰期全球各地紛紛啟動封城封國蘋果亦於日前宣佈關閉大中華以外地區門市重創蘋果產品銷售市調機構紛紛下修蘋果今年銷售預測國內蘋果供應商股價亦因蘋果股價與台股重挫連番破底於3月19日創下波段新低價。
不過相較於歐美等地區國家忙於防疫大陸地區因疫情已完全控制包括湖北在內各地區已全面復工各地區廠商復工率快速提升製造端供應鏈已逐漸恢復到正常水準玉晶光等蘋果供應商預估3月合併營收將優於2月。
隨著各廠區製造恢復正常且短線股價跌幅已深國內蘋果供應商無畏3月19日蘋果股價持續逆勢收低今天盤中股價全面止跌反彈玉晶光、台郡、新日興及正崴盤中股價強攻漲停板台光電(2383)及臻鼎-KY(4958)等盤中股價漲幅均逾8%。</t>
  </si>
  <si>
    <t>股價蘋果地區盤中全面紛紛玉晶光全球反彈製造供應商持續大陸復工供應今天逆勢國內</t>
  </si>
  <si>
    <t>蘋果大立光玉晶光台郡新日興</t>
  </si>
  <si>
    <t>玉晶光台郡新日蘋果</t>
  </si>
  <si>
    <t>全球智慧今年失控疫情成長率印度科技警訊</t>
  </si>
  <si>
    <t>根據TrendForce表示自2019年躋身為全球第二大智慧型手機市場的印度近期因新冠肺炎疫情日趨嚴重民生經濟再次遭受重創進而影響各大手機品牌的生產與銷售力道。TrendForce預估2021年全球智慧型手機市場的年增</t>
  </si>
  <si>
    <t>手機智慧trendforce全球市場日趨嚴重疫情民生肺炎經濟再次遭受近期重創影響印度品牌生產力道銷售預估躋身表示</t>
  </si>
  <si>
    <t>根據TrendForce表示自2019年躋身為全球第二大智慧型手機市場的印度近期因新冠肺炎疫情日趨嚴重民生經濟再次遭受重創進而影響各大手機品牌的生產與銷售力道。TrendForce預估2021年全球智慧型手機市場的年增幅度將因此自原先的94%收斂至85%；生產總數約136億支且未來不排除有持續下修的可能。
TrendForce進一步指出目前全球前五大手機品牌三星、蘋果、小米、OPPO、Vivo皆有在印度設置產線或透過OEM廠協力產出且比重逐年擴大惟目前的產出仍以供應當地需求為主。依現階段當地生產情形來看初估第二季至第三季共有1200萬支的生產量會受影響而印度全年生產總量將可能因此下滑75%。
印度除了因人口紅利造就的龐大的市場需求外政府為了提振經濟創造就業機會也祭出關稅優惠政策吸引外資落地以加速供應鏈在地化持續拉攏國際手機品牌擴大當地的生產比重以穩固在全球手機市場的位置。據當地資料指出第二波疫情主要重創中、高富裕階層其將正面衝擊第二季消費表現並進一步導致平均售價(ASP)下滑因此手機品牌廠勢必會視成品庫存狀況以調節全年生產計畫。
從印度前四大手機品牌銷售市占來看依序為小米25%、OPPO23%、三星22%、Vivo16%四者合計囊括86%其銷售品項覆蓋市場主流消費100~250美元區間的產品因此疫情擴大對各大品牌皆有衝擊。另從生產力來看據悉目前多數工廠不受疫情影響仍維持正常營運然而隨著疫情擴散速度加快不排除將對廣大的中低階勞動人口產生負面效應TrendForce認為若後續情況未緩解也將使關務停擺甚至影響零組件運輸。
整體而言倘若印度疫情未能於第二季獲得妥善控制2021年下半年印度的景氣也將難以樂觀看待屆時2021全年度手機生產量可能再度面臨下修。基於此假設TrendForce提出熊市預測不排除將今年智慧型手機生產總量的增幅再度下修至8%以下。</t>
  </si>
  <si>
    <t>手機印度疫情生產品牌trendforce影響市場當地來看目前銷售排除全球可能擴大經濟供應智慧人口</t>
  </si>
  <si>
    <t>印度智慧型手機OPPOvivo小米</t>
  </si>
  <si>
    <t>oppo手機智慧vivo小米印度</t>
  </si>
  <si>
    <t>全球今年經濟成長率imf</t>
  </si>
  <si>
    <t>鑑於以美國為首的主要經濟體祭出大規模的刺激方案以及全球疫苗加速接種國際貨幣基金（IMF）發布最新世界經濟展望報告調高今明年全球經濟成長預測今年成長率上調至6％將創1970年代以來新高。同時IMF將台灣</t>
  </si>
  <si>
    <t>全球imf經濟刺激方案疫苗年代加速上調接種成長率國際貨幣基金展望發佈預測今年成長明年報告世界最新祭出以來調高</t>
  </si>
  <si>
    <t>鑑於以美國為首的主要經濟體祭出大規模的刺激方案以及全球疫苗加速接種國際貨幣基金（IMF）發布最新世界經濟展望報告調高今明年全球經濟成長預測今年成長率上調至6％將創1970年代以來新高。
同時IMF將台灣今年經濟成長率由32％上修至47％符合當前國內外機構對於台灣預期。國發會表示台灣今年經濟動能將由消費、投資、出口三馬車拉動。去年曾擔心這波復甦是K型復甦（不均衡復甦）觀察去年第四季以來不只半導體產業成長強勁傳統產業也開始好轉這波復甦可說是全面、強勁、穩健型的復甦。
IMF新估今年全球成長率較1月預估的55％調高05個百分點明年成長率估計會放緩至44％但也較上次預測多出02個百分點。IMF預估去年全球經濟萎縮33％創大蕭條以來最大衰幅。
IMF表示美國與中國大陸是全球經濟復甦的兩大領頭羊。美國今年成長率調高至64％較上次預測上調13個百分點較去年10月預測更是調高一倍。美國去年經濟衰幅估達35％今年復甦後經濟產值就可重返疫前的水準。中國部份IMF新估今年成長率將達84％較上次報告調高03個百分點。
IMF指出自去年春天爆發新冠肺炎以來美國即採取大規模的刺激政策其中財政刺激總規模達5兆美元聯準會除了將基準利率降至趨近於零同時斥資好幾兆美元投入資產購買計畫。其他如歐盟、日本與英國也採取類似刺激政策。
除了美國此次成長預測獲調高的已開發經濟體還有加拿大、英國與義大利整體已開發經濟體今年成長率預測也同步調升至51％較上次報告上調08個百分點。
開發中國家雖然展望也獲調升但調幅不如已開發國家IMF新估新興市場今年成長率可達67％較1月報告僅上調04個百分點。
IMF指出「全球各個地區的復甦並不同調造成復甦步調不一的因素有疫苗接種計畫速度快慢、經濟政策支持的多寡與經濟對諸如觀光業依賴程度高低結構性因素。」</t>
  </si>
  <si>
    <t>經濟imf復蘇去年全球今年美國成長率預測以來開發調高百分點刺激成長政策經濟體報告上調臺灣英國接種</t>
  </si>
  <si>
    <t>美國新估成長率報告調高</t>
  </si>
  <si>
    <t>成長率報告調高美國</t>
  </si>
  <si>
    <t>股東會助攻電子投票再創金融巔峰</t>
  </si>
  <si>
    <t>新冠肺炎「疫」外助攻股東會電子投票集保結算所統計今年1773家發行公司股東會整體電子投票率高達56％在電子投票筆數及股數成長高達7％累計筆數達793萬筆、股數達3347億股外資持股中亦有97％透過電子投票系</t>
  </si>
  <si>
    <t>電子投票股東會股數筆數助攻今年發行公司統計結算整體肺炎透過外資投票率累計</t>
  </si>
  <si>
    <t>新冠肺炎「疫」外助攻股東會電子投票集保結算所統計今年1773家發行公司股東會整體電子投票率高達56％在電子投票筆數及股數成長高達7％累計筆數達793萬筆、股數達3347億股外資持股中亦有97％透過電子投票系統投票均再創新巔峰。
集保股務部經理汪明琇表示電子投票平臺自2009年開發至今因應金融科技發展趨勢持續推出不同服務並以國際化、數位化、ESG推手等「三大亮點」出發擘畫新電子投票生態系。
集保持續關注國際發展趨勢尋求適切的合作機會陸續與全球前二大的電子投票機構Broadridge及ISS公司合作提供跨國投票直通處理（STP）服務讓眾多外資股東投票更為便利。
而電子投票管道不侷限於電腦集保運用API科技串聯國內40多個券商下單APP及「集保e存摺」App達成電子投票、交易下單與資產管理一站購足讓投資人投票更加方便並且打破空間限制。集保指出今年一般投資人採用APP電子投票比率高達52％。
擁有全方位電子投票管道專利及完善流程規畫的集保去年更以「電子投票創新應用暨跨國投票直通處理服務服務」受邀代表台灣參加在泰國舉辦的亞太電子化成就獎並獨得「數位轉型-公共部門類」金獎使台灣資本市場數位創新成就耀眼國際。
電子投票是強化股東會透明度的路徑之一為提供市場更友善的投資環境集保建置「公司投資人關係整合平臺」（IR平臺）持續以促進環境、社會及治理（ESG）及溝通、國際合作為主軸進行發展。
集保指出「公司投資人關係整合平臺」已納入富時、MSCI、ISS、Sustainalytics等國際重量級評分機構對於台灣上市櫃公司評比資訊除提供發行公司檢視自身ESG表現參考外本季亦將開放給國內投資者參考促進機構投資人責任投資以提升公司治理形象。</t>
  </si>
  <si>
    <t>投票電子公司國際投資人臺灣esg合作機構提供平臺創新服務股東會app發展趨勢科技市場數位下單國內成就環境</t>
  </si>
  <si>
    <t>集保股東會電子投票比率新冠肺炎</t>
  </si>
  <si>
    <t>比率投票電子股東會肺炎</t>
  </si>
  <si>
    <t>遇過心酸病毒工作出道西平</t>
  </si>
  <si>
    <t>全台三級警戒延長政府機關呼籲民眾減少外出不少產業受影響藝人也因疫情停工連出道40年的資深男星曹西平也直呼入行從沒遇過這樣的狀況無奈嘆「病毒還沒有離開可能就先餓死了」。曹西平27日在臉書發文</t>
  </si>
  <si>
    <t>西平機關呼籲民眾減少外出產業政府影響藝人病毒可能沒有離開無奈狀況遇過疫情從沒停工入行</t>
  </si>
  <si>
    <t>全台三級警戒延長政府機關呼籲民眾減少外出不少產業受影響藝人也因疫情停工連出道40年的資深男星曹西平也直呼入行從沒遇過這樣的狀況無奈嘆「病毒還沒有離開可能就先餓死了」。
曹西平27日在臉書發文由於疫情關係藝人工作全部停擺大嘆沒有錄影通告就沒收入「令人恐慌這樣子的日子未來會如何？」直言藝人工作是最沒保障若有房貸、車貸或是要養雙親和小孩沒存款的話會很吃力。
曹西平坦言入行40年從沒遇過像現在停棚、不能群聚錄影的狀況雖然無奈卻也只能等待病毒被控制住疫情趨緩才能開工並談到以前在秀場從不怕沒有工作但現在藝人只靠錄影生活一定會出問題還得知有許多年輕藝人在詢問紓困方案讓他看了覺得十分心酸。
曹西平認為藝人這份工作需要熱情維持平時等通告就難過了「現在是病毒還沒有離開可能很多藝人都會先餓死了」最後曹西平也感嘆越寫心情焦慮這陣子情緒總是起伏不知道這樣的日子還要多久講出眾人心聲希望疫情趕快消失讓大家恢復平常工作。</t>
  </si>
  <si>
    <t>藝人工作疫情西平沒有現在病毒日子通告狀況無奈遇過從沒入行機關</t>
  </si>
  <si>
    <t>新冠肺炎台灣曹西平</t>
  </si>
  <si>
    <t>肺炎臺灣西平</t>
  </si>
  <si>
    <t>全球旅遊業衝擊回落年前疫情水準慘兮兮</t>
  </si>
  <si>
    <t>新冠疫情導致旅遊相關產業損失慘重。據聯合國旗下的世界旅遊組織（UNWTO）今年前10個月國際旅客抵達人數比去年同期慘跌72％寫下1990年以來首見的低點。該組織指出全球各目的地的國際旅客人數比去年同期足</t>
  </si>
  <si>
    <t>國際旅客人數去年同期旅遊相關產業損失慘重聯合國導致世界旅遊組織unwto低點以來指出組織全球年前目的地慘跌抵達疫情</t>
  </si>
  <si>
    <t>新冠疫情導致旅遊相關產業損失慘重。據聯合國旗下的世界旅遊組織（UNWTO）今年前10個月國際旅客抵達人數比去年同期慘跌72％寫下1990年以來首見的低點。
該組織指出全球各目的地的國際旅客人數比去年同期足足少了9億人次換算起來產業整體損失高達9350億美元（約台幣269兆）這金額有多驚人？比2009年全球金融危機還要高10倍！
UNWTO秘書長波羅裡卡施維裡指出自疫情危機爆發以來該組織提供各國政府和業者的資料顯示疫情對全球旅遊產生前所未見的衝擊；「儘管疫苗問世的消息提升旅遊信心但要邁向復甦仍有一段長路。」</t>
  </si>
  <si>
    <t>全球旅遊疫情產業unwto組織指出以來去年同期人數旅客國際復蘇邁向信心提升消息問世衝擊前所未見相關產生驚人損失台幣</t>
  </si>
  <si>
    <t>旅遊業國際旅遊組織新冠肺炎疫情</t>
  </si>
  <si>
    <t>組織旅遊肺炎國際旅遊業疫情</t>
  </si>
  <si>
    <t>藥師謾駡缺點地圖口罩號碼牌</t>
  </si>
  <si>
    <t>新冠肺炎疫情人心惶惶搶購口罩、酒精彷彿成為台灣人的全民運動。台灣採取實名制與健保特約藥局配合販售。不過這也讓藥師的工作量倍增雖然民眾事先可在口罩地圖查詢然而卻面臨困難排隊人潮眾多不少藥局會</t>
  </si>
  <si>
    <t>口罩藥局人心惶惶搶購困難酒精面臨查詢臺灣人全民運動成為地圖臺灣採取工作量藥師事先民眾配合</t>
  </si>
  <si>
    <t>新冠肺炎疫情人心惶惶搶購口罩、酒精彷彿成為台灣人的全民運動。台灣採取實名制與健保特約藥局配合販售。不過這也讓藥師的工作量倍增雖然民眾事先可在口罩地圖查詢然而卻面臨困難排隊人潮眾多不少藥局會在現場發號碼牌造成查詢時仍有存量但其實是保留給拿號碼牌民眾的狀況也因此引來不少抱怨。有藥師透露被謾罵到心累決定不再發放號碼牌「要麻煩你們從頭站到尾了」。
「藥局大小事」臉書粉專發文透露指出口罩地圖無法反應實際狀況。其中有一間藥局表示自2/6協助發放口罩以來本著體恤年邁長輩及事務繁忙的民眾皆採取發放號碼牌制。已領號碼牌的民眾可以視狀況選擇留在現場排隊立即領取或是等到離峰時段再過來憑號碼牌領取。
該藥局自認此法是對長輩及事務繁忙之民眾最友善的方式然而自從本週四每人口罩可領取3片以來卻遇到不少拿著手機看著口罩地圖的消費者上藥局質疑「不顧發放規則、也無視店內排隊人龍」只認定口罩地圖上顯示有存量。更甚者還會質疑「號碼牌是否發足量質疑不公」即使藥局解釋了已經發放號碼牌這些人仍繼續懷疑是否發足量。
面對這種現象藥局表示「藥師被質疑謾罵到心累」因此該藥局決定自下週一(3/9)開始每日早上九點排隊發放口罩不發放號碼牌「各位長輩不好意思要麻煩你們從頭站到尾了～各位事務繁忙的朋友要麻煩你們放下手邊的工作來等待了」。
PO文一出後也有許多表示自己是藥師的網友留言 「我也是最近被投訴口罩地圖困擾真的很多」、「早就不發號碼牌了」、「就算沒發號碼牌開門一小時就賣光了還是會有人質疑我們不可能這麼快賣完」、「這樣實名制20感覺更恐怖了什麼網路預約」。</t>
  </si>
  <si>
    <t>口罩號碼牌發放藥局地圖民眾質疑排隊藥師領取狀況表示繁忙長輩事務麻煩透露</t>
  </si>
  <si>
    <t>口罩地圖號碼牌口罩實名制藥局藥師</t>
  </si>
  <si>
    <t>口罩藥局號碼牌藥師地圖</t>
  </si>
  <si>
    <t>大樓侯友宜隔離今日社區完成板橋</t>
  </si>
  <si>
    <t>新北市幼兒園群聚事件板橋某社區大樓今天深夜12時將有383人要解隔離外界好奇新北各個檢疫所面對大量民眾解隔離相關作法為何。對此新北市長侯友宜表示這2天社區住戶陸續解隔當中市府對社區大樓清消會做完</t>
  </si>
  <si>
    <t>社區新北大樓隔離市府板橋住戶事件今天表示深夜侯友宜市長時將對此作法外界好奇相關民眾面對當中陸續解隔</t>
  </si>
  <si>
    <t>新北市幼兒園群聚事件板橋某社區大樓今天深夜12時將有383人要解隔離外界好奇新北各個檢疫所面對大量民眾解隔離相關作法為何。對此新北市長侯友宜表示這2天社區住戶陸續解隔當中市府對社區大樓清消會做完整讓社區居民回到乾淨的環境確保安全由於住戶分散在不同集中檢疫所內市府事先已規畫防疫專車將住戶適當安排接送回住家讓社區居民平安回到家。
★《中時新聞網》提醒您：因應新冠肺炎疫情疾管署持續加強疫情監測與邊境管制措施 如有疑似症狀請撥打：1922專線或 0800-001922 並依指示配戴口罩儘速就醫同時主動告知醫師旅遊史及接觸史以利及時診斷及通報。</t>
  </si>
  <si>
    <t>社區住戶新北市府大樓檢疫所疫情居民隔離接觸史及旅遊醫師告知主動就醫以利口罩配戴指示專線撥打</t>
  </si>
  <si>
    <t>板橋清消社區大樓解隔離社區居民</t>
  </si>
  <si>
    <t>大樓社區隔離板橋居民</t>
  </si>
  <si>
    <t>保險出門假日fun新光</t>
  </si>
  <si>
    <t>隨著新冠肺炎的疫情持續更新為避免室內群聚感染透過戶外活動提升免疫力與增強抵抗力亦是防疫良方之一新光產險為讓民眾假日也能夠安心出門特別於「SK858新光幫我保」網投平臺推出「罩fun假」一年期小額傷害商</t>
  </si>
  <si>
    <t>新光肺炎fun疫情持續推出更新避免平臺室內感染透過戶外活動提升免疫力增強抵抗力sk能夠特別</t>
  </si>
  <si>
    <t>隨著新冠肺炎的疫情持續更新為避免室內群聚感染透過戶外活動提升免疫力與增強抵抗力亦是防疫良方之一新光產險為讓民眾假日也能夠安心出門特別於「SK858新光幫我保」網投平臺推出「罩fun假」一年期小額傷害商品專案該商品的「假日期間自動增額專用保單」除提供假日期間出遊時遭遇意外事故之增額保障外也同時提高全年度搭乘大眾運輸工具的通勤族遭遇交通意外之保障讓風險填補在更需要的地方為假日愛玩客或通勤族的一大福音。該商品同時包含目前市場少見的「丟包險」新世代族群若擔心個人的隨身攜帶物品（包含現金手機平板）在外時遭竊遭搶不妨可利用此保險商品將損失降到最低。
新光產險提醒清明連假將至無論是返鄉祭祖或是出門踏青都應審視自身保障足夠以「罩fun假」方案B身故保額40萬元計算意外身故或失能假日保額提高至200萬元搭乘大眾運輸工具（公車客運、火車、高鐵或飛機）保額可提高至440萬元。
除了擁有意外保障外同時擁有個人隨身攜帶物損失保險金額3萬元的補償金一年保費只要778元平均每天花不到22元的銅板價而且只要上「SK858新光幫我保」動動手指即可用獲得全面的保護。</t>
  </si>
  <si>
    <t>假日新光保障商品意外包含損失出門隨身攜帶個人產險提高通勤fun遭遇sk期間</t>
  </si>
  <si>
    <t>搭乘大眾運輸工具出門提高SK858新光幫我保</t>
  </si>
  <si>
    <t>提高sk出門新光運輸工具大眾搭乘</t>
  </si>
  <si>
    <t>北京封城病毒航班取消</t>
  </si>
  <si>
    <t>新冠肺炎疫情反彈北京市政府將應急響應級別提升至第2級城市對外交通、聚會及線下活動等群體性活動禁令再出。其中出入境逾六成航班取消、快遞業也暫停運送北京包裹加上全市所有小區實行嚴格封閉式管理並限制</t>
  </si>
  <si>
    <t>活動反彈實行北京市政府社區全市應急加上回應包裹級別提升城市北京對外交通運送暫停出入境快遞取消航班疫情嚴格</t>
  </si>
  <si>
    <t>新冠肺炎疫情反彈北京市政府將應急響應級別提升至第2級城市對外交通、聚會及線下活動等群體性活動禁令再出。其中出入境逾六成航班取消、快遞業也暫停運送北京包裹加上全市所有小區實行嚴格封閉式管理並限制出入北京已進入「半封城」狀態。
過去六天北京新增確診本土病例已飆升至137例。北京市疾控中心17日表示疫情在早期即被發現目前疫情還處於上升期。據大陸國家衛健委最新統計至17日止的六日內北京新增確診137例皆與新發地蔬果批發市場有關且遼寧、四川、河北等省份也出現關連的確診病例顯示疫情有擴散風險。
在出入境的防疫管控方面所有境外人員入境北京需全部集中觀察及進行核酸檢測中、高風險地區以及新發地市場相關人士禁止離開北京而其他出京者需持7日內的核酸檢測證明；且停止開放境內跨省區團隊旅遊業務。
由於北京首都機場和大興機場的航班資訊立刻更改為全面取消據大陸民航資料機構「航班管家」統計截至17日上午9點兩機場共取消航班達1255架次航班取消率均在65％以上。另鐵路和客運也取消多班車次甚至有外遞業者表示暫停運送北京包裹北京接近「半封城」狀態。
北京市政府發言人徐和建表示北京未來幾天確診病例還可能繼續增加疫情情勢嚴峻建議民眾若無不適無須進行檢測以免增加感染風險。但因進入任何單位必須要有七日內核酸檢測陰性的證明北京市的醫療點仍被長長的排隊人龍塞爆。
武漢大學醫學部病毒所教授楊占秋表示北京本次為局部的區域性疫情疫情溯源明確感染源均來自新發地市場只要掌握住接觸過的人和物疫情就可以控制。</t>
  </si>
  <si>
    <t>北京疫情航班取消表示檢測確診新發病例核酸北京市政府出入境大陸增加風險日內統計進行感染證明進入</t>
  </si>
  <si>
    <t>封城狀態新發地北京航班取消</t>
  </si>
  <si>
    <t>北京航班狀態新發取消封城</t>
  </si>
  <si>
    <t>新北衝擊疫情季成長</t>
  </si>
  <si>
    <t>新冠肺炎衝擊各國國外紛紛祭出「封城」等措施但因為無法出門也傳出各國家暴案件頻傳雖然我國並未有嚴格限制措施但許多人未能順利出遊也傳出家暴通報相對去年增加不少達約5％而新北市相對去年更是成長3</t>
  </si>
  <si>
    <t>措施傳出相對去年國外紛紛祭出新北衝擊增加無法嚴格並未限制我國出門通報國家案件</t>
  </si>
  <si>
    <t>新冠肺炎衝擊各國國外紛紛祭出「封城」等措施但因為無法出門也傳出各國家暴案件頻傳雖然我國並未有嚴格限制措施但許多人未能順利出遊也傳出家暴通報相對去年增加不少達約5％而新北市相對去年更是成長3成。
有感於疫情讓很多人失去生命、自由甚至工作也讓很多婦女受到難以想像的暴力對待藝人于美人成立的「做好事小組」今年義賣捐助的對象選擇婦女救援社會福利事業基金會希望陪伴婦女建立自信心走出創傷、邁向復原的康莊大道。
婦女救援基金會副執行長杜瑛秋表示今年受到疫情影響雖然承擔了不少經濟壓力但台灣各界的愛心援助還是沒有停下感謝這些社會的愛心讓救援行動可以繼續。她也呼籲民眾要多多注意身邊的家暴案件及家庭主動給予更多協助和關懷危險的時候可以打110求助如果需要跟社工人員討論可以打電話給113或婦女救援基金會。</t>
  </si>
  <si>
    <t>婦女救援可以措施今年疫情受到案件基金會去年相對傳出愛心國外紛紛祭出衝擊時候求助危險關懷援助協助</t>
  </si>
  <si>
    <t>婦女新冠肺炎疫情家暴基金會</t>
  </si>
  <si>
    <t>肺炎疫情基金會婦女</t>
  </si>
  <si>
    <t>全國性網友取消投票徐國勇一面倒</t>
  </si>
  <si>
    <t>內政部長徐國勇日前宣佈暫停實施「全國性酒測」隨即遭行政院長蘇貞昌打臉徐國勇也趕忙解釋只暫停由警政署指揮每月兩次的全國同步酒測措施。對於是否取消全國性酒測網友意見大多認為不妥若要取消也應有配</t>
  </si>
  <si>
    <t>暫停取消全國性徐國勇不妥認為趕忙解釋蘇貞昌警政署行政院長大多實施網友意見隨即指揮措施同步全國宣佈對於日前</t>
  </si>
  <si>
    <t>內政部長徐國勇日前宣佈暫停實施「全國性酒測」隨即遭行政院長蘇貞昌打臉徐國勇也趕忙解釋只暫停由警政署指揮每月兩次的全國同步酒測措施。對於是否取消全國性酒測網友意見大多認為不妥若要取消也應有配套措施。
徐國勇提出將暫停實施全國性酒測遭批「減分部長」認為是放任比新冠肺炎病毒更可怕的殺人機器要求撤換。蘇貞昌趕緊滅火表示「酒駕零容忍無論中央、地方都不打折」強調仍會酒測「希望不要來亂！」
臉書粉專「老天鵝娛樂」也舉辦投票詢問徐國勇因新冠肺炎延燒取消全國性酒測大家是否認同他的做法。截至今（8）日下午2點40分約有21萬人投票88%表示不認同12%的人認同。
網友認為酒測可以暫時減少但這期間酒駕者應處以最高法則大部分的人皆表態不支持說「拜託不要取消會很危險」、「正常執行都有人不怕了」、「有些事可以默默的做但是不能說」、「如果這不是豬隊友？那什麼才是？！」「其實也可以取消全國外出性上班啊」。</t>
  </si>
  <si>
    <t>取消徐國勇可以全國性認為暫停蘇貞昌投票全國不要認同肺炎表示網友實施是否</t>
  </si>
  <si>
    <t>酒測徐國勇內政部蘇貞昌行政院</t>
  </si>
  <si>
    <t>內政蘇貞昌徐國勇行政院</t>
  </si>
  <si>
    <t>日經指數升高疫情</t>
  </si>
  <si>
    <t>受隔夜美股下跌影響週三日股走低投資人密切關注全球新冠肺炎確診數持續激增恐使才剛啟程的經濟復甦脫離軌道。終場日經225指數收跌078%為2243865點。東證一部指數收跌092%為155723點33大類股全面收</t>
  </si>
  <si>
    <t>指數週三走低投資人密切關注日經全球終場軌道脫離肺炎復蘇確診經濟影響持續啟程激增才剛下跌</t>
  </si>
  <si>
    <t>受隔夜美股下跌影響週三日股走低投資人密切關注全球新冠肺炎確診數持續激增恐使才剛啟程的經濟復甦脫離軌道。
終場日經225指數收跌078%為2243865點。東證一部指數收跌092%為155723點33大類股全面收黑。高度週期型的礦業股、保險股份別下跌29%與143%表現最疲弱。
全球新冠肺炎確診數持續升高美國累計確診數突破300萬例澳州第二大城市墨爾本週二已重啟封鎖措施。日本首都東京的確診數也持續增加但經濟部長西村康稔表示沒有必要就新冠肺炎疫情再次宣佈緊急事態。
OLED製造商保土穀化學公司（Hodogaya Chemical）大漲1556%因媒體報導蘋果公司今年推出的5G版iPhone手機將全面改採OLED螢幕。iPhone的LCD面板供應商日本顯示器終場收平早盤一度重挫6%。</t>
  </si>
  <si>
    <t>確診持續肺炎oled日本iphone終場全面下跌全球指數週三走低投資人礦業密切公司保土啟程製造商</t>
  </si>
  <si>
    <t>確診數收跌日股全球新冠肺炎指數</t>
  </si>
  <si>
    <t>全球肺炎指數確診</t>
  </si>
  <si>
    <t>研發疫苗團隊進入臨床陳薇試驗大陸</t>
  </si>
  <si>
    <t>由軍事科學院軍事醫學研究院陳薇院士領銜的科研團隊研製的重組新冠疫苗昨天（3月16日）20時18分獲批啟動展開臨床試驗。根據大陸《央視》報導由軍事科學院軍事醫學研究院陳薇院士領銜的科研團隊自1月26日抵達武漢</t>
  </si>
  <si>
    <t>科研團隊領銜院士大陸試驗臨床報導軍事科學院展開啟動軍事醫學研究院昨天疫苗陳薇重組研製抵達武漢</t>
  </si>
  <si>
    <t>由軍事科學院軍事醫學研究院陳薇院士領銜的科研團隊研製的重組新冠疫苗昨天（3月16日）20時18分獲批啟動展開臨床試驗。
根據大陸《央視》報導由軍事科學院軍事醫學研究院陳薇院士領銜的科研團隊自1月26日抵達武漢後展開疫苗研製。3月16日陳薇院士團隊研製的重組新冠疫苗獲批啟動臨床試驗。
報導指出陳薇院士團隊聯合地方優勢企業在伊波拉疫苗成功研發的經驗基礎上爭分奪秒開展重組新型冠狀病毒疫苗的藥學、藥效學、藥理毒理等研究快速完成了新冠疫苗設計、重組毒種構建和GMP條件下生產制備以及協力廠商疫苗安全性、有效性評價和質量復核。昨天晚上陳薇院士團隊研製的新冠疫苗通過了臨床研究注冊審評獲批進入臨床試驗。
中國工程院院士、軍事科學院軍事醫學研究院研究員陳薇在接受央視記者獨家採訪時指出按照國際的規範、大陸的法規疫苗已經做了安全、有效、質量可控、可大規模生產的前期準備工作。</t>
  </si>
  <si>
    <t>疫苗陳薇院士重組臨床團隊生產品質試驗大陸指出研究研製展開報導啟動研究院軍事醫學軍事科學院科研領銜安全</t>
  </si>
  <si>
    <t>陳薇院士新冠肺炎疫苗新冠肺炎新型冠狀病毒 COVID-19</t>
  </si>
  <si>
    <t>肺炎冠狀院士病毒疫苗covid-陳薇</t>
  </si>
  <si>
    <t>抗體戰場專家防疫存在檢測無效</t>
  </si>
  <si>
    <t>今年2月中旬一名白牌計程車司機「一度」為國內首位感染源不明的新冠肺炎確診病例後來靠著對一名台商的抗體檢測追出原來是司機載過這名曾遭感染的台商。最近長庚大學團隊也從新冠肺炎痊癒者身上找到有效對抗病</t>
  </si>
  <si>
    <t>台商司機肺炎感染身上計程車痊癒一度國內從新原來團隊檢測抗體確診</t>
  </si>
  <si>
    <t>今年2月中旬一名白牌計程車司機「一度」為國內首位感染源不明的新冠肺炎確診病例後來靠著對一名台商的抗體檢測追出原來是司機載過這名曾遭感染的台商。最近長庚大學團隊也從新冠肺炎痊癒者身上找到有效對抗病毒的抗體可望成為預防、治療、篩檢的一大利器。
綜觀國際趨勢這場防疫軍備戰的戰場已逐漸從病毒篩檢、疫苗與藥物研發轉移到抗體的檢測及運用究竟抗體檢測在測什麼？
不只台灣全世界也對抗體運用寄予厚望有專家試圖用痊癒者的血液抗體治療重症COVID-19（新冠肺炎一稱武漢肺炎）病患；也有專家研究利用檢測康復病患身上有無抗體作為能否復工的依據。美國則在研發「一滴血檢測抗體」類似糖尿病患監測血糖做法只要在指頭上採集一滴血注入試紙如果是陽性代表曾經染病、體內有抗體來幫助掌握感染的人口數。
●除判斷是否曾遭感染也可知近期已感染多久
抗體指的是免疫球蛋白能對抗外來抗原、微生物。中央流行疫情指揮中心專家諮詢小組召集人、台灣大學副校長張上淳解釋人體的B淋巴球細胞會製造分泌抗體用來對抗外來抗原這些抗原可能是外來微生物包括細菌、病毒、花粉、過敏原等也可能是從他人身上移植來的器官甚至是自己的某些蛋白分子。
當人體偵測到不是體內原有的東西特別是含蛋白質的成分會試圖將它消滅可能由白血球直接將它吞噬、消化也可能產生抗體來和抗原結合使外來微生物失去原有功能、或者更容易把抗原帶到吞噬細胞被吞噬掉。
因此抗體代表曾經被感染過的痕跡檢測抗體就能瞭解一個人是否曾經感染過某種病毒或細菌。台大醫院檢驗醫學部名譽教授蔡克嵩表示不同於病原或抗原檢測是要知道一個人是不是正被病菌侵犯、有感染別人的能力抗體檢測可以瞭解是否曾感染過某種病菌、或社會中多少人曾被感染過。
抽血檢測抗體又能根據測得的是IgM或IgG抗體判斷是近期感染還是已經感染一段時間。蔡克嵩解釋人體受到感染、抗原刺激後約1週內會先分泌IgM接著逐漸消失；2～3週後分泌IgG而且可以維持很久可能終身都測得到。
●多數情況有抗體即具免疫力但也有例外
但檢測出抗體就表示具有保護力、不會再被同樣的抗原感染嗎？其實不一定必須視病毒的特性。
「通常來說有抗體代表已有免疫力」張上淳表示抗體會將體內病菌完全清除不會繼續存在體內人體可以復原、帶有抵抗力；而且自然感染幾乎都能終生免疫只不過疫苗經過人為改變產生的抗體保護時效可能比不上自染感染也可能需要多打幾劑強化抗體保護力。
不過也有例外狀況產生的抗體是「無效抗體」。例如C型肝炎病毒的RNA會躲在細胞裡面抗體無法將它完全清除即使驗出抗體並不表示痊癒、已有抵抗力；愛滋病毒HIV也是類似情況都不是那麼有效的抗體。
至於全新的新冠病毒人們對它的認識還不完整目前只能根據一般呼吸道感染病毒推測它所產生的應該都是有效抗體不會出現二次感染「可是初步看到一點點不尋常的是患者產生了抗體病毒卻沒有立刻被清除掉還維持了一段時間。」張上淳說。
●抗體血清治療新冠肺炎理論上有效但仍需更多臨床試驗
蔡克嵩也對新冠病毒的抗體效力存疑也許有些抗體可以消滅病毒有些不行他認為目前檢測新冠病毒抗體只能知道是否曾感染過也可能只有部分免疫力「但不能說一定不會再被感染」這也影響用抗體血清治療新冠肺炎患者的效力。
理論上感染者體內所產生的抗體可以消滅抗原因此有抗體血清或抗體血漿的療法直接將抗體血清或血漿輸送到其他感染者體內讓抗體對付病菌；有時比較緊急情況下也可能將混和紅血球、白血球、血小板等成分的全血輸到患者體內但可能提高身體排斥反應。
剛剛感染過新冠病毒、已經康復的人也有很多抗體「前提是如果這個抗體可以殺死病毒理論上輸他的血就有用只是需要更多臨床試驗」蔡克嵩說。
若要拿抗體檢測作為新冠肺炎患者復工、恢復正常活動的判斷依據專家更持保留態度。「這還牽扯檢測方法的敏感度和特異性」林口長庚醫院副院長、分子感染症醫學研究中心主任邱政洵表示。
邱政洵舉例假設100人感染卻只檢測出30人敏感度顯然不足；又或者將其他病毒都認定為新冠病毒缺乏只認得新冠病毒的特異性例如只是感染流感病毒卻也呈現陽性這樣的偽陽性只會造成更大麻煩所以在使用前一定需要通過測試。
蔡克嵩也指出人體受感染、產生抗體後會有一段時間病毒和抗體同時存在通常剛治療不久、病毒還沒完全消滅前1週左右抗體也會出現。所以不能測出抗體就認定不具感染力或者有抗體就表示已經痊癒。
即使上述問題都排除張上淳認為當總人口數一定比例以上都感染過新冠病毒、或像紐約州感染的情形已經到「一團亂」的地步用抗體檢測作為判斷復工的方式才可能比較有意義。
以台灣目前300多個個案當前工作是控制還沒被感染的人不要被感染就算有100多個感染者沒被找到或屬於無症狀感染者以全台2300多萬人口換算下來得抽血23萬支才能找到1個抗體陽性因此不適合以抗體檢測作為大量普篩的方式張上淳莞爾反問：「在目前的情況下既不實際又對整個台灣有什麼幫忙呢？」</t>
  </si>
  <si>
    <t>抗體感染病毒檢測可能體內抗原產生張上淳可以表示人體肺炎專家</t>
  </si>
  <si>
    <t>抗體檢測感染病毒體內</t>
  </si>
  <si>
    <t>病毒檢測感染體內抗體</t>
  </si>
  <si>
    <t>友人看護陰性解除外籍隔離確診</t>
  </si>
  <si>
    <t>國內一名印尼籍外籍看護日前確診新冠肺炎其友人被列為接觸者進行採檢目前二採陰性。中央流行疫情指揮中心監測應變官莊人祥表示友人已解除隔離可返家進行自主健康管理。北部8旬老翁日前確診新冠肺炎後負責</t>
  </si>
  <si>
    <t>友人進行日前確診肺炎看護中央指揮流行疫情中心監測應變莊人祥表示老翁健康自主返家管理北部解除隔離接觸</t>
  </si>
  <si>
    <t>國內一名印尼籍外籍看護日前確診新冠肺炎其友人被列為接觸者進行採檢目前二採陰性。中央流行疫情指揮中心監測應變官莊人祥表示友人已解除隔離可返家進行自主健康管理。
北部8旬老翁日前確診新冠肺炎後負責照顧他的31歲印尼籍看護也在26日確診。指揮中心昨公佈看護2月16至19日的足跡看護曾在17日晚間與友人入住北車附近旅館隔日送友人至高鐵站南下後返家。
衛生單位掌握了這名友人將其列為接觸者進行採檢。莊人祥表示目前友人2度採檢均為陰性已可解除隔離返家進行自主健康管理14日。</t>
  </si>
  <si>
    <t>友人看護進行確診返家指揮中心陰性莊人祥日前肺炎表示印尼列為目前解除健康自主接觸隔離</t>
  </si>
  <si>
    <t>友人確診二採陰性隔離</t>
  </si>
  <si>
    <t>確診友人隔離陰性</t>
  </si>
  <si>
    <t>防疫擴大疫苗人員施打對象</t>
  </si>
  <si>
    <t>國內新冠肺炎疫情持續延燒雖然屏東縣已連4天「嘉玲」但為維護前線防疫人員安全屏東縣政府自籌經費為全縣4396名防疫人員加保防疫險此外經中央撥配第二波5600劑疫苗到位除部分優先第一線醫護人員施打外</t>
  </si>
  <si>
    <t>防疫人員部分到位疫情疫苗持續優先中央肺炎東縣嘉玲全縣自籌經費維護前線安全第一線縣政府</t>
  </si>
  <si>
    <t>國內新冠肺炎疫情持續延燒雖然屏東縣已連4天「嘉玲」但為維護前線防疫人員安全屏東縣政府自籌經費為全縣4396名防疫人員加保防疫險此外經中央撥配第二波5600劑疫苗到位除部分優先第一線醫護人員施打外並擴及第二類警、消及清潔隊員。
屏東縣長潘孟安表示疫情延燒之際第一線篩檢、診療醫護人員風險最大為保持醫事人力維護醫療照護量能現階段疫苗以醫護人員為優先施打對象。
屏縣上周獲中央撥配4000劑新冠肺炎疫苗5月28日起已為第一線醫護人員施打5月31日晚第二波5600劑疫苗到位其中2100劑仍由醫護人員施打3500劑則撥配給33鄉鎮市衛生所讓消防、海巡、員警及清潔隊員施打。
潘孟安強調屏東目前分配到的疫苗不足以支應縣內需求縣府雖尊重中央調度但仍將繼續向中央爭取以維護第一線防疫人員健康守住疫情防線。
此外潘也指出前線防疫人員不論是醫護、警消、清消等都暴露在高風險環境中為體恤防疫人員縣府為所屬一級機關及各鄉鎮市公所第一線執行防疫的工作人員投保防疫保險保障內容包括隔離期間或確診住院期間相關補助期望提供最優質保障。
此次防疫險對象包括各鄉鎮市公所環境清潔消毒人員、衛生局執行疫調及防疫人員、民間專責醫院醫護人員、社區篩檢站醫護等共計4396人。潘孟安感謝所有在防疫第一線堅守崗位的夥伴拚全力守護家園也請大夥務必配合做好防疫成為他們最強後盾。</t>
  </si>
  <si>
    <t>防疫人員醫護人員第一線疫苗中央維護清潔疫情潘孟安縣府物件保障環境醫護包括施打市公所前線</t>
  </si>
  <si>
    <t>新冠肺炎台灣屏東防疫人員醫護人員</t>
  </si>
  <si>
    <t>臺灣肺炎防疫人員醫護人員</t>
  </si>
  <si>
    <t>消費出口衝擊肺炎今年gdp</t>
  </si>
  <si>
    <t>新冠肺炎衝擊經濟主計總處今公佈下修今年全年經濟成長率預測值至237％與去年11月的預測值相比下修幅度達035個百分點；主計總處主計長朱澤民表示若沒有新冠肺炎疫情應該會持續上修全年經濟成長率但疫</t>
  </si>
  <si>
    <t>經濟全年肺炎預測值成長率沒有疫情表示澤民應該持續幅度今年公佈相比去年</t>
  </si>
  <si>
    <t>新冠肺炎衝擊經濟主計總處今公佈下修今年全年經濟成長率預測值至237％與去年11月的預測值相比下修幅度達035個百分點；主計總處主計長朱澤民表示若沒有新冠肺炎疫情應該會持續上修全年經濟成長率但疫情發生了評審會以Sars影響3個月為參考下修民間消費、出口以及民間投資等預測全年GDP受疫情衝擊035-05個百分點。
朱澤民進一步指出這次與2003年Sars疫情不同電商、外送平臺發展成熟宅經濟發展可以讓商品透過更多元管道銷售衝擊不會像Sars這麼大當年第2季經濟成長率甚至出現負數。
朱澤民認為目前股市、金融面仍穩定加上與大陸競爭廠商有轉單效益今年各季GDP、民間消費都不至於像Sars當年一樣出現負成長；主計總處也同時公佈去年第4季初步統計經濟成長率為331％以及全年經濟成長率271％。
主計總處報告指出新冠肺炎疫情延燒中國大陸採取封城、延後生產開工等措施也對各國有多項防疫管制禁令加以高度不確定性勢將影響生產、消費及交易等正常經濟活動進而拖累全球經濟表現影響外貿擴張力道。
隨新冠肺炎疫情逐漸獲得控制供應鏈生產活動回復正常主計總處認為出口動能可望回升預測今年我國商品出口3387億美元年增285％；服務輸出方面來台旅客第1季大減衝擊旅行收入；併計商品與服務並剔除物價因素後實質輸出成長173％較去年11月預測下修096個百分點。
民間消費方面朱澤民認為疫情對國人消費衝擊在所難免幸好國內疫情有效控制、尚無死亡案例確診個案亦遠低於2003年之SARS疫情民眾恐慌情緒應可逐漸減低加上部分台商尚未回大陸對我國消費仍有挹注股票市場表現亦穩定預測今年民間消費實質成長158％下修044個百分點。</t>
  </si>
  <si>
    <t>疫情經濟消費衝擊sars今年澤民預測商品生產影響民間肺炎成長率全年百分點認為出口加上</t>
  </si>
  <si>
    <t>經濟疫情消費主計主計總處</t>
  </si>
  <si>
    <t>經濟疫情消費</t>
  </si>
  <si>
    <t>號召科技致敬公司醫護人員物資馬文君</t>
  </si>
  <si>
    <t>新冠肺炎疫情爆發迄今南投醫院醫護人員在抗疫最前線守護縣民健康而且醫療不分國界不論國人或移工都一視同仁；立法委員馬文君20日號召科技公司與移工仲介公司到南投醫院捐贈物資向醫護人員致謝。「防疫路</t>
  </si>
  <si>
    <t>醫護人員醫院公司爆發迄今物資捐贈守護前線縣民健康醫療不分國界疫情國人一視同仁馬文君立法委員科技</t>
  </si>
  <si>
    <t>新冠肺炎疫情爆發迄今南投醫院醫護人員在抗疫最前線守護縣民健康而且醫療不分國界不論國人或移工都一視同仁；立法委員馬文君20日號召科技公司與移工仲介公司到南投醫院捐贈物資向醫護人員致謝。
「防疫路上感謝有您！」馬文君與鴻碁生技公司董事長曾惠浙、執行長謝麟傑承琳國際公司專案經理朱秋汝（同時代表台灣可林生化科技有限公司）、富達環宇公司董事長陳進坤等公司提供多醣體養生液及酵素液1000包、抗菌液40桶、洗手乳20瓶、衛生紙8箱、漂白水15瓶、防護衣15件等保健抗疫產品為醫護人員打氣為防疫盡心力。
馬文君表示雖然國內疫情趨緩但是國外疫情依然緊繃因此大家不可掉以輕心；也希望企業捐贈的物資讓醫護人員防疫如虎添翼。
南投醫院院長洪弘昌表示南投醫院是傳染病應變醫院擔負南投縣防疫第一線疫情期間努力守護南投縣民的健康。而且秉持公醫使命擔負著照顧弱勢及公衛醫療照護的責任不因病人的國籍、身分或社經地位等差異而拒絕診療守護民眾健康。防疫期間有非常多民眾與企業團體捐贈物資為醫護人員加油打氣大家都備感窩心。
南投縣社勞處長林志忠指出縣內目前外籍移工人數約有1萬餘人集中在鄰近南投醫院的南崗工業區；5月24日是開齋節相當於華人的農曆過年請移工們在歡慶節日同時仍要戴口罩、勤洗手保持安全社交距離做好自我防疫工作。</t>
  </si>
  <si>
    <t>防疫公司醫護人員疫情醫院馬文君健康守護捐贈物資科技醫療擔負表示董事長縣民企業</t>
  </si>
  <si>
    <t>新冠肺炎防疫馬文君移工開齋節</t>
  </si>
  <si>
    <t>防疫馬文君肺炎開齋節</t>
  </si>
  <si>
    <t>屏警訊息流竄肺炎報案</t>
  </si>
  <si>
    <t>新冠肺炎疫情嚴峻網路上常流傳假訊息引發民眾恐慌屏東縣警察局近期接獲6起關於疫情的假訊息已移送4件。有鑑於網路、數位化犯罪愈來愈多縣警局2年多前成立「科技犯罪偵查隊」及「數位證物實驗室」去年協助</t>
  </si>
  <si>
    <t>犯罪疫情訊息數位偵查隊科技成立嚴峻愈來愈多網路上證物數位化網路東縣警察局近期流傳有鑒於引發恐慌民眾移送</t>
  </si>
  <si>
    <t>網路肺炎犯罪疫情訊息打擊犯罪移送進行民眾違反資訊罰金偵查警方表示成立實驗室證物以下</t>
  </si>
  <si>
    <t>犯罪網路肺炎偵查疫情</t>
  </si>
  <si>
    <t>疫情肺炎偵查犯罪網路</t>
  </si>
  <si>
    <t>加速配送疫苗明天az</t>
  </si>
  <si>
    <t>日本日前送出的AZ疫苗今將完成檢驗封緘原訂15日開放1-6類公費對象接種但中央流行疫情指揮中心今確定晚間就可開始配送約50幾萬劑疫苗明早就會有地方縣市收到。若地方縣市準備好就可提前至明天開打。日本厚生</t>
  </si>
  <si>
    <t>疫苗日本地方明天公費開放對象接種原訂中央提前流行疫情完成檢驗指揮準備中心</t>
  </si>
  <si>
    <t>日本日前送出的AZ疫苗今將完成檢驗封緘原訂15日開放1-6類公費對象接種但中央流行疫情指揮中心今確定晚間就可開始配送約50幾萬劑疫苗明早就會有地方縣市收到。若地方縣市準備好就可提前至明天開打。
日本厚生勞動省捐贈我國之阿斯特捷利康(AstraZeneca)公司COVID-19疫苗計1238460劑（批號D006A）於6月4日下午自日本空運抵台入庫食藥署立即配合派員赴低溫倉儲現場監督拆箱、核對疫苗批號、清點數量、查核運送冷鏈並抽取600劑樣品進行疫苗異物檢查在現地封存疫苗後將樣品攜回食藥署國家實驗室進行外觀、鑑別、pH值、DNA/protein比例、細菌內毒素、無菌及效價等試驗經食藥署同步審查文件資料與檢驗皆合格後已於6月11日上午核發封緘證明書旋即赴倉儲封緘。
食藥署表示疫苗完成封緘後即可交由疾病管制署進行後續疫苗接種作業。
至於逾124劑AZ疫苗施打對象？中央流行疫情指揮中心副指揮官陳宗彥今天表示明起會陸續撥送到各縣市去下周起第一至第六類人士將同步開打。指揮官陳時中表示高致死率60至74歲族群開打時機會等前六類人員施打完後再進一步開放。
指揮中心發言人莊人祥今天傍晚表示原本以為AZ疫苗15日才可以配送到地方縣市但由於今晚會先完成50幾萬劑的檢驗封緘可提前配送有的縣市明日一早就可以收到因此開放地方縣市提前開打開打時間由各地方縣市自行決定。
莊人祥表示第1批配送過的日本疫苗合計有66萬劑今可先配送50幾萬劑剩下的疫苗會在15日前配送完畢。對於民眾要如何安排接種？他表示並非每個縣市都會採取預約制有的縣市是鄰裡系統通知。若採取預約制民眾可自行查詢合約醫療院所打電話預約。
根據指揮中心日前公佈的公費對象第1至第6類分別為醫事人員、中央及地方政府防疫人員、高接觸風險工作者、因特殊情形必要出國者、長照機構人員及洗腎患者以及75歲以上長者。</t>
  </si>
  <si>
    <t>疫苗表示配送人員日本地方進行指揮中心接種開放檢驗預約az對象</t>
  </si>
  <si>
    <t>食藥署封緘AZ疫苗台灣新冠肺炎</t>
  </si>
  <si>
    <t>az疫苗臺灣肺炎</t>
  </si>
  <si>
    <t>族人原鄉呼籲郊外民眾嚴峻再上疫情</t>
  </si>
  <si>
    <t>隨著國內新冠肺炎疫情持續升溫不少民眾為避免群聚選擇到山區及森林遊樂區旅遊屏東林管處17日宣佈包括林後四林平地森林園區等多處管轄區域自5月18日至5月28日期間暫停開放原鄉族人也呼籲民眾減少異地移動</t>
  </si>
  <si>
    <t>民眾森林肺炎呼籲疫情持續族人升溫原鄉避免選擇山區遊樂區旅遊林管園區平地宣佈包括林後</t>
  </si>
  <si>
    <t>隨著國內新冠肺炎疫情持續升溫不少民眾為避免群聚選擇到山區及森林遊樂區旅遊屏東林管處17日宣佈包括林後四林平地森林園區等多處管轄區域自5月18日至5月28日期間暫停開放原鄉族人也呼籲民眾減少異地移動「待疫情趨緩再相見」。
瑪家鄉長梁明輝表示考量現階段疫情嚴峻加上瑪家至舊排灣路段危險道路工程仍在施工中且村民在這時刻也覺得害怕希望外地來的登山客先暫緩入山等到路修好、疫情減緩再上山還請民眾見諒。
來義鄉公所也在臉書貼出公告表示因應全台多縣市三級警戒防疫事項由於部落內多為老人、小孩為保護鄉內族人健康安全考量鄉內景點如棚集山、丹林大橋等假日人潮多因此呼籲民眾減少到部落遊玩強烈建議這段期間先不要進行登山活動以減緩群聚。
來義鄉公所轉達各部落意見向各位遊客及登山客強烈表達請大家務必遵守防疫規定也站在同理心的角度暫時停止入山避免造成防疫破口增加部落安全及負擔。
屏東林區管理處更宣佈藤枝、雙流、墾丁國家森林遊樂區及雙流自然教育中心、林後四林平地森林園區自5月18日至5月28日期間暫停開放；北大武山檜穀山屋及周邊營地自5月16日至5月28日期間暫停開放；6月15日前暫時停止國家森林志工解說導覽服務。
屏東林管處說登山為高強度運動過程需深度呼吸、不易全程佩載口罩且正值防疫高度警戒期間山域事故搜救困難度隨之升高需保障救難人員安全並珍惜醫療資源因此呼籲如非必要暫勿前往山區並請隨時維持社交距離及落實戴口罩。</t>
  </si>
  <si>
    <t>疫情期間森林防疫部落登山民眾呼籲瑪家表示山區警戒減緩避免考量暫停宣佈</t>
  </si>
  <si>
    <t>新冠肺炎台灣</t>
  </si>
  <si>
    <t>出血重症az出現症狀女主播bbc注意</t>
  </si>
  <si>
    <t>第七輪疫苗將由AZ上場面對來勢洶洶的Delta病毒許多人想快點打疫苗提升保護力ICU醫師陳志金分享英國44歲女主播打完第一劑AZ三周後腦出血死亡死因是打疫苗引起免疫血栓性血小板低下症導致腦靜脈血栓。他提</t>
  </si>
  <si>
    <t>疫苗az導致低下血小板血栓性免疫引起來勢洶洶陳志金面對醫師delta英國女主播分享病毒打完icu後腦出血保護</t>
  </si>
  <si>
    <t>第七輪疫苗將由AZ上場面對來勢洶洶的Delta病毒許多人想快點打疫苗提升保護力ICU醫師陳志金分享英國44歲女主播打完第一劑AZ三周後腦出血死亡死因是打疫苗引起免疫血栓性血小板低下症導致腦靜脈血栓。他提醒大家打疫苗仍舊利大於弊但接種完AZ或嬌生4至28天若出現嚴重持續性頭痛、視力改變、癲癇、嚴重持續腹痛、下肢腫脹疼痛、嚴重胸痛或呼吸困難等症狀最好盡快就醫。
陳志金昨在臉書上分享與接種疫苗時序相關的死亡案例多數是病人本身有心血管疾病最後檢查與疫苗發現並無因果關係但近日英國出現一個案例經數個月的調查發現死亡個案確定是接種AZ疫苗後引起之免疫血栓性血小板低下症（VITT）。
陳志金引述英國《BBC》的報導44歲女主播接種第一劑AZ3周後腦出血死亡經過驗屍官數個月的檢驗和調查終於在8月26日證實女主播的死因極其罕見是打疫苗引起的免疫血栓性血小板低下症導致大腦靜脈血栓進而造成腦部腫脹與出血。
陳志金表示女主播4月22日打第一劑AZ5月13日出現嚴重頭痛的症狀送醫發現腦靜脈血栓（CVST）經治療後改善但在5月16日晚間頭痛加劇、說話出現困難照了電腦斷層發現腦出血切開顱骨減壓但病情持續惡化最終仍在5月21日去世。
陳志金說血栓併發症的發生率約百萬分之十英國在注射2480萬第一劑、2390萬第二劑AZ疫苗後總共通報417例不良反應其中72例死亡。因此英國政府認為對多數人而言接種AZ疫苗仍舊是利大於弊的選擇。
陳志金提醒施打AZ或嬌生疫苗4至28天內出現嚴重持續性頭痛、視力改變或癲癇恐是腦靜脈竇血栓的可能症狀；如果出現嚴重且持續腹痛超過24小時則有可能是腹內靜脈血栓造成的；下肢腫脹或疼痛可能是深層靜脈血栓的症狀；嚴重胸痛或呼吸困難則是肺栓塞的可能症狀。
貼文引起網友討論「所有的疫苗都可能產生副作用疫苗只能救多數人但也可能帶走一些人」、「所以打AZ可能會血栓不是含血噴人只是機率很低而已」、「我打AZ頭痛2周跑去急診醫師有幫照腦部斷層和抽血排除血栓可能」、「昨天才去打AZ看到這個有點怕」。</t>
  </si>
  <si>
    <t>疫苗az血栓可能陳志金出現發現接種英國嚴重死亡頭痛靜脈出血症狀女主播持續引起醫師腫脹分享調查</t>
  </si>
  <si>
    <t>AZ血栓腦出血BBC女主播陳志金</t>
  </si>
  <si>
    <t>出血bbc女主播血栓az陳志金</t>
  </si>
  <si>
    <t>肺炎康復雙治癒露面凹陷確診憔悴女星</t>
  </si>
  <si>
    <t>全球因新冠肺炎疫情影響各行各業多少都受到影響各國演藝圈明星也有受到波及日本、南韓接連傳出有藝人確診令粉絲都相當不捨；南韓人氣女歌手請夏在去年12月初證實確診新冠肺炎暫停所有活動接受治療近日在</t>
  </si>
  <si>
    <t>確診南韓肺炎受到影響暫停疫情去年月初歌手證實人氣夏在活動波及相當傳出粉絲接連藝人各行各業</t>
  </si>
  <si>
    <t>全球因新冠肺炎疫情影響各行各業多少都受到影響各國演藝圈明星也有受到波及日本、南韓接連傳出有藝人確診令粉絲都相當不捨；南韓人氣女歌手請夏在去年12月初證實確診新冠肺炎暫停所有活動接受治療近日在症狀治癒後復出病後首露面受訪卻看到她雙頰凹陷略顯憔悴讓人不禁又擔心她的身體是否真的康復。
據韓媒報導在去年2月請夏的工作團隊就有人員傳出染疫當時她接受檢測為陰性但隔了數個月12月初她因和確診者有接觸主動通報接受檢測結果出現陽性還是躲不過疫情肆虐確診。
原先請夏準備推出首張正規專輯但確診後所有工作都只能喊卡連專輯計畫也只能延期；全面停工後的請夏除了在家休養並接受治療外哪裡都不能去只能學著享受獨處的時光。
不過近期請夏傳出好消息她在接受治療後身體已康復並重回工作崗位13日出席《Gaon Chart Music Awards 2020》頒獎典禮是她確診治癒後首度露面她和丹麥歌手Christopher合作的單曲〈Bad Boy〉獲獎；請夏受訪時網友注意到她看起來比生病前更瘦弱尤其雙頰凹陷一種有氣無力的感覺略顯憔悴的模樣讓人看了心疼。
而請夏復工後就馬不停蹄地準備她的首張正規專輯《Querencia》經紀公司預告在19日會正式推出接下來將會進行一連串的宣傳活動；粉絲得知此消息後一則以喜一則以憂看到女神回歸縱然開心但還是希望她能適度休息深怕她又被病痛纏身。</t>
  </si>
  <si>
    <t>確診接受傳出治療只能專輯看到受訪疫情歌手粉絲活動身體康復檢測推出露面工作治癒</t>
  </si>
  <si>
    <t>請夏新冠肺炎確診治癒康復</t>
  </si>
  <si>
    <t>肺炎確診治癒康復</t>
  </si>
  <si>
    <t>開放預約無法檢疫所選擇集中位置春節</t>
  </si>
  <si>
    <t>3600間集中檢疫所何時開放預約？指揮中心今天表示17日(週三)上午10點開放民眾上網預約不過民眾無法選擇檢疫所位置。指揮中心上周宣佈將釋出3600間集中檢疫所供民眾預約進行「7+7」的檢疫指揮中心發言人莊</t>
  </si>
  <si>
    <t>指揮中心民眾預約檢疫所開放集中檢疫週三進行上午宣佈釋出上周表示今天位置選擇上網無法發言人</t>
  </si>
  <si>
    <t>3600間集中檢疫所何時開放預約？指揮中心今天表示17日(週三)上午10點開放民眾上網預約不過民眾無法選擇檢疫所位置。
指揮中心上周宣佈將釋出3600間集中檢疫所供民眾預約進行「7+7」的檢疫指揮中心發言人莊人祥表示將收6梯次每梯次檢疫7天每晚價格為新台幣1500元。
不過指揮中心發言人莊人祥指出集中檢疫所開放預訂後恕無法提供民眾選擇地點目前暫定週三上午10點開放預約明天將進一步說明細節。</t>
  </si>
  <si>
    <t>開放中心指揮預約民眾檢疫所集中檢疫週三選擇上午無法發言人表示莊人祥明天梯次提供台幣地點目前預訂釋出宣佈上周暫定</t>
  </si>
  <si>
    <t>集中檢疫所指揮中心莊人祥春節7+7</t>
  </si>
  <si>
    <t>中心檢疫所莊人祥指揮集中春節</t>
  </si>
  <si>
    <t>累計確診夜增磐石肺炎</t>
  </si>
  <si>
    <t>台灣才連續四天確診數抱零繼昨天新增3名磐石軍艦確診者今(19)日一口氣增加22名病例。中央流行疫情中心指揮官陳時中表示新增21例都是在磐石軍艦上確診。另外一例為境外移入。陳時中表示磐石艦官兵774人分四個</t>
  </si>
  <si>
    <t>確診磐石表示陳時中新增軍艦病例中央增加流行一口氣疫情中心指揮官境外昨天連續</t>
  </si>
  <si>
    <t>台灣才連續四天確診數抱零繼昨天新增3名磐石軍艦確診者今(19)日一口氣增加22名病例。中央流行疫情中心指揮官陳時中表示新增21例都是在磐石軍艦上確診。另外一例為境外移入。
陳時中表示磐石艦官兵774人分四個檢疫所經過一晚徹夜採檢全數採檢完畢昨天也發出關懷簡訊今天針對接觸者也會發簡訊希望有症狀者也要提高警覺希望第二波傳染可以建立防線。這幾天的足跡也會盡量處理對於沒掌握到的會發簡訊請他們要特別注意相關事項。
對於相關確診者在特別的足跡停留時間超過一定時間會公佈地點至於詳細足跡則會交給地方政府請他們做清潔消毒與疫情調查。
陳時中表示因為牽涉的人很多要感謝檢驗人員徹夜都沒睡700多件檢體一夜就全部檢驗完成。</t>
  </si>
  <si>
    <t>確診足跡表示磐石簡訊疫情徹夜昨天檢驗新增時中對於希望軍艦相關</t>
  </si>
  <si>
    <t>新冠肺炎武漢肺炎新型冠狀病毒台灣敦睦艦隊</t>
  </si>
  <si>
    <t>肺炎冠狀武漢病毒臺灣敦睦艦隊</t>
  </si>
  <si>
    <t>疫苗專家規格delta</t>
  </si>
  <si>
    <t>Delta變種病毒不只入侵台灣也在全球各地投下震撼彈疫苗施打率搶先全球的以色列解除口罩令才短短一週也擋不住Delta來勢洶洶單日確診暴增200例不禁讓各界恐慌：連疫苗也沒效了嗎？群體免疫策略該往哪裡</t>
  </si>
  <si>
    <t>疫苗全球delta入侵恐慌臺灣不禁確診來勢洶洶擋不住解除以色列口罩搶先施打投下震撼沒效</t>
  </si>
  <si>
    <t>疫苗以色列delta病毒確診施打接種口罩變種孩童傳染疫情打完新增認為感染</t>
  </si>
  <si>
    <t>康健雜誌新冠肺炎全球Delta以色列</t>
  </si>
  <si>
    <t>肺炎全球delta雜誌康健以色列</t>
  </si>
  <si>
    <t>心肌炎建議bnt家長全贊孩子</t>
  </si>
  <si>
    <t>青少年下周開打BNT第九輪的BNT疫苗預計在九月底開打不過近日頻傳打BNT恐誘發心肌炎讓不少民眾擔憂緊張。對此胸腔科醫師蘇一峰表示打第二劑出現心肌炎的風險比較高建議家長可讓孩子先打第一劑再觀望</t>
  </si>
  <si>
    <t>bnt心肌炎孩子可讓家長建議對此胸腔比較緊張風險擔憂醫師民眾誘發出現蘇一峰表示疫苗九月近日</t>
  </si>
  <si>
    <t>心肌炎bnt疫苗家長蘇一峰男性表示發生mrna老人青少年增加副作用近日美國觀望擔憂安全年輕比較注意莫德納</t>
  </si>
  <si>
    <t>BNT心肌炎副作用年輕人老人</t>
  </si>
  <si>
    <t>副作用老人年輕人bnt心肌炎</t>
  </si>
  <si>
    <t>疫情強身</t>
  </si>
  <si>
    <t>49歲的光良3月14日白色情人節當天將帶著全新巡演《今夜我不孤獨》二度前進臺北小巨蛋開唱並推出新專輯《絕類》。他今（25）日上Hit Fm擔任大台柱談到演唱會強碰新冠肺炎表示已做好萬全準備「除了疫情的來臨</t>
  </si>
  <si>
    <t>表示肺炎情人節當天強碰新演唱會談到巡演台柱今夜孤獨前進臺北擔任巨蛋fm</t>
  </si>
  <si>
    <t>49歲的光良3月14日白色情人節當天將帶著全新巡演《今夜我不孤獨》二度前進臺北小巨蛋開唱並推出新專輯《絕類》。他今（25）日上Hit Fm擔任大台柱談到演唱會強碰新冠肺炎表示已做好萬全準備「除了疫情的來臨一直都進行的很順利現在就是要讓大家可以安全。」屆時現場將會做好萬全的防護措施也希望粉絲配合測量體溫等事宜。
去年底去了武漢兩天半光良直說那時候還不知道當地有疫情「我們搭飛機就會戴口罩有聽到當地的同事說有感冒當時以為沒事到了今年1月才知道疫情爆發還是過海關提醒才想起來自己有去過武漢。」本來想邀馬來西亞的家人來台灣看演唱會但擔心搭機過程有點危險目前還在思考是否要不要讓他們成行。
12年再登小巨蛋光良透露現在嚴格執行忌口「演唱會前特別不吃炸的、辣的糖不要碰完全不能碰不要吃食品、要吃食物澱粉都不能吃奶類不能碰。」除了特別設計延伸舞臺還加上煙火特效本來因為疫情停工的螢光棒工廠上星期傳來好消息也已復工讓他放下心中的大石頭。
附件區域
更多 CTWANT 報導</t>
  </si>
  <si>
    <t>疫情演唱會特別現在本來巨蛋武漢不能當地知道</t>
  </si>
  <si>
    <t>光良演唱會新冠肺炎武漢肺炎新型冠狀病毒</t>
  </si>
  <si>
    <t>肺炎武漢演唱會冠狀病毒</t>
  </si>
  <si>
    <t>殺病毒消毒水川普有樣學樣嘗試</t>
  </si>
  <si>
    <t>美國總統川普在23日白宮防疫記者會上提出「可將消毒劑注射至病患身上」藉此「體內大掃除」此言一出立即引起專家強烈反譴責稱根本是危險誤導。雖然川普隔日聲稱這只是諷刺說法不過據外媒指出美國人民真的有</t>
  </si>
  <si>
    <t>川普美國指出白宮防疫提出消毒劑注射記者會說法身上諷刺體內大掃除立即引起專家強烈</t>
  </si>
  <si>
    <t>美國總統川普在23日白宮防疫記者會上提出「可將消毒劑注射至病患身上」藉此「體內大掃除」此言一出立即引起專家強烈反譴責稱根本是危險誤導。雖然川普隔日聲稱這只是諷刺說法不過據外媒指出美國人民真的有人照著川普建議引用消毒水或家用清潔劑所幸無人因此送院治療但仍不禁令人捏把冷汗。
據《紐約每日新聞》（Daily News）報導紐約市衛生部毒物控制中心表示自從川普「喝消毒劑」說後的18小時內紐約市民打電話詢問紐約市衛生單位詢問可能誤食了漂白水或家用清潔劑的次數達到異常新高從23日晚上9點至24日下午3點內約有30起誤食消毒劑的案例與去年同一時段相比僅有13起案例此一數量將近增加了兩倍之多。
毒物控制中心發言人表示除了23日至24之間的案例之外另有9起疑似服用家用清潔劑「來舒水」（Lysol）、10起漂白劑以及11起一般家用清潔劑。而在去年同樣的18小時時段中並未有誤食「來蘇水」的案例而誤食漂白劑也僅有2起。
川普「喝消毒劑」一說是出於白宮疫情記者會上。當時他先大談專家研究以紫外線或強光打入體內殺滅病毒的可能性接著便說「然後我也看到消毒劑能在1分鐘內殺滅病毒有沒有辦法做到像是注入體內做個大清理？因為病毒會侵入肺部並大量增生因此研究看看相關做法應很有趣」。
從媒體轉播畫面上來看川普發表此說時的表情看不出是在開玩笑雖然他已在隔一日記者會中反稱「只是用諷刺語氣回答記者問題」之後對於記者追問不再多回應為川普在疫情記者會時間最短的一次。
而在川普「驚人」建議一出後消毒劑公司來舒與漂白水公司高樂氏（Clorox）都發出聲明提醒勿不當使用這類產品。此外美國已有聲浪指出川普一再藉由疫情記者會為自己增加曝光率但內容多是錯誤訊息、欺騙人民、對政敵憤怒、指責外國並一再「甩鍋」以及吹噓抗議成就已有籲30萬人連署各家媒體停止直播有川普的疫情記者會。</t>
  </si>
  <si>
    <t>川普消毒劑記者會清潔劑疫情體內案例病毒誤食美國研究紐約人民專家一再紐約市媒體</t>
  </si>
  <si>
    <t>緊身衣口罩女星傲人</t>
  </si>
  <si>
    <t>長相激似Angelababy的香港辣模許珮榆（Diva）近年演藝事業轉往大陸發展在新冠肺炎期間也不忘做好防疫工作。她今(22日)被港媒直擊與友人戴著口罩出現在香港某商場豪乳上圍超吸睛。擁有葡萄牙、新疆血統的辣模</t>
  </si>
  <si>
    <t>香港擁有葡萄牙做好期間防疫肺炎工作發展大陸直擊演藝事業許佩榆</t>
  </si>
  <si>
    <t>長相激似Angelababy的香港辣模許珮榆（Diva）近年演藝事業轉往大陸發展在新冠肺炎期間也不忘做好防疫工作。她今(22日)被港媒直擊與友人戴著口罩出現在香港某商場豪乳上圍超吸睛。
擁有葡萄牙、新疆血統的辣模許珮榆2009年演出TVB《四葉草-南華夢飛翔》出道後來憑著超犯規D罩杯火辣身材成為香港宅男女神。只是人紅是非多她就曾被爆料是人工美女當時經紀公司則為她喊冤表示她是以前有嬰兒肥沒有整容。</t>
  </si>
  <si>
    <t>香港許佩榆以前表示做好防疫工作期間肺炎喊冤直擊發展公司經紀當時</t>
  </si>
  <si>
    <t>許珮榆口罩正妹新冠肺炎武漢肺炎</t>
  </si>
  <si>
    <t>口罩肺炎武漢許佩榆</t>
  </si>
  <si>
    <t>做到爆發下一場疫苗戰役</t>
  </si>
  <si>
    <t>不少民眾盼能解封但專家認為須先達到群體免疫。胸腔暨重症醫師黃軒今發文表示感染過新冠肺炎仍可能二次染疫未來若大規模打疫苗新冠肺炎仍沒被消滅那麼疫情恐會進入地方性的戰役面對這樣的狀況各國該如</t>
  </si>
  <si>
    <t>肺炎專家認為須先達地方進入群體免疫胸腔解封重症戰役醫師疫情黃軒今消滅發文表示感染未來</t>
  </si>
  <si>
    <t>病毒感染肺炎黃軒免疫流感疫苗表示時間流行身體冠狀疫情地方出現確診免疫系統進行抗體患者</t>
  </si>
  <si>
    <t>新冠肺炎台灣群體免疫反覆感染地方性流行病毒</t>
  </si>
  <si>
    <t>群體感染免疫地方臺灣肺炎流行病毒</t>
  </si>
  <si>
    <t>地方政府提供即日起民眾中心關懷指揮電話疫情</t>
  </si>
  <si>
    <t>疫情指揮中心副指揮官陳宗彥今日表示從今天起地方政府會開始提供採檢民眾關懷電話這部分是從衛政以外的人力去調度來做協助主要是以雙北市為主。媒體問到陳宗彥在上午記者會提到民眾採檢後在校正回歸</t>
  </si>
  <si>
    <t>陳宗彥民眾今日表示從今天起調度協助人力地方政府以外北市為主媒體問到是從部分開始提到提供電話</t>
  </si>
  <si>
    <t>疫情指揮中心副指揮官陳宗彥今日表示從今天起地方政府會開始提供採檢民眾關懷電話這部分是從衛政以外的人力去調度來做協助主要是以雙北市為主。
媒體問到陳宗彥在上午記者會提到民眾採檢後在校正回歸中的空窗期會提供地方政府的關懷電話是從何時開始提供這樣的服務？
陳宗彥表示在上午的會議中地方政府有提出這樣的想法主要是雙北市為主因為採檢完正在等候結果以及確診人數都是雙北民眾居多。因此中央同意讓地方縣市政府從今天開始會做這樣的處理地方會調度除了衛政以外的人力做協助。</t>
  </si>
  <si>
    <t>地方民眾政府開始陳宗彥提供上午表示北市為主是從以外電話調度關懷人力協助今日都是雙人數確診結果等候居多</t>
  </si>
  <si>
    <t>新冠肺炎台灣 地方政府採檢民眾</t>
  </si>
  <si>
    <t>地方臺灣政府肺炎民眾</t>
  </si>
  <si>
    <t>專家全球傳播空氣聯手口罩who室內</t>
  </si>
  <si>
    <t>全球32國、共239名科學家下周即將向世界衛生組織（WHO）發表公開信指控世衛忽視新冠病毒會透過「空氣傳播」的風險《紐約時報》指出如果科學家的研究發現是正確的那麼即便有採取社交距離措施民眾在室內仍應</t>
  </si>
  <si>
    <t>科學家措施距離社交採取周即正確who世界衛生組織發現發表民眾公開信研究指控世衛忽視病毒指出透過空氣紐約時報風險</t>
  </si>
  <si>
    <t>全球32國、共239名科學家下周即將向世界衛生組織（WHO）發表公開信指控世衛忽視新冠病毒會透過「空氣傳播」的風險《紐約時報》指出如果科學家的研究發現是正確的那麼即便有採取社交距離措施民眾在室內仍應該戴上口罩空調系統也要加裝過濾設施。
全球各地陸續解封後酒吧、餐廳、市場等室內場所接連爆發嚴重群聚感染這種情形可能坐實了科學家數月以來指出新冠病毒不只透過飛沫更會藉由空氣傳播的說法。《紐約時報》（New York Times）昨（5）日披露橫跨全球32個國家、共239名科學家下周即將在科學期刊刊登一封致世界衛生組織的公開信內容將羅列新冠病毒會透過空氣傳播、並且感染人類的各項證據同時建議世衛更新相關防疫指南。
科學家指出不論是打噴嚏後透過大片飛沫飄散到空氣中或是吐氣後透過小片飛沫蔓延整個房間新冠病毒確實會透過空氣傳播人類吸入後就會感染病毒。
科學家也指出好幾個案例都顯示在空調系統不佳、人群擁擠的室內空間中病毒確實會透過空氣傳播。
據英國《每日郵報》（Daily Mail）報導今年4月大陸武漢的科學家分析醫院中不同地方的空氣分子他們發現除了醫院廁所、以及醫護人員更衣的房間兩個人潮較多的地方外醫院其他地方都偵測不到新冠病毒研究人員推測廁所會有較多病毒量可能是因為空調系統不佳另外醫護人員更衣室有較多病毒可能是因為人員摘掉口罩、手套、外衣時原本沾黏在上面的病毒又被揚起重新透過空氣進行傳播。
《紐約時報》指出如果空氣被證實是新冠病毒傳播的重要途徑那麼許多防疫措施都必須升級包含即便採取社交距離政策民眾在室內仍須戴上口罩；醫護人員在照顧新冠患者時必須配戴N95口罩以過濾掉最小的飛沫分子；學校、長照機構、居家、工作場所應該盡量降低再循環空氣並且為空調系統加裝強大的過濾器；甚至室內可能需要裝設紫外線機以殺死漂浮在空氣中的病毒粒子。
Tribune News Service報導WHO及美國疾病管制暨預防中心（US Centers for Disease Control and PreventionCDC）長期以來告訴民眾只需要擔心新冠病毒透過近距離飛沫傳染以及觸碰到受感染物品表面之後再觸摸眼、口、鼻等兩種感染途徑專家指控這些機構長期忽視病毒會藉由空氣傳播的風險科學家甚至認為空氣傳播才是唯一能夠解釋為何在採取了防護措施後大陸餐廳以及美國的合唱團仍會出現「超級傳播者」的情形。
報導指出WHO在最近一次、6月29日的疫情更新消息中承認新冠病毒會透過空氣傳播不過這種情形只可能發生在包括插管等醫療行為中這些舉動會產生大量微小粒子因此WHO也只建議醫護人員在這些情況下戴上N95口罩。
過去數月來WHO一直不願證實新冠病毒會透過空氣傳播主要原因在於缺乏明確證據而各界的癥結點在於病毒微粒在空氣中能夠存活多久。今年3月美國政府專家稱病毒能在空氣中存活3小時在塑膠以及鋼製品表面最長能夠存活3天。</t>
  </si>
  <si>
    <t>病毒空氣科學家傳播透過who感染指出可能口罩醫護人員室內空調系統報導措施情形</t>
  </si>
  <si>
    <t>有關因素沈富雄死亡率直言十分驚人</t>
  </si>
  <si>
    <t>新冠肺炎疫情仍持續發燒死亡人數連日創新高。不過前綠委沈富雄發現新冠肺炎致死率和年齡似乎有關係有驚人關係！沈認為「對青壯之士以佛系之眼待此病毒對70歲以上的老人家以魔網全力反向圍堵」。沈富雄在臉</t>
  </si>
  <si>
    <t>沈富雄肺炎關係全力老人家以上青壯之認為病毒死亡人數創新致死發燒持續</t>
  </si>
  <si>
    <t>沈富雄疫情肺炎以上全力病毒至今表示認為似乎資料致死關係青壯之驚人年齡本土</t>
  </si>
  <si>
    <t>沈富雄致死率新冠肺炎武漢肺炎新型冠狀病毒</t>
  </si>
  <si>
    <t>肺炎武漢致死冠狀沈富雄病毒</t>
  </si>
  <si>
    <t>導演吳宇森國際結婚</t>
  </si>
  <si>
    <t>最近新冠肺炎疫情全球延燒國際導演吳宇森夫婦5日在美國洛杉磯家中以簡餐低調祝賀結婚44周年吳宇森喝紅酒、吳太太牛春龍喝茶兩人乾杯祝福彼此身體健康也祝福世界人人身體健康以愛的互動度過難關。吳宇森</t>
  </si>
  <si>
    <t>吳宇森身體健康祝福疫情全球國際導演喝茶牛春龍太太肺炎夫婦家中美國洛杉磯結婚祝賀低調人人</t>
  </si>
  <si>
    <t>最近新冠肺炎疫情全球延燒國際導演吳宇森夫婦5日在美國洛杉磯家中以簡餐低調祝賀結婚44周年吳宇森喝紅酒、吳太太牛春龍喝茶兩人乾杯祝福彼此身體健康也祝福世界人人身體健康以愛的互動度過難關。
吳宇森一生熱愛電影把自己一輩子獻給觀眾和家人聚少離多直到他得到癌症後在和病魔決戰時他的小孩在妻子的帶領下釋出愛在精神上全力支持他才使他瞭解妻子為了圓他人生的夢幫他教導了3個懂得關懷父親丶愛朋友的好子女。
因為愛的支持吳宇森撐過難關化療後他曾瘦得像個小老頭最後也因堅持活著度過生命的難關目前他正在籌拍新版《喋血雙雄》也關注全球四處漫延的疫情他強調回到初始、愛自己才有能力愛他人愛從家庭出發才是正規有了愛和正向關懷才能抗疫。</t>
  </si>
  <si>
    <t>吳宇森妻子難關疫情全球關懷身體健康祝福正向聚少離多家人太太觀眾家中牛春龍教導喝茶得到祝賀</t>
  </si>
  <si>
    <t>吳宇森新冠肺炎武漢肺炎新型冠狀病毒NCP</t>
  </si>
  <si>
    <t>武漢肺炎冠狀病毒吳宇森ncp</t>
  </si>
  <si>
    <t>落實社交距離分院新竹保護醫護人員中醫大</t>
  </si>
  <si>
    <t>新冠肺炎疫情嚴峻為了遵守中央流行疫情指揮中心的指示中國醫藥大學新竹附設醫院在診間、大廳繳費、領藥等均設置安全距離醫師與病患也可透過醫院提供的平板看到資料與影像拉開醫病距離降低肺炎傳染的可能</t>
  </si>
  <si>
    <t>距離醫院肺炎疫情指揮中心指示醫病中國拉開醫藥影像大學新竹附設看到資料平板設置安全大廳繳費提供醫師</t>
  </si>
  <si>
    <t>新冠肺炎疫情嚴峻為了遵守中央流行疫情指揮中心的指示中國醫藥大學新竹附設醫院在診間、大廳繳費、領藥等均設置安全距離醫師與病患也可透過醫院提供的平板看到資料與影像拉開醫病距離降低肺炎傳染的可能性。
該院院長陳自諒表示無論在診間或是在大廳排隊繳費、領藥或在餐廳用餐等均須保持15公尺的距離。
耳鼻喉科主任王堂權表示新冠肺炎傳染途徑以飛沫和接觸為主患者若有咳嗽等呼吸道症狀對醫護人員都是挑戰。過去醫師在講解患者檢查的狀況幾乎都並肩看電腦內的資料如今該院配發平板患者可持平板與醫師同步看到影像與資料也能瞭解自身狀況。
若遇到高風險患者求醫王堂權也會配戴N95口罩、手術帽、護目鏡、防護面罩、頭燈、全身防水隔離衣、乳膠手套保護全身。王堂權也說醫護人員每天會接觸上百個病患避免醫病之間的交叉傳染責無旁貸。</t>
  </si>
  <si>
    <t>患者距離王堂權醫師資料肺炎傳染醫院醫護人員接觸醫病表示狀況平板全身疫情看到影像</t>
  </si>
  <si>
    <t>距離醫護人員患者人員肺炎</t>
  </si>
  <si>
    <t>醫護人員人員患者距離肺炎</t>
  </si>
  <si>
    <t>緊急命令封城擴大失控米蘭疫情威尼斯大利</t>
  </si>
  <si>
    <t>義大利新冠肺炎疫情失控7日新增確診近1200例義大利政府當地時間晚間8時40分宣佈緊急命令封鎖整個倫巴底大區與其他區域的11個省未經核准不許進出米蘭、威尼斯等大城都在封鎖之列。中央社報導義大利7日確</t>
  </si>
  <si>
    <t>大利封鎖未經核准不許進出區域米蘭大區威尼斯倫巴大城緊急命令宣佈失控疫情之列晚間時間肺炎當地報導新增政府</t>
  </si>
  <si>
    <t>義大利新冠肺炎疫情失控7日新增確診近1200例義大利政府當地時間晚間8時40分宣佈緊急命令封鎖整個倫巴底大區與其他區域的11個省未經核准不許進出米蘭、威尼斯等大城都在封鎖之列。
中央社報導義大利7日確診病例達5883例死亡人數233例許多地方行政首長也感染義大利政府晚間採取新的緊急措施擴大封鎖的「紅色區域」。
封鎖範圍除了米蘭為首府的整個倫巴底大區（Lombardia）還包括附近幾個疫情嚴重大區內的11個省分別為帕瑪（Parma）、比森薩（ Piacenza）、裡米尼（Rimini）、摩狄納（Modena）、貝沙羅（Pesaro）、烏比諾（Urbino）、威尼斯（Venezia）、巴多瓦（Padova）、特雷維索（ Treviso） 、亞歷山德里亞（Alessandria） 、阿斯提（Asti）。
這些大區內將關閉娛樂場所、博物館、體育活動、健身房、游泳池區域內的學校停課到4月3日。</t>
  </si>
  <si>
    <t>封鎖區域大利大區威尼斯疫情米蘭晚間政府倫巴確診modena狄納沙羅rimini裡米尼pesarotreviso亞歷山德里亞piacenza</t>
  </si>
  <si>
    <t>新冠病毒武漢肺炎全球義大利封鎖</t>
  </si>
  <si>
    <t>肺炎全球武漢病毒大利封鎖</t>
  </si>
  <si>
    <t>可能美國醫學會死亡一大全球</t>
  </si>
  <si>
    <t>新冠肺炎爆發至今全球確診人數高達3300萬多死亡人數已逾百萬《美國醫學會雜誌》研究報告指出美國境內的新冠死亡數可能少算了將近28％世界衛生組織WHO坦言目前的死亡人數可能被低估並警告各國若不團結</t>
  </si>
  <si>
    <t>人數可能死亡研究至今全球雜誌報告美國醫學會指出美國世界衛生組織將近目前境內算了who死亡數坦言低估確診爆發高達警告</t>
  </si>
  <si>
    <t>可能美國人數死亡研究病毒傳染性目前who國家發現美國醫學會低估報告雜誌確診防疫指出境內將近算了肺炎計算</t>
  </si>
  <si>
    <t>新冠死亡人數新冠肺炎美國醫學會雜誌WHO全球新冠死亡</t>
  </si>
  <si>
    <t>肺炎美國醫學會全球who死亡雜誌人數</t>
  </si>
  <si>
    <t>聖生技強攻國家隊細胞治療</t>
  </si>
  <si>
    <t>長聖國際生技今年在「亞洲生技展」登場面對新冠肺炎疫情長聖研發的異體臍帶幹細胞（UMSC01）用於治療新冠肺炎確診患者除已獲衛福部核准恩慈療法、財團法人醫藥品查驗中心（CDE）認證對新冠肺炎藥物研發具潛力</t>
  </si>
  <si>
    <t>肺炎研發療法核准財團法人醫藥品衛福部查驗中心cde患者認證登場確診臍帶異體面對幹細胞umsc</t>
  </si>
  <si>
    <t>長聖國際生技今年在「亞洲生技展」登場面對新冠肺炎疫情長聖研發的異體臍帶幹細胞（UMSC01）用於治療新冠肺炎確診患者除已獲衛福部核准恩慈療法、財團法人醫藥品查驗中心（CDE）認證對新冠肺炎藥物研發具潛力之藥物外也同步申請美國FDA緊急使用核准進行臨床試驗參與抗疫國家隊不遺餘力表現亮眼。
長聖總經理、胸腔科名醫黃文良表示間質幹細胞的分化能力很強可調節免疫系統並抑制發炎促進內發性修復對抗重症患者的細胞激素風暴並拯救生命希望能帶給新冠肺炎患者恢復健康的契機。
長聖是中國醫藥大學暨醫療體系的合作企業之一致力於研發免疫細胞與幹細胞療法對相關病症給予新的治療契機並針對每個人的差異給予個人化的精準醫療是全方位細胞療法之新藥研發公司。
此外黃文良表示對於逐年增加的癌症患者長聖積極推動細胞治療對抗癌症依據特管辦法長聖不僅提供自體免疫樹突細胞（DC）治療同時也在今年5月獲衛福部核准將DC與細胞因數誘導的殺手細胞（CIK）結合成為樹突細胞結合細胞因數誘導殺手細胞療法（DC-CIK）。
長聖同時積極與全台各醫療院所合作申請目前已與17家大型醫療院所合作及有七家醫療機構獲得衛福部核准收案治療人數已達90人讓癌友露出生命的曙光嘉惠更多病人。黃文良表示樹突細胞腫瘤疫苗（ADCV）治療多型性膠質母細胞瘤（俗稱惡性腦瘤GBM）正在進行2期臨床試驗；此外異體臍帶幹細胞（UMSC01）治療心肌梗塞及腦中風第一期臨床試驗也在進行中。
「在未來治療疾病有可能是一顆細胞（a cell）而不只是一顆藥丸（a pill）」長聖董事長劉銖淇表示看到特管辦法的個案一次只能救到一個人若能通過臨床試驗並上市透過細胞製劑的量產將能夠同時救治很多的患者這是最令人振奮的事情期許嘉惠更多病人。</t>
  </si>
  <si>
    <t>細胞治療患者表示核准療法試驗幹細胞臨床研發醫療肺炎黃文良進行衛福部樹突合作生命對抗癌症</t>
  </si>
  <si>
    <t>研發肺炎黃文良核准臨床試驗</t>
  </si>
  <si>
    <t>黃文核准臨床肺炎試驗研發</t>
  </si>
  <si>
    <t>抗跌首選</t>
  </si>
  <si>
    <t>法人機構指出隨著後疫情期間經濟緩復甦現象全球低利率環境將持續一段時間而聯準會政策動向延續當前基準利率近0％的現象至少維持到2022年底或甚至更久。凱基投信分析根據歷史經驗回測2009～2014年間聯準</t>
  </si>
  <si>
    <t>現象疫情期間歷史經驗經濟分析凱基復蘇甚至全球年底持續一段時間准會利率政策</t>
  </si>
  <si>
    <t>法人機構指出隨著後疫情期間經濟緩復甦現象全球低利率環境將持續一段時間而聯準會政策動向延續當前基準利率近0％的現象至少維持到2022年底或甚至更久。凱基投信分析根據歷史經驗回測2009～2014年間聯準會維持利率為0％而可代表亞洲債券的摩根亞洲信貸指數漲幅達80％表現十分亮眼。
凱基新興亞洲永續優選債券基金預定經理人陳建銘表示亞洲債券經歷過2008年金融海嘯、2011年歐債危機、2015年油價重挫、2018年美中貿易戰、2020年新冠肺炎等危機衝擊後亞洲債券仍能快速收復跌幅表現相對於亞股抗跌顯示亞債資產的穩健度較佳。
陳建銘進一步觀察歷年來亞洲債券相較於各類信用債券及股票指數的年化夏普值較高亞洲債券有096而市場普遍關注的全球高收益債為076、全球股票為04相形之下亞債的投資效率比其他資產表現更亮眼尤其是今年全球市場波動度增加投資人欲尋找更能提升投資報酬率的資產亞債即能脫穎而出、值得投資人提高關注度。
雖然新冠肺炎疫情尚未完全控制但對於金融市場的衝擊已逐漸鈍化各地區的經濟活動逐漸復甦；相較於成熟及新興國家地區亞洲經濟雖同樣受到衝擊、但幅度較小且估計在中國市場的帶動下有機會加快復甦腳步未來基本面前景較為正向。
目前全球債券殖利率水準已近歷史低點建議投資角度可鎖定具備利差收斂空間、可望創造資本利得的信用債券。陳建銘表示目前亞洲債券的利差水準仍高於歷史平均而就歷史評價面分析亞債相對於主要股市、公債及其他信用債仍相對低廉可望持續吸引資金青睞。</t>
  </si>
  <si>
    <t>債券亞洲全球歷史衝擊復蘇利率表現市場經濟投資信用相對陳建銘資產可望疫情持續現象危機利差</t>
  </si>
  <si>
    <t>青睞肺炎資產陳建銘現象</t>
  </si>
  <si>
    <t>肺炎陳建銘青睞現象資產</t>
  </si>
  <si>
    <t>曾是先見之明太帥福祉保健局知事主任北海道</t>
  </si>
  <si>
    <t>新冠肺炎（COVID-19）在亞洲爆發日本北海道知事鈴木直道日前表示：「既然中央政府拿不出答案我們就要自己去解決。」率先宣佈停課日本民眾對他的政策相當滿意網友更對他的戴口罩的顏值驚豔讓他在網路上爆紅</t>
  </si>
  <si>
    <t>日本亞洲顏值口罩爆發網友北海道滿意知事相當鈴木日前表示政策中央政府直道拿不出答案民眾停課宣佈解決</t>
  </si>
  <si>
    <t>新冠肺炎（COVID-19）在亞洲爆發日本北海道知事鈴木直道日前表示：「既然中央政府拿不出答案我們就要自己去解決。」率先宣佈停課日本民眾對他的政策相當滿意網友更對他的戴口罩的顏值驚豔讓他在網路上爆紅。
日本新冠肺炎案例數截至目前已有938例其中11例死亡、41人已經出院除了鑽石公主號的705名確診案例之外北海道有66例案例排名第一北海道知事鈴木直道暨2／27率先宣佈學校停課之後2／28更宣佈「緊急事態宣言」希望到3／19的三周之內請國民週末盡量不要外出比日本中央政府更積極的態度面對疫情也讓日本國人相當讚許。
事實上38歲的鈴木知事是日本最年輕的民選知事與民選市長他曾考僅是日本東京都廳工作先後在東京都衛生局、東京都衛生研究所（現在的東京都健康安全研究中心）、東京都立北療育醫療中心、福祉保健局保健政策部疾病對策課任職2008年擔任福祉保健局總務部總務課主任時被東京都廳派遣至北海道夕張市協助因在2007年破產而大量裁員的夕張市政府運作。
他的高顏值也成為這次防疫之外的話題之一不管是戴著口罩的照片或是過去選舉及出席活動的照片都被一一翻出粉絲團也迅速湧入全球各地的粉絲成為新冠肺炎防疫之外的熱門話題。</t>
  </si>
  <si>
    <t>日本東京都北海道知事之外鈴木宣佈案例口罩顏值肺炎福祉保健局相當中央政府中心成為率先粉絲</t>
  </si>
  <si>
    <t>東京都帥哥北海道新冠肺炎保健</t>
  </si>
  <si>
    <t>北海道帥哥肺炎東京都保健</t>
  </si>
  <si>
    <t>第一線到位疫苗全速員警新北</t>
  </si>
  <si>
    <t>新北市疫情嚴峻部分執勤員警染疫為讓第一線外勤員警出勤安心新北市政府與警政署取到8000劑的「新北員警專用疫苗」於今（1）日開始為第一線員警施打。瑞芳警分局雖然轄區人口不多但因處於風景區外來遊客</t>
  </si>
  <si>
    <t>新北人口轄區分局部分執勤瑞芳員警染員警專用員警施開始疫苗於今安心出勤外勤嚴峻取到警政署處於市政府疫情</t>
  </si>
  <si>
    <t>新北市疫情嚴峻部分執勤員警染疫為讓第一線外勤員警出勤安心新北市政府與警政署取到8000劑的「新北員警專用疫苗」於今（1）日開始為第一線員警施打。
瑞芳警分局雖然轄區人口不多但因處於風景區外來遊客絡繹不絕為杜絕因此帶來的染疫風險瑞芳分局也特別協調瑞芳衛生所為第一線同仁施打疫苗有意願施打者均可於本周內施打完畢。
瑞芳分局表示第一線執勤員警除了打擊犯罪更須面對可能染疫的風險希望能讓大家出勤安心因此除了鼓勵所屬積極施打疫苗並安排分流施打避免群聚造成更大風險。
瑞芳分局長陳忠龍表示感謝市長侯友宜及警察局長黃宗仁積極爭取同時也感謝相關衛生單位能在百忙之中協助施打讓同仁能在疫情嚴峻下自我保護進而守護更多人的健康。</t>
  </si>
  <si>
    <t>瑞芳施打疫苗風險分局執勤同仁新北表示安心感謝嚴峻出勤疫情保護風景區積極爭取遊客市長處於</t>
  </si>
  <si>
    <t>新冠肺炎台灣施打第一線執勤員警</t>
  </si>
  <si>
    <t>臺灣施打第一線肺炎執勤員警</t>
  </si>
  <si>
    <t>入境旅客強制下令安倍隔離</t>
  </si>
  <si>
    <t>日本首相安倍於3月5日傍晚終於發佈新冠肺炎防疫措施對中國大陸、韓國實行入境限制要求在9日以後入境日本的大陸與韓國旅客強制隔離14天。據日本《讀賣新聞》報導因為新冠疫情擴散形勢難以遏止日本政府今（5</t>
  </si>
  <si>
    <t>大陸韓國日本入境形勢擴散疫情終於難以報導讀賣新聞肺炎隔離實行防疫中國措施傍晚遏止強制要求限制旅客以後日本政府安倍</t>
  </si>
  <si>
    <t>日本首相安倍於3月5日傍晚終於發佈新冠肺炎防疫措施對中國大陸、韓國實行入境限制要求在9日以後入境日本的大陸與韓國旅客強制隔離14天。
據日本《讀賣新聞》報導因為新冠疫情擴散形勢難以遏止日本政府今（5）日開始規劃限縮或中止已經向大陸與韓國旅客發出簽證未來將計劃要求大陸與韓國兩國的遊客暫時不要前往日本。
《讀賣新聞》指出來自大陸與韓國旅客移民官員必須在醫療機構或政府指定的機構進行隔離檢疫兩週由這兩國抵達日本的航班將限制只能在成田機場和關西國際機場降落水路部份的船舶客運則全部暫停止。
為了抑制新冠肺炎疫情東京原就打算對所有來自陸、韓的旅客強制隔離14天安倍首相終於在5日晚間的防疫會議上正式宣佈此一決定。</t>
  </si>
  <si>
    <t>大陸韓國日本旅客隔離防疫限制來自終於讀賣新聞疫情肺炎要求強制安倍會議入境水路船舶降落客運關西國際機場機場晚間</t>
  </si>
  <si>
    <t>新冠肺炎武漢肺炎新型冠狀病毒COVID-19安倍</t>
  </si>
  <si>
    <t>肺炎武漢冠狀病毒covid-安倍</t>
  </si>
  <si>
    <t>疫苗混打開放時中鬆口醫護基層</t>
  </si>
  <si>
    <t>由於開學在即許多老師希望開學前可以打疫苗教育部表示必須從預約系統預約但臺北市許多新進老師、代課老師以及課後照顧老師若透過預約系統難以銜接全台可能都有類似的問題是否可以針對八月新進的代課老師等</t>
  </si>
  <si>
    <t>可以預約老師系統新進代課老師疫苗類似教育部問題都有可能是否全台銜接難以透過開學必須表示課後臺北市照顧希望八月在即</t>
  </si>
  <si>
    <t>疫苗表示已經混打系統老師可以開學基層預約物件代課老師新進造冊流行疫情中央對此趕快指揮類似都有接種可能問題中心掌握確實</t>
  </si>
  <si>
    <t>基層醫護新進老師疫苗陳時中想辦法</t>
  </si>
  <si>
    <t>疫苗老師陳時中新進醫護辦法基層</t>
  </si>
  <si>
    <t>台師大清大教學中秋建議實體教育部上課</t>
  </si>
  <si>
    <t>近日疫情再起大專校院即將在下禮拜陸續開學教育部長潘文忠今(8)日表示大學可按照既定時程開學但建議在中秋節（9月21日）前 先採行遠距或線上教學。台灣大學、清華大學與台灣師範大學晚間發布消息皆延後</t>
  </si>
  <si>
    <t>開學晚間臺灣師範大學校院清華大學臺灣大學即將教學下禮拜陸續發佈先采大專教育部長潘文忠中秋節表示建議大學消息再起時程</t>
  </si>
  <si>
    <t>近日疫情再起大專校院即將在下禮拜陸續開學教育部長潘文忠今(8)日表示大學可按照既定時程開學但建議在中秋節（9月21日）前 先採行遠距或線上教學。台灣大學、清華大學與台灣師範大學晚間發布消息皆延後實體上課時程。
潘文忠提到如果大學是在9月中旬開學建議中秋節前均採遠距或線上教學用更多的時間來進行防疫準備以因應學生因為中秋節連續假期南北移動後回校可能產生的狀況；中秋節過後再恢復實體課程。
台大表示9月22日開學後的前三周都全部採遠距教學。
清華大學在官方臉書公佈將依教育部建議9月13日開學後一直到21日都採線上授課。等到中秋假期結束後再視疫情狀況看看是否可恢復實體上課。
台灣師範大學則宣佈今日下午決議為因應加強防疫工作配合加退選時間並避開雙十連假人潮流動開學前三周（9/22～10/12）將全面線上授課。
★《中時新聞網》提醒您：因應新冠肺炎疫情疾管署持續加強疫情監測與邊境管制措施 如有疑似症狀請撥打：1922專線或0800-001922並依指示配戴口罩儘速就醫同時主動告知醫師旅遊史及接觸史以利及時診斷及通報。</t>
  </si>
  <si>
    <t>開學疫情中秋節因應實體教學建議加強時間臺灣師範大學防疫潘文忠假期清華大學恢復授課表示狀況</t>
  </si>
  <si>
    <t>遠距教學實體授課開學大學中秋節</t>
  </si>
  <si>
    <t>開學實體授課大學教學中秋節</t>
  </si>
  <si>
    <t>縣長疾呼確診新增</t>
  </si>
  <si>
    <t>屏東縣25日公佈新增4例本土確診者及2例臺北市、彰化縣確診者來屏足跡共匡列43名接觸者檢疫及隔離；其中案號5466為先前公佈確診4226號的胞兄案5464為4755的妻子都是親友感染屏東縣長潘孟安則提醒民眾這段期</t>
  </si>
  <si>
    <t>確診公佈潘孟安縣長感染親友妻子新增匡列接觸檢疫隔離提醒臺北市胞兄本土足跡先前</t>
  </si>
  <si>
    <t>屏東縣25日公佈新增4例本土確診者及2例臺北市、彰化縣確診者來屏足跡共匡列43名接觸者檢疫及隔離；其中案號5466為先前公佈確診4226號的胞兄案5464為4755的妻子都是親友感染屏東縣長潘孟安則提醒民眾這段期間減少不必要的出門、群聚或互訪多利用電話及視訊以免形成防疫破口。
衛生局指出5466、57歲潮州鎮男子因疾病平時起居均由4226照料或至外甥經營的早午餐店用餐在4226確診後被通知居家隔離5月23日搭防疫計程車至醫院採檢24日確診。活動足跡範圍多在早午餐店及潮州河濱公園等處。
案號5464、60歲婦女是4755妻子先生4755曾與4465駕車前往台東市旅遊23日確診5464採檢後24日也確診；而5464在學校任職因學校停課中沒有接觸到學生。衛生局疫調5月20日至24日足跡除了往返學校外曾至內埔鄉驗車、屏東市建國市場、屏東市全聯屏東自由門市、屏東市統一超商光榮門市等處。
案號5465、76歲萬巒鄉婦人5月20日出現咳嗽、頭痛、頭暈等症狀自行騎乘電動代步車至診所就醫；5月24日因症狀未改善轉往醫院治療陪同的女兒同時匡列採檢至深夜才確診為案號5463。
衛生局疫調發現5465婦人平常活動範圍在萬金聖母聖殿周圍市場買菜聊天但5463女兒由臺北市萬華返屏她在北部期間曾與臺北市確診案3258接觸詳細足跡仍在疫調釐清中。
此外平屏縣府衛生局接獲彰化衛生局通報案號4924、69歲男子曾於5月21日與友人駕車至屏東縣九如鄉等地並至萬巒鄉海鴻豬腳（萬巒鄉民和路16號）用餐已經進行環境清消。
案號4777、54歲女子曾於在臺北市萬華地區活動她在北市採檢後即南下恆春找親友並協助農園工作衛生局5月24日接獲臺北市衛生局確診通報後疫調在縣內足跡包括恆春鎮赤牛嶺廟、屈臣氏、全聯、正一大賣場、黃昏市場等處。
目前所有確診者足跡均完成消毒衛生局進一步交叉比對分析屏東縣本土病例大致有二個群聚感染源一是曾有萬華旅遊史的全縣首例3037至今群聚感染9人確診；另一個是「4465」台東旅遊該案同車6人現已有3人確診1人妻子也因接觸而感染累計4人。
屏縣衛生局也公佈潮州快篩站篩檢狀況24日篩檢98人25日上午97人共195人全部都是陰性但發現申請快篩者以年輕人居多潘孟安希望符合條件的長輩也能盡快出來快篩。</t>
  </si>
  <si>
    <t>確診衛生局足跡市場臺北市接觸感染旅遊活動公佈東縣妻子用餐</t>
  </si>
  <si>
    <t>屏東新冠肺炎確診案號台灣</t>
  </si>
  <si>
    <t>肺炎確診臺灣</t>
  </si>
  <si>
    <t>油價不散憂慮疫情肺炎</t>
  </si>
  <si>
    <t>新冠肺炎疫情迅速擴散引發市場擔憂全球經濟會受到衝擊加上國際油價崩跌使投資人恐慌情緒升溫亞洲股市今天收盤全面重挫。有鑑於全球死於2019年冠狀病毒疾病（COVID-19武漢肺炎）的人數不斷增加交易商紛紛</t>
  </si>
  <si>
    <t>全球肺炎人數迅速武漢covid-擴散引發疾病市場病毒擔憂投資人恐慌情緒冠狀升溫亞洲油價股市國際加上今天收盤死於經濟</t>
  </si>
  <si>
    <t>新冠肺炎疫情迅速擴散引發市場擔憂全球經濟會受到衝擊加上國際油價崩跌使投資人恐慌情緒升溫亞洲股市今天收盤全面重挫。
有鑑於全球死於2019年冠狀病毒疾病（COVID-19武漢肺炎）的人數不斷增加交易商紛紛脫手拋售風險較高的資產轉向投資黃金及日圓等避險性資產。這激勵黃金價格和日圓匯率高漲也使美國國債殖利率跌至歷史低點。
雖然各國政府和中央銀行陸續祭出或準備採取經濟刺激措施肺炎疫情擴散仍逐漸對經濟造成巨大壓力並引發各界擔憂會出現全球衰退危機。
全球最大石油出口國沙烏地阿拉伯因與俄羅斯在原油減產議題上談判破裂決定下調官方油價至前所未見的低點引發國際油價暴跌全球股市也跟著重挫。
國際油價暴跌全球石油業者受嚴重衝擊估計損失達數千億美元。
Gaitamecom研究所（Gaitamecom Research Institute Ltd）的神田拓也（Takuya Kanda）說：「國際油價暴跌且冠狀病毒疫情不斷擴散都引發各界擔憂全球經濟存在下行風險。」
亞洲股市今天追隨歐美股市6日跌勢收盤一片慘綠。東京股市重挫51%。香港股市挫跌42%。雪梨股市暴跌73%。首爾股市下挫42%。
曼谷股市重挫80%。新加坡股市收跌60%。雅加達股市重挫66%。上海和臺北股市收跌30%。馬尼拉、威靈頓和吉隆玻股市也全數收黑。</t>
  </si>
  <si>
    <t>股市全球油價經濟國際暴跌引發肺炎疫情擴散擔憂風險衝擊不斷低點資產病毒冠狀亞洲收盤日圓今天</t>
  </si>
  <si>
    <t>股市全球油價重挫新冠肺炎</t>
  </si>
  <si>
    <t>油價全球股市肺炎</t>
  </si>
  <si>
    <t>漳州蛋白迎新</t>
  </si>
  <si>
    <t>上市櫃唯一標榜無抗養殖的農業科技概念股達邦蛋白（6578）2019年底取得食品益生菌廠登記證開發水產動物用益生菌「達邦來富」測試發現搭配達邦勝肽蛋白投餵能有效壓制午仔魚鏈球菌病情、提升魚隻活力、明顯增</t>
  </si>
  <si>
    <t>蛋白益生提升病情鏈球菌養殖魚只壓制農業有效科技概念搭配動物食品</t>
  </si>
  <si>
    <t>上市櫃唯一標榜無抗養殖的農業科技概念股達邦蛋白（6578）2019年底取得食品益生菌廠登記證開發水產動物用益生菌「達邦來富」測試發現搭配達邦勝肽蛋白投餵能有效壓制午仔魚鏈球菌病情、提升魚隻活力、明顯增重二到三成、達到減抗70％穩定龐大商機。同時達邦蛋白漳州廠目前已開始作庫存出貨並接到新單新冠肺炎停工帶來的影響在可控範圍2月底可望完全恢復正常。
午仔魚鏈球菌疫情好發於夏季炎熱氣候以及魚生長至二到五兩重時造成養殖戶嚴重損失市場上卻缺乏有效的益生菌產品。「達邦來富」投入屏東佳冬午仔魚養殖區測試長達十個月獲得重大突破配合測試的全國績優產銷班的楊傳章先生表示：「過去用過各式各樣的益生菌產品但效果都不太明顯有時迫不得已使用抗生素也僅是在疾病爆發後盡可能搶救實在苦無有效對抗鏈球菌感染的好方法。」然而「達邦來富」測試的結果不僅魚隻活力更好投餵量顯著提高二到三成同時搭配使用達邦勝肽蛋白正好令腸道較短的午仔魚有效率地獲得更多蛋白質改善換肉率對抗生素減量達七成不僅降低依賴性、節約成本疫情控制使養殖過程更加穩定安全高品質的午仔魚到生鮮市場上對養殖戶及消費者來說是雙贏。
大陸疫情延燒達邦蛋白新建的漳州廠目前已開始運作並接到新單新冠肺炎停工帶來的影響在可控範圍2月底可望完全恢復正常。剛完成的第一條線產能達1200噸規劃中的第二、三條預計下半年動工屆時產能可達2400噸合計漳州廠產能可達3600噸與台灣產能相當站在無抗養殖的浪頭上前景非常看好。</t>
  </si>
  <si>
    <t>蛋白益生疫情養殖有效測試產能鏈球菌抗生素明顯穩定使用</t>
  </si>
  <si>
    <t>達邦新單產能益生菌達邦蛋白</t>
  </si>
  <si>
    <t>益生產能蛋白</t>
  </si>
  <si>
    <t>認為病例破百醫護肺炎nhs準備英國</t>
  </si>
  <si>
    <t>英國連日武漢肺炎確診病例暴增今天累計至116例且出現第一起死亡病例但調查訪問1618名醫護人員有99%認為英國公立醫療體系「國家醫療保健服務」（NHS）沒準備好。英國的2019年冠狀病毒疾病（COVID-19武漢肺</t>
  </si>
  <si>
    <t>英國病例武漢病毒冠狀準備服務nhs今天醫療保健國家累計體系出現醫療死亡認為調查訪問醫護人員疾病確診</t>
  </si>
  <si>
    <t>英國連日武漢肺炎確診病例暴增今天累計至116例且出現第一起死亡病例但調查訪問1618名醫護人員有99%認為英國公立醫療體系「國家醫療保健服務」（NHS）沒準備好。
英國的2019年冠狀病毒疾病（COVID-19武漢肺炎）確診人數最近連續刷新24小時內新增超過30例今天一舉暴增到116例突破百人大關且傳出第一起死亡病例。
英國廣播公司（BBC）報導死亡病例是一名70多歲女性原本就因其他疾病而進進出出醫院在瑞丁市（Reading）皇家伯克郡醫院（Royal Berkshire Hospital）接受治療。
英格蘭首席醫療官惠提（Chris Whitty）說據信這名病患是在英國境內受到感染。當局正在追溯她的感染源。
儘管疫情這週急遽惡化但「衛報」（The Guardian）2日報導國家醫療保健服務1618名醫護人員接受調查訪問時竟有99%的受訪者認為國家醫療保健服務沒有準備好僅8人認為準備好了。
調查顯示儘管英國首相強生（Boris Johnson）保證狀況在控制中但絕大多數醫護人員不認為NHS準備好面對疫情大爆發。他們憂心NHS目前就已負擔沈重尤其是重症加護病房數量太少。
進行這份調查的英國醫學會主席帕馬（Rinesh Parmar）說：「強生說他非常有信心國家醫療保健服務能應付2019年冠狀病毒疾病疫情爆發但我們的調查卻顯示第一線醫師不同意。」
他說：「真相是國家醫療保健服務早已不堪重負許多醫師憂心我們的醫療體系無法應付大量湧入的冠狀病毒病患。目前（英格蘭）缺了約1萬名醫師與4萬3000名護理人員國家醫療保健服務現在要處理的工作就已人手不足了。」
帕馬說：「目前急診室等候時間創下有史以來最糟紀錄加護病房數量就連提供最重症病人及等待癌症手術的病人都很勉強。」
NHS醫護人員也憂心部分醫院甚至缺乏口罩等基本工具而且NHS的專線電話有時候會指示有症狀的病人前往醫院急診室儘管官員早已警告這麼做可能會使新型冠狀病毒進一步傳播。</t>
  </si>
  <si>
    <t>英國調查nhs醫療保健國家服務醫院醫護人員冠狀病例病毒目前認為疫情憂心醫療疾病醫師病人準備死亡急診室</t>
  </si>
  <si>
    <t>醫療英國服務保健醫療保健</t>
  </si>
  <si>
    <t>醫療服務英國醫療保健保健</t>
  </si>
  <si>
    <t>中央柯文哲疫苗以上北市亂七八糟</t>
  </si>
  <si>
    <t>北市副市長蔡炳坤9日表示北市75歲以上長者第1劑已滿10周要開打第2劑預約到12日中午截止15至19日火力全開施打。臺北市長柯文哲痛批台灣疫苗最大問題就是中央完全沒規畫有什麼打什麼導致亂七八糟。柯</t>
  </si>
  <si>
    <t>北市以上完全中央長者問題疫苗臺灣全開柯文哲施打臺北市預約</t>
  </si>
  <si>
    <t>北市副市長蔡炳坤9日表示北市75歲以上長者第1劑已滿10周要開打第2劑預約到12日中午截止15至19日火力全開施打。臺北市長柯文哲痛批台灣疫苗最大問題就是中央完全沒規畫有什麼打什麼導致亂七八糟。
柯說最後還是要靠打疫苗防疫台灣疫苗最大問題是完全沒規畫有啥打啥亂七八糟75歲以上打了第1劑AZ的長者已滿10周要打第2劑北市75歲以上長者有13萬人其中超過10萬人都已在政委唐鳳的系統登記既然已登記10日就去預約預約結束後北市會跟中央討名單完全沒登記的人看有多少再分配給各區公所造冊通知來打有數位能力就用唐鳳系統不行就北市造冊。
蔡炳坤表示北市有33家醫院、246家診所、12家門診中心加上花博爭豔館有提供292個接種點希望長者都能就近接種不必跑到很遠地方沒預約者盡快登記12日會預約結束。
蔡炳坤說沒預約的75歲以上長者北市會整理名單按照時間、地點分配好去哪打透過民政系統、裡鄰長、裡幹事16、17日把接種通知單送到每位沒預約的75歲以上長者家中安排在22、23日看哪個時間到哪個醫院打會有大型醫院為長者服務。
蔡炳坤說另外也有3萬多名年輕人預約預約時間為10至12日他也希望年輕人可跟阿公阿嬤一起去接種；養護機構的第2劑接種也同步進行15至23會打完；校園打疫苗也要登場22至29日是高中職五專30至10月6日式國中。</t>
  </si>
  <si>
    <t>北市 副 市長 蔡炳坤 9 日 表示 北市 75 歲 以上 長者 第 1 劑 已 滿 10 周 要 開 打 第 2 劑 預約 到 12 日 中午 截止 15 至 19 日 火力 全開 施打 臺北市 長 柯文哲 痛 批 臺灣 疫苗 最 大 問題 就 是 中央 完全 沒 規 畫 有 什麼 打 什麼 導致 亂七八糟 柯說 最後 還是 要 靠 打 疫苗 防疫 臺灣 疫苗 最 大 問題 是 完全 沒 規 畫 有 啥 打 啥 亂七八糟 75 歲 以上 打 了 第 1 劑 az 的 長者 已 滿 10 周 要 打 第 2 劑 北市 75 歲 以上 長者 有 13萬 人 其中 超過 10萬 人 都已 在 政委 唐鳳 的 系統 登記 既然 已登記 10 日 就 去 預約 預約 結束 後 北市 會 跟 中央 討 名單 完全 沒 登記 的 人 看有 多少 再 分配 給 各 區公所 造冊 通知 來 打 有 數位 能力 就 用 唐鳳 系統 不行 就 北市 造冊 蔡炳 坤錶 示 北市 有 33 家 醫院 246 家 診所 12 家 門診 中心 加上 花博 爭 豔 館 有 提供 292 個 接種 點 希望 長者都 能 就近 接種 不必 跑 到 很 遠 地方 沒 預約 者 儘快 登記 12 日 會 預約 結束 蔡炳坤 說 沒 預約 的 75 歲 以上 長者 北市 會 整理 名單 按照 時間 地點 分配 好 去 哪 打 透過 民政 系統 裡 鄰長 里幹事 1617 日 把 接種 通知單 送 到 每 位 沒 預約 的 75 歲 以上 長者 家中 安排 在 2223 日 看 哪個 時間 到 哪個 醫院 打 會 有 大型 醫院 為 長者 服務 蔡炳坤 說 另外 也 有 3萬 多 名 年輕人 預約 預約 時間 為 10 至 12 日 他 也 希望 年輕人 可 跟 阿公 阿 嬤 一起 去 接種 養護 機構 的 第 2 劑 接種 也 同步進行 15 至 23 會 打完 校園 打 疫苗 也 要 登場 22 至 29 日 是 高中職 五專 30 至 10 月 6 日式 國 中</t>
  </si>
  <si>
    <t>預約北市長者接種以上疫苗登記系統時間醫院希望分配完全造冊蔡炳坤唐鳳中央名單</t>
  </si>
  <si>
    <t>北市預約長者75歲接種</t>
  </si>
  <si>
    <t>北市接種長者預約</t>
  </si>
  <si>
    <t>實施疫苗計畫肺炎優先供應加入發展中國家</t>
  </si>
  <si>
    <t>大陸外交部發言人華春瑩9日宣佈中國大陸於8日同全球疫苗免疫聯盟簽署協議正式加入「新冠肺炎疫苗實施計劃」；中國疫苗研發完成並投入使用後將作為全球公共產品優先向發展中國家提供。外交部網站新聞稿援引她</t>
  </si>
  <si>
    <t>疫苗全球外交部中國大陸提供發展中國家優先產品作為正式肺炎加入完成研發協定簽署投入使用聯盟免疫宣佈實施計畫網站發言人</t>
  </si>
  <si>
    <t>大陸外交部發言人華春瑩9日宣佈中國大陸於8日同全球疫苗免疫聯盟簽署協議正式加入「新冠肺炎疫苗實施計劃」；中國疫苗研發完成並投入使用後將作為全球公共產品優先向發展中國家提供。
外交部網站新聞稿援引她的話稱確保發展中國家有平等機會獲取適合、安全和有效的疫苗是中國一直關注的重點。儘管中國多支疫苗研發處於國際領先水準並具備充足的生產能力但決定加入「實施計劃」目的是以實際行動促進疫苗公平分配確保為發展中國家提供疫苗同時帶動更多有能力的國家加入並支持「實施計劃」。
華春瑩稱中方同實施計劃保持著密切溝通對加入實施計劃持積極態度這是中國秉持人類衛生健康共同體理念、履行自身承諾推動疫苗成為全球公共產品的一個重要舉措。通過加入實施計劃中方也將同有關國家加強疫苗合作。
世界衛生組織（WHO）總幹事譚德塞6日表示針對新冠病毒的疫苗可能在年底前準備就緒但他並未詳細說明。譚德塞呼籲所有領導人團結一致並作出政治承諾確保在未來疫苗問世時公平分配。</t>
  </si>
  <si>
    <t>疫苗加入實施計畫中國確保全球發展中國家德塞承諾提供國家產品研發外交部華春瑩中方公平分配就緒說明詳細</t>
  </si>
  <si>
    <t>全球實施計劃疫苗發展中國家</t>
  </si>
  <si>
    <t>全球疫苗實施發展中國家計畫</t>
  </si>
  <si>
    <t>病例管理封閉來自本土區域隔離觀察人員廣州</t>
  </si>
  <si>
    <t>廣東省疫情防控新聞發布會11日由廣東省衛健委副主任、省中醫藥局局長徐慶鋒介紹端午節假期疫情防控安排。分析此輪疫情感染者以老人、小孩較多最長92歲、最小1歲。經分析廣州市近期新增病例都來自封閉管理區域</t>
  </si>
  <si>
    <t>分析疫情防控廣東省病例新增近期廣州市來自最小主任中醫藥局局長徐慶鋒介紹端午節小孩老人假期感染者封閉</t>
  </si>
  <si>
    <t>廣東省疫情防控新聞發布會11日由廣東省衛健委副主任、省中醫藥局局長徐慶鋒介紹端午節假期疫情防控安排。分析此輪疫情感染者以老人、小孩較多最長92歲、最小1歲。經分析廣州市近期新增病例都來自封閉管理區域及隔離觀察人員。透過落實各項防控措施茂名市、佛山市、深圳市分別至5月26日、6月5日、6月7日以來已無新增個案報告。
大陸國家衛健委網站通報6月10日0-24時新增確診病例22例其中本土病例9例（均在廣東）；無新增死亡病例；本土無症狀1例。
官方「健康廣東」微信公號通報6月10日0-24時廣東省新增9例本土確診病例均為廣州報告。截至6月10日24時全省累計報告新冠肺炎確診病例2593例（境外輸入1061例）。目前在院178例。
據介紹廣州市近期新增病例都來自封閉管理區域及隔離觀察人員。透過落實各項防控措施茂名市、佛山市、深圳市分別至5月26日、6月5日、6月7日以來已無新增個案報告。專家研判廣州市疫情形勢在積極向好方向發展但不排除還會有散在病例發生的可能。
為做好交通出行疫情防控工作廣州於端午假期全面落實機場、鐵路、公路客運站離穗旅客均須憑「健康碼」綠碼和48小時內核酸檢測陰性證明的查驗工作暫時關停部分市內客運站並停運市內所有省際長途客運班線。端午假期廣州市將減少公車班次地鐵執行時間也不延長。公車各路線發班壓降20％以上並確保車廂載客量保持在60％以下。
預計在端午節假期廣東鐵路運輸從6月11日開始至15日省內客流不會出現聚集性高峰較為平穩。旅客在12306網站購買廣東省內各車站出發離開廣州、佛山或離開廣東省的車票時將收到彈窗資訊提示要求進站乘車時提供健康碼綠碼和相關核酸檢測陰性結果。</t>
  </si>
  <si>
    <t>病例疫情假期廣州市廣東省防控廣州報告健康廣東工作公車新增旅客客運站網站端午節分析端午</t>
  </si>
  <si>
    <t>新冠肺炎大陸6月廣州廣東省</t>
  </si>
  <si>
    <t>大陸廣州肺炎廣東省</t>
  </si>
  <si>
    <t>一口氣確診肺炎</t>
  </si>
  <si>
    <t>中央流行疫情指揮中心29日公佈國內新冠肺炎（COVID-19）新增5例確定病例其中4例為例34 (確診前於北部某醫院之接觸者分別為1名清潔人員(案35)及3名護理人員(案36至38)。中央流行疫情只會中心指揮官陳時中表示案</t>
  </si>
  <si>
    <t>中心疫情中央流行接觸醫院covid-肺炎分別國內公佈確診新增北部清潔人員指揮官護理人員指揮病例確定</t>
  </si>
  <si>
    <t>中央流行疫情指揮中心29日公佈國內新冠肺炎（COVID-19）新增5例確定病例其中4例為例34 (確診前於北部某醫院之接觸者分別為1名清潔人員(案35)及3名護理人員(案36至38)。
中央流行疫情只會中心指揮官陳時中表示案35於醫院急診工作時曾接觸案34其餘3人均為案34確診前住院病房之護理人員4人陸續於2月18至25日間出現咳嗽、流鼻水、發燒等症狀並於案34確診後列為接觸者採檢於今日確診為一起群聚事件。</t>
  </si>
  <si>
    <t>確診接觸醫院護理人員中心疫情流行covid-中央肺炎國內今日公佈咳嗽出現日間</t>
  </si>
  <si>
    <t>確診接觸者護理人員驚悚肺炎確診</t>
  </si>
  <si>
    <t>護理人員確診接觸肺炎</t>
  </si>
  <si>
    <t>同期續登營運審慎導體樂觀</t>
  </si>
  <si>
    <t>半導體測試介面廠精測（6510）受惠5G即將進入商用化供應鏈備料帶動多項半導體測試介面需求2020年5月自結合併營收續「雙升」至353億元創同期新高、亦創歷史第4高。展望後市隨著5G相關應用晶片需求浮現公司</t>
  </si>
  <si>
    <t>需求介面測試半導體應用相關歷史展望後市結合即將進入商用化備料供應受惠帶動新高</t>
  </si>
  <si>
    <t>半導體測試介面廠精測（6510）受惠5G即將進入商用化供應鏈備料帶動多項半導體測試介面需求2020年5月自結合併營收續「雙升」至353億元創同期新高、亦創歷史第4高。展望後市隨著5G相關應用晶片需求浮現公司對第三季旺季營運審慎樂觀。
精測今（3）日上午召開股東常會通過2019年財報及盈餘分派案決議配發每股現金股利10元並完成4席董事、3席獨董改選。會後召開董事會通過推選中華投資法人董事林國豐擔任新任董事長。
精測2020年5月自結合併營收達353億元月增296％、年增達6782％創同期新高、歷史第4高。其中晶圓測試卡276億元月減1097％、年增達118倍。IC測試板054億元月增近217倍、年減723％。技術服務與其他022億元月增4408％、年減1052％。
累計精測2020年1～5月合併營收1596億元年增達5573％續創同期新高。其中晶圓測試卡達1293億元年增達114倍IC測試板054億元年增2399％技術服務與其他022億元年減621％。
精測表示5月營收仍可見垂直探針卡（VPC）拓展成效應用晶片包括5G射頻（RF）、智慧型手機核心應用處理器（AP）及高效能運算ARM-based伺服器晶片。隨著VPC新產品營收挹注在多產品、多客戶風險分散營運模式下已有效降低單一客戶對營運影響。
展望後市隨著時序步入第二季末在新冠肺炎疫情趨緩、美國及中國大陸競逐5G情境下精測表示對應的所需晶片需求已逐漸浮現帶動公司垂直探針卡業務成長對第三季旺季營運審慎樂觀。
因應疫情對全球經濟影響的不確定性因素精測坦言未來終端市場消費需求有待觀察亦將牽動半導體產業鏈。面臨大環境嚴峻挑戰精測將運用長年累積實力抵擋景氣衝擊並持續拓展全球市場積極投入垂直探針卡各項研發以分散區域經濟營運風險。</t>
  </si>
  <si>
    <t>營運需求測試應用董事召開探針垂直半導體疫情市場全球拓展影響</t>
  </si>
  <si>
    <t>精測營收成長同期新高探針卡</t>
  </si>
  <si>
    <t>成長同期新高探針</t>
  </si>
  <si>
    <t>bnt話網高中生</t>
  </si>
  <si>
    <t>國高中生接種BNT意願書今天截止收件究竟要不要讓12到17歲的學生打BNT疫苗讓許多家長苦惱對此精神科名醫沈政男表示英國疫苗委員會不建議12-15歲健康族群打新冠疫苗並指出疫苗打在身上影響的是自己的健康</t>
  </si>
  <si>
    <t>疫苗bnt健康意願今天截止精神名醫沈政男對此苦惱表示英國族群家長委員會建議究竟接種學生</t>
  </si>
  <si>
    <t>國高中生接種BNT意願書今天截止收件究竟要不要讓12到17歲的學生打BNT疫苗讓許多家長苦惱對此精神科名醫沈政男表示英國疫苗委員會不建議12-15歲健康族群打新冠疫苗並指出疫苗打在身上影響的是自己的健康「該怎麼做就自己想清楚吧」。
疫情指揮中心開放全台125萬名國高生從23日接種BNT疫苗今天是繳交施打意願書截止日但因年輕族群打BNT恐有心肌炎的罕見副作用因此要不要讓孩子接種BNT讓不少父母猶豫。沈政男在臉書發文指出英國疫苗委員會已說不建議12-15歲健康族群打疫苗叫大家打疫苗是防疫政策但疫苗打在身上卻是自己的健康直言「該怎麼做就自己想清楚吧」。
沈政男強調新冠疫苗不是麻疹疫苗沒辦法完美保護接種者「打七、八成人口然後過正常生活」已經是不可能以清零為目標把病毒壓到最低才能減少搶打疫苗的壓力。
近期新英格蘭期刊又有一篇混打免疫生成效果大於兩劑AZ的文章沈政男建議家中若有要打第二劑的老人家可以看看要不要等混打「BNT將會周周到來現在也已開放長者第一劑登記應該混打不會等太久」。
對此網友紛紛留言：「疫苗不要挑盡量打是政策針打下去人抬出去的風險自負沈醫師這篇的各項結論很正確」、「兒少不要打疫苗打了萬一傷身是一輩子的問題」、「12-15歲應該很多家長會等別人的孩子先打打看觀望一下吧」還有人表示「我打了兩劑莫德納都覺得副作用有點怪怪的了何況發育中的孩子」。</t>
  </si>
  <si>
    <t>疫苗bnt沈政男接種混打健康孩子兩劑開放表示建議應該副作用族群意願對此不要今天英國</t>
  </si>
  <si>
    <t>BNT國高中生12至15歲意願書打疫苗</t>
  </si>
  <si>
    <t>意願高中生bnt疫苗</t>
  </si>
  <si>
    <t>中央楊鎮縣長金門</t>
  </si>
  <si>
    <t>針對衛福部撤銷金門機場快篩站公告一事楊鎮浯縣長今天在《給鄉親的一封信》中說明縣府17、21日兩度發函中央疫情指揮中心但中央均已讀不回讓人十分遺憾希望委託合法廠商進口疫苗中央依程式盡快審核通過莫</t>
  </si>
  <si>
    <t>中央公告楊鎮縣長疫苗今天機場進口鄉親廠商說明希望遺憾合法十分</t>
  </si>
  <si>
    <t>針對衛福部撤銷金門機場快篩站公告一事楊鎮浯縣長今天在《給鄉親的一封信》中說明縣府17、21日兩度發函中央疫情指揮中心但中央均已讀不回讓人十分遺憾希望委託合法廠商進口疫苗中央依程式盡快審核通過莫再以任何理由阻擋。
楊鎮浯說明縣府在5月17日發函中央疫情指揮中心請求在各國內機場設置快篩站並表達這是金馬澎3離島的共同想法如無法執行建請同意在尚義機場設置快篩站但未獲中央任何回應縣府於5月21日再度函文但中央依舊已讀不回。
針對媒體報導中央疫情指揮中心指縣府並未正式告知並提出書面申請即逕行公告楊鎮浯強調「這是錯誤的誤導!」希望事實可以獲得澄清。他也決不會放棄以高強度、高密度的政策作為積極保護金門免受疫情入侵與威脅將持續再次發函與中央溝通直至中央同意為止。
楊鎮浯並表示縣府會在最快的時間之內透過合法的廠商向CDC（衛生署疾病管制署）提出進口合法疫苗的申請此事關係金門鄉親的健康和安全也是縣府為鄉親把關的最後一步希望CDC不要再有任何的理由來阻擋。
楊鎮浯在信中也特別拜託旅台鄉親和近期擬往返金門的朋友為了個人健康安全、也為了金門好在5/28疫情高峰前暫停往返台金之間。</t>
  </si>
  <si>
    <t>中央縣府金門疫情鄉親希望合法機場cdc中心往返同意廠商申請指揮提出進口疫苗</t>
  </si>
  <si>
    <t>新冠肺炎台灣縣府金門楊鎮浯</t>
  </si>
  <si>
    <t>縣府臺灣金門肺炎楊鎮</t>
  </si>
  <si>
    <t>回應燒毀國家隊霸氣聚陽火燒隔離</t>
  </si>
  <si>
    <t>今（14日）天清晨6點多一輛載有「國家隊」聚陽實業生產的防疫隔離衣貨櫃車行經國道1號台中南屯路段時突然不明原因起火車內250箱計約2萬件隔離衣全部被燒的焦黑破爛已無法使用聚陽得知消息後表示這批</t>
  </si>
  <si>
    <t>聚陽隔離國家隊使用實業無法生產防疫突然路段不明南屯原因破爛台中起火貨櫃車行經國道車內載有得知清晨消息</t>
  </si>
  <si>
    <t>今（14日）天清晨6點多一輛載有「國家隊」聚陽實業生產的防疫隔離衣貨櫃車行經國道1號台中南屯路段時突然不明原因起火車內250箱計約2萬件隔離衣全部被燒的焦黑破爛已無法使用聚陽得知消息後表示這批貨是要送交衛福部雖然全部化為烏有但以該公司的每日產量備貨相當齊全只要再送一批新的就好。
這輛車上載著2萬件隔離衣的貨櫃車從嘉義要送至桃園新屋行經國道1號台中市南屯路段時突火燒車駕駛發現車底不斷竄煙直覺不對勁連忙將車停至路肩查看但打開貨櫃門已來不急裡頭的防疫用隔離衣已燒成一團亂他和2名同事連忙撥打119求救也拿滅火器試圖搶救經警消搶救後該貨櫃車燒毀嚴重裡頭2萬件隔離衣全都燒毀駕駛猜測應是車內監視器電線走火但確切原因還有待火調科調查釐清。
對此聚陽實業受訪時要大家不必太擔心雖然這批貨是要交送給衛福部的但他們強調整起意外並不會影響防疫隔離衣的物資因為該公司每日生產量逾50萬件所以2萬件只是每日生產的一小部分且庫存充足再補送即可。至於損失部分因有保險保險公司會全額理賠等於無損失最重要的是這起意外沒造成人員傷亡值得慶幸。
聚陽實業過去SARS期間就曾投入防疫工作協助政府生產防護衣這次新冠肺炎再次傾全力投入並與其他5家公司共同承做100萬件聚陽則承做10萬件防護隔離衣短時間通過紡綜所測試3月底陸續交貨提供第一線醫護人員使用。</t>
  </si>
  <si>
    <t>隔離聚陽公司防疫生產實業貨櫃車連忙駕駛意外投入原因部分車內衛福部行經使用</t>
  </si>
  <si>
    <t>隔離衣聚陽2萬燒毀實業</t>
  </si>
  <si>
    <t>燒毀隔離實業聚陽</t>
  </si>
  <si>
    <t>北京確診餐飲防控備戰</t>
  </si>
  <si>
    <t>連續56日零確診後的北京市11、12日連續驚傳多起新冠肺炎本土新增病例均與豐台區新發地農產品批發市場有關。隨著疫情擴散豐台區13日啟動戰時機制北京也將餐飲防控等級調升至二級並喊停跨省旅遊團與足球等體</t>
  </si>
  <si>
    <t>豐台區喊停調升等級連續防控餐飲北京肺炎機制本土戰時新增病例啟動新發地農產品批發市場有關擴散疫情</t>
  </si>
  <si>
    <t>連續56日零確診後的北京市11、12日連續驚傳多起新冠肺炎本土新增病例均與豐台區新發地農產品批發市場有關。隨著疫情擴散豐台區13日啟動戰時機制北京也將餐飲防控等級調升至二級並喊停跨省旅遊團與足球等體育賽事活動。大陸國家衛健委並向北京派出專家組指導疫情防控工作。
雖逢周休假日期間但投資者擔憂「北京爆第二波疫情」的念頭或許會動搖市場情緒。1月大陸疫情爆發適逢春節前夕即使官方信心喊話並向市場注入流動性但2月3日A股開紅盤仍暴跌8％3月23日來到最低點2660點。隨著大陸境內疫情趨緩A股緩步走揚12日收報291974點較低點反彈約10％。市場人士表示15日週一A股開盤將成市場觀察重點。
綜合陸媒13日報導北京零確診的成果在11日「破功」當日出現一起新增病例12日更出現六起經追查後與交易規模號稱亞洲最大的豐台區新發地批發市場有關。新發地市場13日淩晨緊急休市進行消毒上萬名市場人員接受病毒檢測目前已發現46名從業人員的檢測呈陽性反應。
疫情升溫讓北京官員如臨大敵12日晚在北京市委書記蔡奇主持下疫情防控工作領導小組召開會議強調要確實切斷疫情傳播途徑外防輸入既要嚴格入境進京人員管控也要加強入境貨機管理和貨物檢驗檢疫。豐台區代區長初軍威13日表示已啟動戰時機制成立現場指揮部對新發地市場周邊11個小區實施封閉管理。
另外因疫情防控形勢發生變化北京官方已將餐飲業防控調至二級回應機制除了要求業者進一步加強對原材料採購和送貨人員的防疫管控客人進入餐廳前也需檢測體溫並核實北京「健康寶」資訊並停止酒席宴會等群聚性聚餐。北京跨省旅遊團、體育賽事等亦再次暫停未返校上課的小學一至三年級暫緩上課。
目前北京官方正全力追查疫病感染源頭及原因一度傳出病毒感染與市場販售的三文魚（鮭魚）與包裝有關導致13日大陸各地超商市場對三文魚進行下架、退貨與排查。但專家表示魚蝦本身不太可能作為病毒載體原因或在冷鏈環節、環境污染有待進一步調查。
更多 CTWANT 報導</t>
  </si>
  <si>
    <t>北京疫情市場防控大陸豐台區人員表示官方有關機制原因進一步檢測追查目前進行管理入境</t>
  </si>
  <si>
    <t>市場1312日豐台區新發</t>
  </si>
  <si>
    <t>市場 1312 日 豐台區 新發</t>
  </si>
  <si>
    <t>豐台區新發市場</t>
  </si>
  <si>
    <t>開放北市az電話登記長者中央非在爭取</t>
  </si>
  <si>
    <t>臺北市滿75歲以上長者第2劑AZ疫苗將開打不在籍長者憂心打不到副市長蔡炳坤14日表示非設籍北市的民眾約有5510人市府會在設籍長者接種完後開放12區公所電話登記統計後向中央爭取疫苗他強調不論有無設</t>
  </si>
  <si>
    <t>長者疫苗az中央爭取統計開放非設北市表示民眾市長蔡炳坤接種不到市府登記電話區公所</t>
  </si>
  <si>
    <t>臺北市滿75歲以上長者第2劑AZ疫苗將開打不在籍長者憂心打不到副市長蔡炳坤14日表示非設籍北市的民眾約有5510人市府會在設籍長者接種完後開放12區公所電話登記統計後向中央爭取疫苗他強調不論有無設籍北市會想盡辦法讓每個人都可接種AZ第2劑。
75歲以上長者第2劑AZ疫苗將自15至19日接種蔡炳坤今指出第8輪中央預約系統北市預約量有3萬左右昨天比對、清查發現設籍臺北市沒有預約的人數有3萬5360人比預估的人稍微多一點會在今明全部安排好週四、週五發通知單安排20、22、23、24、25日到各大醫院接種。
蔡炳坤表示非設籍北市的民眾約有5510人可能會接到設籍縣市的通知單如果有接到設籍縣市通知鄰近縣市就比較方便沒有也不必擔心住北市非設籍者會在設籍者接種完後開放12區公所電話登記市府統計後向中央爭取疫苗接種只要住在北市不論有無設籍北市都會想盡辦法讓每一位都接種到第2劑AZ疫苗。
他說AZ疫苗數量應該是足夠25日以後疫苗會較充裕將配合中央時程做最好的安排。</t>
  </si>
  <si>
    <t>臺北市 滿 75 歲 以上 長者 第 2 劑 az 疫苗 將 開 打 不在 籍 長者 憂心 打 不到 副 市長 蔡炳坤 14 日 表示 非設 籍 北市 的 民眾 約 有 5510 人 市府 會 在 設 籍 長者 接種 完 後 開放 12 區公所 電話 登記 統計 後 向 中央 爭取 疫苗 他 強調 不論 有無 設 籍 北市 會 想盡辦法 讓 每個 人 都可 接種 az 第 2 劑 75 歲 以上 長者 第 2 劑 az 疫苗 將 自 15 至 19 日 接種 蔡炳坤 今 指出 第 8 輪 中央 預約 系統 北市 預約 量 有 3萬 左右 昨天 比對 清查 發現 設 籍 臺北市 沒有 預約 的 人數 有 3萬5360 人 比 預估 的 人 稍微 多 一點 會 在 今 明 全部 安排 好 週四 週五 發 通知單 安排 2022232425 日 到 各 大 醫院 接種 蔡炳 坤錶 示 非設 籍 北市 的 民眾 約 有 5510 人 可能 會 接到 設 籍 縣 市 的 通知單 如果 有 接到 設 籍 縣 市 通知 鄰近 縣 市 就 比較 方便 沒有 也 不必 擔心 住 北市 非 設籍 者 會 在 設 籍 者 接種 完 後 開放 12 區公所 電話 登記 市府 統計 後 向 中央 爭取 疫苗 接種 只要 住 在 北市 不論 有無 設 籍 北市 都 會 想盡辦法 讓 每 一 位 都 接種 到 第 2 劑 az 疫苗 他 說 az 疫苗 數量 應該 是 足夠 25 日 以後 疫苗 會 較 充裕 將 配合 中央 時程 做 最好 的 安排</t>
  </si>
  <si>
    <t>接種疫苗北市中央長者az安排預約沒有市府蔡炳坤通知單臺北市非設爭取</t>
  </si>
  <si>
    <t>新冠肺炎台灣長者北市AZ</t>
  </si>
  <si>
    <t>長者肺炎臺灣北市az</t>
  </si>
  <si>
    <t>台泥今年庫存廣去獲利水泥保守</t>
  </si>
  <si>
    <t>台泥(1101)首季營收年減13%、季減38%目前在大陸水泥發貨量已恢復至產能的90%以上不過廣東及廣西庫容比仍較去年同期高出10個百分點水泥價格仍然有壓。台泥在電力事業及台灣水泥業務今年獲利看好但受到大陸</t>
  </si>
  <si>
    <t>水泥大陸台泥業務今年臺灣庫容廣西廣東以上事業去年同期高出電力百分點產能價格仍然恢復獲利目前發貨量</t>
  </si>
  <si>
    <t>台泥(1101)首季營收年減13%、季減38%目前在大陸水泥發貨量已恢復至產能的90%以上不過廣東及廣西庫容比仍較去年同期高出10個百分點水泥價格仍然有壓。台泥在電力事業及台灣水泥業務今年獲利看好但受到大陸水泥業務獲利面臨壓力的情形下法人認為台泥今年全年度獲利恐將面臨年衰退的窘境。
大陸首季因新冠肺炎疫情進行封城水泥出貨量下滑還好淡季仍有執行錯峰生產水泥均價還算穩定。目前台泥大陸水泥事業已恢復正常運作出貨量有機會和去年同期差不多不過據數字水泥網資料廣東和廣西4月初水泥庫容比從3月的高峰略下滑至70-75%但仍較一年前的水位高出10個百分點。法人認為庫存將繼續面臨去化壓力台泥今年第2季營收恐將還是會呈現年減的局面全年度獲利恐將面臨年衰退的窘境。
長期來看大陸當局救經濟大推基建施工年限長有利水泥市場的長期需求並已在2019年10月取消低標水泥推升長期熟料用量持續拉高水泥產業集中度水泥大廠價格掌控力增強另外大陸煤改氣及全球環保趨勢煤價長期看跌將有利推升水泥大廠的長期獲利。</t>
  </si>
  <si>
    <t>水泥大陸長期台泥獲利面臨今年去年同期出貨量價格法人有利壓力認為廣東廣西下滑庫容百分點</t>
  </si>
  <si>
    <t>台泥獲利大陸水泥市場水泥價新冠肺炎</t>
  </si>
  <si>
    <t>水泥市場大陸獲利台泥肺炎</t>
  </si>
  <si>
    <t>淨土最後答案意外全球</t>
  </si>
  <si>
    <t>新冠肺炎（COVID-19）的疫情持續延燒全球不少國家的確診和死亡人數都不斷增加台灣也在昨〈18〉日爆加23例正式突破百人確診讓民眾人心惶惶。對此就有網友好奇在網路上發問想知道「最後的淨土在哪裡？」文章</t>
  </si>
  <si>
    <t>確診疫情發問持續網路上好奇網友全球知道國家對此covid-人心惶惶死亡民眾增加臺灣人數</t>
  </si>
  <si>
    <t>新冠肺炎（COVID-19）的疫情持續延燒全球不少國家的確診和死亡人數都不斷增加台灣也在昨〈18〉日爆加23例正式突破百人確診讓民眾人心惶惶。對此就有網友好奇在網路上發問想知道「最後的淨土在哪裡？」文章也引起熱烈的討論。
一名網友在PTT八卦板以標題「要逃到哪裡最安全」發文表示台灣近日又新增23名確診病例讓人數正式飄破百人。讓他感到十分不安忍不住直呼：「感覺各個地方都快守不住了如果疫情真的控制不住了要逃到哪個世外桃源才是最安全的呢？」
文章曝光之後引起熱議不少人紛紛留言回應「南極洲」、「北韓」、「巴西叢林」、「地獄」、「馬達加斯加」、「挖洞跳進去」、「玉山山頂吧！有肺炎的八成爬不上去」、「澎湖金門馬祖」、「不要出門就好」、「躲祖墳～過兩週會有親友去找你」、「餐餐吃熊貓叫他餐點放門口」。而另一篇詢問「哪裡會是最後淨土」的文章中不少網友均推薦南海的曾母暗沙「曾母暗沙」、「曾母暗沙好懷念喔 只有在地理課本才看過」、「曾母暗沙0確診+1」但也有許多網友認為留在台灣最好「留在台灣啊又還沒社區感染」、「我相信台灣」。</t>
  </si>
  <si>
    <t>確診網友臺灣文章肺炎疫情人數引起安全最後淨土正式曾母暗沙地獄叢林馬達加斯加</t>
  </si>
  <si>
    <t>曾母暗沙淨土確診台灣南海</t>
  </si>
  <si>
    <t>確診臺灣淨土南海曾母暗沙</t>
  </si>
  <si>
    <t>緊急行動採取封關紓困川普措施</t>
  </si>
  <si>
    <t>美國總統川普11日宣佈為防止疫情在美國蔓延從當地時間13日午夜起30天內美國將暫停除英國外所有歐洲國家公民前往美國的旅行並將對受新冠病毒影響的小企業和個人提供經濟救助。此外因為疫情白宮和美國國會</t>
  </si>
  <si>
    <t>美國疫情經濟提供小企業個人影響病毒防止蔓延旅行當地國家時間救助前往公民歐洲午夜英國暫停天內宣佈</t>
  </si>
  <si>
    <t>美國總統川普11日宣佈為防止疫情在美國蔓延從當地時間13日午夜起30天內美國將暫停除英國外所有歐洲國家公民前往美國的旅行並將對受新冠病毒影響的小企業和個人提供經濟救助。此外因為疫情白宮和美國國會都宣佈即日起對公眾關閉直到4月1日。
白宮國會對外關閉
川普當天晚上在白宮發表全國電視演說說明政府的因應對策。他面色凝重形容此舉是「強有力但必要」的措施。他抨擊歐盟抗疫不力沒有及時對中國大陸祭出旅行禁令導致病毒擴散到美國。他說對歐洲的旅行限制措施是他與美國政府衛生領域權威人士討論後作出的決定將會視實際情況調整。
他同時表示接受入境健康篩檢的美國公民以及美歐之間的貿易和物流不受此措施影響。
世界衛生組織11日宣佈新冠肺炎疫情進入「全球大流行」同一天全美確診病例已突破1300例死亡38例首都華盛頓哥倫比亞特區（華府）宣佈緊急狀態。
禁波蘭卻放過英國
美國國土安全部代理部長沃爾夫在一份聲明說川普當天已簽署總統公告暫停在此前14天到訪過歐洲申根區國家的外國公民入境美國返美的美國永久居民、美國公民及直系親屬不受限。
國土安全部澄清說旅行禁令並非涵蓋英國以外所有的歐洲國家而是只限申根區26國。不過有媒體人質疑英國的確診病例比波蘭多為何禁波蘭卻放過英國？
川普也重申對於絕大多數美國人來說新冠肺炎疫情風險仍然非常非常低風險最高的是有潛在健康問題的老年人所以他呼籲養老院停止所有不必要的訪視任何感到不適的美國人應該待在家。
川普還宣佈美國政府將提供500億美元低利貸款給受影響企業也將允許受衝擊的個人和中小型企業延後3個月繳所得稅。
延稅提供低利貸款
川普講話結束後不久白宮表示為了謹慎起見總統決定取消接下來兩天前往科羅拉多州和內華達州的行程。
紐約州、華盛頓州等23個州以及華府均已宣佈進入緊急狀態。在疫情最嚴重的華盛頓州從12日起該州西雅圖地區的公立學校將關閉至少14天。在加州舊金山市取消1000人以上公共活動。
美國務院當晚也發布針對疫情的旅行建議建議美國公民重新考慮是否要前往國外。此外美國國防部宣佈針對美國疾病管制暨預防中心（CDC）列為第3級旅行警示國家五角大廈將祭出60天的旅行限制令13日起禁止現役軍人、國防部文職人員與眷屬往返或是經過這些國家。</t>
  </si>
  <si>
    <t>美國宣佈旅行川普疫情英國公民白宮國家歐洲措施前往提供影響關閉總統健康表示取消</t>
  </si>
  <si>
    <t>旅行川普美國英國武漢肺炎</t>
  </si>
  <si>
    <t>武漢川普美國英國旅行肺炎</t>
  </si>
  <si>
    <t>業績微軟雲端</t>
  </si>
  <si>
    <t>微軟（Microsoft）29日（週三）上季營收獲利雙雙優於市場預估雲端業績勁揚功不可沒而疫情使得遠端上班需求大增帶動微軟線上開會程式Team使用率大增全球居家令則使Xbox遊戲服務活躍用戶數躍升。這家全球軟體</t>
  </si>
  <si>
    <t>大增全球微軟用戶數活躍遊戲服務xbox季營市場預估雲端業績勁揚獲利優於功不可沒疫情居家使得使用率需求</t>
  </si>
  <si>
    <t>微軟（Microsoft）29日（週三）上季營收獲利雙雙優於市場預估雲端業績勁揚功不可沒而疫情使得遠端上班需求大增帶動微軟線上開會程式Team使用率大增全球居家令則使Xbox遊戲服務活躍用戶數躍升。
這家全球軟體霸主表示新冠肺炎對第一季整體業績影響不大要到未來相關衝擊才會完全反映在財報上。受此激勵微軟週四早盤開盤勁揚5％距離2月底的締造的歷史高點只差不到4％。今年股價累升12％。
微軟會計年度第三季（1到3月）營收成長15％至3502億美元淨利躍升22％至108億美元每股盈餘14美元優於市場預估的營收337億美元、每股盈餘126美元。
負責Azure的智慧雲端部門上季銷售勁升27％至1228億美元超越分析師預期。
民眾在家工作需求增使得Surface裝置與Windows授權收入勁升與微軟預期一致。此外Xbox Live遊戲服務參與度創新高活躍用戶數躍升至1900萬人Team軟體每日活躍用戶數由3月中的逾4400萬人激增至7500萬人4月曾有單日視訊會議參與者超過2億人的紀錄。
微軟表示新冠肺炎為公司業務帶來的初期影響各有利弊。隨著「客戶在家工作和學習」讓Teams、Azure等雲端產品更受歡迎。至於上季的最後幾周交易授權明顯下滑尤其是中小企業LinkedIn廣告收入也銳減就是業績被打擊的部分。
Fort Pitt資本集團分析師韓德森指出「營收增長15％並不特別意外雖說在眼前的市況下這樣的成績已相當傑出」他認為令人驚奇的是微軟所有事業在各樣環境下仍表現穩健。
由微軟、穀歌、臉書的財報來看顯示失業率飆升、經濟衰退之際到目前為止科技巨擘業績仍能挺住。臉書與穀歌母公司Alphabet皆提及廣告收入在3月大幅縮減之後4月出現回穩跡象。</t>
  </si>
  <si>
    <t>微軟業績收入雲端用戶數活躍影響廣告分析授權使得勁揚預期在家全球工作</t>
  </si>
  <si>
    <t>活躍用戶數雲端業績大增肺炎</t>
  </si>
  <si>
    <t>大增用戶數業績雲端活躍肺炎</t>
  </si>
  <si>
    <t>大生副作用差點高燒看到az阿嬤</t>
  </si>
  <si>
    <t>國內疫情升溫提高民眾施打疫苗的意願。一名男大生表示施打疫苗後半小時一股噁心感湧上來晚間開始全身發冷、發燒「根本像地獄一樣」貼文曝光後引發網友熱烈分享打疫苗的經驗。該名男大生昨（4）日於論</t>
  </si>
  <si>
    <t>疫苗大生施打民眾經驗發冷發燒全身根本開始晚間分享地獄湧上來小時熱烈引發曝光網友提高升溫意願</t>
  </si>
  <si>
    <t>國內疫情升溫提高民眾施打疫苗的意願。一名男大生表示施打疫苗後半小時一股噁心感湧上來晚間開始全身發冷、發燒「根本像地獄一樣」貼文曝光後引發網友熱烈分享打疫苗的經驗。
該名男大生昨（4）日於論壇《Dcard》發文指出3日下午3點半赴成大醫院施打AZ疫苗接種後在原地休息30分鐘期間醫護人員不斷向前關心「有不舒服嗎？」他則以「有！很嚴重的噁心感」回應。
男大生表示即便當下有噁心感但返家後一切都很正常還能照常打手遊但晚上9點起開始全身發冷冷到沖熱水澡水溫開到最熱仍沒有半點感覺。直到深夜12點開始發燒體溫不斷往上攀升從375、388到397不僅如此還頭痛欲裂「差點以為就要看到外婆了根本像地獄一樣」。
男大生也提醒建議施打AZ疫苗的民眾可以先準備普拿疼備用「但千萬別買含有咖啡因成分不然你會睡不著」。
這段經歷曝光不少曾施打疫苗的網友也回應「我上週也接種了只有稍微發燒但是整天很沒精神」、「我朋友打然後她也是昏昏沉沉的而且副作用很大」、「我打疫苗後晚上也突然覺得超級冷洗澡開暖氣還穿冬天的睡衣我發燒到382左右。另外有全身酸痛和頭痛和頭暈的症狀酸到整個晚上沒辦法睡覺的那種。隔天早上真的受不了就去醫院打點滴… 但這幾天沒其他症狀偶爾會暈暈的」。</t>
  </si>
  <si>
    <t>國內 疫情 升溫 提高 民眾 施打 疫苗 的 意願 一 名 男 大生 表示 施打 疫苗 後 半 小時 一 股 噁 心 感 湧上來 晚間 開始 全身 發冷 發燒 根本 像 地獄 一樣 貼 文 曝光 後 引發 網友 熱烈 分享 打 疫苗 的 經驗 該 名 男 大生 昨 4 日 於 論壇 dcard 發文 指出 3 日 下午 3 點 半 赴 成大 醫院 施打 az 疫苗 接種 後 在 原地 休息 30 分鐘 期間 醫護人員 不斷 向前 關心 有 不 舒服 嗎 他 則 以 有 很 嚴重 的 噁 心 感 回應 男 大生 表示 即便 當下 有 噁 心 感 但 返家 後 一切 都 很 正常 還 能 照常 打手 游 但 晚上 9 點 起 開始 全身 發冷 冷 到 沖 熱水澡 水溫 開到 最熱 仍 沒有 半 點 感覺 直到 深夜 12 點 開始 發燒 體溫 不斷 往 上 攀升 從 375388 到 397 不僅如此 還 頭痛 欲 裂 差點 以為 就要 看 到 外婆 了 根本 像 地獄 一樣 男 大生 也 提醒 建議 施打 az 疫苗 的 民眾 可以 先 準備 普 拿 疼 備用 但 千萬別 買含有 咖啡因 成分 不然 你會 睡 不 著 這 段 經歷 曝光 不少 曾施 打 疫苗 的 網友 也 回應 我 上周 也 接種 了 只有 稍微 發燒 但是 整天 很 沒 精神 我 朋友 打 然後 她 也 是 昏昏沉沉 的 而且 副作用 很 大 我 打 疫苗 後 晚上 也 突然 覺得 超級 冷 洗澡 開 暖氣 還 穿 冬天 的 睡衣 我 發燒 到 382 左右 另外 有 全身 酸痛 和 頭痛 和 頭暈 的 症狀 酸 到 整個 晚上 沒 辦法 睡覺 的 那種 隔 天 早上 真的 受不了 就 去 醫院 打點滴 但 這 幾 天 沒 其他 症狀 偶爾 會 暈暈的</t>
  </si>
  <si>
    <t>疫苗發燒大生晚上施打開始全身醫院不斷民眾曝光接種az頭痛回應症狀發冷根本</t>
  </si>
  <si>
    <t>男大生發燒AZ施打疫苗新冠肺炎</t>
  </si>
  <si>
    <t>施打疫苗az發燒肺炎大生</t>
  </si>
  <si>
    <t>請領開放申請資格紓困條件打工族</t>
  </si>
  <si>
    <t>台灣疫情爆發行政院推「紓困40」針對有需要的民眾核發補助其中針對部分工時受雇勞工推出1萬元生活補貼措施今起至8月31日開放受理預估有41萬人受惠即日起可上網登錄資料或至實體ATM領取。勞動部指出申</t>
  </si>
  <si>
    <t>atm實體資料登錄紓困上網需要即日起民眾領取受惠核發部分工時補助勞工推出生活補貼措施起至預估受理</t>
  </si>
  <si>
    <t>台灣疫情爆發行政院推「紓困40」針對有需要的民眾核發補助其中針對部分工時受雇勞工推出1萬元生活補貼措施今起至8月31日開放受理預估有41萬人受惠即日起可上網登錄資料或至實體ATM領取。
勞動部指出申請者於今年4月30日前參加就業保險、投保薪資在2萬3100（含）元以下同時未重複領取政府機關同性質紓困補助、補貼或津貼者都具申請資格。此次發放方式採從簡、核發從速為原則並避免因請領作業引發群聚採2種方式方便勞工申領。
第一種為專屬網站申領：「勞動部部分工時受僱勞工生活補貼網」於今（28）日上午10時開放申請者可直接登網、也可至勞動部官網前往。符合資格的勞工上網登錄身分證號及金融機構帳戶號碼等資料經系統核驗資料正確後1萬元生活補貼將直接匯入申請人帳戶中。考量申請初期人數眾多為讓民眾都能在網路平臺上快速完成登錄7月1日後才開放查詢申請結果。
第二種為實體ATM領取：7月1日起符合資格的勞工可持個人任一家金融機構發行的金融提款卡至台新國際商業銀行、中國信託商業銀行及國泰世華商業銀行所設置之實體ATM插入提款卡後選擇部分工時生活補貼輸入身分證字號及提款卡密碼即可領取1萬元現金。
勞動部表示申請者身邊若沒有提款卡、不便上網但符合請領資格者可打電話至勞動部紓困專線1955以紙本方式申請。同時也提醒舉凡符合資格的41萬名勞工都能請領1萬元可申請時間為2個月至8月31日止。</t>
  </si>
  <si>
    <t>申請勞工勞動部補貼提款卡資格領取紓困生活開放登錄符合申請者請領實體atm上網資料部分工時民眾金融機構方式核發都能補助</t>
  </si>
  <si>
    <t>紓困40補助打工補助申請新冠肺炎</t>
  </si>
  <si>
    <t>補助申請打工肺炎紓困</t>
  </si>
  <si>
    <t>侯友宜下來再次呼籲確診新北活動</t>
  </si>
  <si>
    <t>新北市確診數高居不下昨日累計破4000人染疫新北市長侯友宜今視察防疫車隊清消基地受訪時媒體追問是否有更新的方法解決問題；侯友宜表示希望所有市民朋友能夠「低度再低度」的活動落實防疫規定尤其重熱裡</t>
  </si>
  <si>
    <t>防疫侯友宜新北規定昨日不下落實累計活動能夠朋友媒體追問是否受訪市民基地希望更新表示方法</t>
  </si>
  <si>
    <t>新北市確診數高居不下昨日累計破4000人染疫新北市長侯友宜今視察防疫車隊清消基地受訪時媒體追問是否有更新的方法解決問題；侯友宜表示希望所有市民朋友能夠「低度再低度」的活動落實防疫規定尤其重熱裡、高風險區域的裡民能出來快篩讓自身的狀況能夠掌握大家一起面對防疫相信疫情就會得到控制。
侯友宜說新北市確診數非常龐大運送確診者的過程中仰賴抗疫車隊將患者送到北中南各個檢疫所再從檢疫所接回來每個司機身穿防護衣來來回回一趟高達10多個小時不僅要面對感染風險車上還要撫平確診者情緒本身壓力真的很大。
侯友宜表示這一路走來市長真的非常感謝抗疫車隊所有好朋友的幫忙讓患者運送過程當中非常順暢今天特別到防疫車隊清消場所致謝獻上十二萬分的感謝。</t>
  </si>
  <si>
    <t>防疫侯友宜車隊確診面對新北患者朋友能夠過程表示非常市長真的運送檢疫所來來回回防護衣場所身穿</t>
  </si>
  <si>
    <t>侯友宜新北市確診防疫車隊清消</t>
  </si>
  <si>
    <t>防疫確診車隊新北侯友宜</t>
  </si>
  <si>
    <t>疫苗接種完整孩子出國美國入境</t>
  </si>
  <si>
    <t>美國白宮在20日公佈將在11月初實施全新的旅遊規定需完整接種疫苗者才可入境且可免隔離可體驗有如疫情前能自由旅行的生活。然而不僅符合條件的疫苗廠牌尚未底定對於許多有孩子的家庭來說未能接種的孩童</t>
  </si>
  <si>
    <t>疫苗接種月初實施旅遊孩子規定對於完整底定尚未有如疫情體驗隔離符合條件生活自由可免旅行才可</t>
  </si>
  <si>
    <t>美國白宮在20日公佈將在11月初實施全新的旅遊規定需完整接種疫苗者才可入境且可免隔離可體驗有如疫情前能自由旅行的生活。然而不僅符合條件的疫苗廠牌尚未底定對於許多有孩子的家庭來說未能接種的孩童如何符合嚴格規定更是一大難題！
當前美國在11月初將實施的旅行新規還有許多尚待公佈的細節。針對這項議題可以來看看《紐約時報》以及《美聯社》所整理的相關要點。
一、	美國旅行新規為何？
美國白宮宣佈11月初起所有入境美國的外籍成年人登機前都要完整接種疫苗（ fully vaccinated）。且必須要額外持有登機前72小時（3天）內的新冠肺炎病毒檢測陰性證明。這項規定上路後過去針對外國旅客入境美國的特殊規定都會廢除（僅適用此規）而未接種新規認可之疫苗者將不得入境美國。
二、	新規下美國CDC認可FDA與WHO核准的疫苗
根據美國疾病管制暨預防中心（CDC）的說明獲得美國食品暨藥物管理局（FDA）核准（包含瑞/BNT（Pfizer-BioNTech）、莫德納（Moderna）以及嬌生（Johnson &amp; Johnson）疫苗）以及世界衛生組織（WHO）核准的疫苗（除上述三款還包含阿斯特捷利康（AstraZenecaAZ）、科興（CoronaVac）、國藥（Sinopharm）疫苗以及Covishield疫苗）皆可但是當前最終符合新規的疫苗清單尚未確認。最終將會交由美國CDC來討論與認定。
三、	對於美國公民的影響為何？
已經完整接種疫苗的美國公民（含持有永久居留證者）回到美國時僅需要出示72小時內的陰性檢測證明。未完整接種者也可入定但需要配合較為嚴格的追蹤與檢疫要求且在登機時出示24小時內的陰性鑑測證明入境時也需要接受病毒檢測。
四、	從陸地邊境入境美國的旅客需面臨怎樣的規定？
從與墨西哥、加拿大接壤的邊境入境的旅客相關防疫、檢疫的規定都沒有變化。就此來說可以搭機入境美國的加拿大、墨西哥旅客並不一定能從陸路入境美國。
五、	對於兒童旅客將帶來哪些影響？
據瞭解當前美國頒布的旅遊新規僅針對外國籍成年人。白宮並沒有說明針對未接種疫苗的外國未成年旅客的規定也未確認是否會進一步公佈。
針對全新入境美國的新規定因必定牽涉到未成年的旅客顯得更為複雜。輝瑞（Pfizer）與BioNTech日前才公佈針對5~11歲孩童的2/3臨床試驗證實疫苗安全且有效（接種劑量較低）雖然樂觀預期在美國有望最快在10月取得緊急授權使用（EUA）但不代表父母有意願讓孩童接種疫苗。
根據《紐約時報》報導在美國5~11歲孩童人數約有2800萬名而根據《財經M平方》網站資料當前全球15歲以下人口預估約有19億人可以見得是無法忽視的龐大族群。但是當前沒有任何一款新冠肺炎疫苗已被核准可針對5~11歲或甚至更年輕的孩童施打。
根據美國CDC研究父母對於讓小孩施打新冠肺炎疫苗的意願隨著孩子的年齡層下降而降低。凱薩家庭基金會（KFF）上個月公佈的民調結果顯示有約20%的12~17歲兒童之父母表示決不會讓孩子接種疫苗；在家有5~11歲孩童的族群中此比例上升到25%而5歲以下孩童的父母裡有30%表明絕不會讓孩子接種。
而父母顧慮的原因大多與孩童接種疫苗可能的罕見、但嚴重的副作用有關例如心肌炎。不過以色列也有研究透過比對200萬16歲以上族群的電子醫療紀錄後發現感染新冠肺炎也容易導致心肌炎的問題。</t>
  </si>
  <si>
    <t>美國疫苗接種入境規定孩童公佈旅客當前父母對於核准cdc孩子肺炎可以族群完整沒有</t>
  </si>
  <si>
    <t>入境美國出國旅行完整接種疫苗小孩</t>
  </si>
  <si>
    <t>旅行完整接種出國疫苗美國入境小孩</t>
  </si>
  <si>
    <t>專家口服藥delta引入變種病毒有效</t>
  </si>
  <si>
    <t>美國藥廠默克公司日前公佈的第3期臨床試驗結果指旗下實驗用來治療新冠肺炎的口服藥「molnupiravir」可使重症高風險患者的住院或死亡機率降低約50％不過藥物對已入院的重症患者並無作用。據港媒報導指港府有</t>
  </si>
  <si>
    <t>患者重症公佈臨床試驗結果日前實驗治療作用肺炎降低口服藥molnupiravir入院藥物高風險</t>
  </si>
  <si>
    <t>美國藥廠默克公司日前公佈的第3期臨床試驗結果指旗下實驗用來治療新冠肺炎的口服藥「molnupiravir」可使重症高風險患者的住院或死亡機率降低約50％不過藥物對已入院的重症患者並無作用。據港媒報導指港府有意引入此款新藥香港醫院藥劑師學會會長崔俊明今（4日）表示研究結果發現這款口服藥對Delta和Mu變種病毒都有非常好的治療效果有望減低病人入院或死亡風險從而減少對醫療系統的負荷。
對於香港醫管局有意引入此款新藥崔俊明認為是好事稱現在世界上多個先進國家都在搶購並透露新藥每劑5000多港幣比現在香港醫管局使用每劑15萬港幣的瑞德西韋便宜很多。
崔俊明說該款口服藥研究招募對像是新冠輕度至中度患者且最少有一項風險因素包括60歲以上、肥胖、有糖尿病或心血管疾病等研究顯示這款口服藥對Delta和Mu變種病毒都有非常好的治療效果也可將入院及死亡數字減半。
他指出該藥有出現肚瀉等副作用而雖然新藥未完成第三期臨床研究就申請緊急使用但也不算罕有例如一些癌症新藥若成效顯著未完成第三期臨床研究也會申請緊急使用。</t>
  </si>
  <si>
    <t>新藥研究口服藥死亡患者崔俊明入院臨床治療結果風險使用重症現在有意引入香港醫管局完成效果港幣delta</t>
  </si>
  <si>
    <t>口服藥新冠肺炎Delta崔俊明香港</t>
  </si>
  <si>
    <t>delta肺炎崔俊明香港口服藥</t>
  </si>
  <si>
    <t>肺炎確診隔離天價費用羅比威廉斯曝光</t>
  </si>
  <si>
    <t>新冠肺炎疫情肆虐全球即便事隔一年仍不見趨緩不過傳出英國樂壇巨星羅比威廉斯（Robbie Williams）年底前往加勒比海度假後竟確診新冠肺炎目前一家六口都在當地進行隔離此外長達14天的「天價隔離費」也因</t>
  </si>
  <si>
    <t>肺炎隔離當地長達一家目前英國樂壇傳出巨星羅比威廉斯robbiewilliams年底前往加勒比海度假全球肆虐</t>
  </si>
  <si>
    <t>新冠肺炎疫情肆虐全球即便事隔一年仍不見趨緩不過傳出英國樂壇巨星羅比威廉斯（Robbie Williams）年底前往加勒比海度假後竟確診新冠肺炎目前一家六口都在當地進行隔離此外長達14天的「天價隔離費」也因此曝光。
根據外媒《TULSA WORLD》報導羅比威廉斯去年年底與妻子帶著4個孩子前往加勒比海跨年沒想到度假期間卻突然感到身體不適被診斷出感染新冠肺炎目前只能待在別墅隔離難得共用天倫之樂的假期因此泡湯對此有消息人士透露羅比威廉斯1月初才被拍到和家人坐遊艇出海即便全程都有戴口罩仍不幸染疫至於家人是否也被感染？目前仍尚未確定但據悉羅比威廉斯目前病得很重。
此外羅比威廉斯為了度假租下的豪華別墅光是一周租金就高達10萬英鎊相當於台幣400萬元如今羅比威廉斯確診新冠肺炎隔離14天至少得再花費800萬新台幣費用可以說是相當驚人而去年羅比威廉斯從澳洲返回洛杉磯後也曾身體不適出現相似症狀當時獨自在酒店隔離3周後確認只是罹患感冒才返家與妻兒團聚沒想到1年後卻還是不幸確診。
英國「壞小子」羅比威廉斯多次被葛萊美和全英音樂獎提名及獲獎也受邀入選英國音樂名人堂是揚名國際的樂壇巨星不過2018年6月在國際足總世界盃開幕儀式時演唱過程竟對鏡頭豎起中指不雅行徑一度引起網友撻伐。</t>
  </si>
  <si>
    <t>羅比威廉斯隔離目前度假英國肺炎確診別墅家人不幸去年音樂身體台幣不適前往年底感染樂壇</t>
  </si>
  <si>
    <t>羅比威廉斯隔離新冠肺炎英國壞小子</t>
  </si>
  <si>
    <t>肺炎英國隔離羅比威廉斯小子</t>
  </si>
  <si>
    <t>肺炎異地辦公防範</t>
  </si>
  <si>
    <t>桃園市龜山警分局有感於新型肺炎疫情日漸嚴峻為因應防疫需求預先規畫緊急應變之人力運用及辦公方式並實施演練避免疫情衝擊影響分局人員與上班環境造成機關運作癱瘓。25日在大林派出所演練「異棟異地辦公」</t>
  </si>
  <si>
    <t>分局疫情演練辦公有感于大林派出所肺炎運作機關預先需求癱瘓嚴峻緊急造成因應防疫應變環境日漸人力上班運用人員方式並</t>
  </si>
  <si>
    <t>桃園市龜山警分局有感於新型肺炎疫情日漸嚴峻為因應防疫需求預先規畫緊急應變之人力運用及辦公方式並實施演練避免疫情衝擊影響分局人員與上班環境造成機關運作癱瘓。
25日在大林派出所演練「異棟異地辦公」而分局內部各組、室、隊則同步分區辦公；透過演練找出問題加以修改整合因應未來視疫情需要龜山警分局各業務單位元部分人員將能在第一時間進駐大林派出所三樓異地辦公區避免員警勤務受疫情影響而停擺。</t>
  </si>
  <si>
    <t>分局疫情演練辦公因應人員避免大林派出所異地影響預先需求緊急應變防疫人力修改嚴峻整合加以問題運用未來</t>
  </si>
  <si>
    <t>疫情龜山警分局分局人員</t>
  </si>
  <si>
    <t>分局疫情人員</t>
  </si>
  <si>
    <t>本土中秋新增花蓮探親北市</t>
  </si>
  <si>
    <t>中央流行疫情指揮中心昨天公佈國內新增7例新冠肺炎確定病例分別為1例本土及6例境外移入；確診個案中無新增死亡。本土為臺北市個案感染源不明指揮中心將對該個案採檢抗體並進行病毒基因序列分析；境外移入則</t>
  </si>
  <si>
    <t>個案中心本土指揮境外昨天分析公佈病毒基因抗體新增序列進行國內感染臺北市死亡確診肺炎</t>
  </si>
  <si>
    <t>中央流行疫情指揮中心昨天公佈國內新增7例新冠肺炎確定病例分別為1例本土及6例境外移入；確診個案中無新增死亡。本土為臺北市個案感染源不明指揮中心將對該個案採檢抗體並進行病毒基因序列分析；境外移入則有5人都接種過疫苗符合突破性感染者為1名。
臺北市昨新增1例本土確診個案為住中正區的50多歲男性案16315在5月時曾在萬華地區活動5月14日採檢為陰性但因為要出國工作9月27日採檢呈陽性Ct值284尚未接種疫苗已收治在醫院隔離治療。北市衛生局表示案16315曾在9月18日至22日前往花蓮住宿已通知花蓮衛生局並匡列3名家人和7名職場工作者也將請中央做基因定序釐清感染源。　花蓮縣衛生局接獲通知後趕緊調查足跡匡列花蓮3名親友包括2名兄長及1名兄嫂已安排至防疫旅館隔離也會盡快採檢。花蓮縣衛生局說依電信足跡、實聯制紀錄和案16315家人口述個案在花蓮期間都在住家或附近活動無接觸外人也無到任何商店。
醫療應變組副組長羅一鈞表示該名本土個案並未接種過疫苗也沒有接觸過確診者目前感染源調查中至今也沒有症狀Ct值為28數值偏高因此指揮中心後續會檢驗個案的抗體並針對他的病毒做定序待檢驗結果出來後再說明。
至於6例境外移入個案有5人都打過疫苗其中有2人打過2劑疫苗但因為未滿14天而確診因此未符合突破性感染；有一名7月時完整接種2劑BNT疫苗九月確診符合突破性感染定義還有2人打過1劑AZ疫苗。</t>
  </si>
  <si>
    <t>個案感染衛生局疫苗確診接種本土中心指揮花蓮突破性足跡符合調查境外</t>
  </si>
  <si>
    <t>採檢疫苗花蓮感染突破性</t>
  </si>
  <si>
    <t>疫苗花蓮感染突破性</t>
  </si>
  <si>
    <t>好時機吳思瑤立委民進黨立委民進黨</t>
  </si>
  <si>
    <t>民進吳思瑤黨立委時機</t>
  </si>
  <si>
    <t>疫苗肺炎夏末問世</t>
  </si>
  <si>
    <t>由於新冠肺炎確診人數持續上升加州州政府13日宣佈取消解封該州的兩大學區秋季將不會有面對面課程。在此同時美國衛生官員透露一項好消息表示新冠肺炎疫苗將在夏末開始生產。川普內閣資深官員13日在電話會議向</t>
  </si>
  <si>
    <t>官員肺炎川普取消宣佈州政府課程美國秋季衛生加州解封大學面對面透露持續上升生產開始夏末人數消息</t>
  </si>
  <si>
    <t>疫苗生產表示官員美國開始肺炎人數加州之前衛生確診疫情進行政府大學可能製造電話會議解封</t>
  </si>
  <si>
    <t>加州美國疫苗肺炎學區</t>
  </si>
  <si>
    <t>疫苗美國肺炎加州</t>
  </si>
  <si>
    <t>確診肺炎本土新增</t>
  </si>
  <si>
    <t>大陸國家衛健委27日公佈26日新增新冠肺炎確診病例22例其中境外輸入病例10例（上海4例北京3例浙江2例安徽1例）本土病例12例（遼寧7例北京5例）。無新增死亡病例無新增疑似病例。大陸衛生應急辦公室指</t>
  </si>
  <si>
    <t>病例大陸北京疑似病例確診肺炎衛生公佈新增應急上海境外辦公室國家衛健浙江本土安徽輸入遼寧死亡</t>
  </si>
  <si>
    <t>大陸國家衛健委27日公佈26日新增新冠肺炎確診病例22例其中境外輸入病例10例（上海4例北京3例浙江2例安徽1例）本土病例12例（遼寧7例北京5例）。無新增死亡病例無新增疑似病例。
大陸衛生應急辦公室指出境外輸入現有確診病例270例（其中重症病例3例）無現有疑似病例。累計確診病例4203例累計治癒出院病例3933例無死亡病例。
截至26日24時大陸現有確診病例334例（其中重症病例4例）累計治癒出院病例81987例累計死亡病例4634例累計報告確診病例86955例無現有疑似病例。累計追蹤到密切接觸者逾90萬人尚在醫學觀察的密切接觸者11954人。</t>
  </si>
  <si>
    <t>病例確診大陸現有累計疑似病例境外密切接觸死亡北京輸入追蹤應急辦公室衛生指出肺炎公佈截至新增</t>
  </si>
  <si>
    <t>大陸確診病例疑似病例死亡病例新冠肺炎</t>
  </si>
  <si>
    <t>病例死亡疑似病例大陸確診肺炎</t>
  </si>
  <si>
    <t>以色列航班拒絕韓國入境原路嚴重返回疫情</t>
  </si>
  <si>
    <t>正受困於新冠肺炎疫情大爆發的韓國近日一架大韓航空航班被以色列拒絕入境原因是韓國疫情快速爆發。這架大韓航空KE957機上乘客除12名以色列乘客被直接運送回家隔離14天其他乘客則原航班返回韓國首爾。據《環</t>
  </si>
  <si>
    <t>航班疫情以色列乘客韓國大韓航空爆發肺炎於新冠原因快速入境近日拒絕隔離回家機上ke返回運送直接韓國首</t>
  </si>
  <si>
    <t>正受困於新冠肺炎疫情大爆發的韓國近日一架大韓航空航班被以色列拒絕入境原因是韓國疫情快速爆發。這架大韓航空KE957機上乘客除12名以色列乘客被直接運送回家隔離14天其他乘客則原航班返回韓國首爾。
據《環球網》報導當地時間2月22日晚（臺北時間2月23日淩晨）韓國大韓航空KE957航班降落以色列本古裡安機場後航班上近200名韓國與其他國家乘客被拒絕進入以色列國土僅12名以色列乘客獲准入境但被直接運送回家隔離14天。航班則在完成加油和補充餐飲後於當地時間22日晚間10點啟程飛返首爾。
以色列衛生部表示連日來韓國的新冠肺炎病例急劇增加達到433人其中包括9名剛剛在以色列結束旅程而確診染病的韓國人。目前在以色列旅行的大約一千名韓國遊客已被告知：避免進入公共場所自覺隔離在旅館中等待有關部門採取相應措施。
據報導23日以色列總理內坦亞胡將召集一個緊急特別會議商討如何應對新冠肺炎在以色列的蔓延趨勢。</t>
  </si>
  <si>
    <t>以色列韓國航班肺炎乘客隔離大韓時間報導進入航空疫情入境當地拒絕爆發ke回家緊急召集胡將特別會議結束旅程</t>
  </si>
  <si>
    <t>死亡人數新增印尼新高</t>
  </si>
  <si>
    <t>印尼今日新增2069例染疫死亡病例創單日新高累計8萬6835例。印尼衛生部27日通報該國新增4萬5203例確診高於26日的2萬8228例累計323萬9936例。印尼衛生部長26日說印尼正在提高其抗新冠肺炎藥物的生產能力；</t>
  </si>
  <si>
    <t>印尼新增累計提高死亡新高肺炎通報病例衛生部藥物衛生部長確診高於今日生產能力</t>
  </si>
  <si>
    <t>印尼今日新增2069例染疫死亡病例創單日新高累計8萬6835例。
印尼衛生部27日通報該國新增4萬5203例確診高於26日的2萬8228例累計323萬9936例。
印尼衛生部長26日說印尼正在提高其抗新冠肺炎藥物的生產能力；隨著新病例的增加需求自6月以來增長了12倍。印尼也在從其他國家訂購抗新冠病毒藥物因為國內製藥公司無法生產瑞德西韋（remdesivir）、Actemra和Gamaras等藥物這些藥物預計將分階段進口。
★《中時新聞網》提醒您：因應新冠肺炎疫情疾管署持續加強疫情監測與邊境管制措施 如有疑似症狀請撥打：1922專線或 0800-001922 並依指示配戴口罩儘速就醫同時主動告知醫師旅遊史及接觸史以利及時診斷及通報。</t>
  </si>
  <si>
    <t>印尼藥物病例肺炎疫情通報新增累計接觸史及旅遊醫師告知主動就醫口罩配戴指示專線撥打</t>
  </si>
  <si>
    <t>印尼藥物染疫單日新高累計</t>
  </si>
  <si>
    <t>新高藥物累計印尼</t>
  </si>
  <si>
    <t>對手研發合力喊話博爾肺炎執行長輝瑞疫苗</t>
  </si>
  <si>
    <t>面對新冠肺炎疫情危機輝瑞執行長博爾拉（Albert Bourla）認為輝瑞是擁有先進技術的重要製藥機構肩負研究新藥和疫苗等責任。因此願意砸下10億美元不求回報地加快疫苗開發與生產甚至願意跟其他對手分享與合作</t>
  </si>
  <si>
    <t>輝瑞願意疫苗疫情危機執行長甚至博爾bourla生產認為開發擁有先進加快技術重要製藥肺炎回報機構不求肩負研究責任新藥albert</t>
  </si>
  <si>
    <t>面對新冠肺炎疫情危機輝瑞執行長博爾拉（Albert Bourla）認為輝瑞是擁有先進技術的重要製藥機構肩負研究新藥和疫苗等責任。因此願意砸下10億美元不求回報地加快疫苗開發與生產甚至願意跟其他對手分享與合作希望秋季時能為大家提供有效疫苗。
博爾拉3月中跟輝瑞研發疫苗和生產部門等負責人舉行視訊會議。雖然他們訂下2021年成功研發與生產疫苗的目標但博爾拉認為在時間上仍然不夠快。因為秋冬是呼吸道疾病傳播高峰期疫情可能捲土重來因此研發與生產有效疫苗是克不容緩。
輝瑞科學長杜爾斯坦（Mikael Dolsten）說博爾拉向研發與生產團隊施壓要年底前能提供數百萬劑疫苗來防疫。
為儘早控制疫情跟其他廠商合作是最好方法。輝瑞5月初在美國巴爾的摩進行臨床實驗的疫苗就是跟2008年才成立的德國生技公司BioNTech合作研發。博爾拉說研發疫苗通常要花數年時間因此對輝瑞短短數周內做到目前程度感到自豪。
他坦承在其職業生涯裡未曾遇過像新冠肺炎這樣的疫情危機但他2019年初上臺後積極讓輝瑞業務從學名藥和潤唇膏等個人用品大舉轉向高風險但高回報的專利藥研發上才讓輝瑞有能力快速研發新冠肺炎疫苗。
雖然一些專家認為博爾拉要在未來幾個月內成功研發並量產有效疫苗是不可能實現但他強調這次拚命研發疫苗的主要目標並非為賺錢而是要盡一家藥廠為社會解決疫情危機的責任。
為加快成功研發疫苗他授權其研發團隊可跟對手討論和分享具專利權的資訊這是向來最保護研究成果的醫藥業從未有過的舉動。
輝瑞和BioNTech合作以前沿技術研發「信使核糖核酸」（mRNA）疫苗是目前全球七種進入臨床實驗階段的候選疫苗。輝瑞的實驗在美國有360位自願者參與德國有200人最終會把實驗總數擴大至約8000人。
輝瑞希望10月前得到美國政府緊急使用的授權。為做好這方面準備輝瑞正轉換四座廠房的生產要在年底前可生產2000萬劑疫苗2021年可生產數億劑。
儘管還不確定輝瑞的疫苗是否有效和得到授權但博爾拉強調輝瑞打算2020年撥出10億美元經費去研發和生產其疫苗強調只要證實有效和得授權就能讓大家立即得到疫苗才是最重要。
對於輝瑞不計代價的做法許多人好奇其真的那麼有把握？不少專家甚至認為輝瑞不可能達成在秋季時提供數百萬劑疫苗的目標。博爾拉承認自己飽受極大壓力。因為真的有效就能拯救世界若沒效即一場空。
博爾拉3月中跟輝瑞管理高層開會時已經表明這次研發疫苗所做的投資不能用是否賺錢來考量。
他強調所砸下的10億美元不會對公司財務造成衝擊其計畫是要確保大家能得到有效疫苗。只要一切按照計畫進行輝瑞還會向BioNTech額外支付563億美元。
對於博爾拉在研發上的全力支持輝瑞疫苗研究部主管珍森（Kathrin Jansen）說在研發成功前是無法告訴大家成功的可能性有多大。但在新冠肺炎帶來前所未有的疫情危機之下就需要前所未有的行動。</t>
  </si>
  <si>
    <t>輝瑞疫苗研發博爾拉生產疫情有效成功認為合作強調授權危機肺炎biontech目標提供</t>
  </si>
  <si>
    <t>輝瑞疫苗肺炎研發研發疫苗</t>
  </si>
  <si>
    <t>研發肺炎輝瑞疫苗</t>
  </si>
  <si>
    <t>病毒結束大選神奇兒子消失川普</t>
  </si>
  <si>
    <t>美國總統唐納川普的次子艾瑞克川普在接受採訪時丟出一顆讓網民議論紛紛的炸彈艾瑞克說他預測在今年11月3日（美國總統大選投票日）之後美國的新冠肺炎疫情就會神奇地消失。至於消失的原因艾瑞克給了一個</t>
  </si>
  <si>
    <t>艾瑞克美國川普疫情肺炎採訪今年議論紛紛炸彈預測神奇消失次子之後投票日總統大選接受至於</t>
  </si>
  <si>
    <t>美國總統唐納川普的次子艾瑞克川普在接受採訪時丟出一顆讓網民議論紛紛的炸彈艾瑞克說他預測在今年11月3日（美國總統大選投票日）之後美國的新冠肺炎疫情就會神奇地消失。至於消失的原因艾瑞克給了一個爆炸性的理論：這場已導致上百萬美國人感染、近10萬美國人死亡的疫情根本是政敵編造出來要打倒他父親的陰謀與騙局。
據《環球時報》報導艾瑞克是在接受美國《福斯新聞》電視連線時說出上述的理論《福斯新聞》也是美國最支持川普的一家保守派媒體。而在此之前川普本人曾在2月28日極力淡化疫情威脅時說過類似的話當時他說：「有一天新冠病毒會消失就像奇跡一樣就這樣消失了。」
美國網路上的相關討論指出艾瑞克似乎在自家的地下室接受媒體網路連採訪。他說「拜登就喜歡這樣每次出場都要犯下一些特別愚蠢的錯誤」。艾瑞克表示「拜登的競選團隊應該很高興川普總統不用再外出他們更以為他們奪走了川普最厲害的工具那就是一旦他走上舞臺每次都能吸引來5萬多人聆聽他的演講。」
艾瑞克接著表示「所以你瞧著吧從現在開始到11月3日 （大選日） 他們每一天都會不斷利用這個局勢。但接下來你猜會怎樣？等到了11月3日之後冠狀病毒會突然神奇地消失的然後所有人就都能出門了。他們就是想奪走我父親最重要的資產即美國人民對他的愛戴」。
報導說川普的次子艾瑞克川普這段言論已引起了美國網民熱烈的議論和責罵在多個發佈了這段視頻的美國網路名人和媒體網站的評論區對川普父子的攻擊聲也此起彼伏。一名網友在推特上說：「這位美國總統的兒子說新冠肺炎只是一場美國民主黨用來阻止他父親去搞競選集會的騙局或陰謀看來他們一家人可真是這個國家的禍害啊！」另有網友說：「既然這是場騙局那義大利和西班牙那麼多人又是怎麼病死的？這些國家的疫情會不會也在11月3日之後消失呢？」還有網友乾脆直接表示艾瑞克川普真是「蠢到家」「在川普家還能被視為是最蠢的人想像一下這得有多羞辱吧……」。</t>
  </si>
  <si>
    <t>美國艾瑞克川普消失疫情父親騙局表示網友媒體接受之後總統競選拜登理論</t>
  </si>
  <si>
    <t>新冠肺炎武漢肺炎新型冠狀病毒COVID-19艾瑞克川普</t>
  </si>
  <si>
    <t>肺炎冠狀武漢病毒covid-艾瑞克川普</t>
  </si>
  <si>
    <t>工作召開防疫振興經濟議會重點</t>
  </si>
  <si>
    <t>受到新冠肺炎疫情影響台中市議會臨時會日前因疫情延期一次11日再度召開程式委員會經政黨協商決定於19日至25日召開臨時會；將請市府針對台灣燈會、新冠肺炎防疫及振興經濟措施、雙十公車、台中州廳等進行專案報</t>
  </si>
  <si>
    <t>疫情肺炎召開中州公車雙十措施經濟振興防疫程式燈會再度臺灣日前市府台中延期影響進行政黨委員會決定議會</t>
  </si>
  <si>
    <t>受到新冠肺炎疫情影響台中市議會臨時會日前因疫情延期一次11日再度召開程式委員會經政黨協商決定於19日至25日召開臨時會；將請市府針對台灣燈會、新冠肺炎防疫及振興經濟措施、雙十公車、台中州廳等進行專案報告。
台中市議會原訂2月中旬召開臨時會卻因新冠肺炎疫情擴大延期民進黨26位市議員日前連署要求召開臨時會；市議會11日召開程式委員會討論臨時會相關議程的排定。
民進黨市議員何敏誠、施志昌、何文海等指出民進黨團提出的4項專案報告只安排1天時間不足無法充分討論建議增為2到3天；尤其各產業受到疫情的衝擊議員可提供更好建議。台中疫情平穩應照常開會讓市民可安心。
國民黨市議員吳瓊華、張瀞分、陳成添等表示台南市議會都不敢開會現在是防疫期間應讓市府將重心放在防疫工作俟疫情趨緩再召開定期會充分討論；目前各行業都很蕭條等待政府紓困應讓市府配合中央盡速訂出振興方案才是當務之急。
無黨籍市議員陳廷秀及超黨派陳清龍建議照排定時間如期開會人員的管控及時間的壓縮重點在防疫工作其他在定期會中再報告；如果不開會不但民眾質疑議員沒盡到職責也會認為疫情緊張連議員、官員都不敢開會反將造成市民恐慌。
台中市議會議長張清照最後裁示臨時會議事日程表照案通過專案報告以5案為限其他提案俟召開定期會再進行討論。</t>
  </si>
  <si>
    <t>議員疫情開會召開報告防疫議會台中建議討論專案市府定期肺炎時間振興應讓充分</t>
  </si>
  <si>
    <t>新科閎暉陳廣中執行長結親光寶車用</t>
  </si>
  <si>
    <t>華新科、閎暉結親為哪樁？光寶執行長陳廣中表示閎暉、華新科將攜手一起把車用領域做大不過光寶不會再出脫閎暉持股而面對疫情帶來的購併良機他也表示光寶會優先尋找、評估與現有在光電、電源優勢相關的併購機</t>
  </si>
  <si>
    <t>光寶閎暉表示新科光電評估電源尋找優先一起疫情領域面對車用帶來購並攜手良機出脫</t>
  </si>
  <si>
    <t>華新科、閎暉結親為哪樁？光寶執行長陳廣中表示閎暉、華新科將攜手一起把車用領域做大不過光寶不會再出脫閎暉持股而面對疫情帶來的購併良機他也表示光寶會優先尋找、評估與現有在光電、電源優勢相關的併購機會預計明年開始評估。
6月8日光寶低調轉讓9000張閎暉持股給特定人而華新科則遲至21日才低調公告已於6月8日透過钜額交易方式取得閎暉9000張持股、成為閎暉第二大股東雙方神神秘秘、有時間差的公告方式讓市場頗為不解也看不懂華新科看上閎暉哪一點。
對此陳廣中表示閎暉長年經營車用機構件華新麗華集團這幾年則是在5G、車用領域的佈局很積極華新科希望透過持有閎暉股權一起把車用領域的事業做大發揮一加一大於二的效應等於是閎暉加入華新麗華旗下PSA華科事業群的大聯盟而光寶仍是閎暉最大股東不會繼續出售閎暉股權。
新冠肺炎（COVID-19）疫情重創許多產業被體質良好的企業視為是併購「撿便宜」的良機陳廣中表示光寶不會為了併購而併購還是會先優先尋找能與光寶現有優勢（電源、光電）互補的標的明年會積極評估併購機會以光電來看比如說不可見光的光耦合器可以廣泛應用在多種產品光寶在這個領域不算小但可以透過併購變得更大更好。
面對下半年PC與資料中心的景氣前景陳廣中表示4、5月的時候PC客戶、資料中心客戶不僅下單都非常積極由於需求太緊俏連貨運方式都要求從海運改成空運不過6月開始已經回歸至海運他也重申下半年PC旺季不旺的趨勢已經確立至於資料中心客戶現在的下單力道與訂單急迫性都訪緩許多然而美國四大網際網路業者承接的各種標案多一有標案就有急單資料中心下半年景氣還有待觀察台灣三大電源供應器公司在資料中心用電源的合計市占率已經超過五成光寶在這個領域持續高速成長資料中心電源在整體電源營收貢獻度已超過兩成。</t>
  </si>
  <si>
    <t>閎暉光寶中心資料並購領域表示新科車用積極透過已經電源陳廣中下半年光電評估pc方式疫情</t>
  </si>
  <si>
    <t>陳廣中領域車用資料中心併購</t>
  </si>
  <si>
    <t>中心車用領域資料並購陳廣中</t>
  </si>
  <si>
    <t>瞄準吃到亞太通信網門號</t>
  </si>
  <si>
    <t>亞太電(3682)瞄準近年來興起的618檔期即日起至6月18日順勢推出限時7天的「88勁量吃到飽單門號」方案看好本次疫情加速宅經濟發酵亞太電也看好此波年中慶帶來的商機。對電商來說618年中慶也成為繼「雙11」活</t>
  </si>
  <si>
    <t>看好亞太中慶順勢推出即日起吃到興起門號商機方案帶來疫情加速發酵經濟近年來</t>
  </si>
  <si>
    <t>亞太雜誌門市疫情即日起上網門號贈送電子超過推出發酵使用者使用語音kono@看好吃到服務</t>
  </si>
  <si>
    <t>亞太電QRCodeKono新冠肺炎618檔期</t>
  </si>
  <si>
    <t>konoqrcode亞太肺炎</t>
  </si>
  <si>
    <t>崇友完工電機業績</t>
  </si>
  <si>
    <t>崇友(4506)3月合併營收為389億元月增3089％年增1505％主要來自於桃園青埔商業大樓、高雄橋頭住宅大樓、淡海新市鎮集合住宅社區等新梯與汰舊換新完工認列；累計第1季合併營收998億元年減313％。崇友今年</t>
  </si>
  <si>
    <t>住宅大樓合併商業集合社區完工累計汰舊換新崇友桃園橋頭高雄新市鎮來自今年</t>
  </si>
  <si>
    <t>崇友(4506)3月合併營收為389億元月增3089％年增1505％主要來自於桃園青埔商業大樓、高雄橋頭住宅大樓、淡海新市鎮集合住宅社區等新梯與汰舊換新完工認列；累計第1季合併營收998億元年減313％。
崇友今年第1季新梯暨汰舊換新、維修保養營收比重分別為4997％、5003％其中維修保養業務台數穩步增加達36000台而新梯業務持續採取多品牌接單、案源結構優化等策略中高端電梯品牌「堅尼西斯」推行電梯智慧化第一季「堅尼西斯」品牌台數占新梯比重自去年同期的888％提升至1275％因台灣商用不動產及高樓層建築需求持續增溫有助於中高端品牌產品出貨。
面對台灣住房及電梯走向高齡化且政府、民眾對於電梯安全意識提升帶動社區型住宅、公共工程等大型電梯汰舊換新需求升溫崇友汰舊換新業務保持雙位數成長。
展望第2季有台大醫院電梯汰舊換新、中國醫藥大學等大型新梯建案陸續完工認列為營收注入動能。近期新冠肺炎疫情延燒崇友來自大陸零部件廠商已於2月17日全面復工目前供貨都正常法人估崇友今年營收可望維持成長3～5％成長。</t>
  </si>
  <si>
    <t>電梯汰舊換新品牌崇友業務住宅持續臺灣今年來自需求提升中高台數大樓成長完工維修保養比重</t>
  </si>
  <si>
    <t>崇友新梯堅尼西斯公共工程</t>
  </si>
  <si>
    <t>尼西斯崇友工程</t>
  </si>
  <si>
    <t>能源准入放寬門檻</t>
  </si>
  <si>
    <t>大陸政府19日宣佈放寬新能源車企及產品進入市場的門檻本次新規刪除包括對新能源車企有關設計開發能力的要求並將新能源車企停止生產的時間由12個月調整為24個月。新規9月1日正式上路。新浪財經報導2020年4月</t>
  </si>
  <si>
    <t>能源車企正式市場企及門檻調整進入時間上路有關設計開發能力要求放寬產品新浪刪除停止生產包括宣佈財經報導</t>
  </si>
  <si>
    <t>大陸政府19日宣佈放寬新能源車企及產品進入市場的門檻本次新規刪除包括對新能源車企有關設計開發能力的要求並將新能源車企停止生產的時間由12個月調整為24個月。新規9月1日正式上路。
新浪財經報導2020年4月初大陸工信部曾經公佈「關於修改『新能源汽車生產企業及產品准入管理規定』的決定（徵求意見稿）》當時內容即進一步放寬新能源車企及產品的准入門檻。
大陸工信部19日新公佈的「新能源汽車生產企業及產品准入管理規定」內容基本上與4月初的徵求意見稿相符合。
本次新規將於9月1日起實施與2017年的新能源汽車准入條件相比大幅降低行業准入門檻。新規變化主要集中在三方面：一是刪除申請新能源汽車生產企業准入有關「設計開發能力」的要求包括過去對新能源車企准入的審查要求除降低企業准入門檻同時強化對企業生產流程和售後服務能力要求。
其次是將新能源車企停止生產的時間由12個月調整為24個月這也與大陸「道路機動車輛生產企業及產品准入管理辦法」第34條第三款規定生產企業連兩年不能維持正常生產經營的需特別公示的要求保持一致性。新規也刪除新能源車企申請准入的過渡期臨時條款。
工信部表示隨著海內外形勢的發展變化為配合大陸新能源汽車產業的發展需要須進一步放寬准入門檻以激發市場活力同時加強事中事後監管促進大陸新能源汽車產業邁向高品質發展。業界人士指出新規有助規範和釋放新能源汽車的市場活力推動相關汽車銷量進入高增長。
2020年初以來受到新能源車補貼退出、新冠肺炎與國際油價下挫影響過去強勢的大陸新能源汽車產銷遭到重擊。上半年大陸新能源汽車各月銷量年增率均呈現負值尤其2月份衰退更達752％。中汽協近日公佈的7月份新能源車銷量年增雖達193％為2020年來首次轉為正值但銷量卻較6月衰退58％顯示大陸新能源車市場仍在泥淖中前行。</t>
  </si>
  <si>
    <t>能源大陸准入汽車生產門檻企業市場要求車企發展產品銷量放寬月份月初規定衰退進入公佈</t>
  </si>
  <si>
    <t>大陸新能源汽車新能源車企企業新能源車新規</t>
  </si>
  <si>
    <t>能源汽車車企企業大陸</t>
  </si>
  <si>
    <t>苦日子口罩慘遭圍剿排隊炮轟抱怨</t>
  </si>
  <si>
    <t>臉書社團《我是新店人 好山好水 新店區 大坪林 七張 碧潭 安坑 深坑 石碇 坪林 烏來》版主貼出多張照片顯示新店區中正路一間藥局門口依舊大排長龍等買口罩。該版主並發文：「提早部署限制出口國家隊趕工智商</t>
  </si>
  <si>
    <t>出口限制部署提早發文國家隊大坪坪林口罩烏來藥局門口大排長龍正路貼出照片顯示</t>
  </si>
  <si>
    <t>臉書社團《我是新店人 好山好水 新店區 大坪林 七張 碧潭 安坑 深坑 石碇 坪林 烏來》版主貼出多張照片顯示新店區中正路一間藥局門口依舊大排長龍等買口罩。
該版主並發文：「提早部署限制出口國家隊趕工智商一百八網購20全世界羨慕都已經兩個月了…請問英明睿智的蔡政府還要多久才可以讓民眾脫離每週排隊一兩個小時只能買三片口罩的苦日子…」。
這篇文章在該社團引發熱烈討論眾多社員砲轟：「人在福中不知福」、「少點水口排隊網購還買得到你最好到國外去看有沒有天上掉下來給你！」、「台灣以外的地方有錢有閒還買不到。靠腰什麼？」、「你發文的時間已經夠這排人網上預購了」、「早脫離~學怎麼網購吧 乖」、「建議你可直接出國就不用這麼痛苦囉看是要去美國或中國和歐洲都好喔～不要腳踩這這又狂罵這片土地喔～」。
不過也有人力挺版主：「問這個問題就錯了貴政府是不容許異音的！」、「造神運動總有天跌落神壇」、「口號治國遲早被看破手腳」、「好可憐哦！一堆感恩政府的順民！」。</t>
  </si>
  <si>
    <t>政府已經發文脫離口罩排隊社團看破遲早手腳口號神壇</t>
  </si>
  <si>
    <t>防疫入住居格旅館議員強制懲罰高市</t>
  </si>
  <si>
    <t>高市首例本土確診案1289是新北獅會成員女兒其所居住的小港地區當時有245人被匡列居家隔離。高市議員陳麗娜爆料市府祭出不准在家隔離必須全面入住防疫旅館卻得自掏腰包形同雙重懲罰。對此衛生局長黃志中</t>
  </si>
  <si>
    <t>隔離高市形同自掏腰包旅館新北防疫入住成員女兒懲罰居住全面小港地區必須當時不准祭出匡列市府居家</t>
  </si>
  <si>
    <t>高市首例本土確診案1289是新北獅會成員女兒其所居住的小港地區當時有245人被匡列居家隔離。高市議員陳麗娜爆料市府祭出不准在家隔離必須全面入住防疫旅館卻得自掏腰包形同雙重懲罰。對此衛生局長黃志中解釋這是全盤評估的權宜之計每人每天也有補助1000元。
陳麗娜轉述被隔離者透露確診者所有費用都是政府出、全民買單但「我們倒楣和他接觸的卻要自己掏腰包付這14天、每天1500一共2萬1000元的費用」、「這筆錢我們真的很難自己吞」。
為爭取自身權益被匡列者打了一堆局處電話無奈每個局處都是互踢皮球說是按市府規定走。陳麗娜說他們無奈認為身為高雄第一批隔離者好像被拿來當成高市府展現鐵腕手段用在投訴無門後只好向議員陳情。
陳麗娜指出中央流行疫情指揮中心在今年3月1日起實施確定病例接觸者之「1人1戶」居家隔離措施也就是只要1人1戶就能選擇自主居家隔離不一定要去住防疫旅館。
陳麗娜質疑市府強迫符合居家隔離者也要住防疫旅館是否有適法性的問題？其次市府對防疫旅館有補助卻不給隔離者補助造成隔離者每天要繳住宿費用而防疫旅館卻可以同時收政府補助及被隔離者住宿費的現象讓被隔離者感到十分不公平。
針對居家隔離者入住防疫旅館補助黃志中指出市府會代為向中央申請每人每天1000元補助如果實在付不錢來會轉介社會局協助；至於採檢費用也是由公家出部分醫療院所會先收取掛號費等事後會再退費。
黃志中解釋依據防疫會議決議後確實要求居家隔離者需入住防疫旅館已經實施好幾個月原因是英國變種傳染性非常高「現在疫情狀況不能與去年金芭黎等事件時期相比」市府必須全盤考量防堵疫情擴散過程或許有些雜音及不滿但謝謝市民配合及體諒。</t>
  </si>
  <si>
    <t>隔離市府防疫旅館陳麗娜居家補助疫情費用黃志中全盤實施接觸解釋必須入住中央</t>
  </si>
  <si>
    <t>新冠肺炎台灣防疫旅館隔離者陳麗娜</t>
  </si>
  <si>
    <t>防疫臺灣旅館肺炎隔離陳麗娜</t>
  </si>
  <si>
    <t>起訴要求訊息親自上網po澄清</t>
  </si>
  <si>
    <t>新冠肺炎全球大流行桃園地檢署整合「防疫處理小組」及「查緝民生犯罪聯繫平臺」嚴辦假訊息包括楊男稱桃園疑似病例至少60起、住宿某賓館彭男看到SNG車就說該醫院有新冠肺炎患者就連楊男回覆案34醫院疑在林</t>
  </si>
  <si>
    <t>桃園醫院肺炎犯罪聯繫民生平臺查緝嚴辦小組處理訊息包括防疫楊男整合賓館疑似病例至少住宿</t>
  </si>
  <si>
    <t>新冠肺炎全球大流行桃園地檢署整合「防疫處理小組」及「查緝民生犯罪聯繫平臺」嚴辦假訊息包括楊男稱桃園疑似病例至少60起、住宿某賓館彭男看到SNG車就說該醫院有新冠肺炎患者就連楊男回覆案34醫院疑在林口的新聞、稱封院就該公佈都吃上官司被檢方要求在社群網站張貼澄清訊息以正視聽。
24歲楊性男子2月21日晚上在社群網路論壇上散播「桃園疑似病例約有60起至少尤其以中壢平鎮一帶居多」、「該名患者在全家隔壁的賓館住宿及逛過附近很多店家包括用餐請近期到過中壢車站的密切注意一下身體健康」等不實訊息。
43歲彭姓男子2月23日晚上見桃園某醫院前有SNG車及穿防護衣者未經查證即在網路社群臉書上發文稱：「剛在○○醫院看到有武漢病人送到這還有一堆穿隔離衣的」不實訊息。
28歲楊性男子2月29日下午在網站Yahoo！新聞標題「談案34醫院群聚事件陳時中意外說出地點在林口」的下方公開留言：「都有封病院的新聞了為什麼不能直接說哪邊有問題？」
桃園地檢署依高檢署指示整合「防疫處理小組」及「查緝民生犯罪聯繫平臺」針對散播嚴重特殊傳染性肺炎不實訊息者依法嚴辦、速偵速結檢方認為3男都涉犯散播不實訊息足以損害公眾對於疫情認知的正確性且28歲的楊男涉案時「嚴重特殊傳染性肺炎防治及紓困振興特別條例」已實施但檢方考量3人都坦承不諱、深切悔悟並依指示在網路張貼澄清及道歉訊息均獲緩起訴處分。
桃園地檢署強調流行疫情或防治措施等相關資訊均由中央流行疫情指揮中心統一對外公佈民眾接獲來源不明或未經證實的疫情資訊時可撥打防疫專線1922查證或向各地衛生單位洽詢千萬不要道聽途說隨意散播假訊息尤其2月27日起正式施行「嚴重特殊傳染性肺炎防治及紓困振興特別條例」民眾散播疫情謠言或不實訊息已提高刑責將可處3年以下有徒刑、拘役或科或併科300萬元以下罰金呼籲國人切莫以身試法。</t>
  </si>
  <si>
    <t>訊息桃園疫情散播醫院不實肺炎網路流行防疫林口以下中壢查證患者男子包括嚴重民眾</t>
  </si>
  <si>
    <t>桃園醫院疫情肺炎2月</t>
  </si>
  <si>
    <t>肺炎桃園醫院疫情</t>
  </si>
  <si>
    <t>who德塞不要美女回擊</t>
  </si>
  <si>
    <t>台灣14日在《紐約時報》刊登全版廣告提到台灣被WHO拒於門外世界衛生組織也列出13點回應強調一直與台灣衛生部門保持技術交流。對此立委賴品妤不滿怒批WHO一副好像自己什麼都沒有過錯一樣。賴品妤在臉書直批</t>
  </si>
  <si>
    <t>臺灣who賴品妤過錯沒有廣告提到不滿對此保持衛生部門技術交流一直強調回應列出門外世界衛生組織刊登好像紐約時報</t>
  </si>
  <si>
    <t>台灣14日在《紐約時報》刊登全版廣告提到台灣被WHO拒於門外世界衛生組織也列出13點回應強調一直與台灣衛生部門保持技術交流。對此立委賴品妤不滿怒批WHO一副好像自己什麼都沒有過錯一樣。
賴品妤在臉書直批「譚德塞不要再繼續WHO爛！」表示WHO洋洋灑灑羅列13點回應說「數十年來一直與台灣衛生部門保持技術交流」但事實上我們根本就無法參與WHO的核心會議WHO是把一軍的台灣當二軍在看待直到新冠肺炎疫情國際社會才知道真正的防疫一軍是台灣。
WHO稱台灣可參與多數專家技術會議但事實上臺灣能參與的會議根本不到3成！賴品妤指出2017年開始台灣就沒有受邀出席WHA（世界衛生大會）2009到2019的十年間申請參與187場技術性會議只受邀參加57場遭拒比例高達七成WHO也未說明拒絕原因。
賴品妤表示台灣能參加的都是較不重要的會議這次新冠肺炎病毒會議根本就沒有找台灣反而還被WHO劃成大陸疫區要請問WHO這是哪門子的和台灣一起「專家技術交流」？
WHO既沒分享更多公衛資訊給台灣也不讓台灣參與重要會議賴品妤說這背後大家都知道是大陸因素可是WHO至今都不敢講真話本應站在維繫全人類健康立場的WHO現在卻變成政治掛帥台灣人已呼籲這麼多個月了連國際新聞的廣告也刊登了WHO仍不肯悔改。
賴品妤認為台灣有能力、也有意願為提升全世界的健康而努力現在也以捐贈物資、分享防疫經驗協助各國就算我們被拒絕在WHO之外但大陸和WHO拒絕不了台灣持續參與世界、幫助世界的決心。</t>
  </si>
  <si>
    <t>who臺灣賴品妤會議參與沒有根本技術交流大陸拒絕國際分享健康現在防疫參加表示知道</t>
  </si>
  <si>
    <t>WHO譚德塞立委世界衛生組織台灣</t>
  </si>
  <si>
    <t>德塞世界衛生組織who臺灣</t>
  </si>
  <si>
    <t>進入外人師生憑證入校輔大</t>
  </si>
  <si>
    <t>新冠肺炎疫情蔓延國立政治大學傳出確診病例後各大專院校也人人自危新北市新莊區輔仁大學今(27)宣佈即日起師生入校需配戴識別證、校園卡經體溫測量後才可以入校另防疫期間謝絕校外人士入校洽公人員則需</t>
  </si>
  <si>
    <t>入校蔓延政治大學傳出確診病例疫情大專院校人士人人自危新莊新北輔仁大學防疫宣佈可以即日起師生體溫配戴</t>
  </si>
  <si>
    <t>新冠肺炎疫情蔓延國立政治大學傳出確診病例後各大專院校也人人自危新北市新莊區輔仁大學今(27)宣佈即日起師生入校需配戴識別證、校園卡經體溫測量後才可以入校另防疫期間謝絕校外人士入校洽公人員則需換證登記。
輔大表示試行期間若同學忘記帶證件會進行提醒勸導仍可入校之後視疫情狀況加強管制全面實施時間則依根據疫情調整。
試行首日仍有部分民眾一早準備進校園運動但看到校門口告示後都相當配合未進入校園至於家長跟師生對於學校提升防疫措施大多都相當認同第一天狀況大致順利。</t>
  </si>
  <si>
    <t>入校疫情試行師生防疫校園相當期間狀況蔓延政治大學確診病例新莊準備進校園傳出大專院校運動人人自危新北</t>
  </si>
  <si>
    <t>肺炎疫情校園輔大師生</t>
  </si>
  <si>
    <t>輔大疫情肺炎師生校園</t>
  </si>
  <si>
    <t>居家隔離生活po返台擔心</t>
  </si>
  <si>
    <t>南韓人氣女團TWICE台灣成員周子瑜因不少行程被迫取消她也得以多出空閒時間返台和家人團聚不過需要居家檢疫14天所以18日才能出關而在家隔離10多天的她也在官方IG更新近況。子瑜再2天就可以解除居家隔離</t>
  </si>
  <si>
    <t>居家隔離臺灣成員周子瑜行程被迫取消twice得以空閒返台時間家人近況團聚需要更新ig檢疫官方在家才能</t>
  </si>
  <si>
    <t>잘 먹었다?  제가 만든거 아니지만 원스는 다 잘 지내고 있죠?? 빨리 만날 수 있었으면 좋겠어요TT 吃的好開心～?  但這不是我做的 Once你們過得還好嗎？ 希望能趕快見面呢TT
 TWICE（@twicetagram）分享的貼文 於 PDT 2020 年 3月 月 15 日 上午 6:48 張貼
南韓人氣女團TWICE台灣成員周子瑜因不少行程被迫取消她也得以多出空閒時間返台和家人團聚不過需要居家檢疫14天所以18日才能出關而在家隔離10多天的她也在官方IG更新近況。
子瑜再2天就可以解除居家隔離她也終於PO文更新近況不僅分享多張美食照還曬出穿著居家服素顏和愛犬酷吉的合照看起來像是剛運動完頭髮還濕濕的不過清秀模樣依舊讓粉絲大讚「真的好美」、「素顏更美了」。
而食物照中有不少台灣家常菜讓網友看到倍感親切不過不少人都認為她好像又瘦了紛紛關心起她「好像瘦了多吃東西」、「要照顧好身體」。</t>
  </si>
  <si>
    <t>居家臺灣twice分享隔離近況好像更新tt東西認為once還好希望</t>
  </si>
  <si>
    <t>子瑜周子瑜韓國台灣TWICE</t>
  </si>
  <si>
    <t>臺灣韓國周子瑜twice</t>
  </si>
  <si>
    <t>思科打折免費提供疫情產品科技</t>
  </si>
  <si>
    <t>全球疫情持續發酵各類組織紛紛啟動遠距工作維持業務營運為協助打造安全的遠距工作環境思科今(16)日最新宣佈即日起免費提供四款資安產品協助各企業與組織能持續享有最安全的資安防護讓業務與教育不因資安</t>
  </si>
  <si>
    <t>安全組織協助工作持續業務宣佈最新即日起免費提供紛紛思科環境啟動產品維持企業享有打造發酵防護</t>
  </si>
  <si>
    <t>全球疫情持續發酵各類組織紛紛啟動遠距工作維持業務營運為協助打造安全的遠距工作環境思科今(16)日最新宣佈即日起免費提供四款資安產品協助各企業與組織能持續享有最安全的資安防護讓業務與教育不因資安危機受損或是停擺。
思科今日一口氣推出四款資安產品打造安全的遠距工作環境四款新品分別為網路保護傘Cisco Umbrella、身份認證管理Duo Security、遠距安全連線Cisco AnyConnect(VPN)以及端點進階惡意程式防護(Cisco Advanced Malware Protection for EndpointsAMP)。
思科大中華區資深副總裁暨思科台灣總經理陳志惟表示面對全球挑戰思科及時運用科技協助各個機構執行遠距管理除了思科協作方案我們希望藉由簡捷安全的資安解決方案讓各界在遠距工作的同時免受資安風險危害專注於維持業務的連續性攜手跨越挑戰。
思科進一步說明四款資安產品首先可以使員工能夠用公司筆記型電腦或個人行動設備在任何地方工作啟用秘密頻道後就能讓員工在遠端存取辦公室、分流及分支到總部等系統資源就如同在辦公室工作一樣；第二DUO Security可在非常時期中的工作狀態如何有效率及快速的管理使用者需要從使用者的帳號認證著手DUO Security通過採用多因素認證技術以行動電話、簡訊、電話或電子郵件等方式認證設備及驗證使用者可以減少帳號被盜取的機會與資安攻擊面進而降低風險；第三Cisco Umbrella可在不需要安裝硬體亦無需要手動更新軟體持續管理非常簡單只需將DNS重定向到Umbrella通過加強DNS和IP層的安全性阻止對惡意軟體、勒索軟體、網路釣魚和殭屍網路的請求；最後端點進階惡意程式防護(AMP)可以在家工作之安全首要注意使用設備上的安全控制應避免設備的入侵。端點進階惡意程式防護可深入查看網路層級與網路邊緣的威脅活動並封鎖進階惡意程式。
思科認為遠距工作已經成為新常態資訊安全成為遠距處理業務的必要關鍵之一無論是企業或是教育界商業機密與個人資訊皆有被嚴密保護的需要資安風險成了業界最大的挑戰。
思科指出近期持續收到不同組織要求為它們日益增加的遠距工作者提供資安協助數量是疫情爆發前的10倍另外自3月10日以來已增加超過1530萬思科資安解決方案用戶。
四款思科資安解決方案包括Cisco Umbrella、Duo Security、Cisco AnyConnect(VPN)以及端點進階惡意程式防護(AMP)的免費使用期限由即日起至2020年7月1日。</t>
  </si>
  <si>
    <t>思科工作安全cisco管理持續設備惡意網路umbrella協助業務securityduo防護認證可以需要挑戰組織amp程式風險</t>
  </si>
  <si>
    <t>新冠肺炎思科遠距上班惡意軟體勒索軟體</t>
  </si>
  <si>
    <t>上班思科惡意肺炎勒索</t>
  </si>
  <si>
    <t>接種疫苗不適施打bnt校園北市住院</t>
  </si>
  <si>
    <t>臺北市新增3例境外移入新冠肺炎確診病例分別自尼加拉瓜、日本及泰國入境在入境採檢及檢疫期滿前檢驗陽性確診另外北市119校完成BNT疫苗接種剩下的28校所需疫苗也已備妥北市衛生局表示9月22至10月1日計1</t>
  </si>
  <si>
    <t>北市確診疫苗肺炎入境病例分別期滿境外檢驗陽性完成衛生局泰國日本尼加拉瓜檢疫</t>
  </si>
  <si>
    <t>臺北市新增3例境外移入新冠肺炎確診病例分別自尼加拉瓜、日本及泰國入境在入境採檢及檢疫期滿前檢驗陽性確診另外北市119校完成BNT疫苗接種剩下的28校所需疫苗也已備妥北市衛生局表示9月22至10月1日計119所學校共12萬1453人完成BNT疫苗接種8天內累計1828人接種後感到不適多數已無大礙僅1人因胸痛症狀住院觀察中。
日前中央因疫苗短缺原定10月5、6日接種的學校受到影響經北市努力調度疫苗後校園所需BNT疫苗已備妥10月4至6日共28所學校近2萬人將如期接種疫苗。
此外公費流感疫苗開打首日北市31個社區接種站同步服務65歲以上長者共4540人完成流感疫苗接種另有198位長者同時接種肺炎鏈球菌疫苗；北市衛生局表示今年於社區設置418場流感疫苗接種站65歲以上長者可多加利用設站服務資訊可洽詢裡辦公處、轄區健康服務中心詢問。
北市衛生局提醒流感高峰期通常於11月至隔年春節前達到流行高峰疫苗接種後至少2周才能產生保護力北市有316家流感疫苗合約院所提供接種服務請民眾儘早接種疫苗以獲得保護力。相關疫苗接種訊息可撥打防疫專線(02)2375-3782及1999市民熱線詢問。</t>
  </si>
  <si>
    <t>接種疫苗北市服務流感疫苗衛生局學校確診bnt肺炎長者完成詢問表示保護以上社區</t>
  </si>
  <si>
    <t>疫苗接種BNT北市北市衛生局學校</t>
  </si>
  <si>
    <t>bnt北市衛生局接種疫苗學校</t>
  </si>
  <si>
    <t>登場主辦全代會發不民主黨</t>
  </si>
  <si>
    <t>線上版的民主黨全國黨代表大會（DNC）今天起在威斯康辛州密爾瓦基登場但因為疫情必須避免群聚不要說被提名人拜登不會到場黨內大咖不會參加飯店關閉餐館和酒吧沒人商機零分冷清的程度和往年猶如天壤</t>
  </si>
  <si>
    <t>冷清全國黨代表大會商機沒人dnc今天酒吧餐館威斯康關閉辛州飯店參加爾瓦基登場程度民主黨疫情必須避免黨內到場</t>
  </si>
  <si>
    <t>線上版的民主黨全國黨代表大會（DNC）今天起在威斯康辛州密爾瓦基登場但因為疫情必須避免群聚不要說被提名人拜登不會到場黨內大咖不會參加飯店關閉餐館和酒吧沒人商機零分冷清的程度和往年猶如天壤之別連在地民眾受訪都不知道DNC在密爾瓦基舉辦。
往年夏天密爾瓦基都是熱鬧滾滾度假遊客畢業典禮運動賽事…但今年完全不同了。密爾瓦基市中心非常安靜人潮稀稀落落。如果沒有疫情大批民主黨人將擠爆新建的Fiserv Forum不過規模大縮水後DNC大會尾聲當局只會在較小的威斯康辛中心周遭一條街道進行交通管制。
21歲的女子嘉吉日前行經威斯康辛中心前被媒體問到DNC時一頭霧水問「什麼大會？」後來她才想起拜登會在這禮拜接受提名。
民主黨上次大選並未認真經營威斯康辛最後輸給川普但這回卻因疫情被迫把大會改成線上模式。拜登20日晚上將發表接受提名演說前總統歐巴馬前第一夫人蜜雪兒、前總統柯林頓和4年前敗給川普的前國務卿希拉蕊都會發表視訊演說。不過主辦單位表示除了上述人等其他人的演說都不超過2分鐘。兩次在初選中屈居第二的佛蒙特州參議員桑德斯預期會在老家舉行現場演說時間8分鐘但會採用預錄方式以免出現機械故障這種尷尬場面。</t>
  </si>
  <si>
    <t>dnc演說威斯康疫情拜登大會爾瓦基川普往年發表民主黨提名接受總統方式出現採用女子嘉吉</t>
  </si>
  <si>
    <t>DNC民主黨全國黨代表大會密爾瓦基威斯康辛新冠肺炎</t>
  </si>
  <si>
    <t>威斯康爾瓦基黨代表大會全國民主黨dnc肺炎</t>
  </si>
  <si>
    <t>問世防疫上限張移工保單</t>
  </si>
  <si>
    <t>首張移工防疫保單問世。金管會16日宣佈核准富邦產險送審的移工新冠肺炎住院醫療個人險及團險兩張保單保障期間是30天要保人即付保險費者是引進移工的雇主移工入境30天內若確診將以實支實付方式給付最高50萬</t>
  </si>
  <si>
    <t>保單金管會實支核准宣佈天內確診住院期間產險保人肺炎保險費問世</t>
  </si>
  <si>
    <t>首張移工防疫保單問世。金管會16日宣佈核准富邦產險送審的移工新冠肺炎住院醫療個人險及團險兩張保單保障期間是30天要保人即付保險費者是引進移工的雇主移工入境30天內若確診將以實支實付方式給付最高50萬元的保障。
金管會核准富邦產送審的「移工嚴重特殊傳染性肺炎（COVID-19）住院醫療費用健康保險」及「移工嚴重特殊傳染性肺炎（COVID-19）住院醫療費用團體健康保險」現在待勞動部放行外籍移工重新引進後保單即可開放投保。
保險局主秘蔡火炎表示以往移工入境後確定染疫即會用疫情指揮中心的公費進行治療且每位移工醫療費用並不低未來則是使用者付費勞動部要求雇主替移工事先投保才准移工入境。
保險局強調移工防疫保單算是配合勞動部開放外籍移工入境政策的政策性保單要保人是雇主在移工入境前就要替移工投保若聘雇外籍移工人數四人以下只能買移工防疫險的個人險五人以上則可投保移工防疫險的團險保單個人險每人保費1100～1200元團險則可節省附加費用但每人保費相近。</t>
  </si>
  <si>
    <t>保單入境投保費用醫療防疫勞動部外籍雇主保障金管會住院開放保險局保人個人核准保險肺炎</t>
  </si>
  <si>
    <t>雇主勞動部肺炎保單人險</t>
  </si>
  <si>
    <t>肺炎勞動部保單雇主</t>
  </si>
  <si>
    <t>留言詭異副作用認證疫苗真的</t>
  </si>
  <si>
    <t>許多民眾想快點打疫苗但也很擔心接種後的副作用。小兒科醫師徐嘉賢發文說他在門診遇過的案例多數人打完疫苗多是痠痛、疲倦、頭暈和低燒但他遇過最詭異的是「食慾大開」這個副作用貼文引發網友共鳴不少打</t>
  </si>
  <si>
    <t>疫苗副作用遇過擔心接種小兒科醫師徐嘉賢文說門診食欲詭異案例頭暈疲倦酸痛打完引發</t>
  </si>
  <si>
    <t>許多民眾想快點打疫苗但也很擔心接種後的副作用。小兒科醫師徐嘉賢發文說他在門診遇過的案例多數人打完疫苗多是痠痛、疲倦、頭暈和低燒但他遇過最詭異的是「食慾大開」這個副作用貼文引發網友共鳴不少打過疫苗的人都認證真的超級餓感覺都吃不飽整整當了2天的大食怪。
徐嘉賢昨在臉書粉專《黑眼圈奶爸Dr 徐嘉賢醫師》上分享最近在門診多少會遇到因接種新冠疫苗出現副作用的患者大多數人都是痠痛、疲倦、頭暈和低燒少數患者會有腸胃症狀但大部分都會在2至3天內改善。
徐嘉賢表示他遇過最詭異的副作用是「食慾大開」會突然很想吃些平常很少吃的東西例如想要吃韓國的血腸讓他好奇詢問大家有沒有什麼奇怪、獨特的副作用？
不少網友在留言處表示「真的食慾大開」。「我打第一劑AZ胃口超好一直想吃東西打第二劑（5/24）後到現在每天胃口超好」、「打完當天真的超想吃東西」、「同事今天打完二劑也食慾大增」、「我打完第一劑突然超想吃東西的感覺都吃不飽其他就沒異狀了」、「身邊有兩位朋友打完都很餓」、「打完AZ當了兩天大食怪」。
許多網友也開玩笑說怎麼聽起來打完以後的症狀好像孕婦？「怎麼跟孕婦一樣症狀」、「親身感受像極了懷孕初期時的樣子（打輝瑞第一劑）」、「第一天食慾不振接下來瘋狂吃辣或是麻辣鴨血跟懷孕有87%像」。</t>
  </si>
  <si>
    <t>打完副作用徐嘉賢疫苗東西網友真的食欲遇過症狀懷孕門診醫師接種az</t>
  </si>
  <si>
    <t>打疫苗副作用徐嘉賢詭異食慾大開</t>
  </si>
  <si>
    <t>徐嘉賢詭異副作用食欲疫苗</t>
  </si>
  <si>
    <t>北市春節結束明年疫苗護照疫情預估上線柯文哲</t>
  </si>
  <si>
    <t>臺北市長柯文哲上午出席「2021鬧熱關渡節」開幕記者會致詞表示按照目前疫苗施打速度他估計疫情在農曆新年前就會結束所以疫苗護照很快就會上線呼籲民眾去接種疫苗。柯文哲今天表示COVID-19疫情預估在明年春</t>
  </si>
  <si>
    <t>疫苗疫情表示柯文哲出席鬧熱covid-開幕記者會致詞今天上線目前接種新年估計施打農曆呼籲速度上午民眾很快</t>
  </si>
  <si>
    <t>臺北市長柯文哲上午出席「2021鬧熱關渡節」開幕記者會致詞表示按照目前疫苗施打速度他估計疫情在農曆新年前就會結束所以疫苗護照很快就會上線呼籲民眾去接種疫苗。
柯文哲今天表示COVID-19疫情預估在明年春節前結束另外北市的疫苗護照很快就會上線也將結合臺北通APP、進餐廳分流坐因此呼籲還沒打疫苗的人趕快去打。</t>
  </si>
  <si>
    <t>疫苗表示呼籲柯文哲疫情上線結束出席鬧熱開幕很快app分流餐廳記者會臺北致詞</t>
  </si>
  <si>
    <t>新冠肺炎台灣疫苗護照就會北市</t>
  </si>
  <si>
    <t>疫苗臺灣護照肺炎北市</t>
  </si>
  <si>
    <t>中年人實在提早打更爽約疫苗</t>
  </si>
  <si>
    <t>疫苗預約系統昨啟動今、明兩天預計共174萬劑AZ疫苗抵台但由於先前猝死消息頻傳導致長者不敢或不想打AZ。對此台中榮總呼吸加護病房主任傅彬貴發文呼籲開放「爽約劑施打」畢竟醫護全副武裝出動也是成本把</t>
  </si>
  <si>
    <t>az疫苗全副武裝醫護畢竟施打爽約開放呼籲發文出動啟動主任病房明兩天預計呼吸長者導致消息</t>
  </si>
  <si>
    <t>疫苗預約系統昨啟動今、明兩天預計共174萬劑AZ疫苗抵台但由於先前猝死消息頻傳導致長者不敢或不想打AZ。對此台中榮總呼吸加護病房主任傅彬貴發文呼籲開放「爽約劑施打」畢竟醫護全副武裝出動也是成本把機會讓給苦苦等候的中年人盡早將疫苗覆蓋率提升到30％感覺比施行殘劑預約更實在。
傅彬貴日前在臉書發文表示開放「爽約劑施打」讓養家活口的中年人可以提早打到疫苗比搞殘劑預約還要實在。畢竟每次大批的醫護人員全副武裝出動也是社會成本如果預約接種疫苗的人爽約那就視同放棄把機會讓給苦苦等候施打的50歲以上成人盡快將疫苗施打率提升至30％「你不想打就讓給別人打」。
貼文引起討論不少網友留言支持不想打就別佔著名額。「支持讓想打的人打不想打的別佔著名額」、「把疫苗的施打順序趕快往後延不打就跳過去讓後面想打的趕快打這樣施打率反而能提高」、「還有預約率不到六成隔天就開放下一個類別施打地方可以每天公開滾動修正」、「同意並支持爽約=放棄」。
今天將有61萬劑政府自購的AZ疫苗抵台明天則有113萬劑日本第二批捐贈的AZ疫苗送達但由於先前傳出多例打AZ後猝死讓許多年長者害怕甚至出現一波緩打潮對此中央流行疫情指揮中心指揮官陳時中先前表示下一波會馬上做意願調查看看哪些疫苗真的沒人打如果有就會拿出來往下開放。</t>
  </si>
  <si>
    <t>疫苗施打預約az爽約開放先前支持讓給表示對此猝死可以放棄實在</t>
  </si>
  <si>
    <t>新冠肺炎疫苗AZ爽約台灣</t>
  </si>
  <si>
    <t>疫苗肺炎az爽約臺灣</t>
  </si>
  <si>
    <t>疫情肺炎最新數字大陸曝光</t>
  </si>
  <si>
    <t>截至4月01日9時全大陸累計報告確診病例82613例現有確診病例3059例境外輸入771例；海外現有確診病例636842例。</t>
  </si>
  <si>
    <t>確診病例大陸累計報告現有境外海外輸入截至</t>
  </si>
  <si>
    <t>武漢肺炎新冠肺炎大陸確診海外</t>
  </si>
  <si>
    <t>肺炎大陸確診海外武漢</t>
  </si>
  <si>
    <t>影響陳鎮川工作找事疫情阿妹名車</t>
  </si>
  <si>
    <t>新冠肺炎肆虐持續數月多數演藝活動等工作取消或延期去年底休長假至今的張惠妹今年的工作計劃全部暫緩連去年底提到的新專輯進度同樣毫無下落她的經紀人陳鎮川今表示：「妹的工作確實有受到影響目前完全</t>
  </si>
  <si>
    <t>工作去年底確實演藝持續表示活動經紀人同樣下落陳鎮川毫無進度受到取消專輯延期提到暫緩長假計畫張惠妹今年肆虐影響</t>
  </si>
  <si>
    <t>新冠肺炎肆虐持續數月多數演藝活動等工作取消或延期去年底休長假至今的張惠妹今年的工作計劃全部暫緩連去年底提到的新專輯進度同樣毫無下落她的經紀人陳鎮川今表示：「妹的工作確實有受到影響目前完全靜下來新專輯連開案都還沒。」陳鎮川近來為高級名車代言他謙稱自己半開玩笑跟朋友說上半年演唱會都取消了「就找點好玩的事做做」廣告近日曝光阿妹卻還沒看過陳鎮川笑回：「我哪好意思跟她討論會害羞啦。」
陳鎮川是知名填詞人、製作人、舞臺導演製作無數大型活動及頒獎典禮其中包括海內外2、3000場演唱會並且擔任經紀人成功打造張惠妹、羅志祥、林憶蓮及艾怡良等天王天后近年不少廠商邀約代言都被他婉拒年初車商邀合作好不容易才讓他點頭陳鎮川說：「主要是產品的廣告文案比較回歸個人  沒那麼像在賣東西的感覺不然我會覺得很糗。」
他擔任《連環泡》編劇時買了人生第一部車「主要是因為住北投交通不方便那時侯買車貸款貸了不少第一部車沒選擇二手車主要是我本身有一點潔癖」他喜歡在車上聽音樂、大聲唱歌抒發負面情緒 「而且我不喜歡開快車我開車很慢喜歡看沿途景色、路邊人事物」。他住家離公司近、經常為了工作到處飛很少時間開車的他把車子視為房子、甚至避難所「因為我的工作跟音樂有關要聽得非常仔細我不知道為什麼必須在車子裡聽音樂才聽得進去這個習慣直到現在還是這樣」。</t>
  </si>
  <si>
    <t>工作陳鎮川音樂廣告車子擔任演唱會張惠妹取消喜歡經紀人開車專輯去年底</t>
  </si>
  <si>
    <t>陳鎮川張惠妹新冠肺炎武漢肺炎新冠狀病毒</t>
  </si>
  <si>
    <t>肺炎張惠妹武漢陳鎮川病毒</t>
  </si>
  <si>
    <t>全面體溫台鐵</t>
  </si>
  <si>
    <t>交通部因應新冠肺炎將啟動所有場站量測體溫措施交通部次長王國材表示5月1日起台鐵241站都要全面量體溫。王國材說交通部主管包括客運場站、航空站、郵局、國道服務區、風景區及主題樂園、4月1日起旅客及民</t>
  </si>
  <si>
    <t>交通部場站王國材主題樂園風景區國道肺炎服務郵局啟動航空站客運包括台鐵全面主管測體溫表示體溫措施次長</t>
  </si>
  <si>
    <t>交通部因應新冠肺炎將啟動所有場站量測體溫措施交通部次長王國材表示5月1日起台鐵241站都要全面量體溫。
王國材說交通部主管包括客運場站、航空站、郵局、國道服務區、風景區及主題樂園、4月1日起旅客及民眾都要量體溫。其中高鐵4月1日起臺北、桃園、台中、左營、台南等5站都要量體溫4月6日起高鐵12站都要用紅外線量體溫。
台鐵部分已要求4月1日台鐵南港等22個大站全部都用紅外線體溫偵測儀量量體溫其餘小站目前因額溫槍陸續採購中所以目標就是5月1日起全部241站統統都要量體溫人員不足部分小站先由列車長幫忙 其餘場部分則僱請臨時人員協助。
交通部也說相關防疫措施包括搭車戴口罩避免民眾返鄉掃墓產生交叉感染運輸業者宣導民眾配戴口罩並販賣棉布口罩。
全面量測體溫鐵路、客運主要場站、國內航線航空站、國道服務區、國家風景區及主題樂園4月1日起旅客入口(或閘門)量測體溫超過375度將勸導返家休息或就醫。
此外也會加強消毒頻次場站及運具原則每日至少消毒1次並視需要增加次數(高鐵列車每一往返1次、公路客運每6小時1次)。並減少人潮聚集國道服務區推出簡易賣場減低大廳人潮；臺北站等18個車站至4月30日停止場地租借及舉辦活動。</t>
  </si>
  <si>
    <t>體溫場站交通部民眾客運測體溫口罩人潮高鐵服務國道措施包括小站消毒王國材全面紅外線</t>
  </si>
  <si>
    <t>新冠肺炎COVID-19武漢肺炎新型冠狀病毒王國材</t>
  </si>
  <si>
    <t>肺炎武漢covid-冠狀病毒王國材</t>
  </si>
  <si>
    <t>發現對抗研究肺炎益處</t>
  </si>
  <si>
    <t>蝦紅素可不只拿來護眼還有很多不同的應用。因為其抗氧化、抗發炎的功能已經被證實對皮膚、心血管、神經有保護作用甚至能對抗新冠肺炎。●蝦紅素可以對抗新冠肺炎？研究推論能降低肺部發炎蝦紅素是一種脂溶性的</t>
  </si>
  <si>
    <t>發炎對抗肺炎還有已經心血管證實皮膚神經保護作用甚至肺部降低推論研究不同應用氧化素是</t>
  </si>
  <si>
    <t>蝦紅素可不只拿來護眼還有很多不同的應用。因為其抗氧化、抗發炎的功能已經被證實對皮膚、心血管、神經有保護作用甚至能對抗新冠肺炎。
●蝦紅素可以對抗新冠肺炎？研究推論能降低肺部發炎
蝦紅素是一種脂溶性的抗氧化營養素又稱蝦青素、藻紅素存在於紅球藻類和海洋生物體內一般熟知蝦紅素的功效是對抗眼部疲勞而在新冠肺炎肆虐之際科學家看中它的抗氧化效果發現可能可以降低新冠肺炎對身體的危害。
一篇2020年發表在《生物醫學與藥物療法（Biomedicine &amp; Pharmacotherapy）》期刊的研究研究員塔盧達（Jayanta Talukdar）指出蝦紅素能抑制發炎物質NF-kB的活化信號進一步降低細胞免疫風暴的風險和肺部發炎的程度。
聯新國際醫療、聯新營養總營養師呂美寶則指出從相關資料和推論都指出蝦紅素在對抗新冠肺炎有正面效益但目前都還只是推論、沒有相關的人體或動物研究要對抗新冠肺炎要吃多少、吃多久都還不清楚未來還需要更多研究。
中國醫藥大學新藥開發研究所近期針對蝦紅素做了體外實驗。該研究所副教授陳曄指出目前已知維生素C能抑制新冠病毒而研究發現同為抗氧化劑的蝦紅素能抑制新冠病毒Mpro繁殖酵素、降低傳染力效果比維生素C還好「近來因為製造方式日新月異蝦紅素取得愈來愈方便因此相關的體內研究會持續進行。」
●皮膚、血管都用得到　蝦紅素的3大好處
1在人體實驗中每天吃2～12毫克蝦紅素（大多數研究為6克）可以減少皺紋、增加皮膚彈性和潤澤度。
在2017年一項隨機分配、雙盲、安慰劑控制的試驗（double-blind placebo-controlled trials）中65名女性試驗者隨機分成3組：每天吃6毫克、12毫克和安慰劑。16週之後安慰劑組的皺紋和皮膚潤澤度大幅下降另外兩組都能改善皮膚問題而每日12毫克的效果更為顯著。該研究刊登在《臨床生化及營養（journal of clinical biochemistry and nutrition）》期刊中。
主要研究員富永久美（Kumi Tominaga）指出該實驗是在日本8月～12月之間受試者同時也受到紫外線、乾冷等等環境影響如此更顯示蝦紅素的抗氧化效果可以延緩皮膚老化、減少環境對皮膚的傷害。
2照顧血管、維持心臟健康
→許多研究證實蝦紅素的抗氧化功能可以維持血管健康：
改善高血壓：2018年一份刊登在《亞太臨床營養（Asia Pacific Journal of Clinical Nutrition）》期刊研究證實每天吃8毫克蝦紅素可以改善第2型糖尿病人的血糖和血壓。該研究表示糖尿病患者常同時有高血壓和高血糖問題因此未來可考慮將蝦紅素當作另一種輔助治療。
→調整膽固醇：一項由東京慈惠會醫科大學附屬柏醫院（Jikei University Kashiwa Hospital）執行的綜合型研究找了61沒有糖尿病、肥胖和高血壓問題、介於25～60歲的人隨機分配安慰劑或每日6、12、18毫克的蝦紅素為期12週結果發現每日食用12毫克能同時降低三酸甘油酯和增加高密度膽固醇（好膽固醇）。
→幫助血流順暢：日本北海道大學研究發現每天吃12毫克蝦紅素、持續4週後使用雷射散斑流動圖（laser speckle flowgraphy）檢視發現在沒有副作用之下血流速得以提升。
3保護腦神經、改善認知功能
老化後可能造成認知功能衰退甚至失智症蝦紅素可能有保護的效果。蝦紅素能幫助身體合成腦源性神經營養因數（BDNF）。BDNF是種蛋白質會調節神經介質傳導、參與神經元生長、分化及重塑維持細胞健康體內較高的BDNF和降低失智症風險有關。
此外已經有許多研究發現蝦紅素可以預防氧化損傷、改善認知功能。日本順天堂大學曾找來96位健康和因為老化而出現記憶力衰退的人每天給予12毫克蝦紅素、持續12週後實驗前後都進行CogHealth battery 的測驗（選擇反應、工作記憶、注意力等等測試）結果發現實驗後測驗成績都顯著提升且沒有副作用。
美國知名的非營利醫學研究機構桑福德・伯納姆・普裡比斯（Sanford Burnham Prebys）研究院研究員葛瑞明（Beth Grimmig）也指出已經有許多研究證據顯示蝦紅素可能可以延緩老化造成的認知障礙對因病而產生的神經退化症狀也有緩解的效果。</t>
  </si>
  <si>
    <t>研究降低皮膚發現指出改善效果大學沒有神經實驗可以氧化營養健康老化功能發炎肺炎研究員</t>
  </si>
  <si>
    <t>康健雜誌蝦紅素營養護眼心血管</t>
  </si>
  <si>
    <t>營養雜誌心血管康健</t>
  </si>
  <si>
    <t>印尼生來確診念書接觸境外新增</t>
  </si>
  <si>
    <t>中央流行疫情指揮中心今(5)日公佈國內新增1例境外移入COVID-19確定病例(案1049)為印尼籍20多歲女性同時也是兩天來第2例印尼境外生來台後確診。指揮中心表示案1049為印尼籍20多歲女性今(2021)年3月21日來臺就</t>
  </si>
  <si>
    <t>印尼中心境外指揮女性新增病例確定國內covid-公佈確診台後表示生來疫情流行中央台就</t>
  </si>
  <si>
    <t>中央流行疫情指揮中心今(5)日公佈國內新增1例境外移入COVID-19確定病例(案1049)為印尼籍20多歲女性同時也是兩天來第2例印尼境外生來台後確診。
指揮中心表示案1049為印尼籍20多歲女性今(2021)年3月21日來臺就學持有搭機前3日內檢驗陰性報告入境時無症狀並至集中檢疫所進行檢疫4月3日由衛生單位安排期滿前採檢於今日確診(Ct值34次日採檢陰性IgM、IgG皆為陽性)自述曾於當地接觸過確診者。因個案入境至今並無症狀且檢疫期間未與他人接觸故無匡列接觸者。
指揮中心統計截至目前國內累計191769例新型冠狀病毒肺炎相關通報(含189901例排除)其中1048例確診分別為932例境外移入77例本土病例36例敦睦艦隊、2例航空器感染及1例不明；另1例(案530)移除為空號。確診個案中10人死亡、1004人解除隔離、34人住院隔離中。</t>
  </si>
  <si>
    <t>確診指揮中心印尼接觸境外陰性入境個案症狀檢疫國內病例女性病毒</t>
  </si>
  <si>
    <t>印尼境外生來台唸書確診境外移入</t>
  </si>
  <si>
    <t>境外念書確診印尼</t>
  </si>
  <si>
    <t>嘉義公園涼亭民眾鐵籠</t>
  </si>
  <si>
    <t>疫情大爆發全台三級警戒嘉義市政府圍堵群聚加強防疫20日對嘉義公園2座涼亭、興嘉公園3座涼亭拉封鎖線還加上菱格網鐵籬市政建設處表示連日來仍有民眾屢勸不聽跨越黃色警戒封鎖線因而加鐵籬且不排除</t>
  </si>
  <si>
    <t>警戒封鎖線嘉義公園涼亭市政府圍堵防疫民眾連日來跨越表示屢勸不聽市政建設黃色加上格網全台加強</t>
  </si>
  <si>
    <t>疫情大爆發全台三級警戒嘉義市政府圍堵群聚加強防疫20日對嘉義公園2座涼亭、興嘉公園3座涼亭拉封鎖線還加上菱格網鐵籬市政建設處表示連日來仍有民眾屢勸不聽跨越黃色警戒封鎖線因而加鐵籬且不排除開罰。
網友檢舉興嘉、嘉義等公園的涼亭連日來仍有民眾聚集且未戴口罩市府人員持續勸導但效果有限勸導人員前腳離開民眾又聚攏在涼亭19日市府拉黃色警戒封鎖線後還是有人跨線進入。
市府建設處副處長羅資政表示15日上週六準三級警戒防疫後已對公園群聚展開勸導連日來仍少數長輩不聽勸20日起三級警戒防疫對公園涼亭強力封鎖並會同警方加強取締。
羅資政表示全市的公園有55座涼亭目前鐵籬封鎖5座涼亭全面檢視所有涼亭視情形採取必要的防疫措施以減少群聚避免防疫破口。</t>
  </si>
  <si>
    <t>涼亭警戒公園防疫市府封鎖線表示民眾嘉義連日來勸導加強封鎖資政黃色人員興嘉必要前腳</t>
  </si>
  <si>
    <t>新冠肺炎台灣 涼亭公園群聚</t>
  </si>
  <si>
    <t>臺灣涼亭肺炎公園</t>
  </si>
  <si>
    <t>微軟警報供應</t>
  </si>
  <si>
    <t>微軟26日（週三）盤後警告由於新冠肺炎疫情蔓延使供應鏈受阻本季負責Windows事業的個人運算部門營收將低於預期。這是繼蘋果之後又一家因大陸疫情衝擊供應鏈而發布財測預警的科技巨擘。受此拖累微軟周早盤開</t>
  </si>
  <si>
    <t>疫情供應微軟拖累巨擘警告科技預警低於部門預期運算肺炎個人事業蘋果windows之後發佈負責</t>
  </si>
  <si>
    <t>微軟疫情windows預警企業供應大陸部門預期可能蘋果科技席爾發佈減少指出運算</t>
  </si>
  <si>
    <t>蘋果企業肺炎微軟部門</t>
  </si>
  <si>
    <t>部門蘋果肺炎微軟企業</t>
  </si>
  <si>
    <t>市場精品全球產業國際</t>
  </si>
  <si>
    <t>貝恩策略顧問（Bain &amp; Company）出具報告指出受新冠肺炎大流行衝擊未來幾個月全球精品銷售額恐將崩跌。貝恩顧問表示包括服飾、珠寶、手錶、美妝品與配件等全球個人奢侈品市場恐將在第二季暴跌約50%～60%。新</t>
  </si>
  <si>
    <t>全球顧問貝恩company報告指出出具暴跌肺炎手錶珠寶服飾流行包括衝擊表示配件未來市場</t>
  </si>
  <si>
    <t>貝恩策略顧問（Bain &amp; Company）出具報告指出受新冠肺炎大流行衝擊未來幾個月全球精品銷售額恐將崩跌。
貝恩顧問表示包括服飾、珠寶、手錶、美妝品與配件等全球個人奢侈品市場恐將在第二季暴跌約50%～60%。
新冠狀病毒去年底最先在中國湖北省爆發迄今全球感染確診人數已經超過380萬人並導致逾26萬9500人喪命。為了防止疫情快速擴大許多國家被迫關閉大部分非必要商店並要求民眾盡可能不要外出。在各地實施封城鎖國政策下國內外旅遊亦已停擺。
儘管越來越多地方開始放寬封鎖措施該顧問公司仍預測2020年全年精品銷售額將介於1800億歐元～2200億歐元（約介於1950億美元～2390億美元）較2019年經估算的2810億歐元下滑20%～35%。</t>
  </si>
  <si>
    <t>全球顧問精品銷售額%~貝恩歐元擴大防止國家被迫疫情非必要關閉商店要求民眾盡可能快速不要外出實施封城鎖國</t>
  </si>
  <si>
    <t>貝恩顧問全球精品銷售崩跌</t>
  </si>
  <si>
    <t>銷售全球精品顧問貝恩</t>
  </si>
  <si>
    <t>武漢拒絕專機背後貼心原因美女曝光</t>
  </si>
  <si>
    <t>28歲港星胡淽喬外貌甜美2009年在烹飪遊戲節目《美女廚房》擔任「美女廚神」走紅胡淽喬和男友過年期間回武漢過年沒想到新冠疫情爆發後武漢宣佈封城胡淽喬為了陪伴男友自願留在當地一個多月來也不斷透過社</t>
  </si>
  <si>
    <t>男友武漢過年美女當地留在外貌自願遊戲甜美烹飪陪伴走紅喬和疫情爆發想到宣佈封城節目廚房</t>
  </si>
  <si>
    <t>28歲港星胡淽喬外貌甜美2009年在烹飪遊戲節目《美女廚房》擔任「美女廚神」走紅胡淽喬和男友過年期間回武漢過年沒想到新冠疫情爆發後武漢宣佈封城胡淽喬為了陪伴男友自願留在當地一個多月來也不斷透過社群網站讓外界知道當地情況。近日香港政府派專機接回滯留武漢港人胡淽喬也被問到是否會搭專機返回香港但她卻斷然拒絕並曝光背後原因。
胡淽喬就透露近來被許多人詢問她是否會搭專機回港她表明不會並坦言雖然自己很想回香港但目前武漢還沒有解除封城就算回到香港她也要被隔離14天胡淽喬認為還是在當地「自我隔離好了」。
胡淽喬同時指出除了隔離問題之外她不搭專機還有另一個原因因為她認為自己不是慢性病患者也不是要趕著考試的學生基於沒有迫切返港的需求所以她決定把座位讓給更需要的人。
胡淽喬自願留在武漢目前待在郊外農村的她連日來透過社群媒體分享疫情現況卻無端被網友攻擊加上日前收到日本朋友寄來裝著口罩等各種防疫產品的包裹讓她很無奈「日本人會說武漢加油、香港人卻惡言相向、落井下石不知道那些幸災樂禍的人是生長在一個欠缺愛的家庭沒有同理心的人如何教育下一代」？胡淽喬最後感嘆一場疫情看盡了人生百態。
更多 CTWANT 報導</t>
  </si>
  <si>
    <t>武漢香港專機疫情沒有當地日本知道原因隔離透過男友目前封城</t>
  </si>
  <si>
    <t>胡淽喬美女廚神武漢新冠肺炎武漢肺炎</t>
  </si>
  <si>
    <t>武漢美女肺炎</t>
  </si>
  <si>
    <t>國手臉色關鍵經濟命脈全球</t>
  </si>
  <si>
    <t>近期印度疫情趨緩為了重振經濟當局逐步解封但遭到公衛專家強烈反對直指若印度太早解除封鎖反而容易引發第三波感染穆迪分析的專家也認為印度政府如何有效控制疫情並提高疫苗接種率將成為印度經濟復</t>
  </si>
  <si>
    <t>印度專家疫情經濟容易引發反而疫苗封鎖感染解除穆迪提高分析控制當局接種有效認為印度政府公衛逐步重振</t>
  </si>
  <si>
    <t>近期印度疫情趨緩為了重振經濟當局逐步解封但遭到公衛專家強烈反對直指若印度太早解除封鎖反而容易引發第三波感染穆迪分析的專家也認為印度政府如何有效控制疫情並提高疫苗接種率將成為印度經濟復甦的重要課題同時也直接影響全球經濟發展。
CNBC報導穆迪分析公司Moody&amp;apos;s Analytics副總裁兼高級分析師Abhishek Tyagi表示印度疫情出現的封鎖與民眾行為模式的改變正抑制經濟活動與金融市場的流通性。
儘管經濟確實因疫情出現停滯但Abhishek Tyagi認為如何避免第三波感染將是更重要的課題「由於疫苗接種率仍然相對較低因此存在持續感染的風險這可能會促使政府再採取進一步的封鎖措施。」
因此如何盡速控制疫情並提高疫苗施打率將成為印度復甦經濟的重要關鍵他說：「政府如何限制病毒傳播並大幅增加疫苗接種率將對經濟復甦產生直接影響同時也牽動世界局勢。」
由於印度為第六大經濟體且是全球經濟成長的主要貢獻者5月印度疫情爆發後引來部分專家下修其經濟成長預測並認為印度的疫情將左右全球經濟狀況美國商會也曾警告多家跨國企業的後勤支援部門是由數百萬名的印度勞工負責運作因此印度的疫情危機可能拖累美國甚至對全球經濟帶來危機。</t>
  </si>
  <si>
    <t>經濟印度疫情全球專家封鎖感染分析認為疫苗接種重要政府可能穆迪出現abhishek課題復蘇tyagi控制影響成長直接危機</t>
  </si>
  <si>
    <t>全球印度疫情新冠肺炎經濟命脈</t>
  </si>
  <si>
    <t>疫情肺炎印度經濟命脈全球</t>
  </si>
  <si>
    <t>遴選市集加速成長逆風團隊科技</t>
  </si>
  <si>
    <t>新冠肺炎延燒至今影響各產業甚巨新創投資市場信心更是受到動搖。然而台灣創新能量豐碩新型態的服務與產品不斷出現仍然有龐大的資金或企業資源需求創夢市集今年選出可進入加速育成階段的團隊漁拓等9家新</t>
  </si>
  <si>
    <t>至今影響加速產業進入選出新創今年市集投資市場信心需求更是資源受到企業動搖臺灣資金龐大</t>
  </si>
  <si>
    <t>團隊新創投資市集資源服務企業輔導影響國際創新市場商業模式挹注獲得加速透過階段希望臺灣不同包含</t>
  </si>
  <si>
    <t>創夢市集新創網銀國際、橘子華義昱泉</t>
  </si>
  <si>
    <t>國際新創橘子市集華義昱泉</t>
  </si>
  <si>
    <t>消息嘉玲拜年歡度陳時中情人節</t>
  </si>
  <si>
    <t>今天是大年初三國內新冠肺炎再度零確診農曆牛年以來今天已是連續2天境外、本土都加零。中央流行疫情指揮中心指揮官陳時中親自主持記者會與大家拜年並表示上次2天0確診已是109天前希望這樣的情況可以繼續。</t>
  </si>
  <si>
    <t>已是確診今天國內肺炎中心指揮官指揮陳時中親自主持疫情上次流行中央再度記者會表示都加零拜年本土境外連續農曆牛年以來希望</t>
  </si>
  <si>
    <t>今天是大年初三國內新冠肺炎再度零確診農曆牛年以來今天已是連續2天境外、本土都加零。中央流行疫情指揮中心指揮官陳時中親自主持記者會與大家拜年並表示上次2天0確診已是109天前希望這樣的情況可以繼續。
陳時中表示社區回溯採檢部分應採3501人已採3423人其中3414人為陰性有78人因為離境或已經死亡所以沒辦法採剩下9位已安排採檢；部立桃園醫院全體工作人員血清檢查部分1759人已採1758人都是陰性僅第二階段血清抗體有一人待採檢預計2月16日採檢以及第一階段血清抗體有1人呈弱陽性須二採將在2月15日採檢。
為何今日零確診還是開了疫情記者會？陳時中表示其實這是和大家有約原本指揮中心說好要放假2天怕今天爽約所以還是開了記者會。在今天的記者會後陳時中也特別給媒體送上巧克力祝福大家新年快樂、情人節快樂。
截至目前國內共累計937名新冠肺炎確診案例分別為821例境外移入77例本土病例36例敦睦艦隊、2例航空器感染及1例比利時工程師；另1例江蘇台商（案530）移除為空號。
指揮中心提醒春節期間民眾走春拜年、出入公共場所的機會增加由於許多場所具有不易保持社交距離或會近距離接觸不特定對象(不認識的人)的特性有較高的感染與傳播風險因此提醒民眾出入公共場所或無法與他人保持社交距離時請務必佩戴口罩；同時也請落實勤洗手、咳嗽禮節等個人衛生習慣以降低感染風險。</t>
  </si>
  <si>
    <t>確診今天表示指揮中心陳時中感染血清記者會距離已是拜年公共場所提醒保持本土國內境外出入疫情民眾社交</t>
  </si>
  <si>
    <t>越南台灣輸出新冠肺炎陳時中</t>
  </si>
  <si>
    <t>輸出臺灣肺炎陳時中越南</t>
  </si>
  <si>
    <t>授權刁難律師原廠鬆綁關鍵郭董</t>
  </si>
  <si>
    <t>鴻海創辦人郭台銘向疾管署申請BNT疫苗進口指揮中心指揮官陳時中昨表示檔算齊全獨缺一紙「原廠授權書」。前國民黨青年團總團長呂謦煒質疑《藥事法》要求檢附的4項資料中並沒有要求一定要出具「原廠授權書</t>
  </si>
  <si>
    <t>要求原廠授權郭台銘管署申請bnt疫苗進口指揮中心指揮官陳時中表示檔沒有齊全質疑</t>
  </si>
  <si>
    <t>鴻海創辦人郭台銘向疾管署申請BNT疫苗進口指揮中心指揮官陳時中昨表示檔算齊全獨缺一紙「原廠授權書」。前國民黨青年團總團長呂謦煒質疑《藥事法》要求檢附的4項資料中並沒有要求一定要出具「原廠授權書」難道陳時中說的話能夠超越法律？對此律師林智群指出《藥事法》要求檢附的4項資料中包括「國外上市證明或各國醫藥品集收載影本關鍵就在「上市證明」全世界的covid-19疫苗都還沒取得完全核准都還沒上市因此根本不可能提出證明。
呂謦煒指出根據《藥事法》第48-2條規定「因應緊急公共衛生情事之需要」「中央衛生主管機關得專案核准特定藥物之製造或輸入不受第三十九條及第四十條之限制」而《特定藥物專案核准製造及輸入辦法》就是受《藥事法》第48-2條的授權因緊急公共衛生情事所需向衛福部申請輸入特定藥品時只需要檢附以下四項資料：
1 完整預防或診治計畫書及相關文獻依據。其計畫書內容包括因應緊急公共衛生情事之申請目的及足以顯示利益大於風險之資料。
2 所需藥品數量及計算依據。
3 藥品之說明書。
4 國外上市證明或各國醫藥品集收載影本。（無法檢具者應檢附產品製造品質資料、動物安全性試驗報告、人體使用資料及風險利益評估報告替代之）
其中並沒有所謂的「原廠授權書」。
對此律師林智群在臉書發文關鍵字就是「上市證明」目前全世界的covid-19疫苗都還沒取得完全核准都還沒上市是經過緊急授權偷跑的哪來上市證明？
林智群並自行解讀政府要求「原廠證明書」其實是鬆綁上開法律的規定依據新冠肺炎特殊條例第7條：「中央流行疫情指揮中心指揮官為防治控制疫情需要得實施必要之應變處置或措施。」；若真要嚴格遵守法律「郭董哪裡去生上市證明呢？」。</t>
  </si>
  <si>
    <t>上市證明資料授權原廠法律藥品需要申請緊急依據核准要求製造衛生輸入疫苗陳時中情事沒有規定中央指揮</t>
  </si>
  <si>
    <t>新冠肺炎台灣新型冠狀病毒上市證明原廠授權</t>
  </si>
  <si>
    <t>病毒冠狀上市臺灣肺炎證明原廠授權</t>
  </si>
  <si>
    <t>首位南韓隔離驅逐出境拒付外國人台女</t>
  </si>
  <si>
    <t>南韓為防堵新冠肺炎疫情自4月1日起規定不論本國或外國人所有入境者一率要隔離14天。其中一位30多歲的台灣女性因為拒絕繳納定點隔離費用成為第一位未遵規定而被驅逐出境的外國人。韓聯社報導這名台灣女性遊</t>
  </si>
  <si>
    <t>規定外國人臺灣隔離女性肺炎疫情韓聯社驅逐費用成為定點出境入境者報導繳納拒絕南韓</t>
  </si>
  <si>
    <t>南韓為防堵新冠肺炎疫情自4月1日起規定不論本國或外國人所有入境者一率要隔離14天。其中一位30多歲的台灣女性因為拒絕繳納定點隔離費用成為第一位未遵規定而被驅逐出境的外國人。
韓聯社報導這名台灣女性遊客4月初從仁川國際機場入境她起初同意配合防疫政策前往隔離設施但是到了隔天抵達定點隔離區時她卻改口「不願承擔費用」。南韓法務部表示南韓政府已在4月5日晚間將這名台灣旅籍旅客驅逐出境。她也是南韓該項政策實施後第一位因為拒絕待在集中檢疫所而被遣返的外國人。
南韓為防堵新冠肺炎疫情自4月1日起規定不論本國或外國人所有入境者一率要居家或在集中檢疫所隔離14天如果選擇在集中檢疫所隔離費約是每天約10萬韓元（約新台幣2500元）。</t>
  </si>
  <si>
    <t>隔離南韓外國人臺灣政策檢疫所集中定點驅逐規定出境拒絕女性入境者入境同意起初國際機場改口配合</t>
  </si>
  <si>
    <t>3萬元隔離費南韓驅逐出境遣返台人</t>
  </si>
  <si>
    <t>驅逐南韓出境遣返隔離台人</t>
  </si>
  <si>
    <t>事情苛責不該送暖柯文哲疫情北農重要</t>
  </si>
  <si>
    <t>臺北農產運銷公司近日傳出有多位員工染疫北市產發局回應截至昨日為止恐有45人確診衛福部醫福會執行長王必勝已前往瞭解外界質疑北市防疫工作出問題。綠委何志偉今日表示中央派人進駐是象徵性意義此時不該</t>
  </si>
  <si>
    <t>北市進駐近日傳出中央表示何志偉今日員工必勝問題執行長工作防疫前往瞭解外界質疑</t>
  </si>
  <si>
    <t>臺北農產運銷公司近日傳出有多位員工染疫北市產發局回應截至昨日為止恐有45人確診衛福部醫福會執行長王必勝已前往瞭解外界質疑北市防疫工作出問題。綠委何志偉今日表示中央派人進駐是象徵性意義此時不該苛責北市府應該把事情做好也不要再罵來罵去。
何志偉指出北農是大臺北地區最大的農產品集散地不僅僅是北農員工還有批發商很多人都會進出民眾也很擔心食材會不會有問題農委會應該要盡快關注掌握狀況隨時對外說明。
何志偉說中央指揮中心在這個時候進駐主要只是象徵性的意義重點是要實質把事情做好現在絕對不是苛責臺北市政府的時候而是要解決問題如果中央、地方互相指責各黨支持者繼續罵來罵去也只是甩鍋、口水對防疫沒有幫助社會不會樂見。</t>
  </si>
  <si>
    <t>問題中央防疫北市員工應該北農時候事情進駐象徵性意義沒有近日傳出口水前往瞭解</t>
  </si>
  <si>
    <t>新冠肺炎台灣 何志偉北農苛責</t>
  </si>
  <si>
    <t>臺灣何志偉肺炎北農苛責</t>
  </si>
  <si>
    <t>張上淳肺炎需要科學淨化證據血液</t>
  </si>
  <si>
    <t>今日上午衛福部桃園醫院利用「血液淨化」技術治癒新冠肺炎重症病患但中央流行疫情指揮中心專家小組召集人張上淳說這是單一個案未來能否採用相同方式治療其他病患還需要更多科學上的證據才能確認。張上淳說</t>
  </si>
  <si>
    <t>張上淳醫院利用血液淨化技術治癒桃園肺炎證據科學重症能否未來單一個案中心召集人小組採用專家指揮</t>
  </si>
  <si>
    <t>今日上午衛福部桃園醫院利用「血液淨化」技術治癒新冠肺炎重症病患但中央流行疫情指揮中心專家小組召集人張上淳說這是單一個案未來能否採用相同方式治療其他病患還需要更多科學上的證據才能確認。
張上淳說在人體面臨嚴重疾病時除疾病本身對人體造成的傷害外還有「細胞激素風暴」也就是人體過度免疫反應造成的傷害。
張上淳解釋血液淨化治療有兩種方式可以透過藥物壓制或是置換血漿將過高的激素移除避免細胞激素風暴造成的傷害。
張上淳以國內新冠肺炎患者為例提到有些病例的介白質6含量特別高可以用抗IL-6藥物來治療而桃園醫院這次嘗試的結果是好的但未來還需要更多證據才能確認能否用在其他案例治療上。</t>
  </si>
  <si>
    <t>張上淳治療人體傷害造成激素醫院可以藥物血液桃園淨化方式未來肺炎風暴能否確認才能需要證據</t>
  </si>
  <si>
    <t>血液淨化新冠肺炎張上淳治療傷害</t>
  </si>
  <si>
    <t>肺炎張上淳治療淨化傷害血液</t>
  </si>
  <si>
    <t>謝金河底部廝殺多空關鍵</t>
  </si>
  <si>
    <t>美國股市近日陷入瘋狂一日暴跌、一日暴漲。財信傳媒董事長謝金河警告美股多空廝殺激烈並非底部現象實質上多頭正且戰且退最核心的問題是美國必須盡快研發出疫苗對抗病毒以及川普的救市方案不能是空包彈。</t>
  </si>
  <si>
    <t>傳媒董事長謝金河暴跌警告川普多空病毒廝殺對抗激烈疫苗並非底部現象實質研發多頭儘快必須美國</t>
  </si>
  <si>
    <t>美國股市近日陷入瘋狂一日暴跌、一日暴漲。財信傳媒董事長謝金河警告美股多空廝殺激烈並非底部現象實質上多頭正且戰且退最核心的問題是美國必須盡快研發出疫苗對抗病毒以及川普的救市方案不能是空包彈。
美股道瓊指數9日暴跌2千多點創下史上最大跌點美國總統川普立刻跳出來說要全力救市擬推減稅等振興經濟方案激勵美股10日大漲千點。
謝金河在臉書發文指出美國股市3月以來不是大漲、就是大跌例如2日大漲1293點3日大跌785點4日又大漲1173點當天聯準會降息兩碼但5日道瓊又大跌969點6日一度大跌逾千點最後下跌256點9日則是歷史性重挫2013點。乍看之下多空交戰非常激烈但實質上多頭是且戰且退美股頻頻探底創新低。目前美股各大指數多數跌破年線只剩生技醫療及大型Nasaq100及費城半導體指數仍力守在年線上。
謝金河認為短期間來看油價若不再破底公債殖利率不再創低美國重量級五大市值股穩住多頭仍有防守的機會。但最核心的問題仍然是美國必須儘速研發出疫苗抗病毒有效遏阻新冠肺炎疫情蔓延還有川普救市不能打空包彈必須對症下藥。
謝金河表示這次疫情重創全球股市各國政府全力救市南韓政府下禁空令全球央行再度卯足全力寬鬆銀根但資金不能治本這時候疫情必須出現有效轉折重振市場信心才能讓股市重現活力。對美股來說眼前忽而大漲、忽而大跌的刺激景象絕非底部現象川普仍有待加油！</t>
  </si>
  <si>
    <t>謝金河川普美國必須疫情指數全力多頭不能有效多空現象底部暴跌方案激烈</t>
  </si>
  <si>
    <t>美股謝金河股市多頭川普</t>
  </si>
  <si>
    <t>謝金河川普股市多頭</t>
  </si>
  <si>
    <t>白宮蔓延坦承肺炎檢驗工具不夠</t>
  </si>
  <si>
    <t>美國的2019年冠狀病毒疾病（COVID-19）病例不斷增加東西岸都出現確診患者白宮卻在此時承認國內缺乏足夠的病毒檢驗工具組。英國廣播公司（BBC）報導美國副總統彭斯（Mike Pence）表示政府無法於這週達到發送1</t>
  </si>
  <si>
    <t>病毒美國表示pencemike彭斯總統報導政府病例增加covid-西岸出現確診不斷患者bbc白宮英國廣播公司承認檢驗國內缺乏工具足夠疾病</t>
  </si>
  <si>
    <t>美國的2019年冠狀病毒疾病（COVID-19）病例不斷增加東西岸都出現確診患者白宮卻在此時承認國內缺乏足夠的病毒檢驗工具組。
英國廣播公司（BBC）報導美國副總統彭斯（Mike Pence）表示政府無法於這週達到發送100萬份病毒檢驗工具組的目標。
截至今天美國境內死於這種病毒的人數已有12人全國有20州發現病例確診超過200例。
美國食品暨藥物管理局（FDA）局長哈恩（Stephen Hahn）曾在2日媒體簡報中說這週之內將可備妥近100萬份檢驗工具組。
但協調防疫事務的彭斯今天坦承政府無法達成目標。
他視察明尼蘇達州一座工廠時說：「我們現在沒有足夠的檢驗工具來滿足預期會增加的需求。」
他晚間在華盛頓州表示：「要確保檢驗工具能取得我們還有一段距離。」
但彭斯也說下週末之前政府的診斷器材供應商將在全國分發檢驗工具組將可供120萬名美國人檢驗。</t>
  </si>
  <si>
    <t>檢驗工具美國病毒彭斯政府確診增加病例表示目標今天無法足夠全國stephen哈恩hahn局長曾在fda媒體管理局藥物</t>
  </si>
  <si>
    <t>檢驗病毒工具組美國工具</t>
  </si>
  <si>
    <t>檢驗病毒工具美國</t>
  </si>
  <si>
    <t>壽險保戶恐慌疫情加碼</t>
  </si>
  <si>
    <t>一張最高可投保千萬美元、相當新台幣3億410萬元的美元壽險保單在新冠肺炎疫情爆發後的詢問度也提高而且有民眾希望額度還可以再提供。新冠肺炎疫情爆發讓許多人重新思考財務配置的優先順序近期壽險保單也針對</t>
  </si>
  <si>
    <t>壽險爆發肺炎疫情保單財務配置額度優先希望民眾思考順序可以重新提高提供詢問相當台幣近期</t>
  </si>
  <si>
    <t>一張最高可投保千萬美元、相當新台幣3億410萬元的美元壽險保單在新冠肺炎疫情爆發後的詢問度也提高而且有民眾希望額度還可以再提供。
新冠肺炎疫情爆發讓許多人重新思考財務配置的優先順序近期壽險保單也針對此提出比較靈活的設計像是保戶（要保人）可以指定多名受益人及保險金分配順位同時還可以彈性變更保險金受益人、身故保險金可設定為10年、20年的分期定期給付以及每一位受益人可領取的身故保險金的分配比例。
以近日新聞媒體高度關注的鑽石公主號為例遊輪上已經有來自不同國籍超過600人確診誰能預料原本讓人稱羨的郵輪行程竟變成困境之旅。
AIA友邦人壽總經理侯文成表示誰都不願意看到疫情的擴張但很多變故的發生是沒有任何徵兆。病毒之前人人平等所謂「計畫趕不上變化」往往在錯失了機會和時間後影響了自己、家人、甚至整個家族未來的安定幸福以及多代子孫的隱形財富。
目前市場上的美元保單多受到保戶關切以「利率變動型終身壽險」來說有的保單提供6年期、10年期較短年期趨向民眾偏好度之外職業等級1~3級最高投保金額可達1000萬美元。若是以1美元兌換新台幣3041元計算約折合為3億410萬元可藉此確保所指定的受益人在被保險人事故發生後的財務保障降低事故風險所產生的衝擊。</t>
  </si>
  <si>
    <t>保單受益壽險疫情保險金可以發生保戶民眾財務提供指定事故台幣身故投保爆發肺炎最高</t>
  </si>
  <si>
    <t>會議江啟臣防疫who不該國際idu排除參與我國</t>
  </si>
  <si>
    <t>國民黨主席江啟臣昨晚在國際民主聯盟（IDU）的防疫線上會議中與來自60幾個國家的100多位政治人物共同討論國際防疫工作並進行專題報告。江啟臣表示除了宣傳台灣全民努力的防疫成果他更直接表達國際衛生組織（</t>
  </si>
  <si>
    <t>防疫國際江啟臣成果努力全民臺灣表示來自民主聯盟國家宣傳政治會議idu人物共同討論專題報告進行工作昨晚直接表達主席國際衛生組織</t>
  </si>
  <si>
    <t>國民黨主席江啟臣昨晚在國際民主聯盟（IDU）的防疫線上會議中與來自60幾個國家的100多位政治人物共同討論國際防疫工作並進行專題報告。江啟臣表示除了宣傳台灣全民努力的防疫成果他更直接表達國際衛生組織（WHO）不應該排除中華民國。
江啟臣昨晚9時受國際民主聯盟之邀以網路研討會的形式與其他5 位與會成員共同討論民主國家如何應對新冠病毒疫情包括前澳洲總理亞伯特、奧地利歐盟事務部長艾茲達德勒、美國企業研究所研究員戈特利伯、英國貿易政策次長漢茲、美國藥品研究及製造商協會執行副總裁莫希齊茨基。而參加研討會者有超過150名的國際民主聯盟成員及其代表。
江啟臣除了宣傳台灣全民努力的防疫成果也直接表達國際衛生組織不應該排除中華民國。透過參與世界衛生組織更能夠分享台灣防疫經驗對提升世界公共衛生水平作出實質的貢獻。
國際民主聯盟主席加拿大前總理哈伯在會議中也應允將與 IDU政黨會員一同討論協助台灣參與世界衛生組織。
江啟臣說醫療是普世價值台灣參與世界衛生組織更是人權議題不能成為國際政治的角力場。台灣的防疫經驗與傑出的公衛環境有助於國際公衛發展。未來不論任何政黨執政參與WHO是不分朝黨派的共同目標更是國人一致努力的方向。</t>
  </si>
  <si>
    <t>國際防疫臺灣參與民主聯盟共同討論美國世界衛生組織啟臣更是總理研討會成員政黨whoidu努力會議政治國家經驗江啟臣昨晚</t>
  </si>
  <si>
    <t>新冠肺炎江啟臣世界衛生組織國際民主聯盟IDU</t>
  </si>
  <si>
    <t>江啟臣世界衛生組織肺炎國際民主聯盟idu</t>
  </si>
  <si>
    <t>插卡入口處開放進入醫院馬偕</t>
  </si>
  <si>
    <t>新冠肺炎疫情趨緩連續5日0確診。馬偕醫院上月開始要求進入醫院的民眾先在入口處查旅遊史隨著國內有旅遊史的民眾減少該院今宣佈5月4日起取消入口處的健保卡查詢旅遊史作業門診的旅遊史查詢不變。開放進入</t>
  </si>
  <si>
    <t>旅遊入口處民眾查詢醫院進入連續確診馬偕疫情取消減少宣佈肺炎上月開始要求</t>
  </si>
  <si>
    <t>新冠肺炎疫情趨緩連續5日0確診。馬偕醫院上月開始要求進入醫院的民眾先在入口處查旅遊史隨著國內有旅遊史的民眾減少該院今宣佈5月4日起取消入口處的健保卡查詢旅遊史作業門診的旅遊史查詢不變。開放進入醫院的時間也從上午7點半調整為上午7點提醒民眾需戴口罩、配合動線規劃等措施。
馬偕醫院上月20日宣佈民眾進入醫院時必須在入口處插健保卡查檢旅遊史。隨著國外入境人數減少該院今日宣佈5月4日起取消入口處的插卡規定民眾進入馬偕紀念醫院、淡水馬偕紀念醫院、馬偕兒童醫院不需先在門口插健保卡但進入門診醫師仍會進行旅遊史、職業別、接觸史及是否群聚(TOCC)的查驗。
與此同時馬偕醫院也宣佈5月4日起民眾進入醫院的時間將從上午7點半提前至上午7點其餘的措施如陪病、探病規定等仍然維持不變。為減少感染風險馬偕醫院提醒民眾進入醫院應配合入口處噴酒精乾洗手、體溫監測並全程戴口罩、遵守管制措施及動線規劃。自車道進入的民眾也需配合體溫量測、配戴口罩才可開放進入。
對於近期疫情趨緩民眾進入其他醫院的措施是否放寬？台大、長庚、新光、北榮、三總均表示目前仍維持現行措施暫未有變動。五一連假期間馬偕、新光、長庚門診均休診台大、北榮、三總門診則照常提醒民眾留意。</t>
  </si>
  <si>
    <t>進入民眾醫院馬偕措施旅遊門診入口處口罩減少配合提醒宣佈維持是否體溫上午開放</t>
  </si>
  <si>
    <t>馬偕醫院健保卡入口處上午7點新冠肺炎疫</t>
  </si>
  <si>
    <t>上午入口處醫院肺炎馬偕</t>
  </si>
  <si>
    <t>新增肺炎東京日本總計</t>
  </si>
  <si>
    <t>日本富士電視台今天報導東京都內又新增3例新冠肺炎病例總計東京都已有32例；鄰近東京都的神奈川縣今天也新增一例重症病例患者並無海外旅遊史。日本朝日電視台報導神奈川縣今天新增一例病例患者是住在神奈</t>
  </si>
  <si>
    <t>病例東京都新增今天患者報導神奈川縣海外旅遊日本朝日電視臺總計重症肺炎鄰近日本富士電視臺</t>
  </si>
  <si>
    <t>日本富士電視台今天報導東京都內又新增3例新冠肺炎病例總計東京都已有32例；鄰近東京都的神奈川縣今天也新增一例重症病例患者並無海外旅遊史。
日本朝日電視台報導神奈川縣今天新增一例病例患者是住在神奈川縣的50多歲男性上班族14日發燒到攝氏38度今天確診感染肺炎。
這名男性在東京都內的公司上班在醫療機構檢查時呈現陽性目前症狀嚴重。
日本神奈川新聞報導神奈川縣政府表示這名男性患者並沒有海外旅遊史目前正在調查他的活動史及有無密切接觸者。</t>
  </si>
  <si>
    <t>男性今天東京都神奈川縣病例目前患者日本新增肺炎旅遊海外報導活動調查奈川正在史及呈現陽性嚴重症狀檢查醫療機構上班</t>
  </si>
  <si>
    <t>神奈川奈川縣今天神奈川縣日本</t>
  </si>
  <si>
    <t>今天奈川日本神奈川縣</t>
  </si>
  <si>
    <t>公主鑽石確診肺炎</t>
  </si>
  <si>
    <t>就在美國乘客撤離後幾小時厚生勞動省17日宣佈在「鑽石公主」號郵輪上新檢測的504人中又有99人確認罹患新冠肺炎使確診共達454人。據NHK報導這些人中有70人並未出現症狀。至今郵輪上的乘客與工作人員共有17</t>
  </si>
  <si>
    <t>郵輪乘客小時厚生勞動宣佈鑽石至今公主撤離肺炎確診出現症狀確認檢測人中</t>
  </si>
  <si>
    <t>就在美國乘客撤離後幾小時厚生勞動省17日宣佈在「鑽石公主」號郵輪上新檢測的504人中又有99人確認罹患新冠肺炎使確診共達454人。
據NHK報導這些人中有70人並未出現症狀。至今郵輪上的乘客與工作人員共有1723接受檢驗而美國已包機接回約400名該國乘客。
除了1名上船執行公務的檢疫官染病外郵輪上約3700名乘客與工作人員中如今已有454人確診使這艘郵輪成為大陸之外疫情最嚴重的地方。而日本從2月3日開始強制實施的隔離檢疫期即將於19日結束。
由於「鑽石公主」號的病例暴增儼然成了疫區也有24名澳洲人確診。據路透報導澳洲總理莫里森（Scott Morrison）說預定19日派包機接回船上200多位公民。他們將被帶往屬於熱帶氣候的澳洲北部達爾文（Darwin）並再接受14天的隔離檢疫。
此外莫里森說澳洲航空公司（Qantas Airways）包機將提供機上空位接回「鑽石公主」號上的紐西蘭人不過人數尚未確定。而這些紐西蘭人將在達爾文轉機返回紐西蘭。</t>
  </si>
  <si>
    <t>郵輪乘客檢疫確診接回包機公主鑽石澳洲達爾文接受莫里森隔離報導美國工作人員紐西蘭人嚴重地方</t>
  </si>
  <si>
    <t>武漢肺炎新型冠狀病毒全球鑽石公主號日本</t>
  </si>
  <si>
    <t>病毒全球冠狀鑽石肺炎公主武漢日本</t>
  </si>
  <si>
    <t>商務科技微星</t>
  </si>
  <si>
    <t>在電競領域中雄據一方的微星（2377）大動作宣佈跨向商務筆電市場除發布全新MSI Logo更一口氣重整非電競筆電產品線、推出由Summit、Prestige和Modern三大系列組成的商務筆電陣式為其筆電事業在電競之外建立營</t>
  </si>
  <si>
    <t>商務電競微星動作宣佈推出跨向prestige一口氣summit組成logo三大modernmsi市場發佈事業雄據一方產品重整之外</t>
  </si>
  <si>
    <t>在電競領域中雄據一方的微星（2377）大動作宣佈跨向商務筆電市場除發布全新MSI Logo更一口氣重整非電競筆電產品線、推出由Summit、Prestige和Modern三大系列組成的商務筆電陣式為其筆電事業在電競之外建立營運動能的第二隻腳。
微星於9月3日以「登峰造極」為主軸、舉行全球線上虛擬高峰會揭露全新以費式數列與黃金比例為基礎、具簡潔俐落設計的MSI全新商務筆電產品logo。
同時微星亦以「商務＋生產力」全面開展非電競系列的商務筆電新產品線有新推出聚焦高階效能及資安強化的Summit系列外還有與原既有針對創作者、行動工作者優化使用體驗的Prestige和Modern兩系列全面搶進非電競領域的商務利基筆電市場並展現其擴展戰線的決心。
在新冠肺炎疫情肆虐的2020年微星筆電業務暨行銷處總監陳禮群表示這一年雖充滿挑戰但也帶來機會尤因疫情帶動的遠端工作需求更突顯了具高效能、高生產力之商務筆電的重要性。
微星此波發布的全新商務筆電系列皆搭載英特爾第十一代Core i處理器及英特爾新發布的Iris Xe顯示晶片此外全系列亦皆採用超薄鋁製、軍事耐用等級的機殼同時內建TPM 20、提供企業級安全性防護措施。該場發表會中微星也端出首度推出的翻轉螢幕筆電機款Summit E13 Flip更再度打破其過往產品外觀框架、以多彩機身的全新商務筆電搶進市場。預計此回發表的全新商務筆電系列新品將接續於10月起在各市場上市屆時亦可望為微星第四季及明年上半年的筆電事業營運增添一波銷售新動能。</t>
  </si>
  <si>
    <t>商務微星市場summit產品推出發佈電競疫情營運prestigemodern全面事業msi生產力</t>
  </si>
  <si>
    <t>商務筆電搶進系列筆電筆電事業</t>
  </si>
  <si>
    <t>事業商務</t>
  </si>
  <si>
    <t>sars教訓記取臺灣關鍵</t>
  </si>
  <si>
    <t>新冠肺炎疫情全球肆虐各國人心惶惶就有網友指出中港臺都曾經歷過SARS風暴然而卻貌似僅有台灣記取教訓讓他不禁好奇為何會有這樣的落差？貼文一出隨即掀起網友熱議。2003年3月13日台灣爆發首起SARS確診病</t>
  </si>
  <si>
    <t>網友臺灣sars全球肆虐人心惶惶爆發疫情掀起隨即指出經歷落差好奇文一中港臺不禁教訓風暴記取</t>
  </si>
  <si>
    <t>新冠肺炎疫情全球肆虐各國人心惶惶就有網友指出中港臺都曾經歷過SARS風暴然而卻貌似僅有台灣記取教訓讓他不禁好奇為何會有這樣的落差？貼文一出隨即掀起網友熱議。
2003年3月13日台灣爆發首起SARS確診病例直至疫情結束台灣確診人數為346例造成包括醫務人員在內的73人死亡。對此就有網友昨（26日）在PTT「八卦板」以「為啥只有台灣會記取SARS的教訓？」為題PO文指出「台灣以前SARS掛了很多人還搞到封院結果這次新冠肺炎來襲整個台灣都非常警戒緊張程度要說是全世界第一也不為過。」
然而他不解的是這麼多年過去了為何大陸依舊沒記取前車之鑑不重視醫療環境及預防就連香港也不緊張「明明中港臺都經歷過SARS為何只有台灣會記取歷史教訓啊？」
貼文一出隨即掀起網友熱議紛紛留言回應「和平醫院封院太震撼」、「SARS封院真的是讓台灣人印象深刻的關鍵」、「台灣醫療衛生觀念好！最強的人都學醫」、「因為台灣有自知之明是孤兒」、「SARS被搞而且之後一直杯葛台灣進世衛我們只好自立自強」、「被婊過一次若再第二次就只能怪自己傻了」；但也有人吐槽「子彈還沒飛完捏遶境完再誇獎」、「台灣接下來還有好幾關卡要過：媽祖繞境、台商祭祖…神經不要鬆懈」。
另外也有人認為「公衛醫療向來就不是大陸發展重點香港的話純粹就是被帶衰想防堵也防堵不了」、「資源分配問題升級公衛其實是很花錢又看不到政績對岸其實也是政客沉迷一堆經濟建設這種肉眼能看到的政績」、「日韓當年SARS不嚴重」、「香港是政府不緊張人民很擔心」、「香港是人民乾急政府無視氣死他們」。</t>
  </si>
  <si>
    <t>臺灣sars記取網友香港緊張政績指出醫療大陸其實疫情確診教訓</t>
  </si>
  <si>
    <t>新型冠狀病毒新冠肺炎NCP台灣SARS</t>
  </si>
  <si>
    <t>肺炎ncp病毒臺灣冠狀sars</t>
  </si>
  <si>
    <t>唯獨資料非常天方夜譚清零可惜</t>
  </si>
  <si>
    <t>國內每日新增確診數不斷創新低今(5)日新增本土病例降到28例有人認為離「+0」不遠了。民進黨立委鄭運鵬表示以每日確診量到各縣市都可以疫調的規模來看「台灣要清0不會是天方夜譚！」不過他也透露潮水開始退</t>
  </si>
  <si>
    <t>確診新增天方夜譚臺灣規模透露來看可以不遠認為各縣市降到病例民進黨立委鄭運鵬</t>
  </si>
  <si>
    <t>國內每日新增確診數不斷創新低今(5)日新增本土病例降到28例有人認為離「+0」不遠了。民進黨立委鄭運鵬表示以每日確診量到各縣市都可以疫調的規模來看「台灣要清0不會是天方夜譚！」不過他也透露潮水開始退了就知道臺北市雖然擁有最密集的醫療資源確診數卻無法在三級警戒下率先趨近於零非常可惜。
今天全台新增28例本土病例其中仍以臺北市15例最多鄭運鵬在臉書表示確診數低於30就是有信心可以清0的指標不過潮水開始退了就知道臺北市是非常可惜的因為臺北市擁有最密集的醫療資源、平均學歷最高的公務人員確診數卻沒辦法在三級警戒之下率先趨近於零是令人遺憾的結果。
鄭運鵬指出五月以來國人又回到去年的自我防疫意識現在每個人、每個家庭、每個工作環境的防疫工具也都算充足即使有超級傳染源也不容易再大爆發以每日確診量到各縣市都可以疫調的規模來看他認為台灣要清0不會是天方夜譚！
對於部分人士認為社區還有黑數因此不可能清0但他認為只要讓這些極少量的黑數不容易傳播出去就很容易斷鏈也不會影響清0的目標而疫調就是台灣獨步全球的武器。
網友則紛紛回應「還好必勝進駐處理了」、「王必勝要是沒進駐臺北市現在一定還在燒」、「不要再境外移入就好了」也有人建議就算三級解封大家仍不應該放鬆戴口罩、酒精消毒、勤洗手、保持社交距離、別去人潮壅擠的地方等防疫習慣才能保護自己、保護家人。</t>
  </si>
  <si>
    <t>確診認為防疫臺北市鄭運鵬現在不容易可以臺灣可惜表示非常本土</t>
  </si>
  <si>
    <t>清零天方夜譚鄭運鵬疫苗柯文哲</t>
  </si>
  <si>
    <t>鄭運鵬疫苗柯文哲清零天方夜譚</t>
  </si>
  <si>
    <t>az疫苗預計金門</t>
  </si>
  <si>
    <t>針對「COVID-19公費疫苗預約平臺」第8期預約民眾及第1劑AZ疫苗接種滿10周者金門再獲中央配發8600劑AZ疫苗預計今日到貨9／15開打至23日請鄉親多加留意。此次施打的對像是依中央流行疫情指揮中心於9／6公佈第</t>
  </si>
  <si>
    <t>疫苗中央az流行對象留意打的鄉親接種到貨今日預計金門疫情周者配發預約平臺及第</t>
  </si>
  <si>
    <t>針對「COVID-19公費疫苗預約平臺」第8期預約民眾及第1劑AZ疫苗接種滿10周者金門再獲中央配發8600劑AZ疫苗預計今日到貨9／15開打至23日請鄉親多加留意。
此次施打的對像是依中央流行疫情指揮中心於9／6公佈第八期AZ疫苗預約者共有2類第一類對象為9／10(含)前符合AZ第2劑接種間隔滿10周以上民眾接種第2劑；第2類對象為7／19(含)前已意願登記選擇AZ疫苗之滿18歲至22歲民眾接種第1劑。這些接種對象均應於9／10日至9／12完成預約。
縣衛生局說明全縣第8期符合對象有2911人至9／12日平臺截止時間有2368人完成預約接種成功將由部立金門醫院及各鄉鎮衛生所於9月15日至23日施打。
另在7／2(含)前已接種1劑且間隔10周以上者雖未於預約平臺預約仍可逕向14家合約院所預約接種。該局也將視這些對象接種情形滾動式檢討疫苗能量後提供18歲以上尚未接種第1劑疫苗者施打。
該局為加速疫苗接種速度又增加2家合約院所提供接種服務目前全縣累計已有14家包含金門醫院、5鄉鎮衛生所、傅仰賢診所、陳水湖診所、吾家診所、禾心診所、三大診所、健康診所、安仁診所及台大中心診所。</t>
  </si>
  <si>
    <t>接種疫苗預約對象az金門平臺診所中央完成全縣院所醫院提供符合民眾衛生所合約以上</t>
  </si>
  <si>
    <t>診所AZ金門新冠肺炎新冠疫苗</t>
  </si>
  <si>
    <t>肺炎az金門診所疫苗</t>
  </si>
  <si>
    <t>禿頭慘變莫德納</t>
  </si>
  <si>
    <t>接種新冠疫苗常見副作用為注射部位紅腫、頭痛、畏寒及發燒等不過日本一名女子接種完莫德納後竟開始不斷地掉髮令她崩潰地上網查詢相關副作用但始終找不到答案便將其過程PO上網而現在她也接受生髮門診治療</t>
  </si>
  <si>
    <t>上網副作用接種現在po過程常見注射答案部位寒及女子日本發燒開始莫德納紅腫不斷頭痛</t>
  </si>
  <si>
    <t>女子副作用目前疫情莫德納頭髮告知醫師接種進一步掉落上網相關發燒表示出現持續門診</t>
  </si>
  <si>
    <t>掉髮莫德納副作用新冠疫苗新冠肺炎</t>
  </si>
  <si>
    <t>莫德納副作用疫苗肺炎</t>
  </si>
  <si>
    <t>缺席祖維瑞確診掛心父母</t>
  </si>
  <si>
    <t>2020美國網球公開賽男單亞軍小祖維瑞夫賽後致詞透露父母新冠肺炎病毒檢測呈陽性因此這次無法一起到美國紐約為他加油。今年美網男單爭霸小祖維瑞夫在握有兩盤絕對領先優勢下遭奧地利好友提姆逆轉頒獎典禮</t>
  </si>
  <si>
    <t>祖維瑞男單奧地利優勢領先好友絕對亞軍陽性無法一起病毒檢測肺炎美國紐約加油今年在握父母透露</t>
  </si>
  <si>
    <t>2020美國網球公開賽男單亞軍小祖維瑞夫賽後致詞透露父母新冠肺炎病毒檢測呈陽性因此這次無法一起到美國紐約為他加油。
今年美網男單爭霸小祖維瑞夫在握有兩盤絕對領先優勢下遭奧地利好友提姆逆轉頒獎典禮上接過亞軍獎盃時小祖維瑞夫看起來情緒波動頗大致詞時他先感謝父母無怨無悔支持他挑戰網球隨後透露父母這次無法同行的原因。
「我的父母過去不論大小賽事都會到場鼓勵我。」小祖維瑞夫邊講邊眼眶泛淚「但他們在美網賽前確診新冠肺炎不能一同來紐約我很想他們這次美網真的挺難熬的所以我在致詞時展現出比較多感性的一面。」
小祖維瑞夫補充：「他們身體狀況還不錯後來的檢驗結果也呈現陰性但就整場比賽來說握有2盤絕對領先卻在第五盤搶七大戰輸掉真的是很遺憾的一場比賽。我現在心情是挺激動的甚至字不成句壓根記不得我說了什麼過去這兩周對我來說很不好過。」
小祖維瑞夫來自運動家庭爸爸老祖維瑞夫和媽媽伊琳娜過去是代表蘇聯出賽的職業網球選手因此常會在場邊看兒子比賽年長小祖10歲的哥哥大祖維瑞夫同樣在ATP巡迴賽奮戰不過目前單打世界排名261和弟弟的世界第7有段距離。</t>
  </si>
  <si>
    <t>祖維瑞過去比賽父母致詞網球領先絕對無法真的透露亞軍肺炎男單世界排名目前單打</t>
  </si>
  <si>
    <t>父母肺炎瑞夫亞軍致詞時</t>
  </si>
  <si>
    <t>亞軍瑞夫致詞肺炎父母</t>
  </si>
  <si>
    <t>李文亮廣場提議議員付雪潔說話</t>
  </si>
  <si>
    <t>針對美國多位議員要將陸駐美大使館外的路名改成「李文亮廣場」李文亮的遺孀付雪潔表示她對此消息感到難過李文亮若有知一定不會允許有人借他的名義來傷害他的祖國。她懇求各界「讓逝者安息生者前行」。雖</t>
  </si>
  <si>
    <t>李文亮懇求大使館祖國傷害路名名義允許感到難過不會一定有知安息廣場遺孀付雪潔表示消息</t>
  </si>
  <si>
    <t>針對美國多位議員要將陸駐美大使館外的路名改成「李文亮廣場」李文亮的遺孀付雪潔表示她對此消息感到難過李文亮若有知一定不會允許有人借他的名義來傷害他的祖國。她懇求各界「讓逝者安息生者前行」。
雖然美國總統川普改口不再咬定大陸武漢實驗室為新冠病毒的外洩起源但美陸關係陷入僵局仍未解川普政府仍堅定要大陸為全世界遭大流行侵襲負責。此時多位美國重量級議員紛紛提出相關法案也有議員提議要將陸駐美大使館外的路名改成「李文亮廣場」紀念疫情早期階段就提出警告的「吹哨者」陸醫師李文亮讓他的名字永遠不被忘記。
對此付雪潔微博發文稱近日從網上得知有美國議員提案要求把中國駐美使館的一個路段改名為「李文亮廣場」。得知這一消息很是難過。文亮是一名共產黨員深愛他的祖國。他若有知一定不會允許有人借他的名義來傷害他的祖國。真的希望不要再無端勾起傷心事讓逝者安息生者前行。</t>
  </si>
  <si>
    <t>李文亮美國議員祖國廣場大陸川普提出得知付雪潔難過消息有知傷害一定不會名義病毒</t>
  </si>
  <si>
    <t>李文亮廣場付雪潔美國大陸中美關係</t>
  </si>
  <si>
    <t>廣場大陸付雪潔美國中美關係李文亮</t>
  </si>
  <si>
    <t>文本通報who現身羅一鈞po</t>
  </si>
  <si>
    <t>台灣在去年12月曾去函世界衛生組織WHO表示新冠肺炎恐有「人傳人」現象但遭WHO否認陳時中更因此火大公佈電郵全文反擊。不過外界好奇指揮中心的資訊究竟從哪來對此指揮中心發言人莊人祥今天(15日)防疫記者會</t>
  </si>
  <si>
    <t>who中心指揮莊人祥發言人表示好奇外界肺炎反擊全文公佈傳人現象火大陳時中否認今天世界衛生組織對此資訊</t>
  </si>
  <si>
    <t>台灣在去年12月曾去函世界衛生組織WHO表示新冠肺炎恐有「人傳人」現象但遭WHO否認陳時中更因此火大公佈電郵全文反擊。不過外界好奇指揮中心的資訊究竟從哪來對此指揮中心發言人莊人祥今天(15日)防疫記者會上表示是在PTT發現的該篇文章也吸引大批鄉民朝聖如今原PO本人也出面回應低調表示「不用啦 功成不只在我 更何況大局還沒結束」。
去年12月31日淩晨2點多一名網友「nomorepipe」在八卦版PO出問卦文「武漢疑爆發非典型肺炎冠狀病毒群聚感染？」。莊人祥指出當時疾管署副署長羅一鈞淩晨5點多睡不著因此瀏覽PTT時發現此文瞭解情形後便立即回報工作群組著手準備防範疫情。
這篇被視為「台灣吹哨文」的護國神文如今被挖出也吸引大批鄉民朝聖甚至有人提議該把PO文的nomorepipe列入PTT名人堂不久後nomorepipe本人也在底下回文表示「不用啦 功成不只在我 更何況大局還沒結束」也讓鄉民興奮不已直說「神串留名」、「本人出現啦!!」、「朝聖推」、「我媽問我為何跪著看PTT」。</t>
  </si>
  <si>
    <t>表示pttpo朝聖who莊人祥nomorepipe鄉民淩晨發現指揮中心去年臺灣如今結束吸引不用</t>
  </si>
  <si>
    <t>羅一鈞PTTWHO指揮中心WHO</t>
  </si>
  <si>
    <t>指揮羅一鈞who中心ptt</t>
  </si>
  <si>
    <t>訊息房租房東冷想念南部傳訊人情味女星</t>
  </si>
  <si>
    <t>受到新冠肺炎疫情影響三級警戒至今已經超過一個月不僅許多店家生意受到影響就連藝人也因為工作喊卡導致收入銳減。對此八點檔女星璟宣透露因為疫情關係詢問房東是能否調整房租？沒想到卻得到讓她傻眼的答</t>
  </si>
  <si>
    <t>疫情影響受到想到房租調整能否得到房東詢問關係銳減收入透露導致女星對此工作警戒藝人至今店家</t>
  </si>
  <si>
    <t>受到新冠肺炎疫情影響三級警戒至今已經超過一個月不僅許多店家生意受到影響就連藝人也因為工作喊卡導致收入銳減。對此八點檔女星璟宣透露因為疫情關係詢問房東是能否調整房租？沒想到卻得到讓她傻眼的答案立刻引起網友議論。
璟宣昨（18日）在Instagram限時動態發文透露因為新冠肺炎疫情爆發導致這段期間收入受到很大影響便詢問房東是否能在房租上做些調整？沒想到對方回覆一張紓困專案的圖片要她去申請後就「已讀不回」讓在此處租房許久的她坦言收到這般回應相當難過但換個角度想或許房東也有自己的困難只能安慰自己「退一步海闊天空」但也不禁感嘆：「頓時令人想念南部的人情味」。
此外璟宣曬出與「疾管家」的對話紀錄從內容得知已接種疫苗過了5週她透露疾管家每週都會傳訊息關心接種疫苗後的狀況不由得開始想念起工作、家人、朋友以及能夠自由活動的日子更無奈表示：「我生病了生了相思病」看得出來心情相當低潮。
璟宣之前傳出為了賺錢養兩個兒子長年累月下來身體累出毛病根據《三立新聞網》報導她到婦產科照超音波時被醫生告知「子宮萎縮提早老化」可能因此不孕對此她也於IG發文報平安：「謝謝大家的關心關於報導內容提到我的健康出了些狀況是前兩年拍八點檔時現在都很好。」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房東透露影響疫情受到相當肺炎身體告知工作新聞網報導務必對此狀況關心內容發文</t>
  </si>
  <si>
    <t>璟宣房租八點檔新冠肺炎疾管家</t>
  </si>
  <si>
    <t>肺炎房租管家</t>
  </si>
  <si>
    <t>可人感染症狀傳人院內醫師憂心</t>
  </si>
  <si>
    <t>國內爆發首例院內感染第34例患者後續衍生出院內群聚感染但誰是感染源？疫情指揮中心還無法判斷。陳時中指出無症狀者是可能存在的大家只能提高警覺。有專家懷疑台灣是不是已經出現了超級傳播者？針對此案</t>
  </si>
  <si>
    <t>感染院內臺灣中心懷疑無法判斷警覺指揮專家陳時中提高指出症狀存在可能患者後續衍生已經</t>
  </si>
  <si>
    <t>國內爆發首例院內感染第34例患者後續衍生出院內群聚感染但誰是感染源？疫情指揮中心還無法判斷。陳時中指出無症狀者是可能存在的大家只能提高警覺。有專家懷疑台灣是不是已經出現了超級傳播者？針對此案媒體詢及無症狀可人傳人？台灣兒童感染症醫學會理事長李秉穎表示他擔心很容易出現防疫漏洞。
案34例是退休婦人從2月14日因低血糖、全身倦怠情形掛急診並收治住院當時沒有呼吸道症狀；直21日起才出現咳嗽發燒症狀隨後醫院通報送驗後確診。第34例患者成為關鍵注意個案是因為之後新增的四例案34是在醫院的接觸者包括1名清潔工（案35）及3名護理人員（案36至38）。外界擔心這是否代表案34無症狀的一個禮拜恐怕傳染給清潔工跟3位護理師？有醫師認為這是國內首度證實沒有症狀也會人傳人的案例。
但誰是感染源？目前仍須要再追查更有專家持不同看法是萬一是清潔工（案35）傳染給案34與護理師的感染途徑的話可能問題更大這代表恐怕早有院內感染。
媒體詢及新冠肺炎疫情是否無症狀時也可能會人傳人？ 台灣兒童感染症醫學會理事長李秉穎則說：「這個病毒因為重症比例不是那麼高無症狀跟輕症的病人都可能會把病毒傳染給別人很難掌控它也很容易出現防疫漏洞出現我們沒有預期內的社區感染它的管控沒有辦法像SARS很容易辨識病人的確是值得憂慮的地方。」
雖然陳時中進一步表示案34例還沒有辦法說她是院內感染目前推測她是在社區裡面得到2/14入院2/21出現呼吸道狀況這樣看起來院外感染的可能性高目前還是維持瞭解中有待釐清指揮中心會再把疫調做得更清楚再向國人報告。但他也說如果真如專家所言那麼醫院內其他案例早就爆發了院內感染是全世界都害怕因此要做好準備措施。</t>
  </si>
  <si>
    <t>感染症狀出現沒有可能院內醫院專家目前臺灣傳染給清潔工容易呼吸道病人</t>
  </si>
  <si>
    <t>案34無症狀院內群聚感染人傳人李秉穎</t>
  </si>
  <si>
    <t>感染院內症狀傳人李秉穎</t>
  </si>
  <si>
    <t>林場踏青遠離疫情煩憂新化</t>
  </si>
  <si>
    <t>今年剛入選交通部觀光局經典小鎮的台南市新化區防疫期間民眾往郊外走部分民眾到中興大學新化林場園區外的造林區登山健行常因迷路或體力不支打電話請消防救護人員協助新化林場呼籲遊客林場內步道維護完善</t>
  </si>
  <si>
    <t>新化林場民眾經典小鎮南市防疫期間協助打電話體力不支迷路常因人員登山救護中興大學交通部觀光局造林區園區遊客呼籲郊外</t>
  </si>
  <si>
    <t>今年剛入選交通部觀光局經典小鎮的台南市新化區防疫期間民眾往郊外走部分民眾到中興大學新化林場園區外的造林區登山健行常因迷路或體力不支打電話請消防救護人員協助新化林場呼籲遊客林場內步道維護完善購買門票入場安全較有保障。
新化林場面積廣達378公頃擁有台灣最大的桃花心木森林目前正值桃花心木落葉時期林場步道彷彿鋪上一層柔軟地毯。林場前山收費開放遊客入園遊憩面積達90公頃有餐廳、教室、旅宿、步道林道有工作人員維護新冠肺炎疫情爆發以來週末入園人數較往年增加2、300人。
新化林場後山還有上百公頃的造林地也常見遊客登山。由於後山並無專人維護步道而且山路複雜常有遊客迷路或體力不支台南市府消防局新化分隊常接到救護任務民眾還搞不清楚所在地點徒增救護人員困擾。
為協助民眾確認自己所在地點新化分隊與林場員工至後山各路線掛設救援定位點標誌方便民眾回報位置。新化林場場長吳佾鴻呼籲民眾林場前山設備完善步道有專人維護安全有保障雖然入園全票80元但市民、警消、教師、學生都有折扣門票還可以抵消費。
今年是新化林場百周年目前推出森林野餐日活動拍照打卡請喝咖啡還有機會獲得百年慶紀念品。此外新化林場也是台南3大賞螢地點之一夜間賞螢有專人導覽活動即日起開放報名歡迎民眾來享受森林浴呼吸清新空氣。</t>
  </si>
  <si>
    <t>林場新化民眾步道遊客維護地點後山救護專人活動門票開放登山面積迷路體力不支分隊台南森林目前</t>
  </si>
  <si>
    <t>公頃地點新化林場新化步道</t>
  </si>
  <si>
    <t>步道新化林場地點</t>
  </si>
  <si>
    <t>集體眾怒逃難衝擊主人畫面曝光</t>
  </si>
  <si>
    <t>越南一對夫妻確診新冠肺炎後地方官員擔心狗會傳播病毒下令撲殺這對夫妻及親戚飼養的15隻狗及1隻貓引爆越南社會怒火。當初這對夫妻騎機車載著所有毛小孩逃離疫情的畫面也在網路上瘋傳。綜合越南快訊（VnExpress</t>
  </si>
  <si>
    <t>夫妻越南畫面網路上疫情逃離小孩機車肺炎地方官員擔心怒火當初傳播社會</t>
  </si>
  <si>
    <t>越南一對夫妻確診新冠肺炎後地方官員擔心狗會傳播病毒下令撲殺這對夫妻及親戚飼養的15隻狗及1隻貓引爆越南社會怒火。當初這對夫妻騎機車載著所有毛小孩逃離疫情的畫面也在網路上瘋傳。
綜合越南快訊（VnExpress）、越南《青年報》（Tuoi Tre）報導49歲越南男子範明興（Pham Minh Hung）與妻子在南部隆安省（Long An）工作但因為當地新冠疫情嚴峻嚴重影響一家生計夫妻倆於是決定前往更南部的金甌省（Ca Mau）投靠親戚。
夫妻倆在8日啟程他們騎著一台摩托車帶上15隻狗兒出發跟隨妻子的親戚前往金甌省妻子的親人一家也帶了3隻狗及1隻貓。
范明興夫妻的15隻狗包含4隻成犬及11隻幼犬當他們抵達金甌省範明興先把2隻小狗送給別人之後再繼續驅車前往親戚家。
當一行人終於抵達親戚居住的社區時所有人卻被驗出確診新冠肺炎快篩及PCR病毒檢測全數呈現陽性他們隨即被轉進醫院治療。
地方官員擔心這些狗兒身上也帶有新冠病毒於是說服夫妻倆讓他們撲殺。範明興昨（10）日證實他的13隻狗都被撲殺了親戚的貓及狗兒也將面臨同樣命運。
金甌省地方官員撲殺無辜貓狗的行為引爆越南社會怒火泰國「清萊時報」（Chiang Rai Times）報導雪梨科技大學（University of Technology Sydney）教授阮端（Tuan Nguyen音譯）在臉書發文痛批撲殺動物的行為「不科學、殘忍、而且不道德」他強調科學上沒有證據顯示狗會傳播新冠病毒。
越南網友也開始轉發范明興夫妻騎車載著13隻狗遠征300公里的照片及影片。根據Google地圖估算隆安省與金甌省相距約300公里開車約要6小時。
其中一張相當衝擊的照片顯示範明興的機車綁著大包小包前座腳踏板區域坐了一隻黑狗及一隻黃狗後座也坐了一隻黃狗由於下雨後座的黃狗還穿上雨衣機車最後邊的扶手似乎還綁了一台電風扇。
Khoảng 13 giờ ngày 8-10-2021 vợ chồng ông Phạm Minh Hùng (49 tuổi) cùng vợ chồng người em vợ từ Long An về Cà Mau có mang theo 15 con chó (4 chó lớn và 11 chó con) từ Long An về Cà Mau tránh dịch bị chính quyền địa phương tiêu hủy pictwittercom/90bjyrLcwf
針對地方官員撲殺無辜的貓狗金甌省人民委員會已要求對這起事件展開調查。</t>
  </si>
  <si>
    <t>范明興金甌越南親戚夫妻chng機車地方夫妻倆官員前往mau妻子報導</t>
  </si>
  <si>
    <t>#新冠肺炎#全球越南狗貓撲殺</t>
  </si>
  <si>
    <t>越南全球肺炎</t>
  </si>
  <si>
    <t>盧秀燕施打達標提早接種以上疫苗</t>
  </si>
  <si>
    <t>國內疫情雖較緩和疫苗施打持續上緊發條台中市長盧秀燕26日在市政會議表示「疫苗來就要打！」預計今天接種完第1劑的能量達70％以上覆蓋率第2劑達30％以上兩項指標都比中央提早達標。盧秀燕表示從6月4日</t>
  </si>
  <si>
    <t>疫苗盧秀燕表示以上施打持續能量指標上緊接種今天預計台中發條市長中央就要提早市政會議緩和達標</t>
  </si>
  <si>
    <t>國內疫情雖較緩和疫苗施打持續上緊發條台中市長盧秀燕26日在市政會議表示「疫苗來就要打！」預計今天接種完第1劑的能量達70％以上覆蓋率第2劑達30％以上兩項指標都比中央提早達標。
盧秀燕表示從6月4日開始施打疫苗台中市首創全國開設快打站因應長輩可能上網或使用電腦較陌生不需預約排隊透過鄰裡系統逐戶發放接種通知單長者施打踴躍預計到27日長者施打疫苗告一段落65五歲以上長者55歲以上原住民全部完成第2劑接種27日也完成莫德納第2劑完成即台中市65以上長者與55歲以上原住民都已完成兩劑接種。
盧秀燕表示快打站目前還不會撤除會繼續保留一旦疫苗配發台中市劑量多時若醫療院所無法負荷快打站即會出動快打站地點加入預約平臺發揮功能。
「疫苗來就要打！」盧秀燕說預計今天接種完第1劑能量70％覆蓋率以上第2劑達30％以上兩項指標比中央提早達標。
台中市從10月22日展開第12期新冠疫苗施打第一階段施打超過30萬劑疫苗第二階段施打超過18萬劑兩階段共計要施打超過50萬劑是最艱困的一期盧秀燕表示市府團隊將戰戰兢兢盡力完成。</t>
  </si>
  <si>
    <t>疫苗施打盧秀燕台中接種表示以上完成長者預約預計就要達標今天中央提早超過</t>
  </si>
  <si>
    <t>新冠肺炎台灣盧秀燕施打接種</t>
  </si>
  <si>
    <t>臺灣肺炎盧秀燕施打接種</t>
  </si>
  <si>
    <t>致命慢性病</t>
  </si>
  <si>
    <t>新冠肺炎導致重症與死亡的程度慢性病是關鍵！國健署昨天引用刊登於大陸流行病學雜誌上的近期研究指出慢性病會增加致命風險其中又以「心血管疾病」居冠。指揮中心則指出患者若出現肺炎是最難治療的提醒高血</t>
  </si>
  <si>
    <t>慢性病指出肺炎最難刊登大陸流行病出現引用重症雜誌疾病心血管昨天國健署患者風險關鍵中心指揮程度近期研究</t>
  </si>
  <si>
    <t>新冠肺炎導致重症與死亡的程度慢性病是關鍵！國健署昨天引用刊登於大陸流行病學雜誌上的近期研究指出慢性病會增加致命風險其中又以「心血管疾病」居冠。指揮中心則指出患者若出現肺炎是最難治療的提醒高血壓患者及年長者疫情期間盡量待在家以減少病毒感染風險。
國健署慢性疾病防治組科長張櫻淳表示該研究是分析大陸2020年2月11日以前的所有上報病例結果發現慢性病會增加染疫後的致命風險。病死率以「心血管疾病」的105％最高其次為「糖尿病」的73％、「慢性呼吸道疾病」63％和「高血壓」6％比總體病死率的23％高出許多有慢性病在身者不可以輕忽。
新冠肺炎病患會出現發燒、咳嗽、肺炎、流鼻水及味覺、嗅覺消失指揮中心專家諮詢小組召集人張上淳表示依照臨床治療經驗肺炎是最難治療的發燒及流鼻水復原狀況較好至於味覺、嗅覺消失有些病患恢復得快有的則慢由於其為後期才出現的症狀需要再一段時間觀察及資料才能較清楚。
眼睛是否也會出現症狀？張上淳表示從國內確診者觀察目前沒看到個案有抱怨眼睛痛國外倒是有少部分有結膜炎現象；國外根據新加坡採檢分析也沒發現眼睛有新冠病毒存在他認為病毒可能會經過眼睛粘膜進入人體但眼睛會痛、發炎等病變不會是重點。
國民健康署署長王英偉表示目前正值高血壓與心血管疾病的高發季節高血壓患者及長者對於新冠肺炎自我防護很重要應每日在家量血壓避免到醫院或公共場所量測監控血壓變化可在就診時提供醫療人員參考依據。在疫情期間高血壓、糖尿病患者及長者應盡量待在家室內保持通風。</t>
  </si>
  <si>
    <t>肺炎慢性病表示眼睛高血壓出現患者風險疾病心血管大陸血壓觀察分析研究治療目前發現</t>
  </si>
  <si>
    <t>肺炎慢性病眼睛觀察治療</t>
  </si>
  <si>
    <t>眼睛肺炎慢性病觀察治療</t>
  </si>
  <si>
    <t>曝光足跡高雄再蓮池海軍確診</t>
  </si>
  <si>
    <t>海軍敦睦艦隊群聚染疫中央流行疫情指揮中心昨宣佈再增加1人確診為高雄市磐石艦隊官兵截至目前高雄累計共12例；高市府也公佈該名個案的足跡遍及鳳山、左營和三民區新增5處熱點。高市公佈第6波染疫軍人足跡</t>
  </si>
  <si>
    <t>公佈艦隊足跡增加宣佈中心確診高雄市磐石官兵截至指揮累計目前高雄流行疫情中央三民左營和</t>
  </si>
  <si>
    <t>海軍敦睦艦隊群聚染疫中央流行疫情指揮中心昨宣佈再增加1人確診為高雄市磐石艦隊官兵截至目前高雄累計共12例；高市府也公佈該名個案的足跡遍及鳳山、左營和三民區新增5處熱點。
高市公佈第6波染疫軍人足跡去過的地方包括蓮池潭、冰店及拖吊場；鳳山區的五甲拖吊場、左營區的布魯商行高雄店、左營區蓮池潭、左營區大碗公冰甜品和三民區捉遊。</t>
  </si>
  <si>
    <t>足跡高雄艦隊公佈三民左營區蓮池拖吊增加宣佈中心確診高雄市指揮磐石流行疫情甜品中央官兵截至</t>
  </si>
  <si>
    <t>敦睦艦隊磐石艦確診海軍第6波足跡蓮池潭</t>
  </si>
  <si>
    <t>海軍確診足跡磐石艦隊蓮池敦睦</t>
  </si>
  <si>
    <t>莫德納高市衛生局調查報告員工高鐵出爐</t>
  </si>
  <si>
    <t>高鐵42名員工南下高雄多家醫院、闖關搶打莫德納疫苗的醜聞4日晚間調查報告出爐。高市衛生局強調針對網頁公告不明確現場掛號及身份檢核未落實、部分民眾滯留現場爭取接種影響疫苗施打秩序、現場排除問題是否有</t>
  </si>
  <si>
    <t>現場疫苗醫院關搶莫德納秩序醜聞高雄多施打出爐晚間高市調查報告衛生局強調網頁公告接種明確滯留爭取掛號民眾身份部分檢核</t>
  </si>
  <si>
    <t>高鐵42名員工南下高雄多家醫院、闖關搶打莫德納疫苗的醜聞4日晚間調查報告出爐。高市衛生局強調針對網頁公告不明確現場掛號及身份檢核未落實、部分民眾滯留現場爭取接種影響疫苗施打秩序、現場排除問題是否有遵循SOP、院方私自變更全國疫苗施打規則等五大疏失將對高鐵及相關醫院進行議處並要求檢討改進。
高鐵員工日前被爆集體假冒身分特地搭車到高雄健仁、小港、聖功與高市聯合醫院搶打莫德納疫苗第2劑其中42人更在高雄市立聯合醫院大鬧3小時之久盧到院方就範接種得逞。
衛生局當時就表示違反《醫療法》可處15萬元罰款。如觸犯刑事責任者可移送司法機關。如今調查報告出爐衛生局將對高鐵及違規醫院進行議處並要求檢討改進。</t>
  </si>
  <si>
    <t>疫苗現場衛生局醫院高雄院方接種高市施打聯合醫院高鐵出爐員工調查報告莫德納進行集體日前身分假冒特地檢核</t>
  </si>
  <si>
    <t>調查報告出爐莫德納現場高鐵員工</t>
  </si>
  <si>
    <t>莫德納出爐現場高鐵員工調查報告</t>
  </si>
  <si>
    <t>學者返國臺灣人確診</t>
  </si>
  <si>
    <t>新冠肺炎肆虐全球歐美近期淪為重災區旅居歐美台灣人大量返國各界憂成為防疫破口。台大公衛學院副院長陳秀熙今天在廣播節目上表示這一波境外移入最多增加確診500例但是只要不要造成社區感染台灣都能應付。</t>
  </si>
  <si>
    <t>歐美社區全球造成確診臺灣人增加返國成為防疫感染境外大公表示肆虐衛學院院長廣播節目陳秀熙今天</t>
  </si>
  <si>
    <t>新冠肺炎肆虐全球歐美近期淪為重災區旅居歐美台灣人大量返國各界憂成為防疫破口。台大公衛學院副院長陳秀熙今天在廣播節目上表示這一波境外移入最多增加確診500例但是只要不要造成社區感染台灣都能應付。
陳秀熙說最近幾天總病例雖然增加但大多是境外移入不是本土發生而以最近一波1萬6千人自歐美高病毒區歸國來看5％的陽性比率最多也不過就是增加500例這也要看他們在海外期間有沒有確實做好防護措施。
陳秀熙又說指揮中心有在估計我們在學界推估做參考不過也要看接觸史包含一些不確定因素現在談這數字意義不大。
他指出目前台灣防疫還是100分但我們還是要居安思危比如說假設應該要隔離的人趴趴走傳染別人可能會造成小型社區流行可能會再增加30例。</t>
  </si>
  <si>
    <t>增加防疫歐美最近臺灣社區造成境外全球可能肆虐臺灣人返國</t>
  </si>
  <si>
    <t>新冠肺炎台大公衛學院陳秀熙境外移入社區感染</t>
  </si>
  <si>
    <t>境外衛學院陳秀熙大公肺炎社區感染</t>
  </si>
  <si>
    <t>疫苗縣民覆蓋率提升肉鬆</t>
  </si>
  <si>
    <t>南投縣新冠肺炎疫苗第2劑施打率601％略低於全國平均值南投縣長林明溱13日提醒民眾踴躍施打疫苗並指示衛生局在19日下午舉辦的名間鄉親子生態公園開幕時加開快打站民眾當天施打疫苗將贈送肉鬆等禮品。中</t>
  </si>
  <si>
    <t>疫苗施打民眾公園開幕生態加開鄉親名間舉辦當天下午平均值肺炎衛生局全國略低於縣長</t>
  </si>
  <si>
    <t>南投縣新冠肺炎疫苗第2劑施打率601％略低於全國平均值南投縣長林明溱13日提醒民眾踴躍施打疫苗並指示衛生局在19日下午舉辦的名間鄉親子生態公園開幕時加開快打站民眾當天施打疫苗將贈送肉鬆等禮品。
中央流行疫情指揮中心要求24個特定場所工作者與6大類民眾應在明年元旦完整接種兩劑新冠肺炎疫苗並期滿14天；林明溱提醒民眾如果17日前上述場所及6類對象未接種第2劑疫苗必須每週自費快篩或PCR檢驗1次目前南投縣開放夜間施打第2劑疫苗並有多元疫苗可以選擇希望未打第2劑的縣民踴躍接種。
林明溱並指出占地4公頃的名間鄉親子生態公園將於19日啟用當天衛生局將在會場提供新冠肺炎疫苗接種服務民眾接種第2劑疫苗縣府將贈送優質美味的豬肉鬆等加工產品。位於南投縣農產運銷公司旁的親子生態公園除了寬闊的大草坪、遊樂器材還有大型溜滑梯等共融式遊具。
衛生局長陳南松指出南投縣新冠肺炎疫苗接種涵蓋率第1劑達755％與全國接種率並駕齊驅第2劑涵蓋率約601％略低於全國的617％；國內接種疫苗進度似乎進入撞牆期尤其是第2劑接種意願仍有待提升南投縣已結合醫療院所加強疫苗接種並且開放夜間接種服務就是希望民眾重視趕快施打第2劑疫苗。
林明溱指出現在打疫苗非常方便為了大家的健康與防疫安全希望鄉親不要猶豫盡快施打新冠疫苗疫苗以免造成明年元旦後工作或進出特定場所不便。</t>
  </si>
  <si>
    <t>疫苗接種民眾希望林明溱指出場所鄉親施打公園生態肺炎全國明年元旦贈送踴躍施打第</t>
  </si>
  <si>
    <t>新冠肺炎台灣南投鼓勵接種</t>
  </si>
  <si>
    <t>臺灣肺炎鼓勵接種</t>
  </si>
  <si>
    <t>可用現貨時中明疫苗宣佈審查結果</t>
  </si>
  <si>
    <t>高端疫苗將於8月23日開打聯亞疫苗今晚也傳好消息！最快明日將由衛福部長陳時中親自宣佈審查結果若順利通過將有200多萬劑的現貨可供中央調度使用有望解決國內當前疫苗短缺的燃眉之急。食藥署長吳秀梅今晚受訪時</t>
  </si>
  <si>
    <t>疫苗今晚署長燃眉之急短缺使用調度當前中央國內解決有望現貨順利結果審查親自宣佈陳時中</t>
  </si>
  <si>
    <t>高端疫苗將於8月23日開打聯亞疫苗今晚也傳好消息！最快明日將由衛福部長陳時中親自宣佈審查結果若順利通過將有200多萬劑的現貨可供中央調度使用有望解決國內當前疫苗短缺的燃眉之急。
食藥署長吳秀梅今晚受訪時並未否認今天召開專家會議審查聯亞疫苗的訊息僅說「明天再說」還強調「因為現在沒有要說所以明天再說」；知情人士也透露今天確實已召開專家會議審查聯亞疫苗但審查結果就是要等到明天由陳時中親自宣佈。
高端疫苗今年6月10日發表二期臨床試驗期中報告隨即向食藥署申請緊急使用授權（EUA）過39天後順利通過EUA；聯亞疫苗6月27日公佈二期期中解盲結果但至今過了50天還沒有進一步消息因此各界都相當關切聯亞疫苗是否無法順利取得EUA。
聯亞生技發言人範瀛雲表示目前尚未收到食藥署通知取得緊急使用授權（EUA）的相關資訊這部份應交由食藥署說明不過先前已依照食藥署指示交貨18批總數約200多萬劑的疫苗進行檢驗封緘審查。</t>
  </si>
  <si>
    <t>疫苗審查結果使用明天eua順利今晚消息期中今天取得沒有陳時中親自宣佈再說授權</t>
  </si>
  <si>
    <t>聯亞疫苗審查食藥署知情人士審查</t>
  </si>
  <si>
    <t>審查疫苗知情人</t>
  </si>
  <si>
    <t>中歐雙邊修補信任危機</t>
  </si>
  <si>
    <t>美國放棄世界領袖的責任與地位國際政治出現真空大陸乃趁虛而入歐盟是其主要目標中美衝突深化歐盟更成為大陸突破美國「新冷戰」的重點地區。大陸外長王毅日前到訪義大利、荷蘭、挪威、法國及德國接著中央</t>
  </si>
  <si>
    <t>大陸歐盟美國法國挪威荷蘭大利地位到訪責任德國日前國際王毅外長政治出現地區重點真空目標衝突趁虛而入深化突破成為</t>
  </si>
  <si>
    <t>美國放棄世界領袖的責任與地位國際政治出現真空大陸乃趁虛而入歐盟是其主要目標中美衝突深化歐盟更成為大陸突破美國「新冷戰」的重點地區。大陸外長王毅日前到訪義大利、荷蘭、挪威、法國及德國接著中央政治局委員、中央外事工作委員會辦公室主任楊潔篪前往希臘與西班牙訪問展現爭取歐盟支持的強烈企圖心。但大陸戰狼式外交路線不但不能為其外交攻勢加分反而凸顯了雙方在制度、結構上的差異。
川普總統的強勢外交政策、個人獨斷風格使美國與歐盟關係跌到二次大戰後最低點同盟關係的堅定基石已經鬆動。相較美國全面對抗中國歐盟採取的是「溫和但防衛性政策」中國與歐盟關係看好。但新冠疫情蔓延全球大陸頒行《港版國安法》後歐盟開始重新盤點對中關係重塑對中政策。美國國務卿蓬佩奧日前訪問中歐4國王毅、楊潔篪隨即到訪足見大陸爭取歐盟支持的用心。
川普第一任期已接近尾聲過去3年他做出一連串令歐洲盟邦感到不安及不滿的決定包括退出《巴黎氣候協定》與伊朗核協議自敘利亞、阿富汗及德國撤軍退出《中程飛彈條約》及《開放天空條約》要求各國增加軍費預算甚至威脅退出NATO（北大西洋公約組織）對美歐同盟關係造成了嚴重負面效應。
川普的「美國優先」代表了美國要同時累積、擁有最強大的軍事及經濟力量只跟順從華盛頓旨意的國家打交道還要全面制衡中國、俄羅斯、伊朗等對手過度的「單邊主義」破壞了世界秩序民主陣營許多國家過去懷著羨慕與尊敬追隨美國領導現在已被不信任及懷疑所取代。
過去3年歐盟對中共採行務實策略在推動加強經濟合作同時對直接海外投資的審核、政府補貼、技術轉移、5G科技等經貿投資問題採取防禦性措施。中共與歐盟雙邊關係的轉捩點在於歐盟於2019年3月發布的《歐中戰略展望報告》認知「中共所帶來的挑戰與機會間的平衡已經轉移」以及中共提倡的「治理模式」與歐盟迥異更界定中國為「經濟競爭者」與「體制對手」。
今年以來世界局勢急劇變化2020成為中歐關係發展的關鍵年除了既存的治理模式、網路資安與人權等歧異外新冠病毒傳染、香港《國安法》立法、大陸在南海的擴張行為、甚至對台灣問題的強硬立場等都使雙邊關係更為緊張。
歐盟是中國最大貿易夥伴中國則是歐盟的第二大貿易夥伴歐盟27個會員國與中國關係不同立場也呈現多元化。基本上歐盟雖然不會出現美國「鷹派」式的全面對抗、制裁中國主張但中歐過去10幾年的友好合作關係已經轉變歐盟更堅持經貿投資的對等、互惠原則更關切大陸壓制人權及新冠肺炎傳染造成的損害另外美國更是頻頻施壓要求歐盟配合「抗中」戰略使許多歐盟國家在5G設備等議題上對大陸採取強硬立場。
大陸強勢的外交路線過度宣揚防疫的成果與貢獻已產生反效果；強行通過香港《國安法》形同中共與西方世界攤牌最近對台灣的文攻武嚇都引發了歐盟強烈反應促使歐盟全面檢討中國政策。
歐盟對台灣問題傳統上保持低調但王毅最近針對捷克參議院議長韋德齊訪台在歐洲接連發言恐嚇引發地主國強烈反彈。德國的外長馬斯當著王毅的面表示完全無法接受法國外交部發言人也聲援捷克不能接受中國對歐盟成員國的任何威脅這些言語上的針鋒相對代表了雙邊關係的警訊不但是政府官員歐洲議會、媒體及公民團體都醞釀反中意識使未來雙邊關係蒙上陰影。
就中長程關係來看從意識形態競爭、產業鏈重組、資訊安全、人權、新冠肺炎到安全議題中歐之間確實存在價值觀和利益的衝突及信任危機但雙方也有更多有助於全球合作促進和平的機會其中包括合作研發新冠肺炎疫苗、共同對抗氣候變遷甚至在伊朗等區域性議題上也可扮演積極角色唯有透過合作才能修補、重建雙邊關係。</t>
  </si>
  <si>
    <t>歐盟美國關係大陸中國中共過去雙邊關係中歐王毅合作退出德國經濟國家伊朗全面甚至川普世界已經</t>
  </si>
  <si>
    <t>大陸美國中國肺炎歐盟</t>
  </si>
  <si>
    <t>大陸肺炎歐盟中國美國</t>
  </si>
  <si>
    <t>我會柯文哲韓國代疫苗力保蔡英文策略</t>
  </si>
  <si>
    <t>外界認為中央採購疫苗政策可能是卡在面子或為了保護國產疫苗臺北市長柯文哲27日表示自己做品牌坦白講很吃力為什麼要把國運賭冒險上面國家有國家考量沒有對錯他沒有抱怨但美國若願意賣給我們「算了</t>
  </si>
  <si>
    <t>疫苗沒有國家抱怨政策可能國運對錯吃力面子保護坦白講品牌臺北市表示柯文哲採購上面願意美國冒險</t>
  </si>
  <si>
    <t>外界認為中央採購疫苗政策可能是卡在面子或為了保護國產疫苗臺北市長柯文哲27日表示自己做品牌坦白講很吃力為什麼要把國運賭冒險上面國家有國家考量沒有對錯他沒有抱怨但美國若願意賣給我們「算了盡量想辦法。」
蔡英文總統稱買BNT疫苗是中國介入才沒買成柯文哲今指出BNT有代理權的問題老實講細節他也不知道這時段就是做事重點在把人民生命放在你的思考裡只能這樣呼籲了。
面對中央疫苗政策到底是為了面子還是保護國產疫苗柯文哲分析當然國產疫苗要不要發展是見仁見智如果是他就會採用韓國戰略去做代工代工是台灣強項不用搶專利權發明自己新的大廠才有能力拿到世界發行權力所以乾脆代工生產出來後在台灣自己賣以外的就繳回總公司賣重來一遍如果是他會決定選代工策略。</t>
  </si>
  <si>
    <t>疫苗柯文哲bnt代工臺灣中央政策保護面子人民重點生命放在國家沒有思考做事願意就是時段</t>
  </si>
  <si>
    <t>新冠肺炎台灣 國產疫苗柯文哲國運</t>
  </si>
  <si>
    <t>疫苗肺炎臺灣柯文哲國運</t>
  </si>
  <si>
    <t>巡演女王聲樂後悔演出俄國</t>
  </si>
  <si>
    <t>有俄國聲樂女王之稱的女高音安娜涅翠柯2016年來台演出一票難求17日晚間在臉書公佈壞消息表示自己確診新冠肺炎已經有症狀出現、目前在醫院治療但是「不後悔回到舞臺演出」。涅翠柯在上週六才在臉書上宣佈</t>
  </si>
  <si>
    <t>演出確診表示肺炎已經女高音症狀出現消息目前上周公佈醫院治療安娜晚間後悔</t>
  </si>
  <si>
    <t>有俄國聲樂女王之稱的女高音安娜涅翠柯2016年來台演出一票難求17日晚間在臉書公佈壞消息表示自己確診新冠肺炎已經有症狀出現、目前在醫院治療但是「不後悔回到舞臺演出」。
涅翠柯在上週六才在臉書上宣佈自己陰性如今傳來確診消息她表示自己的狀態算好但是因為有肺炎的症狀因此住院治療目前得到妥善照顧預計應該會痊癒。根據她的公開行程8月底她在薩爾茲堡音樂節演出9月回到俄國展開巡演不料如今確診演出預料將會取消。
她也在公開聲明中表示她的兒子為陰性同為歌者的丈夫、亞塞拜然男高音尤西夫伊瓦佐夫為陰性但是有抗體將會繼續演出她也為先生感到高興。
涅翠柯也說自己本來就知道會有感染的風險但是不後悔回到舞臺上演出因為她深信現在「比任何時刻都更需要文化」。同時她也很感謝自己得到完善的治療「預計會痊癒」。
新冠肺炎肆虐許多古典音樂家都不幸遭到感染知名西班牙男高音多明哥、義大利男高音波伽利、德國小提琴家慕特都在社群網站公佈自己確診的消息。</t>
  </si>
  <si>
    <t>演出陰性確診表示男高音肺炎感染消息治療公開如今得到痊癒俄國目前公佈症狀預計</t>
  </si>
  <si>
    <t>安娜涅翠柯新冠肺炎</t>
  </si>
  <si>
    <t>肺炎安娜涅</t>
  </si>
  <si>
    <t>拒絕上機陳時中</t>
  </si>
  <si>
    <t>陳時中分別檢疫所表示情況台商武漢返台專機臺灣安置中華航空關心中國大陸東方航空前往執行共有集中昨日深夜入住全數已經</t>
  </si>
  <si>
    <t>檢疫旅客檢疫所陳時中集中臺灣安排返台人員分別上機情況前往登機醫師大陸拒絕執行無法防護說明</t>
  </si>
  <si>
    <t>新冠肺炎武漢肺炎新型冠狀病毒台灣華航</t>
  </si>
  <si>
    <t>肺炎武漢冠狀病毒臺灣華航</t>
  </si>
  <si>
    <t>政府接上佛光山希望</t>
  </si>
  <si>
    <t>佛光山近期發文給中央流行疫情指揮中心提及將購買20萬至50萬劑嬌生疫苗捐贈給我國政府但昨天嬌生聲明提及「只與政府協商」對此國際佛光會中華總會總會長趙怡表示經與海外代表聯絡得知嬌生公司已與我政府對</t>
  </si>
  <si>
    <t>政府提及流行疫情指揮中心中央總會會長中華趙怡表示光會海外得知國際聯絡代表購買對此協商疫苗昨天發文捐贈</t>
  </si>
  <si>
    <t>佛光山近期發文給中央流行疫情指揮中心提及將購買20萬至50萬劑嬌生疫苗捐贈給我國政府但昨天嬌生聲明提及「只與政府協商」對此國際佛光會中華總會總會長趙怡表示經與海外代表聯絡得知嬌生公司已與我政府對接上多了一絲希望。
趙怡說後續只要指揮中心與廠商協調好佛光山要做的就是負責付款。</t>
  </si>
  <si>
    <t>政府趙怡指揮中心提及佛光山協調流行廠商疫情中華總會光會會長國際表示後續對此協商海外得知代表</t>
  </si>
  <si>
    <t>佛光山嬌生新冠肺炎台灣疫苗</t>
  </si>
  <si>
    <t>肺炎臺灣佛光山疫苗</t>
  </si>
  <si>
    <t>防疫自信臺灣</t>
  </si>
  <si>
    <t>新冠肺炎的社區感染是我們最不希望看到的情況也是整個防疫體系是否潰堤的指標。就算政府把台灣圍得跟鐵桶一樣可別忘了新冠病毒會有氣溶膠傳染只要有縫就能鑽進來鐵桶也會氣爆。日本的殷鑑不遠近日瞬間崩潰</t>
  </si>
  <si>
    <t>鐵桶日本指標情況就算感染防疫政府體系是否臺灣圍得可別殷鑒不遠病毒</t>
  </si>
  <si>
    <t>新冠肺炎的社區感染是我們最不希望看到的情況也是整個防疫體系是否潰堤的指標。就算政府把台灣圍得跟鐵桶一樣可別忘了新冠病毒會有氣溶膠傳染只要有縫就能鑽進來鐵桶也會氣爆。日本的殷鑑不遠近日瞬間崩潰成中國大陸以外疫情最嚴重的國家。台灣也已出現社區感染病例疫情走下坡指日可待。
社區感染為什麼可怕？因為人在生病時都不會立即去看醫師在這段具有傳染力的就醫前期沒有人告訴他可能的診斷及該做的預防作為造成在就醫前就在社區大量擴散；就醫後也沒好到哪裡去醫師用以鑑別新冠肺炎與一般上呼吸道感染的疫區旅遊史在感染已經社區化後完全沒有用醫師不可能在第一時間將病人診斷出來也會造成院內感染爆發。
日本為什麼會搞成這樣光看第1個確診及第1個死亡病例就很清楚這兩個病例都出在神奈川縣。第1個確診病例是住在日本的中國人由武漢返日前就有症狀入關時關口沒檢出也沒對有明顯武漢旅遊史的人執行健康管理就簡單地由關口放行。這種檢疫方式在疫情已很緊張的時候簡直不可思議。更扯的是醫院端檢疫入關3日後他到醫院看病病人誠實講了武漢旅遊史也沒人理他直到入關後11日才遂行通報及醫院隔離。這段時間內病毒早就散到社區與醫院了。
日本當時可沒認為自己有問題沒做任何檢討還沾沾自喜於他們偵測出第1個病例。果不其然3個星期後日本第1個社區感染死亡案例就出在神奈川縣。這個80多歲的老太太沒出過國發病到呼吸衰竭往生總共22日因為無旅遊史一直不被認為是新冠肺炎往生前1日才通報送檢往生後確診。問題就出在地方政府沒有檢討第1個確診案例所犯的錯誤改進暴露出的防疫缺口沒有告訴醫療院所已經有社區感染的風險診斷新冠肺炎不可再靠旅遊史也應該針對不明原因肺炎。這何嘗不是另一種形式的掩蓋疫情造成日本現在的局面。
台灣的問題出在過於自信出現社區感染本就是遲早的事剛開始的檢疫成績讓每個官員都飛上了天。新冠病毒是像流感的病毒檢疫是不可能阻絕於境外的。檢疫上的任何小缺失都有可能讓病毒鑽到社區。剛開始的武漢或大陸航班全航班入境後的健康管理並沒法做得像現在這麼嚴形成散播在台灣各地的未爆彈。他們散出去的第2代社區病例輕症會被當作感冒想採檢也因為沒旅遊史不讓採；重症病例會像神奈川的老太太一樣以不明原因肺炎重症來表現。只要出現1個死亡確診案例大概代表社區已經有50個病例了。
最近在醫療端很多不明原因肺炎都礙於檢驗能量太低不讓檢、不讓報一旦1個陽性就成防疫破口。政府應想辦法擴充常規檢驗最少覆蓋到不明原因肺炎神奈川老太太在往生前都還能驗到新冠病毒我們可不能做得比日本還差。只有通報流感重症才檢驗是不足的。（作者為中華民國防疫學會榮譽理事長）</t>
  </si>
  <si>
    <t>社區日本病例感染肺炎旅遊防疫檢疫確診病毒疫情臺灣沒有醫院武漢</t>
  </si>
  <si>
    <t>社區感染病毒肺炎社區感染</t>
  </si>
  <si>
    <t>社區肺炎感染病毒</t>
  </si>
  <si>
    <t>端午戴起來來不及趕緊口罩</t>
  </si>
  <si>
    <t>日本女學生疑在台染疫消息傳出許多人感到訝異為何台灣連73天無本土病例會無端冒出其感染源來自台灣？對此精神科醫師沈政男認為這是一個重大警訊而今端午連假國內旅遊爆量要阻止已經來不及了他呼籲大</t>
  </si>
  <si>
    <t>臺灣阻止消息旅遊傳出國內端午而今感到已經警訊重大訝異台染認為沈政男醫師本土無端病例精神</t>
  </si>
  <si>
    <t>日本女學生疑在台染疫消息傳出許多人感到訝異為何台灣連73天無本土病例會無端冒出其感染源來自台灣？對此精神科醫師沈政男認為這是一個重大警訊而今端午連假國內旅遊爆量要阻止已經來不及了他呼籲大家趕快把口罩戴起來以防疫情升溫。
沈政男在臉書上表示在連續73天本土零確診之後爆出一例在日本確診的台灣本土病例是一位在南部就讀大學的日本女學生今年二月底入境台灣直到六月二十日才回日本。顯然該例是在台灣感染不是其他來源這是一個重大警訊提醒國人絕對不能對疫情掉以輕心。
台灣本土久無感染病例突然傳出日本女學生在台染疫對此許多人覺得不可思議也有人質疑該女有無可能是偽陽性？沈政男認為當然有可能問題是你永遠沒辦法確認因為沒有更精確的方法可以推翻而假使接下來PCR再次檢測呈現陰性也只能說是轉陰至於檢測抗體如果也是陰性那麼也可能是抗體檢測不夠準確。所以說無論如何此例必須被當成本土病例謹慎進行接下來的疫調與防疫。
還有人感到不解為何73天以後才迸出一例？沈政男直言病毒當然不會無中生有而是73天以來不絕如縷；你以為沒有病例了其實正以無症狀的方式持續在社區存在。這病毒的可怕在此北京最近的第二波疫情以及香港每隔十幾二十天零確診就爆出零星病例都是明證。南韓、日本還有歐美那些防疫相對鬆散的國家當然不可能完全清除病例甚至台灣準備開放的紐西蘭也是隔了幾個禮拜以後又出現確診病例。
沈政男說日女染疫當然也可能是從居家檢疫的漏網之魚感染而來因為台灣並未全面檢測所有入境人士而是有症狀才採檢或許就會錯放無症狀病例。那位日本女學生如果入境台灣就只會居家檢疫不會在機場採檢。
至於日女染疫的時間點依中央疫情指揮中心發言人莊人祥的說法「如果Ct值小就是近期感染」Ct值乃達成陽性閥值所需循環數如果較小代表原始病毒數量多因此是近期感染。
沈政男認為此例出現其實是對於台灣即將開放邊境的一個提醒千萬不可吃快弄破碗什麼「有PCR檢測陰性證明就可縮短成五天檢疫」根本是跟病毒在賭博。
最後沈政男疾呼端午假期國內旅遊爆量情如今要阻止已經來不及只能相互提醒拜託請把口罩戴起來尤其年輕人。</t>
  </si>
  <si>
    <t>臺灣病例沈政男感染日本疫情病毒本土檢測當然提醒可能確診學生症狀檢疫入境</t>
  </si>
  <si>
    <t>新冠肺炎武漢肺炎新型冠狀病毒台灣沈政男</t>
  </si>
  <si>
    <t>肺炎武漢冠狀臺灣病毒沈政男</t>
  </si>
  <si>
    <t>措施電子轉型升級股利</t>
  </si>
  <si>
    <t>鴻海（2317）今（23）日召開股東常會通過2019年財報及盈餘分配案決議配發每股現金股利42元以今日平盤價789元計算現金殖利率約532％。展望今年集團將持續求新求變透過3階段措施持續轉型升級提升集團</t>
  </si>
  <si>
    <t>持續現金集團召開股東常會措施分配階段決議配發股利求新計算利率今年展望轉型透過</t>
  </si>
  <si>
    <t>集團劉揚偉技術轉型數位去年持續相當發展流程通訊營運</t>
  </si>
  <si>
    <t>鴻海股東會股利營收獲利</t>
  </si>
  <si>
    <t>股利股東會獲利</t>
  </si>
  <si>
    <t>價差虱目漁業大盤調查</t>
  </si>
  <si>
    <t>近來虱目魚產地價格已跌至成本價每台斤40元以下民進黨立委邱志偉日前邀請漁業署到高雄市路竹區與漁民座談。邱志偉要求漁業署與高雄市政府海洋局於1周內共組聯合稽查查價小組對魚價格下跌做調查並提出報告。漁</t>
  </si>
  <si>
    <t>價格邱志偉漁業下跌小組查價稽查聯合成本價周內共調查以下民進海洋黨立委市政府高雄日前高雄市邀請</t>
  </si>
  <si>
    <t>近來虱目魚產地價格已跌至成本價每台斤40元以下民進黨立委邱志偉日前邀請漁業署到高雄市路竹區與漁民座談。邱志偉要求漁業署與高雄市政府海洋局於1周內共組聯合稽查查價小組對魚價格下跌做調查並提出報告。
漁民抱怨產地價格低卻未反映在終端實際售價上中間價差都被大盤賺走。目前市場價每台斤約80至100元左右。邱志偉接獲漁民陳情向中央反映漁民心聲。
分析虱目魚價格下滑原因包含今年是暖冬導致漁獲量大增以及新冠肺炎影響等因素。也有漁民指出漁業署應該要廣扶植小型加工廠在虱目魚價格低時加工廠就能運作生產的虱目魚肚、魚皮、魚頭等都能忠實反應產地價格能刺激銷量也能增加就業機會。
漁業署主秘繆自昌表示這波疫情衝擊不只虱目魚其他養殖魚種也都受創嚴重漁業署針對養殖漁民有編列64億的紓困經費並在網路商城等通路推廣食用但國內消費市場的銷售量要提升才能減緩產地出貨壓力。
此外魚販文山伯受訪說尚未到大出（豐收）的時候相信養殖業者心裡都在滴血未來的石斑魚、午仔魚、鱸魚等的價格也會受到衝擊他對此並不樂觀。
他認為政府應該要拿出辦法幫漁民找出路且漁民與養殖業者要三思要在高雄市長補選投給對漁民有真正幫助的候選人。</t>
  </si>
  <si>
    <t>漁民價格虱目漁業產地邱志偉衝擊反映高雄價格低應該養殖養殖業加工廠漁獲量導致大增推廣通路暖冬</t>
  </si>
  <si>
    <t>虱目魚價格慘跌民進黨邱志偉漁業署</t>
  </si>
  <si>
    <t>民進慘跌邱志偉價格漁業虱目</t>
  </si>
  <si>
    <t>國民黨團道歉蘇貞昌接受佔領報告議場補充</t>
  </si>
  <si>
    <t>行政院長蘇貞昌今天再度赴立法院針對「國籍航空機組員隔離『3＋11』決策過程」進行專案報告。根據送抵立院的書面報告蘇貞昌表示「對於每一條寶貴生命的消逝我都深感遺憾與抱歉。」不過朝野協商時國民黨團總</t>
  </si>
  <si>
    <t>蘇貞昌抱歉遺憾深感消逝生命法院國籍寶貴航空對於機組員隔離朝野表示決策過程進行專案書面報告報告立院再度協商今天</t>
  </si>
  <si>
    <t>行政院長蘇貞昌今天再度赴立法院針對「國籍航空機組員隔離『3＋11』決策過程」進行專案報告。根據送抵立院的書面報告蘇貞昌表示「對於每一條寶貴生命的消逝我都深感遺憾與抱歉。」不過朝野協商時國民黨團總召費鴻泰表示不接受這份「3＋11」補充報告國民黨團並佔領了議場。
根據書面報告蘇貞昌表示做為行政院長要負全國最高行政的責任「我們確實看到有國人因疫情而受苦、甚至死亡對於給國人的照顧沒有做到百分之百好基於對生命的尊重對於每一條寶貴生命的消逝我都深感遺憾與抱歉」。
書面報告指出疫情指揮中心面對疫情隨時變化即時作出妥適因應與處置「加強版3＋11」的決策是4月13日向指揮官陳時中面報後拍板「過程並不會製作會議紀錄行政部門也不是每場都有做成紀錄這是行政機關慣常運作的模式並非沒有會議紀錄就是疏忽草率。」
有關外界質疑指揮中心將機組員檢疫模式改為「3＋11」是導致華航諾富特群聚案進而引發本土疫情爆發的原因。根據書面報告的解釋今年4月17日爆發諾富特飯店群聚感染事件後相關機組員、飯店員工及其同住家人共1790人進行居家檢疫採檢結果顯示「並無職場或家庭以外的社區接觸者確診」因此沒有證據顯示機師與諾富特飯店群聚感染事件與後來發生的社區疫情有關。</t>
  </si>
  <si>
    <t>疫情書面報告沒有表示紀錄對於蘇貞昌飯店富特進行檢疫決策機組員黨團過程模式報告行政會議社區中心指揮國人</t>
  </si>
  <si>
    <t>新冠肺炎台灣書面報告疫情蘇貞昌</t>
  </si>
  <si>
    <t>書面報告臺灣肺炎疫情蘇貞昌</t>
  </si>
  <si>
    <t>去年台微虧損</t>
  </si>
  <si>
    <t>台微體（4152）2020年營收102億元年減513％淨損983億元每股虧損1242元。台微體表示子公司盈擘醫藥完成$1500萬美元增資；新設子公司將專注於肺部疾病產品之開發包含旗下新冠肺炎新方案TLC19及其他嚴重</t>
  </si>
  <si>
    <t>子公司台微包含開發肺炎產品淨損疾病虧損肺部專注體表新設增資醫藥完成tlc</t>
  </si>
  <si>
    <t>台微體（4152）2020年營收102億元年減513％淨損983億元每股虧損1242元。台微體表示子公司盈擘醫藥完成$1500萬美元增資；新設子公司將專注於肺部疾病產品之開發包含旗下新冠肺炎新方案TLC19及其他嚴重型急性及慢性肺部疾病藥物。
台微體總經理葉志鴻指出有幸在新冠肺炎大幅擴散至美國前提早完成術後長效止痛藥物TLC590二期試驗的收案更在疫情肆虐全球之際順利完成關節炎長效止痛藥物TLC599的收案並持續拓展安畢黴的國際藍圖。
此外台微體更啟動吸入式微脂體藥物的第一個臨床試驗可望能夠預防及治療新冠肺炎等嚴重型肺部疾病。
台微體依照傳統參加全球最大的生技及醫療活動惟今年因疫情關係改成線上舉行。目前全球智慧財產權保護增至257項；截至2020年12月31日止台微體已於世界各國取得160項發明專利並有97項發明專利申請案正在審查階段。</t>
  </si>
  <si>
    <t>台微全球tlc肺炎疾病肺部疫情完成試驗子公司藥物長效止痛藥發明專利嚴重關係今年活動</t>
  </si>
  <si>
    <t>台微體全球肺部疾病TLC每股虧損</t>
  </si>
  <si>
    <t>肺部疾病全球tlc虧損台微</t>
  </si>
  <si>
    <t>防疫警報林右昌配置班將開學基隆物資</t>
  </si>
  <si>
    <t>新冠肺炎疫情延燒國中小所延長兩周的寒假終於要結束針對下週二就要開學基隆市長林右昌於17日親自主持教育處防疫會議確認所有學校防疫物資的整備都已到位並瞭解是否有需要市府協助及加強之處務必要讓學童</t>
  </si>
  <si>
    <t>防疫加強協助市府延長需要寒假是否終於結束到位疫情週二整備物資就要開學教育處</t>
  </si>
  <si>
    <t>新冠肺炎疫情延燒國中小所延長兩周的寒假終於要結束針對下週二就要開學基隆市長林右昌於17日親自主持教育處防疫會議確認所有學校防疫物資的整備都已到位並瞭解是否有需要市府協助及加強之處務必要讓學童都能夠安心上課。他指出大家的警覺心都很高若是學生有發燒等現象也請家長讓學生就醫、在家休息。
林右昌強調台灣的防疫工作起步很早因此相對於其他國家台灣的防疫工作做得非常好但最重要的除了醫護人員的辛苦跟努力之外強調防疫是所有國人的責任只要大家依照中央疾管中心的指揮做好自主管理遵循相關規定大家團結合作就能夠度過這次的疫情。
市府表示這次徵調防疫物資的量其中額溫槍為84支、口罩為一萬片酒精為232瓶乾洗手為56瓶配發原則為每200名學生配置一支酒精為每30名學生可配得500cc的儲備量而這些物資可以供在地學童使用多久市府則回應道因為現在的量都是應付緊急狀況不適每日發放所以市府目前也無法估算使用期限市府強調勤洗手及確實量體溫才是防疫的重點。
教育處指出開學後校方派人在門口量體溫要是375度就要勒令直接帶回家或去醫院就診其中建德國小怕家長無法臨時趕來更騰出一間教室來做為隔離教室讓有發燒的學生可以到那間空教室裡等家長並會用耳溫再量二次做確認。
更有國小指出他們已把消毒水等防疫配備分裝成袋給每個班級用開學後請老師來領回天天消毒其中各班以肥皂勤洗手並以消毒水來清潔整間教室會將桌面、把手等肌膚長會接觸到的地方仔細擦拭消毒。</t>
  </si>
  <si>
    <t>防疫市府學生教室家長開學強調指出物資疫情就要能夠林右昌勤洗手消毒水學童可以無法體溫</t>
  </si>
  <si>
    <t>庶民三月攀升意願</t>
  </si>
  <si>
    <t>台股守在萬二以上讓更多投資人「心癢癢」想進場投資。國泰金控20日公佈7月國民經濟信心調查因為全球疫情再起讓庶民經濟信心略為下滑外界也擔心股市風險已高但仍有262％的受訪者有意將現金或定存轉入台</t>
  </si>
  <si>
    <t>信心有意受訪者投資人風險癢癢股市進場擔心投資國泰金控外界下滑公佈國民經濟略為經濟調查</t>
  </si>
  <si>
    <t>台股守在萬二以上讓更多投資人「心癢癢」想進場投資。國泰金控20日公佈7月國民經濟信心調查因為全球疫情再起讓庶民經濟信心略為下滑外界也擔心股市風險已高但仍有262％的受訪者有意將現金或定存轉入台股投資風險偏好指數43更是從5月起連續三個月升高。
儘管7月有318％的受訪者認為國內經濟景氣比過去半年改善但因為全球新冠肺炎疫情再度緊張所以受訪者對未來半年經濟景氣「略為擔心」未來半年的經濟展望指數從6月的1937月降到131終止5月開始連二月的上升。
7月仍有352％的受訪者預估未來半年台股仍會比現在上漲比6月的39％略降但台股展望指數仍有52守住正指數即看漲台股的民眾比看跌的多。
全球股市持續上揚台股亦堅守在1萬2千點以上上半年股市大戶、中實戶增加讓不少散戶想進場。據國泰金控每月定期調查其客戶各項經濟看法的國泰國民經濟信心顯示民眾對台股的投資意願持續升高今年的投資意願由正轉負是在3月新冠肺炎最嚴重時由2月的13到3月直接降到-69。
4月則是民眾投資信心「穀底」投資指數續降到-96有339％的受訪者寧願將錢繼續存在銀行是15個月新高但隨台灣疫情受控且資金行情推升股市持續走高也讓民眾投資意願升高台股投資偏好指數5月升高到-226月一口氣轉正到347月續升到43。
7月民眾對經濟景氣樂觀程度略為下降但據國泰金調查受訪民眾預估今年經濟成長率無法保住1％的比率已從5月時的276％6月降到213％7月再續降到163％；且最多人即有299％受訪者認為全年經濟成長率會落在15～175％之間比5月及6月時最多人（都逾28％）預估全年只有1～125％的經濟成長率明顯樂觀。</t>
  </si>
  <si>
    <t>經濟民眾投資受訪者指數降到信心國泰疫情股市持續調查升高預估成長率景氣略為未來風險全球以上</t>
  </si>
  <si>
    <t>經濟成長率肺炎經濟景氣信心升高</t>
  </si>
  <si>
    <t>信心經濟景氣肺炎升高成長率</t>
  </si>
  <si>
    <t>亞洲利率前段</t>
  </si>
  <si>
    <t>近期全球股市受到新冠肺炎疫情全球持續升溫、阿拉伯提高產能引發國際油價崩跌兩大利空幹擾整體市場投資氣氛較差。兆豐臺灣藍籌30ETF經理人周彥名表示根據研究機構預估台股今年整體股利率可達4％相較香港、大</t>
  </si>
  <si>
    <t>整體肺炎疫情全球持續利率升溫阿拉伯提高產能今年引發預估國際油價表示機構周彥名經理etf研究</t>
  </si>
  <si>
    <t>近期全球股市受到新冠肺炎疫情全球持續升溫、阿拉伯提高產能引發國際油價崩跌兩大利空幹擾整體市場投資氣氛較差。兆豐臺灣藍籌30ETF經理人周彥名表示根據研究機構預估台股今年整體股利率可達4％相較香港、大陸、南韓各約35％、26％、26％而言在亞洲地區仍位列前段班對外資法人仍較具吸引力。
尤其現在新冠肺炎的疫情恐慌美國又持續降息在全球低利環境下法人資金也很難找到安全落腳處因此台股仍將是較為優先的選擇。
周彥名指出兆豐臺灣藍籌30ETF採用策略選股篩選條件包括流動性、營運穩定性、獲利能力、分配股利等精選出體質較佳、股利優質的公司後再選取市值前30大標的以此兼顧成長性、高股利、安全性等特質。這檔ETF在市場環境不好時有高股利率作為保護傘；在行情轉佳時也有向上的爆發力因此可真正稱得上具有攻守兼備的特性。
野村投信預估疫情對台灣經濟的影響在兩季內短期間建議投資人避開受影響較大的產業但長期而言在歐美央行持續的寬鬆貨幣政策以及大陸不斷釋出流動性等利多政策加持下疫情和緩後市場將出現反彈建議於股市回檔之際逢低佈局長線成長潛力產業如半導體、5G、Data Center、記憶體、電動車、電動自行車及機能鞋等相關產業。
第一金投信指出展望後市若疫情可控制在湖北企業獲利成長下修有限下半年在半導體、5G手機換機潮等利多因素帶動下股市仍有創高機會。第一金投信建議投資人待疫情沉澱後觀察量縮後出量或武漢解除封城的時間點以定期定額或往下分批方式建立投資部位。</t>
  </si>
  <si>
    <t>疫情產業市場持續建議股利etf臺灣流動性獲利成長整體法人利率股市預估導體</t>
  </si>
  <si>
    <t>大陸兆豐臺灣藍籌肺炎台股一金投信</t>
  </si>
  <si>
    <t>肺炎臺灣兆豐大陸</t>
  </si>
  <si>
    <t>裁員肺炎衝擊百貨微風成?新開出</t>
  </si>
  <si>
    <t>新冠肺炎重創零售百貨業國內百貨業也開出裁減人力第一個震撼彈微風集團傳出將資遣近3成人力將有百人以上受影響。對此微風集團回應此為依例年度進行內部人力組織調整等於是認了有裁員一事微風是否會啟</t>
  </si>
  <si>
    <t>人力微風集團百貨重創零售開出裁減裁員震撼組織等於內部調整進行回應傳出對此年度依例影響</t>
  </si>
  <si>
    <t>新冠肺炎重創零售百貨業國內百貨業也開出裁減人力第一個震撼彈微風集團傳出將資遣近3成人力將有百人以上受影響。對此微風集團回應此為依例年度進行內部人力組織調整等於是認了有裁員一事微風是否會啟動百貨業裁員連鎖效應後續值得關注。
早先在微風集團尾牙上微風董事長廖鎮漢對2019年全年營收成功達到305億元相當滿意甚至對員工打出120分的分數並大手筆宣佈員工年終25個月起最高可達7個月；沒想到才事隔一個月就風雲變色啟動縮減人力計畫令外界大感意外。
還記得廖鎮漢當時談到今年景氣指出「2020是變化多端的一年就看大家有沒有準備機會是給準備好的人。」似乎也印證新冠肺炎在全球的暴風肆虐殺得各產業措手不及。
微風廣場今年進入第19年近年展店積極除了本店之外2014年首度插旗北市信義區開出微風松高隔年開出微風信義去年初更是大張旗鼓開出微風南山6年來一口氣開出8個據點且全數位於臺北市並積極佈局自營餐廳與多家醫院美食廣場。
微風集團由廖鎮漢一手打造自第一家百貨店面「微風廣場」於2001年10月開幕到去年1月「微風南山」開幕成為信義計劃區人潮新焦點未來還有「微風南港」預計加入。事實上微風近年來展店相當快速儘管展店速度快但承受高額租金也令其獲利狀況一向受到同業和外界的質疑。
百貨業者分析微風一大營運強項就是餐飲新冠肺炎疫情造成的衝擊應該不小但若此波裁員規模高達3成令人驚訝。對於微風集團傳出大幅資遣近3成人力臺北市勞動局主秘劉家鴻表示目前未收到大量解僱通報、資遣通報也沒有收到員工申訴。
根據勞動局資料顯示截至去年11月止微風集團勞保人數為245人劉家鴻表示目前未收到任何員工申訴以及業者大量解僱通報與資遣通報但會緊盯微風廣場後續發展。
更多 CTWANT 報導</t>
  </si>
  <si>
    <t>微風集團人力百貨廣場員工開出廖鎮漢裁員展店肺炎積極外界相當今年後續臺北市</t>
  </si>
  <si>
    <t>微風微風集團裁員百貨業資遣</t>
  </si>
  <si>
    <t>百貨裁員集團微風</t>
  </si>
  <si>
    <t>學生旅遊出國校方危機處理私大妥當北部</t>
  </si>
  <si>
    <t>新冠肺炎疫情台灣逐漸升溫今傳出新北某私立大學生赴日本旅遊後返台卻沒進行自主管理且向周遭友人隱瞞旅遊史。對此經詢問校方由秘書長回應「確實有一位同學赴日旅遊但校方在事情傳開後已請系上緊急調查</t>
  </si>
  <si>
    <t>旅遊校方臺灣逐漸升溫傳出疫情新北傳開大學生管理自主進行向周事情日本友人隱瞞返台秘書長對此</t>
  </si>
  <si>
    <t>新冠肺炎疫情台灣逐漸升溫今傳出新北某私立大學生赴日本旅遊後返台卻沒進行自主管理且向周遭友人隱瞞旅遊史。對此經詢問校方由秘書長回應「確實有一位同學赴日旅遊但校方在事情傳開後已請系上緊急調查瞭解聯繫到該生並要求其在家進行自主管理、勿到校上課和進行後續密切追蹤」。
某私立大學臉書粉專17日深夜爆料傳出該校財經相關系所某男研究生與友人(非該校學生)3月9號赴日本旅遊當周13號回來「沒有自主管理且向友人隱瞞旅遊史」。事情傳開引起校內師生一陣恐慌。
經記者致電詢問校方校秘書長回應稱請系所瞭解後確實有一位男研究生赴日本旅遊校方已在今天請系所緊急協助處理因該生赴日時日本並未成為紅色出入境警示係3月17日才由中央疫情指揮中心提升為第三級「警告(Warning)：非必要勿前往」。
校方強調目前已連絡上該名學生瞭解他「沒有接觸可疑症狀人士現在也未出現任何症狀」。「已要求他勿到校儘量不要外出、並自主健康管理」。
學校也備有體溫計提供早晚量測有狀況將請學生聯絡教官或校安中心學生同意並配合學校政策。校方會對該生後續情況做進一步追蹤和防範請師生勿過度擔憂。</t>
  </si>
  <si>
    <t>校方旅遊學生日本自主管理瞭解進行友人疫情傳出中心學校追蹤要求師生後續沒有研究生</t>
  </si>
  <si>
    <t>武漢肺炎新冠肺炎北部大學台灣日本</t>
  </si>
  <si>
    <t>肺炎北部大學臺灣日本武漢</t>
  </si>
  <si>
    <t>大使來自病毒美軍自己人瘋狂</t>
  </si>
  <si>
    <t>新冠病毒肆虐全球意外引起美陸政治糾紛雙方就病毒起源與是否隱瞞疫情、甚至陰謀論等說法隔空交火其中又以陸外交部發言人趙立堅的「美軍可能帶疫情進入武漢」的說法具爭議。對此陸駐美大使崔天凱時表示由記</t>
  </si>
  <si>
    <t>說法疫情病毒大使全球意外對此引起政治爭議糾紛雙方發言人外交部趙立堅美軍交火可能起源武漢崔天凱是否進入</t>
  </si>
  <si>
    <t>新冠病毒肆虐全球意外引起美陸政治糾紛雙方就病毒起源與是否隱瞞疫情、甚至陰謀論等說法隔空交火其中又以陸外交部發言人趙立堅的「美軍可能帶疫情進入武漢」的說法具爭議。對此陸駐美大使崔天凱時表示由記者或外交官來揣測病毒源起「非常不當」除了明嗆美議員對「病毒起於武漢實驗室」陰謀論之外也暗批趙立堅的美軍帶病毒一說。
崔天凱接受美國媒體Axios on HBO於22日專訪時表示他曾於2月9日在哥倫比亞廣播公司（CBS）政論節目「面對全國」（Face the Nation）訪問時就曾表示散播「新冠病毒是源自於美軍實驗室」之類謠言的想法根本是瘋狂的至今立場仍不變。
不過媒體追問崔天凱的說法是在趙立堅的「美軍可能帶疫情進入武漢」一說之前並詢問他的立場；對此崔天凱表示立場沒變「我當時立場如此現在依然。報導指出趙立堅的說法惹火包括總統川普在內等多名美國官員對於陸官員隨意散播美軍帶病毒進大陸的陰謀論十分不以為然甚至引起美國務院還為此召見崔天凱。
媒體再追問崔天凱是否對此曾問過趙立堅崔天凱表示沒問過強調並說「我在此代表我國領導人與我國政府不代表任何個人」；對於主持人詢問「趙立堅還是崔天凱發言代表中國政府」崔天凱回答「我是在美國的中國代表」。
不過主持人仍感覺沒回答到核心追問「所以我們不應該逐字逐句看到趙的發言、也不必將他的話當成是大陸政府的立場即使他是發言人？」崔天凱則回答：「你可以嘗試解讀某人的聲明。我沒有立場也沒有責任向你解釋每個人的觀點」。
崔天凱表示病毒究竟源起何處應由科學家解釋由記者或外交官來揣測病毒源起「非常不當」；他也譴責有些在華府的人散播一些未經證實的謠言暗指共和黨籍聯邦參議員柯頓（Tom Cotton）曾暗示病毒起源於武漢實驗室的陰謀論。
此外對於川普多次稱「中國病毒」崔天凱也引用世界衛生組織的命名規則時就提到要避免與特定的團體或地名連結以免遭汙名化「希望WHO的規則有人遵守」。</t>
  </si>
  <si>
    <t>崔天凱病毒表示趙立堅立場美軍說法陰謀論武漢散播美國代表媒體對於回答實驗室對此引起規則疫情</t>
  </si>
  <si>
    <t>新冠病毒新冠肺炎武漢肺炎COVID-19中國病毒</t>
  </si>
  <si>
    <t>病毒武漢肺炎covid-中國</t>
  </si>
  <si>
    <t>返台印度專機境外累計確診</t>
  </si>
  <si>
    <t>中央流行疫情指揮中心今(11)日公佈國內新增4例境外移入COVID-19確定病例(案1204至案1207)均自印度入境。指揮中心指出案1204至案1206為50多歲男性、40多歲女性及20多歲男性皆為本國籍分別於2019年12月、今(20</t>
  </si>
  <si>
    <t>中心指揮男性境外新增國內公佈指出病例印度確定covid-女性疫情入境國籍分別流行中央</t>
  </si>
  <si>
    <t>中央流行疫情指揮中心今(11)日公佈國內新增4例境外移入COVID-19確定病例(案1204至案1207)均自印度入境。
指揮中心指出案1204至案1206為50多歲男性、40多歲女性及20多歲男性皆為本國籍分別於2019年12月、今(2021)年3月及2月至印度工作。其中案1204無症狀；案1205於4月24日至4月26日陸續出現咳嗽、鼻塞、發燒及嗅味覺異常等症狀；案1206於5月3日出現咳嗽、胸悶及胸痛等症狀。
指揮中心表示案1204至案1206於5月8日搭乘同一班機返臺皆持有搭機前3日內檢驗陰性報告案1204入境後至集中檢疫所檢疫並於5月9日接受採檢；案1205及案1206則於入境時主動通報曾有症狀於機場採檢3人皆於今日確診(案1204 Ct值29；案1205 Ct值30；案1206 Ct值29)。3人皆為昨(10)日公佈案1192及案1193之同班機旅客該班機截至目前共計5人確診全機旅客71人皆已於昨日列為居家隔離對象。
指揮中心指出案1207為印度籍20多歲女性長期在臺工作今年4月22日返回印度處理私事並於5月9日來臺持有搭機前3日內檢驗陰性報告入境後至集中檢疫所檢疫5月10日接受採檢於今日確診(Ct值30)。個案在臺期間並無症狀已掌握同班機接觸者1人列居家隔離。
中央流行疫情指揮中心指揮官陳時中表示今天新增的確診個案（1204、1205、1206）都是於5月8日搭乘同一班機返台加上先前的2例確診該班機目前總計有5人確診。</t>
  </si>
  <si>
    <t>症狀確診中心班機指揮入境印度新增居家個案隔離公佈工作返台咳嗽表示持有女性旅客搭乘</t>
  </si>
  <si>
    <t>境外移入新冠肺炎印度</t>
  </si>
  <si>
    <t>肺炎印度境外</t>
  </si>
  <si>
    <t>不到疫苗北市跟進自謀生路直播</t>
  </si>
  <si>
    <t>國內新冠肺炎疫情持續延燒醫療量能緊繃臺北市長柯文哲今（26）日上午在北市防疫會議上指出如果要等到8月打疫苗且是國產疫苗這等於把國運賭在一個不可知的期望上面若要撐到8月恐撐不下去「會死傷慘重」</t>
  </si>
  <si>
    <t>疫苗疫情撐到持續上面期望不可醫療指出撐不下去會議臺北市防疫柯文哲肺炎北市上午</t>
  </si>
  <si>
    <t>疫苗柯文哲疫情臺北市確診萬華中央提到醫院今日公佈北市回歸問題病例地方醫療指揮中心</t>
  </si>
  <si>
    <t>疫苗確診柯文哲新冠肺炎指揮中心</t>
  </si>
  <si>
    <t>肺炎柯文哲確診指揮中心疫苗</t>
  </si>
  <si>
    <t>接種月初疫苗速度低於放緩資料官員緊張過去</t>
  </si>
  <si>
    <t>美國疫苗接種民眾平均過去cdc顯示資料中心進度施打放緩肺炎跡象預防近日高階出現管制衛生疾病官員敦促施打約持續</t>
  </si>
  <si>
    <t>美國疫苗接種民眾確診肺炎人數新增資料案例施打衛生平均表示目標接受低於截至進度下滑</t>
  </si>
  <si>
    <t>疫苗美國肺炎日平均接種</t>
  </si>
  <si>
    <t>美國平均肺炎接種疫苗</t>
  </si>
  <si>
    <t>延期凱西補償go辦法monpok出爐</t>
  </si>
  <si>
    <t>全球各地都受到玩家歡迎的知名手遊《Pokémon GO》原訂 3 月 15 日將舉辦本月社群日(Community Day)活動。不過目前官方已提早宣佈今年 3 月社群日確定延期舉辦並公佈了補償辦法訓練師們可以特別留意。《Pokém</t>
  </si>
  <si>
    <t>pok舉辦歡迎知名可以訓練mon辦法go補償原訂公佈官方延期目前day確定今年宣佈提早活動community</t>
  </si>
  <si>
    <t>全球各地都受到玩家歡迎的知名手遊《Pokémon GO》原訂 3 月 15 日將舉辦本月社群日(Community Day)活動。不過目前官方已提早宣佈今年 3 月社群日確定延期舉辦並公佈了補償辦法訓練師們可以特別留意。
《Pokémon Go》官方提早宣佈原定 3 月 15 日舉辦的凱西(Abra)社群日確定延期。延到什麼時候舉辦並沒有明確公佈。頗有可能讓凱西直接遞補成為 4 月社群日的主角但一切需要等候官方確認才能算數。針對 3 月社群日延後的政策官方並沒有特別公佈原因但因為新冠肺炎疫情先前《Pokémon Go》在日本、義大利、韓國等疫情比較嚴重地區的活動都已停辦而社群日主要是鼓勵訓練師可以走出家中前往各地抓寶與其他訓練師互動的機制因此推估 3 月凱西社群日延期也可能是被疫情影響必須要主動降低群聚感染的機會所致。
由於取消了凱西社群日《Pokémon Go》官方也提出了補償措施在另行公佈凱西社群日相關政策前遊戲內將帶來幾項改變：(1)每位訓練家可以1枚寶可幣交換30個薰香（效果延長為1小時）的組合(本組合僅可交換一次可在商店中兌換)；(2)孵蛋所需的行走距離減半。(3)旋轉寶可補給站的轉盤時將更容易得到友情禮物。(4)寶可夢的棲息地將增加野生寶可夢的出現也因此增加。從內容來看主要是補償內容是在玩家因疫情被迫降低外出走動頻率的狀態下仍舊能維持與過去差不多的獎勵與抓寶收穫。
雖然 3 月凱西社群日取消可能讓不少訓練家覺得失望。但是官方已經確認 3 月 14 日將會開打GO對戰聯盟第 1 季坐在家裡就可以跟全球玩家連線對戰；此外3月底的週末也將推出直擊！古生代寶可夢之謎！」特殊調查(需要購票票價NT$270)；此外3月份還有很多特別的團體戰騎拉帝納(別種型態)、勾帕路翁、洛奇亞都將在不同時間加入特別團體戰《Pokémon Go》玩家們仍舊可以多多期待。</t>
  </si>
  <si>
    <t>官方go凱西訓練疫情特別monpok公佈可以舉辦補償可能降低需要延期仍舊交換團體</t>
  </si>
  <si>
    <t>Pokémon GO寶可夢社群日凱西延期</t>
  </si>
  <si>
    <t>寶可夢gomon凱西pok延期</t>
  </si>
  <si>
    <t>雲林猖獗禽流感</t>
  </si>
  <si>
    <t>人類新冠肺炎侵襲禽畜也受禽流感威脅雲林縣口湖17日一大型牧場撲殺了3萬2454隻黑羽土雞該場飼主本月12、13日發現雞隻異常死亡雲林縣動植物疾病防疫所16日下午確診感染H5N2及H5N5兩種高病原性禽流感。雲林防</t>
  </si>
  <si>
    <t>禽流感林縣侵襲禽畜肺炎下午病原威脅防疫疾病黑羽口湖動植物牧場一大發現</t>
  </si>
  <si>
    <t>人類新冠肺炎侵襲禽畜也受禽流感威脅雲林縣口湖17日一大型牧場撲殺了3萬2454隻黑羽土雞該場飼主本月12、13日發現雞隻異常死亡雲林縣動植物疾病防疫所16日下午確診感染H5N2及H5N5兩種高病原性禽流感。
雲林防疫所指出該所接獲畜主通報後派員查驗發現部分罹病雞隻有腳部發紺的禽流感典型病徵立即開立移動處分書限制全場雞隻移動並採樣送檢16日確診而且同時檢出H5N2及H5N5兩種高病原性禽流感。
由於正值新冠病毒肆虐全球台灣防疫目前控制得宜但是農業縣禽流感的威脅始終未止歇有人擔心會不會禽傳人？
雲林縣防疫所技正鄭安國請大家放心表示目前台灣禽流感尚無禽傳人的報告而且政府部門從飼養到屠宰有3道防線幫消費大眾把關禽肉要取得獸醫師簽章的健康證明書才能上市禽場有異立即查驗需在合格屠宰場屠宰。</t>
  </si>
  <si>
    <t>禽流感防疫林縣查驗立即威脅發現臺灣移動傳人目前屠宰確診禽肉把關取得大眾獸醫</t>
  </si>
  <si>
    <t>新冠肺炎禽流感撲殺屠宰場H5N2</t>
  </si>
  <si>
    <t>禽流感屠宰場肺炎</t>
  </si>
  <si>
    <t>淨化救回血漿重症患者桃醫</t>
  </si>
  <si>
    <t>部立桃園醫院副院長王偉傑帶領院內血漿淨化團隊將血漿淨化術運用在新冠肺炎患者身上去年已成功將3名重症個案救回王偉傑強調血漿淨化術費用少、副作用低個案採用血漿淨化術後症狀大幅改善該技術也獲得美</t>
  </si>
  <si>
    <t>淨化血漿個案王偉傑改善大幅症狀帶領技術院內患者去年身上肺炎成功重症運用院長救回採用強調副作用</t>
  </si>
  <si>
    <t>部立桃園醫院副院長王偉傑帶領院內血漿淨化團隊將血漿淨化術運用在新冠肺炎患者身上去年已成功將3名重症個案救回王偉傑強調血漿淨化術費用少、副作用低個案採用血漿淨化術後症狀大幅改善該技術也獲得美國FDA緊急授權使用在新冠肺炎重症病患治療的適應症。
王偉傑表示桃醫醫療團隊去年對於新冠肺炎重症患者採取血漿淨化術成為世界第1例成功治療新冠肺炎重症病患相關治療也發表在醫學期刊後來陸續又完成2例桃醫近期重回防疫第一線專責病房收治重症病例個案再度施以血漿淨化術陸續有3名個案症狀明顯改善。
感染科主任鄭健禹提到其中1例50多歲新冠確診男性個案到院時幾乎呼吸衰竭且胸部X光呈現雙側肺部浸潤第一時間施以「經鼻高流量溼化氧氣治療」和申請瑞德西韋使用由於症狀未見好轉相當危及隨時處於需要插管和呼吸器治療的狀態經與病人討論並取得同意血漿淨化術的療法後給予4次血漿淨化術的治療和新鮮冷凍血漿補充最後病人免於插管。
鄭健禹說明血漿淨化術因為吸附器含有類似樹脂材質會將病毒與發炎因數吸附在吸附器吸滿後丟棄同時透過血漿分離方式將帶有大量其他發炎物質與病毒直接濾出體外接著補充健康的新鮮血漿來替換體內被濾掉的血漿數量血液中的RNA病毒也會被吸附在吸附器等待血漿淨化術療程結束後再將吸附器棄置到感染性垃圾。
鄭健禹提到新冠肺炎會造成肺泡上皮細胞死亡而脫落此時免疫系統會認為該部位有發炎潰爛的風險因此引發介白素大量釋放而該機制會導致一系列的凝血反應血小板會開始聚集並形成血栓這些微小血栓也可能造成肺泡微血管阻塞而血漿淨化術會把這些促成凝血的因數去除以避免高死亡率的肺栓塞發生。</t>
  </si>
  <si>
    <t>血漿淨化治療個案重症吸附器肺炎王偉傑發炎症狀病毒鄭健禹施以桃醫使用因數陸續插管</t>
  </si>
  <si>
    <t>王偉傑病毒肺炎血漿治療</t>
  </si>
  <si>
    <t>病毒肺炎血漿王偉治療</t>
  </si>
  <si>
    <t>急症重大出現嚴重一度病情考慮川普呼吸器</t>
  </si>
  <si>
    <t>美媒引述消息人士指出美國前總統川普去年染上新冠肺炎時症狀比外界知道的還要嚴重出現了肺浸潤等重大急性症狀醫生甚至一度考慮要為他戴上呼吸器。美國有線電視新聞網（CNN）報導消息人士證實美國前總統</t>
  </si>
  <si>
    <t>消息人士美國總統指出出現嚴重浸潤還要重大知道急性症狀外界醫生症狀甚至一度肺炎考慮美國有線電視新聞網川普cnn呼吸器報導</t>
  </si>
  <si>
    <t>美媒引述消息人士指出美國前總統川普去年染上新冠肺炎時症狀比外界知道的還要嚴重出現了肺浸潤等重大急性症狀醫生甚至一度考慮要為他戴上呼吸器。
美國有線電視新聞網（CNN）報導消息人士證實美國前總統川普2020年10月染上新冠肺炎時病況一度令人擔憂醫療團隊甚至考慮讓他戴上呼吸器。
《紐約時報》（New York Times）昨（11）日率先披露川普去年染疫時症狀比外界已知還要嚴重的消息報導指出川普當時實際上出現了肺浸潤的狀況。肺浸潤是一種肺部出現液體、細菌等物質的發炎狀況出現肺浸潤時患者通常已經併發其他症狀從一般X光攝影、掃描等程式中就可以輕易檢查出來患者部分肺部會呈現不透明的白色報導指出肺浸潤是新冠肺炎的急性症狀。
《紐時》也指出川普當時的血氧濃度甚至降到只剩下80%多。報導指出川普禦醫康利（Sean Conley）當時對於外界詢問川普病情閃爍其詞直到川普恢復後才向記者表示川普的血氧濃度從未降到80%。
另外他也迴避記者們有關川普是否接受輸氧治療的提問CNN指出當時康利只回應「川普現在不需要輸氧」針對記者詢問川普是否曾經接受過輸氧治療等問題時康利也答非所問強調「他今天早上完全不需要輸氧治療」、「他現在不需要昨天、今天他都沒有接受輸氧治療」。
針對川普當初病況可能比原先知道的更為嚴重布朗大學（Brown University）公共衛生學院院長吉哈（Ashish Jha）表示康利對外隱瞞川普病情的行為「令人不安」他說康利當時明顯在迴避及欺騙他說如果當時康利醫生及白宮對美國民眾公開病情的話會更好現在這種狀況不只令人失望也讓人難以忍受。
川普當時靠著美國雷傑納隆藥廠（Regeneron Inc）的實驗性抗體療法康復不過前美國第一夫人梅蘭妮亞（Melania Trump）則從未接受這種療法消息人士透露梅蘭妮亞堅持讓病毒走完自己的病程並且只使用藥草茶以及其他藥效較止痛藥弱的藥物來治療症狀所以梅蘭妮亞花了「非常、非常久」的時間病情才好轉。</t>
  </si>
  <si>
    <t>川普當時康利指出美國治療症狀病情報導接受梅蘭妮亞浸潤輸氧外界消息人士出現記者甚至狀況患者療法肺部</t>
  </si>
  <si>
    <t>川普新冠肺炎肺浸潤呼吸器隱瞞病情</t>
  </si>
  <si>
    <t>浸潤肺炎呼吸器隱瞞病情川普</t>
  </si>
  <si>
    <t>開庭網友暴怒</t>
  </si>
  <si>
    <t>「卡神」楊蕙如長期使用網軍在PTT帶風向更在去年關西機場事件中指示下層痛罵大阪辦事處去年12月遭檢調以侮辱公署罪起訴開庭前一晚(13日)她也在臉書PO長文表達心聲但不僅否認花錢養網軍更稱自己也「被大</t>
  </si>
  <si>
    <t>去年長期使用起訴公署開庭表達po侮辱長文心聲指示辦事處否認</t>
  </si>
  <si>
    <t>「卡神」楊蕙如長期使用網軍在PTT帶風向更在去年關西機場事件中指示下層痛罵大阪辦事處去年12月遭檢調以侮辱公署罪起訴開庭前一晚(13日)她也在臉書PO長文表達心聲但不僅否認花錢養網軍更稱自己也「被大陸網軍的造謠所誤導」會和律師舉證表清白並要求全台應該將焦點放在新冠肺炎防疫而不是她身上。
楊蕙如在開庭前一晚痛批大陸網軍和新冠肺炎一樣攻擊世界各國捏造關西機場派車假消息自己也被誤導才會試圖還原真相對抗大陸假消息更表明被起訴後選擇沉默是怕影響到選舉。
楊蕙如最後表示會和律師團隊提出舉證證明清白並呼籲大眾要把焦點聚集在肺炎疫情上對抗來自大陸各方面的惡意並且組織性的滲透團結打贏新冠肺炎戰役。
不少楊蕙如的朋友與粉絲看到後也紛紛留言打氣但文章被轉錄到PTT八卦版後網友痛罵：「還在轉移焦點看了就噁心」、「為了護航主子桶台灣自己人」、「害死一條人命還不在乎」、「呼籲大家注意武漢肺炎好讓自己安然度過嗎」、「她的PO文不就間接承認風向是她帶的嗎」、「殺人償命沒什麼好說的」、「滿滿的台灣價值」、「這種人沒被關真的沒天理」。
楊蕙如因長期在PTT使用大量分身養網軍、帶風向去年5月被抓去與汙衊大阪辦事處的「idcc」短時間內同IP登入整件事情因此爆發8月更被PTT站方列入黑名單12月遭到起訴後神隱長達一個半月直到勝選後2個禮拜才又出面。今天楊蕙如首次開庭罕見遭檢方痛批「侮辱中華民國」但楊仍否認犯行。</t>
  </si>
  <si>
    <t>肺炎ptt大陸焦點起訴去年開庭風向臺灣呼籲po辦事處假消息誤導</t>
  </si>
  <si>
    <t>楊蕙如開庭PTT新冠肺炎臉書</t>
  </si>
  <si>
    <t>ptt開庭肺炎楊蕙</t>
  </si>
  <si>
    <t>直接民眾鐵門板橋家樂福警戒</t>
  </si>
  <si>
    <t>中央疫情指揮中心指揮官陳時中上午宣佈臺北市、新北市進入三級警戒雙北民眾人心惶惶擔心下一步就是封城紛紛趕往大賣場補充民生物資以新北市板橋區的家樂福大賣場為例宣佈三級警戒才1個多小時中午採買民</t>
  </si>
  <si>
    <t>宣佈警戒新北指揮官陳時中上午中心臺北市擔心人心惶惶民眾封城紛紛雙北趕往進入小時補充民生家樂福物資</t>
  </si>
  <si>
    <t>中央疫情指揮中心指揮官陳時中上午宣佈臺北市、新北市進入三級警戒雙北民眾人心惶惶擔心下一步就是封城紛紛趕往大賣場補充民生物資以新北市板橋區的家樂福大賣場為例宣佈三級警戒才1個多小時中午採買民眾就已爆滿入口處管制進入引起部分民眾不滿。
現場客服人員表示這幾天人潮本來就比較多但今天上午10時許宣佈雙北進入三級警戒後人潮明顯瞬間暴增都是搶購泡麵、白米、罐頭、衛生紙等民生物資。
不僅如此在中午12時賣場更時直接將入口鐵門降下一半現場人員在入口處宣佈因賣場內走道已經擠滿人所以暫時管制進入。由於賣場實施實聯制必須填寫資料才能進入本就已有排隊人龍有民眾不滿久候又被告知管制進入當場發飆賣場人員不斷道歉安撫。
賣場宣佈暫時管制進入後不少排隊民眾決定離開吳先生說現在不知道要等多久才能進去進去後也不一定買得到想買的東西所以他決定趕到其他賣場試試運氣。</t>
  </si>
  <si>
    <t>進入宣佈民眾管制人員警戒決定才能入口處民生新北現場中午不滿物資雙北暫時排隊指揮官陳時中</t>
  </si>
  <si>
    <t>新冠肺炎台灣家樂福板橋搶購鐵門</t>
  </si>
  <si>
    <t>臺灣家樂福肺炎板橋搶購鐵門</t>
  </si>
  <si>
    <t>智慧nba戒指在即防疫複賽</t>
  </si>
  <si>
    <t>複賽nba準備奧蘭多迪士尼disney世界world確保希望隊伍分析威脅資料球員工作人員裝置於新冠感染主辦單位打算出動穿戴肺炎</t>
  </si>
  <si>
    <t>球員裝置nba資料健康戒指感染距離肺炎配戴健康狀況複賽分析超過確保是否功能智慧希望必須接觸</t>
  </si>
  <si>
    <t>NBA球員智慧戒指裝置</t>
  </si>
  <si>
    <t>裝置戒指球員nba智慧</t>
  </si>
  <si>
    <t>表明印太維持向陸強大拜登演說軍事存在</t>
  </si>
  <si>
    <t>（10：13）拜登演說結束美國總統國會聯席會議演說通常會持續1小時拜登首場演說一共花了1小時5分鐘。演說尾聲拜登表示從來沒有對美國這麼有自信、樂觀過「未來將會屬於美國」他說美國原本面臨動亂及疫情深</t>
  </si>
  <si>
    <t>美國演說拜登小時原本樂觀自信尾聲沒有聯席會議從來通常表示動亂面臨未來首場國會總統持續疫情一共結束</t>
  </si>
  <si>
    <t>（10：13）拜登演說結束美國總統國會聯席會議演說通常會持續1小時拜登首場演說一共花了1小時5分鐘。
演說尾聲拜登表示從來沒有對美國這麼有自信、樂觀過「未來將會屬於美國」他說美國原本面臨動亂及疫情深淵但是美國人民並沒有退縮敵人原先預期美國會分崩離析「但是我們團結了」「和美國對賭永遠不會是好事現在也是。」
拜登說：「如果我們團結沒有什麼是我們做不到的。」
（9：55）針對俄羅斯拜登表示已經明白告訴俄羅斯總統普丁美國不會尋求讓衝突升溫不過如果莫斯科真的付諸行動那將面臨後果。
CNN報導4月稍早美國對俄羅斯祭出制裁及驅逐外交官以懲罰俄羅斯干預2020美國總統大選、大規模網路攻擊行動、以及佔領克裡米亞、相關嚴重侵犯人權的行為。
（9：50）針對美中之爭拜登說他向大陸國家主席習近平表明美國將在印太維持強大的軍事存在就像北約（NATO）在歐洲一樣此舉不是要開啟衝突而是避免衝突發生。
他也向北京喊話美國歡迎競爭但不尋求衝突將捍衛美國所有利益捍衛基本貿易權利面對竊取智慧財產以及國家補貼行為華府也將反擊。
BBC報導拜登透過這場演說向全球宣示：美國回來了。通篇至少提了4次中國大陸及大陸國家主席習近平他說明習近平對於讓大陸成為全球重要國家的決心非常強
拜登也提到應該對美國研發工作有更多投資指出過去幾十年來美國已經落後包括中國大陸在內等國家。
（9：48）CNN報導拜登在這次演說中痛批前總統川普2017年的減稅計畫他也向富人喊話表明希望最富裕的美國人可以開始繳納他們那份公平的稅額。
他強調不會對年薪少於40萬美元的美國人額外加稅「但現在是美國公司、1%最富裕的美國人開始繳納他們稅額的時候了。」
他強調透過相關計畫國稅局（IRS）將嚴厲打擊那些逃稅的百萬和億萬富翁。
（9：45）據BBC報導拜登將致力讓全美執行至少15美元（約418台幣）的最低時薪制「讓我們通過15美元的最低時薪吧」他說「任何一星期工作40小時的人都不該生活在貧窮線下。」
語畢他獲得全場起立熱烈鼓掌不過目前還不清楚國會要採取什麼行動才能將聯邦最低時薪由725美元（約202台幣）提高為15美元（約418台幣）。
（9：40）有關沒有合法居留檔的移民拜登強調國會今年必須通過保護「追夢人」（Dreamers）的立法。
（9：25）據路透社預先透露拜登的講稿中還包含他向大陸國家主席習近平表明美國將在印太維持強大的軍事存在就像北約（NATO）在歐洲一樣。拜登也將表示美國會像因應補貼國有企業、還有竊取美國技術和智慧財產那樣勇於面對不公平貿易的做法。
針對俄羅斯拜登說他明白告訴俄羅斯總統普丁美國不會尋求升高情勢但他們的行動會承受後果。
（9：23）演說中拜登向美國民眾大力推銷基礎建設及就業計畫他強調這個計畫只有唯一一個原則就是美國投資。美國稅收將用來買美國貨美國貨將在美國製造、以創造美國人就業機會。
（9：20）拜登說他接下川普的棒子上任近百日後已恢復美國人對民主的信心並計劃公佈18兆美元（約50兆台幣）的支出和稅收抵免計畫。
他說自己接手了一個「陷入危機」的國家「世紀來最慘重的疫情」、「大蕭條以來最慘重的經濟危機」、「自內戰以來對美國民主最嚴重的攻擊」但是不到百日他的政府已經開始讓國家翻轉。
（9：18）拜登接著談及經濟議題針對3月通過的19兆美元（近53兆台幣）新冠經濟紓困案拜登感謝所有議員的協助。
■疫苗很夠用 拜登呼籲所有美國人「去打疫苗」
（9：10）拜登演說首個主題聚焦疫苗施打進度他強調原本保證在100日內要提供1億劑新冠疫苗但新政府早已遠超過這目標不斷呼籲所有美國民眾「去打疫苗」因為疫苗很夠用。據BBC報導拜登強調他在就職100天內就提供了超過22億劑疫苗。
他說目前新冠確診數已從1月下降了80%。
然而新冠大流行無疑仍是美國面臨的最大問題至今已有575萬美國人因而死亡仍高居世界第一。不僅如此有超過3200萬美國人確診幾乎和位居第2的印度和第3的巴西人數加起來一樣多。
他說對於抗擊新冠疫情還有很多要做的大家不能鬆懈。
（9：08）演說時拜登拿下口罩強調要重建美國要讓美國再度前進。
（9：04）戴著黑色口罩的美國總統拜登正式進場全場給予熱烈掌聲。裴洛西介紹拜登發表演說。
（8：50）英國廣播公司（BBC）報導演說開始前1名男子躺在美國國會大廈周邊安全區內由於他拒絕離開因此被警方抬走。
He’s now in the police van https://tco/L6pXTh28AP pictwittercom/fjeaV6fbnj
29日是美國總統拜登入主白宮百日美東時間28日晚間9時（台灣時間29日上午9時）拜登將在國會山莊發表上任後首場國會聯席會議演說預料他將藉此機會推銷總額高達4兆美元的「美國就業計畫」與「美國家庭計畫」「中時新聞網」屆時將為您直播拜登演說內容。
美國國家廣播公司新聞網（NBC News）報導拜登將藉由演說盤點上任100天的政績以及推銷他對國家的願景。盤點目前政績方面預料將觸及政府如何應對新冠疫情及疫苗施打進度。
關於未來願景預料他將專注推銷19兆美元基礎建設及就業計畫白宮新聞秘書莎琪（Jen Psaki）上周表示拜登也將藉此機會公佈一項專注在支出及稅收的「美國家庭計畫」（American Families Plan）此案預計將斥資15兆美元。
另外預料他也將提及美國經濟、醫療健保、及員警改革等議題。
據美國有線電視新聞網（CNN）報導在這歷史時刻美國第一位女性副總統賀錦麗將與眾院議長裴洛西（Nancy Pelosi）一起坐在拜登後面這是美國史上首度有2位女性坐在總統後方有人開玩笑說拜登被「女性圍繞」但賀錦麗說這是相當「正常的」。
報導指出由於拜登陣營十分在意首度在國會演說的表現因此只邀了少數共和黨議員出席如喬治亞州新科眾議員葛琳（Marjorie Taylor Greene）因為經常製造騷動因此並未受邀出席。據路透報導為了這次演說拜登精挑細選了少數民主與共和黨議員出席。
此外由於新冠疫情影響眾院遵守維持社交安全距離的規範因此人數稀少僅約200人獲邀出席。</t>
  </si>
  <si>
    <t>美國拜登演說報導強調國家總統疫苗國會疫情沒有台幣俄羅斯</t>
  </si>
  <si>
    <t>拜登100百日國會聯席會議演說</t>
  </si>
  <si>
    <t>拜登 100百 日 國會 聯席會議 演說</t>
  </si>
  <si>
    <t>國會聯席會議演說拜登</t>
  </si>
  <si>
    <t>鬆綁行業八大服務明起</t>
  </si>
  <si>
    <t>中央日前宣佈從11月2日起將進一步鬆綁防疫管制措施並分階段鬆綁分階段鬆綁八大行業防疫管制以「有、無陪侍服務者」為區別無培侍服務可在11月2日向地方政府提出復業申請臺北市今臨時舉辦防疫記者會臺北市</t>
  </si>
  <si>
    <t>防疫管制鬆綁臺北市複業申請進一步提出政府地方服務行業宣佈舉辦階段服務者區別八大日前措施</t>
  </si>
  <si>
    <t>中央日前宣佈從11月2日起將進一步鬆綁防疫管制措施並分階段鬆綁分階段鬆綁八大行業防疫管制以「有、無陪侍服務者」為區別無培侍服務可在11月2日向地方政府提出復業申請臺北市今臨時舉辦防疫記者會臺北市副市長黃珊珊指出11月2日起開始放寬某些管制部分活動可有條件免戴口罩會遵循中央指引開放。
黃珊珊指出11月2日起將開放「社區照顧關懷據點」及「長青學苑課程」與共餐；另外舞場夜、夜店業、三溫暖可申請復業部分體育活動則有條件免戴口罩、體育場館容留人數回歸各場館規定。
黃珊珊強調雖然部分活動放寬但仍維持實聯制量體溫、主動申報健康調查、出入口單一動線、加強手部消毒、維持社交距離、加強環境清消等防疫規則。
北市社會局表示11月2日起同意開放長者內用共餐及外帶餐食；同意開放辦理卡拉OK、麻將及桌遊類課程關懷據點仍應函報社會局申請復辦截至11月1日已有260家社區照顧關懷據點申請復辦。
至於八大行業防疫的部分黃珊珊說舞場業、夜店業和三溫暖業等「無陪侍服務者」11月1日公告受理申請復業現勘符合規定11月2日起復業；至於酒吧業、酒家業、舞廳業、萬華茶室172家業者須待11月9日公告受理申請復業現勘符合規定後11月16日起依中央公佈復業。
此外八大行業要開放需符合幾個條件包含從業人員至少接種過1劑疫苗並滿14天以上且首次服務前要提供3日內快篩或PCR陰性證明；未完整接種2劑疫苗的員工須每週進行一次快篩或PCR檢驗；顧客進場至少要完成1劑疫苗滿14天證明。
至於八大行業是否會結合健康通行證？黃珊珊說當時北農跟環南有使用過有再跟中央爭取介接臺北通但時程還不確定除八大外希望也能在醫院和老人機構使用健康通行證管理臺北市已經準備好了做好監測只要開放後台就可以做介接。
另外被問到現階段沒有疫苗護照如何做把關？黃珊珊回應表示員工要造冊並提出相關疫苗證明顧客的部分則須持有黃卡或健保快易通會請同仁以抽查方式員警也會臨檢抽查如發現不符規定會依《傳染病防治法》開罰。</t>
  </si>
  <si>
    <t>開放黃珊珊申請疫苗部分八大防疫複業健康中央行業證明至於臺北市關懷條件管制據點活動規定維持</t>
  </si>
  <si>
    <t>新冠肺炎台灣黃珊珊疫苗八大行業</t>
  </si>
  <si>
    <t>黃珊珊臺灣疫苗肺炎八大行業</t>
  </si>
  <si>
    <t>公開信席爾佛停賽發表nba</t>
  </si>
  <si>
    <t>為了更加清楚表達NBA對抗新冠肺炎疫情的決心NBA總裁席爾佛13日特別寫了一封給所有NBA球迷的公開信強調會做出停賽的無奈決定都是為了所有人的幸福與健康著想更表示這次停賽至少持續30天直到所有人確定安全</t>
  </si>
  <si>
    <t>nba停賽所有人對抗疫情決心總裁持續至少球迷表示公開信強調健康幸福做出無奈決定肺炎直到席爾佛</t>
  </si>
  <si>
    <t>Adam Silver letter to NBA fans pictwittercom/F5GA2Yb0Ib
為了更加清楚表達NBA對抗新冠肺炎疫情的決心NBA總裁席爾佛13日特別寫了一封給所有NBA球迷的公開信強調會做出停賽的無奈決定都是為了所有人的幸福與健康著想更表示這次停賽至少持續30天直到所有人確定安全才會重新開打。
以下是席爾佛寫給球迷的信件內容「親愛的NBA球迷就如同你們知道的為了因應新冠肺炎疫情我們已經臨時把賽季暫停了我們做出這個決定是為了保障球迷、球員以及所有跟我們比賽相關人士與公眾的幸福和健康這次停賽至少持續30天我們打算在所有相關人員安全情況下再重新開始這個賽季。
我們同時將跟傳染病與公共衛生專家、政府官員協商確定恢復比賽的安全規程當我們為了未來的NBA賽事與制定合適賽制會在發生任何變化時即時告訴大家已購買的延賽門票將在改期後仍可使用假如比賽被取消或閉門進行球隊將替球迷辦理退票。
我們鼓勵球迷前往官網第一時間瞭解最新消息與NBA保持聯繫你也可在那裡得到一些如何保護自己或家人健康的相關訊息。現在仍是一個複雜且隨時迅速演變的局面卻也提醒我們都是廣泛社會的一部分有責任彼此照顧這是NBA將做的事情我們感謝你們的體諒感謝你們是體育界最棒的球迷。」
湖人球星「小皇帝」詹姆斯也在第一時間分享席爾佛的公開信更寫「席爾佛做得很棒！給我們的球迷我們已經開始想念你們了。」清楚表達自己支持聯盟停賽作法就算他先前曾一度公開放話假如聯盟選擇閉門開打他將拒絕參加隨後卻馬上改口支持。</t>
  </si>
  <si>
    <t>nba球迷停賽比賽席爾佛相關健康聯盟第一時間安全確定開始賽季重新已經清楚表達閉門所有人</t>
  </si>
  <si>
    <t>NBA球迷席爾佛停賽公開信</t>
  </si>
  <si>
    <t>停賽席爾佛球迷nba公開信</t>
  </si>
  <si>
    <t>疏失離譜高層極不國防部</t>
  </si>
  <si>
    <t>海軍敦睦艦隊有24名官兵感染新冠肺炎國防部的處置和說法屢遭打臉因此遭外界質疑隱匿病情。事發至今國軍至少有3大防疫疏失包括口罩政策未落實等艦上健康管理問題、返國檢疫隔離不如遠洋漁船標準以及下船檢疫</t>
  </si>
  <si>
    <t>檢疫隔離返國官兵問題管理感染健康肺炎國防部落實處置說法政策遭打口罩外界質疑包括隱匿病情</t>
  </si>
  <si>
    <t>海軍敦睦艦隊有24名官兵感染新冠肺炎國防部的處置和說法屢遭打臉因此遭外界質疑隱匿病情。事發至今國軍至少有3大防疫疏失包括口罩政策未落實等艦上健康管理問題、返國檢疫隔離不如遠洋漁船標準以及下船檢疫措施遠遜郵輪因此造成群聚感染。傳出府院高層一度對軍方輕忽及後續處置態度相當不滿。
磐石軍艦群聚感染引發各界譁然朝野更紛紛提出許多質疑。國民黨桃園市議員詹江村質疑艦艇放下那麼多軍人從帛琉回來為什麼可以不用隔離？民進黨立委劉世芳則質疑艦艇為何沒有遵守中央疫情流行管制中心規定進到國內就要14天的居家檢疫跟隔離她認為軍系的系統需要反省跟檢討一下為何跟別人的天數不一樣！據《鏡週刊》報導敦睦艦隊這次染疫國軍至少有3大「可預防而未預防」的防疫疏失使全力圍堵病毒入境的府院高層一度對軍方輕忽及後續處置態度相當不滿。
據週刊報導國軍至少有3大防疫疏失包括口罩政策未落實等艦上健康管理問題、返國檢疫隔離不如遠洋漁船標準以及下船檢疫措施遠遜郵輪因而釀成這次群聚感染。
這起事件也引發國人對國軍的信任危機。對此總統蔡英文昨召集國防部等單位檢討強調「誠實以對是我對國防部下達的最高原則」。她要求國防部及其他政府機關「不要隱匿」在最短時間完成內部調查該檢討的就檢討該究責的也不能迴避。</t>
  </si>
  <si>
    <t>質疑國防部感染檢討國軍隔離檢疫處置隱匿艦艇至少引發週刊報導防疫疏失艦隊敦睦不滿相當</t>
  </si>
  <si>
    <t>國防部國軍口罩敦睦艦隊新冠肺炎</t>
  </si>
  <si>
    <t>艦隊敦睦口罩國軍國防部肺炎</t>
  </si>
  <si>
    <t>回歸死亡率醫學倫理dnr</t>
  </si>
  <si>
    <t>三級警戒期間死亡人數高達近800多人面對不停歇的死因質疑聲浪專家諮詢小組召集人張上淳曾說「死亡率高與家屬具DNR觀念（不施行心肺復甦術）有關」有相當比例的病人是救得回來的引發軒然大波醫界批評這是</t>
  </si>
  <si>
    <t>高達面對不停引發回來死因質疑聲浪專家病人人數比例相當小組召集人有關張上淳復蘇</t>
  </si>
  <si>
    <t>三級警戒期間死亡人數高達近800多人面對不停歇的死因質疑聲浪專家諮詢小組召集人張上淳曾說「死亡率高與家屬具DNR觀念（不施行心肺復甦術）有關」有相當比例的病人是救得回來的引發軒然大波醫界批評這是對家屬的打擊而他也在沉寂幾天後致歉。
指揮中心分析雙北死亡個案資料表示5月18日至6月24日間有1785％病患或家屬簽DNR（不施行心肺復甦術）平均758歲9成有潛在疾病如高血壓、糖尿病、癌症等。
而本報取得健保署DNR統計資料發現全台65、75歲以上長者簽署比例是777％、879％而近3年主診斷為癌症者的比例為1055％雙北確診死亡個案簽署DNR比例甚至是長者的2倍多。
對於指揮中心一度將致死率與DNR掛鉤健保署長李伯璋說不論是新冠肺炎或癌症假如無法繼續治療簽署DNR是好的不過有時DNR概念若不夠普及真出現還沒治療就離開的案例就會有點可惜。
一位新冠肺炎家屬表示先生在確診入院後其實狀況還在控制但護理人員一直跟他們談簽署DNR讓他們覺得十分不解覺得觸黴頭。
北醫附醫胸腔內科主任周百謙則說疫情爆發時醫療滿載大家悲觀以對醫師憑著有限的藥物、設備去面對可能呼吸衰竭的危險族群多會偏向家屬預告插管、難以拔管的風險就有可能去碰觸DNR。
但臺北市醫師職業工會發言人陳亮甫說確診者病況變化大疫情嚴峻時陪病管制嚴若狀況危急家屬無法隨時在旁醫師會較積極詢問DNR意願這是趁家屬還在時讓家屬考慮不代表此事不該被談論。
北市聯醫整合醫療科主治醫師薑冠宇強調造成死亡的真正原因是醫療量能不足DNR只是必經之路在資源不足前提下即使不簽也不保證能救回DNR應回歸單純倫理問題。</t>
  </si>
  <si>
    <t>dnr家屬死亡簽署醫療比例醫師癌症確診面對狀況疫情可能無法</t>
  </si>
  <si>
    <t>家屬肺炎應回歸DNR醫界</t>
  </si>
  <si>
    <t>dnr回歸肺炎家屬</t>
  </si>
  <si>
    <t>專家湖北who世界言謝武漢來日人民</t>
  </si>
  <si>
    <t>赴大陸考察新冠肺炎疫情的世界衛生組織專家已結束在路調查行程考察組外方組長、世衛組織總幹事高級顧問艾爾沃德（Bruce Aylward）表示大陸所採取的策略明顯影響了確診病例增加的速度並已認識到武漢人民所付出</t>
  </si>
  <si>
    <t>考察大陸認識速度增加病例確診影響明顯策略採取表示高級顧問世界衛生組織aylwardbruce艾爾沃德專家疫情幹事世衛組織組長肺炎外方結束調查行程</t>
  </si>
  <si>
    <t>赴大陸考察新冠肺炎疫情的世界衛生組織專家已結束在路調查行程考察組外方組長、世衛組織總幹事高級顧問艾爾沃德（Bruce Aylward）表示大陸所採取的策略明顯影響了確診病例增加的速度並已認識到武漢人民所付出貢獻「世界欠你們一次」當疫情過去後希望有機會代表世界再一次感謝武漢人民。
據路透社報導艾爾沃德在與大陸國家衛健委官員舉行的聯合記者會上表示儘管最近幾周觀察到了一些統計問題但多個資料來源支援衛健委報告的新增病例數量總體下降的趨勢。國家衛健委24日報告新增409例新冠病毒確診病例低於一天前的648例兩周之內實現下降80%；而包括北京和上海在內的20多個省級行政區報告新增感染者數量為零為自疫情爆發以來最佳資料。
艾爾沃德表示雖然疫情從武漢市爆發後大陸採取如封城等行動特別是武漢即使中止交通、如汽車與手機零件等產品全球生產鏈也中斷但確實防止了數十萬病例發生「全世界欠你們一次」希望場疫情過去有機會代表世界再一次感謝武漢人民並呼籲全世界從快速反應中學到一課。
而據《環球時報》報導艾爾沃德表示在全球不得不為疫情做應對和準備的過程中自己曾經像其他人一樣對於非藥物幹預措施是有偏見的但大陸的方法被事實證明是成功的雖然全球社會尚未做好準備採用大陸的方式。
艾爾沃德進一步指出很多人都會說現在沒有藥現在沒有任何的疫苗「所以我們只能拍拍手表示沒有辦法」；而大陸的做法是既然沒藥沒疫苗那有什麼就用什麼能怎樣調整就怎樣調整能怎樣適應就怎樣適應能怎樣去拯救生命就怎樣去拯救生命。
不過華盛頓郵報北京分社社長弗菲爾（Anna Fifield）在推特上質疑身為世界頂尖的流行病學家為何才剛進過武漢境內醫院的艾爾沃德沒有強制隔離檢疫14天就離開大陸。對此艾爾沃德表示向他表示他沒有去過武漢任何「骯髒的區域」（dirty areas）而且已接受冠狀病毒核酸檢測為了趕飛機才急著離開記者會。
I just asked Bruce Aylward who was in Wuhan over the weekend why he was not in quarantine He said he didn’t go to any “dirty” areas in Wuhan and that he was tested for coronavirus this morning He hastily left the press conference because he has a plane to catch</t>
  </si>
  <si>
    <t>大陸艾爾沃德表示武漢疫情he病例世界沒有全球wasin報告衛健新增北京人民準備離開記者會病毒dirty</t>
  </si>
  <si>
    <t>武漢艾爾沃德大陸WHO新冠肺炎</t>
  </si>
  <si>
    <t>who大陸艾爾沃德武漢肺炎</t>
  </si>
  <si>
    <t>口罩醫院免費假消息</t>
  </si>
  <si>
    <t>新冠肺炎疫情延燒網路假消息不少行政院長蘇貞昌今天透過臉書、LINE官網表示最近網路上出現很多散播假疫情、假防疫政策的惡意訊息甚至有人竄改行政院公文說「大家可以免費去醫院領十張口罩」。他要在此說明</t>
  </si>
  <si>
    <t>疫情醫院免費可以文說行政院竄改網路行政院長甚至假消息訊息蘇貞昌惡意今天透過表示最近line</t>
  </si>
  <si>
    <t>新冠肺炎疫情延燒網路假消息不少行政院長蘇貞昌今天透過臉書、LINE官網表示最近網路上出現很多散播假疫情、假防疫政策的惡意訊息甚至有人竄改行政院公文說「大家可以免費去醫院領十張口罩」。他要在此說明這顯然是假的 行政院也已報警處理。
蘇貞昌也提醒大家：如果在網路上看到關於疫情或防疫政策的消息但是新聞沒報、防疫記者會沒講、衛福部粉專沒有寫、他這邊也沒有貼請審慎判斷、不要隨便分享以免觸法。依據紓困條例規定散佈假訊息最重可關三年、併罰300萬元。
蘇貞昌說新冠肺炎疫情險峻台灣政府把防疫擺第一宣佈防疫政策也一向公開透明請大家留意不要聽信假消息。</t>
  </si>
  <si>
    <t>防疫蘇貞昌疫情政策行政院訊息網路上不要假消息肺炎沒有醫院口罩免費可以依據文說分享line</t>
  </si>
  <si>
    <t>蘇貞昌新冠肺炎新型冠狀病毒NCP台灣</t>
  </si>
  <si>
    <t>冠狀肺炎病毒ncp蘇貞昌臺灣</t>
  </si>
  <si>
    <t>景氣佈局時代疫情基金</t>
  </si>
  <si>
    <t>全球新冠肺炎疫情未歇使景氣後市遲未明朗。專家認為5G仍是後疫情時代啟動全球經濟引擎的鑰匙基礎建設、關鍵元件等「硬5G」將迎來首波商機在5G趨勢初始爆發階段超前部署關鍵科技硬5G等相關商機將是掌握布</t>
  </si>
  <si>
    <t>疫情關鍵全球後市景氣遲未明朗商機專家經濟認為啟動時代引擎鑰匙趨勢基礎相關爆發建設</t>
  </si>
  <si>
    <t>全球新冠肺炎疫情未歇使景氣後市遲未明朗。專家認為5G仍是後疫情時代啟動全球經濟引擎的鑰匙基礎建設、關鍵元件等「硬5G」將迎來首波商機在5G趨勢初始爆發階段超前部署關鍵科技硬5G等相關商機將是掌握佈局5G的最佳策略。
專家指出5G範圍包羅萬象包括基地台、行動裝置、自駕車等乃至智慧家庭與智慧城市實現需要的硬體零組件非常廣泛。因此鎖定5G發展技術中的「關鍵科技」甚為重要即可藉此掌握各個關鍵科技製造商的發展脈動。
而欲發展5G首先需要建立5G基地台、天線等基礎建設。市調機構預估今年全球5G無線網路基礎設施產生的全球收入將超過41億美元約達去年的2倍。因此包括基礎建設、關鍵元件等「硬5G」將迎來5G時代首波商機。
據工研院IEK Consulting報告在美國、中國大陸、歐洲、日本、韓國等電信業者陸續投入5G網路基礎建置帶動下去年5G基地台在整體基地台市場占比為85％預估至2023年占比將大舉提升至546％以上。
元大投信看好相關商機推出全台首檔著重於5G「前趨勢」的「元大未來關鍵科技」ETF（00876）追蹤iSTOXX全球未來關鍵科技指數自5G關鍵元件製造商中挑選掌握優先受惠族群的投資標的涵蓋基礎建設、智慧裝置、終端裝置、行動裝置等4大商機產業。
元大投信指出元大未來關鍵科技ETF在5個募集日內的累積扣款筆數逾4萬筆募集金額高達152億元除了成為台灣募集金額最高的ETF也是國際間投資全球5G規模最大的ETF7日掛牌首日成交量便突破10萬張顯現國人看好5G主題投資。</t>
  </si>
  <si>
    <t>關鍵全球基礎科技etf基地建設掌握募集投資疫情發展預估需要未來包括看好時代去年裝置專家智慧趨勢</t>
  </si>
  <si>
    <t>新冠肺炎疫情全球景氣經濟</t>
  </si>
  <si>
    <t>肺炎疫情全球景氣經濟</t>
  </si>
  <si>
    <t>發文全力協助沉默爭議範雲</t>
  </si>
  <si>
    <t>台灣於5月中旬新冠肺炎疫情爆發民眾將其歸咎於指揮中心放寬機組員檢疫措施為3+11而民進黨不分區立委範雲被網友指控為向指揮中心「關心」將機組員檢疫措施放寬為3+11的主要推手。範雲在事件爆發後臉書均未發文</t>
  </si>
  <si>
    <t>爆發范雲指揮措施放寬中心檢疫機組員肺炎疫情民眾事件分區歸咎推手網友民進指控關心</t>
  </si>
  <si>
    <t>台灣於5月中旬新冠肺炎疫情爆發民眾將其歸咎於指揮中心放寬機組員檢疫措施為3+11而民進黨不分區立委範雲被網友指控為向指揮中心「關心」將機組員檢疫措施放寬為3+11的主要推手。範雲在事件爆發後臉書均未發文自5月12日至今在沉默83後今晚首度又貼文表示會盡全力協助相關爭議釐清。
範雲指出自從五月份疫情爆發以來因為3＋11相關爭議她鮮少對外發文但對民眾的服務從來沒有停歇。
範雲表示對於3＋11的爭議如她之前所說她為機組員開協調會出發點是擔心機組員身心狀況導致飛安疑慮。對於相關決策與疫情關聯除了指揮中心多次說明她也相信行政院與監察院分別進行的調查會釐清相關爭議她也會盡全力協助相關爭議釐清。
范雲也不忘洋洋灑灑詳列9大項簡要問政報告最後說「讓我們一起加油為弱勢、為公益、為台灣繼續風雨同路。」</t>
  </si>
  <si>
    <t>範雲機組員相關爭議疫情爆發指揮中心發文表示民眾對於臺灣措施檢疫放寬弱勢加油一起最後報告</t>
  </si>
  <si>
    <t>3+11範雲新冠肺炎</t>
  </si>
  <si>
    <t>肺炎範雲</t>
  </si>
  <si>
    <t>基站報到點將族群受益熱門</t>
  </si>
  <si>
    <t>5G今年起在全球陸續商轉預計對於小型基地台周邊相關產品在未來幾年內將持續快速成長小型基站概念股包括有正文(4906)、中磊(5388)、啟碁(3596)、明泰(3380)另外光濾波器廠統新(6462)等均可望受惠。隨著各國電</t>
  </si>
  <si>
    <t>陸續可望商轉預計對於基地濾波器周邊相關產品未來受惠全球持續快速成長正文</t>
  </si>
  <si>
    <t>5G今年起在全球陸續商轉預計對於小型基地台周邊相關產品在未來幾年內將持續快速成長小型基站概念股包括有正文(4906)、中磊(5388)、啟碁(3596)、明泰(3380)另外光濾波器廠統新(6462)等均可望受惠。
隨著各國電信商陸續發放5G頻譜5G也陸續商轉對於小型基地台等5G相關設備之需求逐步增溫由於小型基地台具有體積小、建置成本低且網路容量可擴增讓電信商可以最具成本效率之方式彈性組網5G小型基地台量隨之成長市場統計2019年5G基地台市場規模已達1475億美元。
台灣網通廠在小型基地台具有成熟的研發經驗從3G、4G LTE到現在的5G且因為5G穿透性較差故對於具有補強功能的小型基地台來說地位又更加重要加上大陸在5G的積極程度和4G不可同日而語以往大陸電信三雄就有向台系網通廠採購的經驗故此波商機對台灣網通廠來說相當值得期待。
統新針對5G市場積極開發25G產品統新濾波片設計良率優於競爭同業可望取得一定市場地位且上半年因為疫情衝關係光模塊需求遞延超逾一個季度目前市場已經陸續回溫以統新來說目前資料中心仍以100G產品為主軸但400G產品有機會在明年躍升為主流商品基地台方面仍以10G、25G產品為初期布建主力。</t>
  </si>
  <si>
    <t>基地市場產品電信具有陸續對於地位可望經驗需求成長相關臺灣網目前大陸商轉仍以積極正文</t>
  </si>
  <si>
    <t>統新光濾波器100G400G中磊</t>
  </si>
  <si>
    <t>吹牛過程藍委莫德納蔡英文草稿</t>
  </si>
  <si>
    <t>總統蔡英文日前表示各廠牌疫苗取得累積數量已經達到1730萬劑這當中有國際夥伴的援贈行政團隊更是天天寫信、週週視訊會議多管齊下和民間努力的成果。對此前藍委孫大千譏諷現在是在催貨還是在吹牛？蔡英</t>
  </si>
  <si>
    <t>各廠現在譏諷疫苗取得累積藍委孫數量已經對此成果達到努力當中民間表示多管齊下國際夥伴會議</t>
  </si>
  <si>
    <t>總統蔡英文日前表示各廠牌疫苗取得累積數量已經達到1730萬劑這當中有國際夥伴的援贈行政團隊更是天天寫信、週週視訊會議多管齊下和民間努力的成果。對此前藍委孫大千譏諷現在是在催貨還是在吹牛？蔡英文就算吹牛也要打一下草稿。
台灣自購的108萬劑莫德納疫苗和64萬劑AZ疫苗抵台蔡英文17日在臉書表示行政團隊卯足全力天天寫信、週週視訊會議多管齊下不分廠牌都持續催貨更提到目前疫苗取得累積數量達到1730萬劑除有國際夥伴的援贈也有政府民間共同努力的成果。
對此孫大千今（19日）在臉書發文表示什麼叫做「天天寫信」？照這種邏輯至少也寫了100封以上的信了吧？蔡英文要不要公佈一下這些信件給大家見識一下；什麼叫做「週週視訊」？視訊如果真的有用南韓就不用派特使團去催貨了。
台灣現在取得的疫苗孫大千直言大多數都是國外友邦和民間團體捐贈的蔡英文就算吹牛也要打一下草稿吧！連這樣的功勞也要搶嗎？</t>
  </si>
  <si>
    <t>蔡英文疫苗表示取得寫信孫大臺灣叫做對此成果周周現在民間行政團隊吹牛</t>
  </si>
  <si>
    <t>催貨蔡英文莫德納AZ疫苗新冠肺炎</t>
  </si>
  <si>
    <t>az疫苗莫德納蔡英文肺炎</t>
  </si>
  <si>
    <t>月初月底召開全國人大暫訂政協會議消息人士</t>
  </si>
  <si>
    <t>據兩名參與籌備工作的人士表示中國大陸已暫定計劃在4月下旬或5月初舉行全國人大、政協會議這兩個每年按例在3月舉行的會議因新冠病毒而延後目前大陸新冠病毒新增病例已大幅下降因而打算在疫情趨緩之際召開此</t>
  </si>
  <si>
    <t>大陸病毒舉行疫情打算中國下降大幅暫定病例月初計畫下旬新增會議表示全國人大政協會議而延人士之際目前籌備工作</t>
  </si>
  <si>
    <t>據兩名參與籌備工作的人士表示中國大陸已暫定計劃在4月下旬或5月初舉行全國人大、政協會議這兩個每年按例在3月舉行的會議因新冠病毒而延後目前大陸新冠病毒新增病例已大幅下降因而打算在疫情趨緩之際召開此一年度大型政治集會。
據《路透》報導大陸全國人大和政協會的年度會議原依慣例定於3月初舉行但今年由於新冠疫情爆發而推遲至今未宣佈正式召開的日期。
報導認為這個參加人數高達數千人的大型政治性集會在北京人民大會堂恢復舉行將是一個重要信號表明中共領導路階層認為疫情已經受控制政治活動將恢復正常。
不過大陸國務院新聞辦公室和全國人大常委會新聞部門未回覆媒體置評的要求。
在武漢爆發並擴散至大陸全境與世界各國的新冠肺炎在大陸已有8萬多人感染導致3200人死亡對經濟生活造成嚴重破壞企業生產急劇下降創下30年來最嚴重的紀錄。
報導引述知情人士的話說全國人大召開日期尚未最後確定參加人數可能會減少從外地到北京參加會議的代表可能要進行檢疫措施。
每年的全國人大、政協會議召開時間大約為10天左右是一年一度極重要的政治儀式。人大會議期間會通過多項立法並審議國務院總理的政治工作報告並公佈未來的經濟與社會目標、國防預算和其他重要的政策決定同時也會有重大政策宣示與人事異動。
報導說今年全國人大的重要議題除了新冠疫情防控之外還會包括導致去年下半動盪的香港反送中運動以及更重要的如何恢復受疫情衝擊的大陸經濟問題。</t>
  </si>
  <si>
    <t>大陸重要疫情全國人大政治會議報導召開經濟舉行參加爆發導致認為可能集會恢復人士人數年度今年月初</t>
  </si>
  <si>
    <t>華南銀行小時企業紓困</t>
  </si>
  <si>
    <t>華南銀行積極配合政府政策照顧受新冠肺炎疫情衝擊的基層勞工率先推出「受嚴重特殊傳染性肺炎影響勞工紓困貸款」每人最高十萬元貸款期限三年第一年免繳利息前六個月寬限期間不必攤還本金第二年起利率則</t>
  </si>
  <si>
    <t>肺炎勞工攤還不必貸款期間寬限政策利息照顧本金影響政府衝擊疫情傳染性率先推出基層特殊嚴重免繳期限最高紓困</t>
  </si>
  <si>
    <t>華南銀行積極配合政府政策照顧受新冠肺炎疫情衝擊的基層勞工率先推出「受嚴重特殊傳染性肺炎影響勞工紓困貸款」每人最高十萬元貸款期限三年第一年免繳利息前六個月寬限期間不必攤還本金第二年起利率則依郵政二年期定儲機動利率加1個百分點（目前合計1845％）計收利息且不收取任何開辦費用。
該貸款申請對象為年滿20歲且受疫情影響之本國籍勞工票債信無異常簡易信用評分總分在60分以上者即可申貸。華銀更將從寬認定受理對象只要有工作事實皆可提出申請包含有投勞保者與固定薪資收入的受僱勞工無投保紀錄者可提出薪資證明、接案單等工作事實佐證即日起就可至華銀各分行申請紓困。
另為了讓受疫情影響的企業能快速、便捷申請紓困貸款華銀推出「小微企業線上貸款平臺」提供企業24小時全年無休的線上申請服務企業戶只需上網填寫企業基本資料華銀就會有專人主動聯絡縮短貸款申請流程以「從寬、從簡、從速」三原則力挺中小企業。
華銀的「小微企業線上貸款平臺」透過簡化內部核貸流程讓實收資本額在3千萬元以下且符合信保基金保證對象的中小企業或是僅辦理稅籍登記的營利事業都可透過平臺提出申請而對於未達使用統一發票標準的「小規模營業人」只要通過簡易評分表計算符合標準也能符合申貸資格最快在三天內就能取得資金。
為照顧新冠肺炎疫情衝擊攤商等「小規模營業人」自5月1日起華銀提供新台幣50萬元簡易申貸方案貸款期限最長5年央行融通期間利率以1％計收且免收取信保手續費「小規模營業人」只需於華銀官網專屬網頁勾選確認稅籍登記期間、負責人從事本業經驗、不動產擔保設定、營業狀況等四個欄位系統就會自動判斷是否符合資格。
華銀秉持「從寬、從簡、從速」三原則全力配合政府產業紓困及經濟振興政策並彙整相關紓困貸款資訊與諮詢窗口於華銀官網「新冠肺炎紓困專區」持續協助客戶度過難關。</t>
  </si>
  <si>
    <t>華銀貸款申請紓困企業營業期間勞工簡易對象符合利率提出肺炎疫情小規模影響從寬</t>
  </si>
  <si>
    <t>利率華銀企業簡易申貸</t>
  </si>
  <si>
    <t>簡易華銀企業利率</t>
  </si>
  <si>
    <t>洪都拉斯回家不敢護理陳仙梅</t>
  </si>
  <si>
    <t>台灣疫情居高不下每天被確診數與疫苗採購相關問題夾擊而在如此嚴峻的情況下不但警消、物流人員身處險境在第一線的醫護人員更是首當其衝近日還爆出確診者傷害護理師的事件讓人心疼又著急藝人洪都拉斯受</t>
  </si>
  <si>
    <t>確診心疼疫苗採購事件相關夾擊護理問題嚴峻情況傷害物流人員身處險境第一線醫護人員爆出</t>
  </si>
  <si>
    <t>台灣疫情居高不下每天被確診數與疫苗採購相關問題夾擊而在如此嚴峻的情況下不但警消、物流人員身處險境在第一線的醫護人員更是首當其衝近日還爆出確診者傷害護理師的事件讓人心疼又著急藝人洪都拉斯受訪吐露兒子其實就是護理師很有使命感每天努力工作下了班竟不敢回家擔心害家人染疫讓當爸的他好心疼。
洪都拉斯接受《聯合報》專訪吐露兒子2年前退伍後就投入了護理師行列不料如今遇上這場比SARS還慘烈的新冠疫情做人家長的他其實很擔心透露之前疫情還不嚴重時他就問過孩子在醫院工作防護夠不夠？兒子說即使防護再好心裡還是會不安他深知孩子熱愛這份工作因此身為家長即使內心很糾結但仍是在背後默默給予支持。
而本土疫情爆發後兒子工作更忙但這不是洪都拉斯很久沒看到孩子的原因是兒子擔心外人對護理師的異樣眼光會影響家人也怕在第一線工作會帶著病毒回家因此下班後連家都不敢回跟爸爸說自己盡量不要回家讓洪都拉斯好心疼直跟兒子說沒關係「就算因為這樣染疫也甘願怎麼可以放你自己在外面？」。
洪都拉斯接受訪問後也在臉書po文溫情告白兒子：「天下的爸爸媽媽都是一樣的我為我兒子感到無限的驕傲那是一種崇拜！大家都要平安」許多星友如鍾欣淩、嚴立婷、楊麗音、陳美鳳、範瑞君、NONO等都感動不已紛紛留言給父子倆打氣陳仙梅更說：「看你一句『我被染疫我也甘願我怎麼可能放你一個人在外面』…天啊我整個眼眶都是淚」直接被逼哭洪都拉斯又po文表示接收到大家的關心很感謝眾人溫馨給予信心「這所有的關懷我會告訴兒子你不孤單大家都在期待雨過天晴」。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兒子洪都拉斯工作疫情護理擔心回家孩子心疼務必</t>
  </si>
  <si>
    <t>洪都拉斯兒子護理師新冠肺炎台灣</t>
  </si>
  <si>
    <t>護理兒子肺炎洪都拉斯臺灣</t>
  </si>
  <si>
    <t>荷蘭肺炎感染爆發動物員工傳人案例</t>
  </si>
  <si>
    <t>荷蘭農業部19日表示國內傳出一起養貂場員工被貂感染新冠肺炎案例是荷蘭第一件通報的動物傳染給人的病例。荷蘭南部荷蘭北布拉班特省（North Brabant）的大城愛因霍芬（Eindhoven）東部有兩座養殖場新冠肺炎病毒</t>
  </si>
  <si>
    <t>荷蘭肺炎傳出國內north大城通報brabant霍芬養殖場eindhoven東部案例表示一起病例南部傳染給員工北布拉班特動物感染</t>
  </si>
  <si>
    <t>荷蘭農業部19日表示國內傳出一起養貂場員工被貂感染新冠肺炎案例是荷蘭第一件通報的動物傳染給人的病例。
荷蘭南部荷蘭北布拉班特省（North Brabant）的大城愛因霍芬（Eindhoven）東部有兩座養殖場新冠肺炎病毒便是在其中之一所飼養的哺乳動物「貂」身上被發現而該養殖場的貂毛皮利潤可觀每年可帶來不少進帳卻在今年4月底傳出有飼養的貂染疫而遭當局封鎖。
荷蘭農業部長史考登（Carola Schouten）表示研究人員將在染疫的貂中與受感染員工的新冠肺炎基因做對比並將以此繪製追蹤病毒突變的「系譜樹」（family tree）。
史考登在致函國會議員時表示：「經調查可斷定染疫的養貂場員工確實極有可能是被貂感染了病毒」。同時他也提到養貂場外的空氣和土壤採樣中未發現病毒因此民眾對於動物傳人的可能不必過度擔心。
另外政府表示兩座養殖場中的一座曾在上週發現有3隻野貓感染了新冠肺炎病毒有關當局目前正在研究野貓在兩座染疫的養貂場之間散播病毒的可能性。史考登表示荷蘭將加強控管措施所有養貂場都必須實施檢測並禁止所有染疫的養貂場對外開放參觀。
延伸閱讀
更多 CTWANT 報導</t>
  </si>
  <si>
    <t>病毒表示荷蘭養殖場發現肺炎考登感染傳出員工可能動物飼養當局野貓研究延伸大城north</t>
  </si>
  <si>
    <t>荷蘭養貂場染疫員工新冠肺炎</t>
  </si>
  <si>
    <t>員工荷蘭肺炎</t>
  </si>
  <si>
    <t>港人小英</t>
  </si>
  <si>
    <t>鑑於香港街頭的抗爭不斷中共決定推動香港國安立法。蔡總統一反過去所謂關懷香港人民福祉的口氣透露出要把香港停止適用《港澳關係條例》將香港視同大陸處理的意向。蔡英文此舉若是成真不僅是香港人就連台灣</t>
  </si>
  <si>
    <t>香港決定成真推動蔡英文處理大陸國安視同條例停止立法適用福祉人民關懷總統過去所謂中共意向關係港澳透露</t>
  </si>
  <si>
    <t>鑑於香港街頭的抗爭不斷中共決定推動香港國安立法。蔡總統一反過去所謂關懷香港人民福祉的口氣透露出要把香港停止適用《港澳關係條例》將香港視同大陸處理的意向。蔡英文此舉若是成真不僅是香港人就連台灣人都應從中領悟到民進黨惹事後「要死死道友不死貧道」的行徑。
中國大陸或者香港就算民進黨政府不把他們當成兄弟也都是我們關係極為密切的鄰居。即便民進黨政府把他們視為眼中釘、肉中刺那也不必一定得故意去東惹西惹硬要把他們激化成「不是你死就是我活」的死對敵。
很不幸民進黨政府就是這麼個愛惹事的政府。他惹的事自己不負責任卻要別人承擔惹事後的苦果。先從美國最新一件反台裔記者的事例說起。來自台灣的CNN記者陳亦芃在美國南卡羅萊納一處海灘採訪時因戴了口罩被民眾朝她大罵「摘下口罩滾出我的國家」。陳亦芃的遭遇當然和川普總統經常把「新冠肺炎」故意講成是「中國肺炎」、「武漢肺炎」有關。而民進黨政府故意把「武漢肺炎」掛在嘴上處處和川普同一個鼻孔出氣指責大陸處理疫情的方式也和陳亦芃的遭到歧視脫不了幹係。
對付大陸民進黨政府沒本錢又缺本事卻又經常擺出一副要台灣獨立的模樣挑對岸的最敏感神經打惹得對岸必須得說出一番狠話。而等到對岸說出硬話民進黨政府卻又拿來宣傳說對岸要武力犯台。說真的中共要是真的被惹到必須武力犯台民進黨政府可能也只是兩手一攤要全台灣人承擔苦果。
香港的例子最明顯。香港爆發「反送中」時台灣正舉行總統及立委大選。民進黨明著暗裡以各種形式介入香港反送中運動表面上給人家他們關心香港人福祉的印象實地裡卻是出口轉內銷把反送中當成台灣內部的選舉議題從中撈取政治及選舉利益。
如今民進黨勝選繼續執政香港反送中所引發的問題不僅沒有結束反而更為嚴峻迫使中共決定通過港版國安法。此次立法是否會破壞現行的「一國兩制」尚待觀察蔡總統卻已經準備和香港切割未來很可能把香港視同大陸處理。
大家都知道《香港澳門關係條例》與《兩岸人民關係條例》最大的不同是我們給予香港人民、團體如同「外國」或「僑胞」的待遇無論在商業投資、租稅待遇或來台居留上都與大陸人民有很大的差別。就在這個當口民進黨政府如果真的要修法停止香港適用《港澳條例》不管是一部分或全部那麼這等同於是把幫民進黨政府打下第2任天下的香港丟棄不顧。這會讓香港人甚至台灣人怎麼想？（作者為資深媒體人）</t>
  </si>
  <si>
    <t>香港民進政府大陸總統臺灣陳亦芃對岸中共人民故意關係臺灣人處理</t>
  </si>
  <si>
    <t>香港處理大陸肺炎故意</t>
  </si>
  <si>
    <t>肺炎香港故意處理大陸</t>
  </si>
  <si>
    <t>首位外交官證實肺炎蓬佩不治</t>
  </si>
  <si>
    <t>美國國務卿蓬佩昨（31）日證實一名國務院官員不幸因新冠肺炎逝世這也是美國外交官員病逝首例。綜合美媒CNBC、美國《野獸日報》（Daily Beast）報導美國國務卿蓬佩奧昨日證實一名國務院官員因為新冠肺炎喪命</t>
  </si>
  <si>
    <t>美國官員證實國務院國務卿肺炎蓬佩野獸cnbc報導綜合首例病逝外交逝世不幸昨日日報dailybeast喪命</t>
  </si>
  <si>
    <t>美國國務卿蓬佩昨（31）日證實一名國務院官員不幸因新冠肺炎逝世這也是美國外交官員病逝首例。
綜合美媒CNBC、美國《野獸日報》（Daily Beast）報導美國國務卿蓬佩奧昨日證實一名國務院官員因為新冠肺炎喪命成為美國外交官病逝首例。蓬佩奧並未透露這名外交官身分細節僅表示國務院內有數十名同仁都感染了新冠肺炎至少有48至60人部分染疫人員是在美國本土服務。
蓬佩奧說未來幾周將持續撤回數千美國人強調會把所有美國人帶回來呼籲那些想回國的人「立刻」回國因為他不確定未來全球各地還有多少航班會持續提供服務。
除了國務院美國國防部3月30日也證實美軍再添一例死亡案例一名在紐澤西州服務的陸軍國民兵（Army National Guard）於21日住院治療28日不治。這是美國國防部第4名因為新冠肺炎病逝的人員。
截至昨日美國防部一共有1259人染疫當中51人痊癒、4人死亡。</t>
  </si>
  <si>
    <t>美國服務國務院肺炎病逝官員證實未來持續人員昨日美國國防部佩奧首例外交官死亡回國國務卿蓬佩陸軍</t>
  </si>
  <si>
    <t>生產疫情</t>
  </si>
  <si>
    <t>新冠肺炎自1月底爆發至今國光生技董事長詹啟賢表示無法出國、應酬也變少了意外收穫是高爾夫球的球技進步了；詹啟賢說因為大家都不出國幾個朋友很容易約以前高爾夫球久久打一次現在一星期可以約上2次</t>
  </si>
  <si>
    <t>高爾夫球詹啟賢出國爆發至今國光現在月底久久董事長以前表示無法意外收穫容易朋友應酬球技進步</t>
  </si>
  <si>
    <t>新冠肺炎自1月底爆發至今國光生技董事長詹啟賢表示無法出國、應酬也變少了意外收穫是高爾夫球的球技進步了；詹啟賢說因為大家都不出國幾個朋友很容易約以前高爾夫球久久打一次現在一星期可以約上2次且這個戶外活動能保持社交距離皮膚曬黑但身體更健康了現在還能每天回家吃太太做的晚飯。
歐、美疫情3月大爆發不僅停班、停課連公園、運動場所也沒開放要到咖啡廳品嘗咖啡香更是奢侈的享受；詹啟賢認為「隔離久了會出事」因為隔離違反人性美國非裔男子遭白人員警不當執法致死引發全美示威暴動就是情緒找宣洩出口。
美國之所以執行嚴格的隔離政策就是因為先前的警覺性不夠詹啟賢分析美國成功嚴防了中國大陸卻忽略防堵歐洲當新冠肺炎病毒在社區流竄就很難壓抑下來鎖國、封城、隔離是不得已的做法。
新冠肺炎不僅改變每個人的生活日常異地辦公、視訊會議也讓產業商業模式面臨很大的調整與挑戰最顯著的是「全球化」將不會繼續擴展取而代之的是在地化、區域化；詹啟賢認為很多產業不能像過去佈局單純透過一個地方製造生產行銷到全世界現在必須分散、在地化生產雖然成本可能因此提高但這是疫情過後大家得承受的風險。
舉例來說新加坡原本有生產線在台灣生產口罩疫情爆發後新加坡毅然決然將生產線移回新加坡理由很簡單台灣禁止出口又擔心新冠肺炎疫情第2波、第3波來襲雖然新加坡生產口罩人力組裝貴了一點但就當「買保險」。
詹啟賢認為口罩只是個簡單案例新冠肺炎的檢測試劑、呼吸器很多來自大陸這點讓美國急跳腳不是大陸故意不出口而是自己根本不夠用分散生產線將成為疫情後的主流趨勢。</t>
  </si>
  <si>
    <t>詹啟賢疫情美國生產肺炎現在新加坡出口爆發認為口罩大陸隔離生產線就是高爾夫球產業分散</t>
  </si>
  <si>
    <t>口罩地化大陸美國肺炎</t>
  </si>
  <si>
    <t>大陸肺炎口罩美國</t>
  </si>
  <si>
    <t>仁愛成功市場有望複市基隆</t>
  </si>
  <si>
    <t>基隆市新增1例本土確診個案是家庭群聚延伸累計279例市長林右昌表示已連續6天確診數都在5以下若疫情持續穩定成功、仁愛市場將分別於6月23、24日復市。林右昌公佈確診案例案14084為70多歲女性由於親人</t>
  </si>
  <si>
    <t>基隆 市 新增 1 例 本土 確診 個案 是 家庭 群 聚 延伸 累計 279 例 市長 林右昌 表示 已 連續 6 天 確診 數 都 在 5 以下 若 疫情 持續 穩定 成功 仁愛 市場 將 分別 於 6 月 2324 日 複市 林右昌 公佈 確診 案例 案 14084 為 70 多 歲 女性 由於 親人</t>
  </si>
  <si>
    <t>確診林右昌本土公佈市場仁愛成功穩定分別複市個案持續疫情以下家庭延伸累計連續市長表示案例新增</t>
  </si>
  <si>
    <t>基隆市新增1例本土確診個案是家庭群聚延伸累計279例市長林右昌表示已連續6天確診數都在5以下若疫情持續穩定成功、仁愛市場將分別於6月23、24日復市。
林右昌公佈確診案例案14084為70多歲女性由於親人確診被匡列居家隔離12日第一次採檢陰性19日身體不適安排就醫採檢確診目前收治醫院治療。
疫情有趨緩情勢林右昌提及6月初成功、仁愛市場爆出群聚感染目前未再新增案例他說成功市場6月6日新增1例確診個案當時PCR採檢129人其中6人陽性皆為攤商匡列89人居家隔離潛伏期將屆若一切順利市場會於6月23日復市。
而仁愛博愛市場6月7日因成功市場確診攤販前來擺攤淪陷市府下令休市並採檢315人其中8人陽性包括1名攤商、2名外勞、4名外勞接觸者、1名確診個案接觸者並匡列11人進行居家隔離林右昌指出將比照成功市場解隔離前會要求隔離者再進行一次篩檢仁愛市場最快6月24日解封。
林右昌說疫情有穩定趨勢是大家努力的結果但雙北確診個案仍偏多只要一個城市沒有緩下還是不能鬆懈至於疫情警戒是否應該降級他認為還是要看雙北疫情加上每日確診數、不明感染源有下降情勢才能進一步考慮其中最重要的還是施打疫苗呼籲符合資格民眾盡速接種。</t>
  </si>
  <si>
    <t>確診疫情市場林右昌成功隔離個案仁愛匡列居家感染雙北情勢新增目前穩定案例</t>
  </si>
  <si>
    <t>盧秀燕鬆綁考慮管制檢討酒店</t>
  </si>
  <si>
    <t>中職棒球比賽開放入場其他行業、八大行業是否會陸續開放營業？台中市長盧秀燕8日表示這幾天有業者不斷詢問因為考慮到特種行業的服務業者與消費者之間還是較難保持社交距離；可以維持社交距離的像是戶外打</t>
  </si>
  <si>
    <t>開放業者社交距離行業保持陸續營業台中市長之間消費者盧秀燕服務特種行業表示詢問不斷入場八大是否像是</t>
  </si>
  <si>
    <t>中職棒球比賽開放入場其他行業、八大行業是否會陸續開放營業？台中市長盧秀燕8日表示這幾天有業者不斷詢問因為考慮到特種行業的服務業者與消費者之間還是較難保持社交距離；可以維持社交距離的像是戶外打擊的球賽場地空曠又是戶外這部分可先做嘗試但室內且近距離接觸的會再檢討。
盧秀燕指出疫情穩定後會採循序漸進的開放措施室外先嘗試性開放穩定安全後再開放室內集會活動可保持社交距離的活動會先開放但如果是人群密切接觸的活動會再考慮檢討。
她說希望逐漸讓民眾恢復日常生活但防疫仍不能鬆懈要在這之間求取平衡無法一次全面開放因為全世界疫情包括台灣都還沒有完全根絕這段時間會逐步讓市民朋友們恢復正常生活但防疫也要做兩者兼顧。
針對酒店等特種行業等業者關切何時可以恢復營業？盧秀燕表示因為考慮到特種行業的服務業者與消費者之間還是較難保持社交距離；可以維持社交距離的像是戶外打擊的球賽場地空曠又是戶外可先做嘗試但室內且近距離接觸的以後會再考慮再檢討。</t>
  </si>
  <si>
    <t>開放距離盧秀燕業者考慮室內特種行業之間疫情恢復防疫嘗試戶外社交營業表示活動可以穩定檢討保持</t>
  </si>
  <si>
    <t>酒店解禁盧秀燕台中市台灣</t>
  </si>
  <si>
    <t>解禁台中盧秀燕酒店臺灣</t>
  </si>
  <si>
    <t>民眾喊話非必要侯友宜師生不要出國校園</t>
  </si>
  <si>
    <t>新冠肺炎疫情延燒境外移入個案近日暴增新北市長侯友宜17日在新北環狀線形象廣告發布會後指出「全世界都在鎖國我們不要隨隨便便把疫情帶回來」有可能今天是一級警示明天會變成三級呼籲這段時間沒有必要</t>
  </si>
  <si>
    <t>疫情新北變成明天警示今天境外可能呼籲個案回來近日環狀形象發佈會後指出全世界</t>
  </si>
  <si>
    <t>新冠肺炎疫情延燒境外移入個案近日暴增新北市長侯友宜17日在新北環狀線形象廣告發布會後指出「全世界都在鎖國我們不要隨隨便便把疫情帶回來」有可能今天是一級警示明天會變成三級呼籲這段時間沒有必要不要出國不是只有學生所有市民非必要不要出國。
侯友宜指出防疫只有過沒有不及現階段防疫策略是要「阻絕於境外、管控於境內」對最容易群聚的校園更是要嚴格標準來看。
侯友宜說擋住了第一波的中港澳攻擊能不能擋住第二波全球化攻擊是現在最大的考驗大家要互相包容體諒昨天一下子暴增8個若擴散出去是會呈現倍數成長必須要堵住國門這關國門賭不住再怎麼管控是效果有限的。
侯友宜說沒有必要就不要出國不管是疫情二級、三級要有作戰觀念「不要出去就沒事嘛」去疫情高張國家趴趴走不管是列為一級、二級很有可能就變三級他給國人呼籲也給新北市民呼籲盡量要求自己非必要不要出國阻絕於境外才是最重要的。</t>
  </si>
  <si>
    <t>侯友宜疫情不要境外出國新北沒有呼籲指出出去管控可能擋住阻絕市民非必要防疫必要攻擊</t>
  </si>
  <si>
    <t>出國侯友宜疫情境外新北</t>
  </si>
  <si>
    <t>侯友宜境外出國新北疫情</t>
  </si>
  <si>
    <t>郵輪取消大利臺灣出發</t>
  </si>
  <si>
    <t>新冠肺炎疫情導致英國籍鑽石公主號郵輪成為國際間確診、感染人數最多的「疫區」荷蘭籍威士特丹號漂流海上兩星期。有鑑於此義大利歌詩逹郵輸公司今天發聲明宣佈取消旗下歌詩達新浪漫號及歌詩達威尼斯號3月份從</t>
  </si>
  <si>
    <t>英國導致鑽石公主郵輪成為國際確診感染人數疫區荷蘭籍威士特丹漂流海上星期發聲明今天有鑑於此宣佈</t>
  </si>
  <si>
    <t>新冠肺炎疫情導致英國籍鑽石公主號郵輪成為國際間確診、感染人數最多的「疫區」荷蘭籍威士特丹號漂流海上兩星期。有鑑於此義大利歌詩逹郵輸公司今天發聲明宣佈取消旗下歌詩達新浪漫號及歌詩達威尼斯號3月份從台灣母港出發的所有航程並開啟相關退票（款）程式。
具有百年歷史的義大利歌詩逹郵輪公司表示目前新冠肺炎疫情狀況及相關地區的政策尚未明朗為顧及遊客相關權益故很遺憾地宣佈取消從台灣母港出的行程。
針對搭乘2020年3月31日前出發航次的旅客全額退還船票及港務稅需要退票旅客可於即日起洽詢原訂購旅行社並提供相關旅遊檔以處理後續退款事宜。
有鑑於近期新型冠狀病毒肺炎疫情的迅速發展為了保障全體遊客與工作人員的安全與健康 歌詩達郵輪持續加強防疫措施以確保所有旅客與工作人員的最大安全保障。
聲明中也明確指出在全球營運的任何歌詩達郵輪已暫停接收特定人士（不論國籍）登船包括出發前14天內曾經出入、途經或停留中國大陸、香港、澳門地區的遊客及工作人員以及出發前14天內曾接觸已確診或疑似感染新型冠狀病毒肺炎的旅客及工作人員。</t>
  </si>
  <si>
    <t>相關出發旅客郵輪工作人員遊客肺炎疫情退票取消確診感染母港臺灣天內冠狀保障公司安全病毒大利</t>
  </si>
  <si>
    <t>熄燈紛紛情報員餐廳解析原因</t>
  </si>
  <si>
    <t>新冠肺炎疫情延燒民眾減少外出用餐台灣許多老牌中餐廳不堪虧損紛紛停業。對此「天廚菜館」的餐廳監察人、退休情報人員陳虎門表示許多老牌中餐廳會停業除疫情影響外還有一例一休和年金改革都影響餐廳營收</t>
  </si>
  <si>
    <t>餐廳疫情停業影響民眾減少改革外出年金還有用餐監察退休臺灣情報人員菜館虎門天廚對此表示</t>
  </si>
  <si>
    <t>新冠肺炎疫情延燒民眾減少外出用餐台灣許多老牌中餐廳不堪虧損紛紛停業。對此「天廚菜館」的餐廳監察人、退休情報人員陳虎門表示許多老牌中餐廳會停業除疫情影響外還有一例一休和年金改革都影響餐廳營收許多店面因不堪損失就借這機會收起來不做了。
開業近50年的老餐廳「天廚菜館」才宣佈於4月16日起將暫停營業2個月消息一出老顧客紛紛致電勸說不要停業並以實際行動訂位來支持餐廳陳虎門深受感動再加上不忍員工頓時失去經濟來源因此再度宣佈將不停業。
對於天廚停業又復業的消息陳虎門接受港媒《中評網》採訪表示因為一例一休和年金改革影響許多老牌中餐廳都受到嚴重衝擊天廚也不例外。以天廚為例其最大客源不是陸客而是75%台灣本地客和25%日本觀光客。在台灣本地客中軍公教占最大宗所以年改後天廚營運受到嚴重波及新冠肺炎的爆發只是最後一根稻草。但是天廚復業後能經營多久陳虎門嘆道現在先暫定做到年底之後看情形再決定是否繼續營業。
陳虎門因江南案而知名並曾入獄。陳虎門是以化名「陳奕樵」晉升少將「樵字輩」在情報員中輩分相當高。陳虎門退伍後接手父親和軍中退役同袍一起開的天廚餐館現為天廚監察人。</t>
  </si>
  <si>
    <t>天廚虎門餐廳停業臺灣影響消息宣佈疫情不堪紛紛表示複業嚴重受到菜館肺炎</t>
  </si>
  <si>
    <t>陳虎門天廚停業中餐廳新冠肺炎</t>
  </si>
  <si>
    <t>停業餐廳天廚虎門肺炎</t>
  </si>
  <si>
    <t>會議決議投入領袖經濟</t>
  </si>
  <si>
    <t>在新冠肺炎持續延燒全球經濟大受打擊之際20國集團(G20)週四(26日)以視訊方式召開緊急會議決議共同投入大量資源拯救遭到重創的經濟總金額高達5兆美元。根據路透社報導G20是2008-2009年全球金融海嘯之下的產</t>
  </si>
  <si>
    <t>全球經濟決議共同緊急會議召開投入方式資源大受打擊拯救報導遭到重創路透社金額週四之際集團</t>
  </si>
  <si>
    <t>在新冠肺炎持續延燒全球經濟大受打擊之際20國集團(G20)週四(26日)以視訊方式召開緊急會議決議共同投入大量資源拯救遭到重創的經濟總金額高達5兆美元。
根據路透社報導G20是2008-2009年全球金融海嘯之下的產物這20國影響著全球經濟的脈動現在主席國是沙烏地阿拉伯本週四召開了一場90分鐘的緊急視訊會議討論如何挽救這場經濟危機。沙烏地阿拉伯國王沙爾曼(Salman)會後公開表示現在首要的任務就是恢復全球的物流系統及供應鏈民生物品、醫療資源極度仰賴物流運送一定要維持正常運作才能穩定民心。
各國都同意投入特別預算救經濟總額加起來超過5兆美元這金額已超越了2008年金融海嘯後的振興政策總金額了。其中包含了現金、借貸方案等紓困措施最大手筆的就是川普政府的2兆美元振興方案。
世界衛生組織(WHO)對於這場會議感到高興總幹事譚德塞表示這場災難已成為全球衛生及經濟的危機20國集團有責任及義務帶領全球走出這場經濟危機。</t>
  </si>
  <si>
    <t>全球經濟金額投入物流資源方案會議表示振興阿拉伯沙烏地現在金融集團召開海嘯週四經濟危機運作才能正常</t>
  </si>
  <si>
    <t>傳播遊錫堃政治台辦病毒</t>
  </si>
  <si>
    <t>立法院長游錫堃呼籲立法院盡速通過「台灣加入世衛組織決議文」大陸國台辦批評這是以疫謀獨的妄想在疫情面前製造兩岸對抗呼籲台灣一些政客若自我膨脹、逆勢蠢動只會碰得頭破血流。國台辦發言人馬曉光14日針</t>
  </si>
  <si>
    <t>臺灣呼籲台辦法院頭破血流碰得妄想疫情面前蠢動製造加入批評兩岸逆勢對抗膨脹政客世衛組織決議文</t>
  </si>
  <si>
    <t>立法院長游錫堃呼籲立法院盡速通過「台灣加入世衛組織決議文」大陸國台辦批評這是以疫謀獨的妄想在疫情面前製造兩岸對抗呼籲台灣一些政客若自我膨脹、逆勢蠢動只會碰得頭破血流。
國台辦發言人馬曉光14日針對遊錫堃的發言批其借新冠肺炎疫情大放厥詞公然鼓吹台獨傷害同胞感情破壞兩岸關係再次暴露出臺灣極少數人以疫謀獨的妄想。
馬曉光說在疫情面前這些人不去思考如何維護兩岸同胞生命安全與共同利益反而傳播政治病毒製造兩岸對抗阻礙兩岸同胞關愛互助已喪失基本良知令人不齒。
他強調台獨是一條走不通的死路、絕路只會給台灣民眾帶來深重災難一些政客自我膨脹逆勢蠢動罔顧廣大臺胞的福祉安危只會碰得頭破血流。</t>
  </si>
  <si>
    <t>臺灣兩岸同胞疫情台獨馬曉光呼籲遊錫堃台辦面前製造對抗蠢動逆勢膨脹政客妄想碰得頭破血流基本良知</t>
  </si>
  <si>
    <t>兩岸台灣國台辦疫情遊錫堃</t>
  </si>
  <si>
    <t>疫情臺灣台辦兩岸遊錫堃</t>
  </si>
  <si>
    <t>科技新創最酷臺灣注資</t>
  </si>
  <si>
    <t>科技部長陳良基26日公佈「台灣10家最酷科技新創」希望幫新創好手增加國際能見度讓台灣新創茁壯成為更厲害的獨角獸。其中聯齊科技近日獲得首波B輪注資獲國外創投基金相中挹注約新台幣3億元挹注是獲獎者中得</t>
  </si>
  <si>
    <t>臺灣科技新創挹注相中基金公佈國外台幣注資最酷獲得近日增加中聯獨角獸茁壯成為厲害</t>
  </si>
  <si>
    <t>科技部長陳良基26日公佈「台灣10家最酷科技新創」希望幫新創好手增加國際能見度讓台灣新創茁壯成為更厲害的獨角獸。其中聯齊科技近日獲得首波B輪注資獲國外創投基金相中挹注約新台幣3億元挹注是獲獎者中得到最高募資額的新創企業。
今年科技部聯手微軟新創加速器、中華電信5G加速器、資誠創業成長加速器、高通台灣創新競賽等20家台灣新創生態圈夥伴從2620家科技新創中推薦521家團隊參與選拔最後決選出臺灣科技新創10酷。
得獎者包括聯齊科技、雲守護安控、愛因斯坦人工智慧、亞大基因科技、光禾感知科技、洞見未來科技、聿信醫療、豐康微流體晶片、昱星生物科技、稜研科技等。
專注推動能源物聯網的聯齊科技推動能源管理服務並成功進軍日本市場不久前才獲得軟體銀行旗下Arm安謀控股所屬的Arm IoT基金、美商中經合集團及阿裡巴巴台灣創業者基金等共1000萬美元（約新台幣3億元）資金挹注。
在新冠肺炎疫情衝擊下聿信科技開發出AI連續輔助聽診系統可遠端掌握患者肺部呼吸情形受到各方關注團隊也希望透過這套系統捕捉到新冠肺炎患者肺部的呼吸音讓醫生可以更密切掌握病人狀態。
陳良基強調會持續追蹤每年新創10酷後續發展目前已有一家業者將觸角延伸至全球20多國已堪稱是獨角獸科技部也將協助台灣新創10酷提高他們的國際能見度吸引全球資金挹注站上國際舞臺。</t>
  </si>
  <si>
    <t>科技新創臺灣基金挹注獲得全球掌握系統團隊加速器獨角獸希望推動患者良基</t>
  </si>
  <si>
    <t>arm科技部肺炎挹注科技新創</t>
  </si>
  <si>
    <t>挹注肺炎科技arm新創</t>
  </si>
  <si>
    <t>病毒命名宣佈covid-世界衛生組織</t>
  </si>
  <si>
    <t>全球研究與創新論壇2月11在日內瓦開幕。世衛組織總幹事譚德塞在記者會上宣佈將新冠狀病毒命名為「COVID-19」。大陸央視新聞報導此一英文縮寫象徵此為2019年發現的冠狀病毒疾病。譚德塞表示選擇這一名稱是</t>
  </si>
  <si>
    <t>病毒德塞日內瓦開幕世衛組織幹事論壇記者會疾病新聞報導英文宣佈象徵大陸縮寫covid-命名發現冠狀表示創新選擇</t>
  </si>
  <si>
    <t>全球研究與創新論壇2月11在日內瓦開幕。世衛組織總幹事譚德塞在記者會上宣佈將新冠狀病毒命名為「COVID-19」。
大陸央視新聞報導此一英文縮寫象徵此為2019年發現的冠狀病毒疾病。譚德塞表示選擇這一名稱是為避免將此病毒與地域、動物或個人相關聯消除歧視。</t>
  </si>
  <si>
    <t>病毒德塞日內瓦開幕動物世衛組織地域幹事論壇新聞報導英文大陸縮寫covid-象徵命名避免記者會發現冠狀宣佈</t>
  </si>
  <si>
    <t>新冠肺炎武漢肺炎全球疫情新型冠狀病毒</t>
  </si>
  <si>
    <t>肺炎武漢全球冠狀疫情病毒</t>
  </si>
  <si>
    <t>雪梨周邊地區擴散病毒延長封鎖delta</t>
  </si>
  <si>
    <t>澳洲新南威爾斯省7日宣佈該省首府雪梨和周邊地區為期兩周的封鎖本預定9日結束但為了阻止高傳染力的新冠變種病毒Delta擴散因此決定讓封鎖時間延長一周至16日晚上11點59分為止。省長貝雷吉克利安（Gladys Bere</t>
  </si>
  <si>
    <t>封鎖省長晚上宣佈首府周至延長雪梨病毒變種時間決定delta擴散傳染為期周邊地區阻止結束預定貝雷吉克利安</t>
  </si>
  <si>
    <t>澳洲新南威爾斯省7日宣佈該省首府雪梨和周邊地區為期兩周的封鎖本預定9日結束但為了阻止高傳染力的新冠變種病毒Delta擴散因此決定讓封鎖時間延長一周至16日晚上11點59分為止。
省長貝雷吉克利安（Gladys Berejiklian）說：「省政府決定延長封鎖一周的理由是因為我們不想陷入必須反覆地封鎖、解封、封鎖後又解封的狀況之中。」
她強調現在可能是去年爆發疫情以來所面對的最重大挑戰因為Delta變種病毒已令疫情出現重大變化。省政府只希望這次封鎖是在大量民眾完成接種疫苗之前的最後一次。
澳洲全國人口約2600萬人目前約7％民眾完成疫苗接種。
大雪梨地與附近的藍山（Blue Mountains）、中央海岸（Central Coast）和沃隆岡（Wollongong）在封鎖期間必須留在家裡只有工作或採購民生必需品等原因才能外出。</t>
  </si>
  <si>
    <t>封鎖雪梨疫情必須省政府變種病毒delta延長決定疫苗民眾完成接種澳洲解封民生採購工作必需品海岸家裡中央</t>
  </si>
  <si>
    <t>新冠肺炎大量全國封鎖Delta</t>
  </si>
  <si>
    <t>全國肺炎封鎖delta</t>
  </si>
  <si>
    <t>根本振興</t>
  </si>
  <si>
    <t>行政院推出的「花1000元換3000元」振興券即將在7月15日上路但是怎麼領、怎麼花、去哪花？民眾依舊「霧沙沙」尤其聽到要自己先從口袋掏出1000元才能領更是引爆怒火有網友直接點出關鍵：有些人根本沒1000啊</t>
  </si>
  <si>
    <t>點出直接網友振興怒火引爆關鍵更是上路才能聽到尤其口袋花?民眾即將根本</t>
  </si>
  <si>
    <t>行政院推出的「花1000元換3000元」振興券即將在7月15日上路但是怎麼領、怎麼花、去哪花？民眾依舊「霧沙沙」尤其聽到要自己先從口袋掏出1000元才能領更是引爆怒火有網友直接點出關鍵：有些人根本沒1000啊！
新冠肺炎疫情衝擊經濟行政院為振興經濟推出「振興券」。問題是想拿價值3000元的「振興券」民眾得自己先拿1000元來換引發爭議。有網友在臉書社團【爆廢公社公開版】發文：「7/15要發消費卷了1000換3000的作法真的很OOXX有些人根本沒1000啊叫他們看得到吃不到？什麼G方案？」引爆贊成、反對兩派吵翻天。
力挺振興券的網友表示：「中低收入直接發放版主有在follow新聞嗎」、「有些人可能領了3000會拿去繳東繳西 沒促進消費啊」、「這是振興方案是要你花錢一堆低能兒紓困跟振興搞不清楚」。
不過更多網友批評：「政府那些學者博士碩士沒下過鄉根本不知人民需求議員是聽民意的政府不聽嗎?」、「妳敢質疑當今政府妳強妳準備被砲轟」、「政府為何不直接發$3000消費卷就好一定會去消費因為不能折現金啊！罷韓都花那麼多錢印紙張了不差消費卷吧！」、「拿你的稅金做券再讓你用你的錢買你稅金做的東西沒那麼難明白」。</t>
  </si>
  <si>
    <t>振興消費網友政府根本直接引爆方案民眾稅金經濟當今</t>
  </si>
  <si>
    <t>振興券3000元1000元消費卷行政院</t>
  </si>
  <si>
    <t>振興消費行政院</t>
  </si>
  <si>
    <t>政府退還nba貸款</t>
  </si>
  <si>
    <t>由於新冠肺炎疫情影響美國政府推出企業貸款服務但卻因為太多小企業貸款遭到拒絕導致獲得460萬美元貸款的湖人成為攻擊標靶因此湖人決定將這筆貸款退回。美國小企業管理局這次推出總金額3490億美元的貸款希</t>
  </si>
  <si>
    <t>貸款推出小企業影響美國政府企業決定美國退回疫情管理局獲得服務遭到拒絕導致肺炎成為金額攻擊</t>
  </si>
  <si>
    <t>由於新冠肺炎疫情影響美國政府推出企業貸款服務但卻因為太多小企業貸款遭到拒絕導致獲得460萬美元貸款的湖人成為攻擊標靶因此湖人決定將這筆貸款退回。
美國小企業管理局這次推出總金額3490億美元的貸款希望能幫助美國境內小型企業度過疫情難關。
然而美國媒體報導指出數千家企業申請貸款遭到拒絕反而是家大業大的湖人申請到460萬美元的貸款因此球團決定退回這筆款項。
湖人球團表示我們符合工資保障申請資格但我們得知這筆金額耗盡之後決定退回貸款希望這些錢能夠幫助需要的企業我們也將繼續照顧旗下員工。</t>
  </si>
  <si>
    <t>貸款企業申請美國決定退回疫情金額推出幫助希望遭到小企業拒絕繼續影響美國政府照顧難關媒體需要境內報導資格</t>
  </si>
  <si>
    <t>NBA湖人新冠肺炎</t>
  </si>
  <si>
    <t>nba肺炎</t>
  </si>
  <si>
    <t>城東分行持續實習生疫情金融業</t>
  </si>
  <si>
    <t>合庫銀行總行於今日接獲城東分行通報該分行實習生經檢疫後確診新冠肺炎分行立即於同日晚間請專業清潔廠商進行全面消毒作業並規劃全體同仁進行快篩及加強自我健康監測。據該分行通報該實習生工作以定存業務為</t>
  </si>
  <si>
    <t>分行實習生通報進行今日總行全面全體同仁廠商清潔專業監測肺炎晚間同日立即加強健康城東工作銀行作業</t>
  </si>
  <si>
    <t>合庫銀行總行於今日接獲城東分行通報該分行實習生經檢疫後確診新冠肺炎分行立即於同日晚間請專業清潔廠商進行全面消毒作業並規劃全體同仁進行快篩及加強自我健康監測。
據該分行通報該實習生工作以定存業務為主工作時均配戴口罩。合庫配合中央疫情指揮中心宣佈第三級警戒於5月18日通知各營業單位該日起暫停產學合作實習故該實習生自此未進入分行辦公後於6月25日至分行辦理移交作業約莫30分鐘未與客戶接觸。
城東分行於6月30日17時20分接獲實習生確診消息立即通報總行安排專業清潔廠商進行全面消毒作業提供同仁與客戶安心的營業廳環境；另規劃分行全體同仁進行快篩作業安排與實習生辦理移交作業接觸的同仁自明日起實施居家辦公。
合庫將持續以高強度防疫作為確保員工健康及工作環境與營運場地安全攜手同仁及社會大眾共同守護健康、戰勝病毒一起度過這次疫情嚴峻的考驗。
★《中時新聞網》提醒您：因應新冠肺炎疫情疾管署持續加強疫情監測與邊境管制措施 如有疑似症狀請撥打：1922專線或 0800-001922 並依指示配戴口罩儘速就醫同時主動告知醫師旅遊史及接觸史以利及時診斷及通報。</t>
  </si>
  <si>
    <t>分行實習生疫情健康通報接觸同仁作業工作口罩配戴進行環境持續監測辦公總行立即客戶肺炎加強</t>
  </si>
  <si>
    <t>新冠肺炎台灣實習生分行合庫</t>
  </si>
  <si>
    <t>臺灣實習生分行肺炎</t>
  </si>
  <si>
    <t>疑慮血液抗體傳播社區檢查</t>
  </si>
  <si>
    <t>新冠肺炎疫情延燒台灣已出現數起群聚、1起院內感染。中央流行疫情指揮中心召集人張上淳表示目前國內仍維持在零星社區感染未來若懷疑進入社區傳播將考慮對有機會接觸到病毒的人不限醫護或一般大眾進行血</t>
  </si>
  <si>
    <t>疫情感染社區醫護病毒臺灣接觸機會一般考慮傳播中央中心表示目前召集人流行張上淳國內指揮零星</t>
  </si>
  <si>
    <t>新冠肺炎疫情延燒台灣已出現數起群聚、1起院內感染。中央流行疫情指揮中心召集人張上淳表示目前國內仍維持在零星社區感染未來若懷疑進入社區傳播將考慮對有機會接觸到病毒的人不限醫護或一般大眾進行血液抗體檢測藉此得知整個社區的感染狀況。
對於國外針對醫護人員進行普篩張上淳表示僅在社區感染嚴峻的時候比較有意義目前國內還是零星社區感染近期的幾例則是境外移入。先前進入醫院才確診的個案身邊的醫護人員都已檢驗過除了先前確診的護理人員其他都沒有帶病毒。因此進行普篩並不那麼值得。
張上淳進一步表示若社區個案增多懷疑疫情進入社區傳播但尚未確認時考慮以血液抗體檢測的方式進行篩檢效率比PCR快一些不限醫護或大眾藉此查看一個人過去一段時間有沒有感染新冠肺炎。舉例而言在一個地區內針對一群民眾進行檢測推算出百分之幾的民眾曾經染疫。</t>
  </si>
  <si>
    <t>感染社區進行疫情表示檢測進入張上淳沒有醫護人員考慮個案先前目前確診國內血液大眾肺炎抗體零星</t>
  </si>
  <si>
    <t>醫護人員普篩張上淳荷蘭未來</t>
  </si>
  <si>
    <t>張上淳荷蘭未來醫護人員</t>
  </si>
  <si>
    <t>做好準備長期</t>
  </si>
  <si>
    <t>新冠肺炎疫情延燒短短1周內全球確診病例數暴增2倍即將超越百萬門檻各國政府紛紛採取禁足令全球進入鎖國時代旅館、餐廳、商店、工廠等關門全球經濟烏雲罩頂。世界銀行下修全球經濟預估亞太地區今年最</t>
  </si>
  <si>
    <t>全球經濟周內確診病例即將超越門檻政府紛紛採取疫情烏雲進入鎖國時代餐廳旅館關門工廠</t>
  </si>
  <si>
    <t>新冠肺炎疫情延燒短短1周內全球確診病例數暴增2倍即將超越百萬門檻各國政府紛紛採取禁足令全球進入鎖國時代旅館、餐廳、商店、工廠等關門全球經濟烏雲罩頂。世界銀行下修全球經濟預估亞太地區今年最糟情況是負成長05%中國最糟僅成長01%影響所及數千萬人陷入貧窮深淵。
新冠肺炎疫情如火如荼由於歐美人士不習慣戴口罩也不理會政府的禁足令使得疫情不斷擴大各地醫院被擠爆義大利、美國紐約州宛如武漢第二。目前較令人擔憂的是如果連公衛、醫療系統較優的G7國家都疲於奔命那麼醫療系統欠缺的開發中國家如非洲、南亞、中東等地區後果不堪設想。
世衛組織（WHO）專家警告這一波疫情如果在夏天暫告一段落秋天可能再起。《經濟學人》預估第二波疫情可能在11月帶來更嚴重的衝擊今年全球經濟為負成長歐盟與美國也落入負成長中國則是歷史新低全球三大主要經濟體成長同步減速對全球經濟的衝擊非常大引發的失業潮也將超越全球金融海嘯。
新冠疫情將改變人們生活方式同時淘汰不合時宜的產業催生新的產業。目前不論是製造業或服務業許多進入加護病房等待急救企業負責人無語問蒼天也必須設法自救開創新的經營模式例如餐廳沒生意那就專攻零接觸外賣透過宅配限時快遞只要清潔衛生且服務好訂單可能倍增。
各國政府紓困、補貼有其侷限性如果第二波疫情在冬季捲土重來預料威力更強屆時無論產業或個人都必須有新的因應方式。在疫苗尚未出爐之前每個人都要做好長期抗戰的準備。</t>
  </si>
  <si>
    <t>全球疫情經濟成長可能政府產業餐廳進入方式超越目前必須國家預估美國衝擊醫療系統</t>
  </si>
  <si>
    <t>負成長肺炎禁足令全球經濟餐廳</t>
  </si>
  <si>
    <t>肺炎全球經濟成長餐廳</t>
  </si>
  <si>
    <t>羡慕口罩米奇傳說地點買到</t>
  </si>
  <si>
    <t>口罩製造廠商不同產出的花樣與款式也不一樣其中白色、綠色、藍色最為常見陸續有人拿過橘色、紫色甚至還有人買到雙色、點點等樣式讓人宛如在買驚喜包一樣而近日一名網友竟買到傳說中的「米奇版本」讓1</t>
  </si>
  <si>
    <t>買到花樣款式白色綠色藍色最為產出常見陸續傳說橘色紫色網友甚至近日驚喜宛如樣式不同</t>
  </si>
  <si>
    <t>口罩製造廠商不同產出的花樣與款式也不一樣其中白色、綠色、藍色最為常見陸續有人拿過橘色、紫色甚至還有人買到雙色、點點等樣式讓人宛如在買驚喜包一樣而近日一名網友竟買到傳說中的「米奇版本」讓1萬名網友直呼好羨慕。
一名女網友在《爆廢公社》表示近日去買口罩豈料拿出來後發現口罩不是簡單的素色上面還印有米奇的圖示而且還有簍空及實心的設計口罩右下方則印有Made In Taiwan字樣超Q的口罩讓原PO直呼「領到這麼美的口罩心情都變美麗了」。
不少網友也羨慕的說「好好喔這個可以讓我戴半個月了」、「超羨慕的我們這裡都只有基本的白色、藍色、綠色」、「好可愛啊！這一拿到一定會收起來只拿三個預備戴著」、「可以收藏當古董了」、「天啊！這是頭獎吧！捨得用嗎！」而原PO也透露這是在內湖的藥局買到的不過29日她再經過店家時發現店門口貼「讀卡機壞了送修」的告示。</t>
  </si>
  <si>
    <t>口罩買到網友發現印有米奇近日po綠色白色可以羡慕藍色店門口讀卡機店家一定</t>
  </si>
  <si>
    <t>口罩米奇爆廢公社生活奇聞驚喜包</t>
  </si>
  <si>
    <t>公社生活奇聞驚喜米奇口罩</t>
  </si>
  <si>
    <t>莊人祥升級關鍵警戒原因疫情</t>
  </si>
  <si>
    <t>國內今日新增16例本土案例及1例調查中的案例中央流行疫情指揮中心表示 目前仍處於第2級的「出現感染源不明的本土個案」階段還未進入第3級的「單周出現3件以上社區群聚」。今天新增的有2起群聚其他3例是不</t>
  </si>
  <si>
    <t>出現本土新增案例流行中央疫情指揮中心表示目前社區以上處於進入階段個案感染中的</t>
  </si>
  <si>
    <t>國內今日新增16例本土案例及1例調查中的案例中央流行疫情指揮中心表示 目前仍處於第2級的「出現感染源不明的本土個案」階段還未進入第3級的「單周出現3件以上社區群聚」。今天新增的有2起群聚其他3例是不明感染源病例。
根據指揮中心1月公佈的「疫情警戒標準」疫情的嚴重程度共分為4個階段分別是第1級的「出現境外移入導致的零星社區感染」第2級的「出現感染源不明的本土個案」第3級的「單周出現3件以上社區群聚」或「1天確診10名以上感染源不明的本土個案」以及第4級的「14天內平均每日確診達100例且一半以上找不到感染源」。
對於今日新增16名本土案例是否已經進入第3級的「1天確診10名以上感染源不明的本土個案」？發言人莊人祥表示除了一開始的蘆洲、百家樂群聚後續的感染源都很清楚雖然今天有出現幾起新的不明感染源不過還沒有到10人。
指揮官陳時中表示目前還沒有進入第3級如果能及時準備相關的企業指引是在的。目前2起群聚宜蘭和新北今天的個案有3起不明感染源病例並非群聚。對於是否會要求校園等場所為升3級做準備？他表示學校也在積極規劃相關的措施去年過年後延後2周開學的作業當時教育部也已經做過完整。
對於國中會考將至若有學生被隔離怎麼辦？陳時中表示教育部已經有好幾次的經驗基本上安排是妥適的。對於居家檢疫、隔離、自主健康管理的風險不同會和一般考生區隔開每間教室以不超過5個人為原則當然也要戴口罩另也設有補考規定。
至於民眾上班怎麼辦？陳時中表示指引是軟性的辦公的時候要求儘量分流上班戴口罩免不了能不見面就避免見面能視訊就視訊。在可以營運的前提下把接觸減到最低。</t>
  </si>
  <si>
    <t>表示感染出現對於本土個案已經目前進入陳時中以上疫情隔離上班要求相關確診</t>
  </si>
  <si>
    <t>新冠肺炎確診本土個案警戒</t>
  </si>
  <si>
    <t>確診本土肺炎個案警戒</t>
  </si>
  <si>
    <t>人類改變恐需疫情免疫通行證生活</t>
  </si>
  <si>
    <t>疫情過後為了未來防疫你願意犧牲個人隱私換取代表你健康無虞的證明當成恢復日常生活和行走各地的「通行證」嗎？COVID-19（新冠肺炎一稱武漢肺炎）在多國出現觸頂跡象但這場大流行病恐怕就此改變人類生活方</t>
  </si>
  <si>
    <t>肺炎恐怕願意流行病犧牲個人隱私跡象換取代表出現健康證明當成covid-行走恢復日常生活通行證防疫多國武漢</t>
  </si>
  <si>
    <t>健康抗體可能美國app護照免疫表示民眾大陸復工手機系統檢測使用者判定行蹤</t>
  </si>
  <si>
    <t>新冠肺炎武漢肺炎COVID-19全球封城</t>
  </si>
  <si>
    <t>武漢肺炎covid-全球封城</t>
  </si>
  <si>
    <t>沒去湖北專家who原因曝光</t>
  </si>
  <si>
    <t>對於美方先前抱怨其專家無法進入大陸瞭解新冠肺炎病毒大陸外交部17日表示包括美方的世界衛生組織專家將訪北京以及廣東與四川等省份但疫情爆發點武漢市與湖北省不在行程內引起外界關注世衛專家是否確實能調</t>
  </si>
  <si>
    <t>專家大陸美方世衛關注外界行程不在湖北省引起武漢市爆發疫情省份進入四川病毒無法瞭解廣東北京外交部世界衛生組織表示包括是否</t>
  </si>
  <si>
    <t>對於美方先前抱怨其專家無法進入大陸瞭解新冠肺炎病毒大陸外交部17日表示包括美方的世界衛生組織專家將訪北京以及廣東與四川等省份但疫情爆發點武漢市與湖北省不在行程內引起外界關注世衛專家是否確實能調查出病毒傳播途徑。對此美國耶魯大學公共衛生學院助理教授陳希表示此時武漢與湖北省各市仍處於對抗疫情關鍵時刻恐無暇與世衛團隊合作。
世界衛生組織（WHO）秘書長譚德塞（Tedros Adhanom Ghebreyesus）14日指出世衛專家團隊由共12名國際衛生及世衛專家組成團隊將到訪數個省份瞭解衛生體系及醫護人員的防疫措施關注病毒的傳播方式、疾病嚴重程度、瞭解因應措施的影響以指導全球應對工作。不過他並未進一步說明考察省份等細節。
隨著新冠肺炎持續在陸延燒截至18日已有72530確診、1870死其中多為武漢市病例。對於大陸聲稱歡迎國際合作對抗疫情但美疾病控制與預防中心（CDC）先前曾抱怨仍未收到北京邀請同意讓美專家進入調查而據《南華早報》報導指出大陸外交部17日表示包含美國專家在內WHO的代表團將赴陸調查而大陸國家衛健委也表示WHO專家將與陸專家一同一同到北京、廣東和四川現場考察。
至於WHO專家調查行程中未包含武漢市與湖北省各市等疫情爆發中心《南華早報》引述《人民日報》報導同時也是中國衛生政策與管理學會會長陳希表示主要原因應該是湖北當前處在防控疫情的關鍵期接待能力有限。
至於為何選擇廣東與四川陳希表示除了要與鐘南山交流外廣東也是在SARS後大陸衛生系統建設最為完善、人員配備最為齊全的地區；他也說專家考察組考慮四川或許與四川省省長尹力有關他在公共衛生領域有著豐富經驗且四川省與美國公共衛生學界有著較多交流。</t>
  </si>
  <si>
    <t>專家大陸衛生表示疫情調查四川廣東who世衛瞭解省份陳希考察北京武漢市湖北省團隊措施疾病關注中心病毒合作</t>
  </si>
  <si>
    <t>專家WHO廣東世衛調查</t>
  </si>
  <si>
    <t>廣東專家世衛who調查</t>
  </si>
  <si>
    <t>電視臺作品版權廣播免費官方</t>
  </si>
  <si>
    <t>防疫期間大陸民眾除了出門工作、購買民生物資幾乎都宅在家為豐富民眾精神生活紓解恐情緒大陸廣播電視總局日前啟動廣播電視節目「眾志成城 共同戰疫」公益展播活動宣佈即日起至8月底釋出《經典詠流傳》</t>
  </si>
  <si>
    <t>民眾大陸月底即日起宣佈活動展播公益釋出共同眾志成城節目出門廣播電視啟動日前工作物資廣播電視總局民生情緒幾乎購買都宅在家豐富生活</t>
  </si>
  <si>
    <t>防疫期間大陸民眾除了出門工作、購買民生物資幾乎都宅在家為豐富民眾精神生活紓解恐情緒大陸廣播電視總局日前啟動廣播電視節目「眾志成城 共同戰疫」公益展播活動宣佈即日起至8月底釋出《經典詠流傳》等180餘部廣播、電視節目的版權無償在大陸各級廣播電視台播出。
中新網援引廣電總局宣傳司負責人說法表示新冠肺炎疫情發生以來廣電總局等部門已組織捐贈3批次近1000小時的節目播出版權。
這次長達5個月的展播活動官方提供的作品包括文化節目《故事裡的中國》、《中國詩詞大會4》、《思想的田野》科技、教育、健康類節目則有《從地球出發》、《智造將來》、《養生堂》、《師說》等適合小朋友觀看的動畫片則有《小涼帽之白鷺歸來》、《喜羊羊與灰太狼之深海歷險記》、《豬豬俠之競球小英雄》等。
至於紀錄片方面包括《醫者——脊樑》、《回家過年2》、《黃河流過的村莊》等還有《以月致心》《呦呦青蒿》《你是我的眼》《打工局長》等廣播劇。</t>
  </si>
  <si>
    <t>節目大陸包括民眾播出活動展播版權廣播你是青蒿還有村莊黃河過年回家肺炎疫情發生田野以來</t>
  </si>
  <si>
    <t>廣播節目廣播電視總局大陸</t>
  </si>
  <si>
    <t>大陸廣播總局節目廣播電視</t>
  </si>
  <si>
    <t>訂單青哥持平去年今年半導體開始業績</t>
  </si>
  <si>
    <t>群聯(8299)6月營收月減少1368%較去年同期持平董事長潘健成認為群聯已經於去年拿到日本最大柏青哥品牌的訂單並於今年開始出貨對營收及獲利將有正面助益。群聯6月合併營收為3371億元較去年同期持平月</t>
  </si>
  <si>
    <t>去年同期持平青哥日本品牌訂單今年去年已經開始認為潘健成獲利董事長合併助益</t>
  </si>
  <si>
    <t>群聯(8299)6月營收月減少1368%較去年同期持平董事長潘健成認為群聯已經於去年拿到日本最大柏青哥品牌的訂單並於今年開始出貨對營收及獲利將有正面助益。
群聯6月合併營收為3371億元較去年同期持平月減少1368%累計前6月營收達23722億元年增率將近25%目前雖然新冠肺炎在全球肆虐的情況尚未有放緩的跡象但各國因擔心疫情大幅影響經濟活動與復甦均開始實施有條件的解封而群聯也在各國逐漸解封的氛圍中努力維持應有的營運水準與獲利表現。
就出貨表現來說群聯6月控制晶片總出貨量成長近12%而SSD及eMMC控制晶片總出貨量成長近50%。6月總銷售額部分SSD年成長近25%PCIe SSD更是維持75%的年成長顯示在群聯高階PCIe Gen4 PS5016-E16 SSD控制晶片的技術帶動之下消費者對於高速SSD儲存產品持續產生相當的興趣與需求。此外針對全年度累計前6月的整體出貨量年增率SSD及eMMC控制晶片成長近40%PCIe SSD控制晶片成長近120%工規控制晶片成長近90%記憶體總位元數成長近20%均創下歷史新高。
群聯董事長潘健成表示近幾年快閃記憶體(NAND Flash)產業的成長動能除了愈來愈多的電腦系統從傳統的機械式硬碟HDD改成固態硬碟SSD以外許多原本沒有使用NAND Flash作為主要儲存裝置的硬體設備因為NAND Flash的物美價廉優勢也逐漸導入NAND儲存產品例如柏青哥機台早期因為畫面解析度低遊戲動畫簡單所以沒有使用NAND儲存產品；然而近幾年因應消費者需求遊戲畫面大幅提升解析度及複雜度因此柏青哥機台已逐漸導入NAND儲存產品SSD。由於柏青哥產業具有其特殊性群聯經過多年的耕耘已於去年拿到日本最大柏青哥品牌的訂單並於今年開始出貨預估對公司營收及獲利將有正面助益。</t>
  </si>
  <si>
    <t>ssdnand成長儲存產品flash控制開始逐漸柏青大幅獲利產業需求維持消費者累計年增率</t>
  </si>
  <si>
    <t>群聯SSDNAND Flash新冠肺炎eMMC控制晶片</t>
  </si>
  <si>
    <t>肺炎flashemmcnandssd控制</t>
  </si>
  <si>
    <t>當局武漢確診駁斥</t>
  </si>
  <si>
    <t>武漢市已連續多日宣佈新增新冠肺炎確診人數為0但日前網路上出現一篇名為「我最難忘的一天」的文章文中聲稱目前武漢仍有多地出現確診病患甚至聲稱有確診病患遭官方互踢皮球。武漢當局也火速出面澄清表示該文章</t>
  </si>
  <si>
    <t>確診武漢出現文章聲稱宣佈人數當局日前網路上踢皮球名為官方難忘文中連續目前肺炎</t>
  </si>
  <si>
    <t>確診文章武漢市病例通報出現踢皮球個案武漢難忘肺炎症狀淩晨描述老婦麗水康城同濟醫院社區</t>
  </si>
  <si>
    <t>醫院肺炎踢皮球文章確診病例</t>
  </si>
  <si>
    <t>文章肺炎確診踢皮球醫院病例</t>
  </si>
  <si>
    <t>肺炎新北停止侯友宜取締</t>
  </si>
  <si>
    <t>新北市長侯友宜今（6）日上午視察致理科技大學防疫工作媒體追問中央宣佈暫停員警酒測勤務的看法侯友宜表示尊重中央的規定不過酒駕是無形的殺手不輸新冠肺炎新北市來講不會停止會用彈性、重點的方式</t>
  </si>
  <si>
    <t>中央侯友宜新北停止上午致理科技視察大學會用防疫工作媒體追問殺手宣佈暫停員警勤務規定尊重</t>
  </si>
  <si>
    <t>新北市長侯友宜今（6）日上午視察致理科技大學防疫工作媒體追問中央宣佈暫停員警酒測勤務的看法侯友宜表示尊重中央的規定不過酒駕是無形的殺手不輸新冠肺炎新北市來講不會停止會用彈性、重點的方式來取締酒駕。
侯友宜說酒測器不用沒關係可以用目測吹氣用拋棄式的這些衛教會請衛生局和警察局藝一起宣導讓我們同仁在執勤可以保護自己也可以保護他人。酒駕還是要嚴格取締沒有空窗時間。
侯友宜強調酒駕的死亡率是很高的不輸新冠肺炎所以取締酒駕這個工作對地方的首長來說是非常重視的工作所以新北市取締酒駕是不會停止的。</t>
  </si>
  <si>
    <t>侯友宜取締可以工作新北中央肺炎保護警察局衛生局一起教會宣導停止同仁目測</t>
  </si>
  <si>
    <t>新冠肺炎武漢肺炎新型冠狀病毒台灣酒駕</t>
  </si>
  <si>
    <t>天宮進展祈福</t>
  </si>
  <si>
    <t>今年因應新冠肺炎疫情持續延燒許多宮廟紛紛停止舉辦宗教遶境活動避免群聚嘉義縣新港奉天宮4年一度的十八莊遶境也受影響而延期因此新港奉天宮特地將已有200年歷史的元宵遶境活動搬進展場舉辦「百年元宵</t>
  </si>
  <si>
    <t>天宮活動舉辦元宵肺炎疫情持續宮廟紛紛停止宗教特地歷史避免嘉義</t>
  </si>
  <si>
    <t>今年因應新冠肺炎疫情持續延燒許多宮廟紛紛停止舉辦宗教遶境活動避免群聚嘉義縣新港奉天宮4年一度的十八莊遶境也受影響而延期因此新港奉天宮特地將已有200年歷史的元宵遶境活動搬進展場舉辦「百年元宵 新生不息－新港奉天宮元宵遶境特展」讓信徒瞭解元宵遶境富含的新港百年在地文化與禮俗。
奉天宮指出此次展覽介紹了新港奉天宮元宵遶境的許多重要文化程式包括4年一度的十八莊繞境路線、新港奉天宮媽祖轎班會、武館與曲館介紹更有睽違一甲子再次呈現於信徒面前的1962年新港奉天宮元宵遶境老照片等還有義工們耗時18個月手工製作的遶境人偶公仔。
新港奉天宮董事長何達煌表示今年雖然因為疫情的關係4年一度的十八莊遶境只能延期舉行但也希望能夠藉由展覽的方式讓遶境活動轉換成為另一種方式持續進行同時也期待透過展覽讓大家更瞭解新港奉天宮元宵遶境的儀式與在地文化傳統而不再只是「拿香兌拜看熱鬧！」
活動策展人戴士翔說新港奉天宮元宵遶境對於新港人來說不僅僅是每年的重要例行公事更是新港在地信仰與文化傳承的文化記憶也因前人們的堅持與傳承得以讓此次展覽能夠展出許多例年元宵遶境留下的珍貴文物與影像此次展覽可說是由古至今新港人們一同努力累積的一場展覽。
新港奉天宮這次也與富禦琉金文化創意有限公司共同開發《框金a保庇》純金手環更邀請國際書畫藝術家辜琪鈞以古符為原型親筆創作符文除將古符咒藝術化也創作成時尚精品。</t>
  </si>
  <si>
    <t>天宮展覽元宵文化活動一度持續疫情創作港人舉辦介紹方式能夠信徒</t>
  </si>
  <si>
    <t>新港延期八莊元宵遶境遶境</t>
  </si>
  <si>
    <t>元宵延期</t>
  </si>
  <si>
    <t>工期印尼菲律賓境外確診新增</t>
  </si>
  <si>
    <t>國內今日新增5名新冠肺炎境外移入個案其中3人為印尼移工、2人為菲律賓移工均是期滿前採檢確診。截至目前國內共累積623名確診案例。案620至622都是印尼籍女性介於30多歲到40多歲之間11月10日來台工作入境</t>
  </si>
  <si>
    <t>印尼確診國內之間介於肺炎女性境外累積截至案例期滿個案</t>
  </si>
  <si>
    <t>國內今日新增5名新冠肺炎境外移入個案其中3人為印尼移工、2人為菲律賓移工均是期滿前採檢確診。截至目前國內共累積623名確診案例。
案620至622都是印尼籍女性介於30多歲到40多歲之間11月10日來台工作入境後進行集中檢疫但至今都沒有出現症狀。11月23日期滿採檢於今日確診新冠肺炎。因未接觸他人因此皆無匡列接觸者。
案623、524為菲律賓20多歲女性及30多歲男性11月10日、11日來台工作入境後進行集中檢疫但未出現症狀。11月23、24日進行期滿採檢後今日確診新冠肺炎。由於未與他人接觸也無匡列接觸者。
截至目前國內共累計623名個案分別為531例境外移入、55例本土個案、36例敦睦艦隊及1名比利時工程師。</t>
  </si>
  <si>
    <t>個案確診國內接觸進行期滿印尼肺炎女性菲律賓截至境外目前症狀集中檢疫</t>
  </si>
  <si>
    <t>境外移入新冠肺炎賽諾菲疫苗不適症狀</t>
  </si>
  <si>
    <t>肺炎賽諾菲疫苗不適境外症狀</t>
  </si>
  <si>
    <t>只是應盡評價責任新北防疫六都</t>
  </si>
  <si>
    <t>網路溫度計發布六都市長防疫100天評價新北市長侯友宜名列第一。侯友宜今日（30日）視察金山老街時表示「我只是把應盡的責任做好」非常謝謝新北市民從過年期間至今都非常配合支持市府的防疫措施。侯友宜表</t>
  </si>
  <si>
    <t>非常新北防疫侯友宜市長視察金山老市府表示配合支持只是應盡責任至今做好期間謝謝市民六都評價今日名列第一過年發佈措施</t>
  </si>
  <si>
    <t>網路溫度計發布六都市長防疫100天評價新北市長侯友宜名列第一。侯友宜今日（30日）視察金山老街時表示「我只是把應盡的責任做好」非常謝謝新北市民從過年期間至今都非常配合支持市府的防疫措施。
侯友宜表示現今已連續10日0確診新北市狀況已經非常穩定市府將慢慢啟動下一個階段確保防疫建構新型態的安全生活。他也向市民喊話「我們大家一起加油我們一定可以做好。」</t>
  </si>
  <si>
    <t>防疫新北非常市民侯友宜表示市府市長加油一起喊話一定生活安全建構確保階段啟動慢慢視察穩定金山老只是</t>
  </si>
  <si>
    <t>侯友宜防疫新北六都新冠肺炎</t>
  </si>
  <si>
    <t>新北六都防疫侯友宜肺炎</t>
  </si>
  <si>
    <t>過世驚見死亡證明隔離肺炎確診恐慌</t>
  </si>
  <si>
    <t>新竹縣55歲住長照機構的徐姓婦人染疫住院治療後4日解除隔離但2天後慢性病情加重身亡醫師在死亡證明載明「新冠肺炎」死亡引發殯葬人員恐慌經縣府民政處協調後9日完成火化。衛生局長殷東成表示徐姓婦人經</t>
  </si>
  <si>
    <t>死亡徐姓婦人機構肺炎證明引發醫師殯葬人員恐慌身亡縣府衛生局長火化加重完成慢性病住院治療民政協調</t>
  </si>
  <si>
    <t>新竹縣55歲住長照機構的徐姓婦人染疫住院治療後4日解除隔離但2天後慢性病情加重身亡醫師在死亡證明載明「新冠肺炎」死亡引發殯葬人員恐慌經縣府民政處協調後9日完成火化。
衛生局長殷東成表示徐姓婦人經確診住院治療後CT值已高於308月4日解隔離已不具傳染性從加護病房轉到一般病房持續治療慢性疾病在解隔離2天後因病情加重死亡
殷東成指出醫師在開死亡診明書時沒有說清楚徐婦死亡原因應是「慢性疾病」「曾經罹患新冠肺炎」這樣比較精確會與醫院溝通避免日後發生類似情形。
東元醫院表示醫師考量死者是因新冠肺炎住院治療期間引發慢性病而死亡CT值已高於30沒有傳染力可以解隔離綜合考量下才開立死者因「新冠肺炎」死亡的證明書可能引起誤會將與衛生局及民政處做好橫向聯繫避免引發不必要的恐慌。
由於死者解隔離且無傳染力認定不用依傳染病防治法於24小時火化遺體交由家屬處理後事經民政處與家屬協調後9日火化殯葬人員為慎重起見都穿上防護衣將死者棺木送到竹東火化場並派人員在現場消毒完成火化工作。</t>
  </si>
  <si>
    <t>死亡隔離死者火化肺炎人員醫師引發民政避免疾病沒有表示治療醫院徐姓慢性病殷東成考量殯葬恐慌婦人完成</t>
  </si>
  <si>
    <t>新冠肺炎解隔離醫師死亡原因死亡</t>
  </si>
  <si>
    <t>隔離肺炎醫師死亡原因</t>
  </si>
  <si>
    <t>考慮停賽聯盟建議施打流感疫苗mlb</t>
  </si>
  <si>
    <t>馬林魚27日隊上一口氣爆出十多名新冠肺炎感染者衝擊自家與他隊賽程讓大聯盟再現停擺危機。聯盟發出備忘錄給各隊高層表示目前還不會中斷球季只要求提升防疫層級包括「建議大家都去打流感疫苗。」職籃NBA也</t>
  </si>
  <si>
    <t>聯盟都去建議包括層級防疫提升一口氣要求爆出球季流感疫苗中斷目前發出肺炎備忘錄高層表示感染者</t>
  </si>
  <si>
    <t>馬林魚27日隊上一口氣爆出十多名新冠肺炎感染者衝擊自家與他隊賽程讓大聯盟再現停擺危機。聯盟發出備忘錄給各隊高層表示目前還不會中斷球季只要求提升防疫層級包括「建議大家都去打流感疫苗。」職籃NBA也跟進下令防疫升級。
依照開季前勞資共識大聯盟設下停賽3條件其中包含「參賽的球員人數(陣容)不足以維持大聯盟的競爭強度」。停賽的決定權交給了聯盟總裁曼佛雷德(Rob Manfred)但具體要感染多少人才會停賽曼佛雷德沒有訂出明確數字。
「如果有一兩支球隊損失了部分球員並且有很長時間無法比賽這就會衝擊整個賽季屆時我們必須非常慎重地重新考慮。」馬林魚隨隊出征費城的33位球員高達11位染病他們暫時無法返回邁阿密。曼佛雷德確實在開季前說過能打完60場例行賽就算走運了。
外界批評大聯盟在馬林魚爆出首例感染後沒有及時喊停他們與費城人的比賽拖累接下來費城人與洋基的賽程(金鶯與馬林魚賽事也被延後)。此外白襪總教練倫特利亞(Rick Renteria)28日賽前出現咳嗽等症狀必須等檢驗報告出爐才能回歸白襪與印地安人的比賽則因天候不佳取消。</t>
  </si>
  <si>
    <t>聯盟馬林球員比賽停賽雷德費城防疫必須無法衝擊賽程沒有爆出感染</t>
  </si>
  <si>
    <t>大聯盟停賽曼佛雷德馬林魚費城人</t>
  </si>
  <si>
    <t>雷德馬林停賽聯盟費城</t>
  </si>
  <si>
    <t>治療有助於洛爾可能重症藥物高血壓肺炎常見</t>
  </si>
  <si>
    <t>最近發表在《美國心臟病學會雜誌》( Journal of the American College of Cardiology)的一項研究報告指出一種常見的心臟病藥物「美托洛爾」(metoprolol常見商品名為「倍他樂克」 Betaloc)可以減輕新冠肺炎重症</t>
  </si>
  <si>
    <t>心臟病常見of減輕可以betaloc學會樂克雜誌名為journal商品metoprololcardiology洛爾研究藥物報告指出theamericancollege美國肺炎發表重症</t>
  </si>
  <si>
    <t>最近發表在《美國心臟病學會雜誌》( Journal of the American College of Cardiology)的一項研究報告指出一種常見的心臟病藥物「美托洛爾」(metoprolol常見商品名為「倍他樂克」 Betaloc)可以減輕新冠肺炎重症患者身上的呼吸窘迫並改善其呼吸功能。
今日醫學新聞(Medical News Today)報導新冠肺炎已蔓延世界一年半大約有14~33%的患者可能會惡化為重症約有三分之二的重症患者會出現急性呼吸窘困症(Acute respiratory distress syndromeARDS)的情況大多數的供氧、重症監護病房 (ICU)就是搶救這類病患。
來自NASA的消息醫治重症患者所耗用的氧氣已造成太空行業的停頓因為火箭發射需要大量的液態氧但是救人優先太空行業也只能讓位。
急性呼吸窘困症(ARDS)是 涉及由於炎症和肺泡中積液而導致的肺組織損傷肺泡是肺中的氣囊在那裡與血管發生氣體交換。
由於血管洩漏而導致肺泡中積聚的液體限制了肺部向身體其他部位供氧的能力。因此ARDS 需要入住重症監護病房 (ICU) 和有創機械通氣以補償有限的肺功能。
ARDS是受新冠病毒感染後受損的組織所釋放的細胞因數以及病毒的持續擴散導致免疫系統的過度亢奮大量的免疫細胞(例如白血球、巨噬細胞、T細胞）聚集到肺部它們又造成更大的發炎反應科學家稱之為細胞因數風暴導致更大範圍的肺部破壞這也就是重症患者出現的肺部纖維化。
進入這個階段非常嚴重是新冠肺炎的重要死亡原因即使成功搶救仍然會造成永久性肺部損傷。因此減少免疫細胞、阻止白血球的活躍一直是減輕重症肺炎的主要方法。
西班牙馬德里卡洛斯三世健康研究所-國家心血管研究中心(CNIC)的研究發現原本用於治療心臟病的「美托洛爾」可以達到遲滯白血球動員的效果它是一種β 受體阻滯劑具有阻斷腎上腺素和去甲腎上腺素的作用醫生通常使用 β 受體阻滯劑來治療心血管疾病。
「腎上腺素」常被稱為超人激系是人類在高度緊張狀態時身體分泌的腺素它會使肌肉收縮變得更強壯但是身體也會付出相應的巨大代價它造成的反應類似發炎會對器官造成損害。「美托洛爾」具有抑制腎上腺素的作用。
研究團隊發現美托洛爾可以減少肺部發炎並改善血氧濃度這也就降低了肺部的白血球數量也就改善了細胞因數風暴。
該研究的第一作者-阿古斯丁‧克萊門特·莫拉貢(Agustín Clemente-Moragón)博士表示：「在過去的幾年我們已知β受體阻滯劑倍他樂克與白血球茲生的關係。」
「我們找到馬德里的重症自願患者進行實驗他們每天注射15毫克的美托洛爾然後檢查肺部積液中的白血球數量。」
「實驗組為12 名患者他們每天接受靜脈注射美托洛爾 而對照組為8天接受的是標準護理。」
接受美托洛爾治療的實驗組在4天之後肺部積液裡的白血球量確實比對照組來的少發炎細胞因數的濃度也有所下降。這些結果表明美托洛爾限制了白血球的活化也就減輕了患者的肺部發炎症狀。
在調查臨床結果的影響時研究人員也發現另一個好消息就是血氧濃度有所提升。
莫拉貢博士表示美托洛爾是一種臨床可用而且便宜的藥物（每日治療費用不到 3 美元）如果確定它有效可以改善全球幾百萬名仍以呼吸機、氧氣瓶在幫助呼吸的重症患者也就能降低全球醫療院所 ICU病房的壓力。
不過他也強調這是給重症患者的藥物不是預防藥物與輕症治療藥。而且這只是20人進行的極小規模實驗還必須通過更多的臨床實驗才能證實它廣泛有效。</t>
  </si>
  <si>
    <t>重症患者肺部白血球洛爾細胞研究造成發炎呼吸導致治療可以改善肺炎因數腎上腺素藥物身體</t>
  </si>
  <si>
    <t>美托洛爾肺部發炎白血球重症患者</t>
  </si>
  <si>
    <t>肺部發炎洛爾白血球重症患者</t>
  </si>
  <si>
    <t>普照升高白球疫情</t>
  </si>
  <si>
    <t>美國新冠肺炎確診人數飆破462萬疫情導致經濟步入衰退、失業率飆升但川普總統1日仍前往他位於維吉尼亞州史特林的私人高爾夫球場揮桿。由於川普國家高爾夫俱樂部就位於華府近郊因此川普搭車前往。球場外有一</t>
  </si>
  <si>
    <t>川普位於前往確診人數疫情導致步入搭車肺炎衰退失業率近郊私人高爾夫球場揮杆華府維吉尼亞俱樂部國家高爾夫特林總統</t>
  </si>
  <si>
    <t>美國新冠肺炎確診人數飆破462萬疫情導致經濟步入衰退、失業率飆升但川普總統1日仍前往他位於維吉尼亞州史特林的私人高爾夫球場揮桿。
由於川普國家高爾夫俱樂部就位於華府近郊因此川普搭車前往。球場外有一位打扮成撒旦的抗議人士一手高舉假鐮刀一手舉上面寫著「152K」的標語象徵美國因新冠肺炎死亡的人數已經累積到15萬2千人（到2日已達154萬）。不過因為男子沒有過激舉動祕勤局人員僅在旁戒備。
美國有線電視新聞網（CNN）統計這是川普上任3年多以來第283次忙裡偷閒去打小白球也是他在自家物業待的第376天。
川普在4年前競選期間過去多次攻擊前總統歐巴馬愛打小白球並稱如果他當總統一定會忙於國事而沒空打高爾夫。但數字會說話川普第一個任期未滿他去打高爾夫球的次數已經遠遠超過歐巴馬。</t>
  </si>
  <si>
    <t>川普總統位於已經前往人數白球一手肺炎巴馬美國上面人士抗議成撒旦舉動</t>
  </si>
  <si>
    <t>川普小白球美國新冠肺炎疫情</t>
  </si>
  <si>
    <t>美國白球肺炎川普疫情</t>
  </si>
  <si>
    <t>基隆日前師生跟進出國林右昌</t>
  </si>
  <si>
    <t>北部1名高中生確診新冠肺炎全班停課新北市「開出第一槍！」禁止高中職以下師生出國防疫經常「依中央指示」掛嘴上的基隆市長林右昌下午再補一槍跟進北北桃「逆時鐘」更加碼基隆至7月14日前都禁止。零確診</t>
  </si>
  <si>
    <t>基隆禁止確診肺炎全班停課新北加碼開出經常防疫市長指示中央出國下午嘴上林右昌高中職以下師生</t>
  </si>
  <si>
    <t>北部1名高中生確診新冠肺炎全班停課新北市「開出第一槍！」禁止高中職以下師生出國防疫經常「依中央指示」掛嘴上的基隆市長林右昌下午再補一槍跟進北北桃「逆時鐘」更加碼基隆至7月14日前都禁止。零確診的花蓮縣則「配合中央指示」。
新北市長侯友宜今早率先宣佈6月底前「高中職以下各級學校師生禁止出國」北市、桃園也隨後跟進基隆市長林右昌則在下午宣佈7月14日之前基隆市各級學校出國計劃一律暫停若有特殊狀況及原因需呈報各校與教育處專案核准。
基隆市府教育處將發函請各私立學校配合範圍包括基市轄內公私立幼兒園、國小、國中以及高中職所有師生一律禁止出國「也不准出國假！」林右昌也宣佈五月份母親節的模範母親表揚活動考慮疫情狀況屆時將委由區裡長代贈禮與表揚。
對於是否要禁師生出國各縣市莫衷一是疫情相對穩定的東台灣花蓮縣政府表示「目前暫不跟進」縣府教育處長李裕仁說師生禁出國規定將等待中央疫情指揮中心指示中央單位有明確建議地方後縣府才會再行規畫。
李裕仁說教育人員也是公務人員如果縣府有要限制公務員出國就會對教職人員有進一步的做法至於學生部分他認為應限制家長而不是限制學生目前沒有進一步的相關措施及研議將會再視疫情發展等待並配合中央指示。</t>
  </si>
  <si>
    <t>出國基隆師生疫情中央縣府跟進宣佈學校禁止指示配合市長林右昌高中職狀況表揚限制新北目前進一步確診教育</t>
  </si>
  <si>
    <t>新冠肺炎CONID-19武漢肺炎新型冠狀病毒基隆</t>
  </si>
  <si>
    <t>武漢肺炎conid-病毒冠狀基隆</t>
  </si>
  <si>
    <t>團隊本土高雄</t>
  </si>
  <si>
    <t>新冠肺炎全球蔓延迄今高雄30例確診都是境外移入高雄市長韓國瑜17日上午視察衛生局疫調支援中心嘉勉全體人員執行防疫業務的辛勞；有媒體追問市長除慰訪行程外整天幾乎無其他行程新聞局長鄭照新強調只是沒</t>
  </si>
  <si>
    <t>市長高雄行程局長新聞蔓延迄今確診鄭照新嘉勉全體人員中心執行防疫支援業務追問境外媒體衛生局辛勞視察</t>
  </si>
  <si>
    <t>新冠肺炎全球蔓延迄今高雄30例確診都是境外移入高雄市長韓國瑜17日上午視察衛生局疫調支援中心嘉勉全體人員執行防疫業務的辛勞；有媒體追問市長除慰訪行程外整天幾乎無其他行程新聞局長鄭照新強調只是沒有公開接受採訪的行程不是沒有行程下午忙第二波紓困財政方案的討論。
大年初三值班至今
新冠肺炎爆發以來高市府守住無本土確診個案其中辛苦的幕後推手就是參與疫調支援中心的團隊成員；市長韓國瑜昨早特別前往衛生局疫調支援中心慰訪42名護理師及相關工作人員為居家檢疫或居家隔離民眾釋疑或進行醫療轉銜。
韓國瑜致詞表示衛生局同仁從大年初三值班到現在24小時輪班保護市民健康非常辛苦他代表市民跟衛生局同仁致謝。韓送了126張餐券給疫調支援中心人員讓大家可以就近在衛生局附近的店家消費。
公開行程少惹質疑
慰訪行程結束韓國瑜隨即進入電梯離開媒體追問市長整天是否只有這個行程之後就沒有行程；隨行的新聞局長鄭照新說市長不是沒有行程只是行程沒有公開讓媒體採訪鄭指出韓市長忙於市政忙於紓困等下就會找財政局討論第二波紓困方案期待中央與地方聯手儘快把財源送到第一線人員手上。
對於韓國瑜是否出席議會臨時會鄭照新說不需牽扯政治運動應回歸市政與防疫已做好準備進入議會；他也批評部分團體發動政治運動無視市民對於防疫需求相當可議。</t>
  </si>
  <si>
    <t>市長行程衛生局防疫韓國瑜支援中心市民媒體沒有紓困確診對於公開進入議會高雄辛苦政治韓國人員市政</t>
  </si>
  <si>
    <t>市長肺炎衛生局韓國瑜慰訪</t>
  </si>
  <si>
    <t>衛生局韓國肺炎市長</t>
  </si>
  <si>
    <t>復會印度議會</t>
  </si>
  <si>
    <t>受到新冠肺炎疫情影響印度議會14日召開6個月來首次會議印度總理莫迪（Narendra Modi）與議員帶著口罩坐在滿是隔板的議會廳開會。莫迪在演說中表示在新冠肺炎藥物問世前不能鬆懈希望疫苗盡快推出。</t>
  </si>
  <si>
    <t>莫迪肺炎鬆懈不能問世藥物希望疫情口罩坐在召開印度議會議員modi影響會議narendra印度隔板總理議會廳</t>
  </si>
  <si>
    <t>議會莫迪睽違新冠肺炎召開</t>
  </si>
  <si>
    <t>莫迪肺炎召開議會</t>
  </si>
  <si>
    <t>備案新劇題材近乎零</t>
  </si>
  <si>
    <t>受新冠肺炎疫情影響大陸文娛行業今年首季只運作近1個月加上廣電總局2月公佈《關於進一步加強電視劇網路劇創作生產管理有關工作的通知》要求電視劇、網路劇、網路電影在備案審批時「須提交完整劇本」的規定以</t>
  </si>
  <si>
    <t>網路電視劇疫情影響大陸文娛行業審批今年首季肺炎運作提交加上廣電總局公佈進一步加強管理有關工作通知創作生產備案</t>
  </si>
  <si>
    <t>受新冠肺炎疫情影響大陸文娛行業今年首季只運作近1個月加上廣電總局2月公佈《關於進一步加強電視劇網路劇創作生產管理有關工作的通知》要求電視劇、網路劇、網路電影在備案審批時「須提交完整劇本」的規定以致Q1新劇備案量比去年同期大減12%1、2月僅147部（1月84部2月63部）。
備案新劇的題材中以當代主題的數量最多穩居榜首而由小說IP改編影視作品的依然不在少數如1月份的《繁花》、《阿麥從軍》、《木蘭無長兄》以及2月的《億萬星辰不及你》、《親愛的摯愛的》、《星漢燦爛》等尚未拍攝就已經在社群媒體自帶話題流量。
礙於大陸官方公佈的「限古令」等政策影響古裝劇備案數量比去年同期下降16%。1月有《少年禦醫》、《漢鄉》等11部備案2月有《曹操傳》、《汴京夢華圖》、《長風渡》等5部備案至於過去曾叫好又叫座「仙俠類題材」因為於泛濫網友喜好度下降Q1的備案通報中已看不到相關作品。
業者表示2月因為新冠肺炎確診病例大增大陸各省市封城、封路多家大陸上市製作公司平均備案數僅5部遠低於2019年同期的75部。而立項成本增加備案數量優化、影視公司趨於理性等因素影響電視劇行業內的一系列連鎖反應就此展開。</t>
  </si>
  <si>
    <t>備案大陸影響數量電視劇公佈題材行業網路公司新劇下降去年同期肺炎從軍木蘭阿麥繁花長兄月份</t>
  </si>
  <si>
    <t>肺炎仙俠下降網路劇新劇</t>
  </si>
  <si>
    <t>下降網路新劇肺炎</t>
  </si>
  <si>
    <t>肺炎首例不能全台臺灣漏氣治癒</t>
  </si>
  <si>
    <t>被俗稱「武漢肺炎」的新冠肺炎從中國大陸蔓延全球疫情至今還未控制。在台灣目前確診的18例中首位被診斷出新冠肺炎的女台商日前康復出院引發國內社會高度關注。而作為台灣第一位確診新冠肺炎治癒的「幕後功</t>
  </si>
  <si>
    <t>肺炎確診臺灣疫情引發國內全球出院至今蔓延社會大陸康復日前高度台商關注控制目前作為出新診斷中國治癒</t>
  </si>
  <si>
    <t>被俗稱「武漢肺炎」的新冠肺炎從中國大陸蔓延全球疫情至今還未控制。在台灣目前確診的18例中首位被診斷出新冠肺炎的女台商日前康復出院引發國內社會高度關注。而作為台灣第一位確診新冠肺炎治癒的「幕後功臣」其實十分低調最近這名抗疫幕後謎樣般的英雄「范姜醫師」首度接受媒體專訪袒露自己投入治療的心情。
據媒體《HEHO》報導身為首例確診新冠肺炎女台商的主治醫師范薑醫師先是謙虛表示患者之所以能順利痊癒主要還是靠她的免疫力康復。他透露這名女台商在第一時間知道自己是打破台灣確診「0號」的人曾問過范薑醫師：「如果說有一件事情是正確的但是你可能會危及到生命你會去做嗎？」
范薑說他知道治療這位首例患者關乎台灣防疫的士氣他與團隊是抱持著「我們絕對不要讓台灣漏氣」的心情與醫療職責所在把所有資源都安排好「這本來也是我們該做的。」
過去也曾投入SARS疫情救治的范薑他提到有時治療的困難不在疾病本身而是瞬間「病人太多」醫師要「打仗」的工具都不夠自然無法守住病人的生死。
回憶當年SARS疫情范薑醫師說新冠肺炎的傳染力雖然勝於SARS但就目前狀況評估整體致死率是低於SARS的；且台灣目前沒有社區群聚感染的狀況他認為我們只要守住邊境、守住社區就不用擔心過去SARS的悲劇會重演。
而身為台灣首例確診新冠肺炎的主治醫師范薑醫師站在攸關生死的前線作戰他坦言只有傻子才說不害怕但救治病人是他的責任「上了戰場就不能怕死」。他也對媒體分享他所寫下的「醫護出師表」其中提到「我們有恐懼的理由但沒有逃避的藉口我們可能會犧牲但壯烈成仁似乎比苟且偷生來的好聽些。只要疫情需要我們責無旁貸祈上天垂憐醫病兩相安」。他也相信只要醫師好好的、病人好好的台灣也會好好的。
更多 CTWANT 報導</t>
  </si>
  <si>
    <t>臺灣醫師范姜sars肺炎疫情確診病人目前治療媒體台商首例提到生死心情</t>
  </si>
  <si>
    <t>咳嗽新聞對不起播報張雅琴</t>
  </si>
  <si>
    <t>資深主播張雅琴播報新聞風格獨特又犀利一針見血又中肯的評論總是讓網友聽了大呼過癮。然而她昨（26日）在播報大甲媽祖遶境相關新聞時突然在主播臺上大咳嗽讓她當下急忙道歉澄清自己只是嗆到。大甲媽祖遶不</t>
  </si>
  <si>
    <t>播報新聞媽祖道歉評論只是澄清總是急忙風格網友當下咳嗽過癮臺上突然相關</t>
  </si>
  <si>
    <t>資深主播張雅琴播報新聞風格獨特又犀利一針見血又中肯的評論總是讓網友聽了大呼過癮。然而她昨（26日）在播報大甲媽祖遶境相關新聞時突然在主播臺上大咳嗽讓她當下急忙道歉澄清自己只是嗆到。
大甲媽祖遶不遶境？台中立委3Q哥陳柏惟在臉書發文：「遶境不需停辦媽祖本身去哪裡應給予尊重但信眾要不要跟去就必須配合國家防疫政策建議政府尊重宗教傳統但宣佈管制民眾參加。」
對此張雅琴直言對陳柏惟說法不全然贊同認為遶境應該要停辦但若一定要辦她有個方法不知可不可行。未料張雅琴在說出她的想法前突然現場大大地咳了一聲令她當下笑場：「對不起我是嗆到。」還指著攝影棚外要工作人員不要笑。
接著張雅琴說出她的方法那就是只要參加媽祖遶境全部都要登記身分證不能亂跑旁邊接近100公尺內的參加者也要登記但她也稱這個方法感覺起來很難實行。</t>
  </si>
  <si>
    <t>張雅琴方法媽祖尊重當下突然陳柏惟參加播報說出登記新聞停辦感覺</t>
  </si>
  <si>
    <t>張雅琴遶境張雅琴咳嗽新冠肺炎武漢肺炎</t>
  </si>
  <si>
    <t>咳嗽張雅琴肺炎武漢</t>
  </si>
  <si>
    <t>注意重點疫苗</t>
  </si>
  <si>
    <t>新冠疫苗接種自15日起展開隨著美方捐贈的250萬劑莫德納抵台加上已有的近200萬劑AZ政府承諾的大規模施打即將具體實現。《中時新聞網》整理7項重點供有意前往接種的民眾、以及陪同的家人參考確保疫苗副作用</t>
  </si>
  <si>
    <t>接種疫苗家人陪同民眾展開美方前往捐贈莫德納加上有意az政府承諾施打即將具體整理實現新聞網</t>
  </si>
  <si>
    <t>新冠疫苗接種自15日起展開隨著美方捐贈的250萬劑莫德納抵台加上已有的近200萬劑AZ政府承諾的大規模施打即將具體實現。《中時新聞網》整理7項重點供有意前往接種的民眾、以及陪同的家人參考確保疫苗副作用降至最低。
1吃早餐。當天若要打疫苗肚子裡最好先墊點東西用意是確保血糖不會太低；也不要吃太飽約6、7分即可以免造成身體負擔。
2準備普拿疼、乾洗手口罩戴好戴滿。普拿疼是為了改善疫苗副作用不良反應程度因人而異。乾洗手、戴口罩都是出入接種站時應有的保護措施若有護目鏡或面罩更好。
3家人陪同。長者行動不便家中若有年輕人陪同前往接種最好沿途照護。
4量體溫。近來天氣高溫炎熱到了接種站可稍作休息讓因移動而升高的體溫恢復正常。萬一當日體溫偏高不建議接種。
5心情好。盡量放輕鬆、保持心情愉悅。
6多喝水。促進身體新陳代謝、循環也可預防脫水。
7觀察30分鐘。接種後在現場陰涼處觀察30分鐘確認無不良反應再返家；現場有醫護人員可隨時處理突發狀況。</t>
  </si>
  <si>
    <t>接種疫苗體溫身體最好家人確保不良反應現場副作用前往陪同心情觀察口罩</t>
  </si>
  <si>
    <t>新冠肺炎台灣打疫苗注意事項</t>
  </si>
  <si>
    <t>肺炎臺灣疫苗注意事項</t>
  </si>
  <si>
    <t>蕭美琴疫苗爭取釋出美國</t>
  </si>
  <si>
    <t>美國總統拜登今天表示預定6月底前將釋出2000萬劑疫苗到海外這是美國首度將獲得官方認證使用的疫苗供應海外。對此駐美代表蕭美琴表示「進洽爭取中」。拜登（Joe Biden）今天下午宣佈將再釋出2000萬劑2019冠</t>
  </si>
  <si>
    <t>表示疫苗拜登海外釋出美國宣佈biden今天下午爭取joe蕭美琴代表預定對此供應月底使用官方認證獲得首度</t>
  </si>
  <si>
    <t>美國總統拜登今天表示預定6月底前將釋出2000萬劑疫苗到海外這是美國首度將獲得官方認證使用的疫苗供應海外。對此駐美代表蕭美琴表示「進洽爭取中」。
拜登（Joe Biden）今天下午宣佈將再釋出2000萬劑2019冠狀病毒疾病（COVID-19）疫苗到海外以協助對抗疫情的國家。這批疫苗是已經獲得在美國使用許可的疫苗包括輝瑞（Pfizer）、莫德納（Moderna）與嬌生（Johnson &amp; Johnson）生產的疫苗。
白宮曾於4月時宣佈將與他國分享約6000萬劑由阿斯特捷利康（AstraZeneca）生產的疫苗。不過阿斯特捷利康疫苗尚未獲得美國食品暨藥物管理局（FDA）使用許可。
對於美國將再釋出疫苗蕭美琴在回覆媒體詢問是否會向美國政府表達疫苗需求時表示已經向美方表達爭取這波釋出疫苗的意願「進洽爭取中」。
她也表示國內疫苗採購由衛福部主責駐美代表處主要是從旁進洽美方加速回應所提的需求。
台灣近日來確診病例大幅增加對疫苗的需求也隨之加大。衛生福利部次長薛瑞元日前在立法院表示台灣已採購的505萬劑莫德納疫苗快則5月可能交貨但比較沒有把握希望至少6月以前到貨。
蕭美琴14日表示台灣向美方商購的疫苗目前有2批其中阿斯特捷利康已經有少量送抵台灣莫德納藥廠生產的疫苗預計6月可以開始送交。現在的目標是努力爭取務必能如期到貨。（編輯：張佑之）1100518</t>
  </si>
  <si>
    <t>疫苗表示臺灣釋出爭取美國蕭美琴需求莫德納美方已經海外使用生產獲得到貨宣佈阿斯特捷利康採購拜登許可</t>
  </si>
  <si>
    <t>新冠肺炎美國疫苗蕭美琴</t>
  </si>
  <si>
    <t>肺炎美國疫苗蕭美琴</t>
  </si>
  <si>
    <t>擴大感染機構研究確診</t>
  </si>
  <si>
    <t>疫情今天國內感染案例急遽升溫再度中央流行新增機構個案研究確診指揮中心指揮官公佈境外陳時中肺炎</t>
  </si>
  <si>
    <t>個案確診今天國內本土新增疫情分別發病機構案例研究荷蘭機場公佈時中就醫自行病例</t>
  </si>
  <si>
    <t>群聚感染1人確診國內新冠肺炎</t>
  </si>
  <si>
    <t>確診國內感染肺炎</t>
  </si>
  <si>
    <t>調查局疫情肺炎訊息</t>
  </si>
  <si>
    <t>新冠肺炎升溫爭議假消息被網友匿名在網路上散播調查局假訊息防制中心一口氣溯源追查了包括「武漢台商…與一位女性打麻將…出現發燒症狀…」等4件假訊息共約談6位散播網友到案偵訊後依違反《傳染病防治法》移送</t>
  </si>
  <si>
    <t>網友訊息散播爭議假消息到案違反匿名台商武漢女性包括追查網路上麻將溯源升溫出現一口氣發燒中心症狀共約</t>
  </si>
  <si>
    <t>新冠肺炎升溫爭議假消息被網友匿名在網路上散播調查局假訊息防制中心一口氣溯源追查了包括「武漢台商…與一位女性打麻將…出現發燒症狀…」等4件假訊息共約談6位散播網友到案偵訊後依違反《傳染病防治法》移送法辦。
調查局追查的假訊息共有南機站約談高雄廖姓市民散佈「武漢台商…與一位女性打麻將…出現發燒症狀…」；彰化縣調查站約談謝姓、王姓縣民散播「武漢肺炎…確診第五例在和美北環和興診所…」及葉姓、蔡姓縣民散播「昨天在秀傳去世的那位住崙平、751的司機有去過蔡文瑞耳鼻喉科…」；新北市調處約談新北范姓市民散播「武漢肺炎第20例死亡患者前幾天還在車行載客…」。
調查局外勤站約談散播假訊息的民眾後都依違反《傳染病防治法》移送並將持續積極查辦疫情假訊息案件呼籲民眾審慎閱聽思辨各方消息切勿人云亦云、轉傳不實訊息以免誤蹈法網。</t>
  </si>
  <si>
    <t>散播訊息武漢調查局肺炎追查縣民民眾網友移送市民新北症狀防治法違反傳染病發燒台商出現女性不實</t>
  </si>
  <si>
    <t>肺炎調查局武漢新北傳染病防治法</t>
  </si>
  <si>
    <t>武漢調查局新北傳染病防治法肺炎</t>
  </si>
  <si>
    <t>facebook疫情取消肺炎開發者大會顧慮</t>
  </si>
  <si>
    <t>新冠肺炎(COVID-19)疫情持續延燒受到疫情影響有多場全球性的大型展會包含今年 2 月份 MWC(全球行動通訊大會)以及日本橫濱攝影器材展CP+等都已經確定取消在台灣的臺北國際書展(TiBE)以及臺北國際電玩展(TpGS)</t>
  </si>
  <si>
    <t>疫情國際臺北影響全球性展會臺灣包含今年covid-取消月份mwc全球行動確定通訊大會已經cp日本橫濱持續攝影器材</t>
  </si>
  <si>
    <t>facebook取消宣佈大會開發者今年對於規劃isin疫情活動影響需要平臺肺炎國際決定</t>
  </si>
  <si>
    <t>新冠肺炎COVID-19疫情FacebookF8</t>
  </si>
  <si>
    <t>疫情covid-肺炎facebook</t>
  </si>
  <si>
    <t>勇於檢查開幕稱讚</t>
  </si>
  <si>
    <t>日職阪神虎選手藤浪晉太郎與二軍2名不具名選手在新冠肺炎檢測中都為陽性日職一下暴增3確診案例。雖然球員確診可能衝擊到原本日職開幕日不過日職事務局長井原敦表示最快4月24日開幕的目標不會變。先前日職聯</t>
  </si>
  <si>
    <t>選手開幕確診具名衝擊肺炎陽性中都目標表示檢測球員案例可能晉太郎先前</t>
  </si>
  <si>
    <t>日職阪神虎選手藤浪晉太郎與二軍2名不具名選手在新冠肺炎檢測中都為陽性日職一下暴增3確診案例。雖然球員確診可能衝擊到原本日職開幕日不過日職事務局長井原敦表示最快4月24日開幕的目標不會變。
先前日職聯盟與職業足球J聯盟曾在12日新冠肺炎對策會議中曾有共識若球員或職員確診除了做好防疫措施外其他工作應正常進行。因此日職遵循此目標開幕戰依舊希望於4月24日進行。不過今日下午中央聯盟6球團會針對阪神虎3名確診球員進行會議是否會有所改變要等官方宣佈。
而藤浪因出現「嗅覺失靈」雖然沒有咳嗽、發燒等症狀他仍多次赴醫院檢查最後新冠肺炎檢測為陽性同時球隊二軍2名曾與他一起吃飯的選手也出現「味覺失靈」檢測後也都是陽性。
藤浪勇於檢測的做法獲大多數人稱讚一名球隊職員說「所有棒壇人士都擔心自己是日職第一個被感染者但有些人有咳嗽、發燒等明顯症狀可能會因為害怕而保持沉默但藤浪並沒有輕視自己的病徵還多次赴醫檢查這很勇敢他對身邊的人和球隊都很體貼真誠雖然我們仍處在低潮但相信一切會回到正軌他也能重回身手。」</t>
  </si>
  <si>
    <t>檢測確診進行球隊選手聯盟球員陽性肺炎職員開幕檢查會議可能沒有出現症狀</t>
  </si>
  <si>
    <t>日職確診新冠肺炎陽性日本</t>
  </si>
  <si>
    <t>確診肺炎陽性日本</t>
  </si>
  <si>
    <t>流感夾攻中研院研發疫苗冬季防止</t>
  </si>
  <si>
    <t>若今年冬季COVID-19疫情與流感同時夾攻人類該如何因應？最佳的預防方法就是接種疫苗！由中央研究院翁啟惠院士領導的基因體研究中心團隊多年來致力於研究廣效流感疫苗近期又出現重大突破。團隊研發出「單醣化嵌</t>
  </si>
  <si>
    <t>團隊研究流感夾攻人類因應預防方法就是重大突破接種疫苗出現疫情中央研究院翁啟惠流感疫苗院士領導近期廣效基因發出covid-致力中心</t>
  </si>
  <si>
    <t>若今年冬季COVID-19疫情與流感同時夾攻人類該如何因應？最佳的預防方法就是接種疫苗！由中央研究院翁啟惠院士領導的基因體研究中心團隊多年來致力於研究廣效流感疫苗近期又出現重大突破。
團隊研發出「單醣化嵌合血凝集（chimeric HA）蛋白疫苗」可對抗各種異株和亞型的A型流感病毒減少因誤判病毒株導致疫苗防護力不足的問題研究成果於今（109）年7月登上國際期刊《美國國家科學院院刊》（PNAS）。
預防流感最佳方法是接種疫苗但疫苗通常只針對單一亞型不同亞型之間沒有免疫交叉性一旦病毒突變或者病毒株預測錯誤當年趕製的疫苗就會失去預期保護力。因此研究團隊擷取來自2種不同病毒株的蛋白質組合成全新的血凝集素再輔以中研院獨創單醣化技術研發出「單醣化嵌合血凝集素蛋白疫苗」可預防各種異株和亞型的A型流感病毒感染人體。
A型流感病毒的分類是由病毒表面的血凝集素（HA）以及神經胺酸酶（NA）2種蛋白決定經過排列組合後可以組成不同的病毒株而病毒突變通常發生在血凝集素的頭部區域。論文第一作者廖心瑜博士後研究員為了克服H1亞型產生的抗體只能預防H1病毒感染的問題便鎖定病毒表面1根根突起的血凝集素蛋白進行研究。
先將H1和H5不同亞型的血集凝素序列進行排列找出共通序列然後再將不同的區域排列組合設計出不同於自然界存在的嵌合血凝集素。經過多方嘗試後篩選出1個頭部含有共通H5序列、枝幹含有共通H1序列的嵌合蛋白。實驗發現此蛋白可引發良好的免疫反應。
為了進一步優化疫苗效力研究團隊還利用單醣化技術修飾血凝集素上特定部位多餘的醣簡化後的嵌合蛋白可以露出不易突變的區域使得人體免疫系統更容易辨識、消滅已被感染的細胞。
研究團隊發現將單醣化後的嵌合血凝集素結合中研院專利的醣脂佐劑（cHAmg+ C34）一起使用可產生較多的細胞激素以及T細胞反應增強免疫效果。攻毒試驗結果也顯示能有效抵抗4種不同的H1N1病毒和2種不同的H5N1病毒達到至少80%的保護效果甚至也能中和H3、H5、H7和H9等不同亞型的病毒。本項技術亦可用來開發新一代冠狀病毒疫苗以對付不斷突變的新冠病毒株相關研究目前仍在進行中。
更多NOW健康報導：</t>
  </si>
  <si>
    <t>病毒疫苗研究凝集不同蛋白團隊亞型預防嵌合流感突變免疫區域進行技術細胞序列糖化效果</t>
  </si>
  <si>
    <t>新冠肺炎冬季新冠廢顏A型流感疫苗</t>
  </si>
  <si>
    <t>冬季流感肺炎疫苗</t>
  </si>
  <si>
    <t>本土個案感染肺炎不明</t>
  </si>
  <si>
    <t>新冠肺炎疫情延燒中央流行疫情指揮中心今公佈國內新增16例新冠肺炎確診者包括2例本土及14例境外移入。本土個案為50多歲男性(案268)及30多歲男性(案269)兩人均無出國史感染源不明。境外移入個案為9女5男年</t>
  </si>
  <si>
    <t>疫情肺炎境外本土國史感染男性不明指揮中心公佈國內新增流行個案中央包括</t>
  </si>
  <si>
    <t>新冠肺炎疫情延燒中央流行疫情指揮中心今公佈國內新增16例新冠肺炎確診者包括2例本土及14例境外移入。本土個案為50多歲男性(案268)及30多歲男性(案269)兩人均無出國史感染源不明。境外移入個案為9女5男年齡10多歲至60多歲入境日介於3月6日至26日發病日介於3月1日至25日發病前活動地包括北美洲(美國、加拿大)、歐洲(英國、西班牙、瑞士、捷克、愛爾蘭)、大洋洲(澳大利亞)及亞洲(菲律賓)出國目的以就學或工作為主。
案268於2月28日至3月18日間陸續出現咳嗽、喉嚨痛、頭痛、發燒等症狀曾多次就醫3月20日因發燒、肺炎收治住院經治療後症狀改善並於3月23日出院但返家後又出現發燒、呼吸急促及腹瀉症狀3月25日再次就醫經醫院採檢通報於今日確診。衛生單位已初步掌握同住家人、職場及就醫接觸者等共102人將進一步調查案268發病前活動史及暴露史以釐清感染源。
案269於3月23日、24日因陸續出現肌肉痠痛、腹瀉及發燒症狀分別至診所及醫院就醫醫院於3月25日採檢通報於今日確診。衛生單位調查案269平時活動地以職場及住家為主目前已掌握同住家人及職場接觸者共7人將進一步匡列就醫接觸者並持續調查個案發病前是否有其他高風險暴露史以釐清感染源。
指揮中心指出新增的境外移入個案中2例與先前公佈國外校園群聚有關其中案272與案152、222至225等5人於英國就讀同校案272於3月19日發病3月25日入境時由機場採檢通報於今日確診；截至目前該校相關群聚共6人確診。衛生單位調查6人曾於3月14日、16日在英國當地聚餐研判可能是引發群聚感染的原因。
另一例境外移入校園群聚個案為案276與案58、64、80及213於西班牙就讀同校同系。案276於3月12日返國後進行居家檢疫3月18日發病由衛生單位安排就醫採檢於今日確診；截至目前該校相關群聚共5人確診。</t>
  </si>
  <si>
    <t>就醫發病個案發燒感染症狀確診英國衛生單位調查肺炎出現境外活動為主目前指揮</t>
  </si>
  <si>
    <t>中研院確診足跡指揮中心新冠肺炎武漢肺炎</t>
  </si>
  <si>
    <t>中心指揮足跡肺炎確診中研院武漢</t>
  </si>
  <si>
    <t>停辦以下學校畢業典禮高中蘇揆延長警戒轉播</t>
  </si>
  <si>
    <t>行政院長蘇貞昌今在臉書表示為了確實阻斷疫情傳播鏈在專家會議建議下疫情指揮中心、各部會會商後防疫指揮中心今天下午宣佈全國第三級警戒及各級學校停止到校上課的措施延長到6月14日。原定6月5日至6日舉</t>
  </si>
  <si>
    <t>疫情中心指揮措施上課到校表示停止確實學校阻斷警戒延長傳播全國宣佈今天下午專家防疫會議建議原定</t>
  </si>
  <si>
    <t>行政院長蘇貞昌今在臉書表示為了確實阻斷疫情傳播鏈在專家會議建議下疫情指揮中心、各部會會商後防疫指揮中心今天下午宣佈全國第三級警戒及各級學校停止到校上課的措施延長到6月14日。原定6月5日至6日舉行的國中會考補考及後續分發維持辦理；高中以下學校畢業典禮則會停辦或採線上轉播。
蘇貞昌表示這一個禮拜過來台灣人民展現無比的團結與韌性密切配合政府的防疫措施市面上的民生、防疫物資也呈現正常供給因為大家的努力跟體諒我們才能在互相扶持中應對挑戰。
蘇貞昌說為了確實阻斷疫情傳播鏈在專家會議建議下疫情指揮中心、各部會會商後防疫指揮中心今天下午宣佈將現有的全國第三級疫情警戒、各級學校停止到校上課的措施延長到6月14日 端午節假期結束為止。
至於原定6月5日至6日舉行的國中會考補考及後續分發維持辦理高中以下學校畢業典禮則會停辦、或採線上轉播各校的畢業考將採多元方式評量。教育部會繼續整合提供更多線上教學資源維護學生的受教權也減輕家長負擔。
蘇貞昌強調當此疫情險峻之時請大家保持鎮定、配合防疫措施只要大家都能繼續做好防疫我們就可以更快回到正常的生活只要團結我們就能度過難關。</t>
  </si>
  <si>
    <t>疫情防疫蘇貞昌措施學校團結正常表示繼續配合中心指揮確實原定阻斷轉播警戒全國宣佈延長</t>
  </si>
  <si>
    <t>蘇貞昌新冠肺炎台灣延長高中</t>
  </si>
  <si>
    <t>肺炎臺灣延長高中蘇貞昌</t>
  </si>
  <si>
    <t>開跑消費活動臺灣iphone</t>
  </si>
  <si>
    <t>天氣轉涼也宣告泡溫泉的旺季來臨！交通部觀光局今年再度結合全台19個溫泉區舉辦「2021-2022台灣好湯」活動今日舉行啟動儀式民眾前往全台400多家合作業者住宿或泡湯使用振興五倍券或國旅券消費滿200元即有</t>
  </si>
  <si>
    <t>全台宣告泡湯溫泉住宿旺季業者來臨合作交通部觀光局振興今年前往再度民眾結合舉行儀式今日活動啟動溫泉區使用舉辦</t>
  </si>
  <si>
    <t>天氣轉涼也宣告泡溫泉的旺季來臨！交通部觀光局今年再度結合全台19個溫泉區舉辦「2021-2022台灣好湯」活動今日舉行啟動儀式民眾前往全台400多家合作業者住宿或泡湯使用振興五倍券或國旅券消費滿200元即有機會抽中溫泉住宿券及iPhone 13。
觀光局邀請國際知名設計師沙布喇安德列、針織女王潘怡良與曾參與柏林時裝週、紐約時裝週的設計師群們為全台灣19處溫泉區域的打造專屬時尚浴衣展現獨一無二的溫泉暖時尚。
交通部政務次長陳彥伯表示交通部觀光局自2007年起推動溫泉品牌化以「台灣好湯」行銷全台的溫泉區將台灣溫泉推上國際。新冠肺炎疫情爆發以來政府推出振興五倍券及國旅券期能刺激國內消費及帶動經濟振興台灣好湯也加碼振興五倍券優惠抽獎活動。
陳彥伯說台灣溫泉是剛剛好的40度Ｃ不只是療癒的暖度更是充滿人情味的暖度。
觀光局主任秘書林佩君表示觀光局以健康40度C的概念推廣台灣好湯品牌希望遊客用「溫度」認識台灣觀光局整合超過400家合法溫泉旅宿業者民眾只要於全台溫泉區域特約店家住宿或泡湯使用振興五倍券或國旅券消費滿200元憑認證後的消費發票上網登錄即可抽住宿券及iPhone 13歡迎遊客帶著抽中的泡湯券攜家帶眷一起到全台各地泡湯、吃當季美食活絡在地消費。
「2021-2022 台灣好湯」活動即日起開跑一直到明年4月底止期待不只帶動台灣秋冬溫泉旅行熱潮更將台灣溫泉區域的各樣美好、溫暖的感受傳遞給更多人讓溫泉真正撫慰人心。</t>
  </si>
  <si>
    <t>溫泉臺灣全台觀光局消費振興住宿區域泡湯活動設計師國際陳彥伯交通部觀光局表示遊客帶動民眾iphone業者抽中時尚國旅</t>
  </si>
  <si>
    <t>台灣好湯溫泉振興五倍券振興券五倍券</t>
  </si>
  <si>
    <t>溫泉振興臺灣</t>
  </si>
  <si>
    <t>臺灣防疫政治</t>
  </si>
  <si>
    <t>拜登當選總統美國防疫展開新局與美國總統川普用諸如「中國病毒」等歧視用語不同拜登防疫的重點在科學而非政治；在美國防疫要轉向下是否台灣的政治防疫也該下架了放台商、大陸專業人士一條活路吧。拜登勝</t>
  </si>
  <si>
    <t>防疫拜登美國政治總統大陸台商川普諸如病毒中國歧視用語不同專業人士是否臺灣轉向重點科學活路展開當選</t>
  </si>
  <si>
    <t>大陸防疫拜登美國川普科學疫情肺炎病例政治往來可以政府中國資料諸如口水人員措施於事無補專業人士</t>
  </si>
  <si>
    <t>大陸中國政治拜登肺炎</t>
  </si>
  <si>
    <t>拜登大陸肺炎中國政治</t>
  </si>
  <si>
    <t>不夠出手口罩唐鳳順時鐘</t>
  </si>
  <si>
    <t>新冠肺炎疫情嚴峻我國口罩日產量不斷提升台灣政府目前已放寬到每14天成人可買9片口罩、兒童可買10片不過部分民眾困惑為何不是每天一片？行政院長蘇貞昌前日透露衛福部認為如果不限量大家可能就會浪費。政</t>
  </si>
  <si>
    <t>口罩可能限量嚴峻認為我國衛福部透露前日日產量蘇貞昌不斷行政院長提升困惑民眾目前臺灣政府部分放寬成人疫情肺炎</t>
  </si>
  <si>
    <t>口罩唐鳳可以影片疫情民眾電鍋產能蘇貞昌重複使用國內時鐘https</t>
  </si>
  <si>
    <t>TaiwanCanHelp口罩唐鳳電鍋乾蒸口罩</t>
  </si>
  <si>
    <t>電鍋口罩唐鳳taiwancanhelp</t>
  </si>
  <si>
    <t>確診忠義大倉病例肺炎高燒傑尼斯</t>
  </si>
  <si>
    <t>日本演藝圈罹患新冠肺炎再添一例傑尼斯事務所旗下人氣團體「關西傑尼斯8（關8）」其中一名成員大倉忠義被爆確診新冠肺炎目前按照相關單位指示進行10天休養而與他有密切接觸的成員丸山隆平及經紀人也將進</t>
  </si>
  <si>
    <t>成員肺炎丸山密切接觸休養經紀人進行人氣指示團體關西傑尼斯傑尼斯事務所單位相關大倉目前忠義</t>
  </si>
  <si>
    <t>日本演藝圈罹患新冠肺炎再添一例傑尼斯事務所旗下人氣團體「關西傑尼斯8（關8）」其中一名成員大倉忠義被爆確診新冠肺炎目前按照相關單位指示進行10天休養而與他有密切接觸的成員丸山隆平及經紀人也將進行2週隔離。
根據日媒報導大倉忠義20日晚間身體出現倦怠感隔天便發燒到375度經過篩檢為陽性反應確定罹患新型肺炎目前已經接受隔離治療而和他接觸較頻繁的同團成員丸山隆平以及一名經紀人經過篩檢後雖確認為陰性仍會進行2週隔離至於其他「關8」成員橫山裕、村上信五、安田章大則繼續維持原有通告活動。
傑尼斯負責人表示大倉忠義在發病後並未進入傑尼斯事務所大樓或相關設施目前會對相關人員作好嚴密控管並隨時注意所有人健康狀態照常進行演藝與業務活動呼籲外界不用過度擔憂。
大倉忠義主演BL電影《窮途之鼠的乳酪之夢》和成田淩展開一段不倫之戀上映以來獲得大批腐女觀眾支持明年1月則預定主演富士電視台新戲演藝事業可說備受看好。</t>
  </si>
  <si>
    <t>忠義大倉成員隔離進行目前肺炎相關主演活動傑尼斯事務所傑尼斯丸山經紀人倫之戀</t>
  </si>
  <si>
    <t>大倉忠義關8傑尼斯新冠肺炎發燒</t>
  </si>
  <si>
    <t>傑尼斯忠義肺炎發燒大倉</t>
  </si>
  <si>
    <t>死亡病例美國即將社會大關國際</t>
  </si>
  <si>
    <t>週一美國死於新冠肺炎的患者已經逼近突破20萬大關目前為止在全球排名第一。根據路透社統計以單周平均值估算目前美國每天約800人死於該疫病較4月15日創下記錄的單日2806人病故的高峰值下滑。在疫情剛爆發的</t>
  </si>
  <si>
    <t>死於美國峰值病故記錄創下已經逼近突破大關患者目前為止全球排名路透社肺炎統計疫病單周下滑平均值估算目前疫情</t>
  </si>
  <si>
    <t>週一美國死於新冠肺炎的患者已經逼近突破20萬大關目前為止在全球排名第一。
根據路透社統計以單周平均值估算目前美國每天約800人死於該疫病較4月15日創下記錄的單日2806人病故的高峰值下滑。
在疫情剛爆發的最初幾個月許多人認為20萬人死於新冠肺炎應該是該病毒可能在美國奪走性命的最大值但轉眼間美國的死亡病例可能在週一晚間或週二達到20萬大關。
美國總統川普週一稱最壞的情況已經過去因為死亡人數達到19萬9808人累計確診數達680萬例。他表示：「無論有無疫苗我們都已經在這場疫病的轉角處我們完成了一個了不起的工作不只是好而已而是非常了不起的工作除了公共關係之外那是因為我總是捲入假新聞」。此前川普表示美國可望在11月3日總統大選前發放新冠肺炎疫苗。
華盛頓大學衛生研究院目前預測到2020年底美國的新冠肺炎死亡病例將達到378萬人到今年12月每日死亡病例將激增至3000人。</t>
  </si>
  <si>
    <t>美國已經死亡肺炎達到病例表示疫病週一疫苗死於川普大關目前可能工作了不起公共關係疫情下滑之外峰值</t>
  </si>
  <si>
    <t>美國死亡病例萬大關新冠肺炎疫病</t>
  </si>
  <si>
    <t>大關病例肺炎死亡疫病美國</t>
  </si>
  <si>
    <t>開學擔心出現外籍感染</t>
  </si>
  <si>
    <t>各大學為因應新冠肺炎紛紛宣佈延後開學但近日爆出社區感染的消息即使中央流行疫情指揮中心迅速收回並以個案解釋仍引發在台外籍學生的不安質疑指揮中心收回社區感染相關發言只是企圖掩蓋事實。一名韓籍學生表</t>
  </si>
  <si>
    <t>社區感染收回中心指揮學生肺炎紛紛宣佈延後掩蓋開學企圖近日爆出發言相關引發外籍消息解釋個案不安中央迅速質疑</t>
  </si>
  <si>
    <t>各大學為因應新冠肺炎紛紛宣佈延後開學但近日爆出社區感染的消息即使中央流行疫情指揮中心迅速收回並以個案解釋仍引發在台外籍學生的不安質疑指揮中心收回社區感染相關發言只是企圖掩蓋事實。
一名韓籍學生表示原本覺得台灣算是新冠肺炎的安全區域所以寒假並沒有回韓沒想到現在現在連台灣也不再安全出現社區感染令他相當害怕頓時覺得到哪裡都不能放心。
這名學生表示目前韓國有28例確診有追蹤確診者足跡的網頁供民眾查詢知道哪些地方是危險區域但台灣並沒有讓他覺得沒保障現在非常害怕開學後是否會出現群聚感染。
此外對於昨夜指揮中心承認社區傳染後隨即收回的舉動該學生表示質疑「可是事實上不就是已經有本土傳播了嗎？收回去也不能改變啊！」
另一名馬來西亞籍的戴姓學生則表示社區傳染發生後更不知道人與人之間應該如何保持距離才能避免自己受到感染宿舍是4人房很害怕出現聚集性感染現在口罩買不到、外籍生在台又不易就醫開學日的到來令人憂心。
在新加坡交換的台大學生說原訂五月中學期才結束有些同學因擔心疫情變嚴峻到時候可能回不來所以早早就先返台但他自己仍會等到學期結束後再返回。不過他說因新加坡疫情仍比台灣還嚴重所以就算台灣出現社區感染不會感到害怕。</t>
  </si>
  <si>
    <t>社區感染學生臺灣表示收回出現害怕疫情現在覺得指揮中心外籍知道開學不能新加坡沒有肺炎</t>
  </si>
  <si>
    <t>質疑社區感染肺炎收回學生</t>
  </si>
  <si>
    <t>社區收回肺炎感染質疑學生</t>
  </si>
  <si>
    <t>大媽買不到手法掃光衛生紙氣炸</t>
  </si>
  <si>
    <t>新冠疫情擴散台灣確診破百例也吹出了囤貨潮從昨晚(18日)開始各大賣場湧入大量民眾狂搶民生物資包括衛生紙、泡麵、罐頭等物品短短時間內貨架全空讓買不到的民眾哀號。一名網友就表示今天去好市多買衛生</t>
  </si>
  <si>
    <t>民眾臺灣確診今天破百表示吹出網友擴散哀號昨晚買不到開始貨架時間物品罐頭衛生紙</t>
  </si>
  <si>
    <t>新冠疫情擴散台灣確診破百例也吹出了囤貨潮從昨晚(18日)開始各大賣場湧入大量民眾狂搶民生物資包括衛生紙、泡麵、罐頭等物品短短時間內貨架全空讓買不到的民眾哀號。一名網友就表示今天去好市多買衛生紙竟然碰到有大媽試圖用賤招搶貨還差點讓她得逞。
網友在臉書《Costco好市多 商品經驗老實說》PO文表示他到好市多購物買了咖啡跟衛生紙結著就花40分鐘排隊等結帳此時一名大媽突然靠近扶著他的推車讓他百思不得其解。
過了不久換原PO結帳他把衛生紙跟咖啡拿上輸送帶這時大媽突然拿了分隔條直接放在衛生紙跟咖啡中間讓原PO嚇得直問「妳到底想幹嘛」大媽竟臉部紅氣不喘說「我要打統編這是我的衛生紙」讓原PO差點抓狂好險店員都看在眼裡沒有理會大媽直接幫原PO結帳。
原PO傻眼表示：「買過這麼多次排了40分鐘沒想到會遇到這種離譜事件社團第一PO竟然就獻給這位大媽」。網友看到也痛批「台灣大媽就是狂」、「好市多這種奧客一堆見怪不怪了」、「這臉皮可以做成防彈衣了」、「大概被新冠病毒入侵腦袋了」、「所以我去好市多推車都不敢離開視線」、「搶不到就玩賤招太離譜了」、「是我就直接尻下去了」、「今天也看到有人想偷偷搬別人推車的衛生紙」、「大媽完全沒有極限啊XD」。原PO後面則補充說明其實好市多衛生紙貨源還很充足但這位大媽應該只是不想排隊所以出此下策。</t>
  </si>
  <si>
    <t>大媽衛生紙po網友直接表示咖啡民眾離譜臺灣沒有</t>
  </si>
  <si>
    <t>衛生紙大媽排隊好市多賤招</t>
  </si>
  <si>
    <t>排隊大媽衛生紙</t>
  </si>
  <si>
    <t>分行仰光緬甸正式開業兆豐</t>
  </si>
  <si>
    <t>兆豐仰光分行已經取得緬甸央行核發營業執照預計在7日正式開業為兆豐新南向業務增添新動能。兆豐銀表示2020年4月獲緬甸央行核准設立仰光分行後就緊鑼密鼓展開籌備工作開始展開但受到新冠肺炎（COVID-19）疫</t>
  </si>
  <si>
    <t>兆豐央行緬甸分行仰光展開動能開業正式營業執照受到核發預計設立表示核准取得開始籌備工作緊鑼密鼓南向肺炎已經</t>
  </si>
  <si>
    <t>兆豐仰光分行已經取得緬甸央行核發營業執照預計在7日正式開業為兆豐新南向業務增添新動能。
兆豐銀表示2020年4月獲緬甸央行核准設立仰光分行後就緊鑼密鼓展開籌備工作開始展開但受到新冠肺炎（COVID-19）疫情影響員工入境有一定的困難仰光當地還一度封城經過籌設努力終獲得當地主管機關肯定取得營業執照7日起開始服務當地台商與客戶。
兆豐銀表示緬甸是新南向地區相當具發展潛力的市場兆豐銀2016年成立仰光辦事處以來除了積極提供企業商情諮詢與當地主管機關建立良好互動、善盡社會責任因此脫穎而出成為少數升格分行的台資銀行。
兆豐仰光分行規劃開業初期以在緬台商、大型外資企業為目標客戶運用擅長的企金、聯貸及外匯優勢業務透過總行新南向行動策略小組、商情通報平臺與新南向地區18個據點相互串聯並將善用海外信保基金協助台商有效獲得融資、資金調度及客製化的一站式服務。
兆豐銀行響應新南向政策耕耘東南亞市場數十年於泰國、越南、柬埔寨、菲律賓、新加坡、馬來西亞、緬甸、澳洲、印度等9國共有19個據點且能因地制宜新南向業務市占率位居國銀第一。</t>
  </si>
  <si>
    <t>南向仰光當地緬甸台商分行業務兆豐獲得市場主管機關商情開業客戶開始服務據點取得地區銀行央行營業執照表示展開</t>
  </si>
  <si>
    <t>新南向兆豐銀仰光分行緬甸兆豐</t>
  </si>
  <si>
    <t>仰光兆豐分行南向緬甸</t>
  </si>
  <si>
    <t>單周簽證常態金融危機全球最慘</t>
  </si>
  <si>
    <t>新冠肺炎疫情全球升溫美國國務院19日宣佈停發全球常態性簽證投資人也看壞未來全球經濟美股20日開高走低道瓊指數收盤跌913點估單周跌17%創金融危機來最慘。美國國務院19日把全球旅遊警示提升至最高的第4</t>
  </si>
  <si>
    <t>全球美國國務院升溫指數金融危機最慘常態簽證看壞開高走低未來經濟疫情旅遊估單收盤投資人宣佈</t>
  </si>
  <si>
    <t>新冠肺炎疫情全球升溫美國國務院19日宣佈停發全球常態性簽證投資人也看壞未來全球經濟美股20日開高走低道瓊指數收盤跌913點估單周跌17%創金融危機來最慘。
美國國務院19日把全球旅遊警示提升至最高的第4級呼籲民眾避免出國美國國務院19日宣佈停發全球常態性簽證由於疫情升溫投資人對未來經濟憂心美股下跌。
美股20日開高走低道瓊工業指數終場下跌91321點或455%收在1917398點；標準普爾500指數下跌10447點或434%收在230492點。以科技股為主的那斯達克指數下跌271060點或379%收在6879518點。美股三大指數下跌道指本周下跌17%創下2008年10月下跌182%來最大單周跌幅
歐洲股市續強倫敦FTSE 100指數上漲076%收在519078。法蘭克福DAX 30指數上漲370%收在892895。巴黎CAC 40指數上漲501%收在404880。</t>
  </si>
  <si>
    <t>指數全球下跌美國國務院收在升溫疫情經濟投資人未來上漲開高走低常態簽證宣佈歐洲跌幅續強呼籲股市倫敦</t>
  </si>
  <si>
    <t>全球美股指數停發常態性</t>
  </si>
  <si>
    <t>指數常態全球</t>
  </si>
  <si>
    <t>真相王定宇預告艦隊明日敦睦調查</t>
  </si>
  <si>
    <t>民進黨立委王定宇今日(21日)於臉書發文表示針對艦隊染疫將在明日(22日)立院國防委員會進行「敦睦艦隊染疫專案報告」並針對4個部分來調查。王定宇說明日調查重點如下：1決定進行「敦睦艦隊遠訓」的決策是否</t>
  </si>
  <si>
    <t>艦隊明日敦睦進行調查今日於臉書發文定宇表示部分重點報告決定如下專案國防委員會立院王定宇黨立委決策</t>
  </si>
  <si>
    <t>民進黨立委王定宇今日(21日)於臉書發文表示針對艦隊染疫將在明日(22日)立院國防委員會進行「敦睦艦隊染疫專案報告」並針對4個部分來調查。
王定宇說明日調查重點如下：
1決定進行「敦睦艦隊遠訓」的決策是否必要？（涉及機密建議可採機密向國會報告）。
2敦睦艦隊的防疫規劃是否完整合宜？
3敦睦艦隊執行防疫工作是否落實？包括航程中的就診人次不少（目前經查有已確認就診人數148人、226人次發燒5、上呼吸道10、頭痛2、腸胃不適18、暈船62、外科41、皮膚23、口腔10、眼科11、其他健康諮詢等）。防疫規劃為何？為什麼沒有啟動防疫程式？
4疫情爆發後海軍公佈的事項錯誤連連從是否全程戴口罩、是否篩檢、到是否提早下船都被抓包打臉螺絲在哪裡出問題？</t>
  </si>
  <si>
    <t>是否艦隊敦睦防疫就診報告明日規劃定宇進行調查機密包打下船提早頭痛腸胃人數不適確認發燒上呼吸道</t>
  </si>
  <si>
    <t>敦睦艦隊磐石軍艦王定宇海軍新冠肺炎</t>
  </si>
  <si>
    <t>王定宇軍艦海軍磐石艦隊肺炎敦睦</t>
  </si>
  <si>
    <t>民眾紓困慢條斯理掛點朱學</t>
  </si>
  <si>
    <t>這次前所未有的經濟大衰退朱學恆表示政府紓困就是救命但現在公務員紓困慢條斯理民眾都快掛點了。朱學恒今（18）日在臉書指出身邊朋友去問銀行有沒有紓困貸款要嘛說沒有要嘛又問有沒有不動產再不然說</t>
  </si>
  <si>
    <t>紓困朱學沒有表示政府公務員指出身邊朋友慢條斯理銀行民眾都快掛點衰退救命現在</t>
  </si>
  <si>
    <t>這次前所未有的經濟大衰退朱學恆表示政府紓困就是救命但現在公務員紓困慢條斯理民眾都快掛點了。
朱學恒今（18）日在臉書指出身邊朋友去問銀行有沒有紓困貸款要嘛說沒有要嘛又問有沒有不動產再不然說現在狀況不好還要增加保證人結果搞了半天XXX比疫情之前還難貸。
朱學恒呼籲只是看到政策宣傳是沒有用的要拿到錢要發下去貸款要放寬從速。救命就是要大家都減稅、發現金給個人、中小企業貸款加速流程趕快把錢給下去。</t>
  </si>
  <si>
    <t>朱學貸款紓困沒有現在救命加速中小企業個人發現減稅指出身邊疫情xxx朋友</t>
  </si>
  <si>
    <t>朱學恒紓困公務員經濟部新冠肺炎</t>
  </si>
  <si>
    <t>經濟部公務員紓困朱學肺炎</t>
  </si>
  <si>
    <t>隔離自主回來大義滅親美國姑姑</t>
  </si>
  <si>
    <t>新冠肺炎（COVID-19）疫情突破200例！這幾天境外移入的確診者更是占了大多數引起不少民眾關注。就有在餐廳打工的網友分享聽到客人大義滅親的義舉引發網友熱烈認同。在餐廳打工的原PO在《Dcard》表示打工的時候</t>
  </si>
  <si>
    <t>打工餐廳網友疫情突破境外確診covid-更是引起民眾認同關注義舉熱烈引發聽到分享po肺炎大義滅親客人dcard</t>
  </si>
  <si>
    <t>新冠肺炎（COVID-19）疫情突破200例！這幾天境外移入的確診者更是占了大多數引起不少民眾關注。就有在餐廳打工的網友分享聽到客人大義滅親的義舉引發網友熱烈認同。
在餐廳打工的原PO在《Dcard》表示打工的時候偶然聽到客人的談話原來客人透過電話得知「姑姑剛從美國回來」他詢問「啊他有自主隔離嗎？」卻得到「沒有」的答案氣得這名客人直接就在餐廳打電話通報自己的姑姑讓原PO忍不住稱讚「第一次覺得客人那麼帥不錯不錯。」
許多網友也紛紛讚許原PO口中的客人表示「太優秀了」、「我們需要多一點這種人」不過也有人懷是不是跟姑姑關係不好「一定是過年紅包給的不夠多」</t>
  </si>
  <si>
    <t>客人姑姑po餐廳網友打工表示聽到疫情突破境外一定covid-確診不好更是關係引起是不是民眾</t>
  </si>
  <si>
    <t>客人聽到餐廳網友新冠肺炎</t>
  </si>
  <si>
    <t>餐廳網友聽到肺炎客人</t>
  </si>
  <si>
    <t>口罩藥局男友不能媳婦</t>
  </si>
  <si>
    <t>新冠肺炎疫情掀起口罩荒即使政府購買口罩實施「實名制」七天內限定購買2片仍出現一片難求窘境不料一名家裡開藥局的女網友竟成了口罩荒的受害者因為沒有幫男友的爸爸留口罩竟被逼分手嗆：「這女人不能</t>
  </si>
  <si>
    <t>口罩購買掀起窘境不料限定出現家裡爸爸天內實施藥局沒有男友女網友受害者分手疫情政府</t>
  </si>
  <si>
    <t>新冠肺炎疫情掀起口罩荒即使政府購買口罩實施「實名制」七天內限定購買2片仍出現一片難求窘境不料一名家裡開藥局的女網友竟成了口罩荒的受害者因為沒有幫男友的爸爸留口罩竟被逼分手嗆：「這女人不能入門當媳婦」。
這名藥局妹日前在網路論壇「Zuvio 校園」發文表示男友的爸爸知道她家開藥局前幾天到他家作客時要求她幫忙留口罩可是她根本沒有權利這麼做當面拒絕後「整個氣氛超尷尬」。
原ＰＯ接著寫道：「他爸就一直擺手要我走還一直故意大聲咳嗽」更讓她傷心的是「他爸崩潰說這種女人不能入門當媳婦」讓她不知該如何是好。
網友看到此文紛紛紛留言：「問他爸什麼職業的如果是金融業叫他偷一點錢給你」、「嫁進去日子也不好過只要不順他意就給你難堪」、「這麼不講理幹嘛委屈求全？」「妳男友應該幫忙講話有肩膀一點」、他拒絕就跟他說這跟不能留口罩是一樣的道理好嗎」。</t>
  </si>
  <si>
    <t>口罩男友不能幫忙藥局爸爸購買沒有媳婦入門一直女人掀起日子進去氣氛限定尷尬絕後</t>
  </si>
  <si>
    <t>藥局媳婦口罩男友口罩荒</t>
  </si>
  <si>
    <t>媳婦男友口罩藥局</t>
  </si>
  <si>
    <t>接觸喜宴同班碩士大學師生南部停課</t>
  </si>
  <si>
    <t>南部某國立大學女碩士班學生在3月7日參加喜宴曾接觸過第47例確診者10日接獲台南市衛生局要求必須居家隔離14天期間女碩士曾上2堂課校方11日隨即要求包括女碩士及同學共37名學生、3名老師不入班不入校14天23日</t>
  </si>
  <si>
    <t>碩士學生參加喜宴衛生局確診要求同學台南必須居家隔離期間包括曾上校方隨即不入老師</t>
  </si>
  <si>
    <t>南部某國立大學女碩士班學生在3月7日參加喜宴曾接觸過第47例確診者10日接獲台南市衛生局要求必須居家隔離14天期間女碩士曾上2堂課校方11日隨即要求包括女碩士及同學共37名學生、3名老師不入班不入校14天23日即可恢復正常上學。
台南市衛生局表示被要求居家隔離者是與確診者相距不到1公尺、15分鐘以上一場婚禮下來有人確診防疫單位也以此原則匡列必須居家隔離14天為哪些人其他未近距離接觸則採取自主健康管理即可。
該所大學今天出面表示11日獲知有學生被告知居家隔離後就採取高規格因應目前校方每日掌握自主健康管理師生及居家隔離同學健康情形一切良好。</t>
  </si>
  <si>
    <t>隔離居家確診學生健康校方碩士採取即可表示同學接觸必須自主管理大學台南要求衛生局不入婚禮下來防疫以上單位</t>
  </si>
  <si>
    <t>南部國立大學成功大學台南大學女碩士</t>
  </si>
  <si>
    <t>台南成功大學南部碩士</t>
  </si>
  <si>
    <t>專家發不恐難歐美改善</t>
  </si>
  <si>
    <t>新冠肺炎疫情擴散世界衛生組織昨宣佈進入全球大流行階段。專家指出台灣經歷SARS與H7N9的歷練後早有一套預警系統反觀歐美數十年未發生大規模流行病是諸多防疫作為慢半拍的主因。另有專家表示目前歐洲1人</t>
  </si>
  <si>
    <t>專家擴散世界衛生組織宣佈進入全球主因作為流行疫情防疫階段流行病發生歐美數反觀預警系統有一套指出歷練</t>
  </si>
  <si>
    <t>新冠肺炎疫情擴散世界衛生組織昨宣佈進入全球大流行階段。專家指出台灣經歷SARS與H7N9的歷練後早有一套預警系統反觀歐美數十年未發生大規模流行病是諸多防疫作為慢半拍的主因。另有專家表示目前歐洲1人能傳5、6人美洲則是1人傳3、4人在這樣的情況下疫情恐難以在1、2個月內改善。
台大公衛學院副院長陳秀熙表示歐洲疫情主要從義大利開始擴散和南韓、伊朗一樣都是從大陸的境外移入發展到社區感染是很早就能預測到的狀況加上歐洲各國互通疫情一下子就迅速擴散到鄰近的德、法、西等。
前疾管署署長張峰義分析新冠肺炎一傳十十傳百的速度就像「秋風掃落葉」一樣快台灣之所以維持不錯的病例數就是反應比較快疾管署每天都在進行媒體監控只要國際上一有不對勁馬上就會有動作。
防疫有3支箭準備、監測及緊急應變。張峰義表示這3支箭台灣平時就有在做醫療物資更是從地方醫院、衛生局到中央都備齊。西方國家可能是太久沒打仗平常缺乏整備與演練甚至缺乏監測概念災情才這麼慘重。舉例而言口罩禁出口並非這次疫情才有是行之有年的SOP。新冠病毒到來就像考驗國家平時對疫情的準備程度。
陳秀熙表示歐美許多國家沒有SARS經驗也沒有做好準備美洲的部署甚至比歐洲晚2周。1名感染者若能傳染1人以上就屬於嚴重情況但目前的歐洲1人能傳5、6人美洲則是1人傳3、4人在這樣的情況下疫情恐怕難以在1、2個月內改善也因如此WHO才會宣佈新冠肺炎大流行。
美國專家研究指出新冠肺炎死亡率是流感的10倍以上。陳秀熙表示嚴重國家如義大利的死亡率介於8-10％日、韓則是2-3％相對於小於1％的流感的確高出許多倍。</t>
  </si>
  <si>
    <t>疫情表示國家準備臺灣肺炎擴散專家監測甚至歐洲管署死亡率張峰義sars防疫</t>
  </si>
  <si>
    <t>擴散肺炎武漢肺炎新冠肺炎新型冠狀病毒</t>
  </si>
  <si>
    <t>肺炎武漢冠狀病毒擴散</t>
  </si>
  <si>
    <t>空氣綠色隧道呼吸防疫</t>
  </si>
  <si>
    <t>因應新冠肺炎防疫期間很多機關團體停止辦活動；台中市南區國光社區發展協會關懷據點日前邀社區長輩在國光國小旁「綠色隧道」舉行新春團拜活動更顯意義。理事長陳雅惠說大家相揪沐浴芬多精、呼吸好空氣除避</t>
  </si>
  <si>
    <t>活動防疫沐浴芬期間機關團體停止雅惠呼吸理事長意義台中肺炎市南區協會關懷日前據點社區長輩國光國光社區國小</t>
  </si>
  <si>
    <t>因應新冠肺炎防疫期間很多機關團體停止辦活動；台中市南區國光社區發展協會關懷據點日前邀社區長輩在國光國小旁「綠色隧道」舉行新春團拜活動更顯意義。理事長陳雅惠說大家相揪沐浴芬多精、呼吸好空氣除避免群聚感染也能活絡筋骨、增強免疫力。
國光社區發展協會理事長陳雅惠表示新冠肺炎延燒很多人聞疫色變為避免群聚感染許多團體取消大型活動甚至聚餐活動也沒辦了民眾待在家裡哪裡也不敢去許多裡民說太悶了因此邀請長輩走出戶外由專業舞蹈老師帶動跳活動、活動。
現場民進黨市議員邱素貞與民眾大跳健康促進操她說雖新冠肺炎疫情沒降溫除減少在密閉空間活動外平常就是養成常洗手的生活習慣看到參加的民眾絕大部分都沒戴口罩顯示大家對於防疫效能肯定。另台中市水噹噹關懷協會亦舉行新春同樂會每位參加的會員都各自準備1道料理或水果與大家分享。
新冠肺炎口罩防疫</t>
  </si>
  <si>
    <t>活動民眾肺炎協會長輩防疫參加舉行新春關懷避免感染台中國光社區發展雅惠理事長口罩戶外</t>
  </si>
  <si>
    <t>活動新冠肺炎肺炎防疫空氣</t>
  </si>
  <si>
    <t>肺炎防疫空氣活動</t>
  </si>
  <si>
    <t>害人sars消失完全錯誤傳染病史上僅幻想</t>
  </si>
  <si>
    <t>新冠肺炎自2019年爆發後席捲全球儘管疫苗已問世但強勢的變種病毒株仍替全人類帶來威脅。究竟新冠病毒何時能從世界上消失？小兒科醫師陳木榮坦言歷史上只有2種傳染病完全消失不少人因為當年的SARS經驗產生錯</t>
  </si>
  <si>
    <t>消失病毒當年完全全球傳染病疫苗席捲歷史問世強勢坦言變種sars小兒科全人類帶來究竟世界爆發</t>
  </si>
  <si>
    <t>新冠肺炎自2019年爆發後席捲全球儘管疫苗已問世但強勢的變種病毒株仍替全人類帶來威脅。究竟新冠病毒何時能從世界上消失？小兒科醫師陳木榮坦言歷史上只有2種傳染病完全消失不少人因為當年的SARS經驗產生錯誤幻想以為新冠病毒會很快消失。他認為未來幾年人類都要考慮如何和病毒和平共存做好心理準備。
「柚子醫師」陳木榮今（4日）發文表示疫情爆發兩年多來常常有人問他「COVID-19這個病毒什麼時候會從世界上消失？」尤其在疫情初期很多人認為咬牙就能撐過去幾個月後就能輕鬆生活然而誰都沒想到台灣在今年5月中竟會爆發大規模本土感染。
「說真的我不知道COVID-19什麼時候會消失」陳木榮指出目前歷史上已知明確消失的傳染疾病只有2個！那就是「SARS」和「天花」其他傳染疾病目前仍然存在世界上。陳木榮說2002年SARS誕生造成全世界8千多人染疫774人死亡但病毒一下就消失不見當年的經驗也讓大家產生錯誤的幻想認為新冠肺炎也可能會快速消失。
至於天花則是人類歷史上第一個使用疫苗對抗的疾病也是第一個從世界上完全消失的傳染疾病。陳木榮指出天花病毒早在西元前1157年被發現散播到全世界並持續存在3千多年直到疫苗問世後才完全根除。有一說法是「自從有天花這個疾病之後全世界有十分之一的人死於天花。」
陳木榮強調想要讓新冠肺炎從世界上消失非常難尤其現在各種疫苗都有很多謠言這樣只會讓根除傳染病變得更加困難。他坦言「人類一直以地球的主人自居事實上地球不應該專屬於任何一種生物人類多年來一直覺得細菌病毒欺負人類可是對細菌病毒而言人類也不是好相處的鄰居。」人類在接下來的多年都要考慮和新冠肺炎和平共存。陳木榮最後呼籲大家一定要做好心理準備用盡一切方法保護好自己。</t>
  </si>
  <si>
    <t>病毒消失人類天花疫苗陳木榮世界爆發疾病肺炎認為全世界sars歷史完全</t>
  </si>
  <si>
    <t>天花SARS歷史人類傳染病</t>
  </si>
  <si>
    <t>傳染病歷史sars人類天花</t>
  </si>
  <si>
    <t>疫苗肺炎全球年底生產俄羅斯衛生部</t>
  </si>
  <si>
    <t>俄羅斯總統普丁11日搶先宣佈俄羅斯已成全球第一個註冊疫苗的國家且他的女兒也已完成了疫苗注射此疫苗以蘇聯人造衛星之名命名為「史普尼克5號」（Sputnik V）。之後俄羅斯衛生部表示已開始大規模生產。《俄羅</t>
  </si>
  <si>
    <t>疫苗俄羅斯宣佈表示已成俄羅斯衛生部全球註冊之後sputnik尼克國家命名搶先開始女兒完成蘇聯注射人造衛星生產總統普丁</t>
  </si>
  <si>
    <t>疫苗俄羅斯尚未表示進行研究sputnik生產開始宣佈已成全球衛生局註冊評估國家資料gamaleya病毒冠狀中心命名功效必需安全性審查發言人</t>
  </si>
  <si>
    <t>俄羅斯疫苗生產衛生部500萬</t>
  </si>
  <si>
    <t>衛生部生產俄羅斯疫苗</t>
  </si>
  <si>
    <t>新豐湖口新竹縣府確診消毒桃園</t>
  </si>
  <si>
    <t>桃園市確診個案16119曾前往新竹縣關西、內灣風景區其湖口火車站由於該案可能是Delta病毒株新竹縣政府不敢大意立即消毒其到訪地點並公開縣內活動足跡曾與確診者到訪同地點者務必加強自主健康監測若有疑</t>
  </si>
  <si>
    <t>地點到訪確診自主加強健康病毒delta新竹縣政府不敢可能火車站大意立即前往湖口風景區消毒新竹關西公開活動足跡務必監測</t>
  </si>
  <si>
    <t>桃園市確診個案16119曾前往新竹縣關西、內灣風景區其湖口火車站由於該案可能是Delta病毒株新竹縣政府不敢大意立即消毒其到訪地點並公開縣內活動足跡曾與確診者到訪同地點者務必加強自主健康監測若有疑似症狀請立即就醫。
案16119的足跡包含8月28日在關西鎮正義路吃早餐僅外帶無內用同日前往內灣風景區散心中午離開。8月31日上午10點到下午2點曾前往湖口火車站、新豐鄉汽車旅館衛生局也前往要求商圈、店家人員做好自主健康監測並針對可能接觸者進行疫調、匡列。
新竹縣長楊文科呼籲曾和確診者同時間到過足跡處者請務必加強監測一旦有疑似症狀一定要立即就醫篩檢同時請鄉親「防疫鬆綁、不鬆懈」持續落實防疫新生活保持社交距離室內至少15公尺及室外1公尺以上並正確全程佩戴口罩勤洗手做好個人衛生禮節保護自己也保護他人。
★《中時新聞網》提醒您：因應新冠肺炎疫情疾管署持續加強疫情監測與邊境管制措施 如有疑似症狀請撥打：1922專線或 0800-001922 並依指示配戴口罩儘速就醫同時主動告知醫師旅遊史及接觸史以利及時診斷及通報。</t>
  </si>
  <si>
    <t>前往就醫監測立即足跡口罩確診接觸加強做好新竹可能症狀持續火車站湖口防疫風景區自主</t>
  </si>
  <si>
    <t>內灣足跡湖口前往新竹縣</t>
  </si>
  <si>
    <t>前往新竹足跡湖口</t>
  </si>
  <si>
    <t>結案時中今宣佈轉彎不算</t>
  </si>
  <si>
    <t>中央流行疫情指揮中心昨宣佈案39中東移入婦女結案接觸者均陰性但今日卻從接觸者中發現新案例為婦女插花班同學北部一名50多歲女子。該女子為中東移入婦女延伸出的另一個案例研判為群聚事件將針對婦女同住</t>
  </si>
  <si>
    <t>婦女案例東移接觸中心宣佈指揮判為插花伸出女子結案發現事件疫情北部同學</t>
  </si>
  <si>
    <t>婦女中心指揮案例結案接觸東移陳時中指揮官進行事件宣佈插花判為女子伸出發現</t>
  </si>
  <si>
    <t>案39中東移入指揮中心陳時中</t>
  </si>
  <si>
    <t>指揮中心中東陳時中</t>
  </si>
  <si>
    <t>陳時中防疫百分年底疫苗</t>
  </si>
  <si>
    <t>疫苗高端疫情陳時中指揮官達成指揮中心爆發宣佈購得超過採購年底對於緊急使用授權中央流行肺炎表示</t>
  </si>
  <si>
    <t>疫苗高端表示陳時中eua疫情專家辯護採購中和周玉蔻抗體證據對於條件可以</t>
  </si>
  <si>
    <t>陳時中國產疫苗台灣聯亞新冠肺炎</t>
  </si>
  <si>
    <t>臺灣疫苗陳時中肺炎</t>
  </si>
  <si>
    <t>重症沒有張上淳delta幼稚園治療新北關鍵</t>
  </si>
  <si>
    <t>Delta印度變異株來勢洶洶目前已入侵台灣本土造成3起群聚事件分別為屏東枋山案、桃園機師案以及新北板橋幼兒園案。不過對照枋山群聚這次Delta病毒並沒有造成新北幼兒園個案出現重症對此指揮中心專家小</t>
  </si>
  <si>
    <t>造成幼稚園枋山新北delta對此重症出現目前入侵個案指揮臺灣本土事件分別沒有對照病毒來勢洶洶中心桃園機師板橋</t>
  </si>
  <si>
    <t>Delta印度變異株來勢洶洶目前已入侵台灣本土造成3起群聚事件分別為屏東枋山案、桃園機師案以及新北板橋幼兒園案。不過對照枋山群聚這次Delta病毒並沒有造成新北幼兒園個案出現重症對此指揮中心專家小組召集人張上淳指出幼兒園群聚案中有足夠的單株抗體加入治療因此沒有重症發生。
台灣陸續發生多起本土Delta染疫事件後個案的病況也有所差異媒體針對新北幼兒園案提出群聚鏈確診者中有高齡長者卻沒有引發重症這跟有疫苗保護還是跟照顧方式提升有關？
對此指揮中心指揮官陳時中指出屏東枋山群聚案的長者較多而桃園機師案3例包括2位機師、1位小孩都屬年輕個案；幼兒園群聚長者也不算多只有2個祖母級的另一位年紀稍大的則為幼稚園園長。
張上淳指出目前Delta事件中屏東確實有出現重症個案但北部都沒有任何狀況。新北幼兒園案主要是手上剛好有足夠單株抗體從輕症時就加入治療這些少數年紀大個案幾乎都有使用到單株抗體情況也都維持地很好。</t>
  </si>
  <si>
    <t>幼稚園個案delta重症沒有新北長者指出事件抗體單株枋山目前年紀機師張上淳治療造成對此指揮</t>
  </si>
  <si>
    <t>Delta重症幼兒園群聚張上淳</t>
  </si>
  <si>
    <t>張上淳delta重症幼稚園</t>
  </si>
  <si>
    <t>國際社評秩序希望大陸</t>
  </si>
  <si>
    <t>世界貿易組織祕書長阿茲維多決提前卸任彭博社認為應與世貿組織當下處境有關。2015年「杜哈回合」談判戛然而止川普上臺後「退群」多邊條約及國際組織美國單邊主義外交政策影響下阿茲維多提前下臺只是國際</t>
  </si>
  <si>
    <t>提前阿茲維多國際卸任世貿組織認為當下處境有關彭博社回合談判戛然而止川普上臺影響多邊條約美國組織單邊主義外交政策下臺</t>
  </si>
  <si>
    <t>世界貿易組織祕書長阿茲維多決提前卸任彭博社認為應與世貿組織當下處境有關。2015年「杜哈回合」談判戛然而止川普上臺後「退群」多邊條約及國際組織美國單邊主義外交政策影響下阿茲維多提前下臺只是國際組織困境的第一片落葉。
美國總統川普的「美國第一」及新冠肺炎全球蔓延共伴效應下全球經貿重燃保護主義「逆全球化」沛然成形「美國治下的和平」逐漸崩解。陸、美兩大經濟體可能「脫鉤」成為疫後全球經貿能否順利重啟使世界經濟擺脫衰退的最大變數。
冷戰結束後美國以「自由秩序」為核心建立「單極體系」國際規範成為國際社會公共財1991年波灣戰爭確立了蘇聯瓦解後「美國治下的和平」體系。然而獨木難撐大廈「美國治下的和平」所費不貲美國力日衰全球狼煙四起川普順勢而起認為國際體系對美國不公平指責各國利用「自由秩序」搭美國的便車要求公平貿易之餘儼然成為「退群大王」華府在全球的領導力被崛起中的北京稀釋亦使美中關係漸趨惡化。
在陸、美博弈加劇中聯合國及其轄下的國際組織如世界衛生組織往往「順了姑情逆嫂意」WTO亦復如是。
川普在2016年競選總統時即指WTO是美國史上所簽訂之最糟糕的貿易協定川普始終不滿阿茲維多領導的WTO認為WTO給中國太多「好處」美國卻受到「惡劣對待」。川普揚言若阿茲維多再不改變美國將考慮退出WTO。2019年12月10日WTO的爭端解決機構兩位法官任期結束美國阻撓其繼任法官的遴選WTO幾近癱瘓。
肇因於川普所挑起之貿易戰2019年世界商品貿易成長僅12%此為2009年全球金融危機以來的最低水準雪上加霜的是受新冠肺炎疫情爆發影響各國相繼採取封城、鎖國防疫經濟陷入停滯國際貿易巨幅萎縮WTO預測2020年全球貿易總額將暴跌32%創下1930年代「經濟大蕭條」後前所未見的衰退。
川普無視全球經濟因瘟疫再陷「大蕭條」的風險指責大陸在新冠肺炎疫情初始處置失當造成難以收拾的全球擴散揚言報復大陸甚至切斷與北京一切關係。美國不僅推動全球供應鏈的「去中國化」且有意與大陸進行經濟上的結構性「脫鉤」以解決美國經濟困境。在川普選舉操作下瘟疫無疑是「脫鉤」中國的最佳口實但此舉不僅將弱化世界經濟的活力更背離自由貿易的多邊規則使WTO無以為繼。《紐約時報》認為由於美國對WTO的態度丕變各成員國近年來「幾乎未達成任何共識」。
WTO的困境為世界缺乏領導的縮影而新冠疫情的全球蔓延即人類為此吞下的苦果美國政府2018年刪減近 26%的「全球公衛預算」徒託空言的卸責令全球防疫合作弱化。川普的「退群」、「脫鉤」加速「自由秩序」崩壞美國終將自毀長城與「美國再次偉大」更形遙遠。
知名國際關係學者米爾斯海默言認為「自由秩序」正加速崩壞逆全球化浪頭下美、陸對立激化應驗《註定失敗：自由秩序的興衰》書中的預言新冠肺炎更加速「自由秩序」的崩壞。
不過大陸不斷提高技術實力世界貿易的形式與深度亦隨之改變已與美、蘇兩極對峙的冷戰時代迥異因全球化及數位科技的進步陸、美的相互依存度提高兩者難以「脫鉤」彼此。或許中國崛起為各國構成新的安保挑戰但此應非冷戰的再現。圍堵大陸不僅無法緩解全球化下各國內政上的族裔及財富分配的矛盾更非實現經濟轉型的良方。
中美兩國將有競爭也有合作不會完全「脫鉤」其他國家也不會在陸、美之間單純二擇一各國企業都將視大陸為巨大市場而深化經營。一個經濟繁榮的中國平等參與全球化會為世界帶來好處及責任。大陸須與印太周邊國家共建《區域全面經濟夥伴關係協定》（RCEP）以此作為自由貿易的象徵推動美國「退群」國際體系後國際新秩序的建立。</t>
  </si>
  <si>
    <t>美國全球經濟川普wto大陸國際世界脫鉤全球化認為秩序自由冷戰肺炎體系貿易</t>
  </si>
  <si>
    <t>旺報社評大陸經濟全球美國 國際</t>
  </si>
  <si>
    <t>大陸經濟全球社評美國國際</t>
  </si>
  <si>
    <t>船員印度緊急清中確診</t>
  </si>
  <si>
    <t>我國今天新增4例確診其中有一例為印度籍船員（案764）今年10月21日就來台工作檢疫期滿後由仲介安排登船工作指揮中心目前研判是在印度感染的機率較高但擔心其成防疫破口因此目前正匡列相關接觸者釐清是</t>
  </si>
  <si>
    <t>目前船員今年確診工作檢疫期滿防疫仲介安排其成擔心感染船工</t>
  </si>
  <si>
    <t>我國今天新增4例確診其中有一例為印度籍船員（案764）今年10月21日就來台工作檢疫期滿後由仲介安排登船工作指揮中心目前研判是在印度感染的機率較高但擔心其成防疫破口因此目前正匡列相關接觸者釐清是否會造成國內感染。
案764為印度籍30多歲男性船員今年10月21日來臺工作持有登機前3日內核酸檢驗陰性報告入境後至防疫旅館檢疫迄今無症狀。船員11月5日檢疫期滿後由仲介安排等待登船工作因對台灣不熟這段時間都待在飯店三餐也都在飯店內解決、沒有外出。
該名個案於11月26日後皆在船上工作並未返港。近日因欲出境返國在12月16日由公司安排自費採檢於今日確診(總抗體陽性)Ct值31左右現正住院隔離治療中。而衛生單位已掌握接觸者共47人其中21人列居家隔離目前已採檢21人其中20人核酸檢測陰性1人檢驗中血清抗體也還在檢驗中另有26人列自主健康管理還要釐清是否會造成國內感染。
不過指揮中心目前認為該案在印度感染的機率高至於是否可能在船上感染指揮中心發言人莊人祥則表示這部分要看其他21位元在船上的人的情況一定要有至少1人的血清檢驗為陽性才有可能是在船上感染但就目前的核酸檢測看來還沒有在船上造成流行需要進一步確認。</t>
  </si>
  <si>
    <t>船上目前感染工作檢驗造成指揮中心核酸船員是否沒有安排確診防疫陽性檢疫隔離接觸抗體</t>
  </si>
  <si>
    <t>船員印度指揮中心新冠肺炎</t>
  </si>
  <si>
    <t>中心指揮印度船員肺炎</t>
  </si>
  <si>
    <t>中風嘉義確診水上婦人懷疑肺炎感染不明走路</t>
  </si>
  <si>
    <t>中央疫情指揮中心4日公佈嘉義縣新增1位新冠肺炎確診案例嘉義縣長翁章梁今天下午3點疫情線上記者會中說明該確診個案案10363為水上鄉64歲呂性女子6月3日因走路不穩懷疑中風就醫後篩檢確診目前住院隔離中匡</t>
  </si>
  <si>
    <t>確診嘉義疫情目前中風懷疑就醫走路女子公佈呂性個案水上鄉說明記者會今天下午肺炎案例</t>
  </si>
  <si>
    <t>中央疫情指揮中心4日公佈嘉義縣新增1位新冠肺炎確診案例嘉義縣長翁章梁今天下午3點疫情線上記者會中說明該確診個案案10363為水上鄉64歲呂性女子6月3日因走路不穩懷疑中風就醫後篩檢確診目前住院隔離中匡列密切接觸者8人2人結果為陰性、6人採檢中。翁章梁表示為防堵疫情比照日前大林大埔美群聚案將在下寮村擴大篩檢。
案10363住在水上鄉下寮村有多重慢性病史與婆婆、先生、兒子、媳婦、2名孫子及1名外籍看護7人同住平時務農兒子經營修車廠。足跡包括每日早上至老李包子店買早餐偶而會到水上公有市場買菜27日曾至榮興藥局為孫子買退燒藥6月1日因腹瀉自行就醫隨即至水上公有市場買菜停留約30分鐘外出期間均戴口罩。
衛生局長趙紋華表示6月3日早上呂婦因忽然走路不穩由居住在外地女兒陪伴到醫院急診就醫經篩檢後確診目前住院治療中曾接觸醫療人員採檢均為陰性匡列密切接觸者8人均完成採檢目前2人陰性、6人採檢中。
至於感染源是哪裡該婦是否去過北部或大林？嘉縣長翁章梁說感染源目前仍不明衛生局持續積極疫調中。另翁章梁也表示依據日前大埔美的群聚案件經驗會先行擴大篩檢會朝確診者鄰居、群聚點匡列民眾進行PC檢測目前已對住家周邊及足跡公共場所等範圍完成消毒請民眾不用過度恐慌。</t>
  </si>
  <si>
    <t>目前確診翁章梁疫情水上就醫足跡匡列早上兒子民眾大林嘉義完成孫子縣長</t>
  </si>
  <si>
    <t>新冠肺炎台灣嘉義採檢中風</t>
  </si>
  <si>
    <t>嘉義臺灣肺炎中風</t>
  </si>
  <si>
    <t>衛生局長莫德納az排斥魔鬼圈套</t>
  </si>
  <si>
    <t>新冠疫苗擴大施打中央流行疫情指中心日前開放18歲以上民眾預約登記願意施打AZ的人仍不多。對此有醫療背景的花蓮縣衛生局長朱家祥表示看到這樣的狀況真的很擔心他形容打AZ是倒吃甘蔗；莫德納則為順吃甘蔗</t>
  </si>
  <si>
    <t>施打az莫德納倒吃甘蔗中央流行疫情中心形容真的日前擔心狀況看到表示朱家祥開放衛生局長花蓮縣以上背景醫療民眾對此預約</t>
  </si>
  <si>
    <t>az疫苗莫德納朱家祥施打接種疫情願意覆蓋率認為民眾預約圈套日前魔鬼呼籲長者完成</t>
  </si>
  <si>
    <t>新冠肺炎疫苗AZ莫德納混打</t>
  </si>
  <si>
    <t>az肺炎疫苗莫德納混打</t>
  </si>
  <si>
    <t>bnt衛福部江啟臣緊急授權抓到</t>
  </si>
  <si>
    <t>為了該如何進口疫苗近期中央與地方甚至民間團體都吵翻天中央要求以正式管道申請藥證。不過國民黨主席江啟臣發現今年3月10日衛福部的檔中已經清楚寫明輝瑞BNT（Pfizer-BioNTech）疫苗已通過我國緊急授權使</t>
  </si>
  <si>
    <t>疫苗中央pfizer-biontechbnt地方輝瑞甚至寫明清楚已經檔翻天衛福部今年發現江啟臣要求主席國民黨正式管道申請我國民間團體</t>
  </si>
  <si>
    <t>為了該如何進口疫苗近期中央與地方甚至民間團體都吵翻天中央要求以正式管道申請藥證。不過國民黨主席江啟臣發現今年3月10日衛福部的檔中已經清楚寫明輝瑞BNT（Pfizer-BioNTech）疫苗已通過我國緊急授權使用反倒是最近送到的Moderna 疫苗在說明中未提已通過我國緊急授權使用。
江啟臣指出衛福部疾管署網站上提供的COVID-19 疫苗接種須知暨意願書明確寫道「Pfizer-BioNTech 之 COVID-19 疫苗是含有 SARS-CoV-2 病毒棘蛋白之 mRNA 疫苗本疫苗已通過 WHO、歐盟、美國等先進國家及『我國緊急授權』使用。」
江啟臣質疑該須知印製時Pfizer-BioNTech疫苗是不是已通過我國緊急授權使用？為什麼當時Moderna 疫苗未通過我國緊急授權使用？這官方網站上的疫苗接種須知不會是假的吧？還是連這疫苗接種須知也要校正回歸呢？</t>
  </si>
  <si>
    <t>疫苗須知使用授權pfizer-biontech我國緊急接種衛福部中央covid-moderna啟臣翻天要求正式管道申請地方國民黨甚至</t>
  </si>
  <si>
    <t>緊急授權疫苗江啟臣衛福部新冠肺炎</t>
  </si>
  <si>
    <t>江啟臣衛福部疫苗授權肺炎緊急</t>
  </si>
  <si>
    <t>緩繳稅捐受惠</t>
  </si>
  <si>
    <t>新冠肺炎疫情衝擊各行各業台中市政府雨天撐傘紓困再加碼推出稅捐緩繳20擴大適用對象及鬆綁條件全力協助民間產業度過景氣寒冬預估受惠民眾將達3萬5000人緩繳金額達2億元。台中市長盧秀燕祭出紓困九箭</t>
  </si>
  <si>
    <t>緩繳紓困衝擊各行各業台中市政府雨天市長疫情台中度過產業景氣民間寒冬協助受惠全力預估條件加碼民眾推出鬆綁物件適用</t>
  </si>
  <si>
    <t>新冠肺炎疫情衝擊各行各業台中市政府雨天撐傘紓困再加碼推出稅捐緩繳20擴大適用對象及鬆綁條件全力協助民間產業度過景氣寒冬預估受惠民眾將達3萬5000人緩繳金額達2億元。
台中市長盧秀燕祭出紓困九箭後再推稅捐緩繳20今年開徵使用牌照稅及房屋稅個人、法人及非法人團體負責人或主辦會計人員在繳納期間內如因新冠肺炎正接受治療、隔離或居家檢疫使用牌照稅可展延至今年6月1日、房屋稅可展延到6月30日繳納。
展延繳納期限屆滿時若仍接受隔離治療繳納期限可自隔離治療結束之次日起展延20天。
稅務局表示適用對象部分放寬為受疫情影響有繳納困難屬行政院各部會核定的紓困對象或取得非自願離職、減班證明、減薪通知、勞雇雙方協商減少工時協議書等相關證明檔的個人及行政院各部會核定紓困的營利事業。
只要今年1月起任連續2個月平均營業額較去年12月以前6個月或前1年同期平均營業額減少達15％的營業人都可向稅務局所屬各分局提出稅捐延期或分期的申請。
市府強調為減少疫情期間民眾外出洽公的風險稅務局也在官網設置「嚴重特殊傳染性肺炎疫情稅捐申辦專區」民眾或業者可線上申請延期或分期繳納透過該局APP「中稅e把照」或地方稅網路申報平臺線上申辦免出門更安心。</t>
  </si>
  <si>
    <t>繳納稅捐疫情紓困減少稅務局對象民眾緩繳今年肺炎治療申辦個人期間適用延期申請使用牌照稅</t>
  </si>
  <si>
    <t>緩繳肺炎繳納展延紓困</t>
  </si>
  <si>
    <t>肺炎展延紓困緩繳繳納</t>
  </si>
  <si>
    <t>病人美國可能南山發現</t>
  </si>
  <si>
    <t>中國國家衛健委高級別專家組組長、抗疫專家鍾南山13日發表對美國新冠肺炎疫情的看法。他表示美國病死率將近3％這說明可能很多病人沒有被發現美國並沒有認真排查密切接觸者。新浪財經14日報導鍾南山受訪時重</t>
  </si>
  <si>
    <t>美國南山沒有高級別專家組組長專家報導可能說明將近表示新浪看法排查財經密切接觸</t>
  </si>
  <si>
    <t>中國國家衛健委高級別專家組組長、抗疫專家鍾南山13日發表對美國新冠肺炎疫情的看法。他表示美國病死率將近3％這說明可能很多病人沒有被發現美國並沒有認真排查密切接觸者。
新浪財經14日報導鍾南山受訪時重申對於新冠肺炎預防才是最關鍵的「要早發現、早隔離現在很多國家都開始這麼做了。但只有全球這樣合作才有可能比較早的控制疫情。」</t>
  </si>
  <si>
    <t>美國可能發現國家南山肺炎疫情沒有高級別專家組組長開始全球才有合作現在早隔離專家</t>
  </si>
  <si>
    <t>新冠肺炎CONID-19武漢肺炎新型冠狀病毒全球</t>
  </si>
  <si>
    <t>肺炎武漢conid-病毒冠狀全球</t>
  </si>
  <si>
    <t>虧損預警轉投資水泥小漲</t>
  </si>
  <si>
    <t>受新冠肺炎疫情影響亞泥(1102)轉投資山水水泥、子公司亞泥中國陸續發布獲利預警不過市場早有預期準備加上投信仍持續買超早盤股價仍隨大盤彈升約15%挑戰5日線。今年初大陸元月受疫情幹擾不少企業停工</t>
  </si>
  <si>
    <t>疫情元月影響大陸今年初挑戰中國彈升陸續大盤預警獲利發佈市場預期加上準備</t>
  </si>
  <si>
    <t>受新冠肺炎疫情影響亞泥(1102)轉投資山水水泥、子公司亞泥中國陸續發布獲利預警不過市場早有預期準備加上投信仍持續買超早盤股價仍隨大盤彈升約15%挑戰5日線。
今年初大陸元月受疫情幹擾不少企業停工及工地延遲復工水泥市場需求量降低亞泥持股677%的子公司亞泥中國繼上周發布獲利預警後持股1746％的轉投資公司山水水泥昨日也發布獲利預警預計到3月底止的第1季歸屬權益股東虧損約383億元人民幣(約新台幣162億元)虧損比去年同期大增約814%。
亞泥在大區營運陸據點分別在湖北、四川及江西四川及江西早在日前就開始生產湖北廠位在重災區兩套窯昨正式開動發貨接近正常整體來看亞泥在大陸區營運可望在第2季漸漸恢復正常。</t>
  </si>
  <si>
    <t>預警獲利水泥發佈大陸湖北市場疫情營運轉投資虧損山水中國正式重災區子公司開動</t>
  </si>
  <si>
    <t>新冠肺炎疫情亞泥山水水泥亞泥中國</t>
  </si>
  <si>
    <t>疫情肺炎山水水泥中國</t>
  </si>
  <si>
    <t>移除媒體社區傳播名單臺灣烏龍美國</t>
  </si>
  <si>
    <t>美國CDC在網頁內仍然有台灣新冠肺炎明顯社區傳播的記載並未將台灣移除於社區傳播之外。親綠媒體疑似搞烏龍誤報美國將台灣移除於社區傳播名單外但此報導隨即被刪除而Google還是可以蒐到標題。對此外交部歐</t>
  </si>
  <si>
    <t>臺灣傳播社區美國移除可以google刪除標題隨即報導仍然烏龍媒體名單肺炎</t>
  </si>
  <si>
    <t>美國CDC在網頁內仍然有台灣新冠肺炎明顯社區傳播的記載並未將台灣移除於社區傳播之外。親綠媒體疑似搞烏龍誤報美國將台灣移除於社區傳播名單外但此報導隨即被刪除而Google還是可以蒐到標題。對此外交部歐江安回應主管業務的北美司一直未回覆。
美國CDC在「新冠肺炎專頁（Coronavirus Disease 2019）」中的「旅遊（Travel）」項目下列出：
警示3：中國、伊朗
警示3：南韓、義大利
警示2：日本
警示1：香港
但是在「旅遊目的地-台灣」項目下仍然認為台灣有明顯傳播但不會建議想要赴台灣的民眾更改行程只是呼籲避免接觸病人以及勤洗手。
而有親綠媒體疑似搞烏龍錯誤報導美國CDC將台灣移除「明顯社區傳播名單」之外不過此報導隨即被刪除但是在Google搜尋還是可以找到標題。
對此外交部歐江安回應主管業務的北美司一直未回覆。</t>
  </si>
  <si>
    <t>臺灣傳播美國cdc明顯報導警示社區旅遊項目肺炎之外移除仍然可以google刪除外交部對此標題烏龍</t>
  </si>
  <si>
    <t>聚焦科技產業聯席會議經濟</t>
  </si>
  <si>
    <t>國經協會受外交部國際合作及經濟事務司委託訂於13日與以色列出口協會共同舉行線上「第8屆台以（色列）經濟聯席會議」由華邦電子暨該會以色列主任委員焦佑鈞董事長與以色列出口協會會長Mr Adiv Baruch主持。以色列</t>
  </si>
  <si>
    <t>以色列經濟出口協會協會會長國際合作事務司電子華邦台以聯席會議舉行共同mr外交部董事長焦佑鈞主任委員adivbaruch</t>
  </si>
  <si>
    <t>國經協會受外交部國際合作及經濟事務司委託訂於13日與以色列出口協會共同舉行線上「第8屆台以（色列）經濟聯席會議」由華邦電子暨該會以色列主任委員焦佑鈞董事長與以色列出口協會會長Mr Adiv Baruch主持。
以色列為全球第36大經濟體以色列國土面積小缺乏天然資源但高科技產業是經濟發展的優勢舉凡水科技、農業生技、再生能源及資訊通訊等皆有很強的國際競爭力。
該次會議將針對「新創產業」、「水資源產業」及「能源產業」三大議題進行深入探討。內容包括新創產業－以國有超過7000家新創企業於市場中運作大多的新創企業都以B2B作為商業模式。去年以國創新局更獲得39億以幣的額外預算在新冠肺炎危機中增加對早期成長的新創公司投資。
水資源產業－曾面臨嚴重缺水壓力的以色列靠著不斷創新累積的水科技如今用水已完全能自給自足其中海水淡化廠提供國內生活用水和工業用水占總用水量50％以上且90％以上的水可重複利用和回收。
能源產業－以色列近期的目標為到2030年將其所有能源消耗的30％來自綠色能源。乙太陽能為例：目前以國面積廣大的內蓋夫沙漠發電廠區是世界上最大可再生能源項目之一建造全世界最高的太陽能塔總面積超過400座足球場鏡子會將陽光折射到中央高塔尖端的鍋爐區屆時鍋爐溫度可達攝氏600度以產生蒸汽導向高塔底部進而生產電力。
民眾可利用線上報名參與會議。報名連結：http://registrationciecaorgtw/visit/?d=121。</t>
  </si>
  <si>
    <t>以色列能源新創產業經濟用水國際太陽能利用科技出口會議超過協會</t>
  </si>
  <si>
    <t>高塔高科技產業色列太陽能水科技</t>
  </si>
  <si>
    <t>科技產業太陽能高塔科技</t>
  </si>
  <si>
    <t>匡列接觸土耳其追蹤</t>
  </si>
  <si>
    <t>中央流行疫情指揮中心今(17)日公佈國內新增10例境外移入COVID-19(武漢肺炎確定病例)其中案68至70及案73為2女2男年齡介於20多歲至60多歲分別居住北部及中部(各2例)3月4日至13日至土耳其旅遊(與案56、57及案65</t>
  </si>
  <si>
    <t>中心公佈居住國內武漢covid-新增境外指揮介於年齡中部病例分別確定北部肺炎疫情流行土耳其中央旅遊</t>
  </si>
  <si>
    <t>中央流行疫情指揮中心今(17)日公佈國內新增10例境外移入COVID-19(武漢肺炎確定病例)其中案68至70及案73為2女2男年齡介於20多歲至60多歲分別居住北部及中部(各2例)3月4日至13日至土耳其旅遊(與案56、57及案65至67同團)其中1人無症狀由衛生單位安排就醫採檢其他3人發病日介於3月7日至14日經就醫採檢通報均於今日確診。該旅行團截至目前共9人確診已掌握接觸者共148人將持續針對其他團員及相關接觸者擴大追蹤與採檢。</t>
  </si>
  <si>
    <t>介於接觸確診就醫中心公佈covid-武漢國內境外新增指揮居住症狀衛生相關旅行團今日團員</t>
  </si>
  <si>
    <t>詹皇柯好爛nba</t>
  </si>
  <si>
    <t>自從進入2020年NBA似乎沒發生過什麼好事雖然明星賽辦得成功但那是在布萊恩(Kobe Bryant)罹難的悲劇之後才更引人關注。如今新冠疫情又讓賽季前途難測湖人詹姆斯(LeBron James)忍不住發文感嘆。「天哪我們停</t>
  </si>
  <si>
    <t>發生james好事lebron明星賽詹姆斯成功那是布萊恩kobe前途bryant賽季罹難悲劇忍不住之後疫情才更引人關注</t>
  </si>
  <si>
    <t>自從進入2020年NBA似乎沒發生過什麼好事雖然明星賽辦得成功但那是在布萊恩(Kobe Bryant)罹難的悲劇之後才更引人關注。如今新冠疫情又讓賽季前途難測湖人詹姆斯(LeBron James)忍不住發文感嘆。
「天哪我們停賽、停課、停班但我們真正該停下的是該死的2020年！這3個月真的非常艱辛願上帝保佑大家。」每停賽1場詹姆斯的荷包就會少掉40萬美元(約台幣1200萬元)就算他自己不在乎他的經紀人、其他的聯盟員工也會受苦。
勇士隊柯瑞(Stephen Curry)也是諸事不順熬到傷癒復出又被傳染A型流感他也推文表示：「2020年啊不知道該如何形容 反正大家就好好照顧自己和身邊的人籃球比賽總有一天會回來的。」
湖人不久前宣告打進季後賽準備在春天大顯身手結果季後賽前途未蔔。假使例行賽被腰斬老飛人卡特(Vince Carter)也得默默退休了。
勇士隊卓雷蒙格林(Draymond Green)對美媒The Athletic感嘆說：「總是要等到事情發生在自己身旁才會相信是真的。看到爵士隊的情況事發前總以為不會是我但這可能發生在任何人身上包括無力負擔醫療的人。」
其實輕忽疫情的又豈止染病的戈貝爾(Rudy Gobert)一人包括美國總統川普(Donald Trump)都因此飽受批評。川普13日才狠心撥款500億美元並宣佈國家進入緊急狀態。美國約有85%人口沒健保。</t>
  </si>
  <si>
    <t>發生美國感歎停賽詹姆斯前途疫情包括勇士隊川普季後進入bryantkobe罹難布萊恩那是悲劇</t>
  </si>
  <si>
    <t>2020年NBA停賽柯瑞詹姆斯</t>
  </si>
  <si>
    <t>柯瑞停賽nba詹姆斯</t>
  </si>
  <si>
    <t>投資人趁機海外湧入襲擊房市疫情</t>
  </si>
  <si>
    <t>近期新冠肺炎疫情升溫帶動美國線上房屋銷售網站Roofstock的海外造訪流量大增尤其是亞洲訪客數呈現數倍成長這也反映海外投資人視美國房產是這場疫情風暴中的避風港其中獨棟出租房屋更是搶手商品。成軍五年的</t>
  </si>
  <si>
    <t>房屋疫情海外美國出租升溫獨棟帶動避風港中的風暴網站尤其亞洲roofstock造訪成長銷售流量呈現更是反映</t>
  </si>
  <si>
    <t>近期新冠肺炎疫情升溫帶動美國線上房屋銷售網站Roofstock的海外造訪流量大增尤其是亞洲訪客數呈現數倍成長這也反映海外投資人視美國房產是這場疫情風暴中的避風港其中獨棟出租房屋更是搶手商品。
成軍五年的加州金融科技公司Roofstock在網站上銷售獨棟出租房屋這些房產大多已有租客而且該網站還提供管理服務意味投資人根本無須到訪該房產就可買下資產。
Roofstock近幾周來自亞洲的投資人流量暴增500％。該公司執行長畢斯利（Gary Beasley）指出這是新冠肺炎帶來的直接影響。
畢斯利說：「我認為人們可能想將資本放在一些相對穩定、至少現在還未受疫情衝擊的的領域。投資者在尋找硬資產例如房地產這些通常與股市比較沒有連動關係尤其美國房市在市場動盪時期的表現都相對不錯。」
湧入Roofstock的買家還不只來自亞洲該網站提及來自德國的投資人流量大增450％來自澳洲的流量躍升250％來自英國的流量增加一倍。
Roofstock平臺主要是針對線上投資者量身打造該網站近期的需求熱潮也凸顯最新科技在危機時刻已改變人們投資模式。
畢斯利說「這是針對不想旅行的人設計但像是人們無法出遊時還能夠遠端投資那就太棒了。你可以不需要坐飛機就可以進行房產投資。」
美國房市已面臨出售房屋嚴重短缺的情況隨著海外需求增加勢必會加劇市場競爭。畢斯利表示有些投資者預料將出售他們手中的房屋因為看好此波需求將帶動房價走高。</t>
  </si>
  <si>
    <t>網站roofstock房屋投資美國房產斯利需求來自投資者海外疫情人們投資人亞洲流量資產相對尤其科技</t>
  </si>
  <si>
    <t>投資人肺炎亞洲投資網站</t>
  </si>
  <si>
    <t>投資肺炎網站投資人亞洲</t>
  </si>
  <si>
    <t>肛門急診狀況疫苗感到無奈打完</t>
  </si>
  <si>
    <t>根據衛福部統計接種新冠肺炎疫苗後不良事件累計至8月16日已達5400件醫界也呼籲若施打疫苗後出現發燒、劇烈疼痛且頭暈想吐等症狀須立即就醫但不少人一有身體不適就認為和打疫苗有關甚至有血尿、肛門痛的病人</t>
  </si>
  <si>
    <t>疫苗肺炎甚至症狀頭暈不良立即就醫有關疼痛事件累計劇烈身體發燒</t>
  </si>
  <si>
    <t>根據衛福部統計接種新冠肺炎疫苗後不良事件累計至8月16日已達5400件醫界也呼籲若施打疫苗後出現發燒、劇烈疼痛且頭暈想吐等症狀須立即就醫但不少人一有身體不適就認為和打疫苗有關甚至有血尿、肛門痛的病人都說「肯定是打疫苗的關係！」讓振興醫院急診醫師田知感到相當無奈。
急診醫師田知學今天在臉書上表示近日支援急診檢傷時她必須依病患病情危急程度排定病患就診的優先順序結果在詢問病況的過程不管是胸悶喘不過氣、手麻腳麻、腎結石、因血壓高睡不著甚至是大便大不出來肛門痛患者通通都認為是打疫苗所導致的讓她感到非常無語。
田知學笑說後來她乾脆直接問「你是不是也覺得是疫苗的問題？」連沒有打疫苗的病人都說：「還好我還沒有打！不然今天的車禍一定更嚴重」。玩笑之餘田知學提醒大家還是必須理性思考因為全世界不是只有新冠肺炎一個病而每一個疾病或症狀都有不同原因。
貼文一出引起網友迴響紛紛表示「千錯萬錯都是疫苗的錯」、「感受到田醫師濃濃的無奈」、「新冠真的嚴重影響大家的身心狀況」、「醫師妳是不是因為打了疫苗所以越來越漂亮？」、「我不想上班一定是跟打疫苗有關係」。</t>
  </si>
  <si>
    <t>疫苗醫師田知學急診必須症狀今天你是嚴重甚至肛門一定肺炎無奈感到認為病人</t>
  </si>
  <si>
    <t>打疫苗疫苗急診症狀病患</t>
  </si>
  <si>
    <t>急診症狀疫苗</t>
  </si>
  <si>
    <t>聽說口罩民眾臺灣排隊寒風</t>
  </si>
  <si>
    <t>韓國疫情升溫政府雖以每日500萬片口罩為供貨目標且每人限購5片仍供不應求大邱、慶尚北道等各地作為販賣視窗的郵局都大排長龍不少民眾不畏低溫淩晨就出門排隊。有排隊民眾稱聽說台灣用健保卡就能買到一</t>
  </si>
  <si>
    <t>民眾口罩供貨排隊目標供不應求政府慶尚聽說作為臺灣販賣視窗郵局大排長龍淩晨不畏低溫升溫</t>
  </si>
  <si>
    <t>韓國疫情升溫政府雖以每日500萬片口罩為供貨目標且每人限購5片仍供不應求大邱、慶尚北道等各地作為販賣視窗的郵局都大排長龍不少民眾不畏低溫淩晨就出門排隊。有排隊民眾稱聽說台灣用健保卡就能買到一定數量口罩韓國政府應該趕快想個有效率的辦法。
據《中央社》報導為解決口罩缺貨及漲價問題韓國政府從2月28日起透過公家管道販賣口罩非市區的鄉鎮區以及大邱、清道郡等地區共有1406個郵局作為販賣窗口；市區則以藥局為主要販賣視窗。
韓聯社指出慶尚北道地方郵政廳今天上午11時開始透過大邱地區79家郵局販售8150片口罩一片1000韓元（約新台幣26元）在每人限購5片規定下最多只有約1600人能買到口罩因此從淩晨5時開始就開始有民眾到郵局門口排隊。
不只疫情較嚴重的大邱忠清南道等其他地方郵局也多能看到等著購買口罩的長串人龍即使郵局職員提前說明只有80人可買到口罩隊伍仍不斷延長。
有民眾表示他1日跑了15家藥局跟超商都買不到口罩所以今天只好一大早出來排隊。
值得注意的是排隊民眾中不乏70、80多歲的高齡者在最低氣溫達13度的寒風中穿著厚重衣物、帽子、手套全副武裝地出門排隊。一位80多歲的白髮老翁憂心忡忡地表示「排隊民眾大多都是老人要是因此感冒真不知道該怎麼辦」；也有不少民眾認為政府目前政策對上班族及行動不便者來說相當不方便。
一位民眾表示：「聽說在台灣規定到藥局出示健保卡就能購買一定限額的口罩（韓國）政府應該趕快制訂更有效率的方式。」也有人認為政府應該透過裡長、區長等窗口平均發放口罩給每個人。
為解決口罩缺貨問題韓國政府與多家口罩供應商合作統合國內約50%以上產量以每日500萬片目標供應口罩。2月28日供應448萬片、3月1日供應2037萬片在各地吸引大批人潮排隊購買但仍供不應求。</t>
  </si>
  <si>
    <t>韓國 疫情 升溫 政府 雖 以 每日 500萬 片 口罩 為 供貨 目標 且 每人 限 購 5 片 仍 供不應求 大 邱 慶尚 北 道 等 各地 作為 販賣 視窗 的 郵局 都 大排長龍 不少 民眾 不畏 低溫 淩晨 就 出門 排隊 有 排隊 民眾 稱 聽說 臺灣 用 健 保 卡 就 能 買到 一定 數量 口罩 韓國政府 應該 趕快 想 個 有效率 的 辦法 據 中央 社 報導 為 解決 口罩 缺貨 及 漲價 問題 韓國政府 從 2 月 28 日 起 透過 公家 管道 販賣 口罩 非 市區 的 鄉 鎮 區 以及 大 邱 清道 郡 等 地區 共有 1406 個 郵局 作為 販賣 視窗 市區 則 以 藥局 為 主要 販賣 視窗 韓聯社 指出 慶尚 北 道 地方 郵政 廳 今天上午 11 時 開始 透過 大 邱 地區 79 家 郵局 販 售 8150 片 口罩 一 片 1000 韓元 約 新 台幣 26 元 在 每人 限 購 5 片 規 定下 最 多 只 有約 1600 人 能 買到 口罩 因此 從 淩晨 5 時 開始 就 開始 有 民眾 到 郵局 門口 排隊 不只 疫情 較 嚴重 的 大 邱 忠清南道 等 其他 地方 郵局 也 多能 看到 等 著 購買 口罩 的 長串 人龍 即使 郵局 職員 提前 說明 只 有 80 人 可 買到 口罩 隊伍 仍 不 斷 延長 有 民眾 表示 他 1 日 跑 了 15 家 藥局 跟 超 商都 買不到 口罩 所以 今天 只好 一大早 出來 排隊 值得注意 的 是 排隊 民眾 中 不乏 7080 多 歲 的 高齡者 在 最低氣溫 達 13 度 的 寒風 中 穿 著 厚重 衣物 帽子 手套 全副武裝 地 出門 排隊 一 位 80 多 歲 的 白髮 老翁 憂心忡忡 地 表示 排隊 民眾 大多 都 是 老人 要是 因此 感冒 真不知道 該 怎麼辦 也 有 不少 民眾 認為 政府 目前 政策 對 上班族 及 行動不便 者 來說 相當 不 方便 一 位 民眾 表示 聽說 在 臺灣 規定 到 藥局 出示 健 保 卡 就 能 購買 一定 限額 的 口罩 韓國 政府 應該 趕快 制訂 更 有效率 的 方式 也 有人 認為 政府 應該 透過 裡長 區長 等 視窗 平均 發放 口罩 給 每個 人 為 解決 口罩 缺貨 問題 韓國政府 與 多 家 口罩供應商 合作 統 合 國內 約 50 以上 產量 以 每日 500萬 片 目標 供應 口罩 2 月 28 日 供應 448萬 片 3 月 1 日 供應 2037萬 片 在 各地 吸引 大批 人潮 排隊 購買 但 仍 供不應求</t>
  </si>
  <si>
    <t>口罩民眾排隊郵局政府透過藥局販賣視窗表示應該購買韓國政府買到地方開始</t>
  </si>
  <si>
    <t>男子四川散佈確診謠言公安火鍋拘留</t>
  </si>
  <si>
    <t>《成都商報》10日報導「3名顧客吃著火鍋被確診新冠？」四川安嶽警方9日發布消息稱劉姓男子因散佈這一謠言謊報疫情擾亂公共秩序被安嶽縣公安局處以行政拘留4日處罰。11月5日14時許安岳縣石羊鎮某火鍋代理老</t>
  </si>
  <si>
    <t>火鍋安岳縣顧客公共秩序謠言擾亂散佈疫情確診男子謊報公安局劉姓消息發佈安嶽警方四川報導石羊鎮時許處罰行政拘留處以</t>
  </si>
  <si>
    <t>《成都商報》10日報導「3名顧客吃著火鍋被確診新冠？」四川安嶽警方9日發布消息稱劉姓男子因散佈這一謠言謊報疫情擾亂公共秩序被安嶽縣公安局處以行政拘留4日處罰。
11月5日14時許安岳縣石羊鎮某火鍋代理老闆李芳（化名）到派出所報案稱：「有人在網上發朋友圈說火鍋店有三名顧客確診了新冠。我自己都不曉得有這件事好多朋友問我……如果是真的我願意封店配合防疫；如果沒得這事還請還我名譽。」
警方安撫李芳情緒後立即開展核查工作。經核實該消息為虛假疫情資訊發布者劉某（男38歲四川省安嶽縣人）警方遂書面傳喚劉某到派出所作進一步調查。
劉某如實陳述了自己為獲得他人關注通過虛構「石羊鎮某火鍋店發現有三名新冠病毒感染者三人系白塔寺鄉人」等疫情資訊並在微信朋友圈和微信好友群散佈該虛構疫情資訊的違法事實。
根據大陸《治安管理處罰法》第二十五條第一款第一項之規定劉某因散佈謠言謊報疫情擾亂公共秩序被安嶽縣公安局處以行政拘留4日的行政處罰。
大陸警方提醒：疫情變化牽動人心謠言的傳播擴散嚴重影響了當前的防疫工作希望廣大市民不信謠、不傳謠一切以官方權威資訊為準。對於編造、傳播、散佈謠言擾亂公共秩序的違法行為公安機關將始終堅持零容忍的態度堅決依法查處。</t>
  </si>
  <si>
    <t>疫情警方資訊劉某火鍋散佈謠言朋友安岳縣工作防疫李芳虛構傳播大陸石羊鎮消息公共秩序顧客發佈派出所擾亂</t>
  </si>
  <si>
    <t>火鍋四川散佈謠言新冠肺炎大陸</t>
  </si>
  <si>
    <t>謠言散佈肺炎四川火鍋大陸</t>
  </si>
  <si>
    <t>網友總領事館旅遊新疆單程旅行</t>
  </si>
  <si>
    <t>中國駐大阪總領事館12月2日以「新疆是個好地方——疫情後赴中國新疆旅遊招募」為題發布資訊面向日本國內募集在明年新冠肺炎疫情結束後赴新疆旅遊的民眾目前已有435人報名計劃等疫情結束後出發。《環球網》引述《</t>
  </si>
  <si>
    <t>新疆疫情結束旅遊中國總領事館日本國內募集面向資訊明年發佈為題計畫招募肺炎報名目前地方</t>
  </si>
  <si>
    <t>中國駐大阪總領事館12月2日以「新疆是個好地方——疫情後赴中國新疆旅遊招募」為題發布資訊面向日本國內募集在明年新冠肺炎疫情結束後赴新疆旅遊的民眾目前已有435人報名計劃等疫情結束後出發。
《環球網》引述《東京體育》報導稱中國領事館的文案將新疆的「美景」、「美食」和「美人」作為宣傳重點。文案稱「新疆是個好地方」然而近些年來關於新疆的誣蔑和謊言層出不窮引起了極大的誤解極大地損害了新疆和中國的形象。
文案表示為了讓各位親自確認新疆維吾爾自治區的情況中國駐大阪總領事館面向日本人募集有意向的人士計劃在明年新冠疫情結束後赴新疆旅遊「請來新疆親眼見親耳聽用心感受」文案還給出了報名連結網址。
《東京體育》稱新疆是中國的熱點敏感地區一些日本網友擔心赴新疆旅遊是「單程旅行」、「旅行中可能會被監視」。中國駐大阪總領事薛劍就此發推表示屆時訪問全程公開透明大家不用擔心。
11月底日本首相岸田文雄透過視訊出席第十三屆亞歐首腦會議時聲稱對中國香港、新疆人權問題「深表關切」。
當時中國外交部發言人表示涉疆問題根本不是什麽人權問題而是反恐怖、去極端化和反分裂問題中國政府依法打擊暴恐活動恰恰是對新疆各族人民人權的最好維護。</t>
  </si>
  <si>
    <t>新疆中國文案表示問題人權日本旅遊擔心疫情報名結束東京體育面向募集計畫明年地方總領事館</t>
  </si>
  <si>
    <t>新疆新疆旅遊中國文案總領事館</t>
  </si>
  <si>
    <t>中國新疆文案旅遊總領事館</t>
  </si>
  <si>
    <t>印記網友驕傲臉上感謝注意化學安全</t>
  </si>
  <si>
    <t>台灣新冠肺炎疫情大爆發各地方消毒均有賴國軍化學兵出動值勤國防部發言人臉書貼出一張化學兵把防護面罩拿下後臉上汗水淋漓以及口罩的勒痕引4萬多網友按讚感激也希望大家都要好好保護自己要注意自身安全！</t>
  </si>
  <si>
    <t>化學疫情希望感激爆發好好地方網友消毒肺炎口罩汗水淋漓臉上有賴拿下面罩防護</t>
  </si>
  <si>
    <t>台灣新冠肺炎疫情大爆發各地方消毒均有賴國軍化學兵出動值勤國防部發言人臉書貼出一張化學兵把防護面罩拿下後臉上汗水淋漓以及口罩的勒痕引4萬多網友按讚感激也希望大家都要好好保護自己要注意自身安全！。
國防部發言人臉書表示「臉頰上的印痕是我們驕傲的印記！」頂著烈日背著重裝穿梭在大街、小巷、醫院、車站只為清消每一個風險足跡在霧氣中持續前行他們是化學兵是中華民國國軍是防疫第一線的英雄！
身穿悶熱的防護衣逐一對各公共場域噴灑消毒液雖然很辛苦但是沒有人有任何怨言身為化學兵能站在防疫第一線為守護國人健康挺身而出是值得驕傲的事也盼官兵在執行任務的同時注意個人安全在安全第一的前提下順利完成防疫工作！
此段發言引4萬多網友按讚並且感謝國軍化學兵在前線守住國人的健康大熱天穿著防護衣物一定很痛苦很難受！也希望大家都要好好保護自己要注意自身安全！</t>
  </si>
  <si>
    <t>防疫化學消毒防護驕傲安全國人健康第一線網友學兵注意國防部發言人希望疫情</t>
  </si>
  <si>
    <t>化學兵新冠肺炎台灣</t>
  </si>
  <si>
    <t>學兵肺炎臺灣</t>
  </si>
  <si>
    <t>何又敦睦出發艦隊延期</t>
  </si>
  <si>
    <t>台灣在新冠肺炎的防疫上有目共睹但沒想到敦睦艦隊竟成防疫大破口震驚各界！但外界更想知的是為何在疫情蔓延台灣還要派敦睦艦隊去帛琉執行任務？據悉原本海軍考慮延後但傳外交部評估可行在國安高層最終</t>
  </si>
  <si>
    <t>防疫艦隊敦睦臺灣評估外交部延後考慮海軍原本可行據悉任務執行疫情蔓延外界震驚有目共睹大破</t>
  </si>
  <si>
    <t>台灣在新冠肺炎的防疫上有目共睹但沒想到敦睦艦隊竟成防疫大破口震驚各界！但外界更想知的是為何在疫情蔓延台灣還要派敦睦艦隊去帛琉執行任務？據悉原本海軍考慮延後但傳外交部評估可行在國安高層最終拍板定案下敦睦艦隊如期航行。不過國防部已否認外部施壓。
新冠肺炎全球蔓延國防部連一年一度的漢光演習評估延後至下半年再實施但為何海軍敦睦艦隊遠航計畫不變？導致海軍士兵確診成為台灣防疫重大破口總統蔡英文對此震怒不已要國軍徹查清楚原因為何！
據悉敦睦艦隊任務行之有年每年都是外交部與國防部海軍共同決定。艦隊因身負外交任務所以出港時規劃行程由外交部負責最後國安高層拍板國防部僅是執行單位。
因此在事前評估上難道外交部就毫無責任可言？更有諸多藍委質疑是否是外交部施壓才要艦隊如期執行任務？對此國防部副部長張哲平已否認不過國民黨立委呂玉玲在立院質詢時就直言決定敦睦艦隊出航並非國防部這是國安層級才能決定之事當初是否要派敦睦艦隊出航就有贊成跟反對兩方意見最後拍板定案僅去帛琉外交部有責任說清楚為何最後決定去帛琉不可！
為何最後決定非去帛琉？國民黨立委陳以信在立院質詢時就直接問出是否台灣和帛琉邦交有危險？對此外交部次長徐斯檢先是說沒有後來補充不是說完全沒有狀況中國攻台灣邦交國是不可能不存在但目前為止帛琉台灣守得很好。
雖然國軍在處理態度上有其可議之處。但軍情與航空網站主編施孝瑋在政論節目《T台政經話》上認為蔡英文要負起最大的責任因為敦睦艦隊在如此敏感的時間點出發沒有三軍統帥的點頭怎能出發？</t>
  </si>
  <si>
    <t>艦隊敦睦外交部臺灣國防部決定任務防疫對此評估海軍沒有最後責任執行國安拍板</t>
  </si>
  <si>
    <t>敦睦艦隊帛琉國防部外交部台灣</t>
  </si>
  <si>
    <t>國防部艦隊外交部敦睦臺灣</t>
  </si>
  <si>
    <t>台買疫苗組織國際時中呂秀蓮回應</t>
  </si>
  <si>
    <t>前副總統呂秀蓮辦公室今(24)日天表示「世界和平評審委員會」及「世界和諧基金會」昨天聯名致函蔡英文總統願意協助台灣洽購3000到5000萬劑嬌生或輝瑞疫苗原廠包裝且交貨迅速；中央流行疫情指揮中心指揮官陳時中</t>
  </si>
  <si>
    <t>總統世界疫情流行中央迅速交貨包裝原廠疫苗輝瑞基金會指揮昨天聯名致函蔡英文臺灣協助願意辦公室表示和平</t>
  </si>
  <si>
    <t>前副總統呂秀蓮辦公室今(24)日天表示「世界和平評審委員會」及「世界和諧基金會」昨天聯名致函蔡英文總統願意協助台灣洽購3000到5000萬劑嬌生或輝瑞疫苗原廠包裝且交貨迅速；中央流行疫情指揮中心指揮官陳時中表示目前還沒有接受到相關檔會密切注意。
同時媒體問到疾管署每年編列預算購買流感疫苗同時接受地方政府委託聯合購買同樣情況下花蓮和南投縣政府今天委託藥品業者向食藥署遞件申請來購買新冠肺炎疫苗指揮中心是否同意？
陳時中表示流感疫苗是例行性防疫物資世界和國內大廠並未限制往來對象新冠疫苗因為在國際疫苗緊縮下為了有效控制疫情所以各大廠的態度只和國家往來和流感疫苗情況不同。
陳時中說會根據地方政府提供的相關資料來看但認為要有明確知道是否真的能夠買得到否則熱心之後廠商還是不願意和地方政府往來。
中央流行疫情指揮中心疫情監測組組長周志浩補充流感疫苗的情況是各國取得「藥證」新冠疫苗則是取得「緊急使用許可」對藥廠與購買者要擔負的義務差得非常多這也是為什麼才由國家來接洽。
此外目前國際航空機組員尚未全數施打疫苗但傳出航空公司有非一線內勤主管抽籤施打疫苗的情形出現理由是會和第一線高風險人員接觸的內勤主管所以施打疫苗這些會和第一線機組員接觸的主管屬於第幾類接種對象？醫護、機組員同住家人是否歸於同一類施打對象？
陳時中說機組員同住家人目前沒有開放航空公司公司管理人員基於常接觸第一線人員的話可以接種否則會出現破口但如果不是常接觸的其他人員就沒有必要這部分會再和航空公司瞭解。
醫護人員的同住家人也會有考慮但在身份訂定上有困難現在還在研究。</t>
  </si>
  <si>
    <t>疫苗流感疫苗施打表示往來購買情況疫情是否機組員地方接觸公司世界目前政府物件沒有航空人員時中願意指揮</t>
  </si>
  <si>
    <t>疫苗新冠肺炎台灣地方政府許可</t>
  </si>
  <si>
    <t>肺炎臺灣地方政府許可疫苗</t>
  </si>
  <si>
    <t>吃老本哀嚎酒店求生存臺北</t>
  </si>
  <si>
    <t>本土疫情大爆發雙北防疫警戒升至第3級臺北市八大行業從15日上午8時起全面暫停營業到6月8日。就有北市酒店小姐哀嚎一天至少1萬元的收入沒了只能縮衣節食吃老本苦撐；不然就是改當「外送」外出參加飯局或</t>
  </si>
  <si>
    <t>雙北防疫警戒改當升至臺北市八大行業爆發上午只能吃老本沒了縮衣節食收入至少哀嚎小姐酒店北市時起</t>
  </si>
  <si>
    <t>本土疫情大爆發雙北防疫警戒升至第3級臺北市八大行業從15日上午8時起全面暫停營業到6月8日。就有北市酒店小姐哀嚎一天至少1萬元的收入沒了只能縮衣節食吃老本苦撐；不然就是改當「外送」外出參加飯局或是真的兼差當外送員或找其他打工不然沒辦法過日子。
臺北市長柯文哲14日宣佈自15日起臺北市公有場所八大類行業、電子遊戲業、網咖等場所同步發布停業通知。據《三立新聞網》報導一名北市酒店小姐表示以她自己來說1天至少損失1萬左右收入原本是花錢如流水的人如今也只能想辦法縮衣節食過日子。此外公司也會推薦小姐參加飯局「外出」陪客人吃飯喝酒度過酒店停業困難。
而桃園一名酒店大班則說旗下有30幾個小姐未來這段日子肯定很難過。她透露去年酒店雖一度停業但還有KTV可以「兼差」熟客私下會聯絡還可以帶著小姐以鐘點計費勉強「度小月」今年卻連KTV都關門不知道該如何是好。
酒店小姐安安（化名）說自己有2個小孩要養存款也不多政府突然宣佈停業也沒有相關配套實在很無奈。另名酒店小姐彎彎（化名）則說聽聞有同事已經趕緊研究找外送員或找其他打工。雖然收入沒這麼高也要考慮趕緊找其他工作不然沒辦法過日子。
★中時新聞網關心您：飲酒過量有礙健康！
★中時新聞網關心您：開車不喝酒、喝酒不開車！</t>
  </si>
  <si>
    <t>小姐酒店停業收入新聞網臺北市過日子辦法ktv行業可以場所八大趕緊只能</t>
  </si>
  <si>
    <t>新冠肺炎台灣酒店停業八大行業</t>
  </si>
  <si>
    <t>臺灣酒店停業肺炎八大行業</t>
  </si>
  <si>
    <t>支出聯盟資本受惠擴大</t>
  </si>
  <si>
    <t>台積電（2330）法人說明會中宣佈將調升今年資本支出10億美元達160～170億美元與去年相較增加約13％。台積電看好未來幾年在5G及高效能運算（HPC）的強勁晶圓代工需求未來幾年仍會維持高資本支出並加速5奈米量</t>
  </si>
  <si>
    <t>未來資本支出台積電宣佈調升今年維持去年增加相較需求晶圓強勁hpc運算看好高效能說明會加速</t>
  </si>
  <si>
    <t>台積電（2330）法人說明會中宣佈將調升今年資本支出10億美元達160～170億美元與去年相較增加約13％。台積電看好未來幾年在5G及高效能運算（HPC）的強勁晶圓代工需求未來幾年仍會維持高資本支出並加速5奈米量產及3奈米技術研發及產能建置。
台積電全力衝刺先進製程產能建置及技術研發並成全球擁有最大極紫外光（EUV）產能的半導體廠。受惠於台積電的資本支出持續放大法人看好漢唐、家登、京鼎、帆宣、弘塑、信紘科等台積電大聯盟合作夥伴直接受惠今、明兩年營運持續看旺。
台積電總裁魏哲家表示新冠肺炎疫情仍對下半年市場造成不確定性台積電5奈米設備裝機時程也受到一些影響但包括5G及HPC等應用對先進製程晶圓需求仍優於預期7奈米及5奈米產能供不應求但5奈米占全年營收比重將小幅下修至8％。
魏哲家表示台積電過去幾年的資本支出維持穩健增加趨勢今年新冠肺炎不確定性對營運影響是短期中長期看好5G及HPC的大趨勢所以台積電將今年資本支出調升10億美元達160～170億美元以因應客戶未來幾年強勁晶圓代工需求。
台積電5奈米在第二季開始投片下半年以最快速度拉升產能並進入大規模量產階段。魏哲家表示5奈米製程技術將拓展客戶的產品組合並且擴大台積電的潛在市場5奈米強效版會在2021年開始量產5奈米優化推出的4奈米製程會在2022年進入量產為5奈米提供了一個明確的升級路徑。
魏哲家指出台積電3奈米研發順利且符合進度規畫預期3奈米會是下一個完整的製程節點預計2021年試產2022年下半年量產屆時台積電3奈米將會是晶圓代工市場最先進技術。</t>
  </si>
  <si>
    <t>台積電產能資本支出魏哲家看好下半年制程晶圓技術表示hpc市場研發未來受惠今年先進營運</t>
  </si>
  <si>
    <t>肺炎台積電魏哲家資本支出晶圓代工</t>
  </si>
  <si>
    <t>魏哲家資本支出晶圓台積電肺炎</t>
  </si>
  <si>
    <t>疫情出來影響習慣嚴控外景主持</t>
  </si>
  <si>
    <t>新冠肺炎肆虐全球「5566」孫協志、王仁甫、許孟哲及小刀日前與眾歌手錄製公益歌曲〈同一個氣息〉4人相隔10多年再度合體孫協志說：「這麼多年沒一起錄音但大家的感情依舊留在20幾歲年輕人的時候拍攝4個人</t>
  </si>
  <si>
    <t>全球王仁甫許孟哲感情留在小刀錄音日前一起肆虐歌手錄製孫協志公益合體歌曲再度氣息相隔年輕人肺炎時候</t>
  </si>
  <si>
    <t>新冠肺炎肆虐全球「5566」孫協志、王仁甫、許孟哲及小刀日前與眾歌手錄製公益歌曲〈同一個氣息〉4人相隔10多年再度合體孫協志說：「這麼多年沒一起錄音但大家的感情依舊留在20幾歲年輕人的時候拍攝4個人演唱畫面時年輕小男孩的壞習慣又跑出來譬如仁甫偷偷在後面捏小刀屁股很幼稚。」
對於這次疫情孫協志提倡「保護好自己就是保護別人」：「遇到朋友打招呼不要靠太近、不握手出門在外每件事小心為上做過按電梯、推門把等動作千萬不要再碰眼口鼻。」小刀認為疫情應該還會持續一段時間「全球都面臨同樣問題大家這段時間應該看手機的時間更長了」；而向來熱愛健身的許孟哲這陣子也改到戶外運動。
孫協志、王仁甫及許孟哲主持的綜藝節目《飢餓遊戲》目前仍維持固定錄影孫協志說：「外景衛生、人群等問題製作單位都會考量盡量不選在學校、夜市等多往空曠的地方並嚴控管來賓出國、發燒的都避免。雖然有疫情但節目不能停、我們還是得努力幫它做好。」而他們之前延期舉辦的高雄巨蛋演唱會主辦單位目前仍在協調下半年檔期一切看疫情發展後續狀況。</t>
  </si>
  <si>
    <t>疫情小刀孫協志許孟哲全球目前問題應該王仁甫時間保護習慣男孩出來</t>
  </si>
  <si>
    <t>孫協志許孟哲王仁甫小刀5566</t>
  </si>
  <si>
    <t>小刀許孟哲王仁甫孫協志</t>
  </si>
  <si>
    <t>台急喊演出鋼琴家克羅埃西亞延期</t>
  </si>
  <si>
    <t>鋼琴家邁可森（Maksim）睽違4年原定9日來台演出首站於臺北國家音樂廳舉行「2020邁可森克羅埃西亞狂想音樂會」門票雖完售但因為新冠肺炎疫情以及日前確診的澳洲音樂家布萊特狄恩（Brett Dean）曾在同場地演出</t>
  </si>
  <si>
    <t>演出布萊特狄恩brett音樂家澳洲確診日前疫情肺炎門票音樂會maksim首站原定臺北狂想克羅埃西亞國家舉行</t>
  </si>
  <si>
    <t>鋼琴家邁可森（Maksim）睽違4年原定9日來台演出首站於臺北國家音樂廳舉行「2020邁可森克羅埃西亞狂想音樂會」門票雖完售但因為新冠肺炎疫情以及日前確診的澳洲音樂家布萊特狄恩（Brett Dean）曾在同場地演出目前該場地從6日閉館消毒主辦單位於今（8日）忍痛宣佈邁可森臺北、高雄、台中3場演出全數延期。
主辦單位「好滿意音樂」表示「邁可森對於本次音樂會非常地重視也一直期待著回到他所喜愛的台灣與支持他的樂迷們見面。對於本次音樂會必須延期一事雖然感到難過但是與我司立場一致認為觀眾的健康應該擺在第一位。」
目前活動延期檔期尚未明朗不過主辦單位已與邁可森取得未來的演出檔期目前與各場館緊密聯繫排檔事宜希望本月底公告最新巡演時間而目前民眾所持有的票券仍屬有效待最新巡演時間後公告換票辦法。如已購票觀眾發現延期後的日期無法前往主辦單位也將提供相關退票服務。</t>
  </si>
  <si>
    <t>延期目前主辦單位演出音樂會觀眾對於臺北最新巡演公告時間場地日前疫情確診肺炎澳洲音樂家</t>
  </si>
  <si>
    <t>邁可森克羅埃西亞鋼琴家國家音樂廳新冠肺炎</t>
  </si>
  <si>
    <t>鋼琴家國家克羅埃西亞音樂廳肺炎</t>
  </si>
  <si>
    <t>指揮中心說不出陳時中</t>
  </si>
  <si>
    <t>國內今(2)日新增549名本土案例、12例死亡中央流行疫情指揮中心指揮官陳時中表示目前疫情仍維持平穩不過話才說完沒多久竟連續咳嗽咳到一度說不出話讓一旁的副指揮官陳宗彥、發言人莊人祥、疫情監測組組長</t>
  </si>
  <si>
    <t>疫情指揮官本土案例死亡中央新增發言人流行指揮陳宗彥中心連續咳嗽一旁一度沒多久表示才說目前說不出平穩</t>
  </si>
  <si>
    <t>陳時中疫情記者會咳嗽指揮中心防疫本土蘇貞昌羅一鈞引起常常近日連續關心近來李秉穎周志浩開始轉頭陳宗彥一旁關注</t>
  </si>
  <si>
    <t>陳時中咳嗽指揮中心新冠肺炎台灣</t>
  </si>
  <si>
    <t>中心指揮肺炎咳嗽陳時中臺灣</t>
  </si>
  <si>
    <t>議員支持增設避免民眾中和恐慌</t>
  </si>
  <si>
    <t>國內新冠肺炎疫情蔓延新北市衛生局今（18日）公佈新增確診人數為106人中和單日暴增33人中和民眾相當緊張紛紛打電話向議員服務處陳情。市議員陳錦錠表示中和與板橋地緣相當近呼籲市府除了加強消毒外</t>
  </si>
  <si>
    <t>中和相當議員疫情蔓延新北市衛生局呼籲公佈肺炎新增確診人數地緣板橋陳錦錠民眾打電話表示紛紛緊張市府陳情服務處加強</t>
  </si>
  <si>
    <t>國內新冠肺炎疫情蔓延新北市衛生局今（18日）公佈新增確診人數為106人中和單日暴增33人中和民眾相當緊張紛紛打電話向議員服務處陳情。市議員陳錦錠表示中和與板橋地緣相當近呼籲市府除了加強消毒外更應在中和等地增設「快篩站」避免民眾恐慌。
新北市衛生局統計今（18日）新增確診人數為106人自4月26日至5月18日全市總確診人數已達465人；板橋今（18日）新增26人、中和今（18日）新增33人板橋累計120人、中和累計74人。
陳錦錠說隨著疫情升溫民眾都相當憂心當中和確診人數單日暴增33人服務處更接獲許多民眾陳情盼市府除了在板橋增設「快篩站」外中和也應該盡速成立避免民眾恐慌。
「市長都說中和景安站確診足跡不斷出現！」陳錦錠說目前除了環境大消毒、民眾做好防疫措施外他也將積極向市府建議在中和及其他熱區增設「快篩站」盡速化解民眾不安情緒。
陳錦錠也呼籲民眾勿轉傳網路不實資訊一切都以中央流行疫情指揮中心及新北市衛生局訊息為主一起團結做好防疫措施沒事不要外出移動留在家中防疫最安全。</t>
  </si>
  <si>
    <t>民眾中和陳錦錠疫情確診板橋防疫新北市衛生局相當市府人數消毒呼籲措施做好增設服務處陳情恐慌</t>
  </si>
  <si>
    <t>中和新冠肺炎台灣增設快篩站</t>
  </si>
  <si>
    <t>臺灣增設肺炎中和</t>
  </si>
  <si>
    <t>曝光時中novavax進度談判疫苗</t>
  </si>
  <si>
    <t>藍營傳有四縣市擬比照鴻海、台積電模式向中央申請自行採購疫苗指揮中心今天表示相關檔已經收到目前食藥署認為有一些資料不全以及需要釐清的部分今天傍晚會發函給各縣市要求補件。至於鴻海、台積電採購疫苗</t>
  </si>
  <si>
    <t>今天台積電採購疫苗目前認為收到資料已經檔需要部分相關傍晚各縣市表示</t>
  </si>
  <si>
    <t>目前疫苗採購今天novavax相關covax台積電談判部分傍晚資料各縣市需要一貫要求維持</t>
  </si>
  <si>
    <t>疫苗採購進度鴻海台積電藍營Novavax</t>
  </si>
  <si>
    <t>進度台積電藍營採購novavax疫苗</t>
  </si>
  <si>
    <t>衛視東方記者侯友宜疫情政治陸委會</t>
  </si>
  <si>
    <t>日前《東方衛視》記者張經義在白宮記者會上自稱「來自台灣」陸委會表示將對張經義裁罰對此新北市長侯友宜上午在慰勉家防中心時表示「疫情不會管政治敵人只有一個就是新冠病毒。」語畢台不少家防中心的社工</t>
  </si>
  <si>
    <t>經義表示中心白宮記者會來自敵人病毒自稱臺灣政治陸委會對此新北市長不會侯友宜</t>
  </si>
  <si>
    <t>日前《東方衛視》記者張經義在白宮記者會上自稱「來自台灣」陸委會表示將對張經義裁罰對此新北市長侯友宜上午在慰勉家防中心時表示「疫情不會管政治敵人只有一個就是新冠病毒。」語畢台不少家防中心的社工頻頻點頭對侯的說法表示認同。
侯友宜表示疫情不斷的在全球高漲完全沒有舒緩的狀況面對全球化的疫情他永遠只有一個想法疫情不會管你政治與否疫情只會侵害全球人的健康所以我們的敵人只有一個就是新冠病毒。
侯友宜說大家共同攜手合作、互相包容、體諒大家面對的就是新冠病毒只要全球有這樣一個共識就可以聯手所有的力量打敗新冠病毒。台灣也是全球的一份子大家更珍惜台灣在防疫的所做所為是值得大家學習也值得全球跟我們攜手合作。</t>
  </si>
  <si>
    <t>全球表示疫情侯友宜臺灣經義病毒面對中心攜手敵人合作政治白宮記者會不會記者來自自稱值得</t>
  </si>
  <si>
    <t>疫情東方衛視記者侯友宜新冠肺炎武漢肺炎</t>
  </si>
  <si>
    <t>侯友宜記者衛視肺炎東方武漢疫情</t>
  </si>
  <si>
    <t>全校教職員學生明起科大上班朝陽</t>
  </si>
  <si>
    <t>中部校園疫情嚴峻朝陽科大19日有1名女住宿生確診7名密切接觸學生居家隔離、自主健康管理68人。朝陽科大表示已早在17日全面課程實施外全校教職員將於20日及21日兩天實施遠距上班下周起則採分流上班。朝陽科</t>
  </si>
  <si>
    <t>朝陽科大實施上班課程隔離居家學生全面自主密切接觸健康管理確診住宿生表示分流周起嚴峻全校</t>
  </si>
  <si>
    <t>中部校園疫情嚴峻朝陽科大19日有1名女住宿生確診7名密切接觸學生居家隔離、自主健康管理68人。朝陽科大表示已早在17日全面課程實施外全校教職員將於20日及21日兩天實施遠距上班下周起則採分流上班。
朝陽科大表示18日晚間8時30分接獲台中市衛生局通知1名女住宿學生確診經救護車接送就醫外同住室友等密切接觸者7人安排進住防疫旅館進行居家隔離；同層樓住宿生68人進行快篩檢測並送至學校自主健康管理寢室進行自主健康管理14天。
朝陽科大指出該學生宿舍大樓已全部清空並啟動校園全面性消毒作業校方針對確診個案近期接觸的環境及師生名單進行疫調確保全體師生的健康及維護校園的安全。
朝陽科大表示為降低群聚感染風險學校已在17日起所有課程實施遠距教學並將延長至6月8日；全校教職員將於20日、21日兩天實施遠距上班且自下周起則採分流上班。</t>
  </si>
  <si>
    <t>朝陽科大進行確診健康校園表示實施全面學校密切接觸學生自主管理居家住宿生課程隔離上班全校台中近期</t>
  </si>
  <si>
    <t>新冠肺炎台灣朝陽科大學生遠距上班</t>
  </si>
  <si>
    <t>朝陽臺灣科大學生肺炎上班</t>
  </si>
  <si>
    <t>最怕全球病毒紀俊臣治理</t>
  </si>
  <si>
    <t>近日來因敦睦艦隊返航盤石軍艦的官兵新冠肺炎確診數增加引起各地方政府的重視紛紛以不同的方式規畫超前部署的防治措施卻因與中央流行疫情指揮中心意見不盡一致而有中央與地方不同調的「府際爭議」情狀發生；尤其對於高雄市政府的超前防治規畫更為「罷韓」團體視為拖延罷免的行徑頗多過甚其辭之言論一一出現。
就此次新冠肺炎肆虐全球的大災難言之不僅國內須行政一體積極協同防治國際間更宜以全球治理觀點採取相互支援的人道措施。我國最近捐贈友邦防治器材固是「防疫外交」的作為也頗受友我國家的好評即是台灣身為全球一員的「協力治理」卓越成就。基於此一認知回顧國內中央與地方的防疫作為認知差異尤其媒體、名嘴的偏頗助瀾不免令人憂心知識分子的良知何在？有必要如此不分是非嗎？倒是行政院長蘇貞昌希望朝野不要再對立值得省思。
誠然防疫當前既然中央已成立指揮中心基於資源共用以及行動一致的必要性理論上宜以中央疫情指揮中心的「指揮」為唯一行動基準；地方政府能夠知所依循應係理性選擇而非盲目施為。問題是中央指揮中心對於防疫的指揮本就須視疫情的衍變而有不同的策略規畫。就以口罩的分配來說雖未到一日數變至少可說一個月好幾變乃有口罩10、20、30乃至40的說法。地方政府看到國際疫情的走勢依據學者專家的呼籲斷然採取若干超前的演練措施中央指揮中心實無倒喝采之必要何況中央指揮中心還有意無意有南北不同的指示比如：新北市的兵演召集人張上淳還專程蒞臨指導並且肯認新北市的做法；反之高雄市的做法即一一駁斥有如一無是處。這不免令人有支援「罷韓」的聯想。
中央指揮中心對於疫情的指揮宜有「策略選擇」和「時機選擇」的考量就「封城」而言行政院蘇貞昌院長既以「全國一致」作為策略選擇不僅地方政府務須全力貫徹就是媒體、名嘴亦當協同策進更不宜有故入人罪的譁眾取寵行徑。此外地方政府依自治權的行使尤其自治區域內的公益治理作為中央指揮中心不僅宜樂觀其成並且在技術上要多所指導在經費上更要多所支援。相信此次疫情必可在最短期間內完全控制持續維持本土病例的零確診而國外傳入的確診數亦可逐日減少尤其敦睦艦隊意外染疫如機關間相互體諒或協助應即可打住。
新冠肺炎是全球人類的最大敵人自當認清敵人的真面目採取一切有效的防治措施這是此次新冠肺炎給人類的經驗和教訓。全球治理或許有其值得檢討之處但全球治理卻是制勝新冠肺炎的唯一良方。此時此刻國人應有更寬廣的心胸去瞭解和協同防治於任何一塊國土才是。
（作者為銘傳大學公共事務學系客座教授）</t>
  </si>
  <si>
    <t>指揮中心全球治理新冠肺炎地方政府防治</t>
  </si>
  <si>
    <t>肺炎治理地方全球中心政府防治指揮</t>
  </si>
  <si>
    <t>回到滿人疫情爆發區間車景象台鐵</t>
  </si>
  <si>
    <t>台灣疫情爆發全國三級警戒3度延長現在又爆出印度變種病毒Delta進入屏東社區引發民眾恐慌。不過今早卻有民眾發現搭乘台鐵的人變多了甚至站滿整個車廂令他不解地問「是不是解除三級警戒有望了？」該民眾今（</t>
  </si>
  <si>
    <t>民眾警戒延長現在印度爆出變種病毒車廂甚至不解delta是不是進入解除發現搭乘台鐵屏東社區引發恐慌</t>
  </si>
  <si>
    <t>台灣疫情爆發全國三級警戒3度延長現在又爆出印度變種病毒Delta進入屏東社區引發民眾恐慌。不過今早卻有民眾發現搭乘台鐵的人變多了甚至站滿整個車廂令他不解地問「是不是解除三級警戒有望了？」
該民眾今（28）日於PTT八卦板透露自己正在台鐵區間車上班途中三個禮拜前就發現搭車人潮漸漸變多這個禮拜與上周相比乘客更多多到站滿整個車廂與疫情爆發前的平日並無二致。
從他分享的車廂照顯示每個座位都有人乘客並肩而坐根本沒有保持社交距離走道上也站滿人令他忍不住問「是不是三級警戒解除有望了？真的期待7月解除3級大家蜂擁出門上班、遊玩。
貼文曝光後引發不少鄉民熱烈回應「病毒會自律」、「病毒知道你們要去上班不會傳染」、「病毒會辨識上班不算群聚」、「指揮中心說上班不是群聚」、「疫情趨緩很多公司都結束居家辦公了」、「越來越多公司取消在家上班了」、「如果一個Delta上車全車遭殃」等。
★《中時新聞網》提醒您：因應新冠肺炎疫情疾管署持續加強疫情監測與邊境管制措施 如有疑似症狀請撥打：1922專線或 0800-001922 並依指示配戴口罩儘速就醫同時主動告知醫師旅遊史及接觸史以利及時診斷及通報。</t>
  </si>
  <si>
    <t>上班疫情病毒車廂警戒民眾delta乘客發現禮拜台鐵引發解除公司爆發接觸有望史及是不是旅遊</t>
  </si>
  <si>
    <t>新冠肺炎Delta印度變種病毒株新冠病毒台鐵</t>
  </si>
  <si>
    <t>病毒肺炎變種印度delta台鐵</t>
  </si>
  <si>
    <t>吃喝玩樂qa全台</t>
  </si>
  <si>
    <t>中央流行疫情指揮中心宣佈7月27日起至8月9日全台降為二級警戒但民眾除了飲食之外外出仍要全程戴口罩並落實實聯制登記、保持安全的社交距離而室內集會人數上限規定放寬為50人、室外100人。另也宣佈各行各業的</t>
  </si>
  <si>
    <t>宣佈上限人數警戒集會民眾室內飲食距離之外中心指揮社交外出安全仍要保持全程登記口罩落實室外起至放寬</t>
  </si>
  <si>
    <t>中央流行疫情指揮中心宣佈7月27日起至8月9日全台降為二級警戒但民眾除了飲食之外外出仍要全程戴口罩並落實實聯制登記、保持安全的社交距離而室內集會人數上限規定放寬為50人、室外100人。另也宣佈各行各業的相關指引《中時新聞網》整理出五大面向的常見問題供民眾參考。
◎餐飲指引
1　餐廳開放內用？
目前除了新北市、臺北市與宜蘭縣仍不開放餐廳內用外其他的縣市皆宣佈只要遵守相關防疫規則業者便可以開放內用。
2　超商、賣場用餐區開放？
除了雙北之外的超商與賣場用餐區皆已開放但也有業者自行宣佈延長例如好市多仍維持禁止內用、試吃的規定。
3　能否邊走邊吃？
民眾在室外通風、可維持社交距離的地方可以脫口罩飲食但夜市與傳統市場仍舊不可以邊走邊吃。
◎交通指引
1　搭乘雙鐵可飲食？
台鐵與高鐵的列車上、車站大廳及候車區仍禁飲食且搭車全程須配戴口罩至於車站商場內的餐飲是否能夠內用則配合地方政府的公告來辦理。
2　能在車內飲食嗎？
車內的成員若皆為同住家人那就可以同時脫口罩飲食如果不是就要輪流。另外遊覽車目前則維持不開放飲食的規則。
3 搭乘各式運輸工具要戴口罩？
搭計程車、公車、捷運、火車和高鐵都須全程配戴口罩。
◎教育指引
1　開放哪些教育單位？
幼兒園、托嬰中心、課照中心、補習班、高中以下的暑期教學活動有條件開放。
2 　可以去圖書館嗎？
圖書館禁行人流管制、維持安全設交距離即可適度開放。
3　社區大學開放了嗎？
目前社區大學僅開放受理秋季班報名但實體課程暫不開放；而樂齡學習中心、K書中心也同樣不開放。
◎休閒娛樂
1　哪些場所還是不開放？
歌廳、舞廳、夜總會、俱樂部、酒家、酒吧、酒店(廊)、錄影節目帶播映場所(MTV)、視聽歌唱場所(KTV)、理容院(觀光理髮、視聽理容)、遊藝場所、電子遊戲場、資訊休閒場所、休閒麻將館、桌遊場所及其他類似場所。
2　美容美體、按摩開放了嗎？
空氣流通的營業場所可開放但禁止提供個人密閉包廂室服務且每張躺床及座位至少間隔2公尺並在之間放置隔板、屏風或布簾等阻隔物；須要脫口罩的美容療程則暫不開放。
3　可以報名參加旅行團？
旅遊業開放50人以下的旅行團但搭乘遊覽車的時候車上的麥可風僅限於導覽不可以唱歌。
4　可以上山下海了嗎？
休閒農場、遊樂園區、國家風景區等戶外空間皆已開放而潛水和衝浪等水上活動也開放但上岸後就要戴上口罩。
5　室內場館都開放了嗎？
美術館、博物館開放民眾入場參觀但須要事先預約另也開放室內外的運動場館像是保齡球館、撞球場也都開放。
◎宗教活動
1　可以中元普渡嗎？
民眾可自行舉辦普渡活動但普渡後的福宴、平安宴仍禁止舉辦。不過目前仍禁止遶境、進香、遊行的活動。
2　能否舉辦公祭？
民眾可以公祭、也可以進塔祭拜但仍須要維持室內最多50人、室外最多100人的防疫通則規定。</t>
  </si>
  <si>
    <t>開放可以飲食口罩場所民眾維持指引中心宣佈禁止休閒活動目前須要室內距離搭乘</t>
  </si>
  <si>
    <t>降級指引開放場所戴口罩指揮中心台灣</t>
  </si>
  <si>
    <t>場所口罩開放指揮中心指引臺灣降級</t>
  </si>
  <si>
    <t>醫師本土持續虛幻真穩臺灣幻想</t>
  </si>
  <si>
    <t>新冠肺炎持續在全球延燒近期有兩名工程師都疑似是在台灣感染新冠肺炎分別為比利時籍與日本籍但究竟是本土感染個案還是境外移入至今還在調查中。對此腎臟科醫師江守山在政論節目中直言零確診絕對是虛幻</t>
  </si>
  <si>
    <t>感染肺炎直言節目政論腎臟科對此調查至今近期境外個案工程師全球都疑本土似是究竟日本籍</t>
  </si>
  <si>
    <t>新冠肺炎持續在全球延燒近期有兩名工程師都疑似是在台灣感染新冠肺炎分別為比利時籍與日本籍但究竟是本土感染個案還是境外移入至今還在調查中。對此腎臟科醫師江守山在政論節目中直言零確診絕對是虛幻的幻想坦白講你認為回去的日本女學生、泰國移工、比利時工程師這些都不算台灣？沒列入台灣本土病例台灣講這樣有點推得比較兇。
江守山在政論節目「新聞面對面」中痛批日本女學生、泰國移工、比利時工程師等這些都沒列入台灣本土病例「台灣講這樣有點推得比較兇」他質疑這些人在台灣待這麼久時間出去外面又說他沒問題當然這包括各國檢測採用的CT值不一樣我們講35但人家都嚴格標準「這中間產生我們感覺很好別人不好」。
江守山也透露台灣現在非常嚴格的檢驗篩檢的對象你沒有明顯的症狀、旅遊史就不給檢驗在這態度下永遠逮不到輕症者、所謂的無症狀感染者因為這些人都沒有足夠原因讓你篩檢。
節目主持人謝震武也質疑最近來講很多從台灣要回國的外國人確診現在開始要防第二波疫情？對此江守山表示大家都對疫情有過度想像認為會自然消退但事實不是這回事這疾病跟一般流感一樣沒抗體、疫苗、解藥要搞兩年但大家過度期望造成過早開放等問題。
另外美國衛生部長阿劄爾（Alex Azar II）即將訪台指揮中心指揮官陳時中表示採「外交泡泡」模式抵台後不用再居家檢疫；對此江守山則是痛批「講外交泡泡是不適當講法我們明知泡泡內不安全怎叫泡泡？」</t>
  </si>
  <si>
    <t>臺灣節目對此江守山泡泡問題比利時過度工程師認為檢驗感染表示嚴格症狀現在質疑確診外交</t>
  </si>
  <si>
    <t>零確診江守山泡泡醫師新冠肺炎</t>
  </si>
  <si>
    <t>泡泡醫師江守山肺炎確診</t>
  </si>
  <si>
    <t>當前吃出營養師肺炎免疫力</t>
  </si>
  <si>
    <t>免疫力是抗病毒的第一道防線。飲食跟免疫力息息相關防止病菌和病毒入侵從日常好好吃開始。現代人雖然大多吃得富足其實經常是熱量過剩、營養不均衡而不自知。而鞏固「內在免疫戰備系統」是抵抗細菌病毒的「</t>
  </si>
  <si>
    <t>病毒戰備系統自知免疫飲食免疫力防止病菌入侵鞏固現代人大多好吃開始不均營養過剩富足熱量其實經常息息相關防線抵抗</t>
  </si>
  <si>
    <t>免疫力是抗病毒的第一道防線。飲食跟免疫力息息相關防止病菌和病毒入侵從日常好好吃開始。
現代人雖然大多吃得富足其實經常是熱量過剩、營養不均衡而不自知。而鞏固「內在免疫戰備系統」是抵抗細菌病毒的「馬其諾防線」。董氏基金會食品營養中心主任許惠玉指出此時此刻更該攝取多樣化的飲食避免營養素缺乏為身體抵抗力打底。
吃到底關係到抗疫的哪些事情？聯新國際醫療集團聯新營養總營養師呂美寶指出吃對營養才能支持以下3種身體的免疫反應：
● 免疫細胞生成反應：身體會不斷製造各種免疫細胞和細胞荷爾蒙過程中非常需要蛋白質和足夠的能量及多種營養素支持及調節。
● 發炎反應：支持白血球攻擊外來敵人產生發炎反應。但若發炎過度且持續可能會造成組織損傷。
● 氧化反應：白血球在吞噬作用過程中會產生大量自由基以便殺死病毒但如果本身的抗氧化營養攝取不足也會造成細胞損傷。
因此讓身體免疫大軍養足戰力呂美寶認為有4大關鍵營養素：
◎維生素D
維生素D雖然稱為維生素但科學界近年來有愈來愈多論證認為它其實是一種荷爾蒙能和體內許多細胞受體結合改變細胞功能。
一份刊載在2017年《英國醫學期刊》的回顧性研究發現體內維生素D太低的人經過補充之後能降低急性呼吸道感染風險。
此外在多發性硬化症、紅斑性狼瘡的研究中也看到血液中維生素D濃度太低恐怕會提高這些自體免疫疾病的風險。
◎維生素C
維生素C能夠幫助維持上皮細胞黏膜屏障還能清除免疫大戰時產生的大量自由基以免這些自由基繼續攻擊我們的細胞。
呂美寶指出如果長期壓力大、運動過度或是抽菸會導致體內維生素C濃度低這時多吃富含維生素C的食物可幫助免疫細胞的製造以及免疫系統運作順暢。
◎維生素A
維生素A有助於維持皮膚、眼睛、呼吸道和消化道的黏膜屏障並調節基因表現讓免疫細胞功能運作正常並且製造抗體。尤其如果身體裡有足夠的維生素A能幫助維持疫苗有良好的效果。
鋅
礦物質鋅可促進上皮細胞的修復也能幫助各類免疫細胞的生成與分化、以及抗體順利製造因此體內要有足夠的鋅才能幫助多種酵素正常代謝反應讓免疫作用順利進行並清除自由基。
除了這4項關鍵營養素之外每天也要攝取足夠的優質蛋白質以及富含Omega3脂肪酸的好油可維持免疫細胞膜的結構並確保細胞的訊息傳導順暢。
另外腸道免疫系統的健康則可透過益生菌和膳食纖維相輔相成因此必須吃足蔬果。
9大好食物 增強抵抗力
高脂中小型魚類
√維生素D　√脂肪酸　√蛋白質
吃3盎司（約85克）魚肉大約有400 IU的維生素D。每週建議吃3次中小型高脂魚類例如鯖魚、秋刀魚、鮭魚等可攝取足夠的維生素D但最好少吃食物鏈頂端的大型魚類例如鮪魚、旗魚以免攝入重金屬物質。</t>
  </si>
  <si>
    <t>免疫維生素細胞營養反應足夠身體體內攝取病毒維持營養素説明製造指出蛋白質呂美寶魚類</t>
  </si>
  <si>
    <t>維生素免疫細胞細胞足夠幫助</t>
  </si>
  <si>
    <t>免疫細胞足夠維生素幫助</t>
  </si>
  <si>
    <t>eps上半年瑞基</t>
  </si>
  <si>
    <t>瑞基（4171）受惠搭上新冠防疫列車檢測產產品熱銷激勵上半年合併營收386億元歸屬母公司稅後淨利為9800萬元分別年增137％及126％EPS高達241元超越去年全年獲利。瑞基第二季歸屬於母公司稅後淨利8477</t>
  </si>
  <si>
    <t>瑞基 4171 受惠 搭上 新 冠 防疫 列車 檢測 產 產品 熱銷 激勵 上半年 合併 營 收 386億 元 歸屬 母公司 稅 後 淨利 為 9800萬 元 分別 年 增 137 及 126 eps 高 達 241 元 超越 去年 全年 獲利 瑞基 第二 季 歸屬於 母公司 稅 後 淨利 8 477</t>
  </si>
  <si>
    <t>瑞基母公司防疫列車檢測產品超越熱銷去年激勵全年上半年獲利合併淨利歸屬歸屬於eps</t>
  </si>
  <si>
    <t>瑞基（4171）受惠搭上新冠防疫列車檢測產產品熱銷激勵上半年合併營收386億元歸屬母公司稅後淨利為9800萬元分別年增137％及126％EPS高達241元超越去年全年獲利。瑞基第二季歸屬於母公司稅後淨利8477萬元分別年增234％及261％EPS達209元。
瑞基上半年各市場占比為：水產174％、畜產338％、伴侶動物5％、新冠肺炎363％。其中畜產檢測因中國市場需求持續成長較去年同期成長21倍新冠肺炎需求持續增溫。另外銷售地區則以中國337％居冠其次為中東184％、台灣171％、印尼69％、巴基斯坦4％。
瑞基表示下半年市場佈局仍以新冠肺炎檢測市場為主已積極擴產備貨7月試劑產量已提升至30萬劑朝第三季生產百萬劑目標前進。第二套試劑自動化產線為月產能100萬劑之產線廠商預計9月下旬交機第四季可投產。預期因試劑產量拉抬與正式外銷許可及製售證明取證對未來業績將大有助益。</t>
  </si>
  <si>
    <t>試劑市場檢測肺炎產量上半年持續中國畜產母公司瑞基業績未來取證證明制售</t>
  </si>
  <si>
    <t>成長瑞基肺炎畜產EPS</t>
  </si>
  <si>
    <t>成長肺炎畜產eps瑞基</t>
  </si>
  <si>
    <t>乘車宮廟啟動桃園</t>
  </si>
  <si>
    <t>新冠肺炎17日本土暴增333例桃竹苗縣市政府都加大防疫力道。桃園市宣佈天幕球場夜間停止使用新竹市將著手規畫設立社區篩檢站新竹縣則加強公共運輸業清消並要求業者做成紀錄回報。遊樂區、協力經營據點停業遊</t>
  </si>
  <si>
    <t>新竹協力本土遊樂區回報紀錄做成桃竹業者要求縣市政府經營加大運輸業防疫加強桃園宣佈</t>
  </si>
  <si>
    <t>新冠肺炎17日本土暴增333例桃竹苗縣市政府都加大防疫力道。桃園市宣佈天幕球場夜間停止使用新竹市將著手規畫設立社區篩檢站新竹縣則加強公共運輸業清消並要求業者做成紀錄回報。
遊樂區、協力經營據點停業
遊樂區部分桃園龍潭小人國和青埔Xpark水族館新竹縣六福村和小叮噹主題樂園即日起停業至28日。桃園市長鄭文燦說市立的體育場館室內型都已經關閉、戶外型也要強制戴口罩但天幕球場常有年輕朋友群聚即日起晚上不開燈、停止使用避免群聚。
他昨天也到經國轉運站及桃園大廟景福宮視察防疫情形。鄭文燦提醒桃園啟動乘車實名制、梅花座、戴口罩、禁飲食內政部也已宣佈6月8日前暫停進入宗教場所民眾務必要配合防疫。
新竹市長林智堅表示市府將著手規畫設立社區篩檢站全市公有市場18日起至5月28日一律不開放內用、禁止邊走邊吃餐食僅供外帶。文化局與民間業者協力經營據點至6月8日配合政府暫停營業包括辛志平校長故居、李克承博士故居、湖畔料亭、小兒子X新竹氣象站、新竹市玻璃工藝博物館、演藝廳1868咖啡烘焙館、將軍村開放圖書資訊園區。
防破口 協調露營區暫停營運
新竹縣有4起新冠肺炎確診個案縣府交通旅遊處長遊志祥昨率隊至高鐵新竹站稽查市區客運防疫情形指日前已發函給公共運輸業者務必加強車輛清潔消毒作業並記錄回報每班次結束即針對座椅、扶手、扶桿等處清潔消毒。同時請尖石和五峰鄉公所協調勸導兩鄉200多家露營區業者即日起能自主暫時停止營業到28日減少防疫破口已有40多家業者配合。
苗栗縣則有1所國中學生曾與台南確診者搭乘同班列車該生16日參加會考該校2班87名學生昨起停課2周。</t>
  </si>
  <si>
    <t>新竹桃園防疫業者即日起配合開放回報確診消毒清潔停止使用務必市長宣佈</t>
  </si>
  <si>
    <t>配合停止桃園加強新竹市</t>
  </si>
  <si>
    <t>新竹桃園停止加強配合</t>
  </si>
  <si>
    <t>在家高雄安心旅館招手檢疫家人居家</t>
  </si>
  <si>
    <t>新冠肺炎衝擊高市旅宿業普遍剩1至2成住房率。高市旅館公會今（31）日號召百家「親善旅館」提供居家檢疫者家人安心入住最低1000元起。另有9家加入防疫旅館行列目前700多房僅住滿一半高市觀光局將視疫情狀況</t>
  </si>
  <si>
    <t>旅館高市高市旅宿業普遍觀光局衝擊住滿住房房僅目前最低入住安心家人公會防疫行列加入提供檢疫</t>
  </si>
  <si>
    <t>新冠肺炎衝擊高市旅宿業普遍剩1至2成住房率。高市旅館公會今（31）日號召百家「親善旅館」提供居家檢疫者家人安心入住最低1000元起。另有9家加入防疫旅館行列目前700多房僅住滿一半高市觀光局將視疫情狀況徵調。
高市旅館公會理事長周文彬指出與其日需要居家檢疫的民眾入住防疫旅館恐怕增加旅館風險親善旅館更能保障旅客與員工安全公會號召108家親善旅館提供1000元、1400元、1800元不等的優惠房價。
周文彬表示入住親善旅館者必須持居家檢疫通知書等證明檔才能入住基本上若與居家檢疫者在同一戶籍通通都開放以優惠價入住。
高市觀光局長邱俊龍表示對抗此波疫情市府持續與旅宿業者、觀光公協會合作推出「月月有精采」活動3月為愛情月、4月為軍事觀光月另也提供19噸漂白水、7萬多片口罩給旅宿業。
針對高市防疫旅館需求邱俊龍指出4月8日業務從衛生局轉交到觀光局將盡全力協助媒合目前有9家防疫旅館徵得700多床但住宿率僅一半未來將視狀況徵調口袋名單還有2、3間。
邱俊龍也響應高市府發起的「暖心相守寄未來運動」他個人捐助5000元鼓勵民眾預購訂房希望在現金流短缺情況下幫助業者度過難關他也點名實踐大學高雄校區副校長丁斌首及高餐大副校長劉喜臨一同加入「暖心運動」。</t>
  </si>
  <si>
    <t>旅館防疫觀光入住高市邱俊龍居家檢疫提供公會宿業業者民眾未來市府疫情加入表示觀光局周文彬</t>
  </si>
  <si>
    <t>新冠肺炎高雄觀光旅館飯店</t>
  </si>
  <si>
    <t>肺炎高雄觀光旅館飯店</t>
  </si>
  <si>
    <t>肺炎感冒坎城影展澄清狄翁排除席琳取消</t>
  </si>
  <si>
    <t>新冠肺炎疫情蔓延讓西洋娛樂圈大地震！不少大牌藝人及年度盛會因安全考量紛紛宣佈取消或延後包含天后瑪丹娜（Madonna）、「花蝴蝶」瑪麗亞凱莉（Mariah Carey）、加拿大天后席琳狄翁（Celine Dion）的演唱會皆</t>
  </si>
  <si>
    <t>蔓延狄翁席琳疫情年度盛會安全加拿大考量紛紛carey西洋宣佈mariah取消延後蝴蝶瑪麗亞凱莉娛樂包含madonna瑪丹娜celine地震藝人</t>
  </si>
  <si>
    <t>新冠肺炎疫情蔓延讓西洋娛樂圈大地震！不少大牌藝人及年度盛會因安全考量紛紛宣佈取消或延後包含天后瑪丹娜（Madonna）、「花蝴蝶」瑪麗亞凱莉（Mariah Carey）、加拿大天后席琳狄翁（Celine Dion）的演唱會皆受波及其中席琳狄翁近來出現感冒症狀11日特別澄清非染上新冠肺炎病毒並將原訂本周舉辦的演唱會延期至今年11月。
喜劇演員亞當山德勒（Adam Sandler）即將啟程的單人脫口秀巡迴之旅臨時喊卡；各大脫口秀與深夜節目包含金獎主持人艾倫狄珍妮（Ellen Degeneres）的《艾倫秀》、英國主持人詹姆斯柯登（James Corden）的《深夜秀》、吉米法倫（Jimmy Fallon）的《今夜秀》等皆有共識全部取消觀眾至錄影現場防範群聚造成的傳染。
湯姆克魯斯（Tom Cruise）2月底在義大利威尼斯拍攝《不可能的任務7》時因疫情影響受困飯店自主管理劇組也停工撤離威尼斯已於本月8日封城《每日郵報》也於12日曝光「阿湯哥」的最新行蹤他被捕捉到在倫敦搭乘私人直升機的照片還有說有笑地跟工作人員擊拳示意。
此外迪士尼推出的漫威影集《獵鷹與酷寒戰士》也是相同命運因拍攝地捷克布拉格疫情嚴重而停工；美國福斯電視網的影集《neXt》日前才在芝加哥完成拍攝11日就驚傳劇組人員確診新冠肺炎《綜藝報》爆料該員工染病後還持續到片場工作消息一出人人自危。
疫情恐慌加劇金獎影后瑞絲薇斯朋（Reese Witherspoon）與凱莉華盛頓（Kerry Washington）原定13日舉行Hulu新劇《星星之火》（Little Fires Everywhere）首映喊停。此外全球最大的電影博覽會「CinemaCon」原定於30日至4月2日在拉斯維加斯舉行因防範疫情主辦方宣佈停辦；一票漫威明星擔任嘉賓的「ACE動漫展」也將本月20至22日於波士頓的活動延期至10月。
原訂於5月舉辦的法國坎城影展原樂觀表示活動照常進行11日影展主席皮耶李松（Pierre Lescure）向法國《費加洛報》坦承若4月情況沒有好轉今年影展就會考慮取消；年度時尚盛會「Met Gala」也正在觀望目前仍維持5月於紐約舉辦。如今新冠肺炎疫情的衝擊來勢洶洶歐美不論是影壇、歌壇還是電視圈都面臨重大考驗。</t>
  </si>
  <si>
    <t>疫情取消肺炎舉辦影集金獎拍攝包含威尼斯停工今年影展宣佈深夜劇組防範</t>
  </si>
  <si>
    <t>漫威肺炎拍攝盛會舉辦</t>
  </si>
  <si>
    <t>肺炎盛會拍攝舉辦</t>
  </si>
  <si>
    <t>病毒專家初期唾液感染</t>
  </si>
  <si>
    <t>香港有醫學機構研究發現新冠肺炎感染病患在染病初期體內就已有大量病毒容易造成廣泛的感染。該研究並建議現行的檢疫方法應擴大為深喉唾液檢測才能有效地找出處於潛伏期的患者。由香港大學講座教授袁國勇等</t>
  </si>
  <si>
    <t>研究感染患者潛伏期處於有效才能檢測香港大學唾液擴大方法檢疫發現體內染病建議初期</t>
  </si>
  <si>
    <t>香港有醫學機構研究發現新冠肺炎感染病患在染病初期體內就已有大量病毒容易造成廣泛的感染。該研究並建議現行的檢疫方法應擴大為深喉唾液檢測才能有效地找出處於潛伏期的患者。
由香港大學講座教授袁國勇等專家及瑪麗醫院專家組成的醫學研究團隊在醫學期刊《刺針》（The Lancet）發表關於新冠肺炎的研究。該團隊針對今年1月22日到2月12日被確診的患者進行研究其中發現患者在感染的第1周體內就有大量病毒不過不少個案初期症狀輕微、甚至完全沒有症狀。
該研究又發現有3分之1的確診病患其體內留存的病毒長達20多天。實驗將抽痰、驗尿以及糞便等檢驗方式進行比較當中發現病毒抗體會在感染後7至10天才出現因此在發病初期以抽血驗抗體的方法可能出現「假陰性」而唾液則含有大量的病毒研究團隊認為以唾液檢驗的成效最佳建議推廣。
該研究也指出年長的確診病患體內是平均值的10倍之多治療方式必須因應病毒的特性採用多種抗病毒藥物。
港大微生物學系臨床副教授杜啟泓表示新冠肺炎確診病患初期症狀輕微到可能只有一點喉嚨痛或不明顯的感冒徵兆民眾切勿認為因症狀不明顯就一定不是新型冠狀病毒。
杜啟泓指出與SARS不同SARS的病毒數量在染病後第2個星期才達到高峰而新型冠狀病毒的感染在社區爆發的狀況普遍原因就是一開始病人還未住院體內病毒數量就已經很高。
杜啟泓表示如果採取鼻咽檢查會造成不適感甚至可能會流鼻血以前傳統取喉嚨標本化驗會需要醫護近距離接觸病人。因此在採取這些標本時會導致病人咳嗽、打噴嚏等。這樣會使得病人傳染病毒給醫護人員的風險大增。</t>
  </si>
  <si>
    <t>病毒研究感染體內病人初期發現症狀唾液可能團隊患者確診方式表示喉嚨方法肺炎採取認為抗體標本檢驗</t>
  </si>
  <si>
    <t>病人肺炎病毒唾液大量</t>
  </si>
  <si>
    <t>肺炎病人唾液病毒</t>
  </si>
  <si>
    <t>舞廳鬆口視察解禁黃偉哲</t>
  </si>
  <si>
    <t>新冠肺炎疫情趨緩澎湖縣率先開放酒店、舞廳業者恢復營運全台都在看本島誰開第一槍台南市長黃偉哲14日下午視察北區萬象大舞廳業者做足防疫還自加實名制就盼黃偉哲開金口允諾鬆綁解禁但黃最終都沒鬆口。因</t>
  </si>
  <si>
    <t>黃偉哲舞廳業者澎湖縣率先解禁開放疫情允諾鬆綁酒店開金口本島台南市長恢復</t>
  </si>
  <si>
    <t>新冠肺炎疫情趨緩澎湖縣率先開放酒店、舞廳業者恢復營運全台都在看本島誰開第一槍台南市長黃偉哲14日下午視察北區萬象大舞廳業者做足防疫還自加實名制就盼黃偉哲開金口允諾鬆綁解禁但黃最終都沒鬆口。
因應新冠肺炎疫情全台從4月9日起宣佈舞廳、酒店等有女陪侍業者停業迄今月餘中央流行疫情指揮中心稱酒店與舞廳業只要「符合個人防線能夠做好、業者管理能力許可、主管單位的監督跟執行能力都完善」就可以解封不過全台僅澎湖縣率先開放本島尚無縣市敢開第一槍。
黃偉哲13日先突擊KTV業者發現仍有違規店家即刻開罰14日下午再到北區萬象大舞廳視察。業者事前做足準備包括店內採梅花座、桌子加增隔板工作人員戴口罩、護目鏡、量體溫、酒精消毒等並要求顧客攜帶身分證採實名制。為求官員信任還將多餘桌椅堆砌舞池當中證明暫不開放跳舞。
萬象大舞廳曾姓業者表示每月租金就要80萬基本開銷旗下少爺、小姐等上百位員工一時失去生計同業都希望政府體會從業人員苦衷趕緊開放營運。
黃偉哲視察後未鬆口何時開放他稱業者一直有復業的聲音視察後仍會視業者防疫執行是否符合中央規定。若經會勘、討論無虞未來就依標準開放。</t>
  </si>
  <si>
    <t>業者開放舞廳黃偉哲視察全台酒店疫情執行中央符合鬆口本島營運防疫能力</t>
  </si>
  <si>
    <t>北區肺炎視察解禁舞廳</t>
  </si>
  <si>
    <t>肺炎解禁視察舞廳</t>
  </si>
  <si>
    <t>確診桃園衛生局長護理院外醫學中心感染</t>
  </si>
  <si>
    <t>桃園某醫學中心加護病房護理師9日確診桃園市衛生局長王文彥說明這名護理師1周前返回臺北住家由姊姊的友人載回來但友人7日確診院方隨即安排她採檢也確診。隨即疫調病人、同事70多人全部陰性因此研判是院</t>
  </si>
  <si>
    <t>確診護理隨即桃園陰性友人同事病人院方周前病房說明王文彥衛生局長住家安排臺北返回</t>
  </si>
  <si>
    <t>桃園某醫學中心加護病房護理師9日確診桃園市衛生局長王文彥說明這名護理師1周前返回臺北住家由姊姊的友人載回來但友人7日確診院方隨即安排她採檢也確診。隨即疫調病人、同事70多人全部陰性因此研判是院外感染也進行必要隔離處置。
院方9日也說明已經全面對環境採檢清消並依中央流行疫情指揮中心的指引將護理師發病前3天的接觸者全匡列採檢隔離並自主健康監測。</t>
  </si>
  <si>
    <t>護理確診說明院方隔離中心隨即桃園友人陰性同事院外流行疫情病人感染中央指揮</t>
  </si>
  <si>
    <t>新冠肺炎台灣 護理師確診桃園</t>
  </si>
  <si>
    <t>臺灣護理肺炎確診桃園</t>
  </si>
  <si>
    <t>暫不員工唾液確診原因曝光</t>
  </si>
  <si>
    <t>鴻海土城廠今天傳出有員工確診是靠創辦人郭台銘所投資的唾液快篩機揪出。不過中央流行疫情指揮中心今天表示個案經PCR採檢後又變陰性因此目前暫時保留不予列案會再多採一次確認。指揮中心發言人莊人祥今天表</t>
  </si>
  <si>
    <t>今天中心指揮傳出員工創辦郭台銘確診投資唾液暫時目前保留陰性不予中央</t>
  </si>
  <si>
    <t>鴻海土城廠今天傳出有員工確診是靠創辦人郭台銘所投資的唾液快篩機揪出。不過中央流行疫情指揮中心今天表示個案經PCR採檢後又變陰性因此目前暫時保留不予列案會再多採一次確認。
指揮中心發言人莊人祥今天表示鴻海土城廠員工的檢體今天上午被送到衛福部昆陽實驗室進行傳統的PCR檢測發現僅有單基因N表現為陽性另一個指標基因E則為陰性由於一般認定確診者都需要雙基因陽性因此此案將先予以保留。
至於鴻海所採用的唾液快篩試劑莊人祥表示根據瞭解目前食藥署還沒通過該產品能供使用這部分需要由食藥署研判在公司內使用的合法性該陽性員工目前經PCR檢驗結果都只有單基因陽性Ct值大於30因此還會再多採檢一次確認。</t>
  </si>
  <si>
    <t>陽性目前pcr員工表示今天基因確診陰性需要使用保留唾液莊人祥指揮中心再多</t>
  </si>
  <si>
    <t>鴻海PCR陽性員工陰性</t>
  </si>
  <si>
    <t>陽性員工pcr陰性</t>
  </si>
  <si>
    <t>監獄洛杉磯肺炎隱憂首例</t>
  </si>
  <si>
    <t>加州洛杉磯蘭卡斯特（Lancaster）州立監獄的一名囚犯經新冠肺炎檢測後呈陽性反應。官員22日宣佈這是州立監獄出現的首宗新冠肺炎病例。據KTLA 5電視台22日報導這名囚犯因為3月19日告訴獄方說他覺得身體不適</t>
  </si>
  <si>
    <t>囚犯監獄肺炎檢測ktla病例宗新冠官員宣佈陽性反應出現告訴lancaster報導覺得電視臺蘭卡斯特身體洛杉磯不適加州</t>
  </si>
  <si>
    <t>加州洛杉磯蘭卡斯特（Lancaster）州立監獄的一名囚犯經新冠肺炎檢測後呈陽性反應。官員22日宣佈這是州立監獄出現的首宗新冠肺炎病例。
據KTLA 5電視台22日報導這名囚犯因為3月19日告訴獄方說他覺得身體不適當日起已隔離。接著他在3月20日檢測並於22日獲得呈陽性反應報告。不過他目前病況穩定並接受治療。
就在官員調查究竟是誰感染了這名囚犯時當局已限制獄內行動。而任何有可能遭感染的對象也將被隔離。
雖然加州州立監獄至今還沒有其他囚犯出現症狀但奇諾（Chino）加州男子監獄（California Institution for Men）兩名工作人員已感染新冠肺炎還有沙加緬度加州州立監獄（California State Prison）的兩名工作人員以及1名扶桑州立監獄（Folsom State Prison）的工作人員都受到感染。</t>
  </si>
  <si>
    <t>監獄囚犯感染加州肺炎隔離出現工作人員官員陽性反應california檢測stateprison接受治療病況目前穩定身體報告覺得</t>
  </si>
  <si>
    <t>武漢肺炎新型冠狀病毒全球加州洛杉磯</t>
  </si>
  <si>
    <t>冠狀全球病毒加州肺炎洛杉磯武漢</t>
  </si>
  <si>
    <t>解剖取得病理遺體突破</t>
  </si>
  <si>
    <t>《央視》16日晚間宣佈在國家法律政策允許下並獲得患者家屬同意之下2月16日淩晨3時許將大陸第一、二例因新冠肺炎逝世患者其捐獻遺體解剖的患者解剖工作完成已成功得到病理。同一日的18點45分大陸全國第2</t>
  </si>
  <si>
    <t>患者大陸宣佈國家得到解剖法律政策成功逝世允許肺炎獲得時許家屬淩晨同意之下晚間病理工作完成遺體</t>
  </si>
  <si>
    <t>《央視》16日晚間宣佈在國家法律政策允許下並獲得患者家屬同意之下2月16日淩晨3時許將大陸第一、二例因新冠肺炎逝世患者其捐獻遺體解剖的患者解剖工作完成已成功得到病理。
同一日的18點45分大陸全國第2例新冠肺炎逝世患者的遺體解剖工作也在金銀潭醫院順利完成這兩具解剖病理目前已被送檢。
報導中表示由解剖獲得的病理對探索新冠肺炎臨床的病理改變疾病機制等有重大幫助並能從根本上尋找新冠肺炎的致病性、致死性給未來臨床治療危重症患者提供依據。</t>
  </si>
  <si>
    <t>病理患者解剖肺炎獲得臨床工作大陸宣佈國家治療法律遺體政策允許逝世重大幫助機制晚間家屬並能</t>
  </si>
  <si>
    <t>新冠肺炎新冠肺炎大陸NCP解剖</t>
  </si>
  <si>
    <t>ncp大陸肺炎解剖</t>
  </si>
  <si>
    <t>行動前線力挺醫療臺灣購機通信網</t>
  </si>
  <si>
    <t>新冠肺炎疫情尚未平息台灣大(3045)宣佈以實際行動力挺前線醫護人員從今(22)日起到5月底醫護人員憑證申辦指定專案包括本週五將開賣的蘋果iPhone SE等新機在內均享有購機再折價2000元的優惠另外台灣</t>
  </si>
  <si>
    <t>醫護人員臺灣尚未平息享有購機新機宣佈seiphone蘋果實際行動前線從今週五包括月底憑證申辦專案疫情指定</t>
  </si>
  <si>
    <t>新冠肺炎疫情尚未平息台灣大(3045)宣佈以實際行動力挺前線醫護人員從今(22)日起到5月底醫護人員憑證申辦指定專案包括本週五將開賣的蘋果iPhone SE等新機在內均享有購機再折價2000元的優惠另外台灣大5G早鳥方案也全面升級並擴大適用對象搭配「自由選」或「好速成雙」專案者5G開台後即可再享購買5G手機折價2500元的優惠。
台灣大表示天起醫護人員憑服務醫院/診所工作證或醫療專業人員證書申辦台灣大999(含)以上指定購機專案就立即享有購機折2000元的優惠且適用於市面上所有機種以最新的iPhone SE(64GB)為例醫護人員申辦1199元資費綁約36個月再經購機優惠方案折價後就可以0元輕鬆購機並享上網與網內通話吃到飽再送900分鐘網外通話費。申辦台灣大自由選專案商品也同樣適用折價2000元的優惠。
台灣大除了力挺抗疫英雄外因應5G下半年開台今年2月率先於門市推出「4G升5G早鳥案」引發競業跟進同時也帶動用戶熱烈迴響。由於近來肺炎疫情再度升溫許多民眾持續在家辦公也讓3C商品跟著熱賣為此台灣大推出「5G早鳥案20版」從即日起至6月底擴大適用對象消費者只要申辦1399元以上資費搭配「自由選」或「好速成雙」專案5G開台後換約即享購買5G手機折價2500元的優惠。
至於即將在週五開賣的iPhone SE台灣大在上周啟動預約與預購機制根據統計預購/預約數量達到近萬支其中預購方面以黑色最受歡迎占比高達55%容量以128GB最多占了53%；預約同樣以128GB最受果粉青睞占比59%顏色部分則以黑、白兩色平分秋色各占37%。</t>
  </si>
  <si>
    <t>臺灣申辦優惠購機醫護人員專案折價適用gbiphonese預約疫情月底肺炎方案預購</t>
  </si>
  <si>
    <t>台灣大蘋果iPhoneiPhone SE新冠肺炎</t>
  </si>
  <si>
    <t>iphonese蘋果肺炎臺灣</t>
  </si>
  <si>
    <t>複賽版本nba決賽</t>
  </si>
  <si>
    <t>儘管當前美國新冠肺炎疫情仍處高峰《ESPN》薪資專家馬克斯仍然提出NBA最佳的復賽方案或版本他認為NBA最好是在7月上旬直接從本季季後賽開打等到8月中旬進行總冠軍賽下個完整82場例行賽球季才能在耶誕節開幕</t>
  </si>
  <si>
    <t>nba賽球肺炎例行疫情完整冠軍賽高峰進行espn月中薪資專家馬克斯仍然提出賽開季季最好上旬直接</t>
  </si>
  <si>
    <t>This might be the best case scenario:Early July- start of the NBA playoffsMid-August- NBA FinalsEnd of August- DraftSept 1- Start of FASept 10- Summer/fall leagueDec 10- training camp opensDec 25- regular season opens (82G)Mid-June- regular season ends
儘管當前美國新冠肺炎疫情仍處高峰《ESPN》薪資專家馬克斯仍然提出NBA最佳的復賽方案或版本他認為NBA最好是在7月上旬直接從本季季後賽開打等到8月中旬進行總冠軍賽下個完整82場例行賽球季才能在耶誕節開幕。
馬克斯提出最佳復賽版本如下：7月上旬季後賽開打、8月中旬總冠軍賽開打、8月底選秀大會、9月1日開啟自由市場、9月10日夏季或秋季聯賽、12月10日季前訓練營、12月25日新球季開幕(82場例行賽)、明年6月中旬例行賽結束。
只是馬克斯所提出的最佳復賽版本前提仍是美國新冠肺炎疫情能夠有效控制目前美國確診案例已經突破50萬大關死亡人數也破2萬人看來今年6月底之前確實毫無重新開打的可能性馬克斯的最佳復賽版本恐怕也會繼續延下去。</t>
  </si>
  <si>
    <t>馬克斯版本複賽美國nba例行提出月底月中ofthe開幕上旬startregularseason疫情肺炎冠軍賽</t>
  </si>
  <si>
    <t>復賽開打7月馬克斯版本</t>
  </si>
  <si>
    <t>複賽版本馬克斯</t>
  </si>
  <si>
    <t>縣府宣佈縣長賴峰偉團隊全球肺炎人員出國</t>
  </si>
  <si>
    <t>新冠肺炎全球延燒中央流行疫情指揮中心宣佈將日、韓旅遊提升為第二級警示澎湖縣長賴峰偉22日在防疫會議中表示目前正值防疫非常時期縣府團隊每人都是防疫人員更應上緊螺絲全力投入防疫且為降低感染風險</t>
  </si>
  <si>
    <t>防疫中央流行疫情投入全力指揮全球中心螺絲宣佈人員非常時期正值旅遊提升會議警示賴峰偉</t>
  </si>
  <si>
    <t>新冠肺炎全球延燒中央流行疫情指揮中心宣佈將日、韓旅遊提升為第二級警示澎湖縣長賴峰偉22日在防疫會議中表示目前正值防疫非常時期縣府團隊每人都是防疫人員更應上緊螺絲全力投入防疫且為降低感染風險即日起同仁禁止請假出國。
新冠肺炎疫情持續擴散各國日本確診數已達740例多例感染源不明南韓確診數更是一夕暴增142例且有群聚感染現象除了亞洲地區歐洲也無法倖免義大利1天之內確診17例並傳出首宗死亡案例疫情在世界各國持續蔓延。
繼新加坡之後中央流行疫情指揮中心宣佈日本與韓國旅遊警示提升至第二級警示目前中港澳及日本、韓國、新加坡、泰國皆被列為旅遊警示而上述都是國人喜愛旅遊的熱門國家旅客非必要前往旅遊或採取加強防護措施。
賴峰偉表示新冠肺炎盛行期間出國旅遊隨時都有感染風險萬一回澎湖傳染給家人擴散成社區傳播疫情將變得很難控制。
賴峰偉指出澎湖現在零確診個案防疫非常時期應超前部署提前防範縣府團隊人員應以身作則做為縣民示範避免出國旅遊即日起禁止同仁請假出國者。
賴峰偉說對抗新冠肺炎確保澎湖淨土希望大家共體時艱暫緩出國計畫也呼籲各鄉市公所、各駐澎湖行政機關都能規範同仁比照辦理守護澎湖鄉親健康。
新冠肺炎新冠肺炎NCP台灣澎湖</t>
  </si>
  <si>
    <t>旅遊疫情確診防疫感染賴峰偉肺炎出國日本警示同仁新加坡持續擴散表示風險人員</t>
  </si>
  <si>
    <t>澎湖肺炎旅遊新冠肺炎新冠</t>
  </si>
  <si>
    <t>旅遊肺炎</t>
  </si>
  <si>
    <t>集團處分燦坤接手</t>
  </si>
  <si>
    <t>燦坤集團從旅行業「撤退」燦坤集團旗下燦星網公告因外界經營環境變化整體營運表現未如預期持續虧損董事會決議處分所持約53％燦星國際旅行社股權預估處分投資利益約在2861萬元至1961萬元間。燦星旅亦發訊</t>
  </si>
  <si>
    <t>燦坤 集團 從 旅行 業 撤退 燦坤 集團 旗 下 燦 星 網 公告 因 外界 經營 環境 變化 整體 營運 表現 未 如 預期 持續 虧損 董事會 決議 處分 所持 約 53 燦 星 國際旅行社 股權 預估 處分 投資 利益 約 在 2861萬 元 至 1961萬 元 間 燦 星 旅 亦 發 訊</t>
  </si>
  <si>
    <t>處分集團營運表現整體變化環境預期經營持續公告外界虧損燦坤董事會決議所持投資股權利益</t>
  </si>
  <si>
    <t>燦坤集團從旅行業「撤退」燦坤集團旗下燦星網公告因外界經營環境變化整體營運表現未如預期持續虧損董事會決議處分所持約53％燦星國際旅行社股權預估處分投資利益約在2861萬元至1961萬元間。
燦星旅亦發訊息表示公司已接獲侯佑霖、鄭寶蓮等二人申報及公告之公開收購申報書並已簽訂股份買賣協議書。由於侯佑霖是亞果遊艇集團董事長旗下有亞果遊艇開發、亞澎遊艇開發、亞青海洋文創、錚儀遊艇、樂活海洋學院、亞果國際潛水等六大企業市場預測他收購燦星旅後可望結合本業進一步發展。
燦星旅行社成立於2003年是國內第一代網路旅行社主要操作行程以日本與東南亞短線團體行程為主、自由行行程為輔並兼營各種國旅行程與機票票券和旅館訂房業務。挾母集團燦坤3C連鎖門市實力燦星旅一度曾嘗試以複合店型式與燦坤3C門市合體共構希望藉此快速發展連鎖門市提高市占但開店租金與人力成本皆高且公司未獲利目前僅剩23家實體門市。
燦星旅已連續多年虧損自2015年至2018年每股虧損分別為042、178、331、296元。燦星旅2019年營收1697億元年減2445％。
今年新冠肺炎強襲旅行社與航空公司與觀光飯店是三大受災最重產業包括雄獅、鳳凰、五福、山富與易飛網等上市櫃旅行社全受到嚴重衝擊統計包括燦星旅在內的6家上市櫃旅行社2月營收總計2546億元年衰退4035％其中燦星旅2月營收年減7694％最多。資深旅遊同業認為燦星網此時處份燦星旅股權下車新冠肺炎疫情應是那「稻草」。</t>
  </si>
  <si>
    <t>旅行社門市公司集團燦坤行程遊艇公告收購包括發展連鎖處分虧損肺炎</t>
  </si>
  <si>
    <t>肺炎門市股權處分燦坤集團</t>
  </si>
  <si>
    <t>燦坤門市處分股權集團肺炎</t>
  </si>
  <si>
    <t>榮獲研發智取pcr國家新創新竹臨床中醫大</t>
  </si>
  <si>
    <t>為有效防堵新冠肺炎院內感染中醫大新竹附設醫院院長陳自諒與團隊連結產業界結合醫令條碼掃描自動報到系統研發「新冠PCR智取箱」檢驗機台不僅降低醫護人員跨單位互相接觸更大幅提升篩檢量能及便利性榮獲</t>
  </si>
  <si>
    <t>提升大幅接觸互相單位醫護人員肺炎降低團隊連結產業界新竹醫院院長結合附設機台院內中醫大條碼</t>
  </si>
  <si>
    <t>為有效防堵新冠肺炎院內感染中醫大新竹附設醫院院長陳自諒與團隊連結產業界結合醫令條碼掃描自動報到系統研發「新冠PCR智取箱」檢驗機台不僅降低醫護人員跨單位互相接觸更大幅提升篩檢量能及便利性榮獲第18屆「國家新創獎-臨床新創獎」殊榮。
陳自諒表示在疫情高峰期間為有效降低高風險員工跨單位接觸減少行政及採檢作業負擔醫檢驗科與聯毅科技合作研發的「新冠PCR智取箱」不僅可免除民眾戳鼻之苦也大幅提升PCR檢驗量能和便利性。
「新冠PCR智取箱」結合醫令條碼掃描自動報到系統製成一台零接觸自動報到領管系統可搭配醫院PCR檢驗項目以客製化模式推廣到預住院病人、陪病家屬篩檢及其他醫療院所也可以和社區檢驗所或有定期篩檢需求的學校機關簽約代檢在指定地點設置機台增進PCR廣篩效益。
陳自諒說這項科技防疫創新技術第1個優勢是透過掃碼自動取管衛教影片杯架式出口民眾自採感應式檢體回收箱等流程達成「零接觸」。
其次搭配的保存液、保冷系統及衛教影片標準化深喉唾液PCR檢體收集及前處理。再則有資訊管理系統掌握每時期篩檢狀況。具便利補管設計包括模組化系統可盤式更換line通知等而在疫情過後可擴充為不同容器的備管機。
陳自諒帶領團隊獲獎的成員有中醫大新竹附醫副院長阮春榮、檢驗科主任楊晶安、總技師林建佑、小組長張麗禎、資訊室主任謝嵩淮、助理程式設計師楊豐銘及聯毅科技處長蘇閔財等人12月17日將在臺北國際會議中心接受頒獎表揚。</t>
  </si>
  <si>
    <t>pcr檢驗系統接觸科技自動資訊疫情智取民眾新竹中醫大衛教機台影片搭配</t>
  </si>
  <si>
    <t>PCR系統新冠陳自諒自動</t>
  </si>
  <si>
    <t>陳自諒系統自動pcr</t>
  </si>
  <si>
    <t>防疫威潤市場通信網齊攻</t>
  </si>
  <si>
    <t>抓準防疫商機威潤(6465)旗下防疫品牌滅菌者聯盟UVengers宣佈於2021年開始陸續上市深紫外線系列除菌新品搶攻市場商機看好隨著新產品上市未來將將對營收成長帶來挹注。威潤因應全球防疫趨勢所創立新品牌滅菌者</t>
  </si>
  <si>
    <t>防疫上市威潤滅菌品牌搶攻市場新品紫外線商機看好帶來陸續收成挹注開始將將產品未來因應宣佈</t>
  </si>
  <si>
    <t>抓準防疫商機威潤(6465)旗下防疫品牌滅菌者聯盟UVengers宣佈於2021年開始陸續上市深紫外線系列除菌新品搶攻市場商機看好隨著新產品上市未來將將對營收成長帶來挹注。
威潤因應全球防疫趨勢所創立新品牌滅菌者聯盟UVengers於2020年第四季即推出備受好評的首款產品攜帶式除菌棒UV1。UV1外型輕巧攜帶便利搭載日本知名領導大廠旭化成60mW高功率、具有最佳除菌效果的265nm波長的深紫外線燈珠(UV-C LED)。
威潤除了與日本知名領導大廠旭化成(Asahi Kasei)簽訂合作備忘錄(MoU)研發深紫外線除菌新品外也與國內其他優良企業合作將推出大範圍場所適用的商用手提式除菌燈、工業用大型除菌產品、室內空氣除菌機以及無需淨空人員也能安心在公共空間使用的除菌吊燈等。
旭化成集團(Asahi Kasei)也點名威潤在企業執行力、市場策略及創新科技研發上的卓越表現將威潤列為下一代新品開發首要合作對象。雙方近期已簽訂MoU規劃利用旭化成最新推出之空氣除菌模組共同開發結合空氣循環裝置與深紫外線燈珠的高科技除菌產品。
環保署先前釋出「應符合室內空氣品質管理法之公告場所」草案明訂全台大專校院、社會福利機構、運輸業、商場、地區型醫院、部分政府辦公場所以及幼兒園、產後護理機構、托嬰中心等預計自110年度開始嚴加管控室內病菌濃度為此滅菌者聯盟UVengers也洞燭先機結合績優廠商研發含深紫外線燈珠技術的室內空氣除菌機可以運用在擁擠或具傳染風險的空間預計未來新產品的問市將對營收成長帶來正面的挹注。
另外威潤也將在2月26日至3月1日婦幼用品大展更設立「媽媽寶寶除菌站」讓民眾免費使用UV1將手機、寶寶等隨身物品除菌協助參觀的民眾防疫更加升級。</t>
  </si>
  <si>
    <t>產品威潤紫外線場所推出防疫化成合作研發室內空氣新品機構滅菌預計聯盟uvengersuv開始空間</t>
  </si>
  <si>
    <t>威潤UVengers新冠肺炎旭化成集團婦幼用品大展</t>
  </si>
  <si>
    <t>肺炎化成集團婦幼用品uvengers威潤大展</t>
  </si>
  <si>
    <t>川普鋅片奎寧爭議</t>
  </si>
  <si>
    <t>繼日前提出消毒水殺新冠病毒的說法後美國總統川普今天又語出驚人他坦承最近一直在服用瘧疾用藥「羥氯奎寧」(hydroxychloroquine）來預防冠狀病毒。對於「羥氯奎寧」的療效科學界指出目前仍待證實盲目推</t>
  </si>
  <si>
    <t>病毒奎寧目前指出科學界川普今天語出驚人坦承說法療效總統最近美國一直服用瘧疾消毒水用藥對於hydroxychloroquine</t>
  </si>
  <si>
    <t>繼日前提出消毒水殺新冠病毒的說法後美國總統川普今天又語出驚人他坦承最近一直在服用瘧疾用藥「羥氯奎寧」(hydroxychloroquine）來預防冠狀病毒。對於「羥氯奎寧」的療效科學界指出目前仍待證實盲目推廣恐導致深遠的危害。
川普日前提出注射消毒水殺新冠病毒的倡議後當地衛生部門處理許多因為不當接觸消毒劑而送醫的病例。川普今天主動向記者透露最近一到一個半星期以來他每天服用一顆「羥氯奎寧」以預防感染新冠病毒。川普告訴記者：「我認為這很好我聽到了很多好故事如果不好的話我會告訴你的我不會因此受到傷害的」。川普突發性爆料讓媒體錯愕追問川普是否確診？川普表示他每兩天進行檢測一次結果均為陰性服用「羥氯奎寧」只是預防感染新冠肺炎；除此之外他還服用鋅片。
今年2月一篇指「羥氯奎寧」（Hydroxychloroquine）可治療新冠肺炎（COVID-19）的中國大陸研究迅速傳播全球以美國總統川普為代表的政治人物大肆宣揚「羥氯奎寧」的神奇療效。但是科學界指出「羥氯奎寧」的療效目前仍待科學界證實盲目推廣恐導致深遠的危害。最近的研究報導使用「氯奎寧」或「羥氯奎寧」的患者出現嚴重、甚至致命的心髒病尤其是在高劑量或與某些抗生素一起使用時。美國全國過敏和傳染病研究所（NIAID）所長佛奇（Anthony Fauci）也曾指沒有科學證據證明有效。
不過川普堅信這種藥物可以安全使用。他堅稱自己與生產這種藥物的公司沒有任何經濟利益他還說：「你會驚訝地發現有多少人正在服用這種藥物尤其是前線工作人員」。</t>
  </si>
  <si>
    <t>川普奎寧服用藥物使用美國病毒最近沒有告訴研究尤其記者今天總統肺炎預防科學界危害hydroxychloroquine深遠</t>
  </si>
  <si>
    <t>川普羥氯奎寧預防新冠病毒療效</t>
  </si>
  <si>
    <t>預防奎寧病毒療效川普</t>
  </si>
  <si>
    <t>劉惠宗裁員工會可以華航</t>
  </si>
  <si>
    <t>華航衡量全球新冠肺炎疫情現況為減少公司虧損已與公司企業工會排定明（20）日下午進行勞資協商公會理事長劉惠宗表示只要不裁員什麼都可以談對於有媒體寫說工會不接受減薪兩成是錯誤報導工會主要是訴求</t>
  </si>
  <si>
    <t>工會公司肺炎疫情現況報導錯誤排定成是進行勞資協商下午公會理事長劉惠宗接受對於表示裁員可以</t>
  </si>
  <si>
    <t>華航衡量全球新冠肺炎疫情現況為減少公司虧損已與公司企業工會排定明（20）日下午進行勞資協商公會理事長劉惠宗表示只要不裁員什麼都可以談對於有媒體寫說工會不接受減薪兩成是錯誤報導工會主要是訴求主管減薪幅度一定要高於員工現在要減幾成薪公司都還沒有提出。
另每個部門狀況不同像機場客運櫃台幾乎停擺貴賓室也關了而貨運部門忙得不可開交還需要其他部門支援不可能做減班休時貨運部門減不減薪也要談。
華航人事成本約占公司營運成本136％根據民國107華航年報揭露的華航個體財報資料顯示當年用人費用（含薪資、退休金、勞建保、員工福利、董事酬勞）約為21551億元員工人數12418人平均每月薪資支出高達1793億元。華航內部分析減薪應是減基本薪以華航一個月基本薪支出約11、12億來算減薪兩成一個月可以省下2億多元減班休時部分則形同輪休無薪價狀況較為複雜。
由於華航在機場櫃台與貴賓室用了較多時薪員工因此正職員工影響較小。修護部門則是利用這段時間飛機停飛時間大幅拉長機會對飛機進行深層修護有利疫後飛航安全。 華航企業公會共有六個分會包括總公司、空服、航務、維修、臺北分公司與高雄分公司。</t>
  </si>
  <si>
    <t>華航公司部門工會員工進行公會薪資企業可以狀況貨運貴賓室支出飛機櫃檯</t>
  </si>
  <si>
    <t>就醫負責人確診指揮幼稚園中心回應新北</t>
  </si>
  <si>
    <t>新北市今日公佈沒有確診案例不過卻在下午傳出染疫幼兒園的負責人確診由於她先前身體不佳已鮮少出入幼兒園是否也是同一批群聚案。新北市衛生局表示今天接獲通知一名與幼兒園相關個案採檢PCR陽性立即啟</t>
  </si>
  <si>
    <t>幼稚園確診沒有個案相關案例通知pcr表示新北市衛生局下午今天傳出是否出入</t>
  </si>
  <si>
    <t>新北市今日公佈沒有確診案例不過卻在下午傳出染疫幼兒園的負責人確診由於她先前身體不佳已鮮少出入幼兒園是否也是同一批群聚案。新北市衛生局表示今天接獲通知一名與幼兒園相關個案採檢PCR陽性立即啟動疫調目前正在積極進行相關防疫措施詳細訊息將在明天統一公佈說明。
據瞭解她今日出現喉嚨不舒服等症狀到亞東醫院就醫時採檢確診。
據悉包括園方人員與市府相關單位都接到通知但因該名負責人近期因身體不適已鮮少到幼兒園是否為這起幼兒園群聚個案仍待衛生單位進一步釐清。
中央流行疫情指揮中心晚間回應有關北部某幼兒園案新增加一名檢驗陽性個案相關疫調尚在進行中將於明(16)日下午記者會統一說明。
★《中時新聞網》提醒您：因應新冠肺炎疫情疾管署持續加強疫情監測與邊境管制措施 如有疑似症狀請撥打：1922專線或0800-001922並依指示配戴口罩儘速就醫同時主動告知醫師旅遊史及接觸史以利及時診斷及通報。</t>
  </si>
  <si>
    <t>幼稚園相關確診疫情個案就醫症狀措施單位說明統一下午通知公佈負責人進行今日陽性身體</t>
  </si>
  <si>
    <t>負責人幼兒園確診新北新冠肺炎</t>
  </si>
  <si>
    <t>確診新北幼稚園負責人肺炎</t>
  </si>
  <si>
    <t>痊癒全家道奇簡森趕回訓練營mlb</t>
  </si>
  <si>
    <t>道奇救援王簡森(Kenley Jansen)終於回來了遲到一個多星期才向訓練營報到他自曝原因是「全家都感染新冠肺炎」。他的兒子最先出現症狀檢驗之後發現兩個小孩和簡森夫妻全都染病。簡森說：「鄭重提醒大家盡可能</t>
  </si>
  <si>
    <t>簡森jansen終於回來遲到小孩發現訓練營之後報到檢驗症狀原因出現最先全家兒子kenley肺炎感染染病全都夫妻</t>
  </si>
  <si>
    <t>道奇救援王簡森(Kenley Jansen)終於回來了遲到一個多星期才向訓練營報到他自曝原因是「全家都感染新冠肺炎」。他的兒子最先出現症狀檢驗之後發現兩個小孩和簡森夫妻全都染病。簡森說：「鄭重提醒大家盡可能隨時戴著口罩。」
簡森一家在上個月染病他自己也莫名其妙因為他一直非常小心幸運的是他們全家都已經痊癒。「我現在感覺非常棒我得病的第4天開始就好多了。」簡森家裡有健身房他養病的時候也能自己練球。
身為兩度霍夫曼獎得主上季是簡森在道奇10年表現最差的一季自責分率371跟全盛時期差別很大可能受到他心臟手術的影響。這次挺過新冠肺炎讓他更有自信「我自主訓練將近3個月了我空閒的時間都拿來訓練。」總教練羅伯茲(Dave Roberts)表示他本來也沒想好終結者的替代人選他堅信簡森能夠趕回來。</t>
  </si>
  <si>
    <t>簡森非常訓練染病肺炎全家道奇終於jansen回來遲到人選差別全盛時期分率自責可能訓練營受到替代</t>
  </si>
  <si>
    <t>簡森道奇MLB大聯盟美國</t>
  </si>
  <si>
    <t>聯盟mlb道奇簡森美國</t>
  </si>
  <si>
    <t>討論專家未經時中李秉穎</t>
  </si>
  <si>
    <t>中心專家指揮責任會議最後重申醫師李秉穎感染日前台大陳時中指揮官成員政策自行決定小組沒有小組討論</t>
  </si>
  <si>
    <t>最後管理時中決定專家中心機師檢疫加強當時指揮落實是否沒有責任辦法會議感染</t>
  </si>
  <si>
    <t>陳時中3+11李秉穎討論台灣</t>
  </si>
  <si>
    <t>臺灣李秉陳時中討論</t>
  </si>
  <si>
    <t>疫苗調度市府優先外勤分局同仁施打中和</t>
  </si>
  <si>
    <t>疫情嚴峻新北市中和警分局5名警員染疫分局立即做駐地大清消的動作分局長李建廣為避免再有同仁染疫極力爭取疫苗供第一線員警施打市府調配100劑的疫苗今（31日）優先提供給中和警分局的同仁施打。李建廣表</t>
  </si>
  <si>
    <t>分局同仁疫苗動作分局長駐地李建立即廣為避免優先調配中和市府提供第一線極力爭取</t>
  </si>
  <si>
    <t>疫情嚴峻新北市中和警分局5名警員染疫分局立即做駐地大清消的動作分局長李建廣為避免再有同仁染疫極力爭取疫苗供第一線員警施打市府調配100劑的疫苗今（31日）優先提供給中和警分局的同仁施打。
李建廣表示以第一線外勤人員願意施打優先登記登記完後造冊提供給衛生局施打人員並要求嚴謹核對確實為名單上的人員才可施打讓外勤同仁可以安心值勤。
對於有員警反映身為外勤單位人員在外執勤時長時間的接觸民眾無法確認當下所接觸的人是否為確診個案時常身在險境之中卻遲遲沒有被安排施打疫苗李建廣表示其實在疫情爆發前一直持續爭取疫苗提供同仁施打但因為當時同仁施打意願普遍不高到第二波疫情爆發後仍有持續要求同仁施打疫苗但成效不彰。
李建廣表示市府優先調度100劑疫苗先提供給第一線外勤同仁施打因中央配發第一批疫苗是優先提給防疫線上醫護人員而衛生所亦表示下若有多餘會優先給外勤同仁施打。另在警政署極力爭取後第二批的疫苗提供給員警專用疫苗將於6月1日才會送達到時會有衛生局人員協助配合並要求每個同仁完成疫苗施打。</t>
  </si>
  <si>
    <t>疫苗同仁優先施打提供人員外勤表示疫情分局要求接觸爆發市府衛生局極力爭取持續</t>
  </si>
  <si>
    <t>施打同仁優先外勤疫苗</t>
  </si>
  <si>
    <t>外勤優先施打同仁疫苗</t>
  </si>
  <si>
    <t>口罩降級資格全程政府戶外</t>
  </si>
  <si>
    <t>行政院今宣佈7/27降為二級警戒根據昨晚流出的二級指引顯示即便降為二級民眾外出仍須全程配戴口罩。對此一名網友憤怒地說強制要求繼續戴口罩根本就沒資格叫降級。相關議題引發網友討論只見指引再度落落</t>
  </si>
  <si>
    <t>網友口罩指引降為警戒討論顯示民眾外出引發議題相關降級資格全程根本配戴繼續對此要求憤怒強制昨晚</t>
  </si>
  <si>
    <t>行政院今宣佈7/27降為二級警戒根據昨晚流出的二級指引顯示即便降為二級民眾外出仍須全程配戴口罩。對此一名網友憤怒地說強制要求繼續戴口罩根本就沒資格叫降級。相關議題引發網友討論只見指引再度落落長也讓網友們忍不住酸道降級後規定又一堆「出個門還要帶小抄不然不知道自己到底有沒有違法。」
一名網友昨在PTT上發文表示在戶外空間只要不是人潮擁擠的地方脫下口罩運動、野餐呼吸一下新鮮的空氣到底是危險在什麼地方？目前確診過的案例到底有幾例是在戶外感染的指揮中心能說說看嗎？」
該網友指出都說要降為二級警戒了開放內用、室內群聚卻不開放戶外不用戴口罩讓他覺得根本就沒有道理。當然並不是說到戶外就完全不用戴口罩也是可以規定民眾進夜市、市場或其他人潮擁擠的地方必須要強制戴口罩但去公園慢跑、去爬山踏青或去海邊看海都說降二級了還有什麼資格要求戶外全程戴口罩？
該網友說二級就是擁擠、無法維持社交距離的地方才要戴口罩；三級是在戶外場所全程都要戴口罩；四級則是連室內家戶都要全程配戴口罩但如今沒有調整到戶外可維持社交距離就不用全程戴口罩就別騙人家說降級了。
該網友也崩潰直呼一想到明明降級了出去外面跑步、散步、買水和飲料也都得戴口罩無法邊走邊喝「跟我講這叫降級降XX的垃圾級」。
貼文引起熱烈討論部分網友認為不戴口罩會增加染疫風險因此為了防疫大家還是再忍耐一下；但也有網友認同原PO的話認為室內空間可以脫口罩用餐但自己去戶外爬山踏青卻要戴口罩怎麼想都怪而且降級後的規定一大堆出個門還得要帶小抄不然還真不知道自己到底有沒有違法。
昨晚流出降為二級警戒的相關指引開放超商、賣場內用許多家長關心的托嬰與補習班也都可開放但戶外仍維持全程戴口罩的規定。中央流行疫情指揮中心發言人莊人祥也證實該表格確實是指揮中心與地方開會的草案但是否定案仍在討論中有定案就會公佈。</t>
  </si>
  <si>
    <t>口罩網友戶外降級地方全程沒有規定開放到底討論降為擁擠中心指揮指引維持警戒相關</t>
  </si>
  <si>
    <t>戶外降級全程戴口罩二級警戒指引</t>
  </si>
  <si>
    <t>口罩全程警戒降級戶外指引</t>
  </si>
  <si>
    <t>全球股市星期四黑色世界</t>
  </si>
  <si>
    <t>精選《中時新聞網》5件不可不知的國際大事帶讀者掌握今天(3月13日)的國際新聞重點。【1】一天墜10趴 道瓊收跌2352點 32年來最慘股災美股週四慘遭血洗道瓊指數當日開盤時就已經重跌超過一千點中途經歷了「技術</t>
  </si>
  <si>
    <t>國際重跌已經不可不開盤當日指數大事血洗慘遭週四股災最慘今天瓊收超過新聞重點新聞網</t>
  </si>
  <si>
    <t>精選《中時新聞網》5件不可不知的國際大事帶讀者掌握今天(3月13日)的國際新聞重點。
【1】一天墜10趴 道瓊收跌2352點 32年來最慘股災
美股週四慘遭血洗道瓊指數當日開盤時就已經重跌超過一千點中途經歷了「技術性融斷」聯邦儲備局向市場溢注資金等措施都無法挽回美股直墜的趨勢收盤時三大指數皆深跌將近10%為1987年以來最嚴重的單日跌幅。
【2】黑色星期四 歐洲三大股市紛紛崩盤創紀錄
由於新冠肺炎肆虐WHO宣佈大流行加上油價重挫全球經濟受到重創各國股市滿目瘡痍。週四除了美股崩盤以外歐洲各國也難逃股災的命運特別是在川普宣佈所有從歐洲前往美國的旅客未來30天禁止入境的禁令以後歐洲3大股市同以收盤超過10%的幅度崩跌紛紛創下數十年或有史以來最慘跌勢就連歐洲中央銀行推出的護盤措施也無法阻擋賣壓湧現。
【3】法國總統宣佈 疫情才剛開始 全國學校無限期停課
法國總統艾曼紐·馬克宏(Emmanuel Macron)於週四晚間發表電視演說向法國全國民眾宣佈新冠肺炎的疫情才剛開始政府將傾全力研發對付新冠肺炎的疫苗全力整合醫療資源全國學校下週一起無限期關閉民眾有義務降低出門、減少與他人接觸的機會。
【4】菲常緊張 馬尼拉封城 杜特蒂受檢測
菲律賓總統杜特蒂3月12日晚間證實為了遏制新冠病毒肺炎在菲律賓的傳播首都馬尼拉將陸海空全面封鎖30天共封鎖17城。國際疫情不斷擴散伊朗確診者昨也突破萬人伊朗已向國際貨幣基金會緊急申請50億美元貸款抗疫這是伊朗1962年以來首次向IMF提出這樣的要求。
【5】川普抗疫採取緊急行動！美對歐封關30天 祭紓困措施
美國總統川普11日宣佈為防止疫情在美國蔓延從當地時間13日午夜起30天內美國將暫停除英國外所有歐洲國家公民前往美國的旅行並將對受新冠病毒影響的小企業和個人提供經濟救助。此外因為疫情白宮和美國國會都宣佈即日起對公眾關閉直到4月1日。</t>
  </si>
  <si>
    <t>宣佈疫情美國國際歐洲總統措施肺炎週四川普伊朗股市法國全國經濟超過以來馬尼拉</t>
  </si>
  <si>
    <t>1分鐘看世界新冠肺炎黑色星期四股災</t>
  </si>
  <si>
    <t>肺炎黑色星期四世界股災</t>
  </si>
  <si>
    <t>甩開疫情平穩價格鉛錠</t>
  </si>
  <si>
    <t>全球陷入疫情恐慌不過因鉛酸電池需求持續國內鉛錠龍頭泰銘（9927）營收與疫情連動性低今年2月單月營收年增達2865％以今年前2月與去年同期比較仍成長236％鉛錠每噸持穩在1800美元到1900美元之間盤整</t>
  </si>
  <si>
    <t>全球 陷入 疫情 恐慌 不過 因 鉛酸 電池 需求 持續 國內 鉛錠 龍頭 泰 銘 9927 營 收 與 疫情 連動 性 低 今年 2 月 單月 營 收 年 增 達 2865 以 今 年前 2 月 與 去年同期 比較 仍 成長 236 鉛錠 每 噸 持 穩 在 1800 美元 到 1 900 美元 之間 盤整</t>
  </si>
  <si>
    <t>鉛錠疫情鉛酸電池成長持續需求國內年前龍頭單月今年連動恐慌去年同期比較</t>
  </si>
  <si>
    <t>全球陷入疫情恐慌不過因鉛酸電池需求持續國內鉛錠龍頭泰銘（9927）營收與疫情連動性低今年2月單月營收年增達2865％以今年前2月與去年同期比較仍成長236％鉛錠每噸持穩在1800美元到1900美元之間盤整降低進貨觀望心理是推動營收的主要原因。
泰銘發言人童新沅11日指出泰銘鉛錠的下遊客戶製造商不是以大陸作為生產基地加上影響客戶採購鉛錠的因素仍以價格變動為主要考量因此泰銘的營收跟「新冠肺炎」（COVID-19）的連動性相對的低。
童新沅表示今年1月迄今英國倫敦金屬交易所的國際鉛錠價格相對抗跌一直持穩於每噸1800美元到1900美元的大間盤整對於吸引下遊客戶進場採購鉛錠具有信心推升作用。
國際鉛錠價格這2年來的最低價出現在2019年5月的平均價181721美元今年3月10日的價格約1859美元。
他說鉛錠買賣最擔心的是價格暴漲暴跌一旦出現恐慌性下跌客戶觀望的心理就會出現希望能夠再等價格低一點再進場不過即使價格持續跌落泰銘對長期合約的客戶也會根據市場變動的價格給予反應因此長約客戶也不會在乎短期價格的波動。
童新沅指出鉛錠作為鉛酸電池的主要材料市場需求不會間斷未來則要看全球的經濟景氣變動。</t>
  </si>
  <si>
    <t>鉛錠價格客戶今年童新沅泰銘出現變動作為持續鉛酸進場心理國際採購電池疫情觀望連動下游</t>
  </si>
  <si>
    <t>泰銘全球鉛錠童新變動</t>
  </si>
  <si>
    <t>全球童新變動鉛錠泰銘</t>
  </si>
  <si>
    <t>團體儘快餐飲業疫情陰霾</t>
  </si>
  <si>
    <t>新冠肺炎疫情蔓延餐飲業首當其衝屏東知名早午餐業者找來日曬麵廠商齊打團體戰透過品牌結盟方式推出雞湯日曬麵並攜手美食外送平臺盼將「風和日麗」送到消費者家裡一同迎接陰霾後的曙光。傳承60年的家傳掛</t>
  </si>
  <si>
    <t>日曬蔓延陰霾餐飲業迎接首當其衝一同家裡消費者知名曙光疫情午餐業者找來美食透過廠商攜手品牌齊打雞湯團體</t>
  </si>
  <si>
    <t>新冠肺炎疫情蔓延餐飲業首當其衝屏東知名早午餐業者找來日曬麵廠商齊打團體戰透過品牌結盟方式推出雞湯日曬麵並攜手美食外送平臺盼將「風和日麗」送到消費者家裡一同迎接陰霾後的曙光。
傳承60年的家傳掛麵手藝長安製麵吳冠翬說北緯235度的屏東有著全台日照最長的優點手工整麵重複碾壓堅持不速成烘乾完全透過日曬讓麵條展現最真實的筋性與韌性這飽滿的陽光也讓人每一口都感受到和風暖陽的心意。
不過受到疫情影響下游麵攤、店鋪生意直線下滑自家麵條業績也跌了超過3成。早午餐業者徐皖台坦言隨著疫情升溫餐飲業沒有生意、人走不進來讓他驚覺所有人都不能置身事外更無法像過去一樣繼續單打獨鬥。
於是決定採取品牌結盟方式並委託外送平臺推出新品日曬麵徐皖台說既然日子過得苦悶就把陽光幸福送到民眾手上因為他堅信陰霾過後還是盼得到陽光。
外送美食平臺區經理蘇子翔指出公司外送初衷便是「外送幸福」近期更力推「安心配送流程」除要求外送夥伴每日落實防疫自主檢查、定期調查外送夥伴呼吸道症狀及旅遊史並宣導無接觸送餐建立消費者、店家及外送夥伴都健康安心的配送環境。統計整個3月訂單已比過去翻倍成長。</t>
  </si>
  <si>
    <t>日曬疫情陽光夥伴平臺生意麵條幸福過去餐飲業透過陰霾徐皖台配送安心</t>
  </si>
  <si>
    <t>外送平臺日曬餐飲業疫情</t>
  </si>
  <si>
    <t>餐飲業日曬平臺疫情</t>
  </si>
  <si>
    <t>電子照辦大街年貨檢疫違規者新化</t>
  </si>
  <si>
    <t>新冠肺炎疫情升溫台南市新化年貨大街是否照辦引發民眾討論台南市副市長趙卿惠20日中午至新化區公所討論年貨大街防疫事宜時表示將以提高防疫措施方式舉辦除實聯制入場更增設電子圍籬基地台居家檢疫民眾進</t>
  </si>
  <si>
    <t>討論新化年貨大街民眾防疫基地電子升溫增設入場南市舉辦方式措施提高事宜台南居家市長趙卿惠疫情</t>
  </si>
  <si>
    <t>新冠肺炎疫情升溫台南市新化年貨大街是否照辦引發民眾討論台南市副市長趙卿惠20日中午至新化區公所討論年貨大街防疫事宜時表示將以提高防疫措施方式舉辦除實聯制入場更增設電子圍籬基地台居家檢疫民眾進入就會收到簡訊但年貨大街最後是否舉辦仍會視疫情發展狀況決定。
趙卿惠表示新化年貨大街地點比起鹽水蜂炮場域算是較可管控市府除於入口加派人手勸導戴口罩也有志工隨時巡查不配合者將勸離或開罰場內則取消飲食區及試吃希望在強化防疫措施下讓民眾安心採買年貨。
至於民眾擔心年貨大街出入口過多難以管制市府希望採買年貨的民眾從管制口進出工作人員會在民眾手上蓋章作為識別管制區內的住家將發給識別證進出。
新化在地人台南市城市文化協會理事長王榮森表示由於疫情升溫年貨大街地點附近居民多數認為應以防疫為重希望取消舉辦；但也有攤商認為景氣不好收入減少希望照常舉辦但如果要取消的話應快點宣佈以免他們貨都備了沒處賣損失更大。</t>
  </si>
  <si>
    <t>年貨民眾大街舉辦希望新化防疫取消疫情表示市府認為措施討論進出台南趙卿惠地點是否升溫採買管制</t>
  </si>
  <si>
    <t>電子圍籬新化年貨大街舉辦管制</t>
  </si>
  <si>
    <t>年貨新化大街舉辦管制電子</t>
  </si>
  <si>
    <t>症狀入境回歸取消居家模式檢疫菲律賓</t>
  </si>
  <si>
    <t>中央流行疫情指揮中心今日表示我國今(2020)年9月24日起實施自菲律賓入境旅客皆於集中檢疫場所完成檢疫並於檢疫期滿前再採檢截至11月3日已採集1294位旅客檢體其中1268位是沒有染疫有9名於檢疫期滿前採檢後</t>
  </si>
  <si>
    <t>旅客檢疫期滿中心今日表示我國指揮實施菲律賓入境截至沒有疫情集中採集</t>
  </si>
  <si>
    <t>中央流行疫情指揮中心今日表示我國今(2020)年9月24日起實施自菲律賓入境旅客皆於集中檢疫場所完成檢疫並於檢疫期滿前再採檢截至11月3日已採集1294位旅客檢體其中1268位是沒有染疫有9名於檢疫期滿前採檢後確診。不過、移工和境外學生仍維持期滿採檢不變。
指揮中心表示依國際相關研究文獻及過往案例經驗無症狀感染者經14天檢疫後之採檢結果即使為陽性其檢體幾已無法培養出病毒顯示個案已不具傳染力。但若為檢疫期滿後將至醫療機構、長照機構等提供第一線照護服務者仍須配合規定接受採檢。
指揮中心指出菲律賓近1週平均日增約2千例確診截至目前累計確診387161例。考量菲律賓疫情於8月達高峰後趨緩且檢驗陽性率亦於8月中旬起整體呈下降趨勢因此指揮中心宣佈自11月9日起自菲律賓入境旅客之檢疫措施將比照自其他第三級流行地區之入境旅客說明如下：
入境前14天內曾有症狀者(含已先自行服藥者)應主動告知機場檢疫人員並配合採檢或其他必要檢疫措施。
無症狀者依規定返家或至防疫旅宿完成14天居家檢疫於檢疫期滿後再自主健康管理7天。
至於移工、境外生等專案對象依指揮中心相關管理措施辦理。</t>
  </si>
  <si>
    <t>檢疫中心指揮期滿菲律賓旅客症狀入境措施確診規定疫情截至表示境外管理</t>
  </si>
  <si>
    <t>菲律賓模式居家檢疫新冠肺炎檢疫期滿採檢</t>
  </si>
  <si>
    <t>檢疫肺炎居家期滿模式菲律賓</t>
  </si>
  <si>
    <t>環南市民雙北市場相關鼓勵侯友宜一起北農新北</t>
  </si>
  <si>
    <t>環南市場群聚案持續延燒新北市長侯友宜今主持防疫會議表示新北市今日新增24例本土確診其中16例與北農和環南市場感染源有關新北市現在最重要是跟北市並肩作戰鼓勵雙北市民都快速出來篩檢只要能把黑數找出</t>
  </si>
  <si>
    <t>新北市場環南出來快速市民雙北鼓勵並肩作戰北市重要市長侯友宜持續現在防疫表示會議今日</t>
  </si>
  <si>
    <t>環南市場群聚案持續延燒新北市長侯友宜今主持防疫會議表示新北市今日新增24例本土確診其中16例與北農和環南市場感染源有關新北市現在最重要是跟北市並肩作戰鼓勵雙北市民都快速出來篩檢只要能把黑數找出來快速做好居家隔離、擴大匡列相信7月12日前雙北能看到好的結果。
侯友宜說今天板橋新增6人、三重土城新莊各3人、蘆洲中和各2人、永和新店樹林泰山淡水各1人新北市累計確診數6543人其中4989人已經解除隔離。
侯友宜表示今天24例中有16人與北農和環南市場有接觸史包括臺北市通報過來的12名新北市民1例自行到新北市社區篩檢站採檢出來的個案還有2例是家戶中感染總共新增16人。
侯友宜說昨天新北市總共篩檢了4033人其中有316人自述有北農和環南市場接觸史其中1人快篩陽性他還是再次強調希望大家多多來採檢雙北一起合作可以一起到板橋篩檢站來採檢阻斷隱形傳播鏈趕快把黑數找出來。
★《中時新聞網》提醒您：因應新冠肺炎疫情疾管署持續加強疫情監測與邊境管制措施 如有疑似症狀請撥打：1922專線或 0800-001922 並依指示配戴口罩儘速就醫同時主動告知醫師旅遊史及接觸史以利及時診斷及通報。</t>
  </si>
  <si>
    <t>新北侯友宜出來新增接觸市場持續環南板橋表示隔離雙北市民疫情快速感染今天</t>
  </si>
  <si>
    <t>環南市場新北市北農侯友宜採檢</t>
  </si>
  <si>
    <t>北農新北侯友宜南市</t>
  </si>
  <si>
    <t>期間羅智強疫情清算異己政府批評絕佳學者時機</t>
  </si>
  <si>
    <t>台灣科技大學教授陳致曉長期投入社會運動時常發表針砭政府言論近期卻遭匿名黑函檢舉行政院直接將公文從院長辦公室轉給教育部教育部並行文校方召開教評會討論是否解聘。臺北市議員羅智強則認為「月黑風高</t>
  </si>
  <si>
    <t>議員投入臺北市社會解聘是否運動討論時常教育部發表針砭公文政府言論直接近期行政院羅智強檢舉匿名長期</t>
  </si>
  <si>
    <t>台灣科技大學教授陳致曉長期投入社會運動時常發表針砭政府言論近期卻遭匿名黑函檢舉行政院直接將公文從院長辦公室轉給教育部教育部並行文校方召開教評會討論是否解聘。臺北市議員羅智強則認為「月黑風高清算正好」當全國正在為疫情焦心的時候民進黨清算鬥爭的黑手可沒有休息。
陳致曉表示台科大收到教育部來函公文內提到收到民眾檢舉請校方將此案提到教評會審議前先成立調查小組查證相關紀錄也必須敘明是否有違約等情形再由電資學院決議辦理；不過調查完成後如確定有違法情形得依照聘約辦理也就是有可能不續聘或停任。
談及這份公文內容陳致曉多次表達氣憤不已。
羅智強則在臉書發文表示長期聲援反台南鐵路東移的台科大老師陳致曉面臨行政院長蘇貞昌內閣施壓校方讓陳致曉面臨可能解聘的「被審查」壓力。
羅智強提到過去類似拆遷的社會議題從馬英九執政到蔡英文執政都有學者帶著民眾反對政府、進行抗爭其各有理由但有一點：「馬英九從不會去清算那些站在政府對立面的學者！馬英九從不會去清算那些站在政府對立面的學者！馬英九從不會去清算那些站在政府對立面的學者。」
羅智強指出2008年6月政大教授莊國榮因為以不堪入目的言詞辱罵馬英九、馬鶴淩遭政治大學以「有損師道」為由予以不續聘。當時馬英九請發言人表態說這個理由會讓莊國榮終身不得擔任教職逾越比例原則之後教育部也以法律程式有瑕疵為由將政大的不續聘決議予以退回。
羅智強寫道馬英九為莊國榮緩頰的這個舉動被藍營的支持者評論為「二百五」認為「當馬英九的朋友沒有好處當馬英九的敵人沒有壞處」強調「但這就是馬英九他堅持他相信的理念但他尊重反對他的人。」
「馬英九不會但是蔡英文會蘇貞昌會！」羅智強指出台科大老師陳致曉因為領導「反台南鐵路東移」的抗爭現在被民進黨重點查辦要求陳致曉交代為什麼膽敢批評政府、批評公聽會主持人、批評內政部次長。「原來學者批評政府還要解釋理由民進黨真的是秀出了下限！」
「所以你以為民進黨把防疫當最要之務？民進黨可忙的趁著防疫大家無瑕關注人權的時候正是清算異己的絕佳時機」羅智強直說：這是政治版的「月黑風高殺人放火！」</t>
  </si>
  <si>
    <t>馬英九羅智強陳致曉政府民進學者教育部清算公文提到國榮校方台科大沒有調查時候認為社會表示</t>
  </si>
  <si>
    <t>新冠肺炎台灣馬英九羅智強陳致曉</t>
  </si>
  <si>
    <t>馬英九肺炎臺灣羅智強陳致曉</t>
  </si>
  <si>
    <t>自費疫苗接種az開放院所</t>
  </si>
  <si>
    <t>國內AZ新冠疫苗打氣低迷中央流行疫情指揮中心宣佈今起開放第四類公費對象接種疫苗並從21日起開放有特殊需求的民眾自費施打疫苗收費上限500～600元不等但能否刺激打氣加速疫苗施打仍待觀察。AZ疫苗由英</t>
  </si>
  <si>
    <t>疫苗打氣施打開放az低迷指揮疫情中央中心宣佈流行加速公費收費刺激不等上限自費特殊民眾需求物件</t>
  </si>
  <si>
    <t>國內AZ新冠疫苗打氣低迷中央流行疫情指揮中心宣佈今起開放第四類公費對象接種疫苗並從21日起開放有特殊需求的民眾自費施打疫苗收費上限500～600元不等但能否刺激打氣加速疫苗施打仍待觀察。AZ疫苗由英國牛津大學與阿斯特捷利康（AstraZeneca AZ）共同研發台灣目前已取得約31萬劑其中117萬直接向廠商洽購疫苗效期至6月15日另1992萬劑則經由COVAX平臺取得疫苗效期只到5月31日。
然而國際屢傳民眾施打AZ疫苗後出現血栓事件衝擊國人對該疫苗的信心加上國內疫情平穩因此自3月22日疫苗開打以來經過3個多星期只打了2萬7000多劑接種率僅近9％指揮官陳時中也坦言以目前每天施打1、2000劑的速度要在2個月內打完這些疫苗確實很可能打不完一旦過了效期疫苗恐怕只能作廢。
●自費接種新冠疫苗　收費上限500～600元不等
為加快疫苗接種速度及疫苗涵蓋率今起再開放第四類公費對象接種疫苗包括因外交或公務需求必須出國、代表國家出國的運動員、選手等可以透過各縣市指定接種醫療院所的預約網址或專線預約接種。
考量目前公費接種對象僅開放醫事人員、中央及地方政府防疫人員、高接觸風險第一線工作人員、及因特殊情形必要出國者恐有更多不在優先公費施打的民眾也有接種需求。因此4月21日起將提供1萬劑疫苗供有特殊需求的民眾自費施打包括有商務、出國工作、留學以及就醫等人道考量者可至31家設有旅遊醫學門診的新冠疫苗接種專責醫院施打並採預約制配合醫院安排集中接種。醫學中心、區域醫院及地區醫院的每劑收費上限則分別為600元、550元及500元。
●打過疫苗　能縮短居家檢疫天數嗎？
但為何不直接開放全民公費施打加快疫苗接種速度？陳時中回應一旦開放至65歲以上長者施打疫苗人數會非常龐大目前仍保留給有較高風險直接接觸病毒者讓他們想打儘量都能打得到之後再逐步開放「但不會等太久。」
因此目前自費接種疫苗只收取第一劑的費用很可能8週後接種第二劑時政府已擴大公費接種對象屆時可能只收取80～150元的掛號費。
此外指揮中心調整國籍航空人員的檢疫措施只要完成2劑疫苗接種2週後長程航班的航空員返國後只要進行7天自主健康管理結束當天核酸檢驗陰性即解除自主管理短程航班則不須自主健康管理只要落實防疫新生活。
而一般民眾接種疫苗後能不能比照航空人員縮短返國後家檢疫的天數？陳時中表示在疫苗接種涵蓋率不夠高的情況下還是要有其他配套措施才能思考縮短檢疫天數例如有可靠的抗體檢驗測試工具。他強調打疫苗是台灣的未來式台灣要開放國門勢必要增強自我防禦力。
●避孕藥、荷爾蒙治療停藥至少28天　再評估施打疫苗
指揮中心提醒民眾疫苗接種前應與醫師討論評估相關風險後再接種；接種後應在現場休息並觀察至少30分鐘確定狀況穩定後再離開。
此外服用避孕藥與接受荷爾蒙治療為引起血栓的危險因數如欲施打疫苗建議停藥至少28天；接種疫苗後14天內如果出現呼吸困難、胸痛、持續腹痛、四肢腫脹或冰冷、持續嚴重頭痛或疼痛加劇、視力模糊、非注射部位出現不尋常出血點、紫斑等症狀應立即就醫告知疫苗接種史以釐清病因盡速診治。</t>
  </si>
  <si>
    <t>疫苗接種施打開放目前公費民眾中心人員出現檢疫直接az陳時中需求自費出國指揮物件天數</t>
  </si>
  <si>
    <t>康健雜誌AZ疫苗新冠肺炎新冠病毒疫苗</t>
  </si>
  <si>
    <t>疫苗az雜誌肺炎康健病毒</t>
  </si>
  <si>
    <t>度假感染夏威夷確診</t>
  </si>
  <si>
    <t>日本14日晚間又陸續傳出確診病例北海道、愛知縣都有人感染第3班包機返日日僑也確診感染。1月31返日的日本第3班武漢撤僑包機有145名日本人被安排在住宿設施隔離2周由於新冠肺炎的潛伏期已滿再次做病毒檢測</t>
  </si>
  <si>
    <t>日本確診包機感染潛伏期肺炎隔離設施住宿安排傳出陸續再次病例北海道愛知縣武漢</t>
  </si>
  <si>
    <t>日本14日晚間又陸續傳出確診病例北海道、愛知縣都有人感染第3班包機返日日僑也確診感染。
1月31返日的日本第3班武漢撤僑包機有145名日本人被安排在住宿設施隔離2周由於新冠肺炎的潛伏期已滿再次做病毒檢測結果有1名出現陽性反應。
此外北海道14日新增1例感染新冠狀病毒的確診病例。住在北海道的50多歲日本男性1月31日出現發燒等症狀2月4日被診斷患肺炎11日住院14日確診。
北海道正在調查其感染途徑。
愛知縣的60多歲男性14日也確診感染他於2月3日出現感冒症狀之後因有肺炎徵兆而於13日住院經病毒檢查後14日確診感染。他從1月28日至2月7日曾到夏威夷旅行8日以後在家療養。</t>
  </si>
  <si>
    <t>確診感染日本北海道肺炎出現病毒包機病例愛知縣男性症狀住院再次病毒檢測潛伏期隔離設施</t>
  </si>
  <si>
    <t>新冠肺炎確診感染北海道愛知</t>
  </si>
  <si>
    <t>確診感染北海道肺炎</t>
  </si>
  <si>
    <t>釋出善意重視郝龍斌防疫合作軍機</t>
  </si>
  <si>
    <t>大陸日前兩度軍機繞台兩岸態勢升高國民黨補選主席候選人郝龍斌今接受電台專訪表示新冠肺炎疫情蔓延兩岸積極應對陸方軍機繞台行動對台不友善也不聰明呼籲大陸多一些防疫專業多一些兩岸疫情合作絕對比</t>
  </si>
  <si>
    <t>兩岸疫情軍機大陸接受電臺郝龍斌專業專訪候選人主席表示補選防疫呼籲國民黨肺炎態勢升高蔓延陸方應對積極聰明</t>
  </si>
  <si>
    <t>大陸日前兩度軍機繞台兩岸態勢升高國民黨補選主席候選人郝龍斌今接受電台專訪表示新冠肺炎疫情蔓延兩岸積極應對陸方軍機繞台行動對台不友善也不聰明呼籲大陸多一些防疫專業多一些兩岸疫情合作絕對比軍機繞台要好郝不認同在防疫時刻有緊繃的作為存在大陸應該多釋出善意用飛機盡快送臺胞回來比起用軍機繞來來要的好。
對於兩岸態勢升高郝龍斌表示兩岸間要有偷工橋梁現在兩岸沒有共識不只把溝通橋梁拆了民進黨、共產黨都不打算重新搭起導致兩岸關係緊張兩邊應該盡快搭起橋樑共同把防疫做好。
對於兩岸僵局郝龍斌認為兩岸都應該表達善意現在大陸比我們大以大事小要能融以小事大要能忍尤其是大陸疫情遠比我們嚴重最重要的是讓我們加入WHO如果陸方做到這件事不僅是幫自己也是幫全世界否則一旦台灣變成防疫漏洞對大陸也不好多點專業少一點政治意識形態將是兩岸僵局破冰的破口。
郝龍斌話鋒一轉批評中央近期防疫荒腔走板的行為讓民眾產生恐懼導致路上人潮減少買氣很低建議民進黨政府參考SARS當年跟大陸及內部互動的經驗行政官員應該是先把下一步準備好對安定民心會很有幫助也讓民眾清楚知道政府對防疫已經準備好。
行政院昨拍板將提出600億元作為疫情紓困郝龍斌認為中央現在最重要是把疫情控制好紓困券發放民眾會覺得很高興可是無法消除民眾心理恐懼而且如果疫情不好發放紓困券就能刺激經濟成長嗎？這也是問題如何免除民眾心理恐慌應該是政府現在最該做的事情。</t>
  </si>
  <si>
    <t>兩岸大陸防疫疫情應該民眾郝龍斌現在軍機政府橋樑紓困導致作為儘快民進表示</t>
  </si>
  <si>
    <t>新冠肺炎郝龍斌國民黨主席補選防疫</t>
  </si>
  <si>
    <t>國民黨郝龍斌主席肺炎補選防疫</t>
  </si>
  <si>
    <t>轉折病例疫情湖北</t>
  </si>
  <si>
    <t>大陸自去年底爆發新冠肺炎疫情連日來確診與死亡數字不斷增高尤其湖北省病例上升快速在2月11日有了轉折。這一日湖北近10天來新增病例首次在2000例以下並連續第12天新增出院病例超過新增死亡病例；也在這一</t>
  </si>
  <si>
    <t>病例死亡新增肺炎疫情連日來確診數字不斷增高上升尤其湖北省出院爆發轉折快速湖北超過連續以下去年底大陸</t>
  </si>
  <si>
    <t>病例新增確診肺炎武漢疫情死亡出現以來湖北病毒大陸累計南山陰性檢測表示目前潛伏期</t>
  </si>
  <si>
    <t>肺炎死亡日新增鍾南山疫情</t>
  </si>
  <si>
    <t>新增南山死亡肺炎疫情</t>
  </si>
  <si>
    <t>中華商場回味穿越</t>
  </si>
  <si>
    <t>公視年度大戲《天橋上的魔術師》為重現昔日臺北中華商場面貌斥資8000萬元在新北市汐止區建地打造還原度接近百分百的「中華商場」本來劇組預計殺青後開放民眾參觀3個月但因新冠肺炎持續升溫公視擔心人潮聚集</t>
  </si>
  <si>
    <t>中華商場升溫持續肺炎橋上參觀魔術師民眾重現開放昔日殺青臺北預計汐止建地劇組面貌斥資本來新北還原打造</t>
  </si>
  <si>
    <t>公視年度大戲《天橋上的魔術師》為重現昔日臺北中華商場面貌斥資8000萬元在新北市汐止區建地打造還原度接近百分百的「中華商場」本來劇組預計殺青後開放民眾參觀3個月但因新冠肺炎持續升溫公視擔心人潮聚集導致群聚傳染現決定取消活動不再開放參觀。
公視劇組為讓觀眾身歷其境感受作者想表達的劇情、內容考究大西門區地景街貌租借雍和建設基地打造還原度接近百分百的中華商場。
雖然片場不是以永久方式建造但劇組為了讓民眾也能感受此番美景本來打算於2月底殺青後開放3個月供民眾參觀再拆除還地於雍和建設；但是因為新冠肺炎疫情持續擴大公視幾經考量後決定取消開放參觀活動。
新北市經發局表示市府是站在協助角色提供延長執照的服務最後是否開放參觀仍由公視決定他們皆予以尊重。
公視指出因片場屬於半室內空間擔心若開放後湧入大量人潮恐造成群聚感染加上中央也公開宣呼籲減少大型活動經過內部人員評議後決定取消活動於拍攝完畢後拆除片場。
公視表示雖參觀活動取消但他們會派攝影師在拆除前進去片場拍攝、紀錄「中華商場」未來有可能搭配《天橋上的魔術師》上檔以線上導覽的方式呈現給觀眾。</t>
  </si>
  <si>
    <t>開放參觀中華商場片場決定取消劇組拆除民眾活動感受魔術師橋上新北表示建設擔心人潮本來方式觀眾</t>
  </si>
  <si>
    <t>中華商場肺炎劇組片場觀眾</t>
  </si>
  <si>
    <t>觀眾劇組中華商場片場肺炎</t>
  </si>
  <si>
    <t>身亡在家惡化當務之急日新</t>
  </si>
  <si>
    <t>日本第4波新冠肺炎疫情嚴峻包括大阪等14個都道府縣今年以來至少有77人在家身亡他們多半是在居家療養、或是等待住院期間症狀惡化後喪命。日本共同社指出由於變種病毒易導致患者重症化呼籲政府當務之急是要完</t>
  </si>
  <si>
    <t>肺炎疫情嚴峻包括政府呼籲都道重症府縣患者今年以來導致至少病毒變種指出日本共同社喪命惡化在家症狀</t>
  </si>
  <si>
    <t>日本病毒變種疫情已經病床導致重症人數變異療養長者醫療超過身亡都道東京</t>
  </si>
  <si>
    <t>#新冠肺炎#全球日本在家死亡77</t>
  </si>
  <si>
    <t>全球肺炎日本在家死亡</t>
  </si>
  <si>
    <t>不退急診高燒告誡女兒李翊君生命危險</t>
  </si>
  <si>
    <t>51歲資深歌手李翊君與老公檢場育有一女王敏淳（香奈兒）頂著星二代光環於3年前拍攝《我和我的四個男人》出道。近日李翊君上節目透露女兒在美國求學時健康亮紅燈緊急掛急診後被醫生警告不能出院會有生命危險</t>
  </si>
  <si>
    <t>李翊君不能醫生警告急診女王緊急敏淳亮紅燈健康香奈兒求學星二美國光環年前女兒拍攝透露男人節目出道</t>
  </si>
  <si>
    <t>51歲資深歌手李翊君與老公檢場育有一女王敏淳（香奈兒）頂著星二代光環於3年前拍攝《我和我的四個男人》出道。近日李翊君上節目透露女兒在美國求學時健康亮紅燈緊急掛急診後被醫生警告不能出院會有生命危險李翊君一聽緊張到快暈倒急飛美將愛女接回台治療。
李翊君睽違3年將在下月舉辦演唱會日前錄節目《聚焦20》分享籌備進度也分享在美國念書的女兒香奈兒某次打電話回來告訴自己生病胃痛伴隨著高燒不退掛急診後診斷出膽結石醫生告誡她不能出院否則會有生命危險；身為母親的李翊君一聽差點昏過去趕快飛到美國將女兒接回台灣治療才結束這場驚魂記。
由於新冠肺炎嚴重女兒已經從美國回台母女倆多了許多相聚機會李翊君因保養有術主持人高文音看到她與愛女的合照忍不住甜讚像姐妹。
李翊君為了下月的演唱會積極的加強運動增加肺活量卻導致左肩舊疾復發痛到難受；她還在現場倒立練唱《萍聚》臉不紅氣不喘的完成笑稱：「姐姐有練過小朋友不要模仿喔！」</t>
  </si>
  <si>
    <t>李翊君美國女兒香奈兒愛女節目演唱會下月急診翊君治療接回醫生分享生命危險不能出院姐姐</t>
  </si>
  <si>
    <t>李翊君檢場女兒新冠肺炎美國</t>
  </si>
  <si>
    <t>女兒檢場肺炎李翊君美國</t>
  </si>
  <si>
    <t>效果口罩需要整天</t>
  </si>
  <si>
    <t>新冠肺炎疫情延燒口罩至今依舊是難以取得儘管防疫指揮官陳時中一再宣導政策與配戴時機但民眾對於病毒恐慌導致不少人幾乎全時段戴著口罩對此前衛生署長楊志良受訪時批評中央就是最大亂源的始作俑者怒嗆「</t>
  </si>
  <si>
    <t>口罩大亂中央至今批評受訪配戴時機民眾政策對於宣導病毒一再恐慌陳時中導致防疫指揮官楊志良難以署長幾乎</t>
  </si>
  <si>
    <t>新冠肺炎疫情延燒口罩至今依舊是難以取得儘管防疫指揮官陳時中一再宣導政策與配戴時機但民眾對於病毒恐慌導致不少人幾乎全時段戴著口罩對此前衛生署長楊志良受訪時批評中央就是最大亂源的始作俑者怒嗆「一星期買兩片幹嘛？全部拔下來」。
楊志良接受《遠見》訪問時對於疫情侃侃而談他表示自己進去校園時不論中小學學生幾乎不離口罩甚至看到有學生戴口罩打球打整場嚇得他直說戴口罩吸到氧氣含量的空氣變低會缺氧他也呼籲中央應以流行病學角度制定政策否則學生長期戴口罩會戴出病。
楊志良表示口罩是給長時間且會大量近距離接觸不特定人士戴的例如醫師、護理師等醫療人員除此之外就是容易接觸到大量人群的櫃台人士與門口警衛最後則是高齡慢性病患者。</t>
  </si>
  <si>
    <t>口罩學生政策對於中央疫情人士幾乎接觸表示最後宣導一再警衛陳時中星期</t>
  </si>
  <si>
    <t>醫院張麗善防線慰勞醫護</t>
  </si>
  <si>
    <t>國內出現醫護人員確診新冠肺炎個案雲林縣長張麗善為強化醫院防疫措施14日巡視縣內應變醫院除慰勉堅守崗位的醫護人員也呼籲民眾盡量以視訊或電話方式探病若要實地探視需配合實名制登記、全程戴口罩、維持</t>
  </si>
  <si>
    <t>醫院醫護人員登記配合探視實地探病方式全程個案電話肺炎林縣儘量民眾呼籲張麗善為強化防疫</t>
  </si>
  <si>
    <t>國內出現醫護人員確診新冠肺炎個案雲林縣長張麗善為強化醫院防疫措施14日巡視縣內應變醫院除慰勉堅守崗位的醫護人員也呼籲民眾盡量以視訊或電話方式探病若要實地探視需配合實名制登記、全程戴口罩、維持社交距離。
張麗善14日率縣衛生局長曾春美前往台大醫院雲林分院巡視防疫管制措施在副院長馬惠明陪同下瞭解民眾就醫防疫管制、醫院加強急救措施及負壓病房管控等情況並贈送補品為第1線醫護人員加油打氣同時提醒民眾落實防疫。
張麗善表示醫護人員站在第1線奮不顧身無私奉獻全力防護所有鄉親安全她致上最崇高敬意也請鄉親為緊繃工作1年多的醫護人員給予最溫暖的支持與體諒大家團結抗疫
張麗善說台大醫院雲林分院為雲林縣新冠肺炎的急救責任醫院在院長黃瑞仁、副院長馬惠明帶領下發揮最大的醫療診治能力讓去年奧捷旅遊團中雲林母女康復出院展現醫院堅強的實力。
對於醫院加強急救措施及負壓病房管控馬惠明認為照顧確診病患最危險在於2個步驟第1是氣管插管第2是穿脫隔離衣雲林分院在這部分做了許多前瞻部署日前還獲SNQ國家醫療品質標章「戰疫有功獎」認證院方會持續努力與縣民共同抗疫。</t>
  </si>
  <si>
    <t>醫護人員醫院防疫張麗善民眾雲林分院措施惠明醫療鄉親急救確診台大醫院院長管制林縣巡視</t>
  </si>
  <si>
    <t>急救措施醫護人員張麗善肺炎醫院</t>
  </si>
  <si>
    <t>措施醫護人員張麗善肺炎醫院急救</t>
  </si>
  <si>
    <t>菲律賓工作境外返台新增確診</t>
  </si>
  <si>
    <t>中央流行疫情指揮中心今公佈國內新增2例新冠肺炎境外移入病例分別為20多歲女性(案453)及40多歲男性(案454)均自菲律賓返國。國內目前累計454例確診分別為363例境外移入55例本土病例及36例敦睦艦隊。疫情中</t>
  </si>
  <si>
    <t>國內病例疫情分別境外中心公佈返國新增目前肺炎指揮菲律賓男性本土累計女性確診艦隊敦睦流行中央</t>
  </si>
  <si>
    <t>中央流行疫情指揮中心今公佈國內新增2例新冠肺炎境外移入病例分別為20多歲女性(案453)及40多歲男性(案454)均自菲律賓返國。國內目前累計454例確診分別為363例境外移入55例本土病例及36例敦睦艦隊。
疫情中心發言人莊人祥表示案453於去年12月下旬至菲律賓工作7月14日出現倦怠、喉嚨痛、咳嗽有痰及鼻塞等症狀7月15日返國入境時主動告知有不適症狀由機場檢疫人員安排採檢後送至集中檢疫所隔離於今日確診。衛生單位已掌握接觸者共2人其中1人為案453於菲律賓當地的同住室友預計今日返台入境後將列為居家隔離對象另1人為案453同班機前後二排乘客列為居家隔離對象。另針對6名未入境之同班機機組員將透過國際衛生條例國家對口單位(IHR)通知相關國家。
另案454今年1月下旬至菲律賓工作分別於7月11日及13日出現發燒、嗅覺異常及伴隨感冒症狀7月15日返國入境時主動告知有相關症狀由機場檢疫人員安排採檢後送至集中檢疫所隔離於今日確診。衛生單位已掌握接觸者共24人其中12人為同班機前後二排乘客列為居家隔離對象12人為同班機機組員因全程有適當防護列為自主健康管理對象。
莊人祥強調全球疫情快速上升7月16日新增病例逾24萬例創新高。鄰近我國的印尼與菲律賓自疫情爆發以來持續上升但仍未達到高峰；其中菲律賓疫情嚴峻但未重新實施較嚴格的管制措施。此外近期日本、澳洲、香港等均因逐步鬆綁限制措施致疫情於酒店、校園、大型聚會等具風險場域爆發群聚大幅提升社區感染風險。
指揮中心再次提醒民眾應做好手部衛生與咳嗽禮節；外出若無法與他人保持社交距離請全程佩戴口罩。自國外入境時如有發燒、咳嗽等不適症狀應主動通報機場及港口檢疫人員並配合防疫措施。</t>
  </si>
  <si>
    <t>疫情菲律賓入境衛生中心症狀咳嗽措施病例列為班機隔離爆發分別返國風險全程今日相關指揮新增檢疫</t>
  </si>
  <si>
    <t>境外移入新冠肺炎生活台灣健康</t>
  </si>
  <si>
    <t>肺炎生活臺灣境外健康</t>
  </si>
  <si>
    <t>倫敦疫情祖兒力歌迷失望</t>
  </si>
  <si>
    <t>容祖兒近期在歐洲舉辦巡演荷蘭及倫敦的演出未受新冠肺炎疫情影響但她此行未帶大病初癒、抵抗力弱的媽媽隨行「媽媽不出門以策安全她知道同事會照顧我有叫我要加油」；對於疫情嚴重仍無畏風險飛去開唱容</t>
  </si>
  <si>
    <t>疫情媽媽舉辦風險巡演無畏荷蘭以策安全知道同事倫敦嚴重照顧演出對於加油帶大影響</t>
  </si>
  <si>
    <t>容祖兒近期在歐洲舉辦巡演荷蘭及倫敦的演出未受新冠肺炎疫情影響但她此行未帶大病初癒、抵抗力弱的媽媽隨行「媽媽不出門以策安全她知道同事會照顧我有叫我要加油」；對於疫情嚴重仍無畏風險飛去開唱容祖兒說：「海外歌迷這麼疼我他們期待很久了我不希望讓大家失望！」
容祖兒坦言這次出發前心裡難免緊張但為了不失約歌迷她做好防疫準備便飛往歐洲「自己可以做的就盡力去做也希望大家看完秀、人人都高興所有人都能百毒不侵、疫情也趕快過去有機會再回去跟大家見面」！返回香港後她也會採取自主隔離防疫。
出道20年的容祖兒此次在倫敦的殿堂級劇院The London Palladium順利完成演唱會更趕赴巴黎欣賞瑪丹娜於當地舉辦的演唱會佩服瑪丹娜即便扭傷腰骨依然站在舞臺上展現驚人魄力「她對音樂、舞臺表演的堅持和毅力無法形容那種感動」期許自己向偶像看齊下個20年繼續在舞臺上發光發亮。</t>
  </si>
  <si>
    <t>祖兒疫情舞臺倫敦希望歌迷防疫舉辦演唱會歐洲瑪丹娜媽媽繼續期許感動偶像表演堅持無法形容毅力</t>
  </si>
  <si>
    <t>容祖兒倫敦容祖兒演唱會新冠肺炎武漢肺炎</t>
  </si>
  <si>
    <t>演唱會祖兒肺炎武漢倫敦</t>
  </si>
  <si>
    <t>注意疫苗注射族群尿酸引發特殊症狀打過</t>
  </si>
  <si>
    <t>國內的新冠疫苗陸續到位能接種的年齡層也慢慢往下開放國外曾報導：有過去施打玻尿酸等填充物的患者在打完新冠疫苗之後發生嘴唇紅腫等狀況而前來就醫。●疫苗引起身體發炎導致皮膚專科醫師鄭惠文表示根據國</t>
  </si>
  <si>
    <t>疫苗專科皮膚導致發炎身體引起醫師國外開放報導慢慢就醫過去年齡層施打玻前來尿酸接種狀況陸續填充物嘴唇</t>
  </si>
  <si>
    <t>國內的新冠疫苗陸續到位能接種的年齡層也慢慢往下開放國外曾報導：有過去施打玻尿酸等填充物的患者在打完新冠疫苗之後發生嘴唇紅腫等狀況而前來就醫。
●疫苗引起身體發炎導致
皮膚專科醫師鄭惠文表示根據國美容整形外科學會（ASAPS）指出曾經在臉上有注射填充物的民眾在接受疫苗接種後身體出現了紅腫以及發炎反應甚至還有人出現嘴唇腫大的情形。雖然這種情況發生的機率不是很高但隨著國人施打新冠疫苗的人數越來越多未來有可能會有此類狀況發生在此先讓民眾瞭解新冠疫苗可能引發的皮膚症狀。
除了過去有做過醫美填充物的民眾要特別注意之外本身有免疫問題抵抗力較低下的族群在接受疫苗注射後也可能出現帶狀皰疹再度活化的情形。
另外施打疫苗可能出現的皮膚紅腫發炎情況一定要和蜂窩性組織炎作檢別診斷以免錯失黃金治療時期。要特別提醒的還有若因打疫苗引起紅腫不適而擦拭外用藥膏的話也得小心會引發接觸性皮膚炎的問題若發炎症狀持續或原有的皮膚問題持續惡化建議盡速就醫。
●疫苗利大於弊 若不良反應持續惡化1周 盡速就醫
鄭惠文指出注射新冠疫苗回家之後如果感覺施打部位紅腫疼痛可適時冰敷緩解症狀。此外建議加強肌膚的保濕修復工作或是使用含有消炎成分如甘草萃取（LICORICE）等保養品擦拭若感覺癢癢的時候盡量以拍打方式來止癢。
至於哪些狀況下需要就醫治療呢？鄭惠文進一步說明當癢感無法控制住且已經影響了日常生活時；還有皮膚症狀的範圍大到分不輕界線的時候；另外當這些皮膚不良反應症狀超過一周沒有轉好的情況下都建議立刻就醫讓醫師來診斷並治療。
鄭惠文強調以上所述的皮膚不良反應皆屬於施打新冠疫苗後可能發生的症狀疫苗對身體的好處利大於弊千萬不要因為擔憂這些不良反應而拒絕施打疫苗。</t>
  </si>
  <si>
    <t>疫苗皮膚症狀紅腫就醫鄭惠文不良反應可能發生發炎還有建議情況治療出現填充物狀況民眾身體注射施打問題擦拭感覺</t>
  </si>
  <si>
    <t>常春月刊新冠疫苗新冠肺炎台灣波尿酸</t>
  </si>
  <si>
    <t>疫苗臺灣肺炎常春月刊尿酸</t>
  </si>
  <si>
    <t>跨步廠商人體研發試驗疫苗</t>
  </si>
  <si>
    <t>新冠肺炎疫情蔓延各國均寄望疫苗研發終結疫情疫情指揮中心指揮官陳時中表示政府已組成「醫院國家隊」協助廠商以降低人體臨床試驗收集病人所需時間同時給予研發經費日前已有一家國內廠商提出人體臨床試驗</t>
  </si>
  <si>
    <t>疫情研發廠商人體臨床蔓延試驗陳時中表示政府組成時間醫院收集給予經費病人日前國家隊降低一家協助國內疫苗</t>
  </si>
  <si>
    <t>新冠肺炎疫情蔓延各國均寄望疫苗研發終結疫情疫情指揮中心指揮官陳時中表示政府已組成「醫院國家隊」協助廠商以降低人體臨床試驗收集病人所需時間同時給予研發經費日前已有一家國內廠商提出人體臨床試驗計畫並積極展開作業；不過邊境檢驗仍將維持現狀不以廣篩取代居家檢疫。
陳時中指出政府已訂定縮短疫苗相關臨床實驗時間及緊急使用時機的相關法令也將提供經政府評定的3~4家疫苗廠商研發經費補助未來一旦進入人體臨床實驗時醫院國家隊也可以迅速給予臨床病患收集的協助。另外政府也精選國外進展快又好的疫苗並預先採購以保證國內可以使用。
日籍女學生返日入境時確診新冠肺炎引發國內要求政府廣篩的聲浪；昨日疫情中心例行記者會中陳時中以發生群聚案件的華航班機及敦睦艦隊為例指第一時間全面採檢即便全部是陰性也不見得就是沒有感染隔離檢疫也很重要。
至於指揮中心對日籍女學生在台123位接觸者進行血清抗體檢驗疫情指揮中心發言人莊人祥表示目前完成67名結果都是陰性。</t>
  </si>
  <si>
    <t>政府疫苗疫情中心國內研發廠商人體指揮臨床檢疫檢驗陳時中可以臨床實驗日籍學生使用表示經費時間給予協助醫院</t>
  </si>
  <si>
    <t>陳時中疫苗國家隊肺炎廠商</t>
  </si>
  <si>
    <t>國家隊肺炎廠商陳時中疫苗</t>
  </si>
  <si>
    <t>排除輕生居檢</t>
  </si>
  <si>
    <t>高市驚傳第2起居家檢疫者死亡家住林園區40多歲婦人從上海搭機返台在自宅居家檢疫未料21日居家檢疫第5天被發現在家輕生身亡22日經採檢結果為陰性排除感染新冠肺炎檢察官相驗後也證實婦人為輕生。高市衛生局</t>
  </si>
  <si>
    <t>檢疫居家婦人輕生證實肺炎檢察官感染排除陰性結果日經發現身亡在家死亡園區上海返台</t>
  </si>
  <si>
    <t>高市驚傳第2起居家檢疫者死亡家住林園區40多歲婦人從上海搭機返台在自宅居家檢疫未料21日居家檢疫第5天被發現在家輕生身亡22日經採檢結果為陰性排除感染新冠肺炎檢察官相驗後也證實婦人為輕生。
高市衛生局指出該婦女平日在國外工作16日從上海搭機返台在林園住家進行居家檢疫期間除與家人有經常性聯絡外裡幹事也有依照規定執行例行性訪查個案並未向裡幹事主述身心病痛或困擾。
高雄市長陳其邁表示高雄目前有2000多位居家檢疫民眾他指示衛生局多打電話關懷讓居家檢疫民眾更能感受人味減少遺憾發生機率若人力不足市府也會設法增加。
這是高雄第二起民眾在居家檢疫期間死亡個案。上一起是一名8月30日自大陸返台的婦女在居家檢疫期滿前一天被家人發現在美濃住所身亡但採檢結果為陰性死因與新冠肺炎無關。
中央流行疫情指揮中心發言人莊人祥指出現在不管大流行期間或不是流行期間只要有人意外死亡 檢警一定會看遺體再決定是否做疑似病例通報這是一定的流程指揮中心尊重地檢署、法醫的權責不是每一位居家檢疫死亡的人都跟新冠肺炎有關必須先釐清這個問題。但因為還是屬於疫情期間因此還是會採檢。全國各縣市自殺防治專線1925</t>
  </si>
  <si>
    <t>檢疫居家期間死亡肺炎民眾高雄個案返台一定指出流行婦人輕生指揮中心衛生局婦女疫情家人發現</t>
  </si>
  <si>
    <t>採檢輕生肺炎檢疫死亡</t>
  </si>
  <si>
    <t>肺炎輕生檢疫死亡</t>
  </si>
  <si>
    <t>《基金》美股逢低撿便宜看好軟體、網安、FinTech等趨勢成長股</t>
  </si>
  <si>
    <t>撿便宜看好fintech趨勢基金成長</t>
  </si>
  <si>
    <t>在新冠肺炎（COVID-19）持續擴散下美股因近期也面臨回檔修正壓力2個交易日重挫近2000點展望後市台新智慧生活基金經理人蘇聖峰表示美股基本面優於其他市場如製造業ISM重回榮枯線50企業第四季財報獲利亮</t>
  </si>
  <si>
    <t>四季持續企業擴散近期ism面臨製造業生活智慧台新修正金經理壓力蘇聖峰回檔優於後市covid-</t>
  </si>
  <si>
    <t>在新冠肺炎（COVID-19）持續擴散下美股因近期也面臨回檔修正壓力2個交易日重挫近2000點展望後市台新智慧生活基金經理人蘇聖峰表示美股基本面優於其他市場如製造業ISM重回榮枯線50企業第四季財報獲利亮眼且指標個股展望佳加上低利環境不變美股因具報酬較高優勢吸引力高預期美股後市仍有漲升行情可期短線若遇較大回檔皆是買點看好軟體、網路安全、FinTech、電競娛樂、共用經濟等趨勢成長股。
蘇聖峰指出預期新冠肺炎對於今年全球GDP影響輕微股市承接力道強勁市場普遍共識認為第一季的經濟損失會在第二季獲得部分彌補。不過由於第一季經濟下行壓力增加全球央行貨幣政策有望更寬鬆帶動經濟復甦。美國基本面為全球相對突出的S&amp;P500企業去年第四季企業獲利優於預期比例達70%以上資訊科技類股是今年以來唯一獲利上修的類股仍為盤面主流；尤其科技龍頭大廠Apple、Amazon、Microsoft、Tesla等財報與展望佳將帶動美國科技相關基金後市表現。
蘇聖峰表示科技股擁有五大利基仍是未來美股的領頭羊包括：一、科技、通訊、生技等類股受疫情影響小在恐慌性殺盤後將有顯著反彈；二、5G、AI、雲端等新興產業成長題材豐富；三、2020年IT支出調查：IT業者願意增加投資的企業為89%大型科技股動能不變；四、軟體股有更多題材：疫情對於軟體股影響小且網路安全、容器效能監控、資料處理、DevOps、雲通訊與客戶使用者體驗是許多公司的優先項目；五、強勢美元影響減弱有利出口及匯兌。</t>
  </si>
  <si>
    <t>影響科技企業經濟後市全球展望蘇聖峰預期獲利市場通訊成長壓力回檔增加基本帶動優於</t>
  </si>
  <si>
    <t>新冠肺炎蘇聖峰軟體網路安全FinTech</t>
  </si>
  <si>
    <t>蘇聖峰網路肺炎安全fintech</t>
  </si>
  <si>
    <t>苗栗病床隔離肺炎醫療區域因應</t>
  </si>
  <si>
    <t>苗栗縣政府衛生局11日在苗栗縣議會進行專案報告針對「因應嚴重特殊傳染性肺炎疫情」說明新冠肺炎防疫措施。其中苗栗縣有8床負壓隔離病床引發議員關注。衛生局長張蕊仙說明因應大型感染事件清空計畫可收治236</t>
  </si>
  <si>
    <t>苗栗縣因應說明肺炎事件議會感染進行專案病床引發隔離蕊仙報告議員衛生局長措施嚴重關注防疫特殊傳染性</t>
  </si>
  <si>
    <t>苗栗縣政府衛生局11日在苗栗縣議會進行專案報告針對「因應嚴重特殊傳染性肺炎疫情」說明新冠肺炎防疫措施。其中苗栗縣有8床負壓隔離病床引發議員關注。衛生局長張蕊仙說明因應大型感染事件清空計畫可收治236床。
苗栗疫情監測為0確診張蕊仙說明累計至10日苗栗縣居家檢疫共591人、解除檢疫有472人、檢疫中有119人居家隔離則計12人、解除隔離有10人、居家隔離中2人。目前為止苗栗縣針對違反居家隔離者共有4例各開罰1萬元。
針對縣內只有8床負壓隔離病床議員陳品安、羅貴星擔心若遇社區感染爆發恐無法因應。張蕊仙說明苗栗8床負壓隔離病床外透過清空計畫可收治236床強調苗栗不是單兵作戰若疫情拉高還有醫療區域網可請求支援與協助。
另議員黎煥強、陳光軒、張淑芬、許櫻萍、劉順松等人關心校園防疫發現有學校是到教室才量體溫擔心成防疫破口盼有統一、標準作法並添購紅外線熱顯像儀節省人力。張蕊仙表示尊重做法並回歸教育處執行。</t>
  </si>
  <si>
    <t>說明苗栗縣隔離張蕊仙防疫苗栗議員疫情居家擔心因應感染病床肺炎尊重表示人力節省</t>
  </si>
  <si>
    <t>新冠肺炎苗栗苗栗縣議會苗栗縣政府衛生局防疫</t>
  </si>
  <si>
    <t>苗栗苗栗縣議會衛生局肺炎縣政府防疫</t>
  </si>
  <si>
    <t>亂象市府首日分流檢討市場</t>
  </si>
  <si>
    <t>高市府祭出傳統市場分流管制今（1）日是第一天但各地市場屢爆亂象包括出入口「塞車」、市場外的攤商不受控、市場攤商怨遭流動攤販搶生意等。對此高市府認了允諾將檢討因應。高市經發局長廖泰翔指出今天</t>
  </si>
  <si>
    <t>市場市府高市經因應檢討允諾局長分流對此出入口生意塞車流動攤販廖泰翔管制</t>
  </si>
  <si>
    <t>高市府祭出傳統市場分流管制今（1）日是第一天但各地市場屢爆亂象包括出入口「塞車」、市場外的攤商不受控、市場攤商怨遭流動攤販搶生意等。對此高市府認了允諾將檢討因應。
高市經發局長廖泰翔指出今天從早上7點開始由3位副市長帶領數10位局處首長等到市場、攤集場稽查的確發現一些問題中午已彙整狀況將重新擬定一版分流管控措施加強整體效率。
針對有攤商認為開放式市場會搶走有範圍市場的生意直言生意差了很多。廖泰翔回應將強化外部攤商也進行實聯制管控並透過市場管理員、區公所、員警一起協助未來方向希望落實每個攤販都要有實聯制。
廖泰翔說至於有些市場人流多假設出入口有壅塞狀況會重新調整各個出入口設計針對缺失部分會持續檢討改進讓整體效率更加順暢也希望民眾在這3天勸導期內分身分證尾數單號週三、五、日；雙號週二、四、六等時間去採買現在必須團結防疫減少聚集。
陳其邁也再三呼籲希望民眾出門採買一次購足外部攤商亂象部分也會做管理最重要的是戴口罩人不該過度擁擠如果大家都知道該這樣處理在菜市場部分就能夠做到減少群聚感染風險也特別感謝市民及攤商的配合。</t>
  </si>
  <si>
    <t>高 市府 祭出 傳統 市場 分流 管制 今 1 日 是 第一 天 但 各地 市場 屢 爆 亂象 包括 出入口 塞車 市場 外 的 攤 商 不受 控 市場 攤 商 怨 遭 流動 攤販 搶 生意 等 對此 高 市府 認 了 允諾 將 檢討 因應 高 市 經 發 局長 廖泰翔 指出 今天 從 早上 7 點 開始 由 3 位 副 市長 帶領 數 10 位 局 處 首長 等到 市場 攤 集 場 稽查 的確 發現 一些 問題 中午 已 匯 整 狀況 將 重新 擬定 一 版 分流管 控 措施 加強 整體 效率 針對 有 攤 商 認為 開放式 市場 會 搶走 有 範圍 市場 的 生意 直言 生意 差 了 很多 廖泰翔 回應 將 強化 外部 攤 商 也 進行 實 聯 制管 控 並 透過 市場 管理員 區公所 員警 一起 協助 未來 方向 希望 落實 每個 攤販 都 要 有 實 聯 制 廖泰翔 說 至於 有些 市場 人流 多 假設 出入口 有 壅 塞 狀況 會 重新 調整 各個 出入口 設計 針對 缺失 部分 會 持續 檢討 改進 讓 整體 效率 更加 順暢 也 希望 民眾 在 這 3 天 勸導 期內分 身分 證 尾數 單號 週三 五 日 雙號 週二 四六 等 時間 去 採買 現在 必須 團結 防疫 減少 聚集 陳其邁 也 再三 呼籲 希望 民眾 出門 採買 一 次 購 足 外部 攤 商 亂象 部分 也 會 做 管理 最 重要 的 是 戴 口罩 人 不該 過度 擁擠 如果 大家 都 知道 該 這樣 處理 在 菜市場 部分 就 能夠 做到 減少 群 聚 感染 風險 也 特別感謝 市民 及 攤 商 的 配合</t>
  </si>
  <si>
    <t>市場廖泰翔部分希望出入口採買生意減少檢討攤販重新民眾整體亂象效率狀況外部</t>
  </si>
  <si>
    <t>新冠肺炎台灣市場攤商亂象</t>
  </si>
  <si>
    <t>臺灣市場肺炎亂象</t>
  </si>
  <si>
    <t>【信民播客】龍觀點EP19｜不習慣戴口罩球賽照辦新冠肺炎歐美即將大流行！</t>
  </si>
  <si>
    <t>肺炎觀點ep照辦習慣球賽口罩歐美即將流行</t>
  </si>
  <si>
    <t>肺炎疫情造成生活種種不便到底疫情何時結束或緩和？是大家所關注的。而現在各界最擔心的已不是中國的疫情反倒是海外連環爆一發不可收拾。南韓、義大利和伊朗都上演疫情大爆發各有幾千宗確診個案美國和歐洲</t>
  </si>
  <si>
    <t>疫情爆發結束上演緩和伊朗關注已不義大利南韓一發不可收確診海外不便到底現在擔心中國個案反倒生活美國造成歐洲</t>
  </si>
  <si>
    <t>肺炎疫情造成生活種種不便到底疫情何時結束或緩和？是大家所關注的。而現在各界最擔心的已不是中國的疫情反倒是海外連環爆一發不可收拾。南韓、義大利和伊朗都上演疫情大爆發各有幾千宗確診個案美國和歐洲多國也出現蔓延趨勢況且歐美人不習慣戴口罩大型活動又照辦情況絕不樂觀。
另外今天許多人應有收到前中研院院長翁啟惠發送的資訊內容是美國非常著名的UCSD傳染病學教授和醫生詹姆斯·羅伯（James Robb）通過電子郵件發送一封公開信標題為「我為即將到來的冠狀病毒大流行所採取的措施」他研判新冠肺炎最有可能在3月中旬至4月中旬在美國廣泛傳播也在信中建議諸項預防措施我們就在今日的節目中與各位分享。</t>
  </si>
  <si>
    <t>疫情美國肺炎諸項情況絕不照辦樂觀今天大型活動建議口罩應有收到robb電子郵件發送習慣james公開信詹姆斯·羅伯</t>
  </si>
  <si>
    <t>疫情習慣戴口罩照辦新冠肺炎</t>
  </si>
  <si>
    <t>口罩照辦習慣肺炎疫情</t>
  </si>
  <si>
    <t>口罩王任賢自保民眾洗手</t>
  </si>
  <si>
    <t>全台疫情嚴峻中央與地方政府除公佈疫調足跡每天都有新的規範籲民眾遵守對此防疫專家、中華民國防疫學會理事長王任賢直指規範的做不到稽核就是口號、偽三級防疫他呼籲民眾近日少群聚一出家門就口罩戴</t>
  </si>
  <si>
    <t>防疫規範民眾地方政府出家公佈少群聚近日足跡中央呼籲就是遵守理事長口號王任賢直指稽核嚴峻</t>
  </si>
  <si>
    <t>全台疫情嚴峻中央與地方政府除公佈疫調足跡每天都有新的規範籲民眾遵守對此防疫專家、中華民國防疫學會理事長王任賢直指規範的做不到稽核就是口號、偽三級防疫他呼籲民眾近日少群聚一出家門就口罩戴好戴滿摸口鼻前一定落實手部衛生才能自保。
王任賢坦言近日確診人數不斷增加是正常的現象如以雙北提升至三級防疫警戒做為政府開始進行幹預政策分界點之後因為廣篩可以將先前？型傳播鏈的感染者找出來因而兩周內確診數增加是正常的現象但如果兩周後新增確診人數仍未下降就是政府的幹預政策是玩假的、無效的；但如果是那樣台灣社會將付出相當大的代價。
他說檢視近日中央流行疫情指揮中心以及各地方政府提出的因應作為不是規範商家、民眾而不是有具體、強有力的稽核與落實作為疫情走向令人擔憂。
因而王任賢建議民眾在疫情未見趨緩前少群聚出門口罩戴好戴滿且無論在家或出外進食、摸口鼻前一定要澈底做好手部清潔。</t>
  </si>
  <si>
    <t>民眾政府防疫近日疫情規範確診落實稽核作為王任賢少群聚中央地方人數政策干預手部一定增加正常現象</t>
  </si>
  <si>
    <t>新冠肺炎台灣王任賢民眾戴好戴滿</t>
  </si>
  <si>
    <t>王任賢臺灣民眾肺炎戴好戴滿</t>
  </si>
  <si>
    <t>掀起聯盟政策八國聯軍國家論戰西方</t>
  </si>
  <si>
    <t>大陸近年來在軍事、經濟和外交上採取強硬競爭態勢新冠疫情期間更使用令人側目的「戰狼外交」許多西方國家聲稱感受到威脅也引來越來越多的西方政界人士呼籲聯手應對中國大陸的挑戰。日前以美歐國家為主所組成的</t>
  </si>
  <si>
    <t>外交西方國家大陸日前態勢採取疫情強硬期間競爭挑戰使用中國應對聯手政界人士呼籲目的越來越引來</t>
  </si>
  <si>
    <t>大陸近年來在軍事、經濟和外交上採取強硬競爭態勢新冠疫情期間更使用令人側目的「戰狼外交」許多西方國家聲稱感受到威脅也引來越來越多的西方政界人士呼籲聯手應對中國大陸的挑戰。日前以美歐國家為主所組成的「跨國議會對華政策聯盟」(Inter-Parliamentary Alliance on China IPAC)成立卻遭大陸批評這是西方政治邊緣人物籌組的「新八國聯軍」也是冷戰思維的產物。
《美國之音》報導說北大西洋公約組織（NATO）秘書長斯托爾滕貝格（Jens Stoltenberg）警告稱「中國的崛起正在從根本上改變全球均勢加劇爭奪經濟和技術霸權的競賽大幅加大對開放社會和個人自由的威脅加劇圍繞我們的價值觀和生活方式的競爭。」面對大陸崛起北約需要團結未來十年內的挑戰任何國家都無法獨自解決。
這個由英國、美國、日本、澳大利亞、加拿大、德國、挪威、瑞典等8個國家議會與歐洲議會成員所組建的「跨國議會對華政策聯盟」被陸媒批評為「新八國聯軍」並指聯盟的成員是其國內政治的失敗者與政界邊緣人物是一個「致力於改變民主國家對待中國方式」的反華聯盟。隨後波羅的海國家立陶宛跨黨派議會代表與捷克議員也宣佈加入。
分析人士指出加入聯盟的成員大多是西方社會保守派、鷹派的代表包括：包括美聯邦參議員盧比奧（Marco Rubio）和梅內德斯（Robert Menendez）、澳大利亞則有聯邦議會情報與安全委員會主席哈斯蒂（Andrew Hastie）、德國議員布蘭德(Michael Brand)與現任歐洲議會議員布提科費爾。
報導說該聯盟在宣告成立的視頻中指出「中共統治下的中國為全球帶來挑戰一個將會定義整個世紀的挑戰將會影響所有的人、跨世代政權與不同黨派無一倖免。」
前美國國防部中國事務主任博斯科（Joseph Bosco）說「西方現在是被真正的中國威脅喚醒了」如果西方真正瞭解中共前領導人鄧小平的「韜光養晦」政策早就應該對中共採取措施了因為它意味著「隱藏實力、等待時機」。
美國智庫戰略與國際研究中心（CSIS）中國專家葛萊儀（Bonnie Glaser）說新冠疫情帶來了大陸外交最糟糕的一面這種被稱為「戰狼外交」或許有助於大陸民眾對中共的支持但最終會讓大陸付出很高的代價。大陸人民大學國際關係學教授時殷弘則在一場學術研討會上表示「目前的突出問題是不夠尊重世界在大流行疫情下驟然加劇了的複雜性推進得未免太急、太快和聲調太高從而效果與期望之間的差距頗大讓大陸面臨的挑戰空前嚴峻。」
北約秘書長斯托爾滕貝格堅稱北京並非敵人但北約各成員國領導人也首次同意大陸崛起帶來安全上的影響包括解放軍研發能打到北約盟國的導彈。曾任川普總統的國家安全顧問的麥克馬斯特（HR McMaster）在一個有關疫情後美中關係的研討會上說雖然與大陸「分手」並非大家所願但是大陸在疫情期間的所作所為顯示與大陸繼續保持接觸「實在不容易」。中共認為自己是贏家首先從疫情中恢復未來可能會更加的咄咄逼人。此外中共擁有高超音速導彈、強大的軍事力量而且還認為美國在衰退和分裂。</t>
  </si>
  <si>
    <t>大陸中國中共國家疫情西方聯盟挑戰北約議會外交美國加劇崛起帶來威脅議員成員德國澳大利亞安全導彈包括</t>
  </si>
  <si>
    <t>新冠肺炎武漢肺炎新型冠狀病毒COVID-19對華政策聯盟</t>
  </si>
  <si>
    <t>肺炎冠狀武漢covid-病毒對華政策聯盟</t>
  </si>
  <si>
    <t>確診配合延長宜蘭警戒</t>
  </si>
  <si>
    <t>因應疫情全國三級警戒到5月28日雙北首長認為疫情還沒趨緩28日解除「不太可能」、「要有心理準備」基隆市長林右昌建議再延2周今天宜蘭縣確診數「加零」但縣長林姿妙坦言疫情嚴峻、隨時會有滾動式變化；</t>
  </si>
  <si>
    <t>疫情隨時今天宜蘭確診嚴峻再延建議坦言林右昌縣長林姿市長基隆心理準備雙北首長不太可能解除認為</t>
  </si>
  <si>
    <t>宜蘭確診疫情警戒隔離匡列防疫居家表示今天火車個案中央沒有指出目前</t>
  </si>
  <si>
    <t>新冠肺炎台灣 宜蘭縣匡列延長</t>
  </si>
  <si>
    <t>宜蘭臺灣肺炎匡列延長</t>
  </si>
  <si>
    <t>肺炎確診天創新增日本新高</t>
  </si>
  <si>
    <t>日本放送協會（NHK）報導截至今天晚間7時（臺北時間6時）左右日本新增武漢肺炎（2019冠狀病毒疾病COVID-19）確診7803 例連續4天創新高。東京都今天新增2392例是第二高紀錄。另外神奈川縣新增838例、埼玉縣</t>
  </si>
  <si>
    <t>新增今天武漢肺炎病毒疾病covid-確診連續創新截至晚間神奈川縣臺北時間日本東京都報導紀錄nhk日本放送協會</t>
  </si>
  <si>
    <t>日本放送協會（NHK）報導截至今天晚間7時（臺北時間6時）左右日本新增武漢肺炎（2019冠狀病毒疾病COVID-19）確診7803 例連續4天創新高。
東京都今天新增2392例是第二高紀錄。另外神奈川縣新增838例、埼玉縣496例、千葉縣455例、大阪府655例、京都府147例多個都府縣都創下單日新高。
讀賣新聞報導厚生勞動省統計今天重症患者達826人也創新高。</t>
  </si>
  <si>
    <t>今天新增報導創新武漢肺炎病毒疾病重症患者covid-統計讀賣新聞創下確診勞動厚生連續京都府截至</t>
  </si>
  <si>
    <t>今天創新高日本報導武漢</t>
  </si>
  <si>
    <t>新高報導日本武漢今天</t>
  </si>
  <si>
    <t>心肌炎前臺bnt青少年</t>
  </si>
  <si>
    <t>青少年到底該不該打BNT第二劑讓許多家長非常掙紮對此台大前感染科醫師林氏璧今表示台灣青少年打BNT發生心肌炎機率較美國和日本都高其中台灣年輕男生心肌炎發生率為百萬分之225比美國多了4倍而國外研</t>
  </si>
  <si>
    <t>臺灣心肌炎bnt美國青少年發生率對此台大前感染醫師掙扎家長非常林氏年輕男生表示日本都高發生萬分該不該</t>
  </si>
  <si>
    <t>臺灣心肌炎青少年疫苗出現認為發生率bnt萬分可能個案症狀目前美國年輕日本</t>
  </si>
  <si>
    <t>心肌炎第二劑發生率台灣青少年</t>
  </si>
  <si>
    <t>心肌炎臺灣青少年發生率</t>
  </si>
  <si>
    <t>海外投資新低上市</t>
  </si>
  <si>
    <t>陸美貿易戰幹擾上市櫃公司投資海外、大陸佈局皆「縮手」；金管會昨公佈上市櫃公司2019年大陸投資金額僅增加新台幣117億元海外投資也只增加1557億元年增金額皆創史上新低；證期局副局長張振山表示去年陸美貿</t>
  </si>
  <si>
    <t>金額大陸上市增加公司投資局長新低張振山史上縮手金管會公佈佈局海外表示海外投資台幣去年</t>
  </si>
  <si>
    <t>陸美貿易戰幹擾上市櫃公司投資海外、大陸佈局皆「縮手」；金管會昨公佈上市櫃公司2019年大陸投資金額僅增加新台幣117億元海外投資也只增加1557億元年增金額皆創史上新低；證期局副局長張振山表示去年陸美貿易戰打得火熱全球經貿產生變化上市櫃投資佈局除觀望之餘也多點謹慎所以新增投資金額較往年明顯減少。
雖然有貿易戰幹擾但受惠於去年景氣佳、需求暢旺上市櫃公司投資大陸收益達3313億元較前年增加38億元投資收益創史上新高。證期局分析半導體業在大陸市場獲利漸穩成本控制有成營運狀況改善；由於投資狀況良好去年上市櫃公司投資大陸收益匯回金額達442億元累計匯回4906億元占投資金額1954％也創下歷年新高。
不過學者認為今年1月大陸爆發新冠肺炎疫情延燒到全球演變成封城、鎖國不僅全球產業鏈版圖悄悄改變美、日兩大國也揚言不再對大陸投資疫情讓大陸世界工廠的角色產生變化；學者預估台灣要對全世界做生意在世界浪潮下今年台灣上市櫃公司對大陸的投資恐怕會更保守。
據證期局統計顯示上市櫃公司統計至去年底為止累計投資大陸金額為新台幣2兆5110億元年增117億元相較過去高峰3772億元不等明顯縮水增加投資主要用於增設大陸子公司、現金增資、拓展或建廠等。
調查同時顯示去年底共有670家上市公司及528家上櫃公司有赴大陸投資較前年底減少2家是投資大陸家數首度減少的一次；張振山解釋主要是今年1月爆發新冠肺炎疫情有6家上市櫃公司尚未公告財報導致大陸投資家數統計有落差若等這6家公司的財報出爐投資大陸企業的家數未必會減少。</t>
  </si>
  <si>
    <t>大陸投資上市公司金額去年增加全球減少今年疫情貿易戰統計世界學者臺灣張振山明顯變化產生佈局</t>
  </si>
  <si>
    <t>縮手家數上市櫃大陸肺炎</t>
  </si>
  <si>
    <t>上市大陸家數縮手肺炎</t>
  </si>
  <si>
    <t>喋血總統套房愛情高市</t>
  </si>
  <si>
    <t>新冠疫情重創高雄觀光業旅宿業近來住房率約3、4 成。高市觀光局3月主打「愛情月」活動結合55家旅宿業者祭出喋血價促銷有業者更不惜推出90坪總統套房1990元。另情侶在高雄景點合照打卡可抽婚紗攝影、情人房等</t>
  </si>
  <si>
    <t>新 冠 疫情 重創 高雄 觀光業 旅 宿業 近來 住房 率 約 34 成 高市 觀光局 3 月 主 打 愛情 月 活動 結合 55 家 旅 宿 業者 祭出 喋血 價 促銷 有 業者 更 不惜 推出 90 坪 總統套房 1990 元 另 情侶 在 高雄 景點 合 照 打 卡 可 抽 婚紗 攝影 情人 房 等</t>
  </si>
  <si>
    <t>高雄業者觀光業景點情侶宿業總統套房不惜住房婚紗近來推出高市祭出觀光局結合</t>
  </si>
  <si>
    <t>新冠疫情重創高雄觀光業旅宿業近來住房率約3、4 成。高市觀光局3月主打「愛情月」活動結合55家旅宿業者祭出喋血價促銷有業者更不惜推出90坪總統套房1990元。另情侶在高雄景點合照打卡可抽婚紗攝影、情人房等總值20萬元獎品。
觀光局長邱俊龍表示高雄有浪漫之河「愛河」最適合情侶談情說愛觀光局特別推薦山盟海誓兩條情人遊程包括崗山之眼、一線天、田寮月世界、壽山情人觀景台、動物園、壽與山齊打卡點、鼓山洞等。
海誓線則為愛河愛之鯨、白色戀人貨櫃屋、愛河水舞、快樂出帆（愛河河西主燈)、願景767文創基地（粉紅天鵝船）、棧貳庫白色旋轉木馬、旗津沙灘吧、旗津裝置藝術豐收女神等。
白色情人節即將到來14、15日民眾到崗山之眼、愛之船、貢朵拉、願景767文創基地、雙層巴士、白色戀人貨櫃屋、鼓山洞、壽山動物園、旗津貝殼館等景點可享有情人牽手「買一送一」優惠。此外「愛河文創餐車市集」也將浪漫復出。
邱俊龍指出飯店業聯手推出住宿優惠國賓、福華、寒軒、漢來、福容、翰品、和逸、喜悅、宜果旅居、旗山川雅居民宿等55家旅宿業者；五星級飯店雙人房一晚最低2800元起、一般旅館雙人房一晚699元起摩鐵則有印水涵、麗馨、薇風情、美麗四季精品、華水亭、四季、禦宿鳳山館、香堤時尚等高雄十大摩鐵最低1200元起。
即日起至3月底民眾只要在上述任一景點合照打卡、上傳高雄旅遊網FB粉絲網並tag兩位好友有機會抽情人房住宿券及愛戀婚紗攝影套組共有100間高級情人房、3組婚紗攝影獎品總價值達20萬元。</t>
  </si>
  <si>
    <t>新 冠 疫情 重創 高雄 觀光業 旅 宿業 近來 住房 率 約 34 成 高市 觀光局 3 月 主 打 愛情 月 活動 結合 55 家 旅 宿 業者 祭出 喋血 價 促銷 有 業者 更 不惜 推出 90 坪 總統套房 1990 元 另 情侶 在 高雄 景點 合 照 打 卡 可 抽 婚紗 攝影 情人 房 等 總值 20萬 元 獎品 觀光 局長 邱俊龍 表示 高雄 有 浪漫 之 河 愛河 最 適合 情侶 談情說愛 觀光局 特別 推薦 山盟海誓 兩 條 情人 游程 包括 崗 山 之 眼 一線 天 田寮 月 世界 壽山 情人 觀 景 台 動物園 壽 與 山齊 打 卡 點 鼓 山洞 等 海誓 線 則 為 愛河 愛 之 鯨 白色 戀人 貨櫃 屋 愛河 水 舞 快樂 出 帆 愛河 河西 主 燈 願 景 767 文 創 基地 粉紅 天鵝 船 棧 貳 庫 白色 旋轉 木馬 旗 津 沙灘 吧 旗 津 裝置 藝術 豐收 女神 等 白色 情人節 即將 到來 1415 日 民眾 到 崗 山 之 眼 愛 之 船 貢朵拉 願 景 767 文 創 基地 雙層 巴士 白色 戀人 貨櫃 屋 鼓 山洞 壽山 動物園旗 津 貝殼館 等 景點 可 享有 情人 牽 手 買一送一 優惠 此外 愛河 文創 餐車 市集 也 將 浪漫 複出 邱俊龍 指出 飯店業 聯手 推出 住宿 優惠 國賓 福華 寒軒 漢來 福容 翰 品 和 逸 喜悅 宜果 旅居 旗 山川 雅 居民 宿 等 55 家 旅 宿 業者 五星級 飯店 雙人 房 一 晚 最低 2800 元 起 一般 旅館 雙人 房 一 晚 699 元 起 摩 鐵則 有 印水涵 麗 馨 薇 風情 美麗 四季 精品 華 水亭 四季 禦 宿鳳山 館 香 堤 時尚 等 高雄十 大 摩 鐵 最低 1200 元 起 即日起 至 3 月底 民眾 只要 在 上述 任一 景點 合 照 打 卡 上傳 高雄 旅遊 網 fb 粉絲網 並 tag 兩 位 好友 有 機會 抽 情人 房 住宿 券 及 愛戀 婚紗 攝影 套 組 共有 100 間 高級 情人 房 3 組 婚紗 攝影 獎品 總價值 達 20萬 元</t>
  </si>
  <si>
    <t>情人愛河高雄白色業者景點婚紗優惠觀光局推出住宿攝影情侶民眾浪漫邱俊龍最低</t>
  </si>
  <si>
    <t>高雄新冠肺炎疫情觀光愛河</t>
  </si>
  <si>
    <t>疫情肺炎觀光高雄愛河</t>
  </si>
  <si>
    <t>臺北中部盧秀燕聯手基隆打擊病毒桃園</t>
  </si>
  <si>
    <t>桃園與臺北市因Garmin公司員工染疫事件隔空交火；基隆市因確診案例在北市上班未被匡列而怒批疫調。台中市長盧秀燕11日表示很感謝彰化縣府昨晚漏夜通報有確診者足跡到台中讓中市立即啟動應變。她強調中部地區</t>
  </si>
  <si>
    <t>台中確診員工啟動立即事件縣府感謝昨晚表示通報公司盧秀燕基隆市長應變</t>
  </si>
  <si>
    <t>桃園與臺北市因Garmin公司員工染疫事件隔空交火；基隆市因確診案例在北市上班未被匡列而怒批疫調。台中市長盧秀燕11日表示很感謝彰化縣府昨晚漏夜通報有確診者足跡到台中讓中市立即啟動應變。她強調中部地區是共同生活圈從疫情爆發以來中部各縣市首長共同合作、互相通報聯手打擊病毒守護中台灣的民眾。
台中市府昨天晚間接獲彰化縣通報指出彰化1名確診案例有台中足跡史曾在7月7日下午3時至晚間7時到台中新光三越百貨公司台中市府接獲通報於晚間10時緊急通知百貨公司停業並進行內部清消百貨公司漏夜緊急進行內部消毒 11日再度配合休館進行清消。
盧秀燕今天下午在流行疫情指揮中心記者會時談及接獲彰化縣府通報確診案例足跡到台中市一事特別表示市府接獲通知後立即啟動應變並通知新光三越停業並進行內外清消。
盧秀燕指出除了感謝百貨公司配合停業及清消外也感謝彰化縣長王惠美及衛生局長葉彥伯的及時通報中部地區是一個共同生活圈從疫情爆發以來中部各縣市首長共同合作、互相通報聯防聯手打擊病毒中市會繼續努力守護中台灣的民眾。
盧秀燕指出中央宣佈微解封後民眾心理已有些鬆懈從中市今天還是傳出本土或境外移入確診個案來看台中市還沒有鬆懈的本錢能理解要提供一定的民生經濟但是疫情變幻莫測市民一定要注意安全避免外出務必做好防疫目前病毒仍兇猛且全世界還深以為苦仍要加強戒備。</t>
  </si>
  <si>
    <t>台中通報確診盧秀燕疫情病毒百貨公司民眾指出進行中部案例晚間感謝市府</t>
  </si>
  <si>
    <t>盧秀燕桃園基隆微疫調新冠肺炎</t>
  </si>
  <si>
    <t>基隆桃園盧秀燕肺炎</t>
  </si>
  <si>
    <t>陸配新婚開放政府陸生正文回台</t>
  </si>
  <si>
    <t>蔡政府拿防疫當抗中大批新婚陸配、陸配之子「小明」與陸生新舊生回不來成功爭取「武漢包機」返台的台商徐正文21日上午將召開記者會率領新婚陸配、「小明」表達現況並向總統蔡英文、行政院長蘇貞昌喊話盼</t>
  </si>
  <si>
    <t>新婚陸配蔡英文總統現況表達台商返台包機正文武漢爭取上午行政院長成功召開陸配之回不來舊生陸生新記者會率領</t>
  </si>
  <si>
    <t>蔡政府拿防疫當抗中大批新婚陸配、陸配之子「小明」與陸生新舊生回不來成功爭取「武漢包機」返台的台商徐正文21日上午將召開記者會率領新婚陸配、「小明」表達現況並向總統蔡英文、行政院長蘇貞昌喊話盼趕緊開放相關大陸人士來台。
徐正文表示往常年均6000名新婚陸配來台但新冠肺炎疫情爆發後目前僅600名新婚陸配成功申請團聚入台目前尚有2000多對兩岸婚配的大陸伴侶無法來台與親友相聚。
徐正文提到不只新婚陸配來台被下禁令另還有陸配之子「小明」2000人以及5000多名大批陸生新舊生仍被阻絕在外；並且讓人無法接受的是政府的防疫戰略根本是「逢中必反」大陸以外的其他國家配偶、境外生甚至外勞都可來台具備大陸身分者則是全被擋在國門之外諸如此類人倫之情被拆散、學權受戕害的案例近來不斷傳出處境令人同情。
徐正文指出基於人道關懷再度站出來呼籲政府儘速放行新婚陸配返台不要再讓新婚伴侶在即將到來的情人節期間只能當牛郎織女隔著台灣海峽遙望與思念彼此；另也呼籲放行「小明」與陸生來台與父母家人相聚並順利接受高等教育。
「我們企盼政府能秉持著結好緣的心不要拆散夫妻和家庭」徐正文強調但若社會各界對疫情有所膽心建議可比照湖北包機上海模式將班機旅客集中隔離協助需要的同胞順利返回台灣。
徐正文說近來接獲不少新婚陸配的陳情案因此決定召開記者會並於會中呈現陸配、「小明」與陸生所拍攝的影片以及將發給蔡總統和蘇院長的陳情信；新婚團聚陸配夫妻檔也會在現場透過網路視訊表達對彼此的思念還有想對政府說的話。</t>
  </si>
  <si>
    <t>新婚陸配正文政府大陸近來拆散順利包機疫情思念總統還有伴侶表達夫妻相聚無法</t>
  </si>
  <si>
    <t>新婚徐正文政府陸生大陸</t>
  </si>
  <si>
    <t>陸生政府正文新婚大陸</t>
  </si>
  <si>
    <t>猝死大成案例遺體疫苗表徵關鍵接種全台</t>
  </si>
  <si>
    <t>日本贈送台灣124萬劑AZ疫苗各縣市於15日起擴大施打不過疫苗才開打2天全台已傳出超過13起老年人於接種後猝死的案例至於猝死原因是否與接種疫苗有關還需進一步釐清。法醫高大成接受⟪中時新聞網⟫專訪時表示可</t>
  </si>
  <si>
    <t>疫苗接種接受高大成猝死法醫新聞網進一步各縣市有關是否施打老年人超過傳出全台專訪az案例</t>
  </si>
  <si>
    <t>日本贈送台灣124萬劑AZ疫苗各縣市於15日起擴大施打不過疫苗才開打2天全台已傳出超過13起老年人於接種後猝死的案例至於猝死原因是否與接種疫苗有關還需進一步釐清。法醫高大成接受⟪中時新聞網⟫專訪時表示可以從遺體表徵判斷死因並點出關鍵要看氣管的位置。
高大成分析如果是打疫苗死亡通常都是過敏反應引起過敏而亡會使遺體氣管聲門水腫身體也會起疹子有時還會產生肝、腎衰竭或心肌炎。若是因慢性病死亡則會有血管硬化或臟器衰竭的情況因此在解剖後若只發現過敏反應就能判定是疫苗造成死亡。
高大成認為因施打疫苗死亡的機率不大中華民國防疫學會理事長王任賢也表示如果不是在接種疫苗後30分鐘內造成了因為呼吸窘迫而死亡的話原則上跟新冠疫苗沒有關係。
不過王任賢提到很有可能與疫苗接種方式有關因為現在得長途跋涉到接種點去打疫苗而且還要預約掛號等待這樣的過程容易讓老人家折騰而死。他呼籲政府應該推行到府接種改善施打程式避免長者無緣無故的喪命。
(剪輯/邱子軒)</t>
  </si>
  <si>
    <t>疫苗接種死亡施打過敏遺體氣管表示王任賢造成有關反應長者避免程式老人家折騰容易</t>
  </si>
  <si>
    <t>老人疫苗死亡猝死症狀</t>
  </si>
  <si>
    <t>症狀疫苗老人死亡猝死</t>
  </si>
  <si>
    <t>緊急簽下斯利老將湯瑪斯nba</t>
  </si>
  <si>
    <t>籃網在傳出新援畢斯利確診新冠肺炎之後立即宣佈簽下32歲老將蘭斯湯瑪斯(Lance Thomas)希望湯瑪斯能夠填補戰力缺口。籃網目前陣中多人染病加上厄文以黑人平權理由不願參加復賽導致全隊戰力銳減球團不得不將</t>
  </si>
  <si>
    <t>湯瑪斯銳減肺炎之後立即宣佈簽下老將蘭斯黑人理由厄文全隊加上染病參加導致複賽能夠</t>
  </si>
  <si>
    <t>籃網在傳出新援畢斯利確診新冠肺炎之後立即宣佈簽下32歲老將蘭斯湯瑪斯(Lance Thomas)希望湯瑪斯能夠填補戰力缺口。
籃網目前陣中多人染病加上厄文以黑人平權理由不願參加復賽導致全隊戰力銳減球團不得不將戰力補強目標鎖定沒有合約的自由球員上周簽下了畢斯利沒想到今天傳出畢斯利確診新冠肺炎籃網只能趕緊換人而迅速地簽下了蘭斯湯瑪斯。
湯瑪斯在2010年參加NBA選秀但當時沒有獲得任何球隊青睞2011年加入鵜鶘也打過雷霆和尼克甚至跨過太平洋來到大陸CBA佛山龍獅討生活。
湯瑪斯在2019年結束與尼克的合約之後一度與籃網簽訂合約可惜球季還沒開打前就被籃網釋出NBA生涯場均52分、26籃板。</t>
  </si>
  <si>
    <t>湯瑪斯簽下合約沒有尼克參加nba之後斯利肺炎確診傳出黑人厄文釋出加上大陸染病cba太平洋跨過佛山</t>
  </si>
  <si>
    <t>籃網湯瑪斯畢斯利新冠肺炎NBA</t>
  </si>
  <si>
    <t>斯利湯瑪斯肺炎nba</t>
  </si>
  <si>
    <t>rt苗栗以下北部疫情全台</t>
  </si>
  <si>
    <t>新冠肺炎本土疫情未歇台大公衛學院教授陳秀熙分析指出台灣在非藥物公衛措施（NPI）、推動熱區快篩之下整體的Rt值已降至1以下不過若以縣市來看北部疫情已經趨緩但苗栗的Rt值還在5以上。NPI的落實程度會反</t>
  </si>
  <si>
    <t>疫情npirt大公教授陳秀熙衛學院分析指出臺灣以上藥物措施推動熱區北部來看已經本土苗栗</t>
  </si>
  <si>
    <t>新冠肺炎本土疫情未歇台大公衛學院教授陳秀熙分析指出台灣在非藥物公衛措施（NPI）、推動熱區快篩之下整體的Rt值已降至1以下不過若以縣市來看北部疫情已經趨緩但苗栗的Rt值還在5以上。NPI的落實程度會反映在後1、2周的Rt值近期車流量變多未來疫情是否還會升溫還需觀察。
台大公衛學院今舉辦新冠肺炎科學防疫線上直播針對近期的本土疫情進行分析。陳秀熙指出台灣除了NPI措施指揮中心也針對熱區設置快篩站協助找到隱性個案快篩配合NPI的措施是疫苗施打前最有效的政策。
陳秀熙表示台灣在本土疫情剛爆發時NPI的落實程度不高5月18日只有30％5月24日46％、5月26日升至66％、5月29日升至83％、6月1日79％、6月4日80％、6月7日90％。由於NPI措施、快篩檢測見效Rt值也下降從5月23日搭配26日的Rt值2降至1以下5月27日到29日為0986月5日至7日則降至058。接下來是否能維持要看看警戒有沒有鬆懈、快篩是否能有效找到隱性感染族群。
若以縣市來看陳秀熙表示5月15日時臺北、苗栗、台中、彰化的Rt值高達5以上新北、基隆、桃園則介於3-5至間。5月19日至21日間北部開始改善彰化還在Rt值5以上的風暴中。5月22日到24日間彰化則受到非常好的控制。
5月29日至5月31日間臺北疫情趨緩Rt值降至1以下受到控制不過苗栗卻爆發移工群聚台中也出現了一部分的群聚導致苗栗Rt值高達5以上台中則介於3-5至間。6月1日至3日間除苗栗以外其他多個地區的NPI落實程度已經加強到80％以上。6月4日至7日間除苗栗其他Rt值都已經降至1以下顯示疫情受控。
陳秀熙表示高Rt值對應的都是較差的NPI措施NPI措施的落實程度反映的是未來1、2周的Rt值。由於近期車流量變多未來2周疫情會不會上升還需進一步觀察。</t>
  </si>
  <si>
    <t>疫情rtnpi苗栗措施日間以上是否本土程度臺灣落實陳秀熙表示台中以下已經有效</t>
  </si>
  <si>
    <t>新冠肺炎台灣Rt值NPI苗栗</t>
  </si>
  <si>
    <t>臺灣rt肺炎npi苗栗</t>
  </si>
  <si>
    <t>工作居家女主播</t>
  </si>
  <si>
    <t>新冠肺炎(COVID-19)疫情全球持續擴大其中義大利災情慘重實施封城後許多行業也連帶受影響。義大利知名體育女主播萊奧塔(Diletta Leotta)因疫情無法在運動場上工作但居家隔離仍不忘本業在網路上曬出居家工作照</t>
  </si>
  <si>
    <t>疫情大利居家工作全球網路上不忘本隔離持續運動場無法擴大leottadiletta萊奧塔實施行業體育女主播封城知名影響連帶</t>
  </si>
  <si>
    <t>? Diletta Leotta? （@dilettaleotta）分享的貼文 於 PDT 2020 年 3月 月 16 日 上午 3:11 張貼
新冠肺炎(COVID-19)疫情全球持續擴大其中義大利災情慘重實施封城後許多行業也連帶受影響。義大利知名體育女主播萊奧塔(Diletta Leotta)因疫情無法在運動場上工作但居家隔離仍不忘本業在網路上曬出居家工作照意外引起網友暴動。
? Diletta Leotta? （@dilettaleotta）分享的貼文 於 PST 2020 年 2月 月 28 日 上午 1:34 張貼
綜合外媒報導義大利性感體育女主播萊奧塔是DAZN頻道當家花旦之一專門播報義甲足球聯賽最近當地因為新冠肺炎疫情很多比賽都延宕但她在家仍不忘做足功課替隨時開始的比賽好好準備；萊奧塔在Instagram分享居家工作照沒想到各種火辣穿搭讓粉絲看了受不了無論是露出「一線天」的睡衣或是西裝外套搭了一件超低胸白T恤都擋不住她的曼妙身材。
? Diletta Leotta? （@dilettaleotta）分享的貼文 於 PST 2020 年 3月 月 7 日 上午 5:27 張貼
這段期間萊奧塔除了分享在家工作的照片也不忘和粉絲互動上傳化身小廚娘的照片還有運動健身的各種美照；大票粉絲看完都超興奮不僅讚賞她的廚藝和健身成果更有不少人忍不住開玩笑「根本不記得她做了什麽料理」、「我只看到萊奧塔的身材」、「太會穿衣服了吧讓人都忘記她原本在做什麽」。
? Diletta Leotta? （@dilettaleotta）分享的貼文 於 PDT 2020 年 3月 月 17 日 下午 1:07 張貼</t>
  </si>
  <si>
    <t>萊奧塔工作分享粉絲diletta疫情leotta居家大利張貼健身照片身材比賽上午</t>
  </si>
  <si>
    <t>義大利Diletta Leotta女主播新冠肺炎COVID-19</t>
  </si>
  <si>
    <t>女主播leottadiletta大利肺炎covid-</t>
  </si>
  <si>
    <t>大陸重視防疫經驗美國</t>
  </si>
  <si>
    <t>美國新冠肺炎疫情逐漸擴大讓醫療體系面臨緊繃極限美國防疫不力恐是全球性的災難。美國尚未對患者死亡進行大規模的驗屍採檢而大陸已歷經大規模感染其對患者死亡驗屍報告之後續追蹤問題更能直指新冠病毒之特</t>
  </si>
  <si>
    <t>美國驗屍患者死亡直指擴大逐漸醫療體系疫情面臨問題極限防疫追蹤災難之後報告尚未大陸感染</t>
  </si>
  <si>
    <t>美國新冠肺炎疫情逐漸擴大讓醫療體系面臨緊繃極限美國防疫不力恐是全球性的災難。美國尚未對患者死亡進行大規模的驗屍採檢而大陸已歷經大規模感染其對患者死亡驗屍報告之後續追蹤問題更能直指新冠病毒之特徵美國應當正視大陸的防疫經驗及研究而加以效法。
美國現有的醫療體系高度資本化其導致許多人染上流感後根本自生自滅甚至連確診的經濟負擔都欠缺試想：如果這些死者驗不到流感他們的死因恐怕就更為撲朔迷離。而中國疫情高峰慢慢消退醫界針對新冠肺炎死者出具的驗屍報告顯示該重症新冠肺炎宛如SARS加愛滋病。病毒的傳染力和復發性之狡猾大陸驗屍報告突顯出對病患長期追蹤管理之重要性無論是前期疫情防堵的經驗或後期患者治療的長期追蹤管理頗值得美國醫療體系師法。
大陸醫界針對感染肺炎出院後核酸檢測呈現陽性的情況顯示患者並非復發而是從未治癒。尤甚驗屍報告解剖重症病人的肺功能損傷的很厲害免疫系統也幾乎全被摧毀相較SARS只攻擊肺不會傷害免疫系統；AIDS只傷害免疫系統新冠病毒對重症病人的損害宛如SARS加愛滋病的集合。該份驗屍報告針對患者感染病毒後可產生抗體的假設可謂是重大的挑戰WHO應該呼籲各國調整因應疫情的策略圍堵新冠病毒傳播恐怕才是上策將其視為流感而產生抗體之防疫政策恐怕成為全球防疫體系的一大漏洞。
2003年SARS病人死亡主要原因乃急性肺損傷大陸醫界驗屍報告顯示多器官衰竭是新冠病毒的重要死亡原因大陸一些出院的重症病患血液檢查發現他們的淋巴細胞指數其實並沒有恢復到正常水準即意味著病患的免疫系統並沒有完全恢復凸顯原先的出院標準太過寬鬆臨床症狀的消失不包括血液檢查的結果導致一些出院時核酸檢測陰性的患者因免疫系統很差並沒有恢復在出院後很快又檢測出是陽性反應意即出院的病患可能會像B型肝炎一樣長期帶病毒生存而不自知導致患者治癒後復發的可能性大增。
職此死亡患者的驗屍報告顯示之結果頗讓大陸醫界煩惱是否這種帶病毒生存的病患在尚未完全治癒的情況下是否具備傳染性？即便夏天因為溫度上升會使疫情減緩但冬天降溫之後病毒又會捲土重來新冠病毒的變異性深不可測。大陸多位一線臨床醫生認為：之前所有的醫療資源集中於新冠肺炎病人急性的救治問題當急性期的病人越來越少重點將轉向出院病人的管理問題病毒有沒有顯著的傳播性周圍的人有沒有受到影響。是以對病患的長期追蹤涉及公共衛生防疫體系的健全與否病毒蛻變為長期性的流感病毒勢必進行疫苗的研發。
日本的朝日新聞對美國因應新冠狀病毒提出一項疑問：美國疾病管制局公佈2019年美國境內流感之感染者逼近3400萬死亡人數逼近2萬人。非常時期筆者並不想糾結新冠肺炎是否來自美國？而是關注新冠肺炎的初期症狀和流感十分相似但死亡率比流感高出很多兩種病毒的因果關係和演變過程迄今成謎患者在兩國感染病毒所得到醫療照護和經費負擔之差異頗令人玩味。
（作者為中華民國公共政策學會監事）</t>
  </si>
  <si>
    <t>病毒患者美國流感大陸出院驗屍死亡疫情肺炎報告醫療體系沒有病人免疫系統防疫sars長期追蹤恐怕</t>
  </si>
  <si>
    <t>病人大陸美國肺炎病毒</t>
  </si>
  <si>
    <t>病毒大陸肺炎病人美國</t>
  </si>
  <si>
    <t>不明指揮中心公佈接觸看護院外足跡確診</t>
  </si>
  <si>
    <t>(14:24更新) 中央流行指揮中心今天公佈國內第32例確診個案是國內第三起家庭群聚27例80歲老翁的看護而該看護為印尼籍非法外籍看護目前台灣新冠肺炎全台確診個案達31例。指揮中心指揮官陳時中表示第32例新冠肺</t>
  </si>
  <si>
    <t>指揮中心確診個案看護國內目前臺灣今天表示家庭肺炎公佈全台老翁指揮官陳時中流行外籍印尼中央更新</t>
  </si>
  <si>
    <t>(14:24更新) 中央流行指揮中心今天公佈國內第32例確診個案是國內第三起家庭群聚27例80歲老翁的看護而該看護為印尼籍非法外籍看護目前台灣新冠肺炎全台確診個案達31例。
指揮中心指揮官陳時中表示第32例新冠肺炎確定病例為案27在2月11日至16日住院期間之30多歲女性外籍看護衛生單位於案27確診後即透過警政單位協尋該名個案於2月24日晚間尋獲後送往醫院採檢通報並住院隔離個案當時有輕微喉嚨不適經檢驗於今日確診。
指揮中心應變官莊人祥表示這名外籍看護直到24號才住院隔離只有出現喉嚨不舒服沒有發燒且期間都沒有就醫。他並強調該看護僅單獨一對一照顧老翁案例27不會影響其他人不至於有院內感染的情況發生。
但院外接觸者因為看護的足跡比較廣因此現在還在調查中不排除公佈足跡因為已經在清查足跡資料只要出來就會對外公佈。</t>
  </si>
  <si>
    <t>看護個案確診指揮公佈住院足跡中心外籍喉嚨老翁隔離單位表示期間肺炎沒有國內出來情況</t>
  </si>
  <si>
    <t>中央疫情指揮中心宮廟媽祖遶境生活台灣</t>
  </si>
  <si>
    <t>宮廟媽祖中心指揮疫情生活中央臺灣</t>
  </si>
  <si>
    <t>教育部停課比例補習班退費</t>
  </si>
  <si>
    <t>受到新冠肺炎疫情影響許多補習班停課。教育部今天表示學生若已繳了費用但有些課因疫情停課補習班應按比例退費也可在經學生同意下以錄影課程或其他方式補課。教育部表示倘短期補習班配合防疫辦理停課</t>
  </si>
  <si>
    <t>補習班停課學生疫情表示教育部影響同意課程補課方式退費比例今天費用肺炎配合防疫辦理</t>
  </si>
  <si>
    <t>受到新冠肺炎疫情影響許多補習班停課。教育部今天表示學生若已繳了費用但有些課因疫情停課補習班應按比例退費也可在經學生同意下以錄影課程或其他方式補課。
教育部表示倘短期補習班配合防疫辦理停課或於開課後停班或停課者補習班應自事實發生日之次日起10日內按事由發生後賸餘課程時數比例退還當期開班已繳之費用。但經學生同意以補課、提供授課錄影資料或其他適當方式處理者不在此限。
教育部指出考量因疫情各退費案件個案狀況不一建議消費者宜備妥相關契約資料儘速向補習班所在地之地方政府教育局(處)聯繫協助或循消費爭議處理程式辦理由地方政府教育局(處)或消保官協助透過個案協商爭取權益以協助解決退費事宜或協助其保留課程。
教育部說刻正彙整各地方教育局(處)處理補習班業務聯繫窗口資料屆時將刊載於終身教育司網站俾供民眾查詢聯繫。</t>
  </si>
  <si>
    <t>補習班教育部協助資料退費課程停課疫情學生地方教育局個案辦理比例處理發生同意聯繫表示補課政府方式費用</t>
  </si>
  <si>
    <t>補習班教育部停課新冠肺炎武漢肺炎</t>
  </si>
  <si>
    <t>停課教育部肺炎武漢補習班</t>
  </si>
  <si>
    <t>確診全球美國占近分之一</t>
  </si>
  <si>
    <t>人數確診美國全球顯示資料正式肺炎將近分之一最新累計突破死亡超過共有目前霍普金斯大學約翰斯逼近大關</t>
  </si>
  <si>
    <t>確診人數全球美國死亡共有國家俄羅斯顯示資料亞洲排名分別法國正式肺炎西班牙大利將近伊朗分之一大關逼近當中</t>
  </si>
  <si>
    <t>新冠病毒新冠肺炎武漢肺炎確診美國</t>
  </si>
  <si>
    <t>武漢肺炎確診病毒美國</t>
  </si>
  <si>
    <t>延伸演唱會消費振興</t>
  </si>
  <si>
    <t>因應新冠肺炎疫情衝擊政府研擬推出「振興抵用券」刺激消費。行政院發言人Kolas Yotaka今表示抵用券只是一個概念可以延伸到各個面向振興抵用券不會只適用商圈、夜市、商圈擬擴及演唱會等藝文消費具體作法</t>
  </si>
  <si>
    <t>消費振興疫情衝擊政府肺炎演唱會商圈夜市推出kolas發言人行政院yotaka適用刺激表示延伸可以不會</t>
  </si>
  <si>
    <t>因應新冠肺炎疫情衝擊政府研擬推出「振興抵用券」刺激消費。行政院發言人Kolas Yotaka今表示抵用券只是一個概念可以延伸到各個面向振興抵用券不會只適用商圈、夜市、商圈擬擴及演唱會等藝文消費具體作法相關部會正在盤點需求後擬訂。
針對振興抵用券適用範圍Kolas表示不僅限於商圈、餐廳、夜市可以透過「抵用」的概念多元延伸例如藝文產業許多展覽、表演、影視娛樂多半在室內舉行也受到疫情衝擊因此未必是以「券」的形式呈現相關部會將著重「抵用」的部分。
此外立法院將於21日開議行政院長蘇貞昌18日上午將例行性先後拜會立法院長遊錫堃、副院長蔡其昌、祕書長林志嘉隨後拜訪國民黨團、民眾黨團、時代力量黨團20日中午則是民進黨團。
至於是否會談到有關政院即將提出的紓困振興特別條例草案Kolas表示行政院會盡速提出版本送交立院審查立院開議前院長都會禮貌性拜會朝野各黨團希望支持政院提出的政策與預算若談話過程提到也是很自然的事情。</t>
  </si>
  <si>
    <t>振興提出表示院長kolas疫情拜會衝擊開議消費相關部會行政院商圈夜市黨團可以延伸</t>
  </si>
  <si>
    <t>新冠肺炎振興抵用券行政院特別條例演唱會</t>
  </si>
  <si>
    <t>行政院振興肺炎特別條例演唱會</t>
  </si>
  <si>
    <t>質疑孫大臺灣確診救命疫苗桃群搞掉</t>
  </si>
  <si>
    <t>衛福部桃園醫院爆發群聚感染11天來已有12例確診。對於台灣疫苗採購案國民黨前立委孫大千多次提出質疑今（23）日他再度提出5點疑問好奇「是誰把台灣人民的救命疫苗給搞掉了？」孫大千在臉書表示沒有疫苗注</t>
  </si>
  <si>
    <t>疫苗臺灣提出感染爆發確診孫大對於搞掉疑問好奇救命人民採購國民黨表示</t>
  </si>
  <si>
    <t xml:space="preserve">衛福部桃園醫院爆發群聚感染11天來已有12例確診。對於台灣疫苗採購案國民黨前立委孫大千多次提出質疑今（23）日他再度提出5點疑問好奇「是誰把台灣人民的救命疫苗給搞掉了？」
孫大千在臉書表示沒有疫苗注射難道真的要台灣人民靠人心團結來對抗新冠肺炎嗎？因此想請衛福部正面回答幾個問題。首先針對疫苗採購原本說好的超前部署呢？原本說好的口袋名單是什麼？東洋製藥又是怎麼被做掉的？
第二如果按照原本東洋的採購方案台灣的醫護人員早在去年底就可以接種疫苗也根本不會發生部桃醫院的院內感染。究竟是誰害桃園鄉親要承受這樣的風險？
第三孫大千指出疾管署針對媒體爆料究竟是否有要求媒體更正？或者只是拜託媒體不要把承辦人的全名登出來？第四陳時中口中的500萬劑疫苗談判後來是不是改透過台灣雅各臣和信東作為不能說出來的白手套？
最後孫大千質疑疫苗談判究竟是延遲？還是破局？BNT是否已經準備將原本的訂金歸還台灣？
《是誰把台灣人民的救命疫苗給搞掉了？》系列之一
沒有疫苗注射難道真的要台灣人民靠人心團結來對抗新冠肺炎嗎？請衛福部正面回答這幾個問題：
第一針對疫苗採購原本說好的超前部署呢？原本說好的口袋名單是什麼？東洋製藥又是怎麼被做掉的？
</t>
  </si>
  <si>
    <t>疫苗臺灣原本究竟採購媒體人民孫大是否談判質疑感染衛福部醫院提出東洋桃園沒有說好搞掉回答問題對抗</t>
  </si>
  <si>
    <t>孫大千衛福部桃園醫院群聚感染疫苗新冠肺炎</t>
  </si>
  <si>
    <t>感染醫院疫苗桃園衛福部孫大千肺炎</t>
  </si>
  <si>
    <t>黃珊珊防疫體溫教室還要自主開學抽驗</t>
  </si>
  <si>
    <t>高中、國中、小學25日將開學有家長擔心自主量體溫就可進校恐會成為防疫破口北市副市長黃珊珊24日表示第1天開學會比較亂所以希望孩子不要聚集在門口等額溫槍量體溫第2天會有拿回家自己量的表填了後可快</t>
  </si>
  <si>
    <t>開學體溫回家聚集孩子等額門口希望溫槍防疫市長成為北市比較表示黃珊珊擔心</t>
  </si>
  <si>
    <t>高中、國中、小學25日將開學有家長擔心自主量體溫就可進校恐會成為防疫破口北市副市長黃珊珊24日表示第1天開學會比較亂所以希望孩子不要聚集在門口等額溫槍量體溫第2天會有拿回家自己量的表填了後可快速通過校門但到教室還是有抽驗。
黃珊珊表示聚集量體溫當然不安全但因很多家長沒額溫槍所以開學會派人去疏導交通並請各小學多派志工媽媽協助量體溫有狀況的孩子會有獨立通道並暫時請家長接回家開學前北市每校已做完3次演練明天雖會比較亂、密集但仍希望一切順利。
黃珊珊提到自主量體溫不是作假即使過了校門口但北市每班的教室都有1支額溫槍會再度抽驗所以家長、老師還是會發現而自主量體溫也是誠信教育若填了當然會選擇相信不過就是怕有些家長讓小孩吃完退燒藥就進校；另外教室本身的防備物資也有準備2周以上讓孩子安心上課。
針對北市查獲4家業者乘機哄抬醫療口罩價格、發災難財黃珊珊說有疫情後就已要求法務局消保官一直查價嚴重就報到公平會但因太多業者在網路上做囤積販售會繼續查一有查核消息就上網公告。</t>
  </si>
  <si>
    <t>體溫家長北市開學黃珊珊孩子教室溫槍自主小學抽驗當然表示</t>
  </si>
  <si>
    <t>自主量體溫體溫黃珊珊開學防疫</t>
  </si>
  <si>
    <t>黃珊珊體溫開學防疫自主</t>
  </si>
  <si>
    <t>下午足跡確診</t>
  </si>
  <si>
    <t>日前曾被確診者造訪的好市多內湖店稍早突然公佈消息宣佈下午1時開始只出不進臨時閉店清潔消毒。對此北市衛生局證實該店確實有確診足跡已要求業者停業、清消執行防疫程式。一名網友今在PTT上發文表示</t>
  </si>
  <si>
    <t>確診網友程式防疫造訪執行停業ptt業者突然要求公佈消息宣佈下午開始</t>
  </si>
  <si>
    <t>日前曾被確診者造訪的好市多內湖店稍早突然公佈消息宣佈下午1時開始只出不進臨時閉店清潔消毒。對此北市衛生局證實該店確實有確診足跡已要求業者停業、清消執行防疫程式。
一名網友今在PTT上發文表示今天下午1點左右去內湖好市多卻被告知「只出不進」要配合政府政策消毒說是因為開了內用區所以要定期消毒讓他好奇到底怎麼了也提醒大家不要白跑一趟。
另也有網友在臉書社團《汐止集團》發文表示內湖好市多剛剛突然宣佈要暫停營業因為要清潔消毒賣場因此只出不進。而好市多賣場也貼出公告「配合政府防疫措施進行全店環境清潔消毒工作今（5日）暫時停業一天。」
針對此事好市多則回應說賣場出現確診者的足跡因此今天下午一點將進行消毒動作賣場只出不進明天就會恢復正常營業。
而臺北市衛生局稍早也證實該店確實有確診足跡目前已要求業者停業清消執行相關的防疫程式。</t>
  </si>
  <si>
    <t>消毒確診清潔停業防疫網友足跡今天下午進行政府發文配合</t>
  </si>
  <si>
    <t>內湖好市多停業消毒確診足跡台灣</t>
  </si>
  <si>
    <t>停業消毒確診足跡臺灣</t>
  </si>
  <si>
    <t>肺炎網友方認誤解常識起訴蚊蟲</t>
  </si>
  <si>
    <t>仍在世界各國肆虐的新冠肺炎具體傳染途徑醫界仍沒有定論一位何姓網友在臉書上指「蚊蟲是第三病毒傳播者」被警方依《嚴重特殊傳染性肺炎防治及紓困振興特別條例》移送臺北地檢署檢方偵查後認定何男誤解病媒</t>
  </si>
  <si>
    <t>肺炎認定條例特別偵查振興紓困防治蚊蟲病毒傳播警方書上具體傳染性特殊網友嚴重何姓定論沒有</t>
  </si>
  <si>
    <t>仍在世界各國肆虐的新冠肺炎具體傳染途徑醫界仍沒有定論一位何姓網友在臉書上指「蚊蟲是第三病毒傳播者」被警方依《嚴重特殊傳染性肺炎防治及紓困振興特別條例》移送臺北地檢署檢方偵查後認定何男誤解病媒妏蟲的常識雖然未經查證卻沒有明知不實傳播的犯行將何男不起訴處分。
何姓網友是4月7日下午在自己的臉書上發出「第二個冠狀病毒吹哨人向全人類發出警告天氣漸漸熱新冠肺炎還沒有結束武漢病毒研究所的所長向全國人民發出警告：蚊蟲將是人類第三病毒傳播者一旦傳播了全球60多億人3分之2的人都要深受其害」等內容。
警方認為何男的發文是足生損害於公眾的假消息約談到案後移送北檢偵辦。
何男在偵查中否認散播假消息並強調他以為蚊蟲會散佈病毒是「常識」所以朋友透過Line傳來的文章就被他轉貼給其他朋友分享不知道是假訊息。事後因媒體報導知道並非如此就刪文純粹是出於好意提醒朋友的心理並非惡意散佈謠言。
檢方則認為台灣事實查核中心在4月10日發布報告證實「蚊蟲會散佈病毒」是假訊息並有媒體加以報導何男是在4月7日發文是否知道為假訊息並非無疑慮。難認何男有明知為不實卻還是散佈的犯行也無任何積極證據不採何男的辯詞因此依罪證不足將何男不起訴處分。</t>
  </si>
  <si>
    <t>何男病毒散佈蚊蟲肺炎沒有發出朋友知道假消息訊息認為常識移送並非警方</t>
  </si>
  <si>
    <t>病毒蚊蟲傳播肺炎網友</t>
  </si>
  <si>
    <t>病毒傳播肺炎網友蚊蟲</t>
  </si>
  <si>
    <t>樓層不同搭乘確診電梯大樓鳳山</t>
  </si>
  <si>
    <t>高雄30日新增2例確診個案皆與先前發生的仁武家庭群聚案有關聯其中案14872與指標個案姪兒的同事同住於鳳山區某棟大樓雖然雙方互不認識也住在不同樓層但疑似因為他與確診者前後分別搭乘同部電梯在密閉空間染</t>
  </si>
  <si>
    <t>確診個案搭乘分別前後電梯家庭先前仁武發生樓層不同認識互不大樓山區侄兒于鳳同事密閉</t>
  </si>
  <si>
    <t>高雄30日新增2例確診個案皆與先前發生的仁武家庭群聚案有關聯其中案14872與指標個案姪兒的同事同住於鳳山區某棟大樓雖然雙方互不認識也住在不同樓層但疑似因為他與確診者前後分別搭乘同部電梯在密閉空間染疫隨後再將病毒帶回家中也造成2位同住家人確定染疫但尚未列案號目前該大樓已經確定有5人染疫。
高雄市長陳其邁表示案14872因症就醫採檢時確診疫調人員發現他住處位在鳳山某大樓3樓而先前染疫的指標個案姪兒的同事則是住在同棟大樓7樓為了不讓病毒擴大感染立即清空大樓召回所有住民共149位對他們安排採檢並分送防疫旅館隔離。
陳其邁指出該棟大樓是屋齡將近30年的平面大樓且僅有一個狹窄的出入口及3部共用電梯他們研判案14872是與先前確診的個案在6月21日發病前搭乘同部電梯造成接觸感染且案14872也將病毒帶回家中傳染給2位同住家人目前整棟大樓已經確定有5人染疫。
高市府接獲案14872確診的消息後火速到場封樓並召回大樓內所有住戶以防疫巴士載送到防疫旅館並安排檢測導致附近居民人心惶惶有民眾在網路上批評對高市府把被匡列者送旅館隔離的法律依據感到不解。
陳其邁回應這是個痛苦的決定基於大樓的群聚已經有5個確診個案判斷可能是因為共同感染源以及環境的汙染所以快速採取清零計畫並不是只發現1例的疑似個案就決定整棟大樓清空。</t>
  </si>
  <si>
    <t>大樓確診個案感染陳其邁旅館電梯先前病毒發現防疫安排召回市府已經搭乘隔離</t>
  </si>
  <si>
    <t>鳳山大樓染疫確診電梯仁武家庭群聚</t>
  </si>
  <si>
    <t>確診電梯仁武家庭大樓鳳山</t>
  </si>
  <si>
    <t>衝擊成德商客戶肺炎減少</t>
  </si>
  <si>
    <t>新冠肺炎疫情延燒德國經濟辦事處今天公佈疫情對商業影響的調查有628％在台德商的商業活動已大受疫情衝擊其中衝擊最嚴重的是客戶對產品及服務的需求下降逾6成7預估今年上半年營收將減少至少1成。此次調查是</t>
  </si>
  <si>
    <t>疫情調查德國辦事處今天衝擊公佈客戶台德商產品商業活動商業影響下降服務預估需求今年上半年</t>
  </si>
  <si>
    <t>新冠肺炎疫情延燒德國經濟辦事處今天公佈疫情對商業影響的調查有628％在台德商的商業活動已大受疫情衝擊其中衝擊最嚴重的是客戶對產品及服務的需求下降逾6成7預估今年上半年營收將減少至少1成。
此次調查是德經處3月3日至6日針對250家在台德商執行的調查調查結果顯示疫情衝擊最嚴重的主要是客戶對產品及服務的需求下降677％公司也取消631％的活動及國內外展覽有50％的德商因此預測其2020年上半年的營收將減少至少10％。
德國經濟辦事處首席代表暨處長林百科在記者會中提到儘管商業發展受新冠肺炎疫情影響但有超過87％的德商對台灣政府抗疫成果十分滿意。
林百科強調德商非常信任且願意跟隨台灣政府的防疫措施多數德商除了遵守台灣政府的建議也自行加強公司內部員工及外部訪客的防疫規範他舉例有833％的公司要求員工及訪客進入公司前需消毒564％的公司要求須測量體溫。
為緩解新冠肺炎疫情對公司財務的影響526％的德商呼籲政府提供財政紓困措施包括減稅措施及薪資補助等此外有603％的德商認為目前面臨最大難題為取得防疫用品例如口罩等設備但德商也能理解供不應求現象。</t>
  </si>
  <si>
    <t>疫情公司防疫調查臺灣政府措施商業影響辦事處要求德國台德商肺炎經濟下降員工</t>
  </si>
  <si>
    <t>德商疫情公司調查新冠肺炎</t>
  </si>
  <si>
    <t>調查公司疫情肺炎</t>
  </si>
  <si>
    <t>絕對緊急必要同仁市府暫緩出國黃敏惠</t>
  </si>
  <si>
    <t>新冠肺炎疫情變化迅速已對各項民生、經濟活動造成影響嘉義市長黃敏惠今25日在市務會議中表示市府正積極盤點資源目標從強健企業體質、協助紓困等方式共度艱困時刻也提醒市府同仁若沒有緊急或絕對必要應暫</t>
  </si>
  <si>
    <t>市府變化迅速緊急已對民生沒有經濟活動同仁造成影響嘉義疫情市長提醒黃敏惠時刻共度方式紓困協助體質企業</t>
  </si>
  <si>
    <t>新冠肺炎疫情變化迅速已對各項民生、經濟活動造成影響嘉義市長黃敏惠今25日在市務會議中表示市府正積極盤點資源目標從強健企業體質、協助紓困等方式共度艱困時刻也提醒市府同仁若沒有緊急或絕對必要應暫緩出國在要為國家、為家庭、為自己多多自我保護。
黃敏惠說中央紓困特別條例與預算現正在立法院審議希望中央要更全面、更貼地氣的盡快提出各項協助計畫幫助產業、提振經濟發展身為地方政府在第一線更瞭解在地所受的衝擊與影響因此市府正積極盤點資源目標從強健企業體質、協助紓困等方式共度艱困時刻。
黃敏惠說像受旅客人數減少飯店旅館若有停止營業的樓層可申請重新核定適用較低稅率將房屋稅營業用稅率3％更改為較低的2％非住家非營業用稅率同時協助業者發揮既有優勢與拓展未來發展空間例如有口碑的好產品積極拓展電子線上商機、出別具特色的親子、生態、文化旅遊等吸引更多國人來嘉義。
同時市府也會滾動式檢討是否停辦或延後市府主辦的大型活動黃敏惠強調市府一定會仔細評估大型活動的舉辦畢竟影響層面極廣尤其民間期待政府帶頭拚經濟但同時人民也非常在乎政府在防疫的作為與政策所以我們會不斷關注疫情的變化滾動式的檢討做出最符合市民利益與期待的判斷。</t>
  </si>
  <si>
    <t>市府黃敏惠協助影響經濟政府營業積極拓展稅率紓困變化嘉義中央發展疫情期待檢討動式大型活動時刻</t>
  </si>
  <si>
    <t>黃敏惠紓困出國嘉義市紓困</t>
  </si>
  <si>
    <t>黃敏惠出國嘉義紓困</t>
  </si>
  <si>
    <t>確診足跡公佈行程北市曝光</t>
  </si>
  <si>
    <t>臺北市今公佈1例確診者足跡案16121為新北市個案2日確診感染源尚待釐清個案曾到過的停車場、商場、飲料店皆已完成清消。個案曾在8月28日下午到過南港車站地下停車場還曾去過2xlu二口旅茶｜說茶旅人信義總店</t>
  </si>
  <si>
    <t>個案停車場確診曾去足跡地下車站xlu感染下午完成飲料店</t>
  </si>
  <si>
    <t>臺北市今公佈1例確診者足跡案16121為新北市個案2日確診感染源尚待釐清個案曾到過的停車場、商場、飲料店皆已完成清消。
個案曾在8月28日下午到過南港車站地下停車場還曾去過2xlu二口旅茶｜說茶旅人信義總店以及送青良手做茶飲臺北松山旗艦店最後還到過春光公園地下停車場足跡遍及南港和信義區。
臺北市衛生局公佈案16121在8月28日下午4點和5點45分到過南港車站地下停車場同日下午4點16分至5點45分Global Mall B1A和CITYLINK C棟9樓；同日晚上6點和7點20分則到過春光公園地下停車場；同日晚上6點50分至7點10分則到過2xlu二口旅茶｜說茶旅人信義總店和送青良手做茶飲臺北松山旗艦店。</t>
  </si>
  <si>
    <t>停車場下午個案地下同日確診足跡信義公佈分至分則晚上車站xlu春光公園青良手臺北</t>
  </si>
  <si>
    <t>臺北市確診足跡南港信義區</t>
  </si>
  <si>
    <t>信義確診足跡南港臺北市</t>
  </si>
  <si>
    <t>淡江師生人數確診學生</t>
  </si>
  <si>
    <t>教育部今天最新公告到23日下午5時30分止共有118位學生確診其中大專生60人最多。而淡江大學今天也在學校網站公告有4位師生確診學校已進行全面消毒。教育部統計共有118位學生確診較前1天106人增加12人。</t>
  </si>
  <si>
    <t>確診共有學生公告學校今天教育部下午進行網站統計淡江大學消毒全面大專生師生最新增加</t>
  </si>
  <si>
    <t>教育部今天最新公告到23日下午5時30分止共有118位學生確診其中大專生60人最多。而淡江大學今天也在學校網站公告有4位師生確診學校已進行全面消毒。
教育部統計共有118位學生確診較前1天106人增加12人。確診學生中包括大專生60人（含50個本土案例、10個境外移入案例）、高中生17人、國中生12人、國小生19人及幼兒園生10人。
同時淡江大學今天也在學校官網公告有1位兼任教師及3位學生共4人確診均已完成全面疫調並已通知相關師生注意自主健康管理校內所有可能接觸的場域均已進行全面消毒。</t>
  </si>
  <si>
    <t>確診學生公告學校今天師生共有全面大專生教育部案例淡江大學進行本土消毒相關校內注意自主健康管理通知</t>
  </si>
  <si>
    <t>確診淡江師生新冠肺炎台灣</t>
  </si>
  <si>
    <t>師生淡江肺炎臺灣確診</t>
  </si>
  <si>
    <t>投資報佳音資金</t>
  </si>
  <si>
    <t>近來美國公佈企業財報截至14日止美國S&amp;P500近八成企業公佈營運成果其中有七成以上企業獲利優於預期幅度達45％隨實際亮眼財報陸續發布美國S&amp;P500企業去年第四季盈餘成長率由1月底-03％上修至09％雖反</t>
  </si>
  <si>
    <t>企業s&amp;p美國公佈月底成長率預期獲利幅度優於以上四季實際去年營運陸續發佈</t>
  </si>
  <si>
    <t>美國企業投資市場疫情利率債市資金肺炎預期情緒影響有望利差經濟優於持續表示等級</t>
  </si>
  <si>
    <t>美國企業投資級債肺炎控制</t>
  </si>
  <si>
    <t>投資企業肺炎控制美國</t>
  </si>
  <si>
    <t>居隔新竹機師陰性</t>
  </si>
  <si>
    <t>新竹縣8日維持＋0桃園市的確診個案為Delta病毒在新竹縣有4處足跡新竹縣衛生局匡列25人居家隔離首波採檢均為陰性、7日第2次採檢也全數為陰性而某私幼非同住家人1採陰性、竹縣某國中老師2採也陰性不過因二</t>
  </si>
  <si>
    <t>陰性新竹病毒delta個案確診衛生局桃園匡列隔離居家全數竹縣維持足跡</t>
  </si>
  <si>
    <t>新竹縣8日維持＋0桃園市的確診個案為Delta病毒在新竹縣有4處足跡新竹縣衛生局匡列25人居家隔離首波採檢均為陰性、7日第2次採檢也全數為陰性而某私幼非同住家人1採陰性、竹縣某國中老師2採也陰性不過因二級警戒持續至9月20日新竹縣不開放任何戶外場所烤肉僅同住家人可居家烤肉。
新竹縣7日傳出有國中教師快篩陽性經過2度採檢均為陰性而某私幼8日全園預防性停課也傳出該園所幼生的非同住家人一採為陰性。曾與桃園市確診個案接觸而居家隔離的25人7日二度採檢全數為陰性。
新竹縣衛生局指出由於北部地區有群聚案件社區可能有不明感染源若於中秋節開放戶外烤肉、辦活動可能增加社區傳播風險並考量到公共場所有不特定人來來往往若脫下口罩、無法保持社交距離等將有防疫風險因此9月18至21日中秋連假期間竹縣不開放任何戶外、公共場所、社區烤肉和相關活動僅同住家人可居家烤肉請民眾配合。
新竹縣長楊文科也呼籲民眾Delta病毒株不容小覷請所有民眾防疫不能鬆懈確實遵守二級強化警戒措施維持外出全程戴口罩、實聯制、保持社交距離、勤洗手的防疫習慣共同嚴守社區防線。
★《中時新聞網》提醒您：因應新冠肺炎疫情疾管署持續加強疫情監測與邊境管制措施 如有疑似症狀請撥打：1922專線或 0800-001922 並依指示配戴口罩儘速就醫同時主動告知醫師旅遊史及接觸史以利及時診斷及通報。</t>
  </si>
  <si>
    <t>新竹社區口罩陰性烤肉防疫居家接觸措施開放戶外民眾警戒持續傳出維持風險疫情</t>
  </si>
  <si>
    <t>陰性竹縣新竹縣採檢同住家人</t>
  </si>
  <si>
    <t>新竹竹縣家人陰性</t>
  </si>
  <si>
    <t>價格檢驗肺炎急件小時醫院輔大可取</t>
  </si>
  <si>
    <t>輔大醫院配合中央政府政策自即日起調低新冠肺炎自費檢驗價格取消國際醫療件並調降約3成價格使原先一般件常規檢驗費5千元急件7千元國際醫療7560元目前只分一般件3500元與急件4500元且急件最快8小時當天</t>
  </si>
  <si>
    <t>價格國際醫療一般急件政策自即日起中央政府肺炎自費檢驗費原先檢驗常規取消配合目前醫院當天</t>
  </si>
  <si>
    <t>輔大醫院配合中央政府政策自即日起調低新冠肺炎自費檢驗價格取消國際醫療件並調降約3成價格使原先一般件常規檢驗費5千元急件7千元國際醫療7560元目前只分一般件3500元與急件4500元且急件最快8小時當天取件一般件隔天也可以取件。
輔大醫院指出新冠檢驗每天上午8時至12時採檢民眾可以先到醫院網站預約免除現場作業及等候時間。急件上午8時至10時完成掛號當天下午6時後取件；一般件上午10時至12時完成掛號第2天早上10時可以取件隔天下午6時後也可拿到報告。
院長王水深說輔大醫院自去年8月開始新冠肺炎檢驗已執行超過7千人次。隨著疫情變化出境人次增多民眾因為出國工作或求學等需要自費提出核酸檢測證明輔大醫院配合政府協調降價檢驗結果提供中文、英文報告。
院長王水深補充因應每家航空公司證明格式不同輔大醫院另外提供適航證明掛號服務民眾到輔大醫院新冠肺炎檢驗現場提交身分證（居留證）及護照正本、影本、申請表表格詳見醫院網站。</t>
  </si>
  <si>
    <t>醫院輔大檢驗一般民眾證明急件可以肺炎上午時至掛號現場自費提供價格醫療國際當天王水報告院長時後</t>
  </si>
  <si>
    <t>輔大醫院急件新冠肺炎檢驗取件</t>
  </si>
  <si>
    <t>急件肺炎醫院檢驗輔大</t>
  </si>
  <si>
    <t>境外尼泊爾返台確診</t>
  </si>
  <si>
    <t>中央流行疫情指揮中心發言人莊人祥今（7）日表示國內新增1例境外移入COVID-19（新冠肺炎）病例為本國籍20多歲男性（案494）今（2020）年2月至尼泊爾參加宗教活動9月3日與友人一同返國。指揮中心表示個案登</t>
  </si>
  <si>
    <t>指揮中心表示covid-肺炎病例境外國籍男性發言人返國新增莊人祥尼泊爾國內友人參加宗教活動一同疫情流行</t>
  </si>
  <si>
    <t>中央流行疫情指揮中心發言人莊人祥今（7）日表示國內新增1例境外移入COVID-19（新冠肺炎）病例為本國籍20多歲男性（案494）今（2020）年2月至尼泊爾參加宗教活動9月3日與友人一同返國。
指揮中心表示個案登機前3天之檢驗結果為陰性9月3日與友人返國入境時無症狀入境後返回居住地居家檢疫。個案9月5日出現發燒、流鼻水、頭痛、肌肉痠痛及腹瀉等症狀經通報衛生單位後安排就醫及採檢於今日確診目前住院隔離治療中。
指揮中心指出個案搭機期間及返國入境後均全程佩戴口罩衛生單位已掌握個案接觸者共25人其中同班機前後二排座位旅客4人、同行返國友人1人及同住家人4人列為居家隔離對象同班機機組員16人因全程有適當防護列為自主健康管理對象將持續密切追蹤這些接觸者之健康情形。
指揮中心統計國內截至目前累計88558例新型冠狀病毒肺炎相關通報（含87453例排除）其中494例確診分別為402例境外移入病例55例本土病例36例敦睦艦隊及1例不明。確診個案中7人死亡、475人解除隔離、12人住院隔離中。</t>
  </si>
  <si>
    <t>個案中心指揮返國確診友人目前病例肺炎全程隔離入境通報表示健康衛生接觸單位居家國內列為症狀班機</t>
  </si>
  <si>
    <t>中央流行疫情指揮中心莊人祥COVID-19新冠肺炎尼泊爾</t>
  </si>
  <si>
    <t>中心covid-莊人祥指揮疫情肺炎流行中央尼泊爾</t>
  </si>
  <si>
    <t>衛生紙食品搶購costco末日套餐</t>
  </si>
  <si>
    <t>新冠肺炎除了引發各國對疫情恐慌也推動了各種搶購潮包括先前的香港、台灣近期的日本、韓國與部份歐陸國家現在美國各地也掀起衛生紙搶購潮此一風潮應可能很快就會傳回美國本土。在北美的加拿大因為政府建</t>
  </si>
  <si>
    <t>美國搶購潮本土疫情恐慌傳回推動可能很快近期日本包括香港韓國臺灣先前風潮歐陸國家現在衛生紙掀起引發北美肺炎加拿大</t>
  </si>
  <si>
    <t>新冠肺炎除了引發各國對疫情恐慌也推動了各種搶購潮包括先前的香港、台灣近期的日本、韓國與部份歐陸國家現在美國各地也掀起衛生紙搶購潮此一風潮應可能很快就會傳回美國本土。在北美的加拿大因為政府建議預留食品與藥品各超市貨架亦被清光許多人甚至瘋狂訂購號稱用於防備核戰爆發、可保存25年的「末日套餐」。
從大陸傳染到其他國家的不只是新冠病毒也包括因疫情而來的各種搶購潮除了口罩、消毒液還波及衛生紙及各種紙巾食品與日用品亦在搶購之列。據《全球新聞》(Global News)報導為了應對新冠肺炎加拿大政府建議民眾儘早囤貨在家中留出一周的藥品和食品供應。從網友曬出的照片看到加拿大各大超市門前開始排隊有不少人圍在冷藏櫃前搶肉貨架被一掃而空。有市民開始訂購Costco保質期25年「末日套餐」據說套餐裡的脫水水果和罐裝牛肉等一人份可以吃一年。
據美國夏威夷超市的衛生紙也遭逢台港日韓不久前的命運由於全球疫情擴散美國防疫情勢不妙夏威夷民眾也開始囤積貨品他們未戴口罩擠進超市排隊搶購各種日常生活用品與防疫用品不只口罩、消毒液這些防護消毒用品被搶購更是連衛生紙也一搶而空。美國華盛頓州西雅圖市南部的一家大型超市裡大量顧客排隊購物許多人的購物車裡都裝著洗手液和消毒濕巾而醫用口罩和衛生紙已售罄。俄勒岡州的超市也出現了類似的情況顧客擠滿了商店把衛生紙、紙巾、瓶裝水、小吃、罐頭食品等商品一掃而空。店員們表示這是超市史上第一次衛生紙售罄他們從沒這麼忙即使在聖誕節前夕也沒有這麼忙。
據《美聯社》發佈的視頻顯示夏威夷火奴魯魯市當地居民排著長隊購買衛生紙和紙巾超市的員工們忙著不斷補貨不少超市已經開始對衛生紙進行限購。
據表示美加民眾湧入超市大量購買和囤積日常生活物資有顧客稱：「末日來臨時衛生紙就像金子一樣珍貴。」另外遠在南太洋的澳洲也出現搶購搶購標的是白米與衛生紙。
一談到搶購大陸網民都經驗豐富但對於美加民眾搶購衛生紙很難理解「沒有吃的那來那麼多的屎呢？老美真憨豆哈哈」、「不怕吃不上飯就怕上不了廁所」、「看來擦屁股遠比戴口罩重要」。</t>
  </si>
  <si>
    <t>衛生紙超市搶購美國口罩開始民眾食品夏威夷顧客紙巾疫情排隊搶購潮套餐訂購消毒大陸國家加拿大</t>
  </si>
  <si>
    <t>帶來covid-抓住企業轉型社論工商契機</t>
  </si>
  <si>
    <t>2020年上半年即將結束上市公司陸續總結半年的營運成績雖然正式的半年報要到七、八月才會陸續公告但是絕大多數上市公司董事會與經營團隊都瞭然於心將要迎來顯著衰退的營收甚至是難堪的紅字虧損。新冠肺炎帶</t>
  </si>
  <si>
    <t>公司陸續上市虧損難堪甚至衰退顯著迎來將要團隊經營董事會總結正式年報要到成績八月公告營運</t>
  </si>
  <si>
    <t>2020年上半年即將結束上市公司陸續總結半年的營運成績雖然正式的半年報要到七、八月才會陸續公告但是絕大多數上市公司董事會與經營團隊都瞭然於心將要迎來顯著衰退的營收甚至是難堪的紅字虧損。新冠肺炎帶給人類經濟生活猶如戰爭般的衝擊把大多數企業推到生死存亡的臨界點。
重大災難正是對企業經營能力的終極考驗所有公司負責人都會高喊永續經營不過「永續經營」在承平的日子只是啦啦隊一般鼓舞員工的漂亮口號只有在新冠肺炎這樣重大的災難中才能看到公司負責人對於「永續經營」承諾的真假。
在真實的世界裡企業時時刻刻面臨著商業模式轉型、組織結構調整、傳統與創新部門的汰舊換新、以及高層決策主管的更替等挑戰承平時期既有的商業模式貢獻穩定的營收要進行結構性的改革相對困難；相反的新冠肺炎這樣的重大災難雖然可怕對於企業經營者來說卻是天上掉下來的禮物經營總體環境的重大災難是企業改革的東風真正環抱永續經營的企業主不僅不畏災難更會借東風來加速結構性的調整順勢汰弱擇強完成從商業模式到一級主管更替的困難改革。
過去十年臉書、蘋果、亞馬遜這幾家被稱為FAANG 的企業躍居全球龍頭他們在新冠肺炎疫情衝擊下不只沒有退縮反而雷厲風行進行結構性的改革他們犧牲短期利益加速投資未來的決心是台灣企業家學習的典範。
蘋果公司在6月22日召開年度開發者大會（WWDC）推出iOS14作業系統等大幅度的升級改革方案從軟體、主要硬體升級、到網路服務的推陳出新視新冠疫情為擴大全球市佔率的契機蘋果公司在疫情期間關閉營業點更大的挑戰是蘋果成為中國與美國角力的人質許多人甚至認為失去中國市場的蘋果公司將一蹶不振但是蘋果手機、手錶、電腦在過去半年全球市佔率大增反而確保無可挑戰的龍頭地位蘋果也趁機打破原有部門的山頭將音樂、電視、新聞等服務做了全面整合；在WWDC還宣佈自行主導的運算晶片宣示擺脫英特爾的重大結構性轉變。
蘋果公司面對疫情的快速調整獲得投資人高度的支持蘋果的股價在上週五創下每股35656美元的新高已經比疫情爆發之前高出10％總市值來到152兆美元的歷史新高。相較於其他的競爭者華為面臨重大市場衰退被迫裁員因應韓國三星股價剩下每股52900韓元距離疫情之前的62800韓元下跌16％優勝劣敗的競逐已經分出勝負。
咖啡連鎖店星巴克的改革也令人驚訝最具有代表性的是一度被熱烈討論號稱要挑戰星巴克的中國瑞幸咖啡爆發假帳風暴而瞬間崩潰星巴克屹立不搖。疫情迫使星巴克必須關閉大量營業點卻被經營團隊作為汰弱擇強的絕佳機會原本日常期間挑戰甚高的營業點調整在過去三個月內迅速洗牌。
更令人驚訝的是星巴克宣佈關閉美國400多個傳統的咖啡店同時開設300間只提供外送與現場取貨、沒有座位的新店面（pick-up stores）。這是星巴克面對消費型態轉變的重大轉型以更小面積、成本更低廉、直接滲透到小社區、辦公室、居家附近的商業模式採取 app訂單服務為核心迎接5G世代的新服務星巴克也跟蘋果一樣藉著新冠疫情的衝擊拉開了與競爭對手的距離。
比蘋果更勇猛的是亞馬遜在今年第二季為了因應新冠疫情亞馬遜瞬間增加了40億美元的資本支出表面上出現了虧損但是卻將送貨到府的服務提升到了之前無法想像的新高市佔率、交易頻率、全面提升的結果亞馬遜的股價竟然比疫情之前飆升了25％總市值增加將近3千億美元。
達爾文的物競天擇論不僅解釋了生物種族的演化更是企業經營的最佳詮釋大自然不會永遠平順每一次重大的天然災難都是生存競爭的淘汰賽最終勝出的並不是最大、最強的物種而是能夠在不斷變動環境中擁抱改變的最適者（Survival of the Fittest）。重大災難對於決心永續經營的企業主帶來轉型的東風新冠肺炎疫情一時三刻不會消失願意擁抱改變、抓住機會汰弱擇強的企業將是最終的勝利者。</t>
  </si>
  <si>
    <t>疫情經營重大蘋果企業災難巴克挑戰服務改革商業模式蘋果公司公司肺炎結構性亞馬遜之前轉型調整過去股價中國</t>
  </si>
  <si>
    <t>蘋果挑戰疫情企業服務</t>
  </si>
  <si>
    <t>蘋果疫情服務挑戰企業</t>
  </si>
  <si>
    <t>劉增縣長完成感謝旅客入境配合馬祖今</t>
  </si>
  <si>
    <t>連江縣今（3）日計有28位旅客從臺北松山機場搭機入境馬祖南竿機場除1名剛滿月的嬰兒外全數完成篩檢結果均為陰性。其中10位在松機快篩陰性後登機17位抵達南竿機場後在連江縣疫情指揮中心人員強力勸說下都已</t>
  </si>
  <si>
    <t>機場連江縣陰性人員中心臺北旅客指揮松山機場疫情強力入境馬祖南結果完成剛滿全數嬰兒登機計有勸說松機</t>
  </si>
  <si>
    <t>連江縣今（3）日計有28位旅客從臺北松山機場搭機入境馬祖南竿機場除1名剛滿月的嬰兒外全數完成篩檢結果均為陰性。其中10位在松機快篩陰性後登機17位抵達南竿機場後在連江縣疫情指揮中心人員強力勸說下都已完成快篩。
連江縣長劉增應表示對入境旅客的配合表示感謝及肯定並強調台灣本島疫情並無減緩跡象離島必須嚴格做好入境篩檢。為加強並落實離島防疫對入境旅客進行全面快篩仍然是防疫的最佳方案縣疫情指揮中心持續爭取中央指揮中心同意。
劉增應指出對於不接受入境快篩者將派員警時時關切其自主健康監測的情形並通知相關單位禁止拒篩者搭乘縣內所有海、陸公共運輸工具包括公車及離島間海運客輪。
連江縣疫情指揮中心呼籲入境馬祖旅客請踴躍接受篩檢機場碼頭快篩方便快速保護自己及家人健康。</t>
  </si>
  <si>
    <t>入境旅客疫情中心指揮機場連江縣防疫完成劉增接受健康陰性監測情形自主通知關切時時相關</t>
  </si>
  <si>
    <t>新冠肺炎台灣 快篩入境連江縣</t>
  </si>
  <si>
    <t>臺灣肺炎入境連江縣</t>
  </si>
  <si>
    <t>瀕臨疫情德國失控未來情勢嚴峻梅克爾</t>
  </si>
  <si>
    <t>德國疫情即將一發不可收拾！總理梅克爾26日示警德國對抗新冠病毒已瀕臨失控邊緣。她多次告訴所屬的基民盟（CDU）成員「當前情勢極具威脅」「每天都很要緊。」據與會人士對媒體透露梅克爾在與CDU的內部會議中</t>
  </si>
  <si>
    <t>梅克爾cdu德國總理透露媒體威脅要緊瀕臨失控對抗病毒極具與會人士情勢邊緣告訴當前所屬成員基民盟一發不可收</t>
  </si>
  <si>
    <t>德國疫情即將一發不可收拾！總理梅克爾26日示警德國對抗新冠病毒已瀕臨失控邊緣。她多次告訴所屬的基民盟（CDU）成員「當前情勢極具威脅」「每天都很要緊。」
據與會人士對媒體透露梅克爾在與CDU的內部會議中嚴正警告「往後好幾個月會非常非常嚴峻」在對抗疫情擴散的奮戰中「每天都很要緊。」
梅克爾本週五（30日）將與全國16個邦的領導人集會預料地方政府將同意收緊現行的全國性防疫管制措施。梅克爾週末曾向民眾喊話表示人們「絕對不會沒有能力控制病毒」並呼籲國人「減少接觸畢竟這是對抗病毒最有效的方法」。</t>
  </si>
  <si>
    <t>病毒梅克爾cdu對抗要緊德國疫情畢竟減少國人呼籲控制能力絕對人們沒有表示政府地方同意預料</t>
  </si>
  <si>
    <t>梅克爾德國疫情新冠肺炎</t>
  </si>
  <si>
    <t>德國疫情梅克爾肺炎</t>
  </si>
  <si>
    <t>愛犬甜蜜伴侶融化新婚</t>
  </si>
  <si>
    <t>美國舊金山一對新人伴侶在日前舉行了線上婚禮儀式結束後兩人拍攝了一張婚戒照沒想到抱在懷裡的愛犬竟也偷偷伸出了自己的腳掌可愛的萌掌瞬間讓這張照片更加特別且意義非凡。根據外媒報導華盛頓和約翰（Washin</t>
  </si>
  <si>
    <t>報導日前舉行意義婚禮特別更加儀式照片結束瞬間拍攝伴侶華盛頓可愛腳掌伸出</t>
  </si>
  <si>
    <t>美國舊金山一對新人伴侶在日前舉行了線上婚禮儀式結束後兩人拍攝了一張婚戒照沒想到抱在懷裡的愛犬竟也偷偷伸出了自己的腳掌可愛的萌掌瞬間讓這張照片更加特別且意義非凡。
my husband and I tried to take pics of our rings and our dog didn’t want to feel left out???? pictwittercom/pAQVLEmwBo
根據外媒報導華盛頓和約翰（Washington and John）兩人已經交往11年雖然在幾年前已經訂婚不過一直都沒有真的結婚而今年新冠肺炎疫情大爆發讓兩人有種想要步入婚姻的緊迫感於是在日前舉行了線上的婚禮儀式並邀請親朋好友們透過視訊的方式觀禮。
在儀式結束後這對新人伴侶想要拍張甜蜜的婚戒照來紀念這一刻等到檢查照片的時候他們才看到兩人所飼養的13歲杜賓犬竟然悄悄地也伸出了自己的腳掌疊在他們的手上讓照片變得更加特別。事後華盛頓將這張意外的可愛照片分享到推特中並寫道：「我和我的丈夫試著為我們的婚戒拍照但我們的狗似乎不想被遺忘」。
這張照片很快就吸引了大批網友前來朝聖至今已有超過30萬人按下愛心大家對此都感到相當溫馨「所以牠的戒指呢？」、「這是一隻多完美可愛的小爪子」而華盛頓和約翰對於愛犬深受網友喜愛感到非常開心「我們從寵物身上得到了無條件的愛和快樂不過我們卻很快就將牠們遺忘但就像是所有父母一樣你所要做的就是讓別人提起毛小孩時可以盡情地炫耀與分享照片」。</t>
  </si>
  <si>
    <t>照片and可愛華盛頓儀式to感到網友愛犬想要和約伴侶伸出結束腳掌很快遺忘新人更加</t>
  </si>
  <si>
    <t>狗新婚婚戒推特</t>
  </si>
  <si>
    <t>出現病毒傳人年前美專家現象</t>
  </si>
  <si>
    <t>有「病毒獵人」之稱的美國哥倫比亞大學公共衞生學院感染與免疫中心主任利普金（Ian Lipkin）4日接受美媒訪問他透露新冠病毒可能早就在人類之間傳播了數月甚至數年之久。目前針對新冠病毒來源最普遍的說法是病</t>
  </si>
  <si>
    <t>病毒美國哥倫比亞大學學院感染衛生免疫中心主任來源利普金ianlipkin接受訪問透露目前人類之間傳播可能甚至早就普遍</t>
  </si>
  <si>
    <t>有「病毒獵人」之稱的美國哥倫比亞大學公共衞生學院感染與免疫中心主任利普金（Ian Lipkin）4日接受美媒訪問他透露新冠病毒可能早就在人類之間傳播了數月甚至數年之久。
目前針對新冠病毒來源最普遍的說法是病毒來自大陸湖北省武漢市華南海鮮批發市場經蝙蝠傳染人類然後出現人傳人變成大流行。利普金則認為病毒可能已經在人類之間傳播一段時間可能數年前就進入人類體內最終才轉變為人傳人的致命病毒。他說：「這段時期有多久？我們可能永遠無法完全重建這個過程……它可能已經流傳數月或數年。」
利普金曾擔任電影「全境擴散」的醫療顧問他本人上月底也被確診感染新冠肺炎。他形容病發的頭幾天感覺像是「有隻大象壓在肩膀上」。他於1月下旬至2月初曾到大陸考察防疫工作回國後的隔離期間並無不適但之後在紐約開始出現症狀。</t>
  </si>
  <si>
    <t>病毒人類可能利普金大陸感染已經出現傳播之間之後不適期間隔離回國工作防疫考察大象</t>
  </si>
  <si>
    <t>人傳人病毒新型冠狀病毒</t>
  </si>
  <si>
    <t>病毒冠狀傳人</t>
  </si>
  <si>
    <t>試劑抗原肺炎歐盟ce-ivd認證安特羅</t>
  </si>
  <si>
    <t>國光生（4142）子公司安特羅（6564）宣佈開發之開發「Speedy新型冠狀病毒抗原快速檢驗試劑」已正式取得歐盟CE-IVD認證得於歐洲市場銷售將積極進軍海外市場。安特羅表示已規劃向食品藥物管理署（TFDA）提出</t>
  </si>
  <si>
    <t>安特羅市場開發食品規劃抗原快速表示檢驗試劑銷售海外宣佈正式歐洲取得得于歐盟認證ce-ivd藥物冠狀speedy病毒進軍積極管理署子公司</t>
  </si>
  <si>
    <t>安特羅試劑市場疫苗快速邊境防疫病毒肺炎臨床目標試驗結果標準取得明年交通抗原專一性銷售具有依據國際</t>
  </si>
  <si>
    <t>全球國光生安特羅中和新冠肺炎</t>
  </si>
  <si>
    <t>安特羅中和國光肺炎全球</t>
  </si>
  <si>
    <t>出事北京站深夜緊急停業自主公告解封進行才剛</t>
  </si>
  <si>
    <t>（20日03：30更新）雖三級警戒再度延長至7月26日但在有條件下7月13日起20類場所將微解封台北京站昨天（19日）深夜發出公告為避免北車地下街感染風險今天（20日）將自主停業一天清消。台北京站威秀影城昨晚也</t>
  </si>
  <si>
    <t>北京站場所停業避免地下街公告發出自主深夜感染風險今天解封昨天延長條件影城再度</t>
  </si>
  <si>
    <t>（20日03：30更新）雖三級警戒再度延長至7月26日但在有條件下7月13日起20類場所將微解封台北京站昨天（19日）深夜發出公告為避免北車地下街感染風險今天（20日）將自主停業一天清消。台北京站威秀影城昨晚也在臉書粉絲團發文表示為配合防疫於7月20日全面關閉進行商場與影城消毒。
貼文也引發網友留言「有確診者去過？」、「好詭異但還是安全第一」、「上禮拜去過怕」。
★《中時新聞網》提醒您：因應新冠肺炎疫情疾管署持續加強疫情監測與邊境管制措施 如有疑似症狀請撥打：1922專線或0800-001922並依指示配戴口罩儘速就醫同時主動告知醫師旅遊史及接觸史以利及時診斷及通報。</t>
  </si>
  <si>
    <t>影城北京站疫情接觸史及旅遊醫師告知主動就醫以利口罩配戴指示專線撥打監測症狀</t>
  </si>
  <si>
    <t>新冠肺炎台灣停業關閉進行</t>
  </si>
  <si>
    <t>停業臺灣肺炎關閉進行</t>
  </si>
  <si>
    <t>粗暴手段復工不人道京元電對待</t>
  </si>
  <si>
    <t>苗栗疫情趨緩京元電員工群聚事件接近清零移工陸續解隔離返回宿舍然而昨（24日）晚卻爆出京元電缺乏相關配套移工的個人物品被擅自打包像垃圾一樣堆在走廊或大街引發熱烈討論此外有移工向日媒爆料京元</t>
  </si>
  <si>
    <t>京元電向日員工大街走廊垃圾事件宿舍引發爆出討論打包返回清零接近熱烈隔離擅自陸續物品</t>
  </si>
  <si>
    <t>苗栗疫情趨緩京元電員工群聚事件接近清零移工陸續解隔離返回宿舍然而昨（24日）晚卻爆出京元電缺乏相關配套移工的個人物品被擅自打包像垃圾一樣堆在走廊或大街引發熱烈討論此外有移工向日媒爆料京元電為了趕在本周通過政府檢查完成全面復工的目標以「混亂」且「不人道」的手段對待移工3坪大房間沒有床還要擠6個人。
京元電6月初爆發群聚感染累積確診人數突破200人甚至波及鄰近超豐、智邦等大廠隨著指揮中心於京元電設立前進指揮所後逐步控制疫情前進指揮所也於21日撤離。
日經亞洲評論報導京元電被規定要降低每間宿舍的居住人數但過程卻被移工批評相當「混亂」且「不人道」有部分移工在週二（22日）的大雨中搬遷進新的宿舍但個人物品卻被當成垃圾一般隨意棄置有些新宿舍甚至沒有床。
化名為Jennifer的移工指出公司在大家隔離時隨意打包私人物品還要大家迅速搬家令人措手不及而且新宿舍只有10平方公尺（約3坪）大在沒有床位的狀況下擠了6名員工。
另一位化名為Cristylyn則表示「我的許多朋友從隔離的地方回來才發現他們的東西已經被打包並散落在各處隨意碰觸我們的東西是相當不人道的。」
日經也訪問一名菲律賓駐台代表處的前員工Gina Lin她說：「從我接獲的消息發現狀況非常混亂京元電要求數百名移工在24小時內搬到新的地方但新宿舍根本沒有準備好移工還必須在新宿舍外排隊再次接受篩檢這可能會造成新的群聚感染危機因為根本沒有保持社交距離。」
對此京元電承認為了符合政府降載的規定在移工遷移的處理上出現問題會盡快解決這個狀況並在週末前讓所有移工復工「鑒於目前全球供應鏈緊繃我們需要盡快恢復生產事實上我們已在6月份對數千名移工和本地員工進行了多次PCR檢測我們的員工和生產線是安全的。」
目前台灣約有713萬名的外籍員工其中63%任職於製造業其餘則任職於醫療產業在科技產業中日月光雇用約1萬名移工占全體員工的18%京元雇用超過2000人此次也有員工染疫的超豐逾1000人京鼎則有62人。</t>
  </si>
  <si>
    <t>員工京元電宿舍沒有狀況打包隔離隨意混亂不人道復工規定發現目前甚至</t>
  </si>
  <si>
    <t>京元電新冠肺炎苗栗移工疫情</t>
  </si>
  <si>
    <t>肺炎苗栗京元電疫情</t>
  </si>
  <si>
    <t>確診陳維祥呼吸困難推手插管江蕙</t>
  </si>
  <si>
    <t>幫助歌後江蕙在歌壇發展的貴人、吉馬唱片創辦人陳維祥本月4日因身體不適就醫確診新冠肺炎(COVID-19)人住進加護病房中而確診後不過幾天原本還叮嚀親友要注意防疫的他如今驚爆因呼吸困難已插管失聯多日</t>
  </si>
  <si>
    <t>確診歌壇發展貴人呼吸困難吉馬如今唱片防疫注意創辦親友叮嚀陳維祥原本本月病房不適</t>
  </si>
  <si>
    <t>幫助歌後江蕙在歌壇發展的貴人、吉馬唱片創辦人陳維祥本月4日因身體不適就醫確診新冠肺炎(COVID-19)人住進加護病房中而確診後不過幾天原本還叮嚀親友要注意防疫的他如今驚爆因呼吸困難已插管失聯多日而陳維祥如今終於親自給予回應。
吉馬唱片創辦人陳維祥過去曾替江蕙、葉啟田、鳳飛飛、詹雅雯等知名歌手製作專輯張張大賣堪稱是歌王歌後黃金推手即便他近10年已從唱片業急流勇退但仍與眾多知名歌手保持好交情跨界美食界也有不錯成績昔日培養的歌手們都熱情幫陳老闆月臺足見彼此友好程度也因此這回70歲的陳維祥確診新冠讓許多圈內朋友都非常擔心。
陳維祥日前爆出確診他事後透露是因確診3天前高燒不退而到馬偕醫院檢查隨即確認了確診馬上住進隔離病房內心其實恨害怕推測是日前跟朋友喝茶聊天不是染疫感嘆這病毒傳染力太高「好運的人就算康復了也會有後遺症運氣不好的就直接掛掉了」當時他還預測自己只是輕症應該2、3天就能出院還叮嚀朋友要好好防疫不料如今狀況變差傳出插管消息。
對於插管一事陳維祥也給予確認表示自己在隔離病房插管4天今天中午病情才轉往普通病房但對於何時開始插管治療沒什麼印象只是聲音虛弱地說自己差點掛掉幸好脫離險境、命撿回來陳維祥也呼籲大家真的要注意防護再次強調如果出門一定要全程戴口罩都不要拿下來也要勤洗手消毒。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陳維祥確診插管防疫歌手朋友如今口罩保持只是知名日前勤洗手病房隔離病房確認</t>
  </si>
  <si>
    <t>陳維祥江蕙新冠肺炎台灣確診</t>
  </si>
  <si>
    <t>肺炎江蕙臺灣陳維祥確診</t>
  </si>
  <si>
    <t>收到簡訊是不是意願登記高端</t>
  </si>
  <si>
    <t>第六輪高端疫苗今中午收單截至昨天約587萬人預約接種預計下週一（23日）開打但仍有不少民眾對於是否該預約抱持著觀望的態度另也有網友爆料明明沒有登記卻收到簡訊根本像是強迫中獎！消息引起眾人討</t>
  </si>
  <si>
    <t>預約中獎強迫像是根本簡訊截至收到昨天消息登記沒有中午明明接種預計網友下週一態度</t>
  </si>
  <si>
    <t>第六輪高端疫苗今中午收單截至昨天約587萬人預約接種預計下週一（23日）開打但仍有不少民眾對於是否該預約抱持著觀望的態度另也有網友爆料明明沒有登記卻收到簡訊根本像是強迫中獎！消息引起眾人討論。對此中央流行疫情指揮中心發言人莊人祥表示有可能是留錯電話了。
宅神朱學恒今在臉書發文表示有沒有人明明沒有登記高端卻收到高端通知的啊？這樣是不是太高端了？發文短短2小時就吸引6000多個讚引起網友熱烈討論。
不少網友留言表示「我朋友就收到真的很誇張。明明已經只想登記AZ、莫德納卻發訊息叫人家去登記高端」、「不少人反應啊根本強迫中獎」、「有哦！朋友PO文說她沒勾選但是也是有收到」、「有同事的朋友說他沒有勾選可是卻傳簡訊給他」、「強迫推銷」、「我沒有但很多新住民收到」。
第六輪高端原本只有開放36歲以上的民眾預約但8月18日收單時僅419萬人預約接種因此中央流行疫情指揮中心宣佈放寬資格開放20歲以上的民眾都可以預約打高端預計有298萬人符合資格並於今天中午12時收單。截至昨天下午統計共有587萬人已經預約完成。
中央流行疫情指揮中心發言人莊人祥表示沒登記卻收到簡訊有可能是民眾在預約平臺登記的時候留錯手機號碼；也有可能是因為現在平臺設定自動勾選每個疫苗而這次是高端以前是莫德納與AZ因此可能有人記得自己明明只勾選過莫德納怎麼現在會收到高端的簡訊。</t>
  </si>
  <si>
    <t>高端預約收到登記表示沒有民眾可能勾選明明強迫朋友莫德納簡訊網友發文資格已經現在截至</t>
  </si>
  <si>
    <t>高端預約登記通知網友</t>
  </si>
  <si>
    <t>高端網友通知登記預約</t>
  </si>
  <si>
    <t>cnn惡化加速川普疫情一大幻想</t>
  </si>
  <si>
    <t>期盼全美加速重啟經濟、藉此恢復低迷選情的美國總統川普近期一再宣稱美國疫情已控制住死亡率是全球最低但隨著25日單日新確診已逾4萬人打破4月時創下的最高紀錄後讓媒體評論疫情惡化正戳破川普聲稱美國進入「</t>
  </si>
  <si>
    <t>美國疫情川普經濟恢復低迷選情最高創下紀錄總統最低打破全球媒體確診</t>
  </si>
  <si>
    <t>川普美國疫情經濟確診員工宣佈聲稱加速德州全球面臨媒體創下</t>
  </si>
  <si>
    <t>美國疫情新冠病毒新冠肺炎武漢肺炎COVID-19</t>
  </si>
  <si>
    <t>病毒肺炎武漢美國疫情covid-</t>
  </si>
  <si>
    <t>比爾蓋茲肺炎基金會對抗</t>
  </si>
  <si>
    <t>比爾暨梅琳達蓋茲基金會今天表示已承諾再捐贈25億美元（約新台幣75億元）資金給對抗2019冠狀病毒疾病（COVID-19武漢肺炎）疫情的全球行動。美國微軟公司共同創辦人比爾蓋茲（Bill Gates）發表聲明指出：「相</t>
  </si>
  <si>
    <t>gates表示bill比爾蓋茲承諾創辦捐贈共同美國微軟公司台幣行動全球資金疫情對抗肺炎武漢發表今天covid-病毒疾病聲明</t>
  </si>
  <si>
    <t>比爾暨梅琳達蓋茲基金會今天表示已承諾再捐贈25億美元（約新台幣75億元）資金給對抗2019冠狀病毒疾病（COVID-19武漢肺炎）疫情的全球行動。
美國微軟公司共同創辦人比爾蓋茲（Bill Gates）發表聲明指出：「相較於今年伊始我們所能預期我們已擁有新藥物及更多潛在疫苗。但唯有這些創新進展能分發至全球才能拯救生命。」
非洲是全球部分最窮困國家所在大陸資金是最大障礙之一。蓋茲基金會認捐的新資金一部分將用來分發救命疫苗給撒哈拉沙漠以南非洲及南亞的部分地區。
世界衛生組織（WHO）已確定目標希望在明年3月及明年底前分別為3%及20%的非洲人施打疫苗。但世衛也表示非洲大陸49國只有大約1/4有取得資源和融資的充分計畫。
比爾暨梅琳達蓋茲基金會（B&amp;MGF）非洲疫情因應統籌人澤杜（Solomon Zewdu）表示今天宣佈的資金中部分將用於確保疫苗分發給非洲大陸上約78億人口。
世衛估計為非洲優先施打人口獲取疫苗將花費57 億美元外加15%至20%的運送、注射器和其他注射材料費用。
非洲已有逾230萬人確診、5萬4800人喪生。南非是非洲大陸疫情最嚴重國家累計確診逾82萬8000例。南非昨天表示國內已進入第二波疫情大流行。</t>
  </si>
  <si>
    <t>非洲疫苗疫情表示資金部分分發全球基金會非洲大陸今天世衛南非國家確診人口施打梅琳達蓋茲比爾</t>
  </si>
  <si>
    <t>非洲疫苗比爾大陸基金會</t>
  </si>
  <si>
    <t>大陸非洲比爾基金會疫苗</t>
  </si>
  <si>
    <t>女兒回家家裡破百本土</t>
  </si>
  <si>
    <t>本土連8天破百例守在一線的醫護人員忙翻一名醫師在臉書PO出與女兒的對話紀錄只見他受疫情影響已5天沒有回家女兒孤零零待在家除了覺得寂寞想哭之外也很擔心爸爸會染疫對此原PO只能溫聲安慰女兒這</t>
  </si>
  <si>
    <t>女兒po一線醫護人員名醫師在對此爸爸擔心之外寂寞覺得在家疫情回家沒有</t>
  </si>
  <si>
    <t>本土連8天破百例守在一線的醫護人員忙翻一名醫師在臉書PO出與女兒的對話紀錄只見他受疫情影響已5天沒有回家女兒孤零零待在家除了覺得寂寞想哭之外也很擔心爸爸會染疫對此原PO只能溫聲安慰女兒這就是當醫師的天職萬一他怎麼了至少也是走的盡心盡力、不留遺憾讓不少網友看了對話秒噴淚。
一名陳姓醫師日前在臉書社團《爆廢公社》分享對話截圖只見疫情爆發後許多人都宅在家避疫但身為醫師的他卻已忙到5天沒有回家讓女兒看了既心疼又擔心深怕在爸爸會染疫「爸你一定要這麼累嗎？疫情很嚴重你不能回家我好想哭」、「別人可以全家躲在家裡看電視我們家只剩我一個…好想哭」。
該醫師看到女兒的擔心無助後只能傳訊息安慰說這是身為醫師的天職平常沒有什麼貢獻只能替患者開刀如今國家需要我們當然要盡力去做「人生呀做好該做的事就會很快樂！」並鼓勵女兒要堅強萬一他不幸確診就替他祈福萬一他不在了「妳也要想想爸爸走的盡心盡力沒有遺憾。」
原PO的女兒看到這邊忍不住落淚直呼「你不要這樣說啦！」不過在醫師爸爸的安慰之下最後也努力振作起來甚至還為了緩解氣氛向爸爸開玩笑說「有沒有什麼密碼或藏錢的地方要先寫下來喔」而爸爸也超級配合說「對耶如果我不行了一定會告訴妳。」女兒最後也示愛爸爸並提醒忙工作之餘也別忘記要休息、吃飯。
父女對話引起網友熱烈討論「你說得雲淡風輕我們看得一把眼淚」、「感謝第一線醫護人員辛苦了」、「看著看著都想哭了」、「滿滿洋蔥」、「看到前面默默的鼻酸起來結果密碼和塞錢的地方馬上破功」。</t>
  </si>
  <si>
    <t>女兒爸爸醫師沒有對話看到只能po疫情回家擔心安慰醫護人員好想哭在家</t>
  </si>
  <si>
    <t>本土醫師回家女兒新冠肺炎</t>
  </si>
  <si>
    <t>女兒回家醫師本土肺炎</t>
  </si>
  <si>
    <t>團體新北慈善乾洗結合企業</t>
  </si>
  <si>
    <t>疫情嚴峻在外奔波的員警很辛苦財團法人銓誠慈善基金會董事長葉國一與大川實業有限公司董事長黃桂芳22日共同捐贈新北市政府警察局1萬瓶抗菌乾洗手噴霧捍衛員警同仁執勤防疫安全。財團法人銓誠慈善基金會董事長</t>
  </si>
  <si>
    <t>董事長財團法人慈善員警辛苦洗手警察局市政府新北捍衛員警有限公司黃桂芳捐贈共同同仁執勤防疫安全</t>
  </si>
  <si>
    <t>疫情嚴峻在外奔波的員警很辛苦財團法人銓誠慈善基金會董事長葉國一與大川實業有限公司董事長黃桂芳22日共同捐贈新北市政府警察局1萬瓶抗菌乾洗手噴霧捍衛員警同仁執勤防疫安全。
財團法人銓誠慈善基金會董事長葉國一先生與大川實業有限公司董事長黃桂芳先生為體恤第一線員警同仁執行勤務時對於防堵疫情維護自身健康之需求特於22日捐贈新北市政府警察局1萬瓶抗菌乾洗手噴霧由大川實業有限公司董事長黃桂芳先生親自代表捐贈警察局局長黃宗仁受贈。
新北市警察局表示新冠肺炎疫情回溫同仁執勤風險漸增感謝董事長葉國一先生與董事長黃桂芳先生為執法兄弟能多一層保障特慷慨解囊捐贈1萬瓶抗菌乾洗手噴霧讓新北市員警同仁在面臨疫情嚴峻考驗時能保護好自己並維護好社會治安回饋社會令人欽佩讚賞。</t>
  </si>
  <si>
    <t>疫情同仁董事長捐贈新北警察局員警先生黃桂芳維護執勤財團法人有限公司洗手大川國一實業</t>
  </si>
  <si>
    <t>乾洗手黃桂芳捐贈新冠肺炎噴霧</t>
  </si>
  <si>
    <t>捐贈肺炎黃桂芳洗手</t>
  </si>
  <si>
    <t>接種覆蓋疫苗全球大陸</t>
  </si>
  <si>
    <t>中國國家衛生健康委疾控局二級巡視員崔鋼今（11日）在國務院聯防聯控機制發布會上稱截至10日中國新冠疫苗已經接種了845億劑次覆蓋了622億人無論在劑次上和在覆蓋人群數量上都居於全球首位。此外中國疾</t>
  </si>
  <si>
    <t>中國覆蓋巡視員崔鋼已經疫苗國務院聯防聯控機制發佈會截至健康數量居於接種衛生人群</t>
  </si>
  <si>
    <t>中國國家衛生健康委疾控局二級巡視員崔鋼今（11日）在國務院聯防聯控機制發布會上稱截至10日中國新冠疫苗已經接種了845億劑次覆蓋了622億人無論在劑次上和在覆蓋人群數量上都居於全球首位。
此外中國疾控中心研究員馮子健表示在印度最早發現的新冠病毒變異株傳染性和傳播能力顯著增強潛伏期縮短短短十天內就傳了五六代病毒傳播速度加快病毒載量顯著增高。
馮子健強調研究顯示新的病毒有一定的免疫逃逸現象但是現有的幾種疫苗對這個病毒仍然有可觀的保護效果。從廣東疫情看來確診病例中沒有接種過疫苗的人群轉移重症、發生重症的比例顯著高於接種過疫苗的人表明疫苗在接種後對變異毒株仍然有保護作用。</t>
  </si>
  <si>
    <t>疫苗病毒顯著接種馮子健變異人群仍然中國保護巡視員崔鋼國務院覆蓋聯防聯控天內</t>
  </si>
  <si>
    <t>新冠肺炎大陸覆蓋疫苗全球首位</t>
  </si>
  <si>
    <t>大陸肺炎覆蓋疫苗全球</t>
  </si>
  <si>
    <t>石油全球需求能源國際最低</t>
  </si>
  <si>
    <t>國際能源署(IEA)署長比羅爾(Fatih Birol)週二表示IEA對全球石油需求成長的預測已降至10年來最低水準而且受新冠肺炎疫情影響可能會進一步下調預測。IEA本月中曾發表報告預測全球石油需求逾10年以來首次下跌</t>
  </si>
  <si>
    <t>iea預測石油全球需求署長比羅爾週二肺炎疫情影響表示可能最低水準進一步下調報告成長fatihbirol本月中曾發表</t>
  </si>
  <si>
    <t>國際能源署(IEA)署長比羅爾(Fatih Birol)週二表示IEA對全球石油需求成長的預測已降至10年來最低水準而且受新冠肺炎疫情影響可能會進一步下調預測。
IEA本月中曾發表報告預測全球石油需求逾10年以來首次下跌首季將減少每日435萬桶之前則估計每日增加80萬桶主要是新冠肺炎導致大陸經濟廣泛停頓並指由於危機持續暫時難以準確評估影響。
比羅爾在倫敦的一次能源會議上對媒體表示「我們肯定將看到過去10年來最低的石油需求增長可能需要再向下調整預測。」
IEA本月在疫情爆發後預測第一季需求預計將減少435萬桶/日。這是自金融危機以來首次出現季度需求下降。IEA已將2020年全年全球需求增長預測下調365萬桶/日至825萬桶/日。
國際油價星晚跌至兩周低位紐約期油一度失守每桶50美元關口最新回升至5028美元；布蘭特期油則報5531美元。</t>
  </si>
  <si>
    <t>需求iea預測石油全球比羅爾影響表示可能疫情肺炎減少下調以來增長國際本月失守回升一度紐約低位</t>
  </si>
  <si>
    <t>預測IEA國際能源署全球石油需求比羅爾</t>
  </si>
  <si>
    <t>全球能源國際石油iea需求比羅爾預測</t>
  </si>
  <si>
    <t>解析權值盤後得而復失</t>
  </si>
  <si>
    <t>在美股四大指數收高帶動下台股今開高震盪指數最高衝上波段新高11425點只是其後在美股期貨盤翻黑走弱下大型權值股多檔翻黑台股漲幅收斂10400大關得而復失終場台股收漲7307點、報在1139323點、成交量</t>
  </si>
  <si>
    <t>指數終場得而復失大關收斂漲幅期貨最高帶動波段震盪開高權值走弱四大</t>
  </si>
  <si>
    <t>在美股四大指數收高帶動下台股今開高震盪指數最高衝上波段新高11425點只是其後在美股期貨盤翻黑走弱下大型權值股多檔翻黑台股漲幅收斂10400大關得而復失終場台股收漲7307點、報在1139323點、成交量為201682億元目前台股季線仍偏下行且年初以來套牢賣壓尚待時間化解故短線仍以震盪行情機會居大。
權值股今穩盤力道不足股王大立光(3008)早盤後翻黑摔下4300元大關收跌07%台積電(2330)則持穩抗跌收漲166%鴻海(2317)則多震盪於平盤附近力拚守穩5日線並挑戰78元上方壓力區收漲038%除蘋概三雄的跌多漲少外聯發科(2454)今逢漲多後的高檔整理股價多小跌在05%以內終場拉回到平盤面板雙虎友達(2409)、群創(3481)則漲跌互見友達下跌逾1%群創則上漲約1%。
今日盤面題材股各自點火被動元件股龍頭國巨(2327)開高走高上漲217%華新科(2492)午盤後拉高收漲59%奇力新(2456)則收漲逾3%；在歐美陸續解封車用等需求回溫銅箔基板廠聯茂(6213)、騰輝-KY(6672)今盤中股價也連袂走高漲幅最高逾3%；IC設計股族群儘管龍頭股聯發科走低但世芯-KY(3661)受到去美化效應續發酵獲外資首評即喊買股價開高震盪午盤後儘管漲幅收斂亦有3%的漲幅表現同樣是受到去美化效應立積(4968)上漲逾2%信驊(5274)今日除息每股配發現金股利22元今除息行情不弱開盤大漲45元順利完成填息。
分析師表示考量外資認錯回補加上全球新冠疫情趨緩經濟持續復甦以及美中貿易戰、華為禁令等引發的轉單效應持續發酵均有利多頭格局續揚不過未來選股仍是重點特別是在美國有種族衝突導致的全美數十城市宵禁利空下包括台股、納指、費半等反而大漲行情由2、3月崩盤走勢轉為V型反轉操作難度加大建議指數逢回都是買點選股優於選市聚焦汽車零組件、民生消費概念股及具業績題材電子類股。</t>
  </si>
  <si>
    <t>震盪漲幅行情股價指數開高盤後效應上漲持續外資-ky發酵</t>
  </si>
  <si>
    <t>美股大立光鴻海台積電聯發科</t>
  </si>
  <si>
    <t>台積電聯發</t>
  </si>
  <si>
    <t>居隔新竹機師結果出爐桃園</t>
  </si>
  <si>
    <t>桃園確診機師曾在不同時間造訪新竹縣新竹縣政府衛生局依據桃園市疫調結果匡列25人居家隔離並採檢結果出爐均為陰性25人也均住在集中檢疫所新竹縣4日維持＋0。新竹縣長楊文科表示由於此案疑似為Delta變異</t>
  </si>
  <si>
    <t>新竹結果桃園表示楊文科縣長時間不同造訪檢疫所新竹縣政府衛生局匡列集中依據出爐維持</t>
  </si>
  <si>
    <t>桃園確診機師曾在不同時間造訪新竹縣新竹縣政府衛生局依據桃園市疫調結果匡列25人居家隔離並採檢結果出爐均為陰性25人也均住在集中檢疫所新竹縣4日維持＋0。
新竹縣長楊文科表示由於此案疑似為Delta變異株疫情新竹縣以高規格掌握風險擴大匡列對象盡力阻止感染源進入社區強化二級警戒部分雖不強制取消、調降集會活動規範人數但全面加強落實各項防疫措施。
★《中時新聞網》提醒您：因應新冠肺炎疫情疾管署持續加強疫情監測與邊境管制措施 如有疑似症狀請撥打：1922專線或 0800-001922並依指示配戴口罩儘速就醫同時主動告知醫師旅遊史及接觸史以利及時診斷及通報。</t>
  </si>
  <si>
    <t>新竹疫情匡列措施加強結果桃園接觸史及旅遊醫師告知主動就醫以利口罩配戴指示社區</t>
  </si>
  <si>
    <t>新冠肺炎台灣25新竹縣竹縣</t>
  </si>
  <si>
    <t>臺灣新竹肺炎竹縣</t>
  </si>
  <si>
    <t>獲得肺炎南非疫苗</t>
  </si>
  <si>
    <t>南非衛生部長Zweli Mkhize週四強調會爭取2月獲得首批新冠肺炎疫苗計劃未來一年為全國三分之二人口（約4000萬人）接種疫苗以達群體免疫目標。新變種病毒讓南非週三單日確診數逾21萬人創新高累計確診數近115萬</t>
  </si>
  <si>
    <t>疫苗南非確診週四強調數逾爭取週三獲得病毒變種肺炎未來目標全國分之二人口計畫免疫接種群體mkhize</t>
  </si>
  <si>
    <t>南非衛生部長Zweli Mkhize週四強調會爭取2月獲得首批新冠肺炎疫苗計劃未來一年為全國三分之二人口（約4000萬人）接種疫苗以達群體免疫目標。新變種病毒讓南非週三單日確診數逾21萬人創新高累計確診數近115萬人。</t>
  </si>
  <si>
    <t>疫苗南非確診週四強調數逾爭取週三獲得病毒變種肺炎未來目標全國計畫分之二人口免疫接種群體mkhize</t>
  </si>
  <si>
    <t>全國獲得新冠肺炎疫苗南非首批</t>
  </si>
  <si>
    <t>肺炎疫苗獲得南非全國首批</t>
  </si>
  <si>
    <t>可上加開平臺預約bnt接種</t>
  </si>
  <si>
    <t>中央流行疫情指揮中心今(26)日表示為利疫苗資源有效利用「COVID-19公費疫苗預約平臺」（https://1922govtw/以下簡稱預約平臺）第12期第2階段將增加開放「10月26日中午12時前意願登記BNT疫苗之30歲以上民眾[</t>
  </si>
  <si>
    <t>疫苗預約平臺中心登記表示意願中午時前資源簡稱開放公費https指揮增加階段bnt有效利用以下covid-gov疫情tw流行</t>
  </si>
  <si>
    <t>中央流行疫情指揮中心今(26)日表示為利疫苗資源有效利用「COVID-19公費疫苗預約平臺」（https://1922govtw/以下簡稱預約平臺）第12期第2階段將增加開放「10月26日中午12時前意願登記BNT疫苗之30歲以上民眾[即1991年12月31日(含)前出生]」預約接種第一劑。預約時程：10月26日下午4時至10月27日中午12時止；施打時程：10月28日至10月31日(部分縣市至11月3日)。
指揮中心說明前述對象將於10月26日下午4時起開放預約後陸續收到提醒簡訊請記得進行預約。後續將視疫苗供應期程調整接種場次籲請民眾屆時準時前往接種。此外預約平臺已於10月26日中午12時暫停意願登記進行結算並視第13期規劃期程再行開啟意願登記。另本次增加開放對象如無選擇到適合場次及時間指揮中心亦將持續規劃透過預約平臺或合約醫療院所方式提供民眾接種。
疫情指揮中心發言人莊人祥說明本次加開BNT名額後由於部分縣市原時段接種量能已滿因此延長接種日期至11月3日。
另外疫苗預約平臺今日起暫停意願登記莊人祥表示將針對已接種第1劑民眾的意願登記部分做系統更改待13輪期程確認後再度開啟。</t>
  </si>
  <si>
    <t>預約接種平臺疫苗登記意願民眾指揮中心開放部分中午bnt表示莊人祥進行規劃物件增加暫停下午說明疫情開啟</t>
  </si>
  <si>
    <t>第12輪輝瑞／BNT新冠疫苗1922疫苗預約平臺</t>
  </si>
  <si>
    <t>疫苗預約輝瑞bnt平臺</t>
  </si>
  <si>
    <t>不住南韓美軍肺炎眷屬</t>
  </si>
  <si>
    <t>新冠肺炎疫情在南韓急遽升高大邱成為重大疫區。儘管美國20日已對駐大邱美軍基地實施禁令不准外部人員進入並禁止駐韓美軍前往大邱旅行但美國駐韓部隊今天宣佈接到南韓疾管機關通報表示有一名住在大邱的美</t>
  </si>
  <si>
    <t>南韓美國急遽機關通報升高表示接到宣佈不准外部人員進入禁令今天禁止成為疫情部隊實施美軍基地重大</t>
  </si>
  <si>
    <t>新冠肺炎疫情在南韓急遽升高大邱成為重大疫區。儘管美國20日已對駐大邱美軍基地實施禁令不准外部人員進入並禁止駐韓美軍前往大邱旅行但美國駐韓部隊今天宣佈接到南韓疾管機關通報表示有一名住在大邱的美軍親屬確診新冠肺炎。這是與駐韓美軍（USFK）有關的個人第一宗染病案例。
據南韓韓聯社報導這名女性患者61歲她在本月12日與15日曾前往大邱駐韓美軍基地的商店。南韓的中央防疫對策本部與駐韓美軍都已針對此個案進行調查並追蹤接觸史。
USFK在聲明中說已把在朝鮮半島各地的美軍基地的風險層級提升至「高」。
另一方面南韓美軍基地「漢弗萊營」（Camp Humphreys）指揮官川伯利上校今天表示現役駐韓美軍無人在新冠肺炎檢測中呈陽性反應染病者為一名喪偶女子。</t>
  </si>
  <si>
    <t>南韓美軍美軍基地肺炎染病usfk表示今天美國前往陽性反應朝鮮半島聲明指揮官韓聯社humphreys風險追蹤韓弗理</t>
  </si>
  <si>
    <t>大邱南韓駐韓美軍新冠肺炎美軍基地</t>
  </si>
  <si>
    <t>美軍南韓肺炎美軍基地</t>
  </si>
  <si>
    <t>聯盟染病宣佈戈貝爾爵士全面nba暫停比賽</t>
  </si>
  <si>
    <t>NBA聯盟今天原本決議接下來將進行閉門比賽沒想到爵士球星戈貝爾被檢驗出確診染上新冠肺炎NBA立即宣佈全面停賽。雷霆今天在主場迎戰爵士開打前裁判突然要求兩隊球員回到休息室並且宣佈這場比賽暫停球迷被迫</t>
  </si>
  <si>
    <t>宣佈爵士比賽今天接下來進行休息室閉門回到要求確診突然肺炎球員nba檢驗立即戈貝爾裁判想到</t>
  </si>
  <si>
    <t>NBA聯盟今天原本決議接下來將進行閉門比賽沒想到爵士球星戈貝爾被檢驗出確診染上新冠肺炎NBA立即宣佈全面停賽。
雷霆今天在主場迎戰爵士開打前裁判突然要求兩隊球員回到休息室並且宣佈這場比賽暫停球迷被迫離開球場。
《The Athletic》記者查拉尼亞隨即報導指出戈貝爾染上新冠肺炎此消息一出NBA馬上在官網上發出聲明證實這項消息同時宣告今天賽程結束後暫停往後的比賽至於何時恢復賽程將另行通知聯盟會利用這段停賽期間研究下一步該如何走。</t>
  </si>
  <si>
    <t>比賽今天停賽爵士宣佈消息暫停賽程戈貝爾nba肺炎利用athletic記者the查拉突然要求接下來聯盟球場裁判</t>
  </si>
  <si>
    <t>NBA戈貝爾新冠肺炎</t>
  </si>
  <si>
    <t>肺炎nba戈貝爾</t>
  </si>
  <si>
    <t>傳捷報助攻後市看俏</t>
  </si>
  <si>
    <t>新冠肺炎疫情延燒全球股市陷入大動盪台股相繼失守半年線、200日線及年線。啟發投顧分析師楊基政指出台股均線架構呈現空方排列未來跌深將有機會醞釀反彈行情；本周投資組合前兩大為是方（6561）、鈊象（3293</t>
  </si>
  <si>
    <t>組合全球股市陷入投資動盪相繼行情反彈分析醞釀師楊機會基政疫情指出均線架構大為呈現未來</t>
  </si>
  <si>
    <t>新冠肺炎疫情延燒全球股市陷入大動盪台股相繼失守半年線、200日線及年線。啟發投顧分析師楊基政指出台股均線架構呈現空方排列未來跌深將有機會醞釀反彈行情；本周投資組合前兩大為是方（6561）、鈊象（3293）同時加入世紀鋼（9958）、台勝科（3532）及擎邦（6122）。
當前全球股市皆處在年線之下顯示這波疫情已嚴重衝擊全球經濟再加上美國總統川普下令禁止歐洲旅客入境30天再度引爆全球市場恐慌情緒美股一周內觸發兩次「熔斷機制」呈跳崖式的崩跌走勢。
全球股市正面臨系統性風險「現金為王」成顯學後續台股如能三日不創新低視為初步止跌訊號而盤面若見零星指標股逆勢收紅則可望重聚市場人氣研判未來指數將反覆測底操作上可留意2月營收明顯成長的族群及個股同時宜留意十年線附近的中期支撐力道以及融資餘額變化和外資動向。其中要是融資連續二到三日單日減少50億元以上則容易出現反彈行情。
整體而言全球股市近期頻頻重挫皆跌破多頭馬其諾防線的年線位置操作建議多保留資金靜待落底訊號。台股中期偏弱格局成形短線雖有機會因負乖離過大而上演跌深反彈但仍需採取嚴設停損停利的紀律操作。
展望本周台股步入反覆測底與反覆打底階段的機率高選股必須格外謹慎以因應行情可能的波動三日不創新低才有利多頭表態操作面可待具指標性的族群與個股發動攻勢時再擇優佈局即可。</t>
  </si>
  <si>
    <t>全球股市操作行情反彈全球市場疫情中期訊號機會個股族群未來留意融資</t>
  </si>
  <si>
    <t>族群創新低台股留意全球股市</t>
  </si>
  <si>
    <t>全球股市留意族群新低</t>
  </si>
  <si>
    <t>下場恐怖開學警戒炸彈持續</t>
  </si>
  <si>
    <t>因應新冠疫情教育部今(24)日宣佈全國中小學延至9月1日開學讓許多家長再度崩潰。兒科醫師楊為傑表示很多家長擔憂如果不開學或兩周以後持續三級警戒恐形成 6大隱形炸彈貼文引起廣大回響有家長忍不住曝</t>
  </si>
  <si>
    <t>家長開學教育部迴響引起炸彈形成疫情警戒持續以後楊為傑再度崩潰表示擔憂宣佈全國中小學延至</t>
  </si>
  <si>
    <t>因應新冠疫情教育部今(24)日宣佈全國中小學延至9月1日開學讓許多家長再度崩潰。兒科醫師楊為傑表示很多家長擔憂如果不開學或兩周以後持續三級警戒恐形成 6大隱形炸彈貼文引起廣大回響有家長忍不住曝心聲如同「命和錢在拉扯」。
面對三級警戒遲遲無法解除加上中小學又延後開學楊為傑在臉書粉專《白袍旅人-兒科楊為傑醫師》指出已有很多家長提到他們的擔憂是很多人沒想到的層面因此他幫家長們反映下例6大隱憂：
1 升小一／國一／高一／大一的孩子何去何從？
面對完全不熟悉的環境、老師、同學及遊戲規則卻要線上課問題一定很多。
2 成績評估？學習歷程？這些攸關升學的方式怎麼評估？
3 大學指考
還有一群高三或重考的孩子要決定今年大學念哪裡如果指考沒有如期舉行將影響4萬多人、4萬多個家庭。
4 幼兒園
有的已經撐不下去倒閉了大家最在乎的托育環境恐怕會越來越糟。
5 小本經營的生意經營困難
很多沒有特殊技能的人其實是拿日薪的店面沒生意也等於沒有收入。
6 線上課程使孩子差距拉大
有在陪孩子上線上課程的家長應該可以發現有的孩子根本不出現或是脫隊了將使得孩子程度差距拉大。
楊為傑說這些聲音就算不是主流聲音但卻是很多小老百姓的心聲雖然大家都期望疫情會越來越趨緩但是萬一兩周後繼續三級我們的社會有沒有方案去幫助這些家庭、孩子？
他認為現在能在家工作的幾乎都是社會中比較優勢的群體但並不是社會的多數因此他想分享一些來自基層的聲音希望大家可以聽見一起想想怎麼走會比較好。
不少家長反映「私幼不退每月雜費家長請假在家顧小孩沒有薪水下的成本支出對家長來說是不平等的相對剝削」、「命和錢在拉扯」、「寧可小孩正常上學他們也要學習適應在疫情下的生活不是靠著大人們的保護」、「真的！並不是什麼產業都能在家工作+顧小孩真的很擔心一直維持現狀無止境」。</t>
  </si>
  <si>
    <t>家長孩子沒有疫情開學楊為傑小孩聲音社會在家環境學習警戒家庭面對可以</t>
  </si>
  <si>
    <t>開學三級警戒6隱形炸彈楊為傑新冠肺炎</t>
  </si>
  <si>
    <t>楊為傑炸彈警戒開學肺炎</t>
  </si>
  <si>
    <t>呼籲肺炎小心</t>
  </si>
  <si>
    <t>新冠肺炎持續延燒月餘台灣防疫得當新竹縣市甚至仍是0確診但已有民眾每天看著相關新聞排隊買口罩、買酒精等畫面不斷重複上演因而焦慮上身只要咳個嗽就擔心的要死醫師呼籲小心沒得到肺炎焦慮症先上</t>
  </si>
  <si>
    <t>焦慮肺炎臺灣得到防疫相關得當新竹民眾甚至確診呼籲重複醫師小心</t>
  </si>
  <si>
    <t>新冠肺炎持續延燒月餘台灣防疫得當新竹縣市甚至仍是0確診但已有民眾每天看著相關新聞排隊買口罩、買酒精等畫面不斷重複上演因而焦慮上身只要咳個嗽就擔心的要死醫師呼籲小心沒得到肺炎焦慮症先上身搞出心病來。
台大醫院新竹分院精神醫學部醫師詹仁輝指出近日門診有位泛焦慮症病人原本病情穩定長期在精神科就醫但新冠肺炎疫情出現後焦慮症狀明顯惡化除了擔心口罩及酒精不夠也購買拋棄式手套以便出門時使用。
這名王姓女病患兩個月前從日本旅遊回來近日出現輕微咳嗽擔心自己被感染了新冠肺炎頻頻來診詢問醫師是否需要做新型冠狀病毒篩檢明明沒有被感染但因心裡害怕與心疑生活品質大降焦慮症也再度發作。
詹仁輝表示新冠肺炎疫情爆發後疫情在全球擴散有關疫情的新聞幾乎攻佔各類平面及電子媒體的版面因其傳染力極強部分患者若被感染可能成為重症甚至危及生命因此人人聞之色變。
為了避免被傳染許多人都取消了旅遊行程也減少了跟親友及同事的聚會許多民眾外出也戴上口罩形成少見的景象。
加上各國政府及團體紛紛宣佈各種防疫政策包括延後開學、開工、開會、媽祖繞境延期、取消特定航線甚至奧運是否要如期舉行也在討論之列生活上產生了一些限制民眾的心理也受到了一些影響若本來有精神焦慮者病況可能更加嚴重。
詹仁輝呼籲若發現自己出現焦慮、胸悶、心悸等症狀可以先嘗試轉移心情減少追蹤新聞及社交媒體從事其他活動或考慮就醫詢問專業意見。</t>
  </si>
  <si>
    <t>焦慮肺炎甚至感染新聞醫師精神擔心民眾出現口罩防疫傳染取消疫情旅遊減少是否新竹可能近日就醫呼籲</t>
  </si>
  <si>
    <t>疫情焦慮症新冠肺炎新型冠狀病毒武漢肺炎</t>
  </si>
  <si>
    <t>肺炎冠狀病毒焦慮武漢疫情</t>
  </si>
  <si>
    <t>人數研究感染肺炎驚人數字</t>
  </si>
  <si>
    <t>新冠病毒到底從何時開始傳播？美國學者以疫情相對和緩的加州為例認為早在去年秋天加州居民就已經暴露在新冠病毒的環境中部分人口有了抗體讓後來的疫情相對溫和。台灣也是這樣嗎？史丹福大學胡佛研究所資深研</t>
  </si>
  <si>
    <t>相對疫情加州病毒臺灣溫和史丹福秋天後來居民人口抗體部分和緩環境已經暴露學者美國開始傳播</t>
  </si>
  <si>
    <t>病毒抗體檢測加州臺灣流感感染確診美國進行疫情研究肺炎防疫數位資料出現官方</t>
  </si>
  <si>
    <t>入境侯友宜管理個案應該確診嚴格</t>
  </si>
  <si>
    <t>帛琉出現兩名新冠肺炎確診案例新北市長侯友宜21日表示最近台灣跟帛琉泡泡旅遊重啟回來入境管理應該要更嚴謹面對萬一是Delta變種病毒對台灣的傷害難以想像。侯友宜說新北今天新增2例確診個案板橋個案是</t>
  </si>
  <si>
    <t>臺灣確診新北侯友宜應該管理入境回來嚴謹面對新增delta旅遊變種今天泡泡肺炎病毒案例傷害難以想像</t>
  </si>
  <si>
    <t>帛琉出現兩名新冠肺炎確診案例新北市長侯友宜21日表示最近台灣跟帛琉泡泡旅遊重啟回來入境管理應該要更嚴謹面對萬一是Delta變種病毒對台灣的傷害難以想像。
侯友宜說新北今天新增2例確診個案板橋個案是名女性因為到醫院健康檢查採檢PCR發現是陽性不過CT值高達36沒有傳播例。
侯友宜說該案在7月也有採檢過當時都是陰性但她同住的先生、女兒、媳婦、兒子都陰性應該是舊案感染源持續調查中。
另一例新莊個案是8月16日到醫院採檢PCR陽性其中CT20較低衛生局採檢同住父親、母親及家屬發現父親PCR也是陽性不過CT值34懷疑感染源是父親目前疫調還在進行中。
對於帛琉出現確診個案侯友宜提醒台灣最近跟帛琉有很多泡泡旅遊回來入境管理要更嚴謹面對阻絕於境外不能有破口。
侯友宜說雖然跟帛琉安全但發現有確診個案更要重新檢討是不是要更嚴格提升備戰以防萬一是Delta變種病毒建議提醒中央好好把關。
★《中時新聞網》提醒您：因應新冠肺炎疫情疾管署持續加強疫情監測與邊境管制措施 如有疑似症狀請撥打：1922專線或 0800-001922 並依指示配戴口罩儘速就醫同時主動告知醫師旅遊史及接觸史以利及時診斷及通報。</t>
  </si>
  <si>
    <t>侯友宜個案確診旅遊發現臺灣父親ct持續陽性應該提醒肺炎pcr疫情</t>
  </si>
  <si>
    <t>帛琉侯友宜採檢確診個案入境管理</t>
  </si>
  <si>
    <t>確診個案侯友宜入境管理</t>
  </si>
  <si>
    <t>染病不易專家位子驚人飛機資料</t>
  </si>
  <si>
    <t>新冠肺炎疫情全球蔓延出國人數大幅減少但若非不得已要搭飛機坐哪個位子最安全？流行病學專家表示研究發現冠狀病毒如SARS和MERS竟能在金屬、玻璃和塑膠上存活九天疫情期間加上流感季節選擇靠窗的座位</t>
  </si>
  <si>
    <t>疫情流感加上全球期間蔓延出國九天大幅人數存活減少不得已玻璃塑膠金屬飛機位子mers安全sars流行病</t>
  </si>
  <si>
    <t>新冠肺炎疫情全球蔓延出國人數大幅減少但若非不得已要搭飛機坐哪個位子最安全？流行病學專家表示研究發現冠狀病毒如SARS和MERS竟能在金屬、玻璃和塑膠上存活九天疫情期間加上流感季節選擇靠窗的座位相對較為安全。
《Heho健康》報導美國埃默里大學研究發現在流感季節飛機上最安全的地方就是靠窗的座位主要原因是坐靠窗位子時可以減少與他人接觸的機會；靠走道的位子則相對較容易碰觸到經過的乘客及空服員。埃默里大學羅琳斯公衛學院教授薇琪並建議除了選擇靠窗座位在飛行途中也盡量不要到處走動適時補充水分記得不要一直用手摸臉。
專家指出病毒並不會從座位上跳進你的嘴裡關鍵是避免讓你的手觸碰到臉部。大多數人摸臉的次數都比自己認知的還多若接觸到別人咳嗽或打噴嚏的飛沫又摸臉恐導致病毒傳播。建議用消毒濕巾清潔包括扶手、座椅、遙控器、螢幕、桌板及安全帶扣等可能沾染病菌的區域同時記得勤洗手這兩件事同等重要。</t>
  </si>
  <si>
    <t>座位靠窗位子安全摸臉建議疫情減少接觸病毒相對專家埃默里大學研究發現流感季節選擇飛機區域病菌</t>
  </si>
  <si>
    <t>坐飛機機位搭機座位新冠肺炎</t>
  </si>
  <si>
    <t>座位機位飛機肺炎</t>
  </si>
  <si>
    <t>賴清德研究困境對策計程車協助</t>
  </si>
  <si>
    <t>新冠肺炎疫情延燒讓許多民眾都不敢搭計程車準副總統賴清德今天表示交通部將在今年4月至9月期間以加油卡的方式補貼計程車每輛每月2千元。他也跟交通部長林佳龍討論將持續研究對策協助計程車司機度過難關</t>
  </si>
  <si>
    <t>計程車民眾不敢疫情對策研究總統持續表示賴清德交通部今年討論期間今天方式補貼林佳龍交通部長加油協助</t>
  </si>
  <si>
    <t>新冠肺炎疫情延燒讓許多民眾都不敢搭計程車準副總統賴清德今天表示交通部將在今年4月至9月期間以加油卡的方式補貼計程車每輛每月2千元。他也跟交通部長林佳龍討論將持續研究對策協助計程車司機度過難關。
賴清德今天在臉書以「計程車運匠免驚政府挺你！」發文表示過去他常搭計程車每次都會跟運匠大哥大姐們聊天深知計程車業者的辛苦。
幾天前他在台南高鐵站遇見一位排班計程車司機向他反應政府因應疫情對經濟的衝擊會以里程數補助計程車司機但是因為沒有客人根本跑不到要求的里程數因此補助看得到領不到。
之後賴清德向交通部林佳龍部長反應後理解到「其實本次疫情紓困補貼是用接地氣又方便的方式進行」也就是說交通部將在今年4月至9月期間以加油卡的方式補貼計程車每輛每月2千元額度若未於當月使用完畢還可以持續累積到今年年底前使用完畢。
賴清德表示深怕計程車司機們還不知道因此將內容貼出讓所有計程車司機瞭解。「當天那位大哥希望你有看我臉書趕快去申請計程車加油卡讓補助看得到、領得到！」
另外他也透露已和林佳龍進一步討論計程車屬交通運輸業也是觀光產業的一環受到疫情很大的影響尤其司機本來生活就辛苦養家活口的司機常常一天開車十小時以上「現在因為疫情生意沒了生活必然陷入困境」。
他說林佳龍也深知大家的辛苦「交通部會持續研究對策更進一步協助計程車司機度過此波難關！」</t>
  </si>
  <si>
    <t>計程車司機疫情林佳龍交通部賴清德辛苦表示持續補貼補助方式今年生活政府反應里程數大哥深知</t>
  </si>
  <si>
    <t>計程車司機賴清德新冠肺炎新型冠狀病毒 COVID-19</t>
  </si>
  <si>
    <t>肺炎賴清德冠狀司機病毒計程車covid-</t>
  </si>
  <si>
    <t>明年季將順利研發疫苗民眾施打陳時中</t>
  </si>
  <si>
    <t>陳時中研發法院上午應有信心武漢覆蓋率肺炎全民社會福利病毒疾病季能施covid-民國目標疫苗順利制程目前效果</t>
  </si>
  <si>
    <t>疫苗研發中國信心安全效果臺灣無法表示時中全民覆蓋率制程實驗答覆業務</t>
  </si>
  <si>
    <t>疫苗新冠肺炎施打明年第3季6成</t>
  </si>
  <si>
    <t>施打肺炎明年疫苗</t>
  </si>
  <si>
    <t>預約簡訊指揮疫苗中心打完回應</t>
  </si>
  <si>
    <t>民眾黨立法委員賴香伶今痛批公費疫苗預約系統又出包多達16萬人打完兩劑疫苗後還是收到預約簡訊。中央流行疫情指揮中心今天回應誤發簡訊原因在於系統的中文編碼與電信公司內部不一致最後共發出三則簡訊進行更正</t>
  </si>
  <si>
    <t>簡訊疫苗預約系統公費內部電信公司最後編碼中心一致指揮兩劑中文今天打完疫情回應流行中央</t>
  </si>
  <si>
    <t>民眾黨立法委員賴香伶今痛批公費疫苗預約系統又出包多達16萬人打完兩劑疫苗後還是收到預約簡訊。中央流行疫情指揮中心今天回應誤發簡訊原因在於系統的中文編碼與電信公司內部不一致最後共發出三則簡訊進行更正影響人數達16萬8000人。
指揮中心發言人莊人祥表示本次簡訊誤發原先是要發送第13期的預約簡訊結果重複發到已完成預約的第12期對象第一次更正時發送12萬8000份結果又發生錯誤因此才會發送後續第二、第三封更正簡訊。
至於首波簡訊誤發的原因莊人祥表示還在釐清當中但將來會避免再度出錯。
另今上午10點第13輪BNT疫苗預約也開跑截至下午1點已有64萬5570人完成預約符合預約資格的共有143萬8028人。</t>
  </si>
  <si>
    <t>預約簡訊疫苗更正發送系統結果指揮中心完成原因表示莊人祥再度避免出錯公費將來</t>
  </si>
  <si>
    <t>簡訊預約簡訊莊人祥誤發第二劑</t>
  </si>
  <si>
    <t>預約莊人祥簡訊</t>
  </si>
  <si>
    <t>師生清華大學接觸居家隔離確診</t>
  </si>
  <si>
    <t>新冠肺炎疫情的挑戰日益嚴峻清華大學自農曆年起陸續採取量測體溫等全面的防疫措施但24日校方接獲新竹市衛生局通知有26名同學及教授與確診案例有密切接觸應依疫政單位規定返家進行居家隔離與該批師生有關的</t>
  </si>
  <si>
    <t>挑戰日益嚴峻清華大學農曆年居家陸續採取返家進行規定測體溫疫情全面單位防疫措施密切接觸應依校方通知衛生局</t>
  </si>
  <si>
    <t>新冠肺炎疫情的挑戰日益嚴峻清華大學自農曆年起陸續採取量測體溫等全面的防疫措施但24日校方接獲新竹市衛生局通知有26名同學及教授與確診案例有密切接觸應依疫政單位規定返家進行居家隔離與該批師生有關的20門課即日起到31日改為遠距上課。
校長賀陳弘隨即寄信告知全校教職員生這26名同學及教授在校內修習及教授的課程共20門修課人數共900多人校方已一一用簡訊及電郵通知請他們依疫政單位規定從即日起至3月31日自主健康管理盡量避免出入公共場所如必要出門時應戴口罩每日早晚各量體溫1次、詳實記錄體溫及活動史。此外這20門課也從即日起至3月31日改為遠距上課。
賀陳弘在信中指出在這個嚴峻的時刻請全校教職員生一定要更提高警覺勤洗手、做好個人健康管理配合各項教學與生活的防疫措施包括全校電子打卡管制系統以及部分行政單位元異地辦公等防疫作為。
「愈在動盪不安的時刻校園愈要發揮善意及同理心。」賀陳弘期盼全校教職員生互相勉勵幫助讓清華園內的研究與教學即使在困頓中也盡可能不中斷並期盼26名師生平安健康地度過檢疫期
改為遠距教學的課程包括：全球暖化與環境衝擊、兩門書報討論、通訊之數學方法、檢測與估計理論、計算機圖學、經濟學原理二、數位訊號處理、數位聲訊分析與合成、西洋文學概論二、應用語言學、英文二、文學作品讀法二、英語聽講二、從《哈利波特》學英文、全球政治經濟學、文件探勘、網球初學、服務學習--校園國際交換生服務計畫、機率。</t>
  </si>
  <si>
    <t>全校防疫健康教學單位教職員改為全球嚴峻教授校方通知課程師生期盼賀陳弘服務管理校園措施</t>
  </si>
  <si>
    <t>清華大學26名師生居家隔離遠距上課</t>
  </si>
  <si>
    <t>隔離師生居家清華大學上課</t>
  </si>
  <si>
    <t>青海危機意識高度病例</t>
  </si>
  <si>
    <t>大陸青海省已經連續12天無新增新冠肺炎感染病例傳出也未見醫務人員感染更無死亡病例。當地台商透露青海18個確診個案中有15個在省會西寧青海在第一時間就下重手關停西寧酒店、公共場所、餐廳擅自開業或不</t>
  </si>
  <si>
    <t>西寧病例青海感染公共場所酒店關停第一時間餐廳省會傳出確診醫務人員個案透露死亡台商當地肺炎</t>
  </si>
  <si>
    <t>大陸青海省已經連續12天無新增新冠肺炎感染病例傳出也未見醫務人員感染更無死亡病例。當地台商透露青海18個確診個案中有15個在省會西寧青海在第一時間就下重手關停西寧酒店、公共場所、餐廳擅自開業或不遵守的民眾會被行政拘留。再來是危機意識即便連續12天新增零青海省衛生健康委仍強調民眾不能放鬆警惕。
當地台商說對比台灣指揮中心一直在安撫民心先說有社區感染又否認。青海完全相反一開始就拉高到生存之戰讓民眾警戒心來到最高點。在1月25日年初一青海驗出首個病例後還在零星個案時青海就下重手要求西寧的酒店、餐廳等公共場所全數暫停營業違者可行政拘留。台商說當時還沒大規模傳染、加上個案集中在西寧省政府用包圍戰的方式把可能的傳染場所關停先斷病毒的傳染途徑。
早在1月24日除夕當天發布關於做好新型冠狀病毒感染的肺炎疫情防控和處置工作通告。落實重點場所防控措施。各地政府加強對機場、車站等保潔和消毒及往來人群的疾病檢測和隔離控制預防新冠肺炎通過交通工具傳播和擴散。引導群眾取消自發組織的大型群體性等活動。還要求暫停各類文化和旅遊活動。各地區營業性演出場所、歌舞娛樂場所、互聯網上網服務場所、遊藝娛樂場所、旅遊購物場所、公共服務場所全部暫停營業和開放。
據青海省衛生健康委網站消息除連續12天新增確診病例、疑似病例零增長無死亡病例醫務人員零感染。累計確診病例18例中已治癒出院15例尚有3例正在住院治療。
即便到今天青海省衛生健康委仍表示新冠病毒重在治療更重在防控。廣大市民切忌因為確診病例治癒率走高就放鬆警惕。始終在高點的危機意識與事先防控是青海能控制無新增病例的主因。</t>
  </si>
  <si>
    <t>病例青海場所防控確診感染西寧民眾肺炎台商青海省個案傳染連續衛生行政拘留健康要求</t>
  </si>
  <si>
    <t>危機意識肺炎防控青海感染</t>
  </si>
  <si>
    <t>防控青海感染危機意識肺炎</t>
  </si>
  <si>
    <t>突破大關精選國內晚間確診</t>
  </si>
  <si>
    <t>◎突破百例大關！國內今再添23例確診中央流行疫情指揮中心今(18)日表示昨(17)日國內新增884例新型冠狀病毒肺炎相關通報截至目前累計18812例(含17793例排除)其中100例確診(今日新增案78至100)分別為71例境外</t>
  </si>
  <si>
    <t>新增確診國內截至相關通報肺炎病毒中心冠狀中央指揮流行疫情累計目前表示分別今日排除大關境外</t>
  </si>
  <si>
    <t>◎突破百例大關！國內今再添23例確診
中央流行疫情指揮中心今(18)日表示昨(17)日國內新增884例新型冠狀病毒肺炎相關通報截至目前累計18812例(含17793例排除)其中100例確診(今日新增案78至100)分別為71例境外移入及29例本土病例。確診個案中維持1名死亡22名解除隔離、其餘個案病況穩定持續住院隔離中。
◎美國入列！美加澳紐旅遊警示升至3級
新冠肺炎確診首度破百！台灣新冠肺炎疫情大暴衝今新增23例國內共達100例。中央疫情指揮中今(18)日宣佈對美國、加拿大、澳洲、紐西蘭四國旅遊疫情警示升至第三級警告非必要勿前往。
◎防疫物資增酒精 不當屯積可關5年
中央流行疫情指揮中心今（18）日正式對外公告酒精列入防疫物資！未來任何不當屯積酒精、哄抬價格等行為將被處以最高5年有期徒刑得併科500萬元罰金。
◎口罩20 預購格式有誤 非詐騙
今(18)日中央流行疫情指揮中心表示因發現「口罩20」網路預購有透過APP登記預購之民眾手機格式輸入錯誤今日將寄發電子郵件通知民眾更正。</t>
  </si>
  <si>
    <t>疫情確診肺炎新增預購中央酒精國內格式口罩美國民眾指揮今日個案旅遊警示升至隔離防疫屯積流行中心表示不當</t>
  </si>
  <si>
    <t>台灣確診新冠肺炎武漢肺炎新型冠狀病毒</t>
  </si>
  <si>
    <t>肺炎武漢確診冠狀臺灣病毒</t>
  </si>
  <si>
    <t>爭取縣府打工族</t>
  </si>
  <si>
    <t>新冠肺炎衝擊彰化縣通報放無薪假已有15家業者包括製造業和餐飲業共有347人放假了！更多是臨時工上工時數更少為協助捱過「荷包縮水」時期彰化縣政府爭取500個「安心即時上工」名額正盤點府內各局處室和</t>
  </si>
  <si>
    <t>名額上工即時安心爭取盤點縣政府餐飲業製造業共有包括放假家業臨時工工時通報更少</t>
  </si>
  <si>
    <t>新冠肺炎衝擊彰化縣通報放無薪假已有15家業者包括製造業和餐飲業共有347人放假了！更多是臨時工上工時數更少為協助捱過「荷包縮水」時期彰化縣政府爭取500個「安心即時上工」名額正盤點府內各局處室和鄉鎮公所釋出工作機會。
新冠肺炎改變人際關係、消費習慣更讓很多業者度小月、荷包快撐不下去製造業也慘遭波及上游原料進不來下流訂單也觀望彰化縣已有347人放無薪假心情七上八下復工不知還要多久。
最先慘受衝擊是餐飲彰化知名婚宴餐廳桂都餐廳上月就以租約為由吹熄燈號接著連知名全國連鎖店彰化市歡樂牛排、品田牧場也紛紛向消費者說再見。
向勞工處通報放無薪假有3家服務業其中彰化縣知名的全國麗園餐廳也暫停餐飲服務員工60人放無薪假；12家製造業中水五金占3家、約200多人無薪假高居6成以上在全球產業鏈中被牽連。
更多產業在這波震盪中趁機調整體質已有659個事業單位通報資遣人數953人較去年同期高占就業人口約015％。
勞動部針對因疫情影響被縮減工時的部分工時者推出「安心即時上工計畫」縣府爭取500個名額正盤點各鄉鎮公所和縣府局處室釋出工作機會預計下周公佈但時薪僅158元每月上限82小時做滿82小時的月薪是1萬2956元主要是提供臨工還被減工的打工族。</t>
  </si>
  <si>
    <t>製造業知名通報工時餐廳荷包餐飲全國機會公所縣府安心</t>
  </si>
  <si>
    <t>釋出彰化縣肺炎上工知名</t>
  </si>
  <si>
    <t>肺炎上工知名釋出</t>
  </si>
  <si>
    <t>默克口服居家</t>
  </si>
  <si>
    <t>美國默克藥廠（Merck &amp; Co）新冠口服藥莫納皮拉韋（molnupiravir）日前向美國食品與藥物管理局（FDA）提出緊急授權（EUA）衛福部長陳時中昨天表示EUA年底前可望拿到雙方目前也快簽約了莊人祥進一步說明將</t>
  </si>
  <si>
    <t>eua簽約co目前口服藥雙方莫納皮拉韋拿到molnupiravir日前可望美國食品與藥物管理局年底merck莊人祥表示fda衛福提出授權緊急昨天陳時中部長</t>
  </si>
  <si>
    <t>美國默克藥廠（Merck &amp; Co）新冠口服藥莫納皮拉韋（molnupiravir）日前向美國食品與藥物管理局（FDA）提出緊急授權（EUA）衛福部長陳時中昨天表示EUA年底前可望拿到雙方目前也快簽約了莊人祥進一步說明將來新藥會提供新冠輕症患者進行口服且在家隔離時就可以直接服用避免確診病況演變為重症。
可避免轉重症 拚年底EUA
繼默克的莫納皮拉韋與我國醫療機構合作臨床試驗後又有5家醫院與輝瑞合作進行新冠肺炎的新藥臨床試驗計畫疫情指揮中心昨天證實台大醫院、亞東醫院、中國附醫、台中榮總及高雄長庚醫院上月受輝瑞邀請參與新藥臨床試驗計畫若藥品最終成功解盲可望加速國內藥證審查盡快取得藥品。
輝瑞日前表示旗下新開發的新冠口服藥物「PF-07321332」將開始進行三期臨床試驗預計全球收案2660名受試者光是國內5家醫療機構就收案250人約占整體的10％。
中國醫藥大學附設醫院感染管制中心副院長黃高彬表示輝瑞藥廠在上月找尋國內的合作夥伴敲定台大醫院及亞東醫院等醫院一同進行臨床試驗總共收案250人根據試驗計畫必須收案確診者的密切接觸者目前因國內疫情平穩尚未完成收案。
預防性用藥 阻斷病毒複製
黃高彬說「PF-07321332」與默克藥廠開發的新藥不同是一種預防性用藥主要是因新冠病毒中有一段蛋白酶結構與HIV病毒類似透過藥物中的蛋白酶抑制劑可阻斷病毒複製因此需要事先進行投藥。
黃高彬進一步指出收案對象必須為有症狀確診者的密切接觸者且該密切接觸者的PCR必須為陰性才能完整測出藥品效果由於目前臨床試驗還在二期階段加上國內近期確診者較少收案不是很順利估計該新藥上市還有很長一段時間。
指揮中心發言人莊人祥指出我國目前尚未與輝瑞展開新藥的預採購洽談必須等三期臨床試驗的期中報告出爐後才會評估是否需要進行預採購但國內現在已有5家院所參與試驗相信對將來採購上有一定程度的幫助。</t>
  </si>
  <si>
    <t>試驗國內進行臨床新藥輝瑞目前醫院病毒確診必須表示藥品採購黃高彬eua默克藥廠可望將來日前中國莫納皮拉韋</t>
  </si>
  <si>
    <t>新藥默克輝瑞病毒醫院</t>
  </si>
  <si>
    <t>新藥病毒輝瑞醫院默克</t>
  </si>
  <si>
    <t>英國影響改變肺炎消費習慣</t>
  </si>
  <si>
    <t>受到新冠肺炎影響英國頒步禁足令若無必要國民都不能外出。而且大多數的店長也跟著關門光是這幾天全英國使用現金的情形就減少50%以上。英國最大的ATM經營公司LINK表示除了受禁足令影響外覺得「非接觸型</t>
  </si>
  <si>
    <t>英國影響外出不能關門光是使用國民現金情形減少以上公司必要若無atm經營</t>
  </si>
  <si>
    <t>受到新冠肺炎影響英國頒步禁足令若無必要國民都不能外出。而且大多數的店長也跟著關門光是這幾天全英國使用現金的情形就減少50%以上。
英國最大的ATM經營公司LINK表示除了受禁足令影響外覺得「非接觸型付費」安全及擔心「紙幣上可能會有病毒」都是減少使用紙幣的原因。此外英國一些小賣店也傾向拒收現金而申請裝刷卡機。英國消費團體WHICH的金融部門負責人加瑞斯（Gareth Show）則表示目前有數百萬人沒有銀行金融卡若是完全拒絕現金這些人連買東西都沒有辦法現在正尋求新的方法來度過這段時機。
英國小賣店也在3月23日和銀行達成協議提高小額支付的上限從30英鎊（約新台幣1154元）提高到45英鎊（約新台幣1732元）。英國大銀行UK Finance則表示受到新冠影響這是不得做的調整。
若是使用Apple Pay的話LINK也表示在使用完ATM最好先洗手後再碰眼、口、鼻才能避免感染危機。
更多 CTWANT 報導</t>
  </si>
  <si>
    <t>英國表示使用現金銀行影響紙幣atm沒有link減少小賣店感染避免提高才能危機</t>
  </si>
  <si>
    <t>英國影響現金新冠肺炎禁足令</t>
  </si>
  <si>
    <t>肺炎現金影響英國</t>
  </si>
  <si>
    <t>順藤摸瓜po分享色情按摩司機</t>
  </si>
  <si>
    <t>新冠肺炎疫情下有女陪侍的酒店業難開張按摩店卻早已暗藏春色營業台南市北區一家養生館私下經營半套性交易儘管實名制男客也甘願上門警方9月底破門當場逮到兩對正在性交易的男客與女服務生4人依照傳染病</t>
  </si>
  <si>
    <t>男客酒店業交易開張按摩疫情早已暗藏春色當場營業台南破門市北區月底一家養生警方私下</t>
  </si>
  <si>
    <t>新冠肺炎疫情下有女陪侍的酒店業難開張按摩店卻早已暗藏春色營業台南市北區一家養生館私下經營半套性交易儘管實名制男客也甘願上門警方9月底破門當場逮到兩對正在性交易的男客與女服務生4人依照傳染病防治法函送台南市衛生局另將蘇姓負責人依照妨害風化送辦。
台南市北區海安路3段一家養生館在疫情下打著按摩店旗幟恢復營業店內卻至少有7名女服務生提供半套性交易最近還在網路上聲稱有新人報到服務優有網友問到「不怕阿sir（指員警）？查很嚴？」業者大言不慚稱「有落實實名制不怕抓」。
警方9月29日晚間8時許突襲這家養生館從1樓店面進入直衝2、3樓房間立刻以器具破門進入因為時間迅速男客甚至來不及穿衣服全身光溜溜當場啞口無言。
警方將23歲蘇姓負責人懷疑僅是掛名人頭將他依照害風化罪嫌移送台南地檢署偵辦另逮到兩對性交易男女。
警方表示疫情期間很多男客為避免行蹤曝光不願實名制上色情業這家業者生意卻很好實際依照規定要求客人遵守實名制仍有客人為了尋歡還是願意簽下真實姓名但疫情期間仍違反防疫規定4人依照傳染病防治法函送台南市衛生局。
警方表示這家養生館無懼防疫規定還在網路上強打新人報到噱頭吸引男客上門現場查獲色情期間仍有客人來電詢問是否真的有新人服務。
警方提醒北部因萬華阿公店事件另全台陷入疫情陰霾台灣好不容易疫情平穩下來民眾勿輕忽成為破口。</t>
  </si>
  <si>
    <t>警方疫情男客台南養生規定期間新人客人破門色情不怕按摩服務生當場進入</t>
  </si>
  <si>
    <t>男客實名制養生館新冠肺炎台灣</t>
  </si>
  <si>
    <t>養生肺炎男客臺灣</t>
  </si>
  <si>
    <t>imf影響全球肺炎經濟成長</t>
  </si>
  <si>
    <t>國際貨幣基金組織（IMF）發言人Gerry Rice 27日表示迅速蔓延的新冠肺炎疫情將對全球經濟增長造成影響IMF可能因此下調其增長預估。據路透報導IMF總裁格奧爾基耶娃22日在利雅德召開的20國集團（G20）財金領導人</t>
  </si>
  <si>
    <t>imf增長召開利雅德rice表示格奧爾基耶娃迅速蔓延總裁肺炎疫情全球集團路透下調經濟造成報導gerry可能預估影響發言人</t>
  </si>
  <si>
    <t>經濟可能imf影響ricegerry下調全球成長預估大陸格奧爾基耶娃增長預期國家聲明表示肺炎疫情下降百分點</t>
  </si>
  <si>
    <t>經濟影響imf全球經濟全球</t>
  </si>
  <si>
    <t>全球imf影響經濟</t>
  </si>
  <si>
    <t>白工加強宣導</t>
  </si>
  <si>
    <t>宜蘭縣議會18日環保局業務報告縣議員林嶽賢質詢說接獲民眾反映指做好垃圾分類但垃圾清運時回收物都與一般垃圾混雜在一起讓民眾分類形同白費。宜蘭縣環保局表示因受新冠肺炎疫情影響暫停破袋檢查可能因</t>
  </si>
  <si>
    <t>民眾分類垃圾環保局宜蘭影響疫情肺炎暫停表示報告業務縣議員岳賢質詢一般反映垃圾清運白費</t>
  </si>
  <si>
    <t>宜蘭縣議會18日環保局業務報告縣議員林嶽賢質詢說接獲民眾反映指做好垃圾分類但垃圾清運時回收物都與一般垃圾混雜在一起讓民眾分類形同白費。宜蘭縣環保局表示因受新冠肺炎疫情影響暫停破袋檢查可能因此有漏網之魚將向各清潔隊宣導改善。
林嶽賢指出民眾向他反映指他們都會做好便當盒、保特瓶的分類但垃圾清運時回收物與一般垃圾無異全都擠在一起「那幹嘛做分類？」他表示如果民眾勤於做分類但後端清運無法配合豈不浪費民眾分類的時間與心力？
但林嶽賢也表示新冠肺炎疫情期間清潔隊員忙於社區消毒等工作相當辛苦加上每天回收物不同希望民眾能體諒清潔隊員。
環保局長黃政釧表示保特瓶與便當盒是目前回收重點因為疫情關係環保署禁止破袋檢查可能因此有漏網之魚環保局會加強宣導環保局也爭取到環保署的經費將用以改善資源回收場會更加落實資源回收工作。</t>
  </si>
  <si>
    <t>民眾分類回收表示環保局環保疫情垃圾改善岳賢清潔隊員便當盒一起保特瓶漏網之魚可能反映檢查</t>
  </si>
  <si>
    <t>環保局肺炎分類宣導垃圾</t>
  </si>
  <si>
    <t>宣導肺炎環保局分類垃圾</t>
  </si>
  <si>
    <t>板橋陰性</t>
  </si>
  <si>
    <t>新北市板橋警分局防治組警員於5月29日因身體不適前往快篩結果為陰性3日晚間接獲衛生局通知為PCR陽性確診。板橋警分局立即安排全組9名同仁緊急採檢快篩及PCR採檢結果均陰性即時起先行居家自主健康管理。板橋</t>
  </si>
  <si>
    <t>板橋陰性分局pcr結果先行居家即時防治立即通知確診安排陽性衛生局全組警員同仁緊急身體</t>
  </si>
  <si>
    <t>新北市板橋警分局防治組警員於5月29日因身體不適前往快篩結果為陰性3日晚間接獲衛生局通知為PCR陽性確診。板橋警分局立即安排全組9名同仁緊急採檢快篩及PCR採檢結果均陰性即時起先行居家自主健康管理。
板橋警分局表示已於6月3日及4日分別針對辦公廳舍內部與寢室及相關使用車輛清消3次確保辦公環境安全。
另內、外勤均已實施分流及居家辦公警方維護治安不打烊已協請員警局外事科及婦幼隊協助維持勤業務正常運作民眾無須擔心。</t>
  </si>
  <si>
    <t>分局板橋辦公居家陰性pcr結果正常業務維持協助運作婦幼外事科警察局寢室相關使用</t>
  </si>
  <si>
    <t>陰性快篩PCR板橋警分局新冠肺炎</t>
  </si>
  <si>
    <t>板橋pcr分局肺炎陰性</t>
  </si>
  <si>
    <t>開放以上施打基隆長者</t>
  </si>
  <si>
    <t>基隆市為85歲以上長者施打疫苗邁入第二天施打率約6成市長林右昌表示下一波將開放80歲以上長者（原住民70歲）接種總計8312人訂於6月19、20日明天會開始寄送通知單林右昌指出長輩們都有早起習慣今天早</t>
  </si>
  <si>
    <t>基隆 市 為 85 歲 以上 長者 施打 疫苗 邁 入 第二 天 施打 率 約 6 成 市長 林右昌 表示 下 一 波 將 開放 80 歲 以上 長者 原住民 70 歲 接種 總計 8312 人 訂 於 6 月 1920 日 明天 會 開始 寄送 通知單 林右昌 指出 長輩 們 都 有 早起 習慣 今天 早</t>
  </si>
  <si>
    <t>林右昌長者以上施打長輩指出早起通知單寄送明天開始總計接種市長原住民表示開放</t>
  </si>
  <si>
    <t>基隆市為85歲以上長者施打疫苗邁入第二天施打率約6成市長林右昌表示下一波將開放80歲以上長者（原住民70歲）接種總計8312人訂於6月19、20日明天會開始寄送通知單
林右昌指出長輩們都有早起習慣今天早上各區再次湧入排隊人潮因此施打站也提早在8點半開打過程非常順利可以用井然有序形容要謝謝長輩們配合2天下來累計4675名長者接種從昨天到今天也沒有傳出施打後身體不適的狀況
林右昌說昨天有一位高齡104歲的長者施打疫苗但今天破紀錄仁愛區有一名105歲老奶奶今天早上由家人陪伴至施打站接種。據瞭解羅奶奶去年10月被市府選為人瑞代表市長曾親自到家中致贈重陽賀禮當時羅奶奶說話中氣十足皮膚保養的相當好更爽朗的表演「感謝」的手語歌盼大家平安快樂精神相當好。
另外外界相當關心疫苗施打的問題跟規畫林右昌表示第二波計畫給80歲以上長者（原住民70歲）接種總計8312人預本週六、日分為上、下午各3個時段明天會寄出疫苗通知單他進一步說明若有85歲以上長者這2天無法施打也可以利用19、20日前往施打站不需要預約只要帶著通知單到現場會由人員進行安排。
基隆市政府表示至於因臥病在床、行動不便等情形無法自行前往接受疫苗施打的長者 20日完成集中施打作業後會立即由區裡辦公室進行調查造冊市府會規畫到府施打的服務期程。</t>
  </si>
  <si>
    <t>基隆 市 為 85 歲 以上 長者 施打 疫苗 邁 入 第二 天 施打 率 約 6 成 市長 林右昌 表示 下 一 波 將 開放 80 歲 以上 長者 原住民 70 歲 接種 總計 8312 人 訂 於 6 月 1920 日 明天 會 開始 寄送 通知單 林右昌 指出 長輩 們 都 有 早起 習慣 今天 早上 各區 再次 湧入 排隊 人潮 因此 施打 站 也 提早 在 8 點 半 開 打 過程 非常 順利 可以 用 井然有序 形容 要 謝謝 長輩 們 配合 2 天 下來 累計 4675 名 長者 接種 從 昨天 到 今天 也 沒有 傳出 施打 後 身體 不適 的 狀況 林右昌 說 昨天 有 一 位 高齡 104 歲 的 長者 施打 疫苗 但 今天 破 紀錄 仁愛區 有 一 名 105 歲 老奶奶 今天 早上 由 家人 陪伴 至 施打 站 接種 據 瞭解 羅 奶奶 去年 10 月 被 市府 選為 人瑞 代表 市長 曾 親自 到 家中 致贈 重陽 賀禮 當時 羅 奶奶 說 話 中氣 十足 皮膚 保養 的 相當 好 更 爽朗 的 表演 感謝 的 手語 歌 盼 大家 平安 快樂 精神 相當 好 另外 外界 相當 關心 疫苗 施打 的 問題 跟 規 畫 林右昌 表示 第二 波 計 畫 給 80 歲 以上 長者 原住民 70 歲 接種 總計 8312 人 預 本 週六 日 分為 上 下午 各 3 個 時段 明天 會 寄出 疫苗 通知單 他 進一步 說明 若 有 85 歲 以上 長者 這 2 天 無法 施打 也 可以 利用 1920 日前 往 施打 站 不 需要 預約 只要 帶 著 通知單 到 現場 會 由 人員 進行 安排 基隆 市政府 表示 至於 因 臥病在床 行動不便 等 情形 無法 自 行前 往 接受 疫苗 施 打的 長者 20 日 完成 集中 施打 作業 後 會 立即 由 區裡 辦公室 進行 調查 造冊 市府 會 規 畫到 府 施 打的 服務期 程</t>
  </si>
  <si>
    <t>施打長者疫苗林右昌接種今天表示以上通知單相當市府市長無法奶奶可以長輩進行昨天</t>
  </si>
  <si>
    <t>新冠肺炎台灣長者接種基隆</t>
  </si>
  <si>
    <t>肺炎臺灣長者接種基隆</t>
  </si>
  <si>
    <t>cba考慮外援失業林書豪複賽</t>
  </si>
  <si>
    <t>目前還在美國的林書豪是否該考慮趕緊回北京了呢？歐洲媒體《Sportando》記者卡奇亞16日爆料大陸CBA正在考慮沒有外援情況下重新開打畢竟目前大陸政府宣佈只要前往大陸民眾都必須隔離兩周但當前還沒做出具體決</t>
  </si>
  <si>
    <t>考慮大陸目前當前隔離必須媒體sportando趕緊民眾記者北京歐洲是否卡奇亞畢竟重新前往宣佈</t>
  </si>
  <si>
    <t>Chinese CBA could start again without foreigners I am told No decision has been made yet Chinese government said that all people that arrive in China are obliged to make a two-week quarantine
目前還在美國的林書豪是否該考慮趕緊回北京了呢？歐洲媒體《Sportando》記者卡奇亞16日爆料大陸CBA正在考慮沒有外援情況下重新開打畢竟目前大陸政府宣佈只要前往大陸民眾都必須隔離兩周但當前還沒做出具體決定。
根據大陸媒體先前報導CBA最新的復賽方案將在4月2日宣佈重新開打且20支球隊將分為2組1個組將有10隊進行比賽比賽只在1到2個城市進行基本上確定前裕隆控衛林韋翰效力的青島將成為其中1個主辦城市。
由於目前不少CBA球隊外援已經都離隊前往其他國家聯賽打球加上必須隔離兩周時間更讓外援基於安全考量放棄回到CBA但先前傳出如果外援拒絕回CBA打球可能將被處於終身禁賽經紀人的執照也會被暫停2到3年。
本季以外援身分在北京首鋼打球的林書豪目前即將陷入兩難處境除了有可能面臨CBA無外援復賽也要趕緊考慮是否準備啟程回到大陸否則很有可能趕不上4月2日重新開打的預定時間加上還須隔離兩周如何訓練也成問題！</t>
  </si>
  <si>
    <t>外援cba目前大陸打球考慮可能重新隔離城市媒體chinese先前林書豪回到前往複賽宣佈時間趕緊</t>
  </si>
  <si>
    <t>CBA外援北京首鋼林書豪大陸</t>
  </si>
  <si>
    <t>大陸外援林書豪北京首鋼cba</t>
  </si>
  <si>
    <t>媽祖不能防疫</t>
  </si>
  <si>
    <t>繼一位到高雄遊學4個月的日本女學生於上月24日返國在日本機場被驗出新冠核酸陽性並被日本官方登錄為由台灣境外移入的案例後本月27日又有一位在桃園工作兩年的泰國移工返國時被泰國官方驗出核酸確診不排除</t>
  </si>
  <si>
    <t>日本官方核酸返國泰國機場案例本月陽性境外臺灣為由桃園登錄工作學生上月出新高雄遊</t>
  </si>
  <si>
    <t>繼一位到高雄遊學4個月的日本女學生於上月24日返國在日本機場被驗出新冠核酸陽性並被日本官方登錄為由台灣境外移入的案例後本月27日又有一位在桃園工作兩年的泰國移工返國時被泰國官方驗出核酸確診不排除是在台灣感染當地媒體更以頭版報導。台灣社區究竟有沒有潛藏無症狀感染者？病毒是否早在國內無聲無息流竄？連防疫中心都無法否認令人憂心。
再則這兩天又都有境外移入病例；27日4位病患分別來自南非、賴索托、菲律賓。28日5位來自菲律賓和香港。目前國外疫情仍嚴峻美國、澳洲、西班牙、中美洲多國等群聚感染嚴重台灣鄰近的南韓、日本、中國、香港、東南亞各國疫情仍在延燒。此同時台灣卻無視國外疫情媒體和網路都在積極輔選、報導執政黨推出的高雄市長候選人；官方每天大肆宣傳三倍券的「德政」；百姓則沉溺於「報復性消費」、「報復性旅遊」。正值暑假旅遊區處處人山人海街道人潮磨肩接踵很少人肯戴口罩更別提防疫要保持社交距離了。國內這種無憂無慮的生活其實拜媽祖婆無疫情所賜但境外移入管制一旦有破口台灣恐將爆發「報復性的疫情」矣！
國際疫情仍延燒熾烈境外移入病例幾乎每天都有為阻遏病毒於境外防疫中心當針對所有入境旅客於機場即採檢作核酸普篩嚴格執行居家檢疫14天。民眾應保有今年初對新冠肺炎防疫戒慎恐懼的作法出入公共場所應戴口罩勤洗手注意個人防疫衛生。國外多數國家疫情嚴峻台灣雖已百日以上無本土疫情卻不可置身事外防疫新生活仍需遵從否則台灣究竟能維持無疫情環境多久？實不可樂觀。
唐朝杜牧《泊秦淮》的詩大家都不陌生：「煙籠寒水月籠沙夜泊秦准近酒家。商女不知亡國恨隔江猶唱後庭花。」台灣百姓未受新冠疫情的直接衝擊至今已無年初的警戒心防疫大鬆懈、縱情玩樂幾乎已將防疫新生活置之不顧疫情一旦侵台將是一場大災難。此不就是「商女不知亡國恨隔江猶唱後庭花」的寫照嗎？（作者為前臺灣省家畜衛生試驗所所長）</t>
  </si>
  <si>
    <t>臺灣疫情防疫境外日本官方核酸生活國外百姓國內報導機場報復衛生口罩病毒</t>
  </si>
  <si>
    <t>報復性核酸防疫中心新生活台灣</t>
  </si>
  <si>
    <t>防疫中心核酸生活報復臺灣</t>
  </si>
  <si>
    <t>死亡境外</t>
  </si>
  <si>
    <t>中央流行疫情指揮中心1日公佈國內新增8例COVID-19境外移入確定病例。指揮中心說明今日新增8例境外移入個案為5例男性、3例女性年齡介於10多歲至40多歲分別自印尼（5例案16713、案16716-16718、案16720）、</t>
  </si>
  <si>
    <t>中心指揮新增境外印尼介於公佈女性國內covid-確定病例說明今日男性分別年齡疫情個案流行中央</t>
  </si>
  <si>
    <t>中央流行疫情指揮中心1日公佈國內新增8例COVID-19境外移入確定病例。
指揮中心說明今日新增8例境外移入個案為5例男性、3例女性年齡介於10多歲至40多歲分別自印尼（5例案16713、案16716-16718、案16720）、加拿大（案16714）、美國（案16715）及柬埔寨（案16719）入境入境日介於今（2021）年11月17日至11月29日皆持有搭機前3日內檢驗陰性報告。
指揮中心統計截截至目前國內累計4475425例新型冠狀病毒肺炎相關通報（含4457677例排除）其中16609例確診分別為1965例境外移入14590例本土病例36例敦睦艦隊、3例航空器感染、1例不明及14例調查中；無新增空號病例累計111例移除為空號。2020年起累計848例COVID-19死亡病例其中836例本土個案居住縣市分佈為新北市412例、臺北市321例、基隆市29例、桃園市27例、彰化縣15例、新竹縣13例、臺中市5例、苗栗縣3例、宜蘭縣及花蓮縣各2例新竹市、南投縣、雲林縣、臺南市、高雄市、屏東縣及臺東縣各1例；另12例為境外移入。
指揮中心再次呼籲民眾應落實手部衛生、咳嗽禮節及佩戴口罩等個人防護措施減少不必要移動、活動或集會避免出入人多擁擠的場所或高感染傳播風險場域並主動積極配合各項防疫措施共同嚴守社區防線。</t>
  </si>
  <si>
    <t>中心指揮病例措施境外累計感染國內covid-個案本土分別新增新竹空號防疫配合積極集會主動避免出入</t>
  </si>
  <si>
    <t>防疫加碼市府措施會考</t>
  </si>
  <si>
    <t>109年國中教育會考將於5月16、17日登場因應新冠肺炎疫情新竹市府加碼辦理4大防疫措施包括考生動線分流地貼、提供消毒酒精溼巾、設置「家長連絡區」、設置保持距離的「考生休息區」要讓考生安心、家長放心。</t>
  </si>
  <si>
    <t>考生家長設置登場因應肺炎疫情新竹市府加碼辦理距離防疫提供消毒措施酒精包括分流會考</t>
  </si>
  <si>
    <t>109年國中教育會考將於5月16、17日登場因應新冠肺炎疫情新竹市府加碼辦理4大防疫措施包括考生動線分流地貼、提供消毒酒精溼巾、設置「家長連絡區」、設置保持距離的「考生休息區」要讓考生安心、家長放心。
教育處表示竹苗考區今年報名人數共計有1萬5589人其中於新竹市應考之考生共計5558位考場分別設置於新竹高中、新竹女中、新竹高工、新竹高商等4校。
依據相關規範考試期間居家隔離、居家檢疫及經採檢但尚未接獲檢驗結果者一律不得參加5月16、17日的國中教育會考上述學生可參加補考並採外加名額方式辦理不會影響到其他考生權益。目前補考日期初步規畫於5月30、31日舉行實際補考日期屆時將視疫情情況與發展由中央統一公告。
教育處指出會考當天所有人員進入考場前均須通過體溫量測經量測後額溫高於攝氏375度或耳溫高於攝氏38度將進行第2次量測。
經現場護理師確認發燒的考生將個別引導至「備用試場」應試以確保考生權益避免考場入口因量測體溫造成人潮聚集所有考場都會架設紅外線熱像儀進行初步體溫量測。
新竹市政府也將於考場外及重要路口加派警力維持交通順暢、並補助各考場設置地貼標示加強考生動線分流引導。
市長林智堅今天前往試場勘查時表示考量國中教育會考參與人數眾多除安排考場加強消毒外教育部提供給所有考生於考試當日每人每日1片口罩。
教育處長黃錦能表示今年會考家長雖不能陪考但市府要請家長放心竹市已透過相關局處會商請各考場學校以最高規格進行防疫準備同時要求國中端加強考生服務務必確保考生能擁有安心應試的環境。
此外新竹市政府更加碼4大防疫措施包括提供每位考生酒精溼巾考生除勤洗手外亦可透過酒精溼巾加強消毒口罩及酒精溼巾屆時將由國中提早發給考生。
另還有考生動線分流地貼、設置「家長連絡區」讓家長短暫停留、設置充足、保持距離的「考生休息區」。
教育處同時提醒考生相關應考用品及口罩務必於考前1天備妥考試當日請提早出門以安定的心情從容應試另特別提醒考生除用餐時間外其餘時間請進入考場後務必全程佩戴口罩於試場內拒絕佩戴且經勸導不聽者依試場規則及違規處理要點處理。</t>
  </si>
  <si>
    <t>考生考場新竹試場家長會考設置口罩加強相關進行補考考試應試教育處國中教育務必表示防疫提供</t>
  </si>
  <si>
    <t>巨蛋全面暫停飲水使用入場禁令最新</t>
  </si>
  <si>
    <t>新冠肺炎持續在全球大爆發我國近日確診病例大增攀升至135例分別為102例境外移入以及33例本土病例。臺北捷運配合臺北市自來水處公告即日起飲水台全面暫停服務；臺北小巨蛋冰上樂園、北投會館、逃生體驗營、</t>
  </si>
  <si>
    <t>病例全球樂園冰上爆發巨蛋我國近日臺北確診服務暫停會館全面飲水本土持續即日起公告臺北捷運自來水臺北市配合分別</t>
  </si>
  <si>
    <t>新冠肺炎持續在全球大爆發我國近日確診病例大增攀升至135例分別為102例境外移入以及33例本土病例。臺北捷運配合臺北市自來水處公告即日起飲水台全面暫停服務；臺北小巨蛋冰上樂園、北投會館、逃生體驗營、學員宿舍及訓練教室也都採取入場實名制量體溫時如有發燒則不得入場。
臺北自來水事業處為加強防疫即日起暫停轄區內飲水台水源供應將另懸掛停用說明牌並同步關閉直飲地圖網頁不過相關單位仍會持續維護管理直飲台。目前雙北市合計有643座直飲台臺北市共有612座新北市則有31座直飲台包含捷運站內、公園、登山步道、河濱自行車道等地。
貓空纜車、兒童新樂園及臺北小巨蛋場館目前已全面量測遊客體溫將婉拒發燒（額溫高於375度）或呼吸道感染徵狀者入場並勸導儘速就醫。由於疫情日益嚴峻臺北小巨蛋冰上樂園、北投會館、逃生體驗營、學員宿舍及訓練教室將加強查驗身分證件並登記姓名、電話及14天內是否出國等基本資料。
更多 CTWANT 報導</t>
  </si>
  <si>
    <t>直飲臺北入場病例持續加強臺北市全面目前發燒巨蛋自來水體溫飲水暫停樂園即日起教室訓練出國是否天內</t>
  </si>
  <si>
    <t>入場飲水台臺北小巨蛋新冠肺炎武漢肺炎</t>
  </si>
  <si>
    <t>巨蛋臺北肺炎飲水入場武漢</t>
  </si>
  <si>
    <t>coronavac可望疫苗肺炎巴西進行實驗</t>
  </si>
  <si>
    <t>巴西聖保羅州長多利亞（Joao Doria）週一表示預期本周取得巴西聯邦主管機關批准以中國科興生物製品公司研發新冠肺炎疫苗CoronaVac進行實驗有約9000名志願者登記接受測試。目前巴西累計確診逾137萬人為全球第2</t>
  </si>
  <si>
    <t>巴西累計目前doriajoao測試週一接受志願者表示有約實驗登記進行coronavac疫苗預期肺炎研發公司生物製品科興取得聯邦中國主管機關批准</t>
  </si>
  <si>
    <t>巴西聖保羅州長多利亞（Joao Doria）週一表示預期本周取得巴西聯邦主管機關批准以中國科興生物製品公司研發新冠肺炎疫苗CoronaVac進行實驗有約9000名志願者登記接受測試。目前巴西累計確診逾137萬人為全球第2高。</t>
  </si>
  <si>
    <t>巴西確診累計doriajoao目前週一測試志願者接受表示有約實驗進行coronavac疫苗肺炎登記預期研發公司生物製品科興取得中國聯邦主管機關</t>
  </si>
  <si>
    <t>巴西新冠肺炎疫苗CoronaVac實驗聖保羅州</t>
  </si>
  <si>
    <t>肺炎疫苗coronavac實驗聖保羅州巴西</t>
  </si>
  <si>
    <t>保單買氣推動刻意回升</t>
  </si>
  <si>
    <t>為避免保單比重過於傾斜大型壽險8、9月調整策略刻意拉動美元利變壽險銷售量據統計美元傳統型保單新契約保費9月達新台幣319億元創14個月以來單月最高且比去年同期成長61％以上。累計前9月美元傳統保單新</t>
  </si>
  <si>
    <t>為 避免 保單 比重 過於 傾斜 大型 壽險 89 月 調整 策略 刻意 拉動 美元 利 變 壽險 銷售量 據 統計 美元 傳統型 保單 新 契約 保費 9 月 達 新 台幣 319億 元 創 14 個 月 以來 單月 最高 且 比 去年同期 成 長 61 以上 累計 前 9 月 美元 傳統 保單 新</t>
  </si>
  <si>
    <t>保單壽險傾斜調整策略去年同期以上最高累計台幣以來單月銷售量傳統型統計過於刻意拉動保費契約比重</t>
  </si>
  <si>
    <t>為避免保單比重過於傾斜大型壽險8、9月調整策略刻意拉動美元利變壽險銷售量據統計美元傳統型保單新契約保費9月達新台幣319億元創14個月以來單月最高且比去年同期成長61％以上。累計前9月美元傳統保單新契約保費已有新台幣2282億元比去年同期衰退178％。
不過今年因為資本市場熱投資型保單大賣再加上新台幣兌美元升值保戶想投資、匯率兩頭賺美元計價投資型保單前九月新契約保費達新台幣2146億元比去年同期成長128％前九月美元保單合計有4428億元比去年同期成長19％全年有望逼近6千億元的新高關卡。
由於美元傳統型保單在一定額度內不占壽險公司海外投資比重且美元投資標的較多、投資報酬率較高美元保單利率亦較高比新台幣保單好銷售壽險業2020年開始都已主推美元保單去年全年美元保單新契約保費達新台幣4989億元占整體新契約保費的54％比率創歷史新高。
今年此趨勢持續只是美元計價投資型保單明顯成長但美元利變壽險因為宣告利率不若去年加上有最低死亡保障門檻要求投報率亦不如去年上半年所以美元傳統保單保費呈現衰退再加上5月新冠肺炎疫情警戒升溫6、7月銷量都比去年同期衰退6成上下8月才開始恢復成長8月美元傳統保單新契約保費約新台幣266億元同比成長34％9月則有319億元成長61％。
也因為大型壽險公司「刻意平衡」原本美元投資型保單累計新契約保費即將超越美元傳統型但到9月又被拉開一些若此趨勢持續到年底則全年還是美元傳統型保單賣贏美元投資型。
美元保單新契約保費全年歷史高點目前是2018年有約新台幣5161億元今年應會超越創全年銷量新高；但若看整體外幣保單即加上澳幣保單及人民幣保單全年歷史高點也是2018年合計有約新台幣6179億元主要是當年人民幣投資型賣逾新台幣400億元澳幣傳統型亦有新台幣200~300億元今年人民幣及澳幣保單都是大衰退所以外幣保單全年應無法創新高。</t>
  </si>
  <si>
    <t>保單台幣全年投資型壽險傳統型保費加上去年同期契約衰退今年去年成長投資傳統歷史公司人民幣</t>
  </si>
  <si>
    <t>新契約保費投資型保單傳統型保單傳統保單新台幣</t>
  </si>
  <si>
    <t>保單投資型傳統型傳統契約保費台幣</t>
  </si>
  <si>
    <t>醫院高雄之主公談恩都閃侯友宜</t>
  </si>
  <si>
    <t>高雄昨一口氣新增9起案例高雄市長陳其邁怒轟新北疫調缺失造成高雄群聚感染；新北市長侯友宜今下午3時主持防疫會議媒體接連詢問新北市衛生局疫調是否有缺失與落差？當初匡列狀況？侯友宜連問3題都避答由新北</t>
  </si>
  <si>
    <t>新北侯友宜市長缺失案例高雄陳其邁會議防疫主持媒體狀況匡列接連詢問當初下午新北市衛生局落差是否</t>
  </si>
  <si>
    <t>高雄昨一口氣新增9起案例高雄市長陳其邁怒轟新北疫調缺失造成高雄群聚感染；新北市長侯友宜今下午3時主持防疫會議媒體接連詢問新北市衛生局疫調是否有缺失與落差？當初匡列狀況？侯友宜連問3題都避答由新北市衛生局長陳潤秋簡短回應「有關恩主公醫院的問題院方昨天跟今天都已經有所回覆了謝謝。」
高雄市仁武區昨爆發家族7人群聚感染陳其邁質疑指標個案（案14359）曾在5月底於新北市三峽恩主公醫院開刀住院當時隔壁房曾爆發群聚感染卻因新北市疫調疏漏導致該個案沒被匡列才把疫情帶回高雄；但恩主公醫院反駁高雄個案與恩主公院內感染發生在不同病房且高雄在群聚感染爆發前就已出院依據中央流行疫情指揮中心規定並沒有匡列的必要。指揮中心今下午記者會則要求醫院改進。
新北市府今舉辦防疫會議媒體提問階段媒體問及為何高雄當初沒有被擴大匡列？也沒被自主健康管理也沒有？且高雄個案為何可以拒絕採檢？
對此新北市衛生局長陳潤秋表示這整件事情發生在新北市疫情最嚴峻的時候醫院從疫情爆發後真的很辛苦到現在也是一樣這整件事情院方已經做最詳細的說明因此尊重醫院的說明謝謝。</t>
  </si>
  <si>
    <t>新北高雄醫院感染爆發個案疫情主公匡列沒有媒體陳其邁事情侯友宜已經院方市長發生當初下午</t>
  </si>
  <si>
    <t>高雄恩主公醫院疫調新北市衛生局匡列</t>
  </si>
  <si>
    <t>醫院主公新北市衛生局高雄匡列</t>
  </si>
  <si>
    <t>長假休業沖繩</t>
  </si>
  <si>
    <t>日本有6萬人訂了機票準備在4月底5月初的黃金周去沖繩度假沖繩縣知事玉城康裕懇求大家取消原訂計畫。首裡城、石垣島等觀光地已掛出「沖繩、休業中―（暫停營業中）」的告示呼籲日本民眾「不要來沖繩」。沖繩地方報</t>
  </si>
  <si>
    <t>沖繩日本準備機票月底月初黃金周首裡城原訂計石垣取消懇求康裕度假觀光沖繩縣知事玉城呼籲告示民眾</t>
  </si>
  <si>
    <t>日本有6萬人訂了機票準備在4月底5月初的黃金周去沖繩度假沖繩縣知事玉城康裕懇求大家取消原訂計畫。首裡城、石垣島等觀光地已掛出「沖繩、休業中―（暫停營業中）」的告示呼籲日本民眾「不要來沖繩」。
沖繩地方報報導沖繩縣至今有138人感染新冠肺炎沖繩縣擔心這波遊客再來沖繩5月恐怕疫情又要大爆發。除了知事拜託大家放棄去沖繩玩的念頭外沖繩的年輕人也開始在網上推動請大家別去沖繩玩的「沖繩、休業中―」宣傳活動。活動主導人石垣綾音和北林大指出沖繩4月上旬因境外帶進的病毒造成疫情擴大縣政府已籲請各行各業暫停營業兩周若再有境內境外人員往來那麼兩周的努力可能會白費。
石垣表示「並非拒絕大家來沖繩而是『現在來沖繩彼此都快樂不起來』」。我們參考夏威夷的可愛島（Kauai）之作法「可愛島呼籲遊客『島本身放假休息中！』。我們為了更容易地傳達同樣的訊息而以『休業中』來表現」。</t>
  </si>
  <si>
    <t>沖繩沖繩縣休業疫情境外知事石垣遊客暫停營業呼籲日本可愛白費可能並非表示努力</t>
  </si>
  <si>
    <t>沖繩休業沖繩縣拜託黃金周</t>
  </si>
  <si>
    <t>休業沖繩縣黃金周沖繩</t>
  </si>
  <si>
    <t>旅遊史非早班車決戰新聞</t>
  </si>
  <si>
    <t>小編精選《中國時報》5件不可不知大事帶讀者掌握今天（21日）新聞重點。【1】50例未爆彈 旅遊史非決戰點新冠肺炎疫情繼爆出彰化白牌車司機染病死亡並造成家庭群聚感染後19日深夜中央疫情指揮中心再爆2年未出國的</t>
  </si>
  <si>
    <t>疫情不可不知大事讀者中國時報掌握今天司機染病死亡造成家庭爆出感染中心新聞肺炎</t>
  </si>
  <si>
    <t>小編精選《中國時報》5件不可不知大事帶讀者掌握今天（21日）新聞重點。
【1】50例未爆彈 旅遊史非決戰點
新冠肺炎疫情繼爆出彰化白牌車司機染病死亡並造成家庭群聚感染後19日深夜中央疫情指揮中心再爆2年未出國的案24震驚社會感染科醫師王任賢指出一個找不到明確接觸史的死亡病例代表背後有50例未爆彈他也強烈建議從入境篩檢到類流感肺炎陰性篩檢都不夠了應該所有不明肺炎患者都要篩檢。
【2】隔離檢疫趴趴走 最高可罰100萬元
因應新冠肺炎衝擊行政院會昨通過《嚴重特殊傳染性肺炎防治及紓困振興特別條例》草案大幅提高違反檢疫、隔離罰則若受隔離者、檢疫者違規四處趴趴走最重罰則從原30萬元提升至100萬元。如果確診或疑似罹患嚴重特殊傳染性肺炎者違規前往搭乘大眾運輸工具或人多場合將處2年以下徒刑、拘役或200萬以下罰金。
【3】開學前搶口罩 配增首日排隊更長
開學在即20日起藥局兒童口罩配額「配增」至7天買4片不少家長排隊幫子女備足口罩排隊人龍更長排隊的林媽媽說家裡雖有備貨但兒童口罩數量少政府有釋出還是來補貨。
【4】超級毒王趴趴走1傳37 害千人隔離
南韓新冠肺炎疫情惡化20日一天暴增53名確診病例更出現死亡首例。到20日下午為止南韓確診病例達104人一名有症狀卻到處活動的「超級傳播者」至少傳染37人。南韓政府宣佈病毒已經突破防疫網進入社區傳播階段《朝鮮日報》則稱防疫網「已經崩潰」。
【5】對黨補刀 同志比敵人可怕
國民黨選舉潰敗黨內正在改選黨魁及中常委改革命運未蔔外部則面臨黨產會持續追殺、強推罷韓不手軟內外交迫的艱難處境較敗選前更嚴峻。亟需全黨上下一心團結奮起之際黨內卻有人因無黨籍立委傅崐萁恢復黨籍案放話批鬥向奄奄一息的黨「補刀」如此勇於內鬥令人感慨有此同志還需敵人嗎？</t>
  </si>
  <si>
    <t>肺炎口罩死亡確診隔離南韓疫情病例黨內排隊感染</t>
  </si>
  <si>
    <t>兩岸兼顧航班裡子共同面子包機武漢透視冰現新聞契機</t>
  </si>
  <si>
    <t>距離首批武漢包機1個多月第二批武漢包機終由兩岸航班共同執飛順利返台當中有兩岸政治的角力和妥協也有對疫情發展的客觀評估更有重要的人道考量。從面子上兼顧了對等裡子中也解決了數百位滯留台人困難</t>
  </si>
  <si>
    <t>兩岸航班包機共同裡子對等兼顧順利返台面子當中考量重要人道疫情解決武漢評估發展客觀妥協政治角力</t>
  </si>
  <si>
    <t>距離首批武漢包機1個多月第二批武漢包機終由兩岸航班共同執飛順利返台當中有兩岸政治的角力和妥協也有對疫情發展的客觀評估更有重要的人道考量。從面子上兼顧了對等裡子中也解決了數百位滯留台人困難並做到防疫優先為冰封的兩岸關係帶來些許新契機。
包機起飛的兩天前大陸網上瘋傳一份《湖北機場集團關於做好復工復航準備工作的通知》要求各機場在3月12日前完成復航準備工作17日相關部門將會做檢查。
大陸坊間議論紛紛猜測武漢空運將解禁儘管武漢天河機場回應是「內部正常工作安排不代表已正式確定具體復航日期」但2月下旬才發生官方一度允許滯留武漢外地人出城的政策後緊急收回以及習近平昨親赴武漢考察種種跡象意味武漢對外地人出城解禁已不遠矣。
對台灣而言若等到武漢機場復飛開放外地人出城台商自行返台倒不如盡快同意包機防疫反而更有保障。
然在包機協商過程大陸提供1000多位擬返台者名單卻被移民署將「救援名單」註記成「管制名單」讓陸方不滿加上其中有許多想返臺上學的孩童都成為蔡政府壓力。
政治角力層面兩岸最後選擇各退一步讓兩岸班機共同執飛台灣派機接人的面子有了大陸用東航展現照顧臺胞的面子也有了就連搭乘人數一樣充分展現對等。況且台灣防疫人員可赴陸檢疫做到「防疫優先」裡子都有了。
海基、海協兩會成立前雙方的紅十字會曾扮演重要角色當時出發點就是從人道考量；如今兩岸面對疫情人道依舊是最高的價值或許能為兩岸關係帶來融冰的機會。</t>
  </si>
  <si>
    <t>大陸返台武漢兩岸包機防疫複航工作臺灣人道外地人面子重要兩岸關係名單疫情滯留裡子對等</t>
  </si>
  <si>
    <t>名單外地人返台包機兩岸</t>
  </si>
  <si>
    <t>外地人兩岸返台包機名單</t>
  </si>
  <si>
    <t>長青風險疫情停課降低閉館</t>
  </si>
  <si>
    <t>台中市長青學苑課程多元及有趣深獲銀髮長輩的青睞為因應新型冠狀肺炎疫情考量課程地點不少在室內且人數眾多市府社會局宣佈將長青學苑課程全面延至4月6日開學避免疫情傳染風險同時也將加強學習環境清潔消</t>
  </si>
  <si>
    <t>課程疫情長青加強風險傳染避免人數市府學習室內社會局因應青睞開學宣佈長輩地點銀髮考量肺炎冠狀深獲</t>
  </si>
  <si>
    <t>台中市長青學苑課程多元及有趣深獲銀髮長輩的青睞為因應新型冠狀肺炎疫情考量課程地點不少在室內且人數眾多市府社會局宣佈將長青學苑課程全面延至4月6日開學避免疫情傳染風險同時也將加強學習環境清潔消毒及學員們衛教宣導。
社會局長彭懷真說雖然台中市目前多數長青學苑已延期至3月2日開學考量長青學苑上課人數眾多且多為室內課程為避免近距離增加傳染傳播風險決定將所有長青學苑課程延期至4月6日開學以維護長輩健康與安全。
社會局指出於長青學苑延緩開課期間各承辦單位將加強包含課桌椅、教學器材等學習環境清潔及消毒並維持教室內空氣流通同時也會提醒長輩們記得勤洗手及打噴嚏、咳嗽需掩住口鼻等個人衛生習慣的重要性避免前往人潮聚集、擁擠、空氣不流通的場所及與他人共食、共飲。
社會局強調相關課程詳情可至「台中市長青學苑課程資訊系統」（https：／／old65taichunggovtw／WebSite／indexaspx）或洽各區公所查詢。</t>
  </si>
  <si>
    <t>課程長青長輩避免社會局開學流通疫情考量加強人數消毒清潔室內風險環境台中學習傳染indexwebsitetw</t>
  </si>
  <si>
    <t>社會局親子館全館消毒長青</t>
  </si>
  <si>
    <t>全館消毒社會局長青</t>
  </si>
  <si>
    <t>民眾建議勞省感染就醫時期</t>
  </si>
  <si>
    <t>日本厚生勞動省17日公佈建議民眾疑似感染新冠肺炎時的諮詢、就醫時期例如連續4天發燒達375度以上、有嚴重的疲倦感或呼吸困難時應向保健所等日本全國的諮詢視窗諮詢。官網中文還提供中文的緊急諮詢電話。厚</t>
  </si>
  <si>
    <t>日本公佈建議中文民眾感染以上發燒嚴重連續疲倦例如呼吸困難肺炎應向時期就醫保健所</t>
  </si>
  <si>
    <t>日本厚生勞動省17日公佈建議民眾疑似感染新冠肺炎時的諮詢、就醫時期例如連續4天發燒達375度以上、有嚴重的疲倦感或呼吸困難時應向保健所等日本全國的諮詢視窗諮詢。官網中文還提供中文的緊急諮詢電話。
厚勞省還在官網中說明容易重症化的對象如年長者、有糖尿病等宿疾者、心臟衰竭、服用免疫抑制劑或抗癌藥者、呼吸器官疾病患者等應該在以上症狀出現的2天之內諮詢、就醫。孕婦也是持續發燒2天就應跟相關窗口諮詢。至於兒童因之前沒有接獲易重症化的報告故和成人的標準一樣。
官網仲介紹新冠肺炎發感染到發病的潛伏期間據說是1天至125天因人而異但大多人是5至6天出現症狀。
厚勞省呼籲若出現發燒等感冒症狀時在諮詢就醫前應該先向學校、公司請假盡量避免外出且每天測量、記錄體溫。最重要的是洗手返家時、煮菜前後、用餐前等都要用香皂、酒精消毒液等洗手。
日本政府觀光局（JNTO）為確保緊急時的外國旅客的安全開設365天、24小時全天候的多語電話諮詢中心「Japan Visitor Hotline」也因應有關新冠肺炎的相關諮詢。電話號碼是050-3816-2787 英、中、日、韓語都可通。</t>
  </si>
  <si>
    <t>發燒肺炎就醫出現洗手症狀應該重症以上緊急感染電話相關勞省日本</t>
  </si>
  <si>
    <t>諮詢就醫厚勞省新冠肺炎發燒</t>
  </si>
  <si>
    <t>勞省就醫肺炎發燒</t>
  </si>
  <si>
    <t>增加進一步市場復蘇持續落後債務經濟開發國際國家</t>
  </si>
  <si>
    <t>穆迪分析（Moody&amp;apos;s Analytics）亞太區首席經濟學家科克倫（Steve Cochrane）週一接受媒體訪問時表示持續膨脹的債務可能使新興市場國家的復甦步伐進一步落後已開發經濟體。科克倫表示受到這場大流行病影響所有</t>
  </si>
  <si>
    <t>科克倫表示analytics亞太區首席經濟學家stevecochrane經濟體週一進一步步伐國家復蘇市場開發落後媒體訪問可能接受債務膨脹持續受到moody&amp;apos</t>
  </si>
  <si>
    <t>穆迪分析（Moody&amp;apos;s Analytics）亞太區首席經濟學家科克倫（Steve Cochrane）週一接受媒體訪問時表示持續膨脹的債務可能使新興市場國家的復甦步伐進一步落後已開發經濟體。
科克倫表示受到這場大流行病影響所有類型的債務都在增加政府債務的增加尤其顯著這並不讓人意外因為在需要提供財政激勵措施的同時各地政府的稅收卻普遍大幅下滑。但我認為真正的問題是已開發經濟體和新興市場國家之間的差距越來越大。新興市場的債務負擔增加最多未來他們在處理債務時所面臨的困難可能最大。
根據穆迪所做的一項分析2020年政府、企業、家庭和金融等領域的全球債務總額增加24兆美元創下歷史新高。債務暴增導致全球債務占國內生產毛額（GDP）的比率達到366%亦創下歷史新高。報告指出過去10年來新興市場的整體債務增加1倍以上目前已占全球未償還債務的三分之一。報告並點名土耳其、越南和巴西等新興市場國家不只一個領域的債務負擔有所增加。
目前印度、阿根廷和馬來西亞等許多新興國家正在對抗捲土重來的新冠肺炎疫情但美國、英國和澳洲等已開發國家的疫情則已顯著降溫。
科克倫表示與已開發經濟體相比新興市場國家在獲得新冠肺炎疫苖及推展疫苖接種的速度通常較慢此時債務負擔增加可能導致這些國家的政府提前抑制財政支出。
綜合以上兩個因素新興市場國家的經濟復甦力道可能落後已開發經濟體。科克倫表示當經濟快速增長時債務就不會是一個大問題。此外這位穆迪的經濟學家表示全世界的經濟增長不會是均衡的今年夏天美國和歐洲可能會加速成長而新興市場「或許得再等一會兒」。</t>
  </si>
  <si>
    <t>債務市場國家增加可能政府表示開發科克倫經濟全球經濟體穆迪負擔報告經濟學家美國顯著肺炎問題以上目前</t>
  </si>
  <si>
    <t>債務新興市場國家新興市場克倫已開發經濟體</t>
  </si>
  <si>
    <t>市場克倫國家開發經濟體債務</t>
  </si>
  <si>
    <t>中心指揮高雄威士特丹防疫簡訊</t>
  </si>
  <si>
    <t>遭多國拒絕入境的漂流郵輪威士特丹號驚傳一美國乘客感染新冠肺炎由於該船曾在2月4日停靠高雄港中央流行疫情指揮中心今天證實目前正在研擬方案不排除比照鑽石公主號停靠基隆港的模式傳送防疫簡訊提醒高雄居</t>
  </si>
  <si>
    <t>停靠漂流郵輪威士特丹防疫傳送美國乘客模式感染入境肺炎基隆目前證實方案今天中心比照排除</t>
  </si>
  <si>
    <t>遭多國拒絕入境的漂流郵輪威士特丹號驚傳一美國乘客感染新冠肺炎由於該船曾在2月4日停靠高雄港中央流行疫情指揮中心今天證實目前正在研擬方案不排除比照鑽石公主號停靠基隆港的模式傳送防疫簡訊提醒高雄居民以及曾到達相關景點的民眾。
指揮中心監測應變官莊人祥表示目前還在收集2月4日當天遊客下船後的路線並針對相關接觸者進行調查不排除會用簡訊通知的方式提醒曾出入相關場所的民眾在18日前實施自主健康管理。
中央社報導馬來西亞衛生部發布聲明說感染病毒的美國女乘客14日與其他144名乘客一同飛抵馬來西亞目前情況穩定而患者的丈夫出現相關症狀但病毒檢驗呈陰性。這對夫妻是145人中唯二出現症狀的人員。</t>
  </si>
  <si>
    <t>相關目前馬來西亞中央乘客病毒排除中心指揮停靠感染高雄出現民眾美國提醒簡訊症狀漂流郵輪威士特丹入境</t>
  </si>
  <si>
    <t>新冠肺炎武漢肺炎新型冠狀病毒台灣指揮中心</t>
  </si>
  <si>
    <t>肺炎冠狀武漢臺灣病毒指揮中心</t>
  </si>
  <si>
    <t>南非最新重症delta症狀omicron曝光</t>
  </si>
  <si>
    <t>南非症狀當地omicron觀察醫生入侵現象認為先前更具患者住院傳染近幾周來重症嚴重資料公開</t>
  </si>
  <si>
    <t>南非患者omicron症狀疫情當地住院醫生重症資料表示指出傳染至今需要確診專家目前</t>
  </si>
  <si>
    <t>#新冠肺炎#全球南非Omicron重症率症狀</t>
  </si>
  <si>
    <t>南非全球omicron肺炎重症症狀</t>
  </si>
  <si>
    <t>河漢步行街標誌性恢復武漢營業</t>
  </si>
  <si>
    <t>3月30日武漢市楚河漢街工作人員在步行街入口處為顧客測量體溫。當日武漢市標誌性步行街楚河漢街恢復營業。目前武漢多家商場、購物中心復工複產獲批除市疫情防控指揮部發佈的影劇院、棋牌室、遊藝廳、書店</t>
  </si>
  <si>
    <t>河漢武漢市步行街影劇院指揮部防控疫情複產棋牌復工中心購物商場武漢目前營業恢復顧客入口處標誌性工作人員測量體溫當日遊藝廳</t>
  </si>
  <si>
    <t>3月30日武漢市楚河漢街工作人員在步行街入口處為顧客測量體溫。當日武漢市標誌性步行街楚河漢街恢復營業。
目前武漢多家商場、購物中心復工複產獲批除市疫情防控指揮部發佈的影劇院、棋牌室、遊藝廳、書店、網吧、舞廳、酒吧、KTV、公共浴室、足浴店、美容店、健身房、培訓機構、堂食類餐飲等限制清單內的業態以外其他經營部分可恢復營業。</t>
  </si>
  <si>
    <t>恢復營業武漢市河漢步行街浴室機構ktv酒吧餐飲舞廳限制網吧書店遊藝廳清單業態棋牌影劇院指揮部防控以外疫情</t>
  </si>
  <si>
    <t>楚河漢街武漢新冠肺炎武漢肺炎新型冠狀病毒</t>
  </si>
  <si>
    <t>武漢肺炎河漢冠狀病毒</t>
  </si>
  <si>
    <t>隔離缺陣杜蘭特nba比賽</t>
  </si>
  <si>
    <t>籃網主將杜蘭特(Kevin Durant)因為身邊有人感染新冠肺炎根據美媒《The Athletic》5日報導為了進行防疫追蹤杜蘭特將受到7天隔離錯過接下來的4場比賽！籃網開季先盛後衰目前3勝4敗。杜蘭特在去年3月已經感染</t>
  </si>
  <si>
    <t>杜蘭特感染the肺炎athletic身邊durant報導目前進行防疫比賽接下來先盛後衰追蹤受到錯過隔離kevin</t>
  </si>
  <si>
    <t>籃網主將杜蘭特(Kevin Durant)因為身邊有人感染新冠肺炎根據美媒《The Athletic》5日報導為了進行防疫追蹤杜蘭特將受到7天隔離錯過接下來的4場比賽！籃網開季先盛後衰目前3勝4敗。
杜蘭特在去年3月已經感染過新冠肺炎他以非常快的速度康復ESPN報導他最近接受檢測都是陰性並且身上還有抗體。隊友丁維迪(Spencer Dinwiddie)、狄安卓喬丹(DeAndre Jordan)去年也染病現在丁維迪因膝傷開刀本季報銷籃網未來7場的戰力堪憂。
阿基裡斯腱受傷回歸的杜蘭特是陣中少數表現穩定的人他輪休過1場其餘6場累積282分、7籃板、48助攻投籃命中率51%、三分球命中率46%防守方面也相當優秀令人訝異的是他可能還沒完全回復最佳狀態就有如此高效的戰力。
籃網還有另一位主將厄文(Kyrie Irving)他雖然厲害但手感不像杜蘭特那樣穩定。他們接下來將面對爵士、七六人、灰熊、雷霆預計杜蘭特可以在12日回歸對戰金塊。這期間籃網可能尋求利佛特(Caris LeVert)代替利佛特開季7戰場均131分、43籃板、56助攻但是投籃命中率低至37%。</t>
  </si>
  <si>
    <t>杜蘭特還有報導去年可能穩定戰力回歸接下來肺炎籃板助攻主將感染命中率利佛特投籃spencerdinwiddie</t>
  </si>
  <si>
    <t>杜蘭特籃網NBA新冠肺炎武漢肺炎</t>
  </si>
  <si>
    <t>nba肺炎武漢杜蘭特</t>
  </si>
  <si>
    <t>週三加開開放台鐵清明連</t>
  </si>
  <si>
    <t>今年清明疏運台鐵局宣佈自4月1日至6日共6天全線加開各級列車總計166班加掛489節車廂包含：東線實名制列車6班、往返樹林、花蓮間優惠復興號8班及7折紅眼列車3班。3月18日零時開放訂票實名制19日零時開</t>
  </si>
  <si>
    <t>列車宣佈總計優惠開放復興號加掛班及花蓮紅眼往返樹林台鐵局全線加開包含節車廂東線實疏運清明</t>
  </si>
  <si>
    <t>今年清明疏運台鐵局宣佈自4月1日至6日共6天全線加開各級列車總計166班加掛489節車廂包含：東線實名制列車6班、往返樹林、花蓮間優惠復興號8班及7折紅眼列車3班。3月18日零時開放訂票實名制19日零時開放訂票。
受疫情影響台鐵局表示今年疏運雖有提高10％運量東部比平常提升22％但民眾搭乘大眾運輸的意願降低預估運能會比往年降2成車廂不會嚮往年壅擠。另一方面旅客搭乘人數如果有增加隨時會加開班次。
由於高鐵日前宣佈不賣自由座台鐵是否會限制悠遊卡？台鐵局表示因應都會區間通勤族捷運化需求不會限制拿電子票證的乘客不能站立乘車。</t>
  </si>
  <si>
    <t>列車台鐵局限制搭乘不會表示宣佈往年疏運今年票證開放電子需求乘客民眾</t>
  </si>
  <si>
    <t>新冠肺炎武漢肺炎疫情台灣清明</t>
  </si>
  <si>
    <t>武漢肺炎疫情臺灣清明</t>
  </si>
  <si>
    <t>建議本土縮小規模境外</t>
  </si>
  <si>
    <t>新冠肺炎疫情未歇農曆春節將至對於企業多取消尾牙改辦春酒疫情中心指揮官陳時中表示由於還沒有進入限制室內100人活動的階段太大規模的春酒目前沒禁止但建議盡量縮小規模。現在確診案例的感染源清楚</t>
  </si>
  <si>
    <t>規模疫情確診現在農曆縮小春節對於儘量進入限制沒有企業室內表示建議活動取消案例陳時中階段改辦</t>
  </si>
  <si>
    <t>新冠肺炎疫情未歇農曆春節將至對於企業多取消尾牙改辦春酒疫情中心指揮官陳時中表示由於還沒有進入限制室內100人活動的階段太大規模的春酒目前沒禁止但建議盡量縮小規模。現在確診案例的感染源清楚但提高警覺自我保護是一定要的這樣不明感染源就會減到最低。
下個禮拜就是農曆新年對於春節期間的人流管制陳時中表示昨日下午與交通部進行討論今日會和大家宣佈。他提醒民眾不管接下來管制如何戴口罩、勤洗手還是最重要的。
昨日疫情連3天無本土案例新增3例境外移入分別自美、日、菲入境截至目前累計915例確診分別為801例境外移入75例本土病例36例敦睦艦隊、2例航空器感染及1例比利時工程師；另江蘇台商（案530）移除為空號。確診個案8人死亡、832人解除隔離、75人住院中。
至於日前一名境外移入個案本國籍30多歲男性案913遭質疑為何需要採檢到8次才確診？疫情中心發言人莊人祥表示案913在日本已經連續6次陰性回台總共採檢3次前2次在機場與集中檢疫所採都是陰性第3次經進一步疫調後得知他似乎為了能再度檢驗假裝出現咳嗽等症狀衛生局再採檢結果陽性。
莊人祥說這名個案Ct值365病毒量很低看起來比較像是時陰時陽的狀況其為了檢驗騙說有症狀結果驗出陽性已經由地方衛生局介入調查將會依法處理。目前已再度採檢PCR與抗體今天會公佈結果。
另日前部桃專案啟動後一名68歲的男病患19日自桃醫轉出後前天下午突然死亡院方將其死因診斷為「肺炎」引起家屬的緊張。疫情指揮中心表示男子先前曾進行3次新冠肺炎採檢但均為陰性目前正在等待法醫的採檢結果預計今日會對外說明。</t>
  </si>
  <si>
    <t>疫情確診目前結果表示感染個案陰性中心肺炎檢驗規模管制再度日前下午</t>
  </si>
  <si>
    <t>日會採檢陳時中莊人祥肺炎</t>
  </si>
  <si>
    <t>陳時中莊人祥肺炎</t>
  </si>
  <si>
    <t>宗教界新北感染聲明</t>
  </si>
  <si>
    <t>南韓新天地教會活動引發新冠肺炎疫情失控新北市24宗教團體4日聯合簽屬「防疫6大共同聲明」強調支持市府防疫政策、宗教場域清潔消毒、避免人潮群聚活動、精簡宗教祈福儀式、做好自主健康管理、響應宗教線上祈福等</t>
  </si>
  <si>
    <t>宗教活動防疫祈福疫情肺炎失控新北宗教團體聯合管理響應健康市府做好政策儀式消毒精簡避免人潮清潔</t>
  </si>
  <si>
    <t>南韓新天地教會活動引發新冠肺炎疫情失控新北市24宗教團體4日聯合簽屬「防疫6大共同聲明」強調支持市府防疫政策、宗教場域清潔消毒、避免人潮群聚活動、精簡宗教祈福儀式、做好自主健康管理、響應宗教線上祈福等團結合作抗疫。
昨包括三重先嗇宮、中國佛教會、新北市道教會等單位都到場簽屬聲明新北市長侯友宜表示感謝新北市各宗教團體在疫情期間不僅捐錢、捐物資更願簽下6大宣言新北市宗教團體所有大型活動、聚會都已經取消共餐、共食活動也都停辦。
侯友宜表示在新冠肺炎防疫期間各宗教團體更秉持大愛捐助新北市「防疫基金」達436萬5000元及捐贈防疫物資嘉惠在地學校與居民；但若有不適當的活動市府也會嚴格勸阻所有阻礙防疫的行為都會採取動作。
民政局指出目前包括三重先嗇宮神農大帝遶境、新北國際佛誕節都已經確定取消板橋接雲寺也已設置單一出入口管制進出；板橋福音堂要求所有教友戴口罩並暫緩小組聚會、主日愛筵共食等活動。
另三峽臺北紫微天后宮暫緩「北三媽遶境活動」、金山金包裡慈護宮停辦「二媽回娘家行腳活動」、土城承天禪寺取消朝山活動、拱北殿120周年慶系列比賽活動及三重宏聖宮貧戶救濟物資發放活動也延後。
靈鷲山無生道場則提供線上同步直播共修、線上閉關佛光山也鼓勵信徒線上修持、中和福和宮推神農大帝聖誕線上祈福。</t>
  </si>
  <si>
    <t>活動新北防疫宗教宗教團體取消祈福板橋物資暫緩市府停辦聚會大帝</t>
  </si>
  <si>
    <t>宗教祈福肺炎宗教團體活動</t>
  </si>
  <si>
    <t>肺炎祈福宗教宗教團體活動</t>
  </si>
  <si>
    <t>沒人媒體結果預警delta進來盤點</t>
  </si>
  <si>
    <t>長榮航空繼1名機師檢出Delta後又有2名機師、1名機師小孩染疫指揮中心不排除感染Delta的可能。對此資深媒體人感嘆可惜新北市長侯友宜3次預警沒人聽結果Delta又進來了。侯友宜因在新北施政獲高度民意相挺</t>
  </si>
  <si>
    <t>delta新北機師侯友宜施政指揮中心排除感染可能對此進來感歎媒體可惜市長高度預警沒人小孩</t>
  </si>
  <si>
    <t>長榮航空繼1名機師檢出Delta後又有2名機師、1名機師小孩染疫指揮中心不排除感染Delta的可能。對此資深媒體人感嘆可惜新北市長侯友宜3次預警沒人聽結果Delta又進來了。
侯友宜因在新北施政獲高度民意相挺早已成政壇不能忽視的大咖。媒體人韋安今（6日）在臉書發文表示侯友宜通常兩耳不聞政治事過去幾個月都把全部頭腦和精力用在防疫工作上但侯友宜曾3次預警強調Delta病毒可能入侵；首先是在6月15日侯就説印度Delta變種病毒來勢洶洶早晚會到台灣不可掉以輕心當時侯呼籲一定要加強邊境管制只有規畫準備好才能夠面對高風險、高傳染的Delta病毒。
其次韋安稱侯在8月4日前往萬裡區野柳漁港視察漁工防疫情形呼籲嚴防Delta從包括海岸線、港口等邊境入侵。最後在8月25日當日全國+0但侯表示一天的0不代表永遠都是0要小心Delta變種病毒入侵並提出強化防疫旅館防護、確保檢測及增加醫療量能、疫苗全面催貨、學校施打規畫與境外生入校前免費PCR等五項措施全面做好準備。
韋安感嘆侯友宜這些「預警」並沒有受到中央重視結果除了6月底返台嬤孫旅客引發屏東delta病毒群聚外這次又因為機師防疫破口再次侵台。韋安直言侯為什麼長期受到民意最高的信任與支持其實沒什麼秘密就是侯說到做到一直堅持做事第一的「初心」。</t>
  </si>
  <si>
    <t>delta病毒侯友宜防疫韋安機師入侵預警全面民意呼籲受到準備邊境結果媒體新北感歎可能變種表示一直</t>
  </si>
  <si>
    <t>delta病毒新冠肺炎機師Delta韋安</t>
  </si>
  <si>
    <t>肺炎delta機師病毒韋安</t>
  </si>
  <si>
    <t>肺炎死亡境內女性不治韓國</t>
  </si>
  <si>
    <t>據韓聯社最新消息指出今（21日）下午韓國境內出現第二例新冠肺炎（COVID-19）死亡病例。據瞭解該病例為54歲女性在慶尚北道清道郡大南醫院住院的過程中被確診感染病毒之後被轉至釜山大學醫院接受治療最終</t>
  </si>
  <si>
    <t>醫院病例下午韓國境內出現大學肺炎釜山轉至病毒之後清道感染大南確診過程住院covid-死亡瞭解女性</t>
  </si>
  <si>
    <t>據韓聯社最新消息指出今（21日）下午韓國境內出現第二例新冠肺炎（COVID-19）死亡病例。
據瞭解該病例為54歲女性在慶尚北道清道郡大南醫院住院的過程中被確診感染病毒之後被轉至釜山大學醫院接受治療最終不幸身亡。</t>
  </si>
  <si>
    <t>醫院病例下午韓國境內出現肺炎大學釜山轉至病毒清道之後感染大南確診過程住院接受covid-死亡瞭解</t>
  </si>
  <si>
    <t>韓國境內54大南不幸身亡</t>
  </si>
  <si>
    <t>境內大南不幸身亡韓國</t>
  </si>
  <si>
    <t>全球趕不上肺炎莫德納疫苗az</t>
  </si>
  <si>
    <t>根據世界衛生組織（WHO）最新統計全球目前累積至今已有63億劑新冠肺炎疫苗被接種其中究竟哪一款疫苗最受歡迎呢？根據最新統計輝瑞（Pfizer）與德國BioNTech生技公司合作研發的疫苗當前全球累積銷量衝上第一</t>
  </si>
  <si>
    <t>疫苗全球累積統計最新當前biontech公司肺炎德國合作pfizer目前輝瑞研發歡迎至今已有究竟接種銷量who</t>
  </si>
  <si>
    <t>根據世界衛生組織（WHO）最新統計全球目前累積至今已有63億劑新冠肺炎疫苗被接種其中究竟哪一款疫苗最受歡迎呢？根據最新統計輝瑞（Pfizer）與德國BioNTech生技公司合作研發的疫苗當前全球累積銷量衝上第一。
《華爾街日報》（WSJ）根據杜克大學（Duke University）全球健康創新中心（Global Health Innovation Center）統計全球各國至今已累計購買了35億劑輝瑞/BNT疫苗讓它的銷量整比第二名的阿斯特捷利康（AstraZenecaAZ）疫苗多出10億劑其受歡迎的程度不言可喻。
根據輝瑞的說法當前他們已經向全球130多個國家出貨超過16億劑輝瑞/BNT疫苗。
報導引述各國官員與分析師的看法指出輝瑞/BNT疫苗之所以受歡迎是因為針對新冠病毒的Delta變異株保護力高再加上不會引發令人憂慮的血栓問題。會引發血栓問題影響到了嬌生（Johnson &amp; Johnson）疫苗、AZ疫苗的接種率。
除了這些原因輝瑞/BNT疫苗也被發現隨著時間過去抗議在體內減少（保護力降低）的情況不會像中國大陸的國產疫苗那麼嚴重。也不會像俄羅斯衛星-V（Sputnik V）疫苗一樣有供應量受限的問題。
報導指出為了引進受歡迎的輝瑞/BNT疫苗甚至有國家進行修法。阿根廷正面臨嚴重的新冠肺炎疫情但等不到衛星-V疫苗供貨再加上民眾對於BNT疫苗相當狂熱當局還修改疫苗法的疏失用語（若施打疫苗造成任何傷害疫苗廠商得承擔法律責任）目的就是為了盡快引進BNT疫苗。此外阿根廷政府還有配套設立了基金來專門賠償因為接種BNT疫苗而出事的民眾。
除了阿根廷之外巴西衛生部前官員Wanderson de Oliveira則表示「跟其他疫苗比起來BNT疫苗的效果更好」、「大家都想拿到最好的疫苗」展現了對於BNT疫苗的熱愛。巴西也是全球疫情相當嚴重的國家之一報導指出巴西方面今年提高了BNT疫苗的使用量並降低使用中國國產疫苗。
而似乎隨著疫苗變得更夯輝瑞藥廠似乎也正在逐步提升疫苗的價格。一位以色列衛生部官員曾在去年12月指出他們購買BNT疫苗一劑的價格是62美元。這價格未經證實但比其他國家貴了不少。先前輝瑞針對歐盟國家提供BNT疫苗價格是一劑18美元如今據瞭解已提高志至23美元。
做為參考永齡基金會、慈濟、台積電購買並贈送給台灣政府所用的BNT疫苗加上冷鏈的保存費用每劑費用平均在32~35美元左右。
輝瑞/BNT疫苗是目前唯一取得美國食品與藥物管理局（FDA）藥證的新冠肺炎疫苗12歲以上民眾皆可施打。當前輝瑞已向FDA申請針對5~11歲族群的緊急使用授權（EUA）。</t>
  </si>
  <si>
    <t>疫苗bnt輝瑞全球國家指出統計巴西報導當前歡迎官員購買價格民眾加上接種肺炎問題fda</t>
  </si>
  <si>
    <t>阿斯特捷利康BNT疫苗輝瑞/BNT疫苗新冠炎疫苗銷量</t>
  </si>
  <si>
    <t>疫苗bnt輝瑞捷利康阿斯特銷量</t>
  </si>
  <si>
    <t>居家新北隔離升溫人數持續疫情</t>
  </si>
  <si>
    <t>新冠肺炎疫情持續延燒截至昨日新北市確診人數已達465人而相關接觸者都被衛生單位匡列必須居家隔離新北市府統計今日居家隔離人數從昨天的1576人一下增加到1997人即將突破2000人也顯示疫情仍相當嚴峻。新</t>
  </si>
  <si>
    <t>疫情新北人數隔離居家持續顯示截至昨日衛生接觸單位必須相關匡列確診突破</t>
  </si>
  <si>
    <t>新冠肺炎疫情持續延燒截至昨日新北市確診人數已達465人而相關接觸者都被衛生單位匡列必須居家隔離新北市府統計今日居家隔離人數從昨天的1576人一下增加到1997人即將突破2000人也顯示疫情仍相當嚴峻。
新北市去年為了應付越來越多的居家檢疫民眾成立「居家檢疫關懷中心」由民政系統協助居家隔離者則由衛生局掌握。
不過疫情來勢洶洶衛生人員必須全力投入整備醫療量能、新北市昨日將居家隔離者關懷事宜將改由民政系統接續協助擴增原本居檢關懷中心更名「新北市檢疫隔離關懷中心」。</t>
  </si>
  <si>
    <t>新北居家隔離疫情關懷衛生必須人數昨日檢疫協助中心系統民政持續全力投入整備人員截至顯示來勢洶洶醫療</t>
  </si>
  <si>
    <t>新冠肺炎台灣新北市居家隔離關懷中心</t>
  </si>
  <si>
    <t>新北臺灣居家隔離肺炎關懷中心</t>
  </si>
  <si>
    <t>公告立即課程調整以上授課大學方式</t>
  </si>
  <si>
    <t>教育部今天發布新規定大專院校100人以上大班授課或教室難以保持防疫所需適當社交距離（室內15公尺、室外1公尺）之課程應立即改善環境或調整授課方式採取全面配戴口罩、分班上課或遠距教學等防疫作為。教育部</t>
  </si>
  <si>
    <t>授課防疫教育部規定大專院校上課以上口罩大班配戴全面室內室外課程採取方式教室距離社交適當改善應立即調整環境難以保持</t>
  </si>
  <si>
    <t>教育部今天發布新規定大專院校100人以上大班授課或教室難以保持防疫所需適當社交距離（室內15公尺、室外1公尺）之課程應立即改善環境或調整授課方式採取全面配戴口罩、分班上課或遠距教學等防疫作為。
教育部今天公佈「大專校院因應嚴重特殊傳染性肺炎疫情停課復課及授課因應防疫調整演練注意事項」當學校沒有確診病例時為因應疫情得調整授課方式或進行授課防疫演練；而當學校遇有確診病例時則立即啟動通報作業、健康管理措施、場所消毒、授課調整、師生關懷等防疫應變措施並依疫調結果與教育部停課標準啟動停課。
教育部表示大專院校學校進行授課防疫演練（如遠距教學）宜由小規模漸進為之先利用周間上課時間針對校內系所或課程分批次、間隔或輪流來進行授課方式調整無須報教育部；倘進行全校或全院或全系（所）之授課防疫演練者至多一周為原則；超過3天者應將授課防疫演練規畫先行通報教育部。
教育部指出中央流行疫情指揮中心如因應疫情發展而有大規模區域或全國停課之需要學校即應依疫調結果與指揮中心指示啟動停課並同步通報教育部。各校勿自行判斷疫情逕行宣佈停課。
教育部說目前已有大學陸續將授課防疫演練規畫通報教育部他們提出的內容包括：遠距課程採同步教學方式進行辦理全校教師學習線上教學軟體培訓與遠距教學數位TA培訓使全校教師具備線上教學之能力。
同時全校師生必須於線上平臺上課、線上點名若有缺席則當天通報學生事務處由導師及任課教師聯繫瞭解並彙報學校。另前開課程均須側錄上課內容以利學生複習及學校檢核教學成效。
教育部呼籲學校因應指揮中心指示、確診病例之停課復課以及授課方式因應防疫之調整及演練應以防疫為優先並掌握師生動向以保護社區避免造成防疫破口為最重要原則。</t>
  </si>
  <si>
    <t>防疫教育部授課學校停課教學課程演練上課通報調整疫情因應進行全校師生方式指揮病例中心啟動學生確診內容措施同步</t>
  </si>
  <si>
    <t>新冠肺炎教育部授課方式大專院校教學</t>
  </si>
  <si>
    <t>授課教育部方式肺炎大專院校教學</t>
  </si>
  <si>
    <t>高速重機板車熱銷</t>
  </si>
  <si>
    <t>因應新冠肺炎的人力缺口恆智重機致力於智慧機械的推動推出無人駕駛自動導引搬運車全台唯一自動初始定位搭配無偵測死角的3D LiDAR感測器自然導航定位精準度高讓搬運自動化、無人化節省搬運的耗時及人</t>
  </si>
  <si>
    <t>定位自動搬運人力缺口重機致力于智慧機械精准度肺炎推動推出無人駕駛導航無人化自然感測器死角lidar搭配自動化</t>
  </si>
  <si>
    <t>客戶自動搬運進出重機物流板車管理創新一般透過塑膠封閉型雲端無人駕駛人力定位高速搭配</t>
  </si>
  <si>
    <t>拖板車自動導引恆智重機客戶電動拖板車</t>
  </si>
  <si>
    <t>板車重機自動客戶</t>
  </si>
  <si>
    <t>官方負擔明年包機食宿</t>
  </si>
  <si>
    <t>世界職業男網總會ATP今天正式公告2021年賽程年度第一場四大賽澳洲網球公開賽將在明年2月8日到21日進行剛好遇到農曆過年而男單會外賽則預計1月10日到13日在卡達杜哈進行。因為新冠肺炎疫情尚未完全控制澳網官</t>
  </si>
  <si>
    <t>進行atp今天完全正式公告尚未賽程疫情年度四大肺炎澳洲網球公開賽男單總會過年農曆遇到控制</t>
  </si>
  <si>
    <t>世界職業男網總會ATP今天正式公告2021年賽程年度第一場四大賽澳洲網球公開賽將在明年2月8日到21日進行剛好遇到農曆過年而男單會外賽則預計1月10日到13日在卡達杜哈進行。
因為新冠肺炎疫情尚未完全控制澳網官方對防疫相當謹慎選手和教練、整個團隊人員抵達澳洲墨爾本後必須先隔離14天、檢查確定無感染病毒才能參賽由於整個時程拉長因此明年澳網開打時間比往年晚了三個星期。
由於目前長途旅行存在感染新冠肺炎的風險許多選手或許可能會放棄澳網為了吸引球員參賽澳洲網協計畫負擔包辦包機、食宿及檢疫隔離等相關費用總獎金也提高到7100萬美元（約20億3912萬台幣）但參賽選手必須在明年1月15日到17日透過包機抵達澳洲屆時大會也會像今年美網一樣規劃泡泡園區。
至於選手擔心隔離期間無法訓練澳洲網協提出所有選手集中在一間度假中心隔離讓選手可以安心訓練不至於荒廢身手。</t>
  </si>
  <si>
    <t>澳洲選手隔離明年感染網協訓練包機參賽抵達肺炎必須進行atp今天公告正式安心賽程年度可以四大</t>
  </si>
  <si>
    <t>網球選手澳網澳洲網球公開賽包機</t>
  </si>
  <si>
    <t>網球澳洲公開賽包機選手</t>
  </si>
  <si>
    <t>台南警員外勤聽到聲音疫苗基層</t>
  </si>
  <si>
    <t>北台灣不斷傳出警員執勤感染新冠肺炎台南市基層警員坦言執勤時心驚肉顫台南市政府取得第2批AZ疫苗同意將原本排第3順位的員警提前台南市警察局優先給1000名自願施打的外勤員警玉井警分局派出所警員15人27日</t>
  </si>
  <si>
    <t>警員台南執勤自願優先感染警察局原本提前同意肺炎南市員警順位基層疫苗az取得坦言市政府分局</t>
  </si>
  <si>
    <t>北台灣不斷傳出警員執勤感染新冠肺炎台南市基層警員坦言執勤時心驚肉顫台南市政府取得第2批AZ疫苗同意將原本排第3順位的員警提前台南市警察局優先給1000名自願施打的外勤員警玉井警分局派出所警員15人27日首批施打其餘員警分3天打完疫苗。
台灣新冠肺炎疫苗目前一劑難求員警原本是AZ疫苗施打對象的第3順位北台灣卻不斷傳出警員「中標」感染甚至擔心擴散癱瘓一整間派出所警力。
台南市基層外勤警員早有擔心受感染的心聲有員警表示台南市確診案例不斷攀升還有一天增加10例警員每天都須面對社會各階層民眾警方最近每天都接獲民眾爆量檢舉未戴口罩、群聚的電話同事單靠一副口罩就前往勸導防護力實在太低。
台南市長黃偉哲27日上午聽聞基層員警心聲立刻安埋外勤警員優先施打疫苗玉井警分局15人27日下午率先完成接種其餘各派出所共1000名基層員警28日、29日陸續完成施打。
台南市警察局表示這波疫苗施打以外勤警員為主公費施打對象為派出所、交通分隊與偵查隊提供外勤警員多一層保護可以安心工作。
有警員獲知可施打AZ疫苗消息正評估疫苗效力與副作用部分警員想等更有效的疫苗進口或者國光疫苗量產後再施打。</t>
  </si>
  <si>
    <t>警員疫苗台南外勤施打派出所基層az感染不斷口罩順位民眾臺灣執勤對象優先員警南市心聲完成擔心原本</t>
  </si>
  <si>
    <t>警員施打外勤27日台南市</t>
  </si>
  <si>
    <t>施打外勤台南警員</t>
  </si>
  <si>
    <t>疫情爆發出現確診</t>
  </si>
  <si>
    <t>大陸國家衛健委公佈最新新冠狀病毒肺炎疫情情況大陸在週五（22日）首次出現零確診沒有新增本土或境外輸入確診病例。無症狀感染者方面大陸在當天新增28宗無症狀感染者其中有25宗來自湖北省。國家衛健委稱中</t>
  </si>
  <si>
    <t>大陸新增確診症狀感染者衛健國家最新病毒肺炎疫情公佈情況湖北省週五沒有來自出現輸入病例宗無方面本土</t>
  </si>
  <si>
    <t>大陸國家衛健委公佈最新新冠狀病毒肺炎疫情情況大陸在週五（22日）首次出現零確診沒有新增本土或境外輸入確診病例。
無症狀感染者方面大陸在當天新增28宗無症狀感染者其中有25宗來自湖北省。國家衛健委稱中國31個省區市及新疆生產建設兵團在週五均報告無新增確診病例無新增死亡病例。另一方面上海及吉林各新增一宗疑似病例上海的疑似病例為境外輸入吉林的則為本土病例。
截至週五大陸現有確診病例79宗（其中重症病例9宗）累計治癒出院病例78258宗累計死亡病例4634宗累計報告確診病例82971宗現有疑似病例6宗。累計追蹤到密切接觸者741696人尚在醫學觀察的密切接觸者5085人。</t>
  </si>
  <si>
    <t>病例大陸確診週五新增累計疑似病例感染者症狀報告衛健死亡本土輸入國家現有吉林境外密切接觸追蹤上海病毒</t>
  </si>
  <si>
    <t>大陸吉林台灣全球大陸</t>
  </si>
  <si>
    <t>臺灣吉林大陸全球</t>
  </si>
  <si>
    <t>出入境旅客商家</t>
  </si>
  <si>
    <t>為了防堵新冠肺炎疫情國門全境封鎖20版目前除了限制外籍旅客入境外馬上也要禁止轉機旅客桃園機場入出境人數在22日單日已經不到7千人次光是出境旅客也只剩2千3百多人航空業與機場商家一片哀嚎現在不只</t>
  </si>
  <si>
    <t>旅客機場出境肺炎疫情國門全境封鎖航空目前限制外籍人數光是境外馬上禁止桃園轉機</t>
  </si>
  <si>
    <t>為了防堵新冠肺炎疫情國門全境封鎖20版目前除了限制外籍旅客入境外馬上也要禁止轉機旅客桃園機場入出境人數在22日單日已經不到7千人次光是出境旅客也只剩2千3百多人航空業與機場商家一片哀嚎現在不只雪上加霜只求能存活下來等待機會。
由於新冠肺炎疫情全球肆虐日前國內新增確診案例幾乎是境外移入中央流行疫情指揮中心從要求國人非必要不要出國、入境旅客一律居家檢疫14天到外籍旅客禁止入境到即將實行的轉機客也禁入的全境封鎖20版桃機單日入出境的旅客已經慘跌不到平常的1成甚至不到萬人在禁止轉機客後可能會跌破5千人次。
在旅客幾乎是瞬間減少是情況下在機場的業者包括航空公司、商家而言在疫情不知何時才能結束？旅運限制何時才能解除的情況下已經讓他們造成前途未蔔的恐懼而政府到現在為止有效的紓困方案何時才能施行也讓業者有無法再撐下去了的恐慌。
根據桃園機場公司統計資料22日桃園機場總出入境人數約6千5百人全國機場是7千3百多人入境人數22日還有4千2百多人出境全天只有2千3百多人航空公司取消的大部份的航班有飛機沒旅客飛機只能停在停機坪面臨沒有「現金流」的窘境公司只能靠老本先苦撐。
航聯會主席王國安表示這次的疫情對航空業者衝擊很大尤其長榮航空美國航線佔六成很多外籍航空很多已經停飛加航及紐航飛到月底下個月也都不飛現階段只能看情況先採取減薪或放無薪假來因應如果這樣都還不夠的話就只能裁員了。
桃機的商家不管是免稅店和餐飲店也是度日如年桃園國際機場產業協會常務理事詹成吉表示入出境旅客越來越少在這些共體時艱的階段開會協調了半天連最簡單的水電費都沒有辦法提供紓困甚至還有加收的情形桃機公司根本是「怪獸電力公司」因為所繳的每度電費比電力公司費率還要貴因為要負擔桃機公司電力維護人員的費用根本就不合理。
詹成吉直言面對疫情越來越嚴峻旅客越來越少我們業者的負擔也越來越重所有的員工來機場上班卻沒有旅客沒有生意可做部份業者甚至直接撤櫃或是暫時停業負擔龐大的水電費已經跟機場公司要求補助但至今仍沒有下文這些龐大的支出包含公共服務、清潔、水電、照明、空調等等我們都需要政府的幫忙否則這樣很難再撐下去。
桃園機場公司表示目前桃園機場紓困方案已經有藍圖就是會依照簽約當時旅客量最先從2月開始如果低於去年平均旅客量百分之50權利金、租金全免。至於紓困補助桃機公司無法決定但財政部及經濟部已在研議至於水電補助機場公司只是代收至於代收金額有高出基本電費的金額是高、低壓電的維護費用目前經濟部還在研議減免辦法待最後決議出爐桃機公司也會在這方面做出調整減免。</t>
  </si>
  <si>
    <t>公司旅客機場疫情已經沒有桃園航空業者紓困出境甚至負擔商家情況表示目前至於</t>
  </si>
  <si>
    <t>旅客桃機出境入境新冠肺炎</t>
  </si>
  <si>
    <t>出境入境肺炎旅客</t>
  </si>
  <si>
    <t>後市科技展望美國</t>
  </si>
  <si>
    <t>受惠全球政府積極救市的財政及貨幣寬鬆政策隨各國陸續重啟經濟5月採購經理人指數（PMI）及新訂單指數自穀底回升顯示全球經濟已擺脫谷底露出曙光激勵全球風險性資產反彈但疫情改變全球經濟、企業營運及民眾</t>
  </si>
  <si>
    <t>全球經濟穀底指數財政貨幣寬鬆政策改變陸續風險性採購經理激勵曙光露出回升擺脫顯示積極疫情資產反彈</t>
  </si>
  <si>
    <t>受惠全球政府積極救市的財政及貨幣寬鬆政策隨各國陸續重啟經濟5月採購經理人指數（PMI）及新訂單指數自穀底回升顯示全球經濟已擺脫谷底露出曙光激勵全球風險性資產反彈但疫情改變全球經濟、企業營運及民眾生活型態危機後的破壞式創新應運而生第三季佈局看好美國生技及科技穩居長線趨勢主流。
富蘭克林坦伯頓科技基金經理人強納森柯堤斯表示新冠肺炎為數位轉型及其相關主題帶來巨大機遇科技業成最大受惠者未來疫情過後疫情期間的新數位服務及所學習到的技能仍將持續促使創新者更深入進行數位轉型關注應用軟體及網路股的人工智慧、雲端運算、電子商務、電子支付、5G通訊等主題掌握數位經濟的龐大商機。
群益美國新創亮點基金經理人徐煒庠指出儘管市況前景不確定性猶存但美國大型科技股在智慧穿戴裝置、雲端技術、電腦作業系統等領域居領導地位均是未來全球科技發展的重點趨勢。疫情效應的居家辦公、線上教育、影音串流等宅經濟、遠距活動概念股美股科技成長性及創新能力俱佳中長期前景仍可期。
台新智慧生活基金經理人蘇聖峰認為肺炎疫苗加速發展偶有好消息傳出激勵生技股行情且美國生技醫療資金動能轉強帶動股價持穩表現。觀察生技股基本面轉佳產業獲利與疫情爆發前差距不大政策風險消退對股價也具正面效益。看好例行手術、醫材個股及高品質生技與大型製藥股。
富蘭克林坦伯頓生技領航基金經理人依凡麥可羅強調未來生技的政治攻擊可望減少樂觀看待最終肺炎將獲控制尤其人口發展趨勢、新藥創新及醫學研究的突破都將推動醫療需求增長續看好基因療法、精準腫瘤醫學、孤兒藥等利基領域。</t>
  </si>
  <si>
    <t>科技經濟疫情全球數位美國看好肺炎經理醫學政策創新股價醫療激勵前景發展雲端轉型智慧主題未來</t>
  </si>
  <si>
    <t>主題肺炎生技經濟趨勢</t>
  </si>
  <si>
    <t>肺炎經濟主題趨勢</t>
  </si>
  <si>
    <t>確診疫情專家預測本土累計月底哈爾濱結束</t>
  </si>
  <si>
    <t>大陸澎湃新聞25日報導距離黑龍江本輪Delta本土新冠肺炎疫情暴發已經過去4天哈爾濱已有34例本土確診病例確診患者活動範圍已波及學校、醫院等場所。此前巴彥縣的9個中風險區域被調整為一個高風險區即巴彥縣興隆</t>
  </si>
  <si>
    <t>本土巴彥縣報導距離高風險黑龍江區域delta風險個中此前場所醫院波及肺炎學校範圍疫情確診暴發已經過去哈爾濱調整</t>
  </si>
  <si>
    <t>大陸澎湃新聞25日報導距離黑龍江本輪Delta本土新冠肺炎疫情暴發已經過去4天哈爾濱已有34例本土確診病例確診患者活動範圍已波及學校、醫院等場所。此前巴彥縣的9個中風險區域被調整為一個高風險區即巴彥縣興隆鎮興隆林業局有限公司街道辦事處全域目前哈爾濱有一個高風險區和一個中風險區。第二輪全員核酸檢測已啟動新增確診還在增加。專家預測疫情最晚在10月底結束。
黑龍江省衛健發佈消息9月24日0-24時黑龍江省新增新冠肺炎本土確診病例8例（哈爾濱市巴彥縣8例)截至9月24日24時全省現有境外輸入確診病例2例本土確診病例34例。9月24日新增的8例確診患者中有2例確診病例是在第二輪全員核酸檢測中發現的。
距離大陸十一假期不到一周時間哈爾濱此輪疫情能否得到有效控制存在風險。南開大學統計與資料科學學院黃森忠團隊曾對此前多輪新冠疫情作出準確預測。他在24日受訪時研判認為本輪哈爾濱本土新冠疫情屬於中等規模總病例數在50~250例之間；最晚在10月底結束。本輪疫情仍存在不確定性最壞情況下總規模可能會達到600例。</t>
  </si>
  <si>
    <t>疫情哈爾濱確診病例巴彥縣本土新增風險存在此前距離規模高風險黑龍江省預測大陸檢測全員核酸肺炎</t>
  </si>
  <si>
    <t>哈爾濱確診病例新冠肺炎大陸黑龍江</t>
  </si>
  <si>
    <t>肺炎病例大陸確診哈爾濱黑龍江</t>
  </si>
  <si>
    <t>意識失去實況隔離崩潰北京老子受夠了曝光</t>
  </si>
  <si>
    <t>新冠肺炎疫情毫無緩解之勢陸演藝圈日前已宣佈全面停止拍攝而為工作在國內外各處奔波的藝人們首當其衝紛紛自主隔離其中多年來事業、生活都在大陸的男星趙擎已隔離多時近日他曝光生活處境崩潰痛飆：「</t>
  </si>
  <si>
    <t>生活隔離毫無緩解演藝圈日前疫情宣佈曝光全面工作停止國內外奔波拍攝藝人近日首當其衝紛紛自主趙擎事業大陸處境</t>
  </si>
  <si>
    <t>新冠肺炎疫情毫無緩解之勢陸演藝圈日前已宣佈全面停止拍攝而為工作在國內外各處奔波的藝人們首當其衝紛紛自主隔離其中多年來事業、生活都在大陸的男星趙擎已隔離多時近日他曝光生活處境崩潰痛飆：「老子受夠了這玩意」。
人在北京的男星趙擎近日在微博公開了自主隔離的日常表示當時為了公司年會在兩地奔波不小心得了重感冒暫緩了回台計畫結果疫情爆發他只好在北京開始了自主隔離生活而今年他沒吃年夜飯、初一沒拜年就一直關在家不太想看新聞但逼著自己瞭解疫情現況「沒有早中晚餐肚子餓了才吃沒有幾點睡幾點醒想睡了就睡累了繼續睡」嘆生活節奏完全被打亂。
趙擎表示過去每週日要上教會如今卻很久沒看到教友而有健身習慣的他聽著同好們說擔心肌肉沒了自己卻心裡明白：「在健身房開了我也不敢去呀」連最花時間的追劇他都看了各國的作品好多部而趙擎逼著自己煮東西吃清空了冰箱發現自己完全不適合做料理「過了這段時間應該有一年都不會再碰方便麵因為從當兵後就沒有把方便麵吃噁心過」大嘆不知何時能結束這場災難能出門彼此擁抱、一起吃飯健身然後一起把口罩丟了忍不住爆粗口：「他X的老子受夠了這玩意」直呼2020起了個很差的頭想砍掉重練。</t>
  </si>
  <si>
    <t>趙擎隔離疫情自主生活沒有奔波完全健身表示時間北京老子受夠了玩意</t>
  </si>
  <si>
    <t>匡列移確診活動苗栗今</t>
  </si>
  <si>
    <t>苗栗縣25日新增3個確診個案均為移工也是先前6月9、10日隔離於防疫旅館的確診者因此無公共活動史也不會造成社區及工廠的影響均已收治醫院中。苗栗縣25日公告的確診個案14454匡列接觸者達26人採檢均為陰</t>
  </si>
  <si>
    <t>苗栗縣 25 日 新增 3 個 確診 個案 均 為 移 工 也 是 先前 6 月 910 日 隔離 於 防疫 旅館 的 確診 者 因此 無 公共 活動 史 也 不 會 造成 社區 及 工廠 的 影響 均 已 收治 醫院 中 苗栗縣 25 日 公告 的 確診 個案 14454 匡列 接觸 者 達 26 人 采 檢 均 為 陰</t>
  </si>
  <si>
    <t>確診個案苗栗縣工廠影響社區造成接觸收治醫院活動匡列公告先前旅館防疫</t>
  </si>
  <si>
    <t>苗栗縣25日新增3個確診個案均為移工也是先前6月9、10日隔離於防疫旅館的確診者因此無公共活動史也不會造成社區及工廠的影響均已收治醫院中。
苗栗縣25日公告的確診個案14454匡列接觸者達26人採檢均為陰性以1人1室隔離中。苗栗縣衛生局也澄清案14454並未到火炎山活動而是到火炎山登山步道入口旁的土地公廟載水沒有爬山足跡。
苗栗縣長徐耀昌表示個案均於醫院隔離治療也呼籲鄉親盡量待在家中、減少外出、跨縣市移動共同守護苗栗縣的防疫。</t>
  </si>
  <si>
    <t>苗栗縣 25 日 新增 3 個 確診 個案 均 為 移 工 也 是 先前 6 月 910 日 隔離 於 防疫 旅館 的 確診 者 因此 無 公共 活動 史 也 不 會 造成 社區 及 工廠 的 影響 均 已 收治 醫院 中 苗栗縣 25 日 公告 的 確診 個案 14454 匡列 接觸 者 達 26 人 采 檢 均 為 陰性 以 1 人 1 室 隔離 中 苗栗縣 衛生局 也 澄清 案 14454 並未 到 火 炎 山 活動 而是 到 火 炎 山 登山 步道 入口 旁 的 土地 公廟載 水 沒有 爬山 足跡 苗栗 縣長 徐耀昌 表示 個案 均 於 醫院 隔離 治療 也 呼籲 鄉親 儘量 待 在 家中 減少 外出 跨縣 市 移動 共同 守護 苗栗縣 的 防疫</t>
  </si>
  <si>
    <t>苗栗縣隔離個案確診醫院活動防疫土地公廟載入口沒有步道爬山跨縣登山外出足跡減少</t>
  </si>
  <si>
    <t>新冠肺炎台灣苗栗火炎山個案</t>
  </si>
  <si>
    <t>苗栗臺灣肺炎個案</t>
  </si>
  <si>
    <t>懷特新藥研發計畫啟動</t>
  </si>
  <si>
    <t>研發肺炎資料借重資料庫合作電腦教授黃奇英大學陽明分析計畫進一步迫在眉睫藥物預防驗證懷特生懷特</t>
  </si>
  <si>
    <t>肺炎纖維病毒研究研發懷特生透過發生分析治療預防分子痊癒核酸懷特作用</t>
  </si>
  <si>
    <t>懷特新冠肺炎預防黃耆</t>
  </si>
  <si>
    <t>肺炎預防懷特</t>
  </si>
  <si>
    <t>食物嚇壞決定出現好好便當隔離在家防疫吳崢</t>
  </si>
  <si>
    <t>國內疫情延燒臺北市議員林亮君幕僚日前驚傳染疫其特助吳崢快篩陰性結果出爐當下被強制送往凱撒飯店隔離遭到隔離的吳崢在臉書分享飯店第一天提供的防疫餐點竟出現令眾人聞之色變的最雷便當菜「三色豆」嚇</t>
  </si>
  <si>
    <t>吳崢飯店臺北市議員林亮君隔離幕僚日前眾人傳染出現便當防疫出爐提供陰性</t>
  </si>
  <si>
    <t>國內疫情延燒臺北市議員林亮君幕僚日前驚傳染疫其特助吳崢快篩陰性結果出爐當下被強制送往凱撒飯店隔離遭到隔離的吳崢在臉書分享飯店第一天提供的防疫餐點竟出現令眾人聞之色變的最雷便當菜「三色豆」嚇壞網友直呼「這張應該當作宣傳請大家認真防疫以免確診後會被餵三色豆」。
吳崢24日晚上快篩陽性被遭到隔離後決定從每天分享自炊料理改成防疫伙食從臉書上PO出的照片可以看到當天半夜被隔離時第一餐是吃辣椒雞便當、第一天早餐是路易莎蛋堡配紅茶、午餐碳烤雞腿便當但到了重頭戲晚餐就變了樣送來的便當不僅有臺式咖哩還有眾人最討厭的「三色豆」。
對此網友看到三色豆便當非常震驚紛紛留言：「三色豆太沒人性跟監獄一樣！」、「慘無人道三色豆」、「那個三色豆是酷刑吧希望你早日平安」、「三色豆！柯文哲太過份了」更有人因此受到啟發「為了不要吃三色豆我每天都會戴起五顏六色的口罩」、「看到三色豆決定好好在家防疫避免確診」、「以後可以教小孩『你再不好好戴口罩就讓你去防疫旅館吃三色豆喔！』」連議員林亮君也留言「平安吉祥三色豆」。
但也有人緩頰其實加強版隔離旅館吃的菜色還不錯「除了三色豆」、「我們員工也都吃一樣的晚餐真的吃不下去除了今天晚餐大傻眼以外其實大部分都蠻好吃的」。</t>
  </si>
  <si>
    <t>防疫便當隔離吳崢晚餐看到議員林亮君好好決定確診其實分享口罩旅館飯店遭到</t>
  </si>
  <si>
    <t>新冠肺炎台灣三色豆防疫吳崢</t>
  </si>
  <si>
    <t>臺灣肺炎防疫吳崢</t>
  </si>
  <si>
    <t>顯示張上淳初步奎寧有效臨床已用瑞德西韋指引</t>
  </si>
  <si>
    <t>瑞德西韋是目前各方認為最有可能治療新冠肺炎的藥物預計4月底解盲疫情指揮中心專家諮詢小組召集人張上淳表示目前國內北中南各一家醫院參與臨床試驗目前有3個案在二家醫院使用這個藥物。張上淳指出據使用醫</t>
  </si>
  <si>
    <t>目前藥物張上淳醫院疫情指揮中心專家月底預計肺炎治療可能小組使用召集人表示一家中南國內參與</t>
  </si>
  <si>
    <t>瑞德西韋是目前各方認為最有可能治療新冠肺炎的藥物預計4月底解盲疫情指揮中心專家諮詢小組召集人張上淳表示目前國內北中南各一家醫院參與臨床試驗目前有3個案在二家醫院使用這個藥物。
張上淳指出據使用醫師醫師表示用了之後情況不錯燒很快退但排病毒的狀況有沒有縮短是我們較關切的。至於使用Hydroxychloroquine根據法國報告顯示排病毒的時間可以縮短專家小組認為輕症可以用目的是縮短治療時間佔床時間。
對於用奎寧治新冠肺炎藥物張上淳說最近火紅的老藥奎寧目前只有很少的研究指出它會有效但在適量、適當的方式使用算是相對安全的藥物。但他特別指出奎寧要加抗生素才有更好效果這些藥在台灣可取得。
張上淳說 臨床處制第五版給醫生的建議使用之前必須要告知病患奎寧使用不一定有效但若病人同意成人、兒童的使用劑量也都有登陸在冊中張上淳指出使用這個藥物對心臟、心律的影響長期使用恐致視網膜病變而孕婦不適合使用。</t>
  </si>
  <si>
    <t>使用張上淳奎寧藥物目前指出縮短時間臨床有效表示專家治療病毒小組認為醫院肺炎可以視網膜</t>
  </si>
  <si>
    <t>新冠肺炎武漢肺炎新型冠狀病毒台灣張上淳</t>
  </si>
  <si>
    <t>肺炎武漢冠狀病毒臺灣張上淳</t>
  </si>
  <si>
    <t>累計確診磐石</t>
  </si>
  <si>
    <t>中央流行疫情指揮中心今(22)日公佈敦睦艦隊(磐石艦)再增1例新冠肺炎病例為20多歲男性於敦睦艦隊(磐石艦)實習。個案於3月23日起出現發燒、咳嗽、味覺喪失情形經服藥後症狀改善並恢復4月18日至集中檢疫所隔</t>
  </si>
  <si>
    <t>艦隊磐石中心恢復改善症狀經服情形喪失味覺咳嗽發燒出現公佈敦睦指揮肺炎病例個案實習</t>
  </si>
  <si>
    <t>中央流行疫情指揮中心今(22)日公佈敦睦艦隊(磐石艦)再增1例新冠肺炎病例為20多歲男性於敦睦艦隊(磐石艦)實習。個案於3月23日起出現發燒、咳嗽、味覺喪失情形經服藥後症狀改善並恢復4月18日至集中檢疫所隔離採檢一採結果陰性後續個案因出現鼻塞、嗅覺異常狀況19日由衛生單位安排就醫並二次採檢於今日確診。
指揮中心指出本起群聚事件截至目前共28人確診衛生單位現已掌握接觸者共692人其中446人為居家隔離對象246人為自主健康管理對象。指揮中心將持續針對個案公共場所活動足跡調查並公佈上網(網址：https://bitly/2xyUgs3)再次提醒民眾若曾於相關時段及地點活動應自主健康管理14天外出時請佩戴口罩若有不適請撥打1922防疫專線就醫時主動告知活動暴露史。
今新增案426在3月23日就出現發燒症狀昨天的案425也在同日就發燒。但當初隻說有五例發燒這兩例新增的發燒是通報有落差？張上淳表示案426是在3/23咳嗽、3/26發燒是當初與大家報告3位抗體陽性中的一位。也就是當初的5位中的一例。</t>
  </si>
  <si>
    <t>發燒活動個案中心指揮出現公佈就醫確診自主健康症狀衛生單位艦隊當初</t>
  </si>
  <si>
    <t>磐石艦敦睦艦隊海軍指揮中心新冠肺炎</t>
  </si>
  <si>
    <t>指揮海軍艦隊中心敦睦磐石肺炎</t>
  </si>
  <si>
    <t>壽險紓困跟進肺炎降息</t>
  </si>
  <si>
    <t>第三家壽險公司跟進房貸降息紓困。南山人壽24日宣佈針對確診保戶、第一線醫護人員、疫情防治人員、因疫情遭滯留無法回台及受疫情影響導致繳款有困難(如無薪假或非志願性失業者)等五大類客戶及確診房貸戶之配偶與</t>
  </si>
  <si>
    <t>疫情確診降息紓困客戶影響困難導致如無宣佈第一線南山人壽志願性失業者五大保戶滯留無法人員回台</t>
  </si>
  <si>
    <t>第三家壽險公司跟進房貸降息紓困。南山人壽24日宣佈針對確診保戶、第一線醫護人員、疫情防治人員、因疫情遭滯留無法回台及受疫情影響導致繳款有困難(如無薪假或非志願性失業者)等五大類客戶及確診房貸戶之配偶與一親等血親祭出房貸本息緩繳半年、一年部分本金緩繳或到9月底前降息1碼（025百分點）。
關懷保戶壽險業紛紛祭出新冠肺炎的客戶紓困措施其中國泰人壽在4月14日率先宣佈針對六大類客戶提供千萬元以下房貸利率降息1碼利率最低降到107％期限到9月底。而國壽是壽險第一大房貸承辦公司餘額約3400多億元有13萬戶房貸客戶。
國壽的六大類客戶即一、救護醫療人員；二是疫情防治相關人員如海關、檢疫人員、藥師等；三是確診遭隔離患者； 四是因疫情無法回台者；五是自主健康管理者；六是非自願性失業或 放無薪假者。
台灣人壽亦在15日宣佈針對四大類客戶提供保單利率及房貸利率6個月內降息022百分點且是可申請到9月底台壽房貸餘額約280多億元有1千多戶房貸客戶降息後房貸利率最低到134％。
台壽的四大類客戶即一是確診新冠肺炎的借款保戶本人或配偶、一親等血親；二是因檢疫需要接受隔離或自主健康以及受疫情影響被實施無薪假或非志願性失業的借款保戶；三是連續兩個月平均營業額較去年同期或去年下半年平均營業額少15％的公司負責人本人或配偶；四是防疫相關醫療人員。
南山人壽已不再承接新的房貸業務但其舊有房貸餘額也有290億元左右南山強調為減輕客戶因新冠肺炎出現的繳款壓力除了五大類客戶外還擴及確診房貸戶之配偶及一親等血親都可適用房貸降息或本息緩繳半年的措施。
壽險房貸第二大公司富邦人壽有逾1800億元的房貸業務富邦人壽表示4月起指數型房貸利率已降027個百分點比央行降息幅度還大。而其房貸客戶如因疫情造成非自願性失業、無薪假或其他特殊情況出現還款困難者到7月底前提供相關證明檔經富邦人壽認可後可本金緩繳最長6個月。</t>
  </si>
  <si>
    <t>客戶降息疫情確診保戶人壽月底人員配偶公司相關百分點肺炎宣佈提供房貸利率緩繳</t>
  </si>
  <si>
    <t>房貸新冠肺炎房貸利率保戶降息</t>
  </si>
  <si>
    <t>肺炎房貸利率保戶降息</t>
  </si>
  <si>
    <t>私下康復後首露面真實模樣綾瀨</t>
  </si>
  <si>
    <t>日本36歲知名女星綾瀨遙9月份因感染新冠肺炎被迫停工期間還傳出綾瀨遙的媽媽在她染疫前遭人詐騙讓綾瀨遙受到雙重打擊。如今已康復出院並火速復工的她終於露面與大眾見面媒體也拍到私下的真實狀態。被封為</t>
  </si>
  <si>
    <t>綾瀨拍到媒體見面大眾露面終於私下復工出院康復月份如今肺炎被迫打擊感染停工受到期間傳出詐騙媽媽</t>
  </si>
  <si>
    <t>日本36歲知名女星綾瀨遙9月份因感染新冠肺炎被迫停工期間還傳出綾瀨遙的媽媽在她染疫前遭人詐騙讓綾瀨遙受到雙重打擊。如今已康復出院並火速復工的她終於露面與大眾見面媒體也拍到私下的真實狀態。
被封為「國民女神」的綾瀨遙先前因工作滿檔擔心疫苗的副作用會影響工作而遲遲未打疫苗因此8月份宣佈感染新冠肺炎被迫停工後便傳出濫用特權優先住院治療等負面消息遭到不少人批評一度還因檢查出肺部出現白影的中級症狀讓外界相當震驚；綾瀨遙染疫前還傳出她的媽媽遭人詐騙高達1億日圓（約新台幣2500萬元）。但綾瀨遙針對此事不願多談敬業的她也在狀況好轉後火速回歸劇組繼續拍攝與木村拓哉合作的新片《織田信長》讓不少粉絲們相當擔心她的身體是否受得了。
經過多日的等待綾瀨遙也終於在10月27日露臉參加「2021東京電視劇大賞」的頒獎典禮榮獲女優獎的她穿著一件白色的洋裝並將長髮盤起展現往日的女神風采網友看到後也紛紛留言：「終於看到我的遙感覺瘦了一點但狀態還不錯」、「天哪！女神真的瘦好多」、「小遙身體好好的比什麼都令人感動」、「沒事就好」、「終於看到會動的遙了」、「雖然還是美但瘦了一些還是讓人心疼」意外引發話題。
綾瀬はるかFAN? ? （@ayaseharuka_fan0324）分享的貼文
另外日本媒體《女7》近日也捕捉到綾瀨遙趕拍《繼母與女兒的藍調》續集的身影當時的她雖戴著口罩、全身包緊緊但素顏時的狀態還是略顯疲憊讓粉絲們相當心疼；而她在此劇中將與佐藤健及竹野內豐合作預計明年初上檔。
★《中時新聞網》提醒您：因應新冠肺炎疫情疾管署持續加強疫情監測與邊境管制措施如有疑似症狀請撥打：1922專線或 0800-001922並依指示配戴口罩儘速就醫同時主動告知醫師旅遊史及接觸史以利及時診斷及通報。
@ayaseharuka__fan 分享的貼文</t>
  </si>
  <si>
    <t>綾瀨終於狀態女神相當口罩看到傳出症狀肺炎合作身體擔心媒體心疼疫苗詐騙分享疫情</t>
  </si>
  <si>
    <t>綾瀨遙新冠肺炎康復復出露臉</t>
  </si>
  <si>
    <t>肺炎康復複出綾瀨露臉</t>
  </si>
  <si>
    <t>減免腰斬店家客源月租金疫情</t>
  </si>
  <si>
    <t>新冠肺炎疫情衝擊觀光產業大鵬灣國家風景區的遊湖船及水上活動業者也受影響搭乘遊玩人次腰斬大鵬灣管理處在與業者座談過後決定免收廠商1至6月的租金希望與廠商共體時艱達到政府紓困善意。大鵬灣今年2月</t>
  </si>
  <si>
    <t>業者廠商衝擊觀光產業時艱紓困達到政府決定過後國家疫情風景區水上活動座談遊玩影響遊湖管理處搭乘腰斬希望</t>
  </si>
  <si>
    <t>新冠肺炎疫情衝擊觀光產業大鵬灣國家風景區的遊湖船及水上活動業者也受影響搭乘遊玩人次腰斬大鵬灣管理處在與業者座談過後決定免收廠商1至6月的租金希望與廠商共體時艱達到政府紓困善意。
大鵬灣今年2月搭乘遊湖船的遊客人數較去年同期減少約6成以上讓業者大嘆快活不下去；沒想到3月更慘迄今遊覽車團體還來不到10團就算假日有到大鵬灣遊玩的散客但也都只是走走逛逛很少坐船或消費。
鵬管處瞭解業者的困境後決定免去區內紅樹林溼地公園、濱灣公園、帆船基地等遊湖船及水域遊憩業者1至6月的租金希望實際減輕業者的營運成本負擔。鵬管處表示大鵬灣景點都在戶外較無染疫風險歡迎大家多到大鵬灣遊玩。
業者也強調遊湖船均有相關防疫作為包括遊客登船前會量測體溫並加強手部酒精消毒遊程結束後會進行全船座椅清潔消毒作業。遊湖船全為開放空間空氣流通、陽光照射度高遊客可放心搭乘。</t>
  </si>
  <si>
    <t>業者游湖遊客搭乘消毒遊玩決定管處希望租金廠商衝擊公園觀光游程結束後會酒精全船手部加強產業</t>
  </si>
  <si>
    <t>新冠肺炎大鵬灣遊湖船水上活動遊覽車紅樹林溼地公園</t>
  </si>
  <si>
    <t>水上遊湖活動肺炎遊覽車紅樹林公園</t>
  </si>
  <si>
    <t>專家病例來源防疫措施不明再現不宜香港放寬</t>
  </si>
  <si>
    <t>香港昨日再度出次感染來源不明的新冠肺炎本土確診病例。政府專家顧問、中文大學呼吸系統科講座教授許樹昌今日分析指出社區隱形傳播鏈還未完全中斷港府現階段不宜放寬防疫措施。許樹昌今日早上出席節目中時表示</t>
  </si>
  <si>
    <t>今日感染來源不明出席肺炎早上本土確診病例許樹昌政府專家措施顧問中文防疫不宜大學現階段放寬呼吸系統中斷完全</t>
  </si>
  <si>
    <t>香港昨日再度出次感染來源不明的新冠肺炎本土確診病例。政府專家顧問、中文大學呼吸系統科講座教授許樹昌今日分析指出社區隱形傳播鏈還未完全中斷港府現階段不宜放寬防疫措施。
許樹昌今日早上出席節目中時表示香港相隔約一周後再檢測到一名染病來源不明的本土確診個案這顯示社區仍然有隱形傳播鏈。他推測患者病徵或許很輕微不過卻具傳播性港府目前因而不適合於現階段放寬防疫措施如食肆限制等或舉辦大型公開活動但可考慮在限制人數下局部容許恢復宗教活動不過一定得要求出席者戴口罩。
許樹昌接著提到昨日新增的來源不明的病例涉及範圍較細不會引起像是貨櫃碼頭集體的大爆發。他也呼籲市民即使出現輕微病徵也應盡早求醫及進行病毒檢測。
他還指出香港民眾如持續戴口罩和注意手部衛生冬季出現流感高峰期的機會很小但他呼籲高危險人士應接種流感疫苗。他還提到香港今年並無出現夏季流感高峰期。</t>
  </si>
  <si>
    <t>香港來源不明傳播出現病例呼籲活動今日提到確診出席口罩社區病徵指出許樹昌本土輕微限制措施防疫放寬</t>
  </si>
  <si>
    <t>香港新冠肺炎本土確診許樹昌</t>
  </si>
  <si>
    <t>本土肺炎確診許樹昌香港</t>
  </si>
  <si>
    <t>本土流行臺灣境外新加坡香港</t>
  </si>
  <si>
    <t>台灣防疫獲外媒認證！專家諮詢中心召集人張上淳表示紐約時報日前報導以圖表方式來分析台灣、香港及新加坡3地疫情演進2月到3月上旬每日新增還是個位數確診之後歐美境外移入個案大幅增加造成香港境外移入讓</t>
  </si>
  <si>
    <t>香港臺灣境外認證專家中心召集人張上淳表示紐約時報日前報導圖表方式上旬新增分析位數演進疫情新加坡</t>
  </si>
  <si>
    <t>台灣防疫獲外媒認證！專家諮詢中心召集人張上淳表示紐約時報日前報導以圖表方式來分析台灣、香港及新加坡3地疫情演進2月到3月上旬每日新增還是個位數確診之後歐美境外移入個案大幅增加造成香港境外移入讓本土流行新加坡亦然短時間內確診突破百例然而台灣一直控制得很好因此外界對台灣防疫十分肯定。
為了防疫第一線醫事人員的健康指揮中心自3月30起擴大篩檢各大醫療院所的醫事人員截至4月15日統計以篩檢醫師225人、護理師767人、其他醫事人員222人、其他非醫事人員253人照護機構人員385人共計1852人。</t>
  </si>
  <si>
    <t>臺灣人員確診中心新加坡香港防疫境外日前專家報導召集人張上淳表示紐約時報認證圖表外界一直方式</t>
  </si>
  <si>
    <t>台灣境外移入台灣防疫確診新加坡</t>
  </si>
  <si>
    <t>防疫臺灣確診新加坡境外</t>
  </si>
  <si>
    <t>發明專利台積申請電沖新高經濟</t>
  </si>
  <si>
    <t>經濟部 資料 公佈 第 1 季 我國 受理 3 種 專利申請 合計 17156 件 商標 申請 22385 件 雙雙 成長 各 較 上年 同期 增加 3 及 10 本國 人 發明專利 及 商標 申請 件數 均 有 2 位 數 以上 的 成長率 台積電 及 高通 再度 分居 本國 人 及 外國人 發明專利</t>
  </si>
  <si>
    <t>申請商標發明專利我國受理專利申請合計高通再度成長成長率台積電以上件數分居增加公佈同期上年資料外國人經濟部</t>
  </si>
  <si>
    <t>經濟部 資料 公佈 第 1 季 我國 受理 3 種 專利申請 合計 17156 件 商標 申請 22385 件 雙雙 成長 各 較 上年 同期 增加 3 及 10 本國 人 發明專利 及 商標 申請 件數 均 有 2 位 數 以上 的 成長率 台積電 及 高通 再度 分居 本國 人 及 外國人 發明專利 申請 之首 台積電 之 件數 更 達到 史上新 高 紀錄 首季 本國 企業 發明專利 件數 成 長 28 其中 中小企業 已 連續 12 季 呈現 正 成長 整體而言 110 年 第 1 季 的 智慧 財產權 趨勢 表現 亮 眼 經濟部 資料 顯示 首季 我國 受理 申請 之三 種 專利 件數 中 發明專利 為 11888 件 本國 人 及 外國人 件數 均 較 上年 同期 增加 尤其 是 本 國人 成長率 達 19 是 整體 發明專利 成長 的 主要 推力 而 其他 專利 則 呈現 下降 趨勢 首季 我國 企業 整體 發明專利 申請 3821 件 較 上年 同期 增加 28 於本 國人 發明專利 總 件數 之 占比 亦 上升 至 81 大型 企業 與 中小企業 發明專利 件數 分別 成長 31 及 16 各季 與 去年同期 相較 中小企業 已 連續 12 季正 成長 在 新 冠 疫情 尚未 平息 下 仍 持續 穩定 成長 申請人 方面 台積電 2330 發明專利 申請 678 件 除了 創下 單季 申請 件數 最高 紀錄 也 已 連續 8 季 位居 本國 人 發明專利 申請 件數 之首 另 設計 專利申請 則 以 宏棋 2353 21 件 最 多</t>
  </si>
  <si>
    <t>件數發明專利成長申請台積電首季企業連續我國中小企業趨勢成長率紀錄專利申請專利整體上年呈現增加商標同期受理外國人</t>
  </si>
  <si>
    <t>專利經濟部新冠肺炎台積電宏碁</t>
  </si>
  <si>
    <t>肺炎台積電經濟部專利宏棋</t>
  </si>
  <si>
    <t>收盤下跌無效降息fed</t>
  </si>
  <si>
    <t>在聯準會（Fed）宣佈緊急降息2碼之後的第一天美股經過一番震盪收盤時各項指數仍下挫近3%顯示投資人對於降息救經濟的策略並未產生信心。星期二收盤時S&amp;P 500指數下跌281%以300337點作收；道瓊工業指數下</t>
  </si>
  <si>
    <t>在 聯 准會 fed 宣佈 緊急 降息 2 碼 之後 的 第一 天 美 股 經過 一番 震盪 收盤 時 各項 指數 仍 下挫 近 3 顯示 投資人 對於 降息 救 經濟 的 策略 並未 產生 信心 星期二 收盤 時 s&amp;p 500 指數 下跌 281 以 300337 點 作 收 道 瓊 工業 指數 下</t>
  </si>
  <si>
    <t>降息指數收盤緊急之後經濟策略下跌震盪對於並未投資人產生顯示信心宣佈星期二s&amp;p下挫fed工業</t>
  </si>
  <si>
    <t>在聯準會（Fed）宣佈緊急降息2碼之後的第一天美股經過一番震盪收盤時各項指數仍下挫近3%顯示投資人對於降息救經濟的策略並未產生信心。
星期二收盤時S&amp;P 500指數下跌281%以300337點作收；道瓊工業指數下跌294%以2591741點作收；科技類股那斯達克指數也下挫299%以868409點作收。
在聯準會宣佈降息之後美國股市瞬間的反應相當正面立刻反彈了1%但隨即又暴跌顯示了投資人對於政策是否能有效救經濟的質疑。聯準會降息代表了更多金錢流入市場但這一波經濟衰退起因於新冠肺炎工廠停工員工隔離在家生產降低供應鏈中斷等問題都不會因為降息而得到解決。
聯準會官員認為降息雖無法解決景氣降溫的起因但可以減輕消費者與投資者的信心所受的附帶傷害一旦疫情受到控制經濟也能加快復甦。
市場分析師表示聯準會的策略要產生效果前提是疫情的狀況必須明朗化若無法預測疫情的走勢再多的資金投入都很難拯救低迷的經濟。</t>
  </si>
  <si>
    <t>降息准會經濟疫情指數市場信心產生策略之後解決收盤投資人對於下挫顯示宣佈員工停工隔離工廠</t>
  </si>
  <si>
    <t>聯準會Fed降息新冠肺炎美股</t>
  </si>
  <si>
    <t>降息fed肺炎准會</t>
  </si>
  <si>
    <t>國務卿世衛陸捐損失溜回全球</t>
  </si>
  <si>
    <t>美國因為新冠肺炎疫情槓上大陸美國總統川普與國務卿蓬佩奧近期更是炮火全開針對大陸國家主席習近平日前拋出資助世界衛生組織（WHO）20億美元的承諾蓬佩奧昨（20）日酸溜溜回應比起疫情對全球造成的巨大損失</t>
  </si>
  <si>
    <t>大陸蓬佩疫情美國比起承諾資助日前who習近平主席世界衛生組織國家回應全開總統川普炮火更是國務卿近期肺炎</t>
  </si>
  <si>
    <t>美國因為新冠肺炎疫情槓上大陸美國總統川普與國務卿蓬佩奧近期更是炮火全開針對大陸國家主席習近平日前拋出資助世界衛生組織（WHO）20億美元的承諾蓬佩奧昨（20）日酸溜溜回應比起疫情對全球造成的巨大損失北京這筆錢根本「微不足道」。
大陸國家主席習近平18日在世界衛生大會（WHA）開幕儀式上致詞時為大陸的防疫表現辯護他強調大陸「始終本著公開、透明、負責任的態度」及時通報新冠肺炎疫情他也在會議上承諾未來2年將資助世衛20億美元資金以協助開發中國家對抗疫情。
針對習近平的致詞美國國務卿蓬佩奧（Mike Pompeo）昨日酸溜溜路透社報導蓬佩奧昨日在記者會上駁斥北京防疫公開透明的說詞「席主席本周宣稱中國有盡到公開、透明的責任我真希望他們真的有做到」他細數北京各大罪狀包括扣住新冠病毒樣本、對疫情相關言論進行審查「還有更多更多。」
他認為如果北京真的希望對外展現公開透明就應該要召開記者會讓記者提問任何問題。
他接著說「我期待看他們履行20億美元承諾」不過話鋒一轉指出大陸對抗疫的貢獻和他們對全球造成的損失相比根本「微不足道」（paltry）。
他說疫情已奪走約9萬美國人性命全球30萬人喪命超過3600萬美國人失業「根據我們估算因為中國共產黨失職在全球造成的損失恐高達9兆美元。」
記者會上蓬佩奧也將矛頭指向世衛秘書長譚德塞（Tedros Adhanom Ghebreyesus）指控他在疫情之前就已經「和北京有不尋常關係」「這問題非常大。」</t>
  </si>
  <si>
    <t>疫情大陸北京美國全球透明公開承諾記者會主席造成蓬佩國家習近平世衛對抗致詞問題資助微不足道</t>
  </si>
  <si>
    <t>案例新高境外新增</t>
  </si>
  <si>
    <t>疫情指揮中心今又公佈6例新冠肺炎確診個案創下新高。對此前婦產科醫師、民進黨國際事務部主任林靜儀就在臉書上疾呼「暫時不要再出國了！拜託！」今日疫情指揮中心表示新增了6例境外移入6例分別有泰、日、</t>
  </si>
  <si>
    <t>中心指揮疫情林靜儀主任國際事務書上疾呼民進暫時醫師婦產科對此創下新增出國表示</t>
  </si>
  <si>
    <t>疫情指揮中心今又公佈6例新冠肺炎確診個案創下新高。對此前婦產科醫師、民進黨國際事務部主任林靜儀就在臉書上疾呼「暫時不要再出國了！拜託！」
今日疫情指揮中心表示新增了6例境外移入6例分別有泰、日、埃及、土耳其、西班牙以及希臘的旅遊史。指揮官陳時中就直言「台灣相對安全很多非必要的出國這段時間大家忍一忍啦」。
而林靜儀昨天也才在臉書上呼籲我認為國民記得兩件事就好能不出國就不要出國、有外國朋友要來台灣請他們暫時延後計畫如果此時非得出入境就配合居家檢疫其他沒被規範的也進行自主健康管理。
不料今卻又一口氣新增6名境外移入個案林靜儀也立刻分享新聞並發文拜託大家「暫時不要再出國了！拜託！」</t>
  </si>
  <si>
    <t>出國林靜儀暫時臺灣個案書上新增境外中心指揮疫情希臘西班牙醫師土耳其旅遊</t>
  </si>
  <si>
    <t>勞動部勞工出國為由排定</t>
  </si>
  <si>
    <t>新冠肺炎疫情延燒近來許多事業單位要求勞工在出國前應報備甚至不准以「出國」為由的特別休假勞動部表示依勞基法特別休假應由勞工排定但勞工歸國後如要面臨居家檢疫等則依「嚴重特殊傳染性肺炎防治及紓困</t>
  </si>
  <si>
    <t>勞工肺炎特別休假特殊嚴重近來事業檢疫單位居家面臨要求出國前為由出國疫情甚至不准傳染性歸國勞動部</t>
  </si>
  <si>
    <t>新冠肺炎疫情延燒近來許多事業單位要求勞工在出國前應報備甚至不准以「出國」為由的特別休假勞動部表示依勞基法特別休假應由勞工排定但勞工歸國後如要面臨居家檢疫等則依「嚴重特殊傳染性肺炎防治及紓困振興特別條例」可請防疫隔離假不強制雇主給薪。
近日許多事業單位要求避免前往疾管署公告注意、警示及警告地區如有出國必要請提前向單位主管報備經主管同意後再行安排假期。但勞基法明訂特別休假期日由勞工排定之違反可處2萬至100萬元。
勞動部官員表示依勞基法特別休假應由勞工排定勞工申請後雇主應予以准假但如果歸國後要居家檢疫等情況則依特別條例可請「防疫隔離假」不強制雇主給薪如符合相關規定則勞工可領取防疫補償。</t>
  </si>
  <si>
    <t>勞工特別單位雇主出國事業肺炎排定勞基法防疫假期勞動部條例檢疫居家歸國休假強制主管</t>
  </si>
  <si>
    <t>新冠肺炎武漢肺炎COVID-19台灣勞工</t>
  </si>
  <si>
    <t>武漢肺炎covid-臺灣勞工</t>
  </si>
  <si>
    <t>降級新低再創陳時中確診本土條件</t>
  </si>
  <si>
    <t>今天台灣本土疫情新增107例是三級警戒以來最少的一次外界關心6月28日是否有望降級？中央流行疫情指揮中心指揮官陳時中表示現在大家看到疫情確實是少漸漸要把相關縣市清零。原來有社區傳播的未來要如何採檢</t>
  </si>
  <si>
    <t>疫情傳播社區原來新增相關以來是否關心有望降級外界中央流行指揮中心指揮官陳時中表示警戒</t>
  </si>
  <si>
    <t>今天台灣本土疫情新增107例是三級警戒以來最少的一次外界關心6月28日是否有望降級？中央流行疫情指揮中心指揮官陳時中表示現在大家看到疫情確實是少漸漸要把相關縣市清零。原來有社區傳播的未來要如何採檢並確實掌握疫情希望用最快時間把它控制住。
陳時中說目前沒有要調整警戒程度如果一周內想達到效果要持續觀察疫情變化。現在降級的話擔心疫情反彈所以一定要很謹慎。打疫苗的數目涵蓋率仍不足希望兩個月後儘快有效率的來施打。
陳時中補充在一段時間控制到一定情況下必須確保戴口罩、維持社交距離目前沒有朝個別縣市解封的討論但會思考就單項來說是不是有些場所能逐步開放。
陳時中進一步解釋解封不會以縣市別來分會滾動式調整不會一下就從三級回到二級目前討論方向為全國一致但低風險的區域某些要求的強度就會比較低。
當疫苗涵蓋率高時傳播鍊就不易形成若涵蓋率高三級警戒復發的可能性就比較低因為比較多人打過疫苗傳播會比較慢屬於比較可以控制的範圍。</t>
  </si>
  <si>
    <t>疫情警戒目前傳播時中涵蓋控制比較疫苗一定希望降級現在討論沒有調整確實</t>
  </si>
  <si>
    <t>新冠肺炎台灣三級警戒6月28日解封</t>
  </si>
  <si>
    <t>警戒臺灣肺炎解封</t>
  </si>
  <si>
    <t>部署歐美超前學習治療校長陽明經驗</t>
  </si>
  <si>
    <t>美國新冠肺炎確診人數全球第一歐美疫情益發嚴峻加上台灣目前多數確診者都是歐美境外移入陽明大學校長郭旭崧表示當初武漢一開始發生疫情台灣就派專家前往視察；如今疫情更嚴峻的義大利、歐美等國卻沒有專</t>
  </si>
  <si>
    <t>疫情確診歐美臺灣嚴峻人數大利陽明大學校長郭旭嵩表示境外全球當初都是歐武漢開始發生如今目前視察前往</t>
  </si>
  <si>
    <t>美國新冠肺炎確診人數全球第一歐美疫情益發嚴峻加上台灣目前多數確診者都是歐美境外移入陽明大學校長郭旭崧表示當初武漢一開始發生疫情台灣就派專家前往視察；如今疫情更嚴峻的義大利、歐美等國卻沒有專家前往取經。他指出疫情調查下一步就是臨床治療瞭解歐美各國患者病毒特性與治療方法才能在台灣醫療面臨嚴峻考驗時真正「超前部署」。
郭旭崧指出疫情流行時疫情調查的下一步就是臨床治療。而大陸武漢地區發生新冠肺炎的第一時間當時台灣一個確診案例都還沒有疾管署就立即派出2名醫藥界專家火速飛抵武漢視察取得病毒資訊並瞭解臨床治療方法以防若台灣也有確診個案該如何因應治療。
無症狀感染者是下個挑戰
而如今包含歐洲、美國疫情愈來愈嚴峻台灣目前確診個案也多有歐美旅遊史應該也趁現在台灣醫療體系還沒燒起來之際派人前往該國或是透過視訊會議方式瞭解歐美面對大規模病患時醫療人員如何因應學習治療的經驗作為超前部署的一環。
台灣至今防疫成功在於腳步快、民眾配合度高接下來國內將面臨的挑戰是無症狀或輕微症狀的隱性感染者走入社區郭旭崧指出台灣此時儘速發展自己的抗體檢驗工具很重要屆時許多居家檢疫者回到社區若能回頭做抗體試劑知道哪些人身上有抗體後類似安全碼的概念一方面自己不必擔心另一方面因為不會感染他人可以真正「安全地」回到社區。
應速研發抗體及快篩試劑
除了發展抗體檢測工具台大公衛學院院長詹長權也指出如今美國的快篩檢測已從當初10發展到30才有辦法擴大採檢；台灣卻從第1例到第300多例都用同一套PCR檢測方法沒變過當然無法擴大採檢。他建議應該儘速研發、量產快篩試劑尤其當全世界所有國家的藥物管理單位都能緊急授權上架審查時國內藥政單位也應該在疫情時期加速審查機制。</t>
  </si>
  <si>
    <t>臺灣疫情治療抗體確診指出歐美應該方法社區如今發展醫療試劑前往郭旭嵩專家美國臨床嚴峻安全</t>
  </si>
  <si>
    <t>方法抗體美國嚴峻治療</t>
  </si>
  <si>
    <t>方法美國治療嚴峻抗體</t>
  </si>
  <si>
    <t>烏龍要點公佈培訓人才觀光業急轉彎</t>
  </si>
  <si>
    <t>觀光產業因疫情面臨裁員、放無薪假的困境交通部為替業者紓困上周公告「人才培訓」實施要點未料卻引來業界罵聲連連主因是該要點補助的非企業而是員工。業者大罵人事成本一樣沒有減輕是「烏龍決策」。交通</t>
  </si>
  <si>
    <t>業者要點裁員減輕困境面臨交通部沒有成本紓困上周人事大罵培訓公告實施引來人才連連</t>
  </si>
  <si>
    <t>觀光產業因疫情面臨裁員、放無薪假的困境交通部為替業者紓困上周公告「人才培訓」實施要點未料卻引來業界罵聲連連主因是該要點補助的非企業而是員工。業者大罵人事成本一樣沒有減輕是「烏龍決策」。交通部長林佳龍昨晚向業者承諾補助對象從員工改為僱主。
交通部上周公告「交通部協助受重大疫情影響觀光相關產業轉型培訓實施要點」讓旅行業、旅宿業與有稅籍登記或商業登記的民宿、觀光遊樂業等經營者趁沒沒生意時讓員工參加由觀光局委託上述產業類別公協會舉辦的人才培訓課程以提升專業能力參與培訓的員工每人每小時158元每人每月120小時為限等於每人每月可獲最高補助1萬8960元。
不少企業主認為交通部的紓困目的是希望在不裁員或放員工無薪假的條件下公司不因人事成本進而影響正常營運但依照交通部公告的要點去走員工的工作量剩一半不只可領全薪外還能利用工作時間受訓並領取近2萬元補助企業主大喊人事成本根本沒減輕還不如跟員工協議留職停薪3個月似乎比去上課好。
台灣旅館商業同業公會全聯會理事長張榮南舉例一名業務協理月薪3萬元平常情況下會有加給獎金但疫情期間飯店沒有生意公司派該名協理去上課100小時不只工作量減半還能領全薪外加1萬5800元補助等於變相加薪；張強調現在的時局不是加薪的時候如果這樣子放無薪假就好「到底是誰想出來的這種烏龍方案」？
張榮南說假如政府是補貼企業依照員工上課時數撥款1萬5800元剩下1萬4200元差額由公司支付員工照樣領3萬元全薪員工滿意企業也滿意。
經各產業反應後交通部長林佳龍已承諾補助款會從員工改交付企業主；換句話說未來員工參與人才培訓視同上班補助款將撥給企業統一運用由企業主補差額給員工則可雙贏。</t>
  </si>
  <si>
    <t>員工補助培訓企業主交通部要點產業公司企業人才業者疫情成本人事公告觀光張榮南協理補助款</t>
  </si>
  <si>
    <t>武漢肺炎症狀諾羅病毒林口長庚院內感染新冠肺炎</t>
  </si>
  <si>
    <t>肺炎病毒院內林口長諾羅感染症狀武漢</t>
  </si>
  <si>
    <t>減租業者主動部門要求壓垮民間負擔回應租金</t>
  </si>
  <si>
    <t>新冠肺炎自上月爆發政府已宣佈全國三級警戒至6月28日綠委劉世芳、羅致政、鄭運鵬、黃世傑等人今日召開記者會要求營業衰退紓困將要求營業額從寬認定不要等到7月才能領。此外國有財產署及國營事業出租也要</t>
  </si>
  <si>
    <t>要求爆發政府國有財產宣佈才能全國警戒不要認定從寬營業額劉世芳上月國營事業羅致記者會鄭運鵬黃世傑召開今日</t>
  </si>
  <si>
    <t>新冠肺炎自上月爆發政府已宣佈全國三級警戒至6月28日綠委劉世芳、羅致政、鄭運鵬、黃世傑等人今日召開記者會要求營業衰退紓困將要求營業額從寬認定不要等到7月才能領。此外國有財產署及國營事業出租也要主動減租20％帶動民間響應。
紓困40上路後針對商業服務業紓困方式是採2021年5月至7月任一月營收比2019年同月或2021年3月至4月平均減少5成以上(有稅籍登記)；或是被中央政府命令停業且給付員工薪水未達基本工資的企業即符合補貼資格。
羅致政表示營業稅在每年6月結算而現在又碰到紓困要上路因此在營業衰退計算上時間點會有落差因此希望行政部門能夠彈性認定。
羅致政說這波疫情是從5月15日開始若有業者能夠提出過去半個月、1個月的營業衰退像是娛樂場所、百貨公司等等希望政府能從寬、彈性認定讓業者盡快拿到紓困。
黃世傑表示除了營業衰退從寬認定外財政部經管的國有不動產出租已宣佈減收、延長繳租日期而經濟部國營事業經管的公有土地也同樣要求比照財政部目前已有419戶申請減收延繳已全數同意但還有23萬件尚待辦理希望經濟部主動辦理提供民間紓困。
劉世芳指出經濟部及財政部在去年的做法是1月至6月土地減租20％如今因為疫情因素因此建議相關措施能夠延長至明年6月底除土地減租20％外經濟部國營會、財政部國有財產署都要主動幫忙處理租金減免減緩合法使用人的經濟壓力。
羅致政說除了財政部、經濟部也要求交通部的台鐵局針對各場站店家提出減租計畫此外也要趕快來幫忙國道休息站的商家希望能夠藉由公部門主動減租帶動民間響應跟進減租全民共體時艱。</t>
  </si>
  <si>
    <t>紓困減租經濟部財政部能夠希望羅致認定主動要求營業衰退從寬政府民間疫情表示提出延長宣佈幫忙劉世芳</t>
  </si>
  <si>
    <t>新冠肺炎台灣減租主動紓困</t>
  </si>
  <si>
    <t>減租肺炎臺灣主動紓困</t>
  </si>
  <si>
    <t>確診學生驚見垃圾爆發大學嚇壞住宿生文化</t>
  </si>
  <si>
    <t>中國文化大學大倫館宿舍4人確診校方緊急成立應變小組臺北市政府成立的「快篩機動隊」針對314名留宿生進行快篩檢測14人快篩陽性令人憂心會釀另一波群聚感染時又傳出大倫館內有學生翻找垃圾桶找食物吃長</t>
  </si>
  <si>
    <t>成立垃圾桶館內傳出感染宿舍緊急校方確診憂心學生機動隊進行應變小組</t>
  </si>
  <si>
    <t>中國文化大學大倫館宿舍4人確診校方緊急成立應變小組臺北市政府成立的「快篩機動隊」針對314名留宿生進行快篩檢測14人快篩陽性令人憂心會釀另一波群聚感染時又傳出大倫館內有學生翻找垃圾桶找食物吃長達4個小時對此校方表示該生是校內長期協助的個案已安排校安人員協助、處理。
一名文化大學男生昨（2）日晚間於論壇《Dcard》表示一名男同學在翻大倫館內的垃圾桶找食物吃整整4個小時男大生害怕地表示該名學生就在自己的房間門口再加上已有4人確診擔心校內一定還有無症狀感染者緊急通報舍監舍監則以已通報教官回應只不過一直等到午夜12時仍不見教官的身影翻垃圾桶的同學把走廊弄得杯盤狼藉令他焦急的問「教官你在哪？」
文化大學大倫館男宿舍1日傳出4名學生確診345名學生皆是使用同一個衛浴空間校方第一時間緊急大消毒並成立應變小組北市府快篩機動隊也在昨日進入校園針對314名學生進行快篩13人快篩陽性另一名學生則是出現症狀送至陽明醫院急診室快篩後陽性現又有學生垃圾吃東西難免令人擔憂至於為何快篩人數與校方列冊的345人有人數差距北市府表示仍在確認中。
對此校方證實該生學生為校內生因狀身心況特殊一直都有掌握該生狀況目前已安排相關人員協助、處理並加強輔導及規勸盼外界多諒解。
★《中時新聞網》提醒您：因應新冠肺炎疫情疾管署持續加強疫情監測與邊境管制措施 如有疑似症狀請撥打：1922專線或 0800-001922 並依指示配戴口罩儘速就醫同時主動告知醫師旅遊史及接觸史以利及時診斷及通報。</t>
  </si>
  <si>
    <t>學生校方表示症狀教官校內確診緊急協助加強垃圾桶通報一直成立文化大學</t>
  </si>
  <si>
    <t>新冠肺炎文化大學大倫館快篩確診</t>
  </si>
  <si>
    <t>大學文化肺炎確診</t>
  </si>
  <si>
    <t>抗體高端第濃度陳時中建議蔡英文</t>
  </si>
  <si>
    <t>資料高端抗體指揮接種中心總統對此信心加上是否完整增加好奇外界疫苗自費公佈開放尚未保護今天上午賴清德指揮官蔡英文</t>
  </si>
  <si>
    <t>抗體高端總統疫苗表示資料接種公佈中和信心保護表現意義增加陳時中指揮中心代表外界好奇對此賴清德是否以上效果</t>
  </si>
  <si>
    <t>總統蔡英文高端自費驗抗體中和抗體</t>
  </si>
  <si>
    <t>高端自費抗體蔡英文總統中和</t>
  </si>
  <si>
    <t>中空雪天女星變態</t>
  </si>
  <si>
    <t>新冠肺炎疫情全球延燒英國也不例外但在封閉的防疫狀態中人們還是能為生活找到出口尤其是網紅、模特兒及藝人模特兒出身的女星伊莉莎白赫莉(Elizabeth Hurley)就在疫情嚴重又冰天雪地的現在來了一發追雪</t>
  </si>
  <si>
    <t>疫情模特現在冰天雪地全球嚴重hurley英國女星elizabeth伊莉莎白赫莉例外封閉防疫尤其狀態人們</t>
  </si>
  <si>
    <t>新冠肺炎疫情全球延燒英國也不例外但在封閉的防疫狀態中人們還是能為生活找到出口尤其是網紅、模特兒及藝人模特兒出身的女星伊莉莎白赫莉(Elizabeth Hurley)就在疫情嚴重又冰天雪地的現在來了一發追雪艷照讓人看了血脈賁張瞬間暖了起來。
伊莉莎白赫莉以性感魅惑形象聞名但最為人所熟知的是她跟英倫情聖休葛蘭之間長達10多年的往日情最終因為女神受不了休葛蘭太難搞而選擇分手之後跟富商史提夫賓生了唯一的兒子達米恩2007年曾跟印度富豪納亞爾走入婚姻但僅4年就離婚伊莉莎白赫莉情路坎坷卻活出最精采的自己如今已55歲的她外型雖難免有點歲月痕跡但始終保持火辣身材至今仍為個人泳裝品牌擔任產品模特兒是個超級美魔女。
Elizabeth Hurley（@elizabethhurley1）分享的貼文
而如今英國正值下雪季節伊莉莎白赫莉昨(1/26)貼出冬裝照身上披了雪白毛皮大衣但裡面竟然中空就穿了條短小的白色比基尼三角褲靠外套巧妙遮住胸前兩點豐滿胸型幾乎被看光光無視大冬天依然爽拍清涼艷照還寫下：「我怎麼有辦法抗拒？」引人遐想。
伊莉莎白赫莉的冬季清涼照美不勝收但卻被日前重提與已逝傳奇媒體人賴瑞金昔日恩怨的英國名嘴皮爾斯摩根看不爽說他不過比伊莉莎白赫莉大了3個月同為55歲的人但也看不下去女神這樣皮爾斯說伊莉莎白赫莉是真的保養得很好不過每次都寬衣解帶讓19歲兒子幫她拍照「實在有夠變態就那麼渴望關注嗎？」要她不要那麼衝動快把衣服穿起來。</t>
  </si>
  <si>
    <t>伊莉莎白赫莉英國兒子如今疫情模特女神葛蘭hurley清涼elizabeth起來</t>
  </si>
  <si>
    <t>伊莉莎白赫莉休葛蘭新冠肺炎清涼照艷照</t>
  </si>
  <si>
    <t>肺炎清涼葛蘭伊莉莎白赫莉</t>
  </si>
  <si>
    <t>防疫中心永和呼籲視察保持侯友宜活動</t>
  </si>
  <si>
    <t>新北市COVID-19確診案例不斷攀升新北市政府為強化三級防疫繼板橋、中和、三重、新莊接連成立熱區防疫中心今（26）日永和、新店跟進成立防疫中心上午市長侯友宜前往2處視察呼籲民眾配合保持低度活動齊心</t>
  </si>
  <si>
    <t>防疫中心成立新北民眾呼籲視察不斷攀升前往配合市政府侯友宜強化市長上午板橋案例中和新莊接連熱區跟進</t>
  </si>
  <si>
    <t>防疫熱區侯友宜中心配合活動減少營業非必要民眾視察加強保持成立新北板橋中和新莊能夠不斷攀升場所</t>
  </si>
  <si>
    <t>新冠肺炎台灣新北侯友宜低度活動</t>
  </si>
  <si>
    <t>新北肺炎臺灣侯友宜活動</t>
  </si>
  <si>
    <t>消毒水野生動物陸猛死亡生態災難</t>
  </si>
  <si>
    <t>新冠肺炎擴散引發大陸各地恐慌許多城市到處噴灑消毒藥水防控疫情擴散不料卻因噴灑量太多導致野生動物中毒死亡。重慶林業局為疫情防控派員加強疫情監測深入林區與野外卻意外發現因濫用消毒水造成的生態災難</t>
  </si>
  <si>
    <t>疫情擴散噴灑防控發現意外引發大陸野外林區恐慌深入城市監測到處野生動物中毒林業局重慶導致死亡消毒藥水不料消毒水加強派員</t>
  </si>
  <si>
    <t>新冠肺炎擴散引發大陸各地恐慌許多城市到處噴灑消毒藥水防控疫情擴散不料卻因噴灑量太多導致野生動物中毒死亡。重慶林業局為疫情防控派員加強疫情監測深入林區與野外卻意外發現因濫用消毒水造成的生態災難
《新華社》報導重慶市林業局表示重慶市持續加強陸生野生動物疫源疫病監測林業系統平均每天出動200餘名專職監測員和5300餘名護林員深入林區、自然保護地、養殖場、動物園、農貿市場、高速公路沿線等區域監測野生動物及時處理異常情況。
報導說截至目前重慶市在疫情防控期間共巡查發現17種、135只野生動物出現異常死亡包括烏鶇、白頭鵯、灰胸竹雞、野豬、黃鼠狼等。通過動物檢疫機構和重慶市動物疫病防控中心的取樣檢測綜合現場調查情況專家判定其中部分野生動物死亡原因為噴施消毒藥等引起的中毒同時排除了死亡野生動物的新冠病毒、禽流感、新城疫的疫源疫病。
報導表示相關部門已對取樣剩餘物實施了深埋等無害化處理對野生動物異常死亡場所進行了清潔消毒。重慶市林業局建議在高速公路及廣大農村地區應合理使用消毒藥液避免對當地居民、動物和食用農產品等造成危害。</t>
  </si>
  <si>
    <t>野生動物死亡防控疫情監測疫病報導重慶市動物消毒重慶市林業局取樣發現林區表示加強擴散深入中毒噴灑居民當地避免藥液</t>
  </si>
  <si>
    <t>新冠肺炎大陸武漢肺炎新型冠狀病毒NCP</t>
  </si>
  <si>
    <t>武漢肺炎大陸冠狀病毒ncp</t>
  </si>
  <si>
    <t>肺炎死亡新高巴西</t>
  </si>
  <si>
    <t>巴西今天通報單日新增的新冠肺炎（COVID-192019冠狀病毒疾病）染疫死亡人數接近2000人打破先前紀錄。疫情正使得巴西醫院不堪負荷當地疫苗接種進度也緩慢。巴西衛生部今天通報單日有1972人染疫病故。目前為</t>
  </si>
  <si>
    <t>巴西通報今天病毒疾病疫苗死亡打破人數先前不堪負荷醫院接近當地使得接種進度疫情紀錄緩慢衛生部covid-</t>
  </si>
  <si>
    <t>巴西今天通報單日新增的新冠肺炎（COVID-192019冠狀病毒疾病）染疫死亡人數接近2000人打破先前紀錄。疫情正使得巴西醫院不堪負荷當地疫苗接種進度也緩慢。
巴西衛生部今天通報單日有1972人染疫病故。目前為止巴西累計已有26萬8370名新冠肺炎患者不治高居全球第2僅次於美國。
巴西今天還通報新增7萬764宗確診病例意味累積染疫人數已達1110萬人。
巴西先前單日染疫病故人數最高紀錄在3月3日創下當時才剛破1900人但過去2週這個數字持續上升。
根據巴西公共衛生機構克魯茲基金會（Fiocruz）今天發布的報告巴西疫情正面臨嚴峻考驗全國27州首府有25座城市的加護病房占床率已超過8成。
巴西總統波索納洛（Jair Bolsonaro）一直對專家建議的抗疫作法嗤之以鼻上週甚至要巴西民眾對疫情「別再發牢騷」並再度批評居家限令。
世界衛生組織（WHO）秘書長譚德塞（Tedros Adhanom Ghebreyesus）已敦促巴西採取積極作為並警告巴西若不嚴肅對待疫情恐影響鄰國甚至更遠的國家。
巴西的疫苗施打進度緩慢目前僅共860萬人注射首劑疫苗占總人口的41%；其中更只有290萬人施打第2劑疫苗。
巴西使用的是中國科興生物研發的疫苗CoronaVac以及英國藥廠阿斯特捷利康（AstraZeneca）與牛津大學（Oxford Universtiy）合作研發的疫苗。</t>
  </si>
  <si>
    <t>巴西疫苗疫情今天人數通報紀錄甚至研發先前肺炎疫病新增世界衛生組織限令whoastrazeneca秘書長居家牛津大學</t>
  </si>
  <si>
    <t>巴西疫苗染疫今天疫情</t>
  </si>
  <si>
    <t>疫苗今天疫情巴西</t>
  </si>
  <si>
    <t>肺炎發生率年齡臺灣得病長輩</t>
  </si>
  <si>
    <t>隨著新冠肺炎疫情全球升溫台灣也連帶受到波及中央疫情指揮中心24日宣佈台灣新增20例病例皆為境外移入個案發病前分別在英國、愛爾蘭、義大利、土耳其、印尼、西班牙、法國、美國、泰國、德國、保加利和比利</t>
  </si>
  <si>
    <t>疫情臺灣美國法國西班牙印尼土耳其大利肺炎愛爾蘭英國泰國分別發病個案全球境外升溫病例新增連帶中央宣佈</t>
  </si>
  <si>
    <t>臺灣發生率肺炎最高族群病例疫情確診年齡發現境外本土三高趨勢以上法國美國</t>
  </si>
  <si>
    <t>新冠肺炎台灣武漢肺炎長輩發生率</t>
  </si>
  <si>
    <t>武漢肺炎臺灣長輩發生率</t>
  </si>
  <si>
    <t>人潮故宮肺炎損失</t>
  </si>
  <si>
    <t>國立故宮博物院赴立法院教育委員會進行業務報告。立委黃國書指出今年1、2月受到新冠肺炎影響故宮參觀人潮較去年同期少了50萬人次收入少了8800萬元是史上空前的數字希望故宮提出因應。故宮院長吳密察在報</t>
  </si>
  <si>
    <t>故宮報告數字空前國書指出今年受到參觀人影響肺炎教育委員會法院因應進行提出業務希望收入史上去年同期</t>
  </si>
  <si>
    <t>國立故宮博物院赴立法院教育委員會進行業務報告。立委黃國書指出今年1、2月受到新冠肺炎影響故宮參觀人潮較去年同期少了50萬人次收入少了8800萬元是史上空前的數字希望故宮提出因應。
故宮院長吳密察在報告中表示為了因應新冠肺炎疫情已經取消晚間延長時間加上週一休館調整營運時間。
同時為防止群聚感染已經暫停華語、英語、週末親子參觀等導覽服務張大千紀念館也暫緩開放。相關集會、演講、工作坊等活動機動停止或延後辦理。
在展場中的一線員工上班前、中、後都要量體溫並佩戴口罩有症狀就請假就醫。故宮也成立自己的防疫指揮中心每週召開防疫會議滾動式檢討防疫工作。
吳密察指出也會對受疫情衝擊的廠商予以紓困包括現場委外服務的餐廳、語音導覽、文創商店、委外銷售等。紓困作法如下：
一、解除委外廠商原契約最低服務人數限制、調降權利金、寬限緩繳期間。
二、舒緩合作開發文創商的廠商營業額不足困境將現有合作契約延長一年提供廠商營運緩衝。另外文創商品院外承銷商共20家因營業額大幅下修故宮下修文創商品承銷商申請續約結帳金額下限。
三、推動線上展覽服務。</t>
  </si>
  <si>
    <t>故宮廠商服務工作已經報告營運防疫指出疫情文創營業額契約承銷因應肺炎導覽商品紓困中的</t>
  </si>
  <si>
    <t>數字故宮新冠肺炎參觀吳密察</t>
  </si>
  <si>
    <t>肺炎參觀吳密故宮數字</t>
  </si>
  <si>
    <t>鬆懈防疫演練</t>
  </si>
  <si>
    <t>新北市長侯友宜5日慰問消防局防疫專責分隊分隊員現場演練「疑似新冠肺炎病患」載送流程侯友宜贈送水果感謝第一線人員辛勞也提醒：「疫情還沒有過去大家絕對不能鬆懈。」消防局緊急救護科長林士閔昨先向侯友</t>
  </si>
  <si>
    <t>侯友宜科長救護緊急慰問鬆懈不能絕對沒有專責疫情過去提醒現場演練防疫分隊辛勞肺炎隊員人員第一線</t>
  </si>
  <si>
    <t>新北市長侯友宜5日慰問消防局防疫專責分隊分隊員現場演練「疑似新冠肺炎病患」載送流程侯友宜贈送水果感謝第一線人員辛勞也提醒：「疫情還沒有過去大家絕對不能鬆懈。」
消防局緊急救護科長林士閔昨先向侯友宜簡報說明防疫專責分隊值勤概況如通報車禍受傷案件中人員到場發現傷者竟是違規外出的居家檢疫對象除馬上改由防疫專責分隊到場同時通報衛生單位安排送集中檢疫並罰款20萬元。
林士閔指出不可預測的突發狀況可能隨時發生消防局會視情況機動調整勤務汲取經驗並改善作業流程兼顧消防同仁與民眾安全。
隨後專責防疫分隊人員展開載送疑似新冠肺炎病患演練包括防護衣裝備穿脫、運送防疫措施、後送及救護車清潔消毒等。
侯友宜表示視察防疫分隊主要是要同仁瞭解疫情沒有紓緩絕對不能鬆懈除了鼓勵同仁更要提醒SOP的標準動作程式絕對一步都不能有疏忽整個過程完整才能保護自己也保護別人。
他說這段時間新北市8個防疫分隊已載送197件新冠肺炎患者任務辛苦、危險壓力又大謝謝最辛苦的防疫專責消防夥伴大家一起加油防疫期還沒有過繼續努力才可做到萬無一失。</t>
  </si>
  <si>
    <t>防疫分隊專責侯友宜人員同仁不能沒有絕對檢疫到場流程提醒通報辛苦演練鬆懈疫情肺炎新北</t>
  </si>
  <si>
    <t>消防局肺炎鬆懈專責演練</t>
  </si>
  <si>
    <t>演練肺炎鬆懈專責</t>
  </si>
  <si>
    <t>民眾劇情口罩心動淩晨馬東石謝忻</t>
  </si>
  <si>
    <t>新冠肺炎疫情升溫中央流行疫情指揮中心上月宣佈升級到三級警戒意指所有民眾出門務必全程配戴口罩也因此傳出部分民眾不守規矩引來他人指正甚至發生衝突。藝人謝忻昨(1日)分享淩晨出門慢跑路上看到有人沒</t>
  </si>
  <si>
    <t>出門民眾疫情指揮中心上月淩晨宣佈升溫分享升級謝忻藝人中央發生衝突甚至警戒指正引來流行規矩不守部分傳出</t>
  </si>
  <si>
    <t>新冠肺炎疫情升溫中央流行疫情指揮中心上月宣佈升級到三級警戒意指所有民眾出門務必全程配戴口罩也因此傳出部分民眾不守規矩引來他人指正甚至發生衝突。藝人謝忻昨(1日)分享淩晨出門慢跑路上看到有人沒戴口罩另一人忍不住提醒沒想到下秒劇情反轉像是韓劇發生謝忻還稱讚該名有正義感的男子是台版馬東石。
謝忻昨在IG限時動態分享說淩晨4點時自己「發瘋」跑到南京東路上慢跑意外看到一件動人的事一名體型壯碩的A男突然向不認識的B男說：「為什麼你沒有戴口罩？」B男冷回：「因為我在抽菸而且現在是淩晨4點」A男嗆：「我管你幾點你把口罩給我戴起來」B男聽到後摸摸鼻子熄了菸並將口罩戴好。
見到這過程謝忻大讚A男是「南京東路版的馬東石」讚揚A男像因電影《屍速列車》走紅的韓國男星馬東石有男人味又仗義執言笑說：「『馬東石』有點帥怎麼辦？他真是不折不扣的糾察隊也謝謝你們這麼自律」為民眾的高素質感到驕傲。
近來民眾為了防疫大多採取在家上班、上課的方式不少藝人因為通告減少則分享起自己的防疫新生活謝忻也常透露自己居家防疫行程除了整理家中外擁有音樂專長的她更常練琴、練長笛也笑說每天生活正常吃飽睡飽皮膚變好她擔心家中群聚效應感染便離開基隆老家和父母自己到臺北居住等疫情緩解再跟家人相聚。
★中時新聞網關心您：吸菸有害健康！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口罩防疫謝忻民眾務必馬東石分享疫情淩晨藝人出門生活看到</t>
  </si>
  <si>
    <t>謝忻馬東石慢跑新冠肺炎台灣</t>
  </si>
  <si>
    <t>肺炎馬東石謝忻臺灣</t>
  </si>
  <si>
    <t>疑似病例陰性醫院排除</t>
  </si>
  <si>
    <t>外傳石牌大型醫院將一名新冠肺炎疑似病例收治一般病房遭院方反駁為子虛烏有。中央流行疫情指揮中心社區防疫組副組長莊人祥今表示該疑似病例已完成採檢排除了感染新冠病毒的風險。</t>
  </si>
  <si>
    <t>疑似病例感染排除肺炎流行中央疫情子虛烏有指揮反駁中心社區院方防疫完成病房組長莊人祥一般表示收治醫院</t>
  </si>
  <si>
    <t>疑似病例莊人祥採檢石牌排除</t>
  </si>
  <si>
    <t>莊人祥排除疑似病例</t>
  </si>
  <si>
    <t>雙十樂園明起動物園預約</t>
  </si>
  <si>
    <t>新冠肺炎疫情趨緩北市7日再度鬆綁各項規範包括開放學校及學生辦理社團活動恢復各項球類運動、團體競賽及跨班體育活動吹奏類樂器課程可暫時脫口罩練習且在雙十連假前再放寬動物園、天文館及兒童新樂園管</t>
  </si>
  <si>
    <t>天文館動物園放寬北市再度鬆綁雙十連規範練習包括口罩開放學校暫時學生辦理課程社團活動樂器恢復吹奏</t>
  </si>
  <si>
    <t>新冠肺炎疫情趨緩北市7日再度鬆綁各項規範包括開放學校及學生辦理社團活動恢復各項球類運動、團體競賽及跨班體育活動吹奏類樂器課程可暫時脫口罩練習且在雙十連假前再放寬動物園、天文館及兒童新樂園管制措施9日起全面取消預約制。
吹奏練習 可暫時脫口罩
對於社團活動教育局指出進行社團活動時室內保持15公尺、室外保持1公尺以上社交距離全程配戴口罩禁止飲食、落實實聯制；聘教師入校須完成疫苗第一劑接種且滿14日或提供3日內抗原快篩或PCR檢測陰性證明。
而辦理成果發表會或跨校性之社團活動需向學校提報相關計畫集會人數上限為室內80人室外300人；國小不開放跨校性社團活動。
體育活動 保持社交距離
在體育課方面教育局表示所有球類運動恢復正常授課包括傳球、對打及團練活動等全程配戴口罩除團練或對打外應保持防疫社交距離；已完成施打疫苗之國中、高中職學校開放跨校體育活動訓練及競賽國小不開放校際活動至於游泳課程仍暫緩實施。
藝術才能班課程及教學活動部分教育局說明室內在場人數符合場所容留人數得不受限室內80人上限以實際座位數入座且不限梅花座；室外上限為300人並應落實課堂點名以作為日後疫調之參考。
另外迎接雙十連假動物園、天文館、兒童新樂園皆於9日起取消入園預約制改以容留人數上限管制天文館每日容留上限為1200人兒童新樂園為4800人動物園為10000人。
兒童新樂園開放室內兒童劇場「如果劇場」假日營運劇場內採梅花座幼兒與同行家人得視需要調整併座；天文館開放展示場兒童區與觀測室；動物園熱帶雨林室內館因考量國外有靈長類動物染疫案例暫不開放其餘室內管區皆全面開放。
西門錢櫃 抓到未戴口罩
不過北市6日有20間KTV解封復業警方即進行擴大臨檢發現西門錢櫃的中華新館有2名消費者在包廂內未戴口罩北市商業處7日表示待接獲警方臨檢紀錄進行確認判斷若屬實可分別對業者和消費者開罰3千至1萬5千元。</t>
  </si>
  <si>
    <t>開放室內口罩活動社團活動上限兒童天文館教育局進行課程北市動物園學校人數距離保持社交室外體育梅花座</t>
  </si>
  <si>
    <t>室內北市上限社團活動戴口罩</t>
  </si>
  <si>
    <t>北市社團活動上限口罩室內</t>
  </si>
  <si>
    <t>檢疫馬偕合作台東</t>
  </si>
  <si>
    <t>為降低檢體運送風險與縮短檢驗時效台東縣長饒慶鈴22日特別前往馬偕紀念醫院台東分院拜訪院長王功亮希望能一同合作攜手建立台東第一座符合衛生福利部核可的「傳染病認可檢驗機構」讓原台東縣內檢驗機構僅有的</t>
  </si>
  <si>
    <t>台東檢驗機構風險縮短認可傳染病時效福利縣長特別希望符合衛生慶鈴建立攜手合作運送一同王功亮前往院長拜訪馬偕紀念</t>
  </si>
  <si>
    <t>為降低檢體運送風險與縮短檢驗時效台東縣長饒慶鈴22日特別前往馬偕紀念醫院台東分院拜訪院長王功亮希望能一同合作攜手建立台東第一座符合衛生福利部核可的「傳染病認可檢驗機構」讓原台東縣內檢驗機構僅有的7項傳染病檢驗擴充至117項也可即時得到檢驗結果。
台東縣衛生局表示目前台東縣檢驗機構僅具有7種疾病檢驗別大部分傳染病確認檢體均需送至花蓮慈濟醫院或疾病管制署指定的檢驗機構然而南至高雄、北至花蓮車程來回需約6小時如面對此次新冠肺炎疫情工作人員必須每天上午6點出發才能準時將檢體送至花蓮慈濟醫院檢驗。
饒慶鈴表示為減輕新冠肺炎期間防疫人員的負荷並縮短等待檢驗報告的時間台東縣府日前緊急向中央爭取檢驗儀器感謝中央調度協助2台儀器可望於本周內開箱安裝但為了在地長遠醫療規畫台東需要符合衛生福利部規範的傳染病認可檢驗機構以提升檢驗量能爭取時效提供醫師及時且準確的參考。
王功亮也答應一同肩負台東醫療的重任並帶領饒慶鈴至院內檢驗單位說明未來將如何規畫空間及人力培訓。台東縣受限於人口數量醫療機構在執行公共衛生政策時無法如西部醫院可自行營運饒慶鈴強調將努力尋求中央協助一起推展臺東傳染病防治工作。</t>
  </si>
  <si>
    <t>檢驗台東傳染病慶鈴機構東縣中央醫院一同時效縮短醫療協助肺炎爭取疾病花蓮慈濟醫院</t>
  </si>
  <si>
    <t>台東縣肺炎傳染病合作花蓮慈濟醫院</t>
  </si>
  <si>
    <t>肺炎花蓮慈濟醫院東縣合作傳染病</t>
  </si>
  <si>
    <t>血栓引發高於covid-az研究牛津大學疫苗</t>
  </si>
  <si>
    <t>阿斯特捷利康（AstraZeneca AZ）的新冠疫苗因為有罕見副作用血栓接連在世界各國核准與使用受阻。譬如日本剛核准AZ疫苗時就不讓其進入大規模接種計畫中丹麥在4月全面禁用 AZ 疫苗美國直至目前也還沒核准AZ疫苗</t>
  </si>
  <si>
    <t>az疫苗核准罕見世界接連使用接種進入副作用血栓丹麥不讓全面禁用美國直至目前受阻</t>
  </si>
  <si>
    <t>疫苗az血栓研究covid-接種增加栓塞副作用發生率bnt靜脈施打出現核准案例血小板中風減少</t>
  </si>
  <si>
    <t>基因線上AZ新冠肺炎全球疫苗</t>
  </si>
  <si>
    <t>az肺炎全球基因線疫苗</t>
  </si>
  <si>
    <t>打算立陶宛觀光客az臺灣疫苗</t>
  </si>
  <si>
    <t>波羅的海國家立陶宛22日宣佈捐贈台灣2萬劑AZ疫苗預計9月底前配送讓外界好奇立陶宛本身擁有多少疫苗根據外媒報導立陶宛政府已經批准採購約1620萬劑疫苗目前超過34%人口已經完整接種疫苗預計9月可讓70%人</t>
  </si>
  <si>
    <t>疫苗立陶宛已經預計宣佈捐贈az臺灣月底擁有好奇外界政府完整配送報導超過目前批准採購接種人口可讓</t>
  </si>
  <si>
    <t>疫苗立陶宛接種政府az民眾施打目前疫情報導已經波羅的海bnt確診歐盟</t>
  </si>
  <si>
    <t>#新冠肺炎#全球立陶宛疫苗AZ台灣</t>
  </si>
  <si>
    <t>全球立陶宛肺炎疫苗az臺灣</t>
  </si>
  <si>
    <t>博覽會跨境人潮踴躍臺灣</t>
  </si>
  <si>
    <t>台灣第一個以外貿電商為主題的展會—2020台灣跨境電商博覽會於8月28日在IEAT會議中心盛大登場主辦單位臺北市進出口商業同業公會（IEAT）集結21家國內外電商平臺及服務業者共同展出首日活動現場人潮踴躍顯示在</t>
  </si>
  <si>
    <t>ieat活動首日展出共同臺灣跨境服務業現場平臺外電博覽會國內同業公會集結中心商業進出口登場臺北市主辦單位會議展會人潮商為主題</t>
  </si>
  <si>
    <t>台灣第一個以外貿電商為主題的展會—2020台灣跨境電商博覽會於8月28日在IEAT會議中心盛大登場主辦單位臺北市進出口商業同業公會（IEAT）集結21家國內外電商平臺及服務業者共同展出首日活動現場人潮踴躍顯示在這波疫情影響下企業或民眾數位轉型的需求大量湧現。
臺北市進出口公會除了號召台灣電商產業鏈路平臺業者如亞馬遜全球開店、eBay、阿裡巴巴國際站、PChomeSEA、91APP 新零售OMO服務商、SHOPLINE、有閑等服務業者如SGS、UPS、Bqool、DRS、Wiser等共同參展藉此帶動企業數位轉型。更進一步號召31家全鏈路的服務商在博覽會中宣佈成立「台灣跨境電商協作聯盟」未來將透過人才培訓、政府專案、中大型企業輔導、六都電商產業推廣以及專題與個案研究等作法多面向服務及引導台灣外貿產業投入跨境電商。
公會監事會召集人黃教漳表示跨境電商博覽會從展覽到講座兼具廣度及深度的規劃就是希望讓所有參加者在兩天展期中透過一站式接洽、專業資源與交流快速做好轉型電商的各項準備。同時公會也與UPS簽定合作備忘錄共同推動台灣電子商務發展、提升企業競爭力。
臺北市政府產業發展局林崇傑局長在致詞時提到電商市場商機無限儘管新冠肺炎對全球實體零售業帶來衝擊內外貿線上銷售卻逆勢成長充分顯示電商已是企業開拓商機的重要管道；而本次博覽會更看到台灣跨境電商服務生態圈已經在臺北生根茁壯不只是臺北市企業的福氣更是廣大台灣企業的機會。
另外經濟部國際貿易局張淑逸組長亦肯定本次博覽會的功能有服務商可以幫企業對接資源、有專題活動可以掌握更多市場技巧在新冠肺炎疫情下引導企業轉型博覽會至為重要。</t>
  </si>
  <si>
    <t>企業臺灣博覽會服務跨境轉型共同臺北市產業公會透過全球顯示活動引導ups專題資源ieat平臺進出口</t>
  </si>
  <si>
    <t>企業IEAT肺炎跨境電商公會</t>
  </si>
  <si>
    <t>跨境肺炎ieat公會企業</t>
  </si>
  <si>
    <t>年底昱躍大關通信網</t>
  </si>
  <si>
    <t>因疫情持續延燒瑞昱(2379)遠端需求將延續到下半年加上TWS(真無線藍芽耳機)、電視SoC等產品出現回溫跡象整體動能將延續到下半年瑞昱今開高後震盪拉高站回月線也一度收復400元大關盤中維持漲幅逾15%。</t>
  </si>
  <si>
    <t>瑞昱延續下半年盤中大關收復一度回月線維持拉高震盪soc產品電視開高出現耳機回溫藍芽跡象需求</t>
  </si>
  <si>
    <t>因疫情持續延燒瑞昱(2379)遠端需求將延續到下半年加上TWS(真無線藍芽耳機)、電視SoC等產品出現回溫跡象整體動能將延續到下半年瑞昱今開高後震盪拉高站回月線也一度收復400元大關盤中維持漲幅逾15%。
瑞昱第二季營收17338億元季增加89%、年增加142%表現優於市場預期主要動能來自於新冠肺炎事情帶動的遠距辦公潮激發強勁Wi-Fi、乙太網及交換器晶片需求且因為PC業務貢獻度達34%、非PC事業貢獻66%帶動產品組合轉強毛利率攀升到448%。
全球疫情持續延燒所帶動的遠端需求將延續到下半年瑞昱受惠於遠距辦公帶動的PC及路由器內建Wi-Fi 5(80211ac)標準為中心的連接晶片組需求將帶動PC周邊產品需求持續熱絡其中有以Chromebook表現最為搶眼。
此外Wi-Fi 4朝Wi-Fi 5升級腳步正在加速由於Wi-Fi 5相對於Wi-Fi 4享有一倍產品溢價隨著Wi-Fi 5佔公司整體營收比重上升瑞昱也將直接受惠至於WiFi 6產品瑞昱目前已經有在量產下一代也在開發中明年會有產品出來。
瑞昱第二季因為防疫解封前終端市場對於非必需消費性電子產品需求不如預期也影響到瑞昱TWS、電視SoC(系統單晶片)產品表現展望第三季即便今年全球電視市場可能出現小幅衰退瑞昱仍舊看好TV系統單晶片(SoC)出貨量自本季將開始回溫提升市占尤其是在北美地區至於TWS方面內建ANC(主動降噪)技術的TWS晶片已於上半年投片量產預期下半年非蘋TWS新產品將陸續上市電視SoC、TWS需求逆轉將有助於瑞昱第三季營收表現。</t>
  </si>
  <si>
    <t>瑞昱產品需求twswi-fi帶動pc市場電視表現預期soc下半年內建至於整體全球動能</t>
  </si>
  <si>
    <t>瑞昱SoC系統單晶片ANC主動降噪音</t>
  </si>
  <si>
    <t>單晶anc系統主動soc瑞昱噪音</t>
  </si>
  <si>
    <t>受惠交通疫情事故平臺</t>
  </si>
  <si>
    <t>◎外送平臺疫情受惠 交通事故也頻傳今年受到新冠肺炎疫情影響外送平臺成為少數受惠產業但屏東縣警局交通隊也發現外送員經常有搶快超速、違規闖紅燈及看導航不看路況等情形導致事故風險提高未來將針對相關交</t>
  </si>
  <si>
    <t>事故受惠疫情平臺提高風險導致情形違規未來超速搶快經常今年受到東縣肺炎</t>
  </si>
  <si>
    <t>◎外送平臺疫情受惠 交通事故也頻傳
今年受到新冠肺炎疫情影響外送平臺成為少數受惠產業但屏東縣警局交通隊也發現外送員經常有搶快超速、違規闖紅燈及看導航不看路況等情形導致事故風險提高未來將針對相關交通違規進行取締保障用路人安全。
◎近14％學生手遊成癮 心理師：成就與人際關係未被滿足
國衛院今天發表全球首份針對手機遊戲成癮的評估量表發現國內高中以下學生中約有138％的學生有手遊成癮的問題當中又以國中生所耗時間最多高中生「課金」比例最高。心理師提醒手遊成癮可能是真實世界中的成就與人際關係未被滿足若發現孩童的成績、社交功能、睡眠、情緒亮紅燈應盡速就醫求助。
◎超過2成高中職生每天睡不到6小時 兒盟：須審視教育制度
學生的疲勞和睡不飽並非單一或少部份人的現象而是普遍性、跨年級和性別的現象認為政府應審視整個教育制度、學校課程、考試及功課量等的問題家長應多鼓勵孩子發掘和發展自己的專長在更友善的環境下學習和成長。
◎南投買彩券中156億今領獎 30歲新北女：沒有要辭職
史上最高312億元威力彩7月27日開出頭獎由兩名幸運兒均分一注開在南投縣竹山鎮一注開在臺北市大安區；台灣彩券今透露其中南投縣竹山鎮「大運發商行」開出的中獎人已完成領獎；中獎人確實如外傳30多歲的年輕女性但她領獎時向台彩澄清「沒有要辭職」中獎後也沒有告訴任何人獨自低調來領獎。</t>
  </si>
  <si>
    <t>領獎發現學生沒有違規事故交通問題開出最高游成審視教育制度現象</t>
  </si>
  <si>
    <t>學生成癮領獎外送平臺新冠肺炎</t>
  </si>
  <si>
    <t>平臺領獎肺炎學生</t>
  </si>
  <si>
    <t>祈福倒數中統阿嬤見證</t>
  </si>
  <si>
    <t>統測將於5月2、3日登場暨大附中因應新冠肺炎疫情21日在中庭廣場為高三考生舉辦「大學統測倒數破十」祈福活動走過由童軍團以青蔥編製的「聰明智慧門」希望應試時耳聰目明並由陳綢阿嬤為考生鼓勵開智慧。</t>
  </si>
  <si>
    <t>考生阿嬤陳綢耳聰目明應試希望聰明智慧編制軍團走過活動祈福倒數附中因應肺炎疫情中庭大學廣場</t>
  </si>
  <si>
    <t>統測將於5月2、3日登場暨大附中因應新冠肺炎疫情21日在中庭廣場為高三考生舉辦「大學統測倒數破十」祈福活動走過由童軍團以青蔥編製的「聰明智慧門」希望應試時耳聰目明並由陳綢阿嬤為考生鼓勵開智慧。
統測倒數計時暨大附中開闊的中庭廣場舉辦莊嚴肅穆的祈願儀式並準備包子、狀元糕、粽子、青椒象徵「包高中」；還有芹菜、蔥、蒜、糖果象徵「勤勞、聰明、會算、有成果」；高齡90歲的陳綢阿嬤偕同暨大中校長張正彥帶領師生代表向至聖先師孔子致敬期望同學考試「致勝」、穩定心情。
考生也在祈福卡上寫下自己的心願並用力敲擊「智慧鑼」再把卡片掛於「心願版」上祈求願望實現。
張正彥表示感謝陳綢阿嬤在大考前夕特別為考生同學加油打氣；還有學務處及高三導師們因應防疫需需求特別打造聰明智慧門、智慧鑼及心願版希望同學應試時能夠充分發揮所學在最佳狀態迎接挑戰。</t>
  </si>
  <si>
    <t>考生同學陳綢阿嬤智慧心願象徵還有祈福因應高三特別聰明智慧附中應試舉辦廣場中庭希望倒數粽子</t>
  </si>
  <si>
    <t>新冠肺炎統測陳綢阿嬤</t>
  </si>
  <si>
    <t>肺炎陳綢阿嬤</t>
  </si>
  <si>
    <t>鄭功進議員口罩防疫市場</t>
  </si>
  <si>
    <t>為防範新冠肺炎疫情傳播市府經發局發函給各公、民有市場要求落實配戴口罩營業自主衛生管理！市議員鄭功進17日為民有市場自治會請命抨擊市府不應只照顧公有市場及觀光夜市業者民有市場恐成防疫破口因攤商營</t>
  </si>
  <si>
    <t>市場市府疫情防疫營業要求自主照顧衛生落實管理配戴肺炎口罩議員不應鄭功進抨擊請命自治傳播業者</t>
  </si>
  <si>
    <t>為防範新冠肺炎疫情傳播市府經發局發函給各公、民有市場要求落實配戴口罩營業自主衛生管理！市議員鄭功進17日為民有市場自治會請命抨擊市府不應只照顧公有市場及觀光夜市業者民有市場恐成防疫破口因攤商營業時間長早出晚歸根本不可能有時間去藥局排口罩。
鄭功進表示對抗新冠肺炎應是全民總動員市府有心拉高防疫層級就不應把買口罩的問題丟給攤商日前立委黃國書成功爭取中央經濟部統一配送醫療口罩給各公有市場及列管夜市攤商；但肺炎病毒傳染並不會分公、民有加上許多公有市場及夜市攤位所有人並非實際營業人恐成防疫破口。
鄭功進說市場攤商普遍年紀較長工時和一般上班族不同根本不太可能還特別抽空去排隊買口罩。在每天近千人進出的公、民有市場做好防疫的工作更不應分中央與地方除基本的口罩外；市府應提供足量消毒水及額溫槍確實做好防疫準備。
張姓攤商指出自己身為民有市場自治會幹部1月底前就依循市府要求向全體攤商統計並下訂5大箱口罩卻遇上中央政府統一徵用；市府應積極提出配套辦法。廖姓攤商說大家同樣在市場討生活公有市場租金已比民有市場便宜為什麼連防疫必需的口罩也被晾在一旁？</t>
  </si>
  <si>
    <t>市場口罩市府防疫鄭功進不應肺炎夜市根本中央營業要求統一做好自治</t>
  </si>
  <si>
    <t>新冠肺炎公有民有攤商口罩</t>
  </si>
  <si>
    <t>肺炎口罩</t>
  </si>
  <si>
    <t>接受澳洲人撒謊員工氣死州長披薩</t>
  </si>
  <si>
    <t>一名南澳州（South Australia）披薩連鎖店員工除了送披薩給顧客外還暗自加料免費附贈了熱騰騰的新冠肺炎病毒迫使170萬居民不得不接受封城措施。據CNN新聞網與《紐約郵報》（New York Post）20日報導南澳官員</t>
  </si>
  <si>
    <t>披薩postyorknew郵報紐約新聞網cnn顧客肺炎暗自加料免費australia連鎖店員工措施封城接受居民迫使</t>
  </si>
  <si>
    <t>一名南澳州（South Australia）披薩連鎖店員工除了送披薩給顧客外還暗自加料免費附贈了熱騰騰的新冠肺炎病毒迫使170萬居民不得不接受封城措施。
據CNN新聞網與《紐約郵報》（New York Post）20日報導南澳官員證實由於當地出現數十宗新病例而這創了4月以來不曾見的高峰因此他們只好宣佈從週三起開始封城6天。
澳洲阿得雷德調查人員經過追蹤發現伍德維披薩吧（Woodville Pizza Bar）是傳染熱點得知曾有新冠肺炎病患去過餐廳拿取外帶披薩。
然而當地警方在進一步調查後週五終於坦承這名超級傳播者其實是店內員工。南澳州長馬歇爾（Steven Marshall）指責這是店內員工的草率所致。他在記者會中說伍德維披薩吧蓄意誤導調查人員「現在我們知道他們說了謊」。
「說我為這個人的行為火大那絕對是輕描淡寫」他說「這人的自私行為置整個州於非常棘手的情況下。他的行為影響了企業個人和家庭完完全全是無法接受的。」
不過由於已找出源頭南澳決定提前在週六結束封城措施。至於當局則為他們封城的明快決定辯護。馬歇爾說他們採取的措施迅速而強硬。他強調時間很重要當局必須果決而迅速地採取行動。雖然那名說謊的員工不會被罰款或受罰但卻必須配合調查以瞭解他曾接觸的對象。</t>
  </si>
  <si>
    <t>調查員工封城南澳披薩措施行為當地必須肺炎迅速馬歇爾接受當局決定人員伍德維披薩不曾以來高峰只好加料</t>
  </si>
  <si>
    <t>新冠肺炎澳洲披薩連鎖店封城</t>
  </si>
  <si>
    <t>披薩肺炎澳洲連鎖店封城</t>
  </si>
  <si>
    <t>確診記者會員工台大說明</t>
  </si>
  <si>
    <t>台大今早發聲明表示工務室一名員工於5月18日出現發燒症狀傍晚採檢陽性通知全辦公室接受採檢並進行環境採檢及清潔消毒。目前36人採檢完畢、全數隔離其中有10人的採檢結果為陽性台大醫院發言人王亭貴將於</t>
  </si>
  <si>
    <t>陽性員工出現表示結果發燒症狀接受傍晚台大醫院發聲明清潔完畢辦公室通知發言人環境進行消毒目前全數</t>
  </si>
  <si>
    <t>台大今早發聲明表示工務室一名員工於5月18日出現發燒症狀傍晚採檢陽性通知全辦公室接受採檢並進行環境採檢及清潔消毒。目前36人採檢完畢、全數隔離其中有10人的採檢結果為陽性台大醫院發言人王亭貴將於上午11點召開視訊記者會說明。
王亭貴表示5/18台大醫院一位同仁發燒該名同仁平時負責修繕的業務並非是醫護人員而根據台大醫院的規定院內任何同仁出現發燒症狀就會要求篩檢因此該名發燒同仁按照規定篩檢後下午結果出來發現是陽性立即就匡列密切接觸者與同個辦公室的工作人員最後不幸有10人採檢結果為陽性其他非陽性的人也都隔離14天相關疫調持續進行中。</t>
  </si>
  <si>
    <t>陽性台大醫院發燒同仁表示辦公室結果出現隔離症狀進行規定記者會說明召開相關</t>
  </si>
  <si>
    <t>新冠肺炎台灣台大員工確診</t>
  </si>
  <si>
    <t>台大肺炎臺灣員工確診</t>
  </si>
  <si>
    <t>停課周采線以下中職教學影響臺北市學生</t>
  </si>
  <si>
    <t>臺北市長柯文哲在10點30分宣佈公私立高中職、國中小、補習班、安親班、課後照顧中心今日起到28號停課採取線上教學線上教學系統盡量選擇酷課雲進行教學及評量以班級為單位進行教學與連結。教育局長表示</t>
  </si>
  <si>
    <t>教學進行公私高中職補習班安親班課後照顧中心今日宣佈選擇停課儘量柯文哲採取教學系統連結單位班級評量</t>
  </si>
  <si>
    <t>臺北市長柯文哲在10點30分宣佈公私立高中職、國中小、補習班、安親班、課後照顧中心今日起到28號停課採取線上教學線上教學系統盡量選擇酷課雲進行教學及評量以班級為單位進行教學與連結。教育局長表示臺北市受到影響285間學校33萬4243位學生公托與私托影響約1萬2千餘人請學生與生長們放輕鬆學習酷課雲是透過1萬1千位老師所拍攝出來的教學影片。
這項線上教學系統已經在第二級警戒時已要求老師與家長學習教學目前酷課雲已經準備好請大家善用。教職員工仍須要上班但可採居家辦公與遠距教學方式執行。
雙薪家庭若遇有需要照顧小孩可申請家庭照顧假若孩子無法照顧者依規定申請照顧依個別需求學校幼兒園用專案協助。
勞工局長則呼籲家中有12歲以下孩子或身心障礙的家長可請家庭照顧假雇主要依規定給予家庭照顧假期間不給薪也不列入考績評量若雇主不准假可罰2萬到30萬。</t>
  </si>
  <si>
    <t>照顧教學家庭學校學生已經家長孩子雇主影響老師學習臺北市評量申請教學系統進行規定</t>
  </si>
  <si>
    <t>新冠肺炎台灣臺北市柯文哲停課措施</t>
  </si>
  <si>
    <t>臺北市臺灣柯文哲肺炎停課措施</t>
  </si>
  <si>
    <t>起跑上工區公所安心尚有防疫缺額南市</t>
  </si>
  <si>
    <t>台南市政府3月底啟動「防疫安心上工計畫」針對受疫情衝擊的勞工由市府釋出200個短期防疫工作機會以1個月最多工作176小時、時薪158元計算讓民眾得以維持生計。永康區長張睿民說永康區公所尚有5名缺額民眾</t>
  </si>
  <si>
    <t>防疫民眾永康工作安心上工生計維持得以計算時薪疫情衝擊釋出市府勞工啟動區公所張睿民區長小時機會月底尚有</t>
  </si>
  <si>
    <t>台南市政府3月底啟動「防疫安心上工計畫」針對受疫情衝擊的勞工由市府釋出200個短期防疫工作機會以1個月最多工作176小時、時薪158元計算讓民眾得以維持生計。永康區長張睿民說永康區公所尚有5名缺額民眾可至勞動部勞動力發展署雲嘉南分署永康就業中心登記。
根據台南市勞工局統計截至4月29日減班休息通報人數為2033名以製造業、批發業居多。為助民眾度過難關除中央推動的「安心即時上工計畫」南市勞工局再加碼祭出「防疫安心上工計畫」與各局處、區公所合作針對待業或因疫情衝擊導致減班休息、資遣的民眾提供短期的防疫工作機會包括：物資盤點、量測體溫、口罩統計、協調防疫旅館等等。
勞工局長王鑫基指出200名職缺中有51位中高齡者、15位身心障礙者及9位中低收入戶者充分協助就業市場的弱勢族群。台南市長黃偉哲5日下午帶著火鶴花訪視永康區公所的上工民眾感謝投入防疫工作「這些都是我們的英雄。」
根據勞動部4月中旬資料統計南市減班休息通報人數為1780名占6都中第4第1名為臺北市其次依序為新北市、桃園市。</t>
  </si>
  <si>
    <t>防疫民眾勞工工作上工區公所統計南市休息減班安心就業勞動部台南衝擊疫情人數機會通報永康障礙者中低收入</t>
  </si>
  <si>
    <t>防疫安心上工計畫安心即時上工計畫台南市黃偉哲勞動部</t>
  </si>
  <si>
    <t>上工南市安心黃偉哲即時勞動部防疫</t>
  </si>
  <si>
    <t>年輕人大選風險死亡川普變數</t>
  </si>
  <si>
    <t>美國總統川普和妻子梅蘭妮亞週四晚雙雙確診罹患新冠肺炎而這位白宮主人已74歲。萬一川普無法視事在正常情況下按照美國憲法第25修正案副總統彭斯（Mike Pence）將暫時接掌他的職務。據疾病管制與預防中心（CD</t>
  </si>
  <si>
    <t>川普總統美國疾病職務接掌暫時pence管制mike彭斯確診修正案肺炎白宮憲法主人週四無法梅蘭妮亞情況正常</t>
  </si>
  <si>
    <t>美國總統川普和妻子梅蘭妮亞週四晚雙雙確診罹患新冠肺炎而這位白宮主人已74歲。萬一川普無法視事在正常情況下按照美國憲法第25修正案副總統彭斯（Mike Pence）將暫時接掌他的職務。
據疾病管制與預防中心（CDC）統計數字顯示年齡介於65－74歲的患者與18－29歲的患者相較入院的機率很可能達5倍而死亡風險更高達90倍。
據《每日郵報》（DailyMail）2日報導就在近一周來多次和川普搭乘空軍一號總統專機的貼身幕僚希克斯（Hope Hicks）確診後川普夫婦也證實確診。然而希克斯年僅31歲算是低風險病患。相對的年齡已達74歲的川普就要危險得多。
統計顯示約75歲或年齡更大的新冠肺炎患者每1000人中大概有116人會死亡死亡率為116％。而患者若有肥胖和糖尿病等問題將對新冠肺炎造成嚴重影響。CDC今年稍早警告任何有嚴重肥胖問題的人可能在罹患新冠肺炎後增加產生嚴重併發症的風險。
而川普今年的體檢報告顯示他身高6英尺3英吋（約190公分）體重244磅（近111公斤）已經算是輕度肥胖。
由於距11月3日總統大選不到32天川普確診新冠肺炎萬一病重到無法繼續參選意味政府可能必須考慮合乎憲法的緊急應變計畫。根據美國憲法第25修正案川普如果無法視事將由副總統彭斯接手若彭斯也無法掌權則將由眾院議長也就是民主黨籍的裴洛西（Nancy Pelosi）接手。
然而由於大選逼近使整件事變得更複雜。萬一川普退出選舉或無法繼續參選共和黨全國委員會（RNC）可以另外提名新候選人取代他。</t>
  </si>
  <si>
    <t>川普無法肺炎確診可能總統患者風險顯示年齡肥胖嚴重憲法cdc接手算是美國希克斯</t>
  </si>
  <si>
    <t>川普新冠肺炎死亡率美大選看選戰</t>
  </si>
  <si>
    <t>死亡率肺炎大選川普選戰</t>
  </si>
  <si>
    <t>有望阻斷病毒腫瘤細胞繁殖西班牙</t>
  </si>
  <si>
    <t>台灣東洋藥品工業股份有限公司(台灣東洋)的國際合作藥廠－西班牙製藥商PharmaMar公司19日召開記者會表示旗下用來對抗腫瘤的新成分藥品Plitidepsin經第1、2期臨床試驗發現可阻斷新冠病毒細胞繁殖近期已在規劃</t>
  </si>
  <si>
    <t>臺灣 東洋 藥品 工業 股份有限公司 臺灣 東洋 的 國際 合作 藥廠 西班牙 製藥 商 pharmamar 公司 19 日 召開 記者會 表示 旗 下 用 來 對抗 腫瘤 的 新 成分 藥品 plitidepsin 經 第 12 期 臨床 試驗 發現 可 阻斷 新 冠 病毒 細胞 繁殖 近期 已 在 規劃</t>
  </si>
  <si>
    <t>藥品細胞病毒國際東洋合作藥廠西班牙製藥pharmamar阻斷公司召開記者會表示發現試驗臨床對抗plitidepsin腫瘤</t>
  </si>
  <si>
    <t>台灣東洋藥品工業股份有限公司(台灣東洋)的國際合作藥廠－西班牙製藥商PharmaMar公司19日召開記者會表示旗下用來對抗腫瘤的新成分藥品Plitidepsin經第1、2期臨床試驗發現可阻斷新冠病毒細胞繁殖近期已在規劃進入第3期臨床試驗若試驗成功有望成為新冠肺炎治療新曙光。
台灣東洋指出PharmaMar公司是在歐洲西班牙的上市公司在今年4月宣佈獲西班牙衛生單位批准進行藥物臨床試驗後資本市場也對其寄予厚望。
日前PharmaMar公司公佈第1、2期人體臨床試驗結果Plitidepsin達到安全性的主要試驗目標和療效次要試驗目標以及顯著減少住院患者的病毒量和C反應蛋白(CRP)。此試驗收錄需住院至少7天的病患發現患者在投藥後的第4到7天之間病毒量顯著減少7天所減少的病毒量約有50％而第15天則平均減少70％。807％的患者在住院第15天前出院382％的患者在住院第8天前出院。
到了第30天沒有一個病人出現新冠肺炎症狀或感染跡象。根據第1批患者的研究結果西班牙藥品和保健產品管理局（AEMPS）更開了綠燈同意擴大試驗人數。目前PharmaMar公司也持續與該國衛生單位溝通以規劃後續的第3期臨床試驗。
台灣東洋表示東洋在2015年與PharmaMar簽訂台灣獨家代理權對於Plitidepsin可能成為治療新冠肺炎的潛在藥物會持續關注並與PharmaMar密切溝通。若藥品獲得安全性與有效性的驗證台灣東洋將盡速向台灣食藥署提出新藥申請引進台灣以保護國人健康。</t>
  </si>
  <si>
    <t>試驗臺灣pharmamar臨床患者公司藥品東洋西班牙病毒住院plitidepsin肺炎發現藥物結果衛生減少溝通表示安全性單位持續</t>
  </si>
  <si>
    <t>台灣東洋公司新冠患者</t>
  </si>
  <si>
    <t>公司東洋患者臺灣</t>
  </si>
  <si>
    <t>掛牌金管會特赦令上市</t>
  </si>
  <si>
    <t>新冠肺炎擾亂上市櫃規劃金管會將祭「特赦令」。金管會主委黃天牧15日表示各主要市場IPO掛牌家數近年都減少下半年金管會除要求證交所及櫃買中心儘可能達成年度KPI外亦會創設新創板等證期局局長張振山則表示</t>
  </si>
  <si>
    <t>金管會表示上市新創創設規劃kpi年度達成盡可能中心主委市場黃天牧ipo掛牌家數近年減少證交所要求</t>
  </si>
  <si>
    <t>新冠肺炎擾亂上市櫃規劃金管會將祭「特赦令」。金管會主委黃天牧15日表示各主要市場IPO掛牌家數近年都減少下半年金管會除要求證交所及櫃買中心儘可能達成年度KPI外亦會創設新創板等證期局局長張振山則表示會放寬上市櫃審查標準祭出暫行措施讓受疫情影響的公司能如期掛牌。
張振山表示已與會計師、承銷券商等開過會大家反映如科技、生技、文創、新創等公司原本已籌備三年今年要掛牌但因為疫情造成3、4月業績或獲利衰退若以最近一期財報即上半年的半年報來申請掛牌恐無法通過掛牌門檻因此可能會放寬為「季報」例如7～9月的季報亦可來申請掛牌才能看出「成長性」、「未來性」。
金管會今年訂給交易所及櫃買中心的掛牌目標也就是年度績效指標（KPI）是上市、上櫃各新增25家但二者合作要額外增兩家即一共52家新掛牌公司但因為一場疫情打亂腳步目前僅九家公司完成掛牌另有五家已完成上市櫃審查但與全年52家的目標仍有一段距離。
金管會已要求證交所與櫃買中心去檢視上市櫃條件看哪些公司可以「從寬認定」者今年會公佈暫行、特赦條款即將新冠肺炎的影響降到最低；例如科技、生技、文創等產業雖不需獲利門檻但還是要交三本財報有些可能有最近一期財報的淨值不低於股本三分之二等要求若因肺炎疫情受影響也可改用第三季季報等作為過度措施。
另外對於外界質疑金管會是否過早收回平盤下不得放空、縮減借券賣出量、放寬擔保品等三項穩定股市措施黃天牧表示這三項措施原本就只能用到6月19日只是提早一個多星期收回且各國有祭出股市限制措施的如大陸、歐洲都已在5月左右陸續收回台灣已算是相對較晚且是看中央疫情指揮中心在6月7日鬆綁限制等疫情控制穩定才宣佈。
黃天牧並提出股市「遛狗理論」即德國證券之父托斯卡蘭尼提出的主人就是總經及基本面股市即遛的狗有時會在主人前面有時會落後但因為有繩子終歸會回到基本面。</t>
  </si>
  <si>
    <t>掛牌疫情金管會上市措施公司表示股市收回中心今年放寬影響黃天牧要求肺炎季報提出</t>
  </si>
  <si>
    <t>肺炎KPI掛牌季報疫情</t>
  </si>
  <si>
    <t>肺炎kpi掛牌季報疫情</t>
  </si>
  <si>
    <t>開會就是外出管理自主確診大樓台南</t>
  </si>
  <si>
    <t>確診昨天外出期間管理開會台南大樓出現中心指揮指揮官疫情流行今天陳時中中央證實引發住戶恐慌健康個案自主</t>
  </si>
  <si>
    <t>個案大樓公告確診開會自主外出今天陰性管理台南檢疫健康防疫衛生局是否昨天證實期滿住戶</t>
  </si>
  <si>
    <t>新冠肺炎境外移入台南確診公告</t>
  </si>
  <si>
    <t>境外肺炎台南確診公告</t>
  </si>
  <si>
    <t>北京舉行防疫六中全會中共升級</t>
  </si>
  <si>
    <t>大陸新冠疫情仍未降溫28日增加48例新冠本土確診病例分佈在7省市。哈爾濱敦促民眾不出市、不出省寧夏銀川完成採樣255萬餘人全大陸現有高、中風險區2+20個。蘭州大學專家以模型預測本輪疫情預計將於11月9日</t>
  </si>
  <si>
    <t>疫情大陸不出銀川完成哈爾濱採樣省市模型預測分佈風險區專家蘭州大學病例確診本土增加仍未</t>
  </si>
  <si>
    <t>大陸新冠疫情仍未降溫28日增加48例新冠本土確診病例分佈在7省市。哈爾濱敦促民眾不出市、不出省寧夏銀川完成採樣255萬餘人全大陸現有高、中風險區2+20個。蘭州大學專家以模型預測本輪疫情預計將於11月9日左右得到控制累計確診病例數預計約592人。
大陸高、中風險區22個
據大陸國家衛健委通告28日新增64例新型冠狀病毒確診個案其中48例為本土病例分佈在內蒙古19例、甘肅12例、黑龍江9例、青海3例、北京2例、寧夏2例、雲南1例；另16例為輸入病例。經專家諮詢組綜合評估研判目前大陸共有高、中風險區2+20個。
黑龍江省的新增本土病例全來自黑河市哈爾濱市抗疫指揮部敦促市民如非必要不出哈爾濱市、不出省公職人員如必須離開哈爾濱市需持48小時內核酸檢測陰性證明返回後須再進行一次核酸檢測。
截至29日8時銀川市三區兩縣擴大範圍核酸檢測全部結束發現集中隔離點有陽性4人其餘樣本均為陰性。28日15時至29日14時北京新增2例本土新冠肺炎確診病例均為此前病例的密切接觸者其中1人曾在飯店擔任婚禮拍攝。29日0至15時內蒙古新增本土確診病例13例均在額濟納旗內蒙古迄昨有本土確診149例。
北京市29日召開第251場新冠肺炎疫情防控工作新聞發布會。由於中共第十九屆中央委員會第六次全體會議（六中全會）將在11月8日起召開北京再度提升防疫措施。北京市委宣傳部副部長、市政府新聞辦主任、市政府新聞發言人徐和建表示北京市要減少婚宴、會展、論壇、商演等聚集性活動核心區要更加嚴格嚴防聚集性風險環球主題公園要進入應急防疫狀態加強酒店、賓館防疫管理全面摸排聚集性活動情況嚴格按要求落實防疫規定。今（30日）起取消北京地區近期託福、雅思等海外考試。
額濟納旗遊客獲准返鄉
此外近萬名遊客因疫情滯留內蒙古額濟納旗。29日早上來自113個旅行團的首批旅遊包車遊客離開額濟納旗前往集中隔離點完成14天集中健康監測、符合返程條件後就可以返鄉。力爭3至5天內把大部分遊客轉運出額濟納旗。</t>
  </si>
  <si>
    <t>病例額濟納旗防疫確診疫情本土大陸遊客聚集內蒙古新增哈爾濱市核酸檢測北京集中風險區離開新聞北京市</t>
  </si>
  <si>
    <t>內蒙古大陸北京市額濟納旗北京</t>
  </si>
  <si>
    <t>大陸北京市額濟納旗北京內蒙古</t>
  </si>
  <si>
    <t>學校進行教育部預防疫情停課校園</t>
  </si>
  <si>
    <t>校園接連傳出疫情許多學校臨時通知學生及家長停課造成困擾。教育部表示目前維持1班有1位師生確診該班停課、1校有2位以上師生確診則該校停課但地方政府得視疫情狀況讓學校進行預防性停課。對於學校不斷爆出</t>
  </si>
  <si>
    <t>停課學校疫情師生確診通知進行學生狀況造成困擾家長教育部目前維持表示政府班有地方對於預防以上傳出</t>
  </si>
  <si>
    <t>校園接連傳出疫情許多學校臨時通知學生及家長停課造成困擾。教育部表示目前維持1班有1位師生確診該班停課、1校有2位以上師生確診則該校停課但地方政府得視疫情狀況讓學校進行預防性停課。
對於學校不斷爆出疫情教育部提醒師生自我留意並互相關懷如出現發燒、咳嗽等疑似症狀應在家休息避免到校上課(班)並盡速就醫禁止搭乘大眾運輸工具。在校期間應落實量測體溫、勤洗手且除用餐及飲水外應全程佩戴口罩學校及幼兒園應加強學習場域及相關設施設備清消。
有關校園因疫情停課標準目前仍依教育部「校園因應『嚴重特殊傳染性肺炎』疫情停課標準」進行1班有1位師生列為確定病例該班停課；1校有2位以上師生列為確定病例該校停課。
教育部說 學校師生出現確診個案時應依疫情指揮中心及衛生機關疫情調查結果決定是否停課並即時進行全校（園）清潔消毒包括各教學區域之窗簾、圍簾等均應拆卸清洗同時針對該確診者曾接觸過的空間加強清潔消毒經衛生主管機關同意後方可重新上課。
教育部進一步指出 地方政府得依各地區疫情狀況及其需要請各校加強相關防疫措施；地方政府亦得視需要訂定預防性停課相關規定。教育部將持續與衛生單位保持密切聯繫持續追蹤師生健康情形。
教育部說幼兒園若有出現疑似感染風險者得採取預防性停課並應通報主管機關備查。各教育主管機關得視疫情需要訂定預防性停課措施。例如園內若有幼兒或其家長經衛生單位匡列為居家隔離者幼兒園得報地方政府或依主管機關規定啟動預防性停課數天。</t>
  </si>
  <si>
    <t>停課疫情教育部師生學校確診地方主管機關幼稚園預防政府衛生加強相關進行出現列為校園上課需要消毒清潔家長</t>
  </si>
  <si>
    <t>本土校園預防性停課教育部學校</t>
  </si>
  <si>
    <t>預防停課教育部校園本土學校</t>
  </si>
  <si>
    <t>運費網友真實反應曝光口罩</t>
  </si>
  <si>
    <t>行政院拍板的口罩實名制20將採網路預購、超商取貨的模式而運費為7元。消息公佈後引起網友在PTT上熱烈討論不少人都大讚實在太佛心「7元換來免排隊」。行政院拍板的口罩實名制20造福不少無法排隊的上班族</t>
  </si>
  <si>
    <t>排隊口罩拍板引起網友ptt公佈消息熱烈運費討論模式大贊實在太預購網路換來</t>
  </si>
  <si>
    <t>行政院拍板的口罩實名制20將採網路預購、超商取貨的模式而運費為7元。消息公佈後引起網友在PTT上熱烈討論不少人都大讚實在太佛心「7元換來免排隊」。
行政院拍板的口罩實名制20造福不少無法排隊的上班族而大家都在討論的口罩運費問題今天也確定只要7元。有網友就在PTT八卦版上分享此訊息「最新的網路預購口罩搭配超商物流一次3片15元+7元物流費=22元平均一片7塊錢感覺真的很佛！」。
由於一般網購物流運費都要60元起跳消息公佈後網友都紛紛狂讚「7元換排隊1小時值得」、「7元買你一個小時的尋貨成本根本良心事業」、「超佛」、「佛到不行」、「不想付7塊 你可以花一小時排隊」、「7元不用跟老人擠一小時 超佛」。</t>
  </si>
  <si>
    <t>排隊口罩運費小時網友討論網路ptt預購公佈消息拍板感覺真的可以物流</t>
  </si>
  <si>
    <t>今年大增壽險</t>
  </si>
  <si>
    <t>工作機會不缺壽險業務大軍今年仍是需要大量新血前九大壽險公司今年開出的「增員」目標就達2萬9400人左右估計全壽險業增員人數約逾3萬人但業務員留存率低前九大公司估算到年底業務員淨增加數不到12萬人</t>
  </si>
  <si>
    <t>工作 機會 不 缺 壽險 業務 大軍 今年 仍 是 需要 大量 新 血 前 九 大 壽險 公司 今年 開出 的 增 員 目標 就 達 2萬9400 人 左右 估計 全 壽險業 增 員 人數 約 逾 3萬 人 但 業務員 留存 率 低 前 九 大 公司 估算 到 年底 業務員 淨增 加數 不 到 12萬 人</t>
  </si>
  <si>
    <t>壽險今年業務員公司業務大軍壽險業估計需要人數年底目標開出估算留存</t>
  </si>
  <si>
    <t>工作機會不缺壽險業務大軍今年仍是需要大量新血前九大壽險公司今年開出的「增員」目標就達2萬9400人左右估計全壽險業增員人數約逾3萬人但業務員留存率低前九大公司估算到年底業務員淨增加數不到12萬人即留存率不到四成。
新冠肺炎疫情可能進一步衝擊今年經濟各壽險公司雖然都回應相關增員目標並不會因今年經濟、新冠肺炎或元月業績衰退受到影響但前九大公司開出的增員目標比去年少了4200人左右減幅約125％有五家公司目標訂得比去年略低但如中國人壽則表示疫情讓國人投保意識提高打算逆勢加大資源投入增加新人的獎勵金等。
壽險業務員流動率高且新人必須撐過半年才能知道是否適合此一行業2019年國泰人壽、富邦人壽、南山人壽、新光人壽、中國人壽、台灣人壽、三商美邦人壽、全球人壽及遠雄人壽九大壽險公司共開出3萬3600人的增員目標最後九家公司登錄業務員人數只增加4127人僅是增員目標的123％。
今年九大公司共開出2萬9400位增員目標其中國壽要增員5千位業務員且估計年底淨增加數會有6千位與去年目標及增加數相同國壽表示主要是內勤人員及國泰產險業務員也會登錄在國壽但整體來看國壽去年及預估今年業務員留存率是各大公司中最高。
富邦人壽也維持與去年相同的6千人增員目標但預估年底淨增加數是1500人即留存率可能不到三成（還有舊有人員的脫退）富邦人壽強調今年仍是會校園人才培育及儲備幹部等增加年輕人力並結合集團資源發展具富邦金特色的客戶開發流程以增加新人產能及定著率。
中壽表示這波疫情讓國人的投保意識提高將會投入更多資源提供新人財務補助及更多獎勵方案增加新人的定著率同時也會發展數位化行銷等幫助新人質量俱進。
另外如南山、三商美邦、台壽、遠雄等今年增員目標相對去年審慎且表示變數太多加上舊有業務員脫退等有些公司表示很難預估年底的淨增加數。</t>
  </si>
  <si>
    <t>業務員公司目標今年新人增加表示人壽壽險去年資源中國疫情年底預估留存發展</t>
  </si>
  <si>
    <t>開出留存率國人新人淨增加</t>
  </si>
  <si>
    <t>國人新人留存淨增開出</t>
  </si>
  <si>
    <t>疫苗林右昌之前健康國民人人平等</t>
  </si>
  <si>
    <t>疫情嚴峻民眾盼能盡速施打疫苗引發許多爭議、話題基隆市長林右昌表示疫苗是國民健康的公共財、疫苗之前人人平等希望不要因為疫苗而製造貧富或縣市對立。林右昌表示疫苗是國民健康的公共財疫苗之前人</t>
  </si>
  <si>
    <t>疫苗林右昌表示之前健康引發製造爭議貧富話題市長對立民眾人人平等希望不要國民基隆嚴峻疫情</t>
  </si>
  <si>
    <t>疫情嚴峻民眾盼能盡速施打疫苗引發許多爭議、話題基隆市長林右昌表示疫苗是國民健康的公共財、疫苗之前人人平等希望不要因為疫苗而製造貧富或縣市對立。
林右昌表示疫苗是國民健康的公共財疫苗之前人人平等「不論你是郭台銘還是路邊的遊民」生命是等價的每個人施打疫苗的權利都一樣他強調不因貧富貴賤也不因大企業員工或是路邊攤洗碗的」更不因住在不同縣市而有差別。
林右昌指出最近有縣市長想要買疫苗給自己的縣市民眾施打有企業想買疫苗給自己員工或是買給會員施打但大家靜下心來想想這樣真的是對的嗎這樣真的好嗎？
林右昌說相信大家都是出自善意、善心、善念但因為中央疫苗不足大家恐慌希望疫苗趕快進來反而製造貧富對立、縣市間的差異更撕裂社會和諧。
林右昌認為如果民間力量可以幫忙政府協助取得疫苗這是好事應該樂觀其成更需要大家合作一起努力他進一步說明中央流行疫情指揮中心不要讓大家誤會政府在刁難要用人民聽得懂的話好好說明與釋疑並強調疫苗是一個國民健康公共財大家都有權利施打。</t>
  </si>
  <si>
    <t>疫苗林右昌施打貧富政府中央說明路邊強調員工企業民眾疫情希望對立人人平等製造表示權利國民健康之前</t>
  </si>
  <si>
    <t>疫苗林右昌施打國民健康新冠肺炎</t>
  </si>
  <si>
    <t>健康國民施打林右昌肺炎疫苗</t>
  </si>
  <si>
    <t>病例新增肺炎新低湖北下降</t>
  </si>
  <si>
    <t>大陸湖北省衛生健康委員會今公佈昨天（11日）新增1638例新冠肺炎（俗稱武漢肺炎）確診病例創2月以來單日新增最少紀錄且是連兩天下降亦是自2月2日以來單日新增病例首度跌破2千似透露出湖北疫情已出現趨緩</t>
  </si>
  <si>
    <t>新增病例以來肺炎疫情湖北委員會透露公佈昨天健康跌破首度紀錄最少出現衛生俗稱武漢下降</t>
  </si>
  <si>
    <t>新增病例確診肺炎湖北省湖北目前以來昨天出現紀錄下降最少大陸感染上海華山醫院報導主任減少上海市冠狀病毒感染醫療</t>
  </si>
  <si>
    <t>單日新增出現新增病例生活</t>
  </si>
  <si>
    <t>生活病例出現新增</t>
  </si>
  <si>
    <t>全台出動夜湧收運垃圾大霧夜間炮車豐原消毒</t>
  </si>
  <si>
    <t>全國疫情警戒升至第三級台中市環保局呼籲「追垃圾車也應配戴口罩」若不配合將蒐證裁罰並拒收垃圾。另豐原區清潔隊停車場提供夜間收運垃圾服務平均每晚至少150人進出除要求量測體溫、配戴口罩即日起實施</t>
  </si>
  <si>
    <t>垃圾配戴口罩台中市環保局呼籲垃圾車測體溫升至進出要求至少配合平均服務收運夜間提供清潔隊豐原</t>
  </si>
  <si>
    <t>全國疫情警戒升至第三級台中市環保局呼籲「追垃圾車也應配戴口罩」若不配合將蒐證裁罰並拒收垃圾。另豐原區清潔隊停車場提供夜間收運垃圾服務平均每晚至少150人進出除要求量測體溫、配戴口罩即日起實施簡訊實聯登記每半小時更出動霧砲車消毒。
豐原區清潔隊停車場晚間7點至11點提供定點收運垃圾平均每晚150至250人進出。因應疫情升至三級警戒環保局要求丟垃圾的民眾均須配合量測體溫、酒精消毒雙手及佩戴口罩並規劃一進一出的人流動線即日起實施簡訊實聯登記更出動全台體積最大的霧砲車消毒場區。
環保局長陳宏益表示為嚴守社區防線霧砲車每半小時消毒1次填裝的消毒劑是稀釋漂白水次氯酸鈉濃度為50ppm對人體無害利用霧砲車進行垃圾定點的消毒效率高又安全。請民眾務必落實「常洗手、勤消毒」及「口罩不離口、聚會別找我」等防疫措施。
另有部分民眾沒戴口罩站在街頭等候垃圾車認為出門時間短暫僥倖心態引發清潔隊員恐慌。陳宏益強調防疫非常時期只要踏出家門口罩就應戴好戴滿稽查人員近日沿街勸導若有民眾不配合將蒐證函請衛生局裁罰5千至1萬5千元清潔隊員亦將拒收垃圾。
環保局提醒市民在家裡應先做好垃圾分類縮短在外倒垃圾的時間；使用過的口罩應丟入一般垃圾桶隨意棄置口罩將依違反《廢棄物清理法》第27條規定第1次查獲罰3600元罰鍰同一人再犯最重可罰6000元。</t>
  </si>
  <si>
    <t>口罩垃圾消毒民眾炮車配合時間陳宏益防疫垃圾車要求清潔隊員環保局定點配戴測體溫小時升至進出</t>
  </si>
  <si>
    <t>新冠肺炎台灣砲車消毒150</t>
  </si>
  <si>
    <t>臺灣肺炎炮車消毒</t>
  </si>
  <si>
    <t>匡列個案出爐確診陰性台東</t>
  </si>
  <si>
    <t>台東縣政府衛生局通報22日公佈與台東有關的北部確診個案目前仍在負壓病房隔離治療7位匡列同住家人今日採檢結果全部出爐7人皆為陰性持續居家隔離中。縣府呼籲鄉親減少不必要的外出外出務必配戴口罩、勤</t>
  </si>
  <si>
    <t>隔離台東外出公佈呼籲有關北部縣府確診個案不必要目前居家持續出爐陰性結果今日家人病房減少治療</t>
  </si>
  <si>
    <t>台東縣政府衛生局通報22日公佈與台東有關的北部確診個案目前仍在負壓病房隔離治療7位匡列同住家人今日採檢結果全部出爐7人皆為陰性持續居家隔離中。
縣府呼籲鄉親減少不必要的外出外出務必配戴口罩、勤洗手無症狀、無接觸史、無活動史的鄉親請勿前往篩檢減輕醫療壓力把資源讓給更需要的民眾。</t>
  </si>
  <si>
    <t>隔離鄉親台東公佈資源壓力有關醫療北部外出確診減輕個案目前前往請勿讓給呼籲縣府病房治療</t>
  </si>
  <si>
    <t>新冠肺炎台灣 匡列7人陰性</t>
  </si>
  <si>
    <t>匡列肺炎臺灣陰性</t>
  </si>
  <si>
    <t>愛惜生命黃偉哲遵守距離健康開玩笑社交</t>
  </si>
  <si>
    <t>因應新冠肺炎疫情趨於嚴峻基於防疫考量中央流行疫情指揮中心指揮官陳時中昨天宣佈「社交距離指引」台南市長黃偉哲今天受訪指出希望全國市民朋友都能遵守但他也坦言徒法不足以自行再者嚴刑峻法也需要</t>
  </si>
  <si>
    <t>疫情趨於嚴峻坦言遵守中央流行都能朋友市民指揮全國希望中心指出指揮官受訪今天昨天陳時中黃偉哲宣佈市長社交台南指引距離肺炎</t>
  </si>
  <si>
    <t>因應新冠肺炎疫情趨於嚴峻基於防疫考量中央流行疫情指揮中心指揮官陳時中昨天宣佈「社交距離指引」台南市長黃偉哲今天受訪指出希望全國市民朋友都能遵守但他也坦言徒法不足以自行再者嚴刑峻法也需要市民配合初期沒有罰則會請防疫人員、員警努力勸導呼籲市民朋友不要拿健康開玩笑。
黃偉哲今天上午接連出席龍崎、關廟行銷鳳梨記者會連續2場活動都是在室內舉行他說社交安全距離已經出爐後續若真的要開罰1公尺多一點少一點怎麼才最適合？而且一旦要開罰也需要近距離接觸才能開出罰單目前尚未訂出罰則他認為最重要的是民眾自覺、積極配合防疫比較重要。
他說當前國外都已經祭出嚴令要遵守社交距離新加坡、德國等國都已經開罰開罰主要目的是希望大家遵守社交距離因為病毒傳播往往容易超過一公尺以上民眾不要拿自己健康開玩笑台灣民眾有這麼高防疫意識應該也能遵守才是。
至於台南市政府針對社交距離的具體作為他說會請防疫人員、員警努力勸導初期沒有罰則「若愛惜生命也不用等到開罰才表達抗議。」他強調大家小時候都做過早操雙手舉平就是一個安全社交距離希望大家能遵守。</t>
  </si>
  <si>
    <t>距離社交防疫遵守市民民眾已經疫情希望黃偉哲配合朋友重要需要台南安全不要開玩笑沒有健康初期</t>
  </si>
  <si>
    <t>社交距離新冠肺炎新型冠狀病毒NCP台灣</t>
  </si>
  <si>
    <t>肺炎冠狀病毒ncp距離社交臺灣</t>
  </si>
  <si>
    <t>防疫研發臺灣box周量產</t>
  </si>
  <si>
    <t>新冠肺炎疫情延燒之際第一線醫護人員飽受病毒威脅為此恆春旅遊醫院麻醉科主任邱豑慶自掏腰包研發拋棄式「防疫箱」更獲得屏東縣長潘孟安助拳、協助模組化名為「台灣BOX」的抗疫防護箱預計下周便能正式量</t>
  </si>
  <si>
    <t>預計防護之際第一線醫護人員box飽受病毒臺灣名為威脅模組化為此協助疫情周便潘孟安旅遊縣長醫院麻醉</t>
  </si>
  <si>
    <t>新冠肺炎疫情延燒之際第一線醫護人員飽受病毒威脅為此恆春旅遊醫院麻醉科主任邱豑慶自掏腰包研發拋棄式「防疫箱」更獲得屏東縣長潘孟安助拳、協助模組化名為「台灣BOX」的抗疫防護箱預計下周便能正式量產。
邱豑慶指出為保護醫護人員免於飛沫噴濺風險2月初便與花蓮門諾醫院醫師賴賢勇、台中醫師黃致遠等人測試完成「防疫箱」後更公開設計圖供各國醫護無償下載；未料意外在網上發現被有些商人拿去營利一套售價動輒3、4000元讓他決定嘗試將價格壓低不僅能幫助更多人且讓大家知道這是「MIT」。
有了想法後開始尋找傳產廠商也試圖寫信給多位政治人物闡明理念尋求協助隨即便接到潘孟安親自來電起初還以為是推銷貸款電話而掛斷幸好第二通接通促成這椿美事。
「防疫要和時間賽跑」潘孟安表示暖醫自掏腰包開發「防疫箱」要免費送給醫療體系非常令人感動於是縣府團隊分工尋找合適廠商終於找到工廠願意協助打樣、開模這段過程讓人看到台灣的生命力及競爭力。
這只「防疫箱」生產成本可望降至千元以內預計下周就能量產一日能夠生產1200套產能最高可以達1萬套。邱豑慶感動地說已有外國網友留言說「以前分不清Tailand與Taiwan差別現在他們都知道Taiwan了」。</t>
  </si>
  <si>
    <t>防疫協助潘孟安醫護人員醫院臺灣廠商尋找預計自掏腰包知道之際第一線tailand</t>
  </si>
  <si>
    <t>防疫潘孟安人員醫護人員量產</t>
  </si>
  <si>
    <t>人員醫護人員潘孟安防疫</t>
  </si>
  <si>
    <t>放寬政策入境日本隔離</t>
  </si>
  <si>
    <t>《日本經濟新聞》5日報導日本政府宣佈由於新冠肺炎（COVID-19）疫情緩和8日起將放寬入境政策允許留學生入境；且已完成疫苗接種的短期商務旅客在配合管理下隔離期可縮短為3天。根據報導目前已取得日本「</t>
  </si>
  <si>
    <t>報導入境縮短管理配合旅客隔離日本政府商務完成疫苗接種放寬宣佈肺炎緩和covid-疫情日本目前留學生允許</t>
  </si>
  <si>
    <t>《日本經濟新聞》5日報導日本政府宣佈由於新冠肺炎（COVID-19）疫情緩和8日起將放寬入境政策允許留學生入境；且已完成疫苗接種的短期商務旅客在配合管理下隔離期可縮短為3天。
根據報導目前已取得日本「在留資格」卻無法入境的外國人約有37萬人其中包括15萬名留學生和11萬名技能實習生；在新入境政策實行後上述人員將獲准分批進入日本但接收這些人的日本企業或大學須負責相關防疫措施並向主管機關提出企劃書。
《日本經濟新聞》指出日本政府1月起原則上禁止外國人入境讓依靠外國實習生承擔勞力的部分農林漁產業者十分苦惱各學校也不斷呼籲開放留學生入境。
另外目前即使是已完成疫苗接種者入境日本也須自主隔離10天但新入境政策實行後短期商務旅客在配合相關企業的管理下隔離期可縮短為3天有望促進日本國際商務活動復甦。
日本第一生命經濟研究所首席經濟學家永濱利廣估計在這波入境政策放寬下日本GDP將獲得每年8300億日圓（約新台幣20336億元）的增長因為入境者增加將帶來消費上揚等經濟效果。
「日本放送協會」（NHK）先前報導日本政府也有意進一步放寬每日入境人數上限將自目前的每天最多3500人增加至5000人預計11月下旬起開放。不過日本政府尚未對外國觀光客解禁將視新冠肺炎疫情狀況分階段考慮放寬入境限制的對象。</t>
  </si>
  <si>
    <t>入境日本日本政府經濟放寬政策報導目前留學生隔離外國開放實習生外國人相關增加企業商務肺炎</t>
  </si>
  <si>
    <t>新冠肺炎全球日本入境商務旅客</t>
  </si>
  <si>
    <t>全球日本入境肺炎商務旅客</t>
  </si>
  <si>
    <t>確診包括案例回到足跡位數一藥烘焙桃園</t>
  </si>
  <si>
    <t>睽違20天桃園確診案例首度回到個位數、僅3例確診其中包含1例家庭群聚、以及2人有雙北接觸史桃園市也公佈已疫調的足跡包括大溪中山國術館、杏一醫療用品林口長庚店、龍潭小小間烘焙坊呼籲足跡重疊者6月20</t>
  </si>
  <si>
    <t>足跡桃園確診烘焙案例龍潭庚店首度林口長用品醫療國術中山包括接觸</t>
  </si>
  <si>
    <t>睽違20天桃園確診案例首度回到個位數、僅3例確診其中包含1例家庭群聚、以及2人有雙北接觸史桃園市也公佈已疫調的足跡包括大溪中山國術館、杏一醫療用品林口長庚店、龍潭小小間烘焙坊呼籲足跡重疊者6月20日前要自我健康檢測。
中央宣佈桃園7日新增3例確診案例這也是桃園自5月18日以來連續20天2位數確診後首度降到個位數桃園市政府指出3確診者年齡介於40多歲至70多歲間分別在蘆竹、龜山和龍潭其中確診者接觸者1人(案11413)為案10863家人雙北接觸史2人(案11488、11489)。
市府也公佈已疫調的足跡僅3處分別是大溪中山國術館、杏一醫療用品林口長庚店、龍潭小小間烘焙坊呼籲足跡重疊者6月20日前要自我健康檢測。</t>
  </si>
  <si>
    <t>睽 違 20 天 桃園 確診 案例 首度 回到 個 位數 僅 3 例 確診 其中 包含 1 例 家庭 群 聚 以及 2 人 有 雙 北 接觸 史 桃園 市 也 公佈 已 疫 調 的 足跡 包括 大 溪 中山 國術 館 杏 一 醫療 用品 林口長 庚店 龍潭 小小 間 烘焙 坊 呼籲 足跡 重疊 者 6 月 20 日前 要 自我 健康 檢測 中央 宣佈 桃園 7 日 新增 3 例 確診 案例 這 也 是 桃園 自 5 月 18 日 以來 連續 20 天 2 位 數 確診 後 首度 降到 個 位數 桃園 市政府 指出 3 確診 者 年齡 介於 40 多 歲 至 70 多 歲 間 分別 在 蘆竹 龜 山 和 龍潭 其中 確診 者 接觸 者 1 人 案 11413 為 案 10863 家人 雙北 接觸 史 2 人 案 1148811489 市府 也 公佈 已 疫 調 的 足跡 僅 3 處 分別 是 大 溪 中山 國術 館 杏 一 醫療 用品 林口長 庚店 龍潭 小小 間 烘焙 坊 呼籲 足跡 重疊 者 6 月 20 日前 要 自我 健康 檢測</t>
  </si>
  <si>
    <t>確診桃園足跡接觸分別龍潭首度案例位數公佈中山國術醫療林口長</t>
  </si>
  <si>
    <t>桃園確診新冠肺炎台灣烘焙坊</t>
  </si>
  <si>
    <t>肺炎臺灣烘焙確診桃園</t>
  </si>
  <si>
    <t>阻斷發現實驗病毒感染科學家抗體</t>
  </si>
  <si>
    <t>新冠肺炎肆虐全球累計逾359萬人確診、25萬多人染疫死亡。荷蘭科學家在實驗室發現一種可以有效阻斷新冠病毒（SARS-CoV-2）感染細胞的全人源抗體這項研究成果是針對治療或預防新冠病毒的全人抗體研究的第一步具</t>
  </si>
  <si>
    <t>病毒全人抗體死亡荷蘭科學家實驗室全球發現可以有效阻斷研究成果sars-cov-確診細胞治療感染預防累計肆虐肺炎</t>
  </si>
  <si>
    <t>新冠肺炎肆虐全球累計逾359萬人確診、25萬多人染疫死亡。荷蘭科學家在實驗室發現一種可以有效阻斷新冠病毒（SARS-CoV-2）感染細胞的全人源抗體這項研究成果是針對治療或預防新冠病毒的全人抗體研究的第一步具有突破性。
這項研究是由荷蘭烏特勒支大學、伊拉斯姆斯醫學中心與港口生物醫學的研究團隊進行。該論文的共同作者、烏特勒支大學副教授波許博士說：「這項成果建立在我們過去針對 SARS病毒（SARS-CoV）抗體所做的研究上。在一組SARS病毒抗體中我們鑒別出一種可以中和新型冠狀病毒（SARS-CoV-2）感染細胞的抗體。這種中和抗體具有改變病毒感染進程、清除病毒、以及保護暴露於病毒環境中個體的潛力。」
此次新發現的全人抗體無需經過人源化過程且減少了因免疫原性可能產生的副作用。因其結合位點不同於其他大部分抗體該抗體有望成為「抗體雞尾酒療法」的最佳選擇。同時因其結合病毒保守表位元該抗體不僅具有治療及預防新冠病毒性肺炎及SARS的潛力針對 Sarbecovirus亞屬的其他潛在病毒均有治療前景。
這項研究以「一種可阻斷新型冠狀病毒感染的全人源單株抗體」為題發表在《自然通訊》期刊上但目前尚未進入動物和人體試驗科學家還需要進一步研究以判斷這些發現在臨床環境中是否得到證實以及該抗體對病毒的殺傷力如何。</t>
  </si>
  <si>
    <t>抗體病毒研究全人發現sars治療具有科學家荷蘭大學烏特勒潛力可以冠狀阻斷病毒感染結合環境肺炎中和預防sars-cov-</t>
  </si>
  <si>
    <t>抗體SARS病毒新冠病毒</t>
  </si>
  <si>
    <t>抗體病毒sars</t>
  </si>
  <si>
    <t>疫苗院長接種呼籲停藥慢性病</t>
  </si>
  <si>
    <t>新冠肺炎疫情延燒不斷全台開放高齡長輩接種疫苗不少民眾擔心有慢性病症是否須先停藥對此敏盛醫院院長劉宜廉呼籲「勿停藥」若停藥反而會影響原有疾病的抗體及發展也有醫師提醒慢性病的長者可攜帶藥袋至接種</t>
  </si>
  <si>
    <t>停藥接種不斷全台開放高齡慢性病長者長輩疫情敏盛提醒對此原有醫師疾病抗體發展疫苗民眾須先擔心是否病症</t>
  </si>
  <si>
    <t>新冠肺炎疫情延燒不斷全台開放高齡長輩接種疫苗不少民眾擔心有慢性病症是否須先停藥對此敏盛醫院院長劉宜廉呼籲「勿停藥」若停藥反而會影響原有疾病的抗體及發展也有醫師提醒慢性病的長者可攜帶藥袋至接種站請現場醫護人員評估。
劉宜廉表示敏盛團隊主力協助蘆竹區接種站服務許多高齡長輩也會詢問是否該停藥劉宜廉直言「無需停藥」自主停藥反而會影響自己身體的反應且過往在施打流感疫苗時也不會要求慢性病患停藥若有質疑的民眾建議直接詢問醫師的建議切勿自行決定停藥。
臺北榮民總醫院桃園分院腎臟科主任常逸平近期協助高齡長者接種疫苗服務他提到開放長者施打疫苗後有不少長者在打疫苗前把平日慢性病用藥停藥強調「這是不對的觀念」因為目前對疫苗所得到的資訊並沒有特別要把藥品停藥且如果醫師沒有提醒限制喝水量接種疫苗前可以喝下300至500cc水量可以避免若出現發燒時減少不適感同時可以把平日用藥連同藥袋等帶到接種站讓現場醫護人員評估。
桃園醫院感染控制室主任林宜君也說若有骨質疏鬆病症的患者且有施打骨質疏鬆症藥物在注射疫苗前需要間隔一段時間可以在接種前向醫師詢問若平日有服用其他藥品也把藥袋、藥單一起提供給醫師參考。</t>
  </si>
  <si>
    <t>停藥疫苗接種醫師可以詢問長者慢性病平日劉宜廉高齡施打敏盛協助是否藥品用藥醫院桃園主任民眾提醒病症</t>
  </si>
  <si>
    <t>新冠肺炎台灣停藥接種疫苗醫師</t>
  </si>
  <si>
    <t>停藥臺灣肺炎接種疫苗醫師</t>
  </si>
  <si>
    <t>《產業》出遊防疫大作戰易遊網推安心訂房3保證</t>
  </si>
  <si>
    <t>作戰易游網安心防疫出遊保證產業</t>
  </si>
  <si>
    <t>新冠肺炎疫情未見降溫使國人出遊意願銳減。為了在以旅客健康安全為首要考量的前提下提升國內住房率易遊網集結逾百間國內飯店推出「安心訂房企畫」攜手飯店業者做好防疫措施與衛生清潔管理共同承諾3大保證</t>
  </si>
  <si>
    <t>國內管理清潔衛生降溫措施防疫國人做好出遊意願飯店業銳減攜手旅客共同疫情健康安全考量前提安心</t>
  </si>
  <si>
    <t>新冠肺炎疫情未見降溫使國人出遊意願銳減。為了在以旅客健康安全為首要考量的前提下提升國內住房率易遊網集結逾百間國內飯店推出「安心訂房企畫」攜手飯店業者做好防疫措施與衛生清潔管理共同承諾3大保證讓旅客出遊多一層保障。
易遊網指出「安心訂房企畫」3大保證包括飯店公共空間與客房每日定期消毒飯店公共空間或客房內提供酒精或乾洗手等消毒用品以及指定專案於3月底前入住可享入住前1天免費取消。除了上述基本保證外許多飯店亦提供更嚴謹的防疫應對。
而易遊網獨家承包的2輛「環島之星Hello Kitty繽紛列車」在疫情期間每日均針對座椅、行李架、頭墊巾、縫隙空間等進行全面性消毒且每週另外安排一次專業消毒以加強防疫效果。車內也備有口罩、酒精、體溫計供有需要的旅客使用。
遊程接駁方面易遊網則要求司機須配戴口罩並在旅客上車時協助在旅客雙手噴灑酒精做好清潔管理把關。為避免交叉感染可能團體用餐時會請導遊向旅客宣導使用公筷母匙以共同維護彼此健康為首要原則。
為加強民眾國旅信心易遊網除了把關交通工具的清潔安全外遊程部分也以安排戶外景點為主並選用防疫措施良好的飯店下褟降低民眾出遊擔憂。其中自20日起出發的指定商品可享住房免費升等、最高直升頂級套房等優惠內容。
易遊網預期雖然民眾在疫情期間的出遊意願暫緩但在疫情趨緩平息後旅遊需求將在短時間內迅速回溫。同時也提供「旅遊防疫懶人包」整理出遊防疫措施、各國入境規則、旅遊退改辦法等資訊供民眾參考。</t>
  </si>
  <si>
    <t>易游網旅客防疫出遊飯店疫情民眾旅遊酒精消毒措施保證提供清潔空間指定住房游程健康共同口罩使用安排把關期間加強做好</t>
  </si>
  <si>
    <t>新冠肺炎疫情易遊網出遊訂房</t>
  </si>
  <si>
    <t>疫情易遊網肺炎出遊</t>
  </si>
  <si>
    <t>同仁學習非洲新北</t>
  </si>
  <si>
    <t>5月中旬新冠肺炎疫情爆發新北市消防局防第一線人員頂著高溫、冒著染疫的風險執行救災救護任務為紓解消防員職場壓力消防局昨（3）日特別邀請消防同仁及眷屬攜手參加「親子團體諮商-快樂非洲鼓紓壓營」活動</t>
  </si>
  <si>
    <t>疫情爆發新北非洲快樂團體參加第一線攜手眷屬高溫人員冒著染肺炎同仁風險執行</t>
  </si>
  <si>
    <t>5月中旬新冠肺炎疫情爆發新北市消防局防第一線人員頂著高溫、冒著染疫的風險執行救災救護任務為紓解消防員職場壓力消防局昨（3）日特別邀請消防同仁及眷屬攜手參加「親子團體諮商-快樂非洲鼓紓壓營」活動放鬆心情度過愉快的一天。
新北市消防局長黃德清表示消防工作的投入非常需要家人的認同與支持之前在支援花蓮太魯閣火車出軌重大災害有隊員反應當天休假已和家人安排好行程臨時收到動員通知立即返回隊上集結前往花蓮常常面臨工作與家人無法兼顧內心的掙紮。
黃德清說為預防同仁發生創傷後壓力症候群（PTSD）啟動4梯次巡迴諮商輔導並著手規畫於疫情趨緩時辦理親子快樂紓壓營。
活動邀請「哈哈滬非洲鼓團」團長胡景文親自指導消防人員攜家帶眷一起學習非洲鼓氣氛熱鬧溫馨。</t>
  </si>
  <si>
    <t>家人非洲疫情黃德清壓力同仁新北邀請快樂活動重大返回出軌災害立即通知火車</t>
  </si>
  <si>
    <t>非洲鼓紓壓學習新北市消防局快樂</t>
  </si>
  <si>
    <t>學習新北快樂非洲</t>
  </si>
  <si>
    <t>檢測寵物感染證據</t>
  </si>
  <si>
    <t>香港農漁自然護理署日前從1名新型冠狀病毒肺炎確診病患家中飼養的犬隻進行該病毒檢測結果呈現弱陽性。農委會家畜衛生試驗所推測有可能只是近距離接觸患者狗的口鼻沾染患者病毒所致目前的證據尚無法確定新型</t>
  </si>
  <si>
    <t>病毒患者目前日前冠狀肺炎確診接觸護理距離家中農委會陽性家畜衛生飼養呈現試驗進行可能結果</t>
  </si>
  <si>
    <t>香港農漁自然護理署日前從1名新型冠狀病毒肺炎確診病患家中飼養的犬隻進行該病毒檢測結果呈現弱陽性。農委會家畜衛生試驗所推測有可能只是近距離接觸患者狗的口鼻沾染患者病毒所致目前的證據尚無法確定新型冠狀病毒可以感染犬隻。
家衛所指出據世界動物衛生組織與世界衛生組織的訊息指出目前沒有證據顯示寵物或其他家畜可感染或傳播新型冠狀病毒對於何種動物為新型冠狀病毒在自然界的保毒動物亦有待進一步的調查與研究。香港政府雖自該犬的口腔、鼻腔及肛門採樣進行新型冠狀病毒檢測在口腔及鼻腔的樣本驗出弱陽性反應而肛門樣本並無陽性反應犬隻本身亦無臨床症狀「目前的證據尚無法確定新型冠狀病毒可以感染犬隻」。
為配合新冠肺炎防疫與監測家衛所依WHO規範的檢驗方法並向衛生福利部疾病管制署申請分讓檢驗用的陽性對照核酸3月1日取得後立即用於確認實驗室檢驗方法。農委會亦將召開專家會議討論確認採檢方式與檢驗方法後即可在中央疫情指揮中心指揮下接受動物檢體的檢驗。初期每日可檢驗10件動物檢體未來視疫情需要逐步擴充檢驗量能。
農委會呼籲目前並無寵物會感染或傳播新型冠狀病毒的證據請民眾不必恐慌更不應遺棄寵物。</t>
  </si>
  <si>
    <t>檢驗冠狀病毒動物目前證據農委會方法感染寵物肺炎衛生陽性衛所疫情家畜確認病毒檢測肛門口腔指出</t>
  </si>
  <si>
    <t>陽性肺炎新型冠狀病毒檢驗方法</t>
  </si>
  <si>
    <t>冠狀病毒肺炎檢驗陽性方法</t>
  </si>
  <si>
    <t>應廣半導體股利新高</t>
  </si>
  <si>
    <t>應廣(6716)於今日召開股東會會中通過每股發放現金股利273元展望第二季隨著新冠肺炎疫情趨緩第二季營收有機會挑戰單季歷史新高。應廣表示由於新型冠狀病毒疫情爆發並持續延燒全球各地相關泛健康用品市場</t>
  </si>
  <si>
    <t>疫情應廣相關全球持續發放爆發現金股利展望病毒季隨著冠狀收有季營挑戰機會表示單季歷史肺炎</t>
  </si>
  <si>
    <t>應廣(6716)於今日召開股東會會中通過每股發放現金股利273元展望第二季隨著新冠肺炎疫情趨緩第二季營收有機會挑戰單季歷史新高。
應廣表示由於新型冠狀病毒疫情爆發並持續延燒全球各地相關泛健康用品市場需求遽增在方便攜式血氧測量器、紫外線消毒器與酒精噴霧機等等應用的接單以及全球宅經濟增溫遠距交流如線上會議、教學、購物激增使得伺服器、PC、NB、網通市場量增帶動BLDC產品需求趨升AD型MCU出貨量相較去年Q1同期增長了1139%整體而言公司產品應用多元化相對營收較為穩定。
應廣第一季營收為127億元、年增加42%毛利率方面2020年度第一季為39%較去年同期36%增加稅後淨利為1300萬元年增加8858%每股盈餘為066元較去年同期036元成長83%。
應廣5月營收為6251萬元較去年同月成長6445%累計前5月營收成長較去年同期成長4604%並創下單月歷史新高。
展望第二季應廣表示市場經濟仍在新型病毒疫情影響之下短期終端消費審慎但上述產品相對穩定首季雖因疫情的發生使得出貨有些遲緩隨著疫情趨緩也漸漸帶動出貨且因5G基地台應用佈局加速、連帶相關設備成長以及伺服器需求強勁等等使得BLDC產品在第二季的表現成長樂觀就整體而言公司產品應用多元化也擴及印度、東南亞市場第二季營收有機會挑戰單季歷史新高。</t>
  </si>
  <si>
    <t>疫情產品應用成長使得季營全球相關去年同期市場展望伺服器增加去年帶動病毒需求</t>
  </si>
  <si>
    <t>應廣5GPCNB網通</t>
  </si>
  <si>
    <t>pcnb網通應廣</t>
  </si>
  <si>
    <t>協會觀光肺炎飯店不住熄燈</t>
  </si>
  <si>
    <t>新冠肺炎疫情擴散觀光業受害尤其慘烈台灣許多知名店家也陸續傳出熄燈消息如今台灣觀光產業協會爆3月底到4月初將會有13家飯店、旅館停業初估損失將達3000億元以上。根據《三立》報導觀光協會指出包括</t>
  </si>
  <si>
    <t>臺灣觀光協會擴散觀光業受害尤其慘烈疫情知名店家報導傳出陸續熄燈消息損失旅館停業飯店如今以上</t>
  </si>
  <si>
    <t>新冠肺炎疫情擴散觀光業受害尤其慘烈台灣許多知名店家也陸續傳出熄燈消息如今台灣觀光產業協會爆3月底到4月初將會有13家飯店、旅館停業初估損失將達3000億元以上。
根據《三立》報導觀光協會指出包括臺北萬事達、淡水亞太、臺北首都等飯店、旅館陸續將從3月底熄燈且恢復營業時間遙遙無期。觀光協會會長田一修表示這波停業潮恐造成3000億元以上的損失政府所準備的500億紓困基金可能無法負荷。
田一修補充若政府沒加緊腳步飯店倒閉潮恐10天就面臨一波現在只是在比誰撐得比較久而已。</t>
  </si>
  <si>
    <t>觀光飯店臺灣政府停業陸續協會損失以上月底熄燈旅館臺北擴散觀光業受害現在尤其疫情慘烈面臨知名無法負荷田一可能</t>
  </si>
  <si>
    <t>熄燈新冠肺炎觀光協會飯店旅館</t>
  </si>
  <si>
    <t>肺炎觀光協會飯店旅館熄燈</t>
  </si>
  <si>
    <t>獻身求新大戰在家肺炎隔離女星</t>
  </si>
  <si>
    <t>俄羅斯裔色情女星蘿拉泰勒（Lola Taylor）疑似為新冠肺炎的確診者目前正被隔離在家中；她表示為了激勵醫界人士、科學家能盡快找出病毒特效藥願意提供美好的獎賞例如與第一個找到治療冠狀病毒的人發生性關係</t>
  </si>
  <si>
    <t>病毒泰勒lolataylor冠狀治療找到肺炎女星確診獎賞例如目前隔離美好家中表示激勵提供人士</t>
  </si>
  <si>
    <t>俄羅斯裔色情女星蘿拉泰勒（Lola Taylor）疑似為新冠肺炎的確診者目前正被隔離在家中；她表示為了激勵醫界人士、科學家能盡快找出病毒特效藥願意提供美好的獎賞例如與第一個找到治療冠狀病毒的人發生性關係。
27歲的蘿拉泰勒原名為伊波芙布雪伊娃（Iyubov Bushueva）是一名AV女優由於目前被列為新冠肺炎確診的可能者因此若擅自離開家中便會被逮捕讓她非常悶。她表示正因如此自己迫切希望解藥快點找到趕緊終結新冠肺炎大流行。
蘿拉泰勒指出為了激勵科學家、醫界人士願意跟第一個找出解藥的人共度一晚春宵即使大戰三百回合也值得。消息公佈後激起許多討論大家紛紛讚賞「這的確是激發年輕科學家發明疫苗的動力。」
不過事實上蘿拉泰勒並非第一個討論冠狀病毒的AV女優；像是英國女模索菲·安德森（Sophie Anderson）就使用自己的平臺宣傳洗手「請經常洗手以保持衛生。」也獲得熱烈回響貼文被瀏覽36萬次。
更多 CTWANT 報導</t>
  </si>
  <si>
    <t>泰勒病毒科學家肺炎家中討論表示找到av冠狀目前願意確診洗手激勵</t>
  </si>
  <si>
    <t>新冠肺炎確診者蘿拉泰勒解藥</t>
  </si>
  <si>
    <t>確診肺炎泰勒</t>
  </si>
  <si>
    <t>行業紓困更慘不爽環境</t>
  </si>
  <si>
    <t>國內本土疫情爆發行政院日前公佈紓困40內容其中對海嘯第一排的觀光業者給予旅行業薪資及營運補貼、團體旅遊取消補貼等方案與業界期待落差極大引發業者強烈不滿連日來抗議電話灌爆各大公協會。旅行業品</t>
  </si>
  <si>
    <t>行業補貼行政院日前公佈紓困內容海嘯爆發大公觀光業電話抗議強烈不滿業者連日來引發極大落差方案期待給予營運</t>
  </si>
  <si>
    <t>國內本土疫情爆發行政院日前公佈紓困40內容其中對海嘯第一排的觀光業者給予旅行業薪資及營運補貼、團體旅遊取消補貼等方案與業界期待落差極大引發業者強烈不滿連日來抗議電話灌爆各大公協會。旅行業品質保障協會理事長許禓哲表示今年環境更糟旅行業陷入空前危機補助卻比去年更少呼籲政府傾聽基層聲音。
根據日前公佈的紓困內容旅行業可領薪資及營運補貼每名員工補貼4萬元；國內旅遊團停止出團每團最高可補助1萬元每家旅行社最多8團。
品保協會批評此次紓困方案與去年相比落差實在太大之前的紓困方案分為營運、薪資、因疫情無法出團損失3方面包括營運補助每家旅行社30萬元薪資補助4成、每人最高2萬元以及因疫情無法出團損失。
此次方案3個月4萬元的一次性營運及薪資補助相當於每人每月補助為1萬3333元金額不增反減。
品保協會發言人李奇嶽指出國內旅遊團停止出團的損失補貼是5月15日發布防疫3級警戒後到6月14日為期1個月來計算但6月15日之後的損失呢？此外國旅團以承接公務機關及學校團體的旅行活動為主這些單位採公開招標不僅不用訂金旅行業者反而要先付一筆押標金但觀光局的補助規定裡頭卻要業者拿出訂金證明才可申請政策與實際面落差極大。
許禓哲強調行政院先前宣示紓困「從優、從寬、從速」原則如今看起來是與原則背道而馳政府再不幫旅行業很多業者會跟著停業與解散員工的家庭很快就沒有收入他也呼籲政府趕快搞定疫苗讓國境早日開放這樣業者根本不用補助自己會向前衝。</t>
  </si>
  <si>
    <t>補助紓困業者行業協會方案營運薪資政府補貼損失落差旅行訂金呼籲疫情去年極大員工</t>
  </si>
  <si>
    <t>新冠肺炎台灣旅行業營運補貼</t>
  </si>
  <si>
    <t>旅行臺灣肺炎營運補貼</t>
  </si>
  <si>
    <t>疫苗機會聽到婉拒特權鬆口李蒨蓉敏感</t>
  </si>
  <si>
    <t>李蒨蓉先前自曝因疫情期間常處在家跟結婚17年老公李德立起爭執一度考慮離婚幸好兩人後來決定談開化解婚姻危機。今(23日)她發文自曝其實先前有過3次被問要不要施打疫苗的機會但她聞「特權」兩字敏感便婉拒</t>
  </si>
  <si>
    <t>先前特權機會期間結婚老公立起爭執李德在家一度其實考慮離婚幸好後來常處決定談開化解婚姻發文危機</t>
  </si>
  <si>
    <t>李蒨蓉先前自曝因疫情期間常處在家跟結婚17年老公李德立起爭執一度考慮離婚幸好兩人後來決定談開化解婚姻危機。今(23日)她發文自曝其實先前有過3次被問要不要施打疫苗的機會但她聞「特權」兩字敏感便婉拒「我不是要架高自己有多清高反正一切按照規矩來」。
李蒨蓉今分享老公接種了疫苗從昨天昏睡到今天她看美國球賽觀眾很少有人戴口罩難免感到羨慕而台灣現在人人依據年紀排隊打疫苗朋友之間開玩笑說若放眼過去誰先打了疫苗可能就代表過去年紀都是說謊「病毒當前安全優先面子放一邊我不怕認老我也想趕快打到疫苗在此補充發文之際本人尚未接獲通知代表蒨蓉姊還是枚嫩妞哈！」
先前爆出特權疫苗爭議李蒨蓉坦言疫情最嚴重時有3位好友出於關心曾提供她打疫苗的機會而李蒨蓉的弟弟也問她要不要飛到美國打疫苗但她見機票價離譜回國隔離政策麻煩不僅拒絕了朋友也婉拒弟弟但交代弟弟客房先留著等疫情緩解後總有一天她會飛過去。
李蒨蓉坦言：「特權這兩個字對我而言格外敏感我曾經是受益者也是受害者」她說出這件事並不是要挑明清高而是強調還是都照規矩來她明白自己重提此事可能又會被酸經紀公司應該也冒冷汗最後正能量說：「小兒子鼓勵我有酸民是好事表示有人氣」。網友也鼓勵她說：「雖然我不是基督徒但看到妳的文章後獲得滿滿正能量」、「很喜歡現在的妳」、「妳很棒！不知道從什麼時候開始喜歡看妳的文章⋯除了感動還有真實⋯」、「拒絕特權真的需要很大的勇氣跟自製力～因為人們的心都是軟弱的但是如何剛強又堅固需要上帝給我們力量！」。
★《中時新聞網》提醒您：因應新冠肺炎疫情疾管署持續加強疫情監測與邊境管制措施如有疑似症狀請撥打：1922專線或 0800-001922並依指示配戴口罩儘速就醫同時主動告知醫師旅遊史及接觸史以利及時診斷及通報。</t>
  </si>
  <si>
    <t>疫苗疫情特權先前口罩李蒨蓉老公需要發文現在年紀文章拒絕代表</t>
  </si>
  <si>
    <t>李蒨蓉特權打疫苗疫情新冠肺炎</t>
  </si>
  <si>
    <t>疫苗疫情特權李蒨蓉肺炎</t>
  </si>
  <si>
    <t>族群確診新增花蓮</t>
  </si>
  <si>
    <t>花蓮今新增一例確診是上個月萬華大舅子到花蓮妹婿家中作客已使得整個家族親友累計15人染疫另染疫民眾已有3人出院。因疫情仍嚴峻未來疫苗將陸續到位縣長徐榛蔚稍早號召退休、退職醫護人員加入防疫行列</t>
  </si>
  <si>
    <t>退職退休上個月號召萬華大舅子徐榛蔚縣長到位陸續花蓮醫護人員確診妹婿疫苗未來家中嚴峻作客疫情使得</t>
  </si>
  <si>
    <t>花蓮今新增一例確診是上個月萬華大舅子到花蓮妹婿家中作客已使得整個家族親友累計15人染疫另染疫民眾已有3人出院。因疫情仍嚴峻未來疫苗將陸續到位縣長徐榛蔚稍早號召退休、退職醫護人員加入防疫行列協助各鄉鎮市施打疫苗徐今天說已經召募到111位退職退休醫護人員報名感謝醫護人員幫忙。
花蓮縣衛生局長朱家祥說新增案10364是60多歲女性病毒最初感染源來自萬華大舅子因家族相聚導致病毒一路傳播迄今家族已有14人被傳染。因家族群聚已被匡列居家隔離但60多歲女性的丈夫前幾天確診這位女性 30日才出現發燒發熱2日晚上11點左右發燒不退衛生局3日安排前往部立花蓮醫院採檢、3日陽性確診。
朱家祥說新增個案家族多人因稍早已匡列居家隔離沒有外出但提醒居家隔離家人間仍要保持適當距離否則仍有互相感染之虞所以本週末假日希望民眾待在家大掃除保持室內乾淨通風減少病毒傳染。
徐榛蔚說日本捐贈124萬劑疫苗已抵台中央會規劃分配地方數量醫護人員、消防人員都會施打再來長照機構人員也會施打、慢性病也是規劃先施打對象目前惟有疫苗到位才能逐漸阻擋疫情因此縣府已經號召到111位退職退休人員後續會安排受訓內容為未來協助施打疫苗做準備。
至於昨天開罰不戴口罩仍有25件徐榛蔚說員警執法開罰碰上不理性民眾開罵她要跟鄉親說疫情緊張、也都有勸導時間員警也很不願意對鄉親長輩開罰但戴口罩是基本防疫作為唯有從保護自己做起才能不傳染他人。</t>
  </si>
  <si>
    <t>疫苗家族醫護人員疫情病毒民眾徐榛蔚確診施打女性傳染隔離居家退職新增保持安排</t>
  </si>
  <si>
    <t>新冠肺炎台灣花蓮家族確診染疫</t>
  </si>
  <si>
    <t>花蓮家族臺灣確診肺炎</t>
  </si>
  <si>
    <t>醫護疫情轉機捐物</t>
  </si>
  <si>
    <t>國內傳出新冠肺炎本土案例疫情升溫。桃園市議員楊家俍與店家業者20日特地帶著雞排、飲料與物資到聯新國際醫院表達關心慰問為醫護人員加油打氣。院長黃忠智感謝各界捐贈與關懷也表示醫院已落實各項防疫措施</t>
  </si>
  <si>
    <t>醫院表示關懷贈與肺炎本土感謝疫情黃忠智案例升溫院長桃園加油打氣議員醫護人員楊家家業慰問特地關心</t>
  </si>
  <si>
    <t>國內傳出新冠肺炎本土案例疫情升溫。桃園市議員楊家俍與店家業者20日特地帶著雞排、飲料與物資到聯新國際醫院表達關心慰問為醫護人員加油打氣。院長黃忠智感謝各界捐贈與關懷也表示醫院已落實各項防疫措施將盡全力守護民眾健康。
議員楊家俍偕同餐飲業及代理商業者帶著上百份的飲料、雞排、水果以及洗手清潔用品、電子口哨等物資來到聯新國際醫院感謝醫護人員投入防疫工作的辛勞。
楊家俍表示桃園市除了部立桃園醫院之外另有10家應變醫院共同組成新冠肺炎防護網絡肩負防疫的重責大任。楊家俍說應變醫院在這段期間承擔第一線抗疫的壓力醫護人員都很辛苦希望民眾除了關懷部立桃園醫院之外也能夠到居家附近的專責醫院表達關心感謝醫護人員的付出辛勞為他們加油打氣。
聯新國際醫院院長黃忠智感謝捐贈關懷他表示聯新國際醫院承襲之前成功抗煞（SARS）的經驗對抗流行疾病有足夠能量面對這波新冠肺炎疫情也已做好充分準備。
黃忠智說政府防疫政策相當明確聯新國際醫院是衛福部指定桃園地區11家應變醫院之一將責無旁貸做好防疫工作落實每個環節事項全院團隊將發揮專業與熱忱竭盡心力維護民眾健康也希望全民一起努力相信台灣可以安然度過疫情難關。
聯新國際醫院提醒民眾做好健康管理勤洗手、佩戴口罩加強環境清潔消毒減少到人潮密集場所、保持安全社交距離並且均衡飲食、適度運動。如果身體不適就醫應據實以告TOCC旅遊史與接觸史保護自己也維護家人及他人健康。</t>
  </si>
  <si>
    <t>醫院國際醫院防疫民眾桃園健康楊家做好醫護人員感謝疫情應變肺炎黃忠智表示關懷議員希望落實工作</t>
  </si>
  <si>
    <t>聯新國際醫院楊家俍物資雞排忠智</t>
  </si>
  <si>
    <t>物資楊家國際醫院</t>
  </si>
  <si>
    <t>擺攤防疫星怒臺北封城</t>
  </si>
  <si>
    <t>清明連假各大景點湧入人潮讓醫護人員憂心恐釀成另一波疫情中央流行疫情指揮中心更針對11個景點發布國家級警報不少企業也跟進要求到過景點的員工居家辦公對此藝人郭世倫忍不住氣呼：「亂七八糟」。郭世倫</t>
  </si>
  <si>
    <t>景點疫情郭世倫藝人對此湧入辦公人潮居家憂心員工釀成醫護人員忍不住中心要求跟進發佈企業警報中央流行指揮</t>
  </si>
  <si>
    <t>清明連假各大景點湧入人潮讓醫護人員憂心恐釀成另一波疫情中央流行疫情指揮中心更針對11個景點發布國家級警報不少企業也跟進要求到過景點的員工居家辦公對此藝人郭世倫忍不住氣呼：「亂七八糟」。
郭世倫退出演藝圈後長期在墾丁擺攤做生意近來看到墾丁遭疑恐成防疫破口氣得在臉書大罵：「媒體不要為了自己的收視率再次殘殺恆春半島！試問這次全台這次有多少夜市多少景點比我們人更多、更具危險性！」
對於去過墾丁要自我隔離14天的說法郭世倫更是看不過去說：「去其他爆滿人潮景點夜市的就不必自我隔離嗎？！臺北人口密集度全台第一 是不是該封城？！」
郭世倫認為外出戴口罩不只是該呼籲的事也是基本常識最後再憤怒表示：「墾丁不是生下來就要給媒體惡意消費、導致人心惶惶的！恆春半島是需要台灣人來愛護的！」</t>
  </si>
  <si>
    <t>景點郭世倫媒體全台人潮隔離半島夜市疫情湧入釀成憂心口罩基本常識外出</t>
  </si>
  <si>
    <t>墾丁景點郭世倫防疫破口擺攤</t>
  </si>
  <si>
    <t>景點防疫郭世倫擺攤</t>
  </si>
  <si>
    <t>國人儘量陳時中出國</t>
  </si>
  <si>
    <t>中央流行疫情指揮中心指揮官陳時中15日表示新冠肺炎再增6個確診案例這是這麼久以來最多的單日確診案例新增6例皆有國外旅遊史鑑於境外移入快速增加他呼籲國人沒有必要的旅行最好忍一忍可以不出國就儘</t>
  </si>
  <si>
    <t>確診案例中心指揮官可以陳時中沒有國人呼籲表示增加快速肺炎境外指揮新增最好旅遊國外</t>
  </si>
  <si>
    <t>中央流行疫情指揮中心指揮官陳時中15日表示新冠肺炎再增6個確診案例這是這麼久以來最多的單日確診案例新增6例皆有國外旅遊史鑑於境外移入快速增加他呼籲國人沒有必要的旅行最好忍一忍可以不出國就儘量別出國否則恐得不償失。
陳時中指出加計15日6個確診案例（案54～案59）目前確診共59例而新增的這6例全數有國外旅遊史分別是前往泰國、日本、埃及、土耳其、西班牙、希臘他說：「從案47到案59多屬境外移入境外移入案例增加讓我們非常警惕。」
尤其單日增加6個確診案例是這麼久以來最多的單日新增確診案例上次比較多的一次是2月6日也有5例同樣是從歐洲旅遊回來的境外移入。
依據指揮中心統計15日國內新冠肺炎相關通報新增383例累計通報16911例（含16464例排除）其中確診59例而確診案例中境外移入32例本土27例。
陳時中呼籲由於近日有快速的境外移入現象沒有必要的旅行即使是安排了很久也要忍一忍因為風險實在很高可以不出國就儘量不要出國。
另外考量埃及近日疫情病例數快速增加指揮中心15日也宣佈把埃及旅遊疫情建議升至第二級「警示」提醒民眾至當地應採取加強防護措施。
指揮中心也呼籲世界衛生組織（WHO）已宣佈全球大流行提醒民眾如果必須出國應加強手部及呼吸道衛生等防護措施返國入境後務必落實14天居家檢疫或自主健康管理。
至於第二批武漢包機返台361人目前有1人出現發燒症狀已經後送就醫採檢中其餘健康情形良好持續於集中檢疫所密切健康監測中。</t>
  </si>
  <si>
    <t>確診案例出國中心境外健康指揮旅遊埃及增加呼籲疫情新增快速措施宣佈防護提醒</t>
  </si>
  <si>
    <t>陳時中肺炎快速出國日確診</t>
  </si>
  <si>
    <t>肺炎快速出國陳時中確診</t>
  </si>
  <si>
    <t>病毒武漢研究英劍橋意外突變</t>
  </si>
  <si>
    <t>肆虐全球的新冠病毒起源為何至今仍爭論不休甚至引起美陸等國之間的政治口水戰但由於疫情源於大陸武漢讓外界普遍認為該地為病毒起源。不過據劍橋大學研究團隊指出新冠病毒在全球至今已有3種病毒株而這場大</t>
  </si>
  <si>
    <t>病毒起源全球政治水戰之間疫情源於大陸引起武漢甚至爭論不休外界普遍認為指出至今劍橋大學研究團隊至今已有肆虐</t>
  </si>
  <si>
    <t>肆虐全球的新冠病毒起源為何至今仍爭論不休甚至引起美陸等國之間的政治口水戰但由於疫情源於大陸武漢讓外界普遍認為該地為病毒起源。不過據劍橋大學研究團隊指出新冠病毒在全球至今已有3種病毒株而這場大流行起源地大陸武漢在當地流行的新冠病毒實際上已為突變的B型而與最原始的病毒基因組A型主要出現在美澳而在新加坡與歐洲流行的則為B衍生的C型。
Cambridge study shows coronavirus was originited from US truth is revealing https://tco/ZCrhXGYJBH
據英國劍橋大學《新冠病毒：以遺傳網絡分析大流行起源》（COVID-19: genetic network analysis provides ‘snapshot’ of pandemic origins）一文中利用「遺傳網絡」追蹤自去年12月至今年3月全球160基因組後初步以地圖方式呈現病毒基因演變與擴散方式。
研究分析顯示與蝙蝠與穿山甲身上的冠狀病毒基因最為接近、最初傳到人類身上的病毒基因組的A型雖然有出現在武漢與在大陸主要流行的新冠病毒基因組並非相同。相反的在大陸流行的反而是由A型演變的B型並可最早追朔至去年聖誕夜而曾在武漢居住過的美國人身上發現過其他A型病毒已變異。
研究指出起源的A型主要出現在澳洲與美國等地並造成當地超過40萬起確診病例其中2/3的美國病例樣本為A型；而從B型演變而來C型主要在歐洲等地流行並在法國、西班牙、義大利、瑞典以及英國等地流行而C型未能在大陸找到樣本不過曾在新加坡、香港以及南韓出現過。
Researchers from the University of Cambridge found the virus now seen in Wuhan China and East Asia — ground-zero for the outbreak — is not the original variety#COVIDー19 #coronavirus #COVID19 pictwittercom/EUKSQyacHJ
研究人員指出在武漢主要流行的B型同樣在亞洲地區流行但此一分枝在區域內並未進一步演變推測武漢封城減緩了加速族群遺傳漂變得「奠基者效應」或者B型已適應亞洲環境導致突變速度減緩。
該文第一作者、劍橋大學遺傳學家佛斯特（Peter Forster）表示這項科技最廣為人所知是藉由DNA來追蹤史前人類的人口遷徙並表示這應該是首次用來追蹤新冠病毒傳染途徑；他強調新冠病毒有太多快速突變導致難以完整追蹤新冠病毒的演化樹研究人員也使用了數學演算才將合理的病毒演化樹予以呈現。
這項研究8日也刊登於《美國國家科學院院刊》（ＰＮＡＳ）。</t>
  </si>
  <si>
    <t>病毒流行武漢研究大陸起源the追蹤出現演變基因組遺傳突變身上isfrom美國指出ofcambridge全球</t>
  </si>
  <si>
    <t>新冠肺炎武漢肺炎 COVID-19新冠病毒武漢</t>
  </si>
  <si>
    <t>病毒肺炎covid-武漢</t>
  </si>
  <si>
    <t>《通信網路》Q1疫情衝擊眾達-KY：客戶需求不變、遞延到Q2</t>
  </si>
  <si>
    <t>衝擊需求客戶-ky疫情延到通信網</t>
  </si>
  <si>
    <t>眾達-KY(4977)1月合併營收204億元月減少1845%、年成長137%針對新冠肺炎眾達-KY認為仍需視近期陸續復工狀態但客戶需求不變預期第一季因疫情造成影響可望自第二季起產生遞延效益。眾達-KY的1月合併營</t>
  </si>
  <si>
    <t>-ky預期需求季因客戶疫情狀態造成復工影響陸續可望近期季起產生認為效益</t>
  </si>
  <si>
    <t>眾達-KY(4977)1月合併營收204億元月減少1845%、年成長137%針對新冠肺炎眾達-KY認為仍需視近期陸續復工狀態但客戶需求不變預期第一季因疫情造成影響可望自第二季起產生遞延效益。
眾達-KY的1月合併營收204億元與2019年12月相較減少1845%主要由於工作天數減少較去年同期成長137%；眾達-KY表示客戶需求不變目前新冠肺炎對公司影響仍需視近期陸續返工狀態後的實際生產情況才能更明確。
眾達-KY表示預計第一季會受新冠肺炎疫情影響程度較大惟主要零組件是自海外進口不會產生供應鏈缺口影響程度主要視員工陸續復工後實際生產情況；從客戶訂單需求量來看今年營運表現逐季成長應可期除32G光收發模組產品穩定放量出貨外還來自於100G單通道、400G光收發模組產品可望逐季成長。
眾達-KY進一步表示全球巨量資料中心大規模建置的剛性需求以及5G通訊基礎建設帶動的新一波成長動能預期第一季因武漢肺炎疫情造成影響可望自第二季起產生遞延效益公司現亦加速馬來西亞廠新廠生產線建置與人員訓練以期降低影響亦符合公司產能調配與供應鏈管理上更有彈性。
展望全年眾達-KY仍抱持樂觀審慎看法頻寬需求快速成長趨勢不變剛性需求勢必帶動超高速光收發模組的市場滲透率加速由於超高速光收發模組品對於元件與模組製造的要求更加嚴苛將形成更高的進入門檻公司長期與北美主要元件開發商共同開發合作相較同業存在技術領先優勢再加上北美客戶具寡佔市場的有利局面可望成為主要受惠者之一。</t>
  </si>
  <si>
    <t>-ky影響需求公司客戶成長可望肺炎收發北美表示元件建置供應市場產生</t>
  </si>
  <si>
    <t>眾達-KY新型冠狀病毒32G光收發模組5G100G</t>
  </si>
  <si>
    <t>病毒冠狀-ky收發</t>
  </si>
  <si>
    <t>要求緊急全國氣候政府推動宣佈綠色成為彰化市新政</t>
  </si>
  <si>
    <t>由20醫團、10餘環團NGOs牽手發起的88節台中抗暖化、反空汙、顧健康遊行今天下午登場！彰化市長林世賢上午出席遊行前記者會公開宣佈彰化市氣候緊急搶得頭標成為宣佈氣候緊急的全國第一例！林世賢強調彰化市會成</t>
  </si>
  <si>
    <t>林世賢彰化市宣佈緊急氣候發起台中ngos顧健康遊行今天下午登場全國市長上午記者會出席</t>
  </si>
  <si>
    <t>由20醫團、10餘環團NGOs牽手發起的88節台中抗暖化、反空汙、顧健康遊行今天下午登場！彰化市長林世賢上午出席遊行前記者會公開宣佈彰化市氣候緊急搶得頭標成為宣佈氣候緊急的全國第一例！林世賢強調彰化市會成為第一個宣佈氣候緊急的城市因彰化在肺腺癌罹患率是全國第一。
扮裝節能減碳樹人的林世賢指出彰化市會成為第一個宣佈氣候緊急的城市因彰化在肺腺癌罹患率是全國第一因為冬天是台中火力發電廠往南吹夏天雲林六輕往北吹所以彰化受空汙危害非常的嚴重；全球氣候上升15度那就是多樣性的生物將面臨滅絕人類面臨浩劫。
林世賢表示幾次的災難包括最近新冠肺炎等其實都是整個氣候變遷造成的結果人類要一起共同思考無論要求新的政府要有新的能源政策新的綠能政策外所有的國民要從自己的生活、勵行減碳生活這是非常重要這是要共同面對的災難一起要共同來解決的！
林世賢說政府無論能源政策、建築法規等都應該要有積極作為讓台灣能夠向國際看齊讓台灣不但是新冠肺炎防治成為國際模範希望整個台灣政府面臨氣候變遷能源政策或是建築法規等新的公共政策要向國際看齊、要成為國際的模範。
林世賢指出彰化市公所積極回應醫團、環團關注氣候／空汙危機的急迫呼籲即日起宣佈氣候緊急正視彰化市民面對的氣候／空汙危機新常態將氣候緊急議題列為施政優先考量。彰化是可再生能源豐厚的風光大城彰化市公所將努力達成2050年100％使用再生能源邁向零碳排的全球氣候安全目標。
彰化公所將立刻行動進行能源、交通、產業、建築和農業等部門的系統性轉型全面急速、深度減碳。市公所認同國際能源總署所提能源效率才是取之不盡「第一燃料」的翻轉思考將在半年內成立「提高能源效率及促進深度減碳」委員會帶動市民參與的城市節能方案。
林世賢說抗氣候變遷將可促進綠色產業GDP同步帶動綠色經濟。彰化市公所將依循健康經濟、健康復甦的後新冠疫情年代新思維儘速提出綠色低碳經濟的具體產業轉型方案及相應就業人口數。
林世賢強調為爸爸健康而走的今日88台中遊行如同為社會敲響了地球發燒、氣候緊急的警鐘。他及公所同意氣候緊急已是現在進行式人類沒有時間再浪費了身為民意所託的地方治理者應立刻行動守護地球上的瀕危物種及年輕世代的未來生存權。</t>
  </si>
  <si>
    <t>氣候能源緊急彰化市公所世賢國際台中人類成為產業氣候變遷林世賢政策經濟全國地球建築</t>
  </si>
  <si>
    <t>88節抗暖化反空汙氣候緊急</t>
  </si>
  <si>
    <t>氣候緊急</t>
  </si>
  <si>
    <t>宣佈中原大學為重彈性防疫教學</t>
  </si>
  <si>
    <t>因應疫情發展位於桃園市中壢區的中原大學稍早宣佈9月14日至26日實施線上彈性教學27日後則以採實體授課為原則且依教育部「大專校院110學年度因應嚴重特殊傳染性肺炎防疫管理指引」滾動式調整。。中原大學表示</t>
  </si>
  <si>
    <t>中原大學因應中壢桃園管理指引彈性教學防疫日後肺炎實體傳染性授課特殊原則嚴重教育部大專校院動式位於</t>
  </si>
  <si>
    <t>因應疫情發展位於桃園市中壢區的中原大學稍早宣佈9月14日至26日實施線上彈性教學27日後則以採實體授課為原則且依教育部「大專校院110學年度因應嚴重特殊傳染性肺炎防疫管理指引」滾動式調整。。
中原大學表示因應疫情發展開學後實施線上彈性教學實施期間為9月14日至9月26日9月27日以後課程教學採實體授課為原則且依教育部「大專校院110學年度因應嚴重特殊傳染性肺炎防疫管理指引」辦理並視疫情發展做滾動式調整。</t>
  </si>
  <si>
    <t>發展因應疫情中原大學教學實施指引管理實體授課動式彈性防疫原則調整肺炎大專教育部校院日後嚴重</t>
  </si>
  <si>
    <t>新冠肺炎台灣中原大學線上教學開學</t>
  </si>
  <si>
    <t>中原大學臺灣肺炎教學開學</t>
  </si>
  <si>
    <t>狗仔球館車窗包場傻眼周傑倫</t>
  </si>
  <si>
    <t>歌壇天王周傑倫年初帶著全家到老婆昆淩老家澳洲度假4月返台後遵照政策居家隔離了14天出關後也不急工作忙跟朋友相聚聯絡感情另外幫昆淩自創隱形眼鏡品牌當模特兒果真寵妻魔人無誤而有日前民眾要到圓山打</t>
  </si>
  <si>
    <t>日前無誤全家老婆民眾模特品牌年初老家返台居家隱形眼鏡政策隔離遵照關後澳洲</t>
  </si>
  <si>
    <t>歌壇天王周傑倫年初帶著全家到老婆昆淩老家澳洲度假4月返台後遵照政策居家隔離了14天出關後也不急工作忙跟朋友相聚聯絡感情另外幫昆淩自創隱形眼鏡品牌當模特兒果真寵妻魔人無誤而有日前民眾要到圓山打球發現球館無法進入發現是周董包場為了帶老婆跟朋友打保齡球。
據《鏡週刊》報導日前有民眾爆料要去圓山保齡球館打球卻進不去後來得知是被周傑倫包場果真之後拍到周董帶著老婆跟一票朋友打完球後步出一行人在門口聊了一下才散會據悉球館有1500坪之大為了防疫及隱私周董花2萬包場讓親友好好玩雖然對他來說不是大數字然10年前他也曾帶舊愛蔡依林打保齡球當時僅包了2個球道比較起來寵妻更甚。
而被拍到包場打球當天昆淩跟另2名友人先走向停車處等周傑倫及朋友則走到狗仔副駕駛座位置輕敲玻璃一開口先詢問是民眾爆料嗎？之後竟關心：「有拍到吼？」態度溫和而眾所周知過去周董非常討厭狗仔婚前某次到跟媽媽、昆淩外出用餐被拍到正面照他跟隨行友人圍成人牆阻擋拍攝還拿手機反拍甚至做出不雅手勢對比當今的作風完全是反差。</t>
  </si>
  <si>
    <t>朋友拍到包場打球周傑倫周董民眾老婆友人保齡球狗仔球館圓山日前</t>
  </si>
  <si>
    <t>周傑倫昆淩圓山球館包場狗仔</t>
  </si>
  <si>
    <t>球館圓山包場周傑倫狗仔</t>
  </si>
  <si>
    <t>中冷疫苗大拍賣美國</t>
  </si>
  <si>
    <t>台灣疫情持續延燒為避免災情擴大部分縣市表明要自行購買疫苗網路也瘋傳美國好巿多的照片賣場內的藥局可打新冠疫苗而且有三種疫苗任君挑選引發網友譁然對此中央流行疫情指揮中心指揮官陳時中表示「</t>
  </si>
  <si>
    <t>疫苗疫情指揮流行中央對此避免網友引發災情擴大中心部分藥局場內照片表明美國網路自行</t>
  </si>
  <si>
    <t>台灣疫情持續延燒為避免災情擴大部分縣市表明要自行購買疫苗網路也瘋傳美國好巿多的照片賣場內的藥局可打新冠疫苗而且有三種疫苗任君挑選引發網友譁然對此中央流行疫情指揮中心指揮官陳時中表示「有人叫我去好市多買疫苗但這又不是大拍賣掃貨掃完用一架飛機全部載回來就可以」。
國內疫情爆發民眾皆認為疫苗是救命丹日前更傳出南投縣政府想要自行採購疫苗更發出公文請求中央授權同意對此中央流行疫情指揮中心副指揮官陳宗彥則回應不管什麼疫苗進入台灣一定要提出疫苗資訊且要申請藥證包含疫苗廠資格、疫苗品質、安全性及有效性等且要經過食藥署核可才可由代理商進口避免有非法疫苗進入最後產生不良反應問題影響民眾施打意願。
陳時中也表示地方或是企業想自行購買疫苗「不要一直放話」要釐清疫苗授權狀況、冷鏈等問題強調疫苗要由中央統籌採購即便地方自行申請這個體系是由指揮中心做一統籌。話鋒一轉陳時中提到美國好市多有疫苗一事。
陳時中說有人好像叫我去好市多去買疫苗絕對沒有辦法在好市多買疫苗不是這樣子去狂掃貨當大拍賣掃貨掃完明天就用一架飛機全部載回來這裡面牽涉很多技術性的資料、查訪、查廠最重要的是授權這都要是完整的若現在才要開始這些程式我們疫苗都差不多都進來了那現在重要的是我們已經到手的疫苗怎樣讓他快速施打是最重要的任務。
★《中時新聞網》提醒您：因應新冠肺炎疫情疾管署持續加強疫情監測與邊境管制措施 如有疑似症狀請撥打：1922專線或 0800-001922 並依指示配戴口罩儘速就醫同時主動告知醫師旅遊史及接觸史以利及時診斷及通報。</t>
  </si>
  <si>
    <t>疫苗疫情自行中央授權重要避免中心指揮民眾施打進入統籌表示問題申請</t>
  </si>
  <si>
    <t>新冠肺炎台灣陳時中好市多疫苗</t>
  </si>
  <si>
    <t>陳時中臺灣肺炎疫苗</t>
  </si>
  <si>
    <t>查獲台南居家檢疫提早前夕解禁</t>
  </si>
  <si>
    <t>新冠肺炎疫情發生以來台南市政府統計目前已有數百例必須配合中央政策規範進行居家檢疫目前首度查獲2例居家檢疫個案「趴趴走」台南市政府衛生局經調查後將進行裁處。這2例居家檢疫違規個案本身均無發燒等疑似症</t>
  </si>
  <si>
    <t>檢疫居家台南市政府目前進行個案發生以來違規發燒疫情統計衛生局調查必須配合裁處中央規範政策</t>
  </si>
  <si>
    <t>新冠肺炎疫情發生以來台南市政府統計目前已有數百例必須配合中央政策規範進行居家檢疫目前首度查獲2例居家檢疫個案「趴趴走」台南市政府衛生局經調查後將進行裁處。
這2例居家檢疫違規個案本身均無發燒等疑似症狀其中1名男子曾出入港澳地區接受帶防疫手機進行居家隔離11日即宣告完成14天居家隔離安全措施他卻提早一天溜出門10日晚上為了載女友上班外出1小時因防疫手機未帶出門而被查獲。
另1例是2月3日從中國大陸入境2月18日才能解除居家檢疫個案為離婚的中國籍配偶因沒有固定居所11日在外趴趴走被通報現已被妥適安置。
針對這2例居家檢疫對象擅離住家或指定地點已違反傳染病防治法規定移由衛生局裁處依法可處1萬元以上15萬元以下罰鍰。台南市政府呼籲為避免防疫漏洞各區公所民政人員應落實相關執行程式並提醒居家檢疫民眾應遵守規定勿以身試法。</t>
  </si>
  <si>
    <t>居家檢疫防疫台南市政府進行個案衛生局裁處出門手機目前隔離發生以來症狀男子民眾落實發燒</t>
  </si>
  <si>
    <t>啟動社區商店</t>
  </si>
  <si>
    <t>嘉義縣15日新增1起確診個案案13302是東石鄉永屯村7-11便利超商店員由於案13302感染源不明嘉義縣府今16日啟動社區篩檢除針對副瀨村及永屯村當地87位匡列者進行PCR篩檢收到細胞簡訊上千位民眾如有疑似症狀</t>
  </si>
  <si>
    <t>簡訊細胞收到確診民眾個案pcr縣府感染店員不明嘉義東石鄉進行</t>
  </si>
  <si>
    <t>嘉義縣15日新增1起確診個案案13302是東石鄉永屯村7-11便利超商店員由於案13302感染源不明嘉義縣府今16日啟動社區篩檢除針對副瀨村及永屯村當地87位匡列者進行PCR篩檢收到細胞簡訊上千位民眾如有疑似症狀可到衛生福利部樸子醫院做免費快篩。
嘉義縣衛生局指出7-11員工確診共匡列家庭及職場24名接觸者不過24人PCR檢驗皆為陰性另依書面實聯制連夜電話訪視340名顧客其中1人自訴有症狀轉介篩檢也是陰性至於疾管家QR Code資料中的1218筆民眾皆以簡訊通知自我健康監測。
由於案13302感染源不明東石鄉也啟動社區篩檢主要篩檢者對象為副瀨村、永屯村匡列鄰居以及地方人士提供相關可能暴露民眾以及紙本實聯制留家用電話者聯絡後覺得需要採檢者約87人可於今天和明天17日下午2點到5點至東石鄉衛生所篩檢站採檢。
另針對疾管家及紙本手機通聯民眾已發送簡訊「如有疑似症狀請憑簡訊至部立樸子醫院於6月16日、6月17日、6月18日下午2點到4點共3天進行快篩」有收到民眾如自覺有症狀也可以到樸子醫院快篩費用由縣府負擔。</t>
  </si>
  <si>
    <t>民眾症狀簡訊東石鄉醫院確診匡列嘉義陰性管家pcr紙本永屯村</t>
  </si>
  <si>
    <t>篩檢新冠肺炎台灣東石鄉永屯村</t>
  </si>
  <si>
    <t>肺炎臺灣東石鄉永屯村</t>
  </si>
  <si>
    <t>確診停課侯友宜出現一定校園</t>
  </si>
  <si>
    <t>開學日在即全國學校忙著備戰防疫措施新北市長侯友宜今(19)上午至蘆洲仁愛國小視察校園防疫演練時表示學校的空間是有限的能夠把距離拉開就盡量拉開更重要的是保持通風所以學校的門窗盡量全部打開至於萬</t>
  </si>
  <si>
    <t>學校防疫儘量拉開備戰措施上午新北蘆洲市長侯友宜通風仁愛國小視察校園保持重要有限演練能夠空間表示門窗</t>
  </si>
  <si>
    <t>開學日在即全國學校忙著備戰防疫措施新北市長侯友宜今(19)上午至蘆洲仁愛國小視察校園防疫演練時表示學校的空間是有限的能夠把距離拉開就盡量拉開更重要的是保持通風所以學校的門窗盡量全部打開至於萬一校園內出現確診「該停課我們一定就會停」。
侯友宜指出若校園開學典禮、大型活動是在室內一律不建議舉行室外只要是空曠、通風良好的都不會去禁止「原則上不讓學校用室內的大型集會場所進行開學典禮。」
另對於疫情持續擴大有專家建議開學日再延期侯友宜說目前還是朝著2／25開學做好萬全的準備若中央及教育部認為要延後地方也都全力的配合「這由中央疫情指揮中心的專家學者們來做好一個判斷。」</t>
  </si>
  <si>
    <t>學校侯友宜校園中央疫情防疫開學典禮室內儘量通風開學日拉開認為教育部指揮中心準備專家學者地方</t>
  </si>
  <si>
    <t>新冠肺炎台灣武漢肺炎新型冠狀病毒NCP</t>
  </si>
  <si>
    <t>武漢肺炎臺灣冠狀病毒ncp</t>
  </si>
  <si>
    <t>令?陳時中鬆口可能回應未來</t>
  </si>
  <si>
    <t>清明連假已有多處景點人潮擁擠連假後疫情趨勢推估是否樂觀以及是否可能下達禁足令？中央流行疫情指揮中心指揮官陳時中表示：「任何可能性都有看疫情發展到什麼情況。」陳時中表示疫情會延續很長「若都關起來</t>
  </si>
  <si>
    <t>疫情表示是否延續人潮擁擠趨勢令?中央時中流行發展指揮中心指揮官都有可能性陳時中景點樂觀</t>
  </si>
  <si>
    <t>清明連假已有多處景點人潮擁擠連假後疫情趨勢推估是否樂觀以及是否可能下達禁足令？中央流行疫情指揮中心指揮官陳時中表示：「任何可能性都有看疫情發展到什麼情況。」
陳時中表示疫情會延續很長「若都關起來情緒也會出問題」表示防疫仍要根據社會和人性需要因此並不反對出遊但強調「距離要維持住」、「人多的地方請務必戴口罩」而已公佈的一些人潮多的地方包括墾丁及阿里山森林遊樂區、花蓮東大門夜市、嘉義文化路、台南關子嶺、虎頭埤、烏山頭水庫及湖境度假會館等埤塘風景區、高雄興達港、旗山老街、雲林北港朝天宮等也發布了細胞廣播警示訊息建議還沒去的民眾就不要再去人擠人。
連假之後確診人數將會增加台大醫師在臉書發文指出當初日本在三月連假過後確診增加速度是之前的五倍。對此陳時中回應目前指揮中心判斷國內這波旅遊高峰預估不會像日本三月櫻花季那樣如果會的話當初就會禁止。社區感染相當零星案例多是境外移入且目前都在居家檢疫因此這兩個理由所以才沒有做出大規模禁足行動。</t>
  </si>
  <si>
    <t>疫情表示人潮目前地方增加指揮中心陳時中確診當初日本三月是否嘉義夜市烏山頭水庫</t>
  </si>
  <si>
    <t>陳時中禁足令連假出遊國內旅遊指揮中心</t>
  </si>
  <si>
    <t>出遊國內旅遊指揮陳時中中心</t>
  </si>
  <si>
    <t>delta果農分析病因</t>
  </si>
  <si>
    <t>國內新冠肺炎今日新增4死其中1人為屏東印度變異株（Delta）群聚的果農太太（案14816）。中央流行疫情指揮中心醫療應變組副組長羅一鈞表示該太太的死因是新冠肺炎和肺炎併發症病程沒有和非Delta病毒不同。羅一</t>
  </si>
  <si>
    <t>太太delta肺炎今日印度中心醫療指揮新增應變變異羅一鈞疫情流行組長中央表示果農死因沒有病程</t>
  </si>
  <si>
    <t>國內新冠肺炎今日新增4死其中1人為屏東印度變異株（Delta）群聚的果農太太（案14816）。中央流行疫情指揮中心醫療應變組副組長羅一鈞表示該太太的死因是新冠肺炎和肺炎併發症病程沒有和非Delta病毒不同。
羅一鈞表示果農太太患有糖尿病、高血壓6月27日開始腹瀉由於家中有其他確診者採檢陽性後在6月27日入住醫院。
住院後果農太太後續併發肺炎、呼吸衰竭最後不幸因為肺炎嚴重在昨日過世。羅一鈞表示果農太太的死亡主要原因是新冠肺炎和肺炎的併發症病程沒有和非Delta病毒不同。
發言人莊人祥表示果農太太為國內Delta感染者死亡首例。</t>
  </si>
  <si>
    <t>太太果農肺炎表示delta羅一鈞國內死亡病毒不同確診家中腹瀉陽性開始指揮中心</t>
  </si>
  <si>
    <t>果農羅一鈞太太新冠肺炎Delta變異株</t>
  </si>
  <si>
    <t>太太肺炎delta羅一鈞果農變異</t>
  </si>
  <si>
    <t>累計確診症狀delta重症</t>
  </si>
  <si>
    <t>屏東6日新增1確診「案15184」他曾與確診白牌車司機「案14298」共同泡茶6月23日已被匡列隔離3天後轉往集中檢疫所時與「案14905」同車二採陽無症狀確診而屏東Delta群聚案至今累計17人染疫當中有2人重症救</t>
  </si>
  <si>
    <t>確診累計當中至今隔離匡列delta集中檢疫所共同泡茶司機症狀陽無</t>
  </si>
  <si>
    <t>屏東6日新增1確診「案15184」他曾與確診白牌車司機「案14298」共同泡茶6月23日已被匡列隔離3天後轉往集中檢疫所時與「案14905」同車二採陽無症狀確診而屏東Delta群聚案至今累計17人染疫當中有2人重症救治中。
屏縣府指出新增「案15184」是30歲男性為果園雇工6月20日與確診白牌車司機「案14298」、友人「案14412」、「案14413」一同泡茶6月23日一同被匡列隔離6月26日轉往集中檢疫所時又與「案14905」同車感染途徑與5日確診的「案15163」相同目前出現2個可能感染源尚待釐清中。
中央流行疫情指揮中心指出「案15184」CT值307偏高感染屬較近期。對此屏縣府進一步說明CT值高有2個可能一是感染時間已久另一是剛感染如「案14413」的CT值就是由高變低但他是在隔離採檢當下發現染疫而CT值在居家隔離期間逐漸降低。
縣長潘孟安說屏東Delta群聚案至今累計17人染疫境外2人、枋山13人、枋寮2人當中重症有2人而經基因定序確定病毒株為印度Delta變種的有13人全案共匡列667人目前PCR篩檢都為陰性全數隔離至10日但監測至11日。</t>
  </si>
  <si>
    <t>感染隔離ct確診delta匡列目前可能指出縣府新增重症當中泡茶</t>
  </si>
  <si>
    <t>新冠肺炎台灣屏東Delta染疫</t>
  </si>
  <si>
    <t>臺灣肺炎delta</t>
  </si>
  <si>
    <t>肺炎進逼訊息境外爆發</t>
  </si>
  <si>
    <t>228連假期間警方發現有關新冠肺炎相關的假訊息案件突然大爆發每天有逾10件；與過去1個月平均每天約4件相比大幅增加。警方初步調查都跟來自境外的大陸網軍有關懷疑是有計畫的向台灣進逼影響防疫。刑</t>
  </si>
  <si>
    <t>警方臺灣懷疑有關大陸境外關新冠來自都跟調查訊息初步相關增加肺炎大幅進逼相比案件突然爆發平均</t>
  </si>
  <si>
    <t>228連假期間警方發現有關新冠肺炎相關的假訊息案件突然大爆發每天有逾10件；與過去1個月平均每天約4件相比大幅增加。警方初步調查都跟來自境外的大陸網軍有關懷疑是有計畫的向台灣進逼影響防疫。
刑事局2月29日當天共接獲18件不實疫情訊息案當中包含多則虛假留言如「臺中、屏東現在根本就是人間煉獄不知道感染了多少」、「臺灣許多人染病新冠肺炎後倒臥路上政府直接用車將人載至不明地點」、「肺炎死亡者多到要埋起來」、「臺灣媒體報導武漢已發生人吃人導致病毒傳染」等誇飾疫情訊息意圖製造疫情嚴重態勢。
刑事局表示經查多數貼文均由虛設帳號所為有些甚至已關閉帳號躲避追查且從渠等用字遣詞如「屍」、「離」等簡體文字研判貼文者應係大陸人士在境外試圖影響我國防疫工作及民眾對政府的信心。
警方統計今年1月23日至2月28日員警機關偵辦新冠肺炎相關網路假訊息案共121件；其中已移送77件107人其餘案件積極偵處中。
其中昨天接獲的流行疫情假公文檢舉案臉書使用者名稱「張家駟」、「Yu-chieh Tsai」等人在臉書以國家安全局密報的假公文惡意散播「李前總統因新冠肺炎逝世」貼文等不實疫情訊息而「Yu-chieh Tsai」甚至宣稱其兄係國安局秘書。
警方初步調查「張家駟」目前已關閉帳號臉書社團紀錄及社團成員中皆不見該則貼文及帳號另以姓名「張家駟」查詢我國國民身分證相片系統無吻合對象「張家駟」頭像中男子身穿軍服且於胸口出現大陸五星旗圖樣又比對國安局密報的假公文用語發現出現「我部」、「我科」等非本國公文用語研判應係大陸人士於境外意圖影響我國防疫工作及製造恐慌。
另查臉書名稱「Yu-chieh Tsai」好友發現多為大陸或香港地區之帳號且名稱皆以英文為主又貼文多以醜化蔡英文總統為主且用字夾雜簡體字明顯為大陸網民虛設假帳號撰寫不實文章繞亂我國民心。
另件假公文檢舉案臉書使用者名稱「東方吹雪」在臉書社團散播不實衛生福利部假公文內容表示至2月16日止「臺南市各醫院第一批送驗樣本數6354例呈陽性1843例」除標示為「緊急件」以及「絕對機密」並蓋有「部長陳時中」的簽名章經查臺南市政府衛生局已證實該公文係偽造呼籲民眾勿再轉傳以免觸法。
新冠肺炎台灣大陸假訊息刑事局境外網軍陳時中國安局假公文</t>
  </si>
  <si>
    <t>大陸公文肺炎訊息臺灣不實疫情警方我國境外發現名稱防疫</t>
  </si>
  <si>
    <t>公文肺炎臉書帳號新冠肺炎</t>
  </si>
  <si>
    <t>肺炎公文</t>
  </si>
  <si>
    <t>警告政府防疫天王政壇</t>
  </si>
  <si>
    <t>本土疫情持續升溫臺北市市長柯文哲與新北市市長侯友宜多次砲打中央聲勢也水漲船高。港媒評論指出柯痛批中央疫苗分配為「政治內線交易」、侯要求總統蔡英文「約束底下的人」這兩句話都對蔡政府形成強大壓力；</t>
  </si>
  <si>
    <t>市長臺北市都對底下侯友宜約束蔡英文打中總統要求聲勢政府內線交易升溫水漲船高政治分配疫苗評論中央指出</t>
  </si>
  <si>
    <t>本土疫情持續升溫臺北市市長柯文哲與新北市市長侯友宜多次砲打中央聲勢也水漲船高。港媒評論指出柯痛批中央疫苗分配為「政治內線交易」、侯要求總統蔡英文「約束底下的人」這兩句話都對蔡政府形成強大壓力；綠營往後對抗柯、侯二人的聲浪與手段將愈來愈猛烈甚至恐激起尖銳對立。
柯文哲13日表示日本捐贈台灣的100多萬劑疫苗高雄市已提前造冊與施打可見中央已提前告知消息這種縣市疫苗分配資訊不對等的狀況等同「政治內線交易」。侯友宜同日也證實的確曾勸蔡英文「約束底下的人」因自己最討厭政治口水此時國難當頭應齊心抗疫。
香港媒體《中評社》今日（15）評論指出臺北市某診所偷打疫苗事件讓柯文哲成綠營群起圍剿對象不料蔡政府端午節連假為管制民眾返鄉竟祭出「高速公路閘道管制」政策導致民怨沸騰民眾也再度將矛頭指向蔡政府。對此柯文哲與侯友宜也同聲向蔡政府抱怨並喊話對綠營形成不小壓力。
評論進一步分析蔡政府日前釋出TIFA會談重啟消息稱美國貿易代表戴琪10日將與行政院政務委員兼經貿談判代表鄧振中舉行視訊會議然此消息卻未如預期引發討論民眾仍聚焦疫苗與疫情相關新聞台美關係無法扭轉人民的不滿讓民進黨政治盤算落空。面對柯文哲、侯友宜在這波疫情下不斷看漲的聲勢民進黨對這兩人的攻擊與對立只會愈來愈高甚至手段也會愈來愈猛烈。</t>
  </si>
  <si>
    <t>疫苗柯文哲政府政治侯友宜消息民眾評論疫情臺北市聲勢民進中央分配內線交易愈來愈指出管制</t>
  </si>
  <si>
    <t>蔡英文侯友宜柯文哲疫苗新冠肺炎</t>
  </si>
  <si>
    <t>疫苗柯文哲侯友宜肺炎蔡英文</t>
  </si>
  <si>
    <t>業績減半歹命政府補助計程車高雄油料</t>
  </si>
  <si>
    <t>「威士特丹號」爆發新冠肺炎個案高雄計程車司機人心惶惶有運將乾脆休息放大假也有人為討生活歹命大嘆得面對「恐懼」。高市計程車公會理事長甘光華表示原本受疫情影響已接不太到客人了如今心情更是七上</t>
  </si>
  <si>
    <t>計程車如今客人肺炎個案高雄影響疫情心情司機人心惶惶原本乾脆休息放大表示生活歹命</t>
  </si>
  <si>
    <t>「威士特丹號」爆發新冠肺炎個案高雄計程車司機人心惶惶有運將乾脆休息放大假也有人為討生活歹命大嘆得面對「恐懼」。高市計程車公會理事長甘光華表示原本受疫情影響已接不太到客人了如今心情更是七上八下整體業績差了4、5成。
甘光華透露上周交通局就已追蹤曾接觸這批郵輪乘客的計程車司機大家心裡當然會擔心難免「皮皮挫」雖然生意差但大多還是會出來跑。目前高雄港區也因郵輪事件沒有排班司機進駐。
甘光華提到這一陣子營運差了4、5成客人都不出門也不去百貨公司、觀光景點；而乘客上車前司機會先主動詢問有無中港澳旅遊史或發燒等狀況但無從進一步查證也不能挑客人。
陳姓女司機表示自己在夢時代門口排班10幾年這是最慘的一次生意少了約7成以前有日本、韓國、香港等遊客最近都沒有什麼散客；她提到過去馬英九執政時有油料津貼補助最高1個月到4500元建議政府多少能在油價上補助。
蔡姓司機反倒樂觀說這波疫情是全世界的危機一切順其自然他有耳聞其他同業乾脆不出來「跑」但他為了養家還是得出門。他建議政府發放消費券刺激觀光旅遊內需市場才有民眾願意出門消費如此有助於整體經濟循環。
高市交通局監理科長李啟清指出高雄計程車共有15家衛星車隊跟電台領照9100台每天發售7260片口罩給司機外同時請司機配合做環境清潔消毒作業因應。</t>
  </si>
  <si>
    <t>司機計程車甘光華出門客人高雄整體疫情消費表示沒有郵輪提到乘客補助乾脆建議生意政府</t>
  </si>
  <si>
    <t>新冠肺炎台灣新冠肺炎NCP計程車高雄</t>
  </si>
  <si>
    <t>ncp肺炎計程車高雄臺灣</t>
  </si>
  <si>
    <t>蘭今陰性中斷紀錄嘉玲</t>
  </si>
  <si>
    <t>宜蘭縣連續8天零確診但今天（4日）新增2例確診累積確診數達98例確診者分別是外籍看護工（案15109）與一名20多歲的男子（案15110）CT值分別是35、33；另外頭城鎮大溪漁港在假日湧進人潮縣府農業處表示</t>
  </si>
  <si>
    <t>宜蘭 縣 連續 8 天 零 確診 但 今天 4 日 新增 2 例 確診 累積 確診 數 達 98 例 確診 者 分別 是 外籍 看護 工 案 15109 與 一 名 20 多 歲 的 男子 案 15110 ct 值 分別 是 3533 另外 頭城鎮 大 溪 漁港 在 假日 湧 進 人潮 縣府 農業 處 表示</t>
  </si>
  <si>
    <t>分別確診人潮假日漁港今天縣府頭城鎮外籍連續男子看護農業ct新增累積</t>
  </si>
  <si>
    <t>宜蘭縣連續8天零確診但今天（4日）新增2例確診累積確診數達98例確診者分別是外籍看護工（案15109）與一名20多歲的男子（案15110）CT值分別是35、33；另外頭城鎮大溪漁港在假日湧進人潮縣府農業處表示今天已做總量管制、單一出入口要求保持社交距離等措施。
案15109是1名40多歲的外籍看護工5月12日入境時持有3日內陰性檢驗報告證明5月26日檢疫結束時檢測是陰性；之後自主健康管理6月7日再度接受檢驗仍是陰性7月1日因為勞動部的要求再次篩檢結果CT值35而確診衛生局已展開追查匡列6個居家隔離個案其中5位是陰性1人仍在等待結果。
案15110是1名20多歲的男性是案12924的弟弟兄弟兩人曾於3月至美國從事餐飲業哥哥4月染疫確診當時弟弟也有類似症狀但採檢是陰性。兄弟倆5月17日持有3日內陰性檢驗報告回國在臺北防疫旅館檢疫後再回到宜蘭家裡居家隔離。案12924再去醫院採檢確診案15110就被匡列為居家隔離對象進一步接受14天的居家隔離及7天的自主健康管理。案15110居家隔離時採檢是陰性14天之後居家隔離期滿採檢也是陰性。
宜蘭縣衛生局要求居家隔離的個案於自主健康管理期滿時須再做一次採檢案15110再次採檢結果是陽性而確診CT值33。
衛生局長徐迺維表示新增2案都經過好幾次篩檢陰性、CT值偏高感染源還要積極追蹤案15109所匡列的6個人有5人陰性其中還包含該案所照顧的長者；案15110居家隔離前、後採檢陰性可能是有些病毒比較遲緩才讓前幾次採檢為陰性。
另外有外縣市的確診者曾在6月20日中午開車到頭城的大溪漁港購物買完魚後滯留約一小時回到新北市縣府將該行程列為足跡縣府6月28日為大溪漁港的員工篩檢結果全是陰性。衛生局表示若當地民眾近來感到不舒服仍可到社區篩檢站篩檢。
縣府雖然在今天公佈大溪漁港6月20日有確診者的足跡但7月3日大溪漁港的民眾仍多縣議員林麗在臉書上說「每天仍有外縣市民眾湧進漁港採買魚貨攤商們個個心生恐懼直說沒政府擔心出現防疫破口。」
農業處長康立和表示大溪漁港已經立即做100人的總量管制原先3個出入口現為單一出入口昨天啟動後秩序良好大家也都有保持社交距離。
莫德納疫苗施打狀況部分宜蘭縣目前分配18200劑已經施打4981人次完成27％衛生局表示目前為止沒有收到不良反應報告。</t>
  </si>
  <si>
    <t>陰性確診漁港表示居家隔離衛生局縣府民眾ct要求今天結果宜蘭</t>
  </si>
  <si>
    <t>陰性151居家隔離10大溪漁港</t>
  </si>
  <si>
    <t>隔離居家漁港陰性</t>
  </si>
  <si>
    <t>美國海曼經濟學家知名肺炎華爾街衰退</t>
  </si>
  <si>
    <t>華爾街知名經濟學家暨投行Evercore ISI董事長海曼（Ed Hyman）示警新冠肺炎可能導致美國陷入經濟衰退並將美國第二和第三季經濟成長預測大砍至零成長。海曼1日在標題為「肺炎衰退」的報告中指出「美國新冠肺炎</t>
  </si>
  <si>
    <t>海曼美國肺炎成長evercoreisi董事長ed經濟hyman導致題為可能衰退報告經濟學家經濟衰退</t>
  </si>
  <si>
    <t>華爾街知名經濟學家暨投行Evercore ISI董事長海曼（Ed Hyman）示警新冠肺炎可能導致美國陷入經濟衰退並將美國第二和第三季經濟成長預測大砍至零成長。
海曼1日在標題為「肺炎衰退」的報告中指出「美國新冠肺炎確診案例持續增加美國的疫情似乎才剛開始。範圍、嚴重性和持續期間皆不確定肺炎會如何影響美國目前仍不得而知。」
經濟連續兩季下滑即符合技術性衰退定義。美國2019年第四季國內生產毛額（GDP）成長21％2019年全年擴張23％。
逾30年來海曼在《機構投資人雜誌》（Institutional Investor）的年度調查被評選為最佳經濟學家。海曼對美國經濟前景的看法是華爾街最悲觀的預測之一許多專家認為美國經濟只是暫時放緩。
新冠肺炎疫情持續延燒嚴重打擊全球經濟成長前景促使投資人湧向避險資產讓美股3大指數上周經歷全球金融危機以來最大周線跌幅。
海曼指出：「上周國際金融市場傳出相當負面的訊號包括標普500指數、美國公債殖利率、油價和信貸利差等。由於情況仍不明朗我們或許過度反應但也不希望反應不足。」
截至3月1日美國新冠肺炎確診病例已經超過70起。新冠肺炎快速在韓國、義大利、日本、英國和中東等大陸以外地區爆發。
新冠肺炎疫情重創大陸經濟大陸2月製造業採購經理人指數（PMI）由1月的50崩跌至357降至史上新低水準。海曼先前預估新冠肺炎恐讓大陸第一季經濟零成長。
海曼預測若是新冠肺炎疫情緩和美國2020年第四季經濟可望反彈至成長2％2021年加速至擴張3％。高盛亦下修美國經濟成長預測預估首季成長12％。</t>
  </si>
  <si>
    <t>美國肺炎海曼經濟成長指數大陸疫情持續預測投資人上周預估衰退經濟學家指出全球四季</t>
  </si>
  <si>
    <t>海曼美國新冠肺炎華爾街經濟學家</t>
  </si>
  <si>
    <t>肺炎美國華爾街海曼經濟學家</t>
  </si>
  <si>
    <t>報捷族群</t>
  </si>
  <si>
    <t>台股高檔盤整之際中裕（4147）獲新冠肺炎最新單株抗體授權激勵股價26日攻上漲停生技指標股「天國一輝」中天（4128）、杏國（4192）、合一（4743）、杏輝（1734）等也全面紅通通漲幅逾7％整體族群表現相對</t>
  </si>
  <si>
    <t>漲幅全面肺炎最新單株抗體授權天國激勵股價指標整體上漲中天之際</t>
  </si>
  <si>
    <t>台股高檔盤整之際中裕（4147）獲新冠肺炎最新單株抗體授權激勵股價26日攻上漲停生技指標股「天國一輝」中天（4128）、杏國（4192）、合一（4743）、杏輝（1734）等也全面紅通通漲幅逾7％整體族群表現相對強勢。
包括杏輝、醣聯、逸達、杏國、中裕、大樹、浩鼎、合一、合世、中天、大學光、基亞等大漲5％以上其中包括杏輝、醣聯、逸達、杏國、中裕、大樹、浩鼎強勢漲停。
「生技投資聖經」作者羅敏菁表示取得新冠肺炎最新單株抗體授權來作抗體藥物對中裕來說是好消息也是何大一博士再次與中裕合作為人類盡力。「抗體藥物」做為新冠病患確診後的治療之用雖價格較高但臨床成功後將是病患的一大福音；而疫苗乃預防使用本次美國FDA放行標準是達到50％中和抗體即可上市。針對流行病在藥物與疫苗的優先順序上疫苗急迫性高於藥物不過抗體藥物使用於已感染的病患身上同樣具有開發的必要。
元富投顧總經理鄭文賢表示此事件對中裕評價帶來正面挹注然在實質財務面上效益尚不明確但目前為中裕營運轉機點美受疫情影響醫生、患者換藥意願低下半年疫情減緩後需求將加速回升；另在取證進度上則持續推進將在2021年帶來貢獻預期中裕下半年至2021年進入業績加速期搭配下一代HIV藥物的開發與新冠肺炎病毒抗體推進評價將有提升空間。
而針對利多消息是否能激勵台灣生技翻轉羅敏菁則坦言近期資金有撤退跡象利多消息是否能吸引主力進駐仍有待觀察。</t>
  </si>
  <si>
    <t>抗體藥物疫苗下半年疫情開發加速激勵表示評價強勢使用帶來</t>
  </si>
  <si>
    <t>杏輝抗體疫苗肺炎生技</t>
  </si>
  <si>
    <t>疫苗抗體肺炎</t>
  </si>
  <si>
    <t xml:space="preserve">   </t>
    <phoneticPr fontId="1" type="noConversion"/>
  </si>
  <si>
    <t>口罩+C318:C323外出須戴環境塵土飛揚只能現實生活辦公戶外工作吃飯居家檢舉勞工網友改為不能表示做工養家糊口上工大熱天民眾規定</t>
    <phoneticPr fontId="1" type="noConversion"/>
  </si>
  <si>
    <t xml:space="preserve">      </t>
    <phoneticPr fontId="1" type="noConversion"/>
  </si>
  <si>
    <t>大陸 全國 抗擊 新冠 疫情 表彰大會 8 日 上午 舉行 中共中央政治局 常委 全國人大 委員長 栗 戰書 宣讀 中共 總書記 國家 主席 習近平 簽署 的 主席令 授予 鍾 南山 共和國 勳章 授予 張伯禮 張定宇 陳薇 人民 英雄 國家 榮譽稱號 由 習近</t>
  </si>
  <si>
    <t>新冠 疫情 壓不住 美國 加州 洛杉磯 郡 醫療 體系 瀕臨 崩 盤 當地政府 已經 下令 救護車 不要 護送 生存 機會 渺茫 的 患者 就醫 美國有線電視新聞網 cnn 報導 洛杉磯 郡 los angeles county 面臨 新冠 人間 災難 洛杉磯 郡 衛生局</t>
  </si>
  <si>
    <t>新冠 疫情 壓不住 美國 加州 洛杉磯 郡 醫療 體系 瀕臨 崩 盤 當地政府 已經 下令 救護車 不要 護送 生存 機會 渺茫 的 患者 就醫 美國有線電視新聞網 cnn 報導 洛杉磯 郡 los angeles county 面臨 新冠 人間 災難 洛杉磯 郡 衛生局長 費瑞 barbara ferrer 4 日 表示 超過 7600 人 住院 當中 21 的 患者 住 進 加 護 病房 而且 每 15 分鐘 就 有 1 人 死亡 當地 官員 索裡士 hilda solis 表示 多 家 醫院 宣佈 內部 災難 必須 將 教堂 健身房 轉為 野戰醫院 進行 治療 醫護人員 身心俱疲 她 說 洛杉磯 郡 宛如 人間 災難 不僅如此 洛杉磯 郡 緊急 醫療 局 the los angeles county emergency medical services 上周 也 下令 要求 救護車 不 要 將 生存 機會 渺茫 者 送醫 治療 命令 指出 由於 新冠 疫情 對 緊急 醫療 服務 及 醫院 造成 的 嚴重 影響 如果 在 現場 急救 時 患者 就 沒有 成功 恢復 自發性 血液迴圈 將 不 運送 遭受 鈍性 創傷 非 創傷性 到 院前 心跳 停止 ohca 的 18 歲 以上 成年 患者 命令 指出 如果 患者 失去 心跳 或 脈搏 急救 人員 將 會 至少 急救 20 分鐘 待 狀況 穩定 後 送醫 但是 患者 如果 被 宣 告 當場 死亡 或者 急救 後心 肺 功能 仍未 恢復 救護 人員 將 不 會 將 他 送醫 除此之外 當地 氧氣 也 嚴重不足 洛杉磯 郡 緊急 醫療 局 也 下令 節省 輸氧 只 針對 血 氧 濃度 低於 90 的 患者 輸氧 命令 指出 血 氧 濃度 達 90 已 足夠 支撐 患者 的 血液 正常 流動 洛杉磯 郡 醫療系統 緊 繃 患者 就算 幸運 獲准 上 救護車 到 院前 還 得 經歷 幾 波 考驗 有些 患者 在 現場 等待 很 久 才 有 救護車 來 接送 到 院 時 還 得 為 一 張 病床 等待 好幾 個 小時 洛杉磯 消防 局 醫療 主管 艾克斯 坦 marc eckstein 表示 除非 真的 非常 需要 呼籲 民眾 不要 撥 打 911 叫 救護車</t>
  </si>
  <si>
    <t>近日 世界衛生組織 大 流行 防範 和 應對 獨立 小組 發佈 報告 對 全球 新冠 疫情 應 對 工作 進行 評估 作為 該 獨立 小組 的 專家 成員 之一 鍾 南山 表示 全世界 都 要 留意 這個 病毒 走向 很 嚴重 的 變異 會 影響 疫苗 效力 關鍵 下 一 步 要 通過</t>
  </si>
  <si>
    <t>近日 世界衛生組織 大 流行 防範 和 應對 獨立 小組 發佈 報告 對 全球 新冠 疫情 應 對 工作 進行 評估 作為 該 獨立 小組 的 專家 成員 之一 鍾 南山 表示 全世界 都 要 留意 這個 病毒 走向 很 嚴重 的 變異 會 影響 疫苗 效力 關鍵 下 一 步 要 通過 廣泛 接種 建立 群體 免疫 現在 採用 過去 的 預防 辦法 遠遠 不夠 2020 年 7 月 世界衛生組織 宣佈 成立 一個 獨立 小組 對 該 組織 領導 下 的 全球 新冠 疫情 應 對 工作 進行 評估 專家組 在 5 月 12 日 發 佈 了 82 頁 的 主 報告 該 報告 重點 提出 要 預防 新冠 疫情 從 局部 暴發 發展 為 全球 流行 以及 預防 從 全球 流行 發展 到 全球 健康 及 社會 經濟危機 鍾 南山 接受 央 視 採訪 時 表示 這個 報告 總體 客觀 公正 是 根據 科學 事實 來 得出 的 結論 對於 大陸 下 一 步 對 防疫 的 重點 鍾 南山 認為 全球 疫情 反反 覆 覆 還 遠遠 沒 結束 未來 抗 疫 的 關鍵 是 要 留意 病毒 的 變異問題 以及 儘快 接種 疫苗 建立 群體 免疫 為 應對 未來 疫情 大 流行 鍾 南山 表示 病毒 是 人類 的 敵人 各國 之間 應 建立 一個 更 高層 級 的 合作 機構 來 共同努力 應對</t>
  </si>
  <si>
    <t>86 新冠 隱形 推手 散播 全球 恐 100萬 人 感染</t>
  </si>
  <si>
    <t>隨 著 全球 大 多數 國家 疫情 舒緩 義隆 2458 下半年 新機 效應 可期 客戶 拉 貨 力 道 可望 一路 看到 年底 義隆 繼 昨天 漲 停 作 收 後 今 股價 再度 走 高 大 漲逾 4 最高 達 115 元 創下 2000 年 11 月 以來 新高 價 今年 上半年 nb 市場 因為 新冠</t>
  </si>
  <si>
    <t>神秘 新冠 浮 屍 漂 上岸 小國 嚇 死 全島 大 動員 學校 停課</t>
  </si>
  <si>
    <t>太平洋 島國 萬 那杜 vanuatu 日前 在 岸邊 發現 一 具 男性 浮 屍 最終 驗 出 屍體 帶有 新冠 病毒 當局 緊急 封鎖 中部 主要 島嶼 埃法特 島 efate 禁止 民眾 出 島 此外 全島 防疫 也 大 升級 部 份 學校 為 此 停課 各 地區 也 緊急 增設 洗手 裝</t>
  </si>
  <si>
    <t>萬那杜 新冠 病毒 浮 屍 封島 漂 上岸</t>
  </si>
  <si>
    <t>勇士隊 威金斯 andrew wiggins 鬧 出 拒打 新冠 疫苗 的 風波 之後 巫師 隊 也 出現 另 一 位 硬骨頭 畢爾 bradley beal 畢爾 在 本 周 的 球隊 媒體 日 公開 表示 他 拒絕 接種 新冠 疫苗 還 把 疫苗 嘲笑 了 一番 畢爾 說 你們 不 可以 強迫 任何</t>
  </si>
  <si>
    <t>香港政府 21 日 宣佈 放寬 檢疫 期 入境 香港 人士 只要 符合 3 條件 包括 已 完成 接種 新冠 疫苗 並 超過 14 日 機場 病毒檢測 無 確診 驗 出 帶有 抗體 抵 港 後 的 檢疫 期 可 縮短 至 7 日 據 東網 報導 香港 放寬 檢疫 期 的 安排 將 分 兩 階段 實行 第</t>
  </si>
  <si>
    <t>香港政府 21 日 宣佈 放寬 檢疫 期 入境 香港 人士 只要 符合 3 條件 包括 已 完成 接種 新冠 疫苗 並 超過 14 日 機場 病毒檢測 無 確診 驗 出 帶有 抗體 抵 港 後 的 檢疫 期 可 縮短 至 7 日 據 東網 報導 香港 放寬 檢疫 期 的 安排 將 分 兩 階段 實行 第一 階段 適用於 香港 居民 預計 下 週三 6 30 實施 相關 人員 已 完成 接種 疫苗 出境 前 自行 在 坊 間 驗血 清 證明 有 抗體 只 要 3 個 月 內 返 港 便 可 只 檢疫 7 天 港 府 表示 會 儘快 公佈 有關 的 認可 坊 間 檢測 抗體 機構 名單 抵 港 人士 檢疫 期間 須 接受 2 次 檢測 其 後 7 天 自主 監測 並須 於 抵 港 第 12 天 第 16 天和 第 19 天 接受 強制 檢測 第二 階段 適用於 非 港人 預計 於 7 月 內 實施 當 非 港人 入境 後 若 符合 已 接種 疫苗 並過 14 日 病毒檢測 無 確診 及 在 機場 抽血 驗 出有 抗體 的 要求 可 將 檢疫 期 縮短 至 7 日 港 府 表示 正 測試 機場 抽血 驗 抗體 的 安排 估計 實施 後 或 需 時 1 日 才 有 檢測 結果 屆時 抵 港 者 要 先 到 檢疫 酒店 等候 翌日 有 結果 並 得知 有 抗體 後 其 檢疫 期 可 縮 至 7 日 港 府 指稱 會 與 酒店業 界 商討 為 這些 有 抗體 的 檢疫 人士 縮短 訂 房 日子</t>
  </si>
  <si>
    <t>預防 新冠 病毒 勿 摸臉 美 醫學 專家 傳授 4 項 技巧</t>
  </si>
  <si>
    <t>在 經過 大 批 量 的 防疫 宣傳 後 大家 都 知道 經常 觸摸 自己 的 臉 對 預防 染 不是 好事 但是 大多數 人 甚至 不 知道 自己 有 這個 壞 習慣 為了 防止 病毒 侵襲 美國 幾 位 醫學 專家 傳授 幾 個 小 技巧 讓 你 可以 大幅 降低 因 觸 碰 臉部 而 感染 病毒 的 風險 據 紐約時報 報導 我們 每天 從早 到 晚會 接觸 很多 物體 表面 比如 門把 電梯 按鈕 地 鐵欄杆 等 包括 新冠 病毒 在內 的 多種 病毒 可以 在 這些 地方 存活 數 天 它們 可以 從 那些 被 觸摸 過 的 表面 通過 指尖 進入 我們 的 鼻子 嘴巴 或 眼睛 成為 病毒感染 的 入口 紐約大學 朗格尼 健康 中心 nyu langone health 醫學 系 助理 教授 拉貝 vanessa raabe 說 要 改變 這個 習慣 非常 困難 因為 平常 我們 都 不 自覺 地 這麼 做 以下 是 可以 幫助 你 停止 摸臉 的 四 個 技巧 一 隨手 準備 一 盒 紙巾 當 你 想 抓癢 擦 鼻子 或者 調整 眼鏡 的 時候 用 紙巾 而 不是 直接 使用 手指 健康 專家 表示 如果 你 覺得 你 必須 要 打噴嚏 但是 手邊 沒有 紙巾 那麼 要 把 噴嚏 對準 你 的 肘部 而 不是 你 的 手 對 著 手 打噴嚏 會 增加 細菌 傳播 給 別人 的 可能性 二 認清 為什麼 你會 想 摸臉 拉貝 博士 提出 這項 建議 你 必須 意識 到 這 是 一 種 難以 控制 的 行為 要 在 一 開始 就 警覺並 暫停 動作 接下來 想 清楚 你是 在 何時 以及 為何 要 摸臉 針對 根源 提出 解決 方案 如果 是 眼睛 乾澀 時會 揉 眼睛 那麼 請 使用 眼 藥水 如果 你 正在 用 手 托 住 下巴 或 調整 頭髮 就要 警覺並 改變 它 斯坦福 健康 中心 stanford health 皮膚病 學 臨床 副教授 賈斯汀 柯 justin ko 博士 表示 他 會 建議 戴 隱形眼鏡 的 病人 考慮 戴有框 眼鏡 比 直接 告訴 他們 別 揉 眼睛 有用 此外 口罩 在 防止 病毒傳播 雖不 是 非常 有效 但 可以 成為 防止 下意識 觸 碰 鼻子 或 嘴巴 的 屏障 把 便利 貼 粘 在 家中 或 桌面上 也能 發揮 提醒 的 作用 三 讓 你 的 手 有事 做 醫生 說 讓 你 的 手 被 壓力 球 或 其他 物體 佔用 這 可以 減少 觸摸 臉部 的 次數 當然 不要 忘記 定期 消毒 和 清潔 那些 物體 如果 你 沒有 壓力 球 可 玩 沒有 郵件 要 分類 沒有 衣服 要 疊 你 可以 把 雙 手 固定 在 腿 上 或者 找 到 另 一 種 讓 手 有事 做 的 方式 芝加哥 西北 醫學院 的 臨床 心理學 家 西柯 拉 zach sikora 說 使用 香皂 或 護手 霜 也 有 幫助 當 你 把手 靠近 臉部 時 它 的 香氣 可以 讓 你 警覺 戒除 這 習慣 並 不容易 川普 總統 也 掙扎 了 很 久 我 幾 周 都 沒有碰過 臉 幾 周 了 他 在 一個 航空 公司 ceo 會議 上 說 我 想念 那種 感覺 四 放 輕鬆 我 一般 建議 人們 應該 嘗試 減輕 各 方面 的 壓力 而 不是 過分 地 擔心 自己 摸 了 哪兒 西北大學 northwestern university 精神病學 與 行為科學 教授 尚克曼 stew shankman 說 壓力 會 影響 你 的 免疫系統 壓力 越 大 身體 抵抗 感染 的 能力 就越 弱 只要 你 的 手 是 乾淨 的 觸摸 臉部 就 不 會 造成 災難性 的 後果 這 是 我們 所有人 的 自然 行為 尚 克 曼 博士 說 這 並 不是 世界末日</t>
  </si>
  <si>
    <t>nba 第 3 人 陽性 活塞 中鋒 伍德 染 新冠</t>
  </si>
  <si>
    <t>長 庚 發現 抗體 抑制 新冠 病毒 力達 98</t>
  </si>
  <si>
    <t>長 庚 發現 抗體 抑制 新冠 病毒 力達 98 抗 疫 新 利器 長 庚 黃冠 穎 醫師 團隊 從 確診 病 患 中 找到 單株 抗體 經 實驗 發現 能 有效 阻斷 病毒 且 武漢 株 美國 株 歐洲株 和 埃及 株 都 有 效果 抑制 病毒 能力 達 90 至 98 且 來源 是 人體 副 作</t>
  </si>
  <si>
    <t>鑒於 美國 新冠 病毒 確診 數 再度 激增 為 免 加速 疫情 擴散 疾病 管制 預防 中心 cdc 19 日 勸告 美國 民眾 下 周 感恩節 假期 勿 外出 旅行 cdc 官員 沃克 henry walke 週四 在 電話 中 告訴 記者 這 是 強烈建議 而非 硬性規定 系 基於 新</t>
  </si>
  <si>
    <t>cdc 感恩節 假期 疫情 擴散 新冠 病毒</t>
  </si>
  <si>
    <t>對抗 新冠 泰國 26 日 進入 緊急狀態 恐 實施 宵禁</t>
  </si>
  <si>
    <t>中美合作 大型 研究 新冠 病毒 平均 潛伏 475 天 致死 率 306</t>
  </si>
  <si>
    <t>陸官宣 3 新冠 疫苗 進入 臨床 試驗</t>
  </si>
  <si>
    <t>美國 沒 救 了 大學生 開 新冠 趴 最先 確診 者 可 領獎 金</t>
  </si>
  <si>
    <t>根據 紐西蘭 先驅 報 報導 紐西蘭 地方 衛生 官員 說 一 艘 載有 3800 人 的 紅寶石 公主 號 ruby princess 已 有 4 人 確診 包含 3 名 澳 籍 乘客 與 1 名 船員 他們 皆 曾 與 船上 其他 紐 籍 乘客 接觸 過 並 警告 船上 乘客 若 出現 任何 新冠 肺</t>
  </si>
  <si>
    <t>大陸 新冠 疫苗 接種 逾 22億 劑 次</t>
  </si>
  <si>
    <t>據 中國 國家 衛健 委 今 2 日 發 佈 截至 2021 年 10 月 1 日 31 個 省 自治區 直轄市 和 新疆生產建設兵團 累計 報告 接種 新冠 病毒 疫苗 22億12206萬 劑 次</t>
  </si>
  <si>
    <t>就算 美國 新冠 疫情 日趨嚴重 nba 總裁 席爾佛 卻 還 要 放 空話 嗎 席爾佛 22 日 受訪 時 表示 聯盟 正在 探索 所有 能 在 保障 安全 前提 之下 重新 開 打的 方法 沒什麼 是 不可能 的 但 我們 現在 工作 重點 是 支持 參與 和 教育 民眾 如何 面</t>
  </si>
  <si>
    <t>200 台幣 類固醇 就 能 治 新冠 研究 重症 死亡率 降 20</t>
  </si>
  <si>
    <t>川普 不 鐵 齒 將 很快 接受 新冠 病毒檢測</t>
  </si>
  <si>
    <t>新冠 病毒 川普 美國 檢測</t>
  </si>
  <si>
    <t>美 研究 染 新冠 11 月 還 有 抗體 患者 可望 終身免疫</t>
  </si>
  <si>
    <t>強效 抑 胃酸 藥品 可能 增加 新冠 病毒感染 風險</t>
  </si>
  <si>
    <t>感染 風險 胃 藥 強效 新冠 病毒 胃酸</t>
  </si>
  <si>
    <t>正值 美 陸 因 新冠 病毒 關係 陷入 緊 繃 之際 參眾兩院 的 外交事務 委員會 主席 致信 給 超過 50 個 國家 呼籲 這些 國家 支持 臺灣 參與 世界衛生組織 指出 需要 讓 更 可能 的 廣泛 參與 以 讓 全世界 會員國 共同 對 抗大 流行 路透社 報導 指出 在</t>
  </si>
  <si>
    <t>韓國新冠 疫情 嚴峻 首 爾自 12 日 起 實施 最高 第 4 級 防疫 措施 當中 健身房 有 2 項 限制 引人 側 目 包括 有氧 等 團體 課程 禁止 播放 每 分鐘 超過 120 拍 的 音樂 跑步 機 也 須 限速 在 時速 6 公里 以下 引發 韓國 民眾 炮轟 荒謬 專家 也 覺得 非</t>
  </si>
  <si>
    <t>韓國新冠 疫情 嚴峻 首 爾自 12 日 起 實施 最高 第 4 級 防疫 措施 當中 健身房 有 2 項 限制 引人 側 目 包括 有氧 等 團體 課程 禁止 播放 每 分鐘 超過 120 拍 的 音樂 跑步 機 也 須 限速 在 時速 6 公里 以下 引發 韓國 民眾 炮轟 荒謬 專家 也 覺得 非常 好笑 受 delta 變種 病毒 影響 韓國第 4 波 疫情 來勢洶洶 韓聯社 報導 韓國今 14 日 新增 1615 例 確診 病例 創下 疫情 以來 單日 確診 數 最高 紀錄 並且 已經 連續 8 天 單日 確診 破 千 人 上周 新增 病例 中 高達 7 成和 delta 病毒 有關 韓國 衛生 當局 警告 至 8 月中 單日 確診 數 可能 飆 破 2000 人 直到 8 月底 才有 可能 控制 住 疫情 目前 韓國 已經 累計 有 逾 17萬 人 確診 首都 圈 仍 是 韓國 這 波 疫情 的 中心 今天 新增 病例 中 首都 圈 占 比達 75 為了 壓制 疫情 韓國政府 12 日 宣佈 首 爾自 當日 起至 25 日 實施 最高 第 4 級 防疫 措施 包括 晚上 6 時 以後 禁止 3 人 以上 聚會 晚上 家庭聚會 也 只限 2 人 婚禮 葬禮 僅 限 親屬 出席 等 另外 健身房 也 有 新 措施 除了 如同 臺灣 不 開放 淋浴間 外 還 另外 規定 跑步 機 限速 每 小時 6 公里 飛輪 有氧 舞蹈 等 團體 課程 播放 的 音樂 節奏 每 分鐘 不能 超過 120 拍 bpm 韓國 官員 認為 這些 措施 能夠 避免 民眾 呼吸 太 過 用力 或是 讓 汗水 噴濺 到 其他人 身上 以 降低 感染 風險 後面 這 2 項 新 規 引發 側 目 以 音樂 來看 江南 大叔 psy 的 熱門 舞曲 江南 style 因為 每 分鐘 節拍 達 132 下 超過 規定 可能 會 在 首 爾 健身房 遭到 禁 播 紐約時報 new york times 報導 首 爾 高麗大學九老醫院 的 傳染病 專家 金宇珠 kim woo-joo 音譯 炮轟 這 2 項 措施 荒謬 無效 健身房 教練 姜勝鉉 kang seung hyun 音譯 表示 他 的 健身房 已經 決定 停 用 跑步 機 而 不是 限制 時速 他 說 不 懂 為何 健身車 飛輪 車 可以 使用 跑步 機 卻 不能 另 一 名 健身 教練 尹 拉爾夫 ralph yun 指出 當 音樂 節奏 和 運動 時 的 心跳 接近 時 能夠 提升 運動 表現 但 不 一定 會 讓 人 運動 得 更加 起勁 就 算是 聽 慢 板 音樂 也 可以 劇烈運動 研究 音樂 對 運動 影響 長達 30 年 的 英國 布魯 內爾 大學 brunel university 教授 卡拉格奧爾吉斯 costas karageorghis 表示 他 被 韓國政府 的 健身房 政策 逗笑 了 直言 相當 愚蠢 可笑 他 說 如果 民眾 決心 要 進行 高 強度 運動 音樂 根本 擋 不了 他們 他 說明 音樂 可以 讓 人 分散 對 疲憊 的 感覺 改善 情緒 音樂 確實 可以 改善 民眾 運動 鍛 鍊 的 方式 但 不是 像 韓國政府 預期 的 那樣 此外 將 音樂 節奏 限制 在 120 拍下 也 不 一定 有 效果 因為 有 很多 音樂 節奏 在 120 拍下 卻 仍然 很 有 活力 不少 運動員 鍛 鍊 時 反而 會 選擇 節奏 比較慢 的 饒舌 歌曲</t>
  </si>
  <si>
    <t>基金 新冠 檢測 商 機 瞄準 3 設備 題材</t>
  </si>
  <si>
    <t>林 全能 新冠 病毒 核酸 偵 測儀 經濟部 快 篩</t>
  </si>
  <si>
    <t>月初 才打新冠 疫苗 前 大 聯盟 全壘打 王 漢克阿倫 過世</t>
  </si>
  <si>
    <t>全壘打 王 漢克阿倫 貝比 魯斯 新冠 疫苗 新冠 病毒</t>
  </si>
  <si>
    <t>香港 再 增 32 新冠 確診 5 人 唱 卡拉 ok 致 群 聚 感染</t>
  </si>
  <si>
    <t>香港 衛生 署 防護 中心 傳染病 處 主任 張 竹君 今日 在 記者會 上 表示 香港 新增 32 例 新冠 病毒 確診 病例 當中 為 19 男 11 女 有 24 例 曾 有 境外 旅遊 史 包含 12 名 學生 另外 有 5 人 為 在 卡拉 ok 包廂 內 唱歌 所 發生 的 交叉 感染 事實上 香港</t>
  </si>
  <si>
    <t>香港 衛生 署 防護 中心 傳染病 處 主任 張 竹君 今日 在 記者會 上 表示 香港 新增 32 例 新冠 病毒 確診 病例 當中 為 19 男 11 女 有 24 例 曾 有 境外 旅遊 史 包含 12 名 學生 另外 有 5 人 為 在 卡拉 ok 包廂 內 唱歌 所 發生 的 交叉 感染 事實上 香港 在 3 月 27 日 宣佈 將 禁止 4 人 以上 的 聚集 自 28 日 起 包含 店 鞥 院 健身房 桌球室 等 娛樂場所 都 必須 強制 關閉 工作 場合 法院 婚 喪禮 以及 餐廳 等 可 被 豁免 但 餐廳 僅 能 提供 一半 的 座位 給 客人 飯桌 間 也 必須 保持 安全 距離 並且 客人 也 得 量 體溫 後 才 進入 用餐 除 吃飯 外 也 得 全程 配戴 口罩 該 起 唱歌 群 聚 感染 的 病例 發生 在 尖 沙嘴 redmr 卡拉 ok 7 名 確診 或 疑似病例 曾 在 該處 唱歌 該 群 組 一共 有 7 人 其中 5 名 已 確診 另外 2 名 已經 送往 檢疫 中心</t>
  </si>
  <si>
    <t>國際 新冠 疫苗 陸續 研發 成功 國際 藥廠 開發 的 新冠 疫苗 已 陸續 進行 三期 臨床 試驗 包括 美國 輝瑞 pfizer 和 德國 biontech 合作開發 的 疫苗 美國 莫德納 moderna 的 新冠 疫苗 mrna- 1273 阿斯利康 az 與 牛津大學 的 疫苗</t>
  </si>
  <si>
    <t>疫苗 接種 疫苗 採購 新冠 疫苗 群體 免疫</t>
  </si>
  <si>
    <t>有種 不 甩 新冠 恐慌 他 接 下人 球 郵輪</t>
  </si>
  <si>
    <t>截至 9 月 12 日 24 時 大陸 福建 莆田 此次 疫情 累計 報告 本土 確診 病例 35 例 無 症狀 感染者 33 例 疫情 延 燒 當地 官方 正 加緊 推進 12 歲 以上 人員 疫苗 接種 據 微信 公眾 號 健康 幸福 仙 遊 披露 經 專家 研 判 鋪 頭 小學 1 名 學生家長 林某某 疑 似 為 本次 疫情 源頭 即 新加坡 入境 人員 導致 的 傳染 鏈 而 林某某 從 入境 到 9 月 10 日 確診 中間 已經 過去 了 38 天 根據 官方 通報 林某某 於 8 月 4 日 乘坐 廈門航空 mf 852 航班 自 新加坡 從 廈門 機場 入境 在 廈門 進行 集中 隔離 14 天 後 於 8 月 19 日 點 對 點 轉運 至 仙游縣 集中 隔離 點 繼續 集中 隔離 根據 福建省 的 疫情 防控 辦法 林某某 在 完成 14 7 天 的 集中 隔離 之後 於 8 月 26 日 開始 實行 7 天 的 居家 健康 監測 而 也 就 是 在 這時 林某某 才 開始 向家人 傳播 值得一提的是 官方 通報 顯示 在 入境 後 21 天 集中 隔離 期間林某某 共 進行 了 9 次 核酸 檢測 和 1 次 血清 檢測 結果 均 為 陰性 此次 疫情 已 形成 了 鋪 頭 小學 和 協 勝 鞋 廠 為 中心 的 兩 條 傳播 鏈 目前 鋪 頭 小學 密切接觸 者 及 全部 師生 都已 到達 指定 隔離 點 這 波 疫情 有 19 例 年齡 小於 12 歲 及 以下 最小 的 3 歲 而 這 部分 人群 目前 尚未 開展 新冠 疫苗 的 接種 工作 莆田市 疾 控 中心 工作人員 表示 目前 莆田市 正在 加緊 推進 12 歲 以上 人員 的 疫苗 接種 工作 下 一 步 會 繼續 擴大 疫苗 接種 人群 一定 會 逐漸 覆蓋 12 歲 以下 人群 但 還 沒有 明確 的 時間表 莆田市 教育 局 11 日 發佈 通知 指出 各地 各 學校 要 加大 12 歲 到 14 歲 學生 第二 劑 疫苗 接種 工作力度 提高 接種 覆蓋率 9 月 15 日前 全面完成 教職員工 和 12 歲 到 17 歲 學生 疫苗 接種 工作</t>
  </si>
  <si>
    <t>據 路透社 報導 白宮 官員 透露 美國 參議員 已 與 川普 政府 就 減緩 因 新冠 病毒 疫情 造成 的 經濟 衝擊 的 紓困 案 達成 共識 這項 紓困 計 畫 規模 高 達 2 兆 美元 約 新 台幣 61 兆 元 美國有線電視新聞網 cnn 報導 指出 若 此案 一旦 出爐</t>
  </si>
  <si>
    <t>據 路透社 報導 白宮 官員 透露 美國 參議員 已 與 川普 政府 就 減緩 因 新冠 病毒 疫情 造成 的 經濟 衝擊 的 紓困 案 達成 共識 這項 紓困 計 畫 規模 高 達 2 兆 美元 約 新 台幣 61 兆 元 美國有線電視新聞網 cnn 報導 指出 若 此案 一旦 出爐 將 會 是 國會 史 上 最為 昂貴 措施 最為 廣泛 的 一 次 紓困 方案 白宮 法制 工作 主管 尤蘭德 eric ueland 指出 自 20 日 起 就 展開 馬拉松式 談判 後 雙方 於 當地 時間 25 日 淩晨 1 時 左右 達成 共識 參議院 多數 党 領袖 麥 康奈 mitch mcconnell 在 參院 表示 至少 我們 達成 了 共識 針對 這 場 大 流行 疫情 經過 數日 緊密 的 談判 參議院 達成 了 歷史性 紓困 方案 的 兩 黨 協議 麥 康奈 說 形容 這 規模 兩 兆 美元 的 紓困 案 是 戰爭 時期 層級 的 國家 投資 並 表示 參院 將 在 25 日 稍晚 通過 但 目前 仍未 確定 投票 時間 報導 指出 雖然 詳細 細節 尚未 公佈 但 在 過去 24 小時 內 已 有 部分 章節 內容 已經 媒體 報導 包括 2500億 美元 的 個人 與 家庭 補助 3500億 美元 的 小型企業 貸款 以及 2500億 美元 的 失業 保險 以及 針對 財 困 公司 的 的 5000億 美元 的 貸款 參議院 少數党 領袖 舒默 chuck schumer 也 在 參院 表示 這 將 是 美國 歷史 上 最 大 的 包括 紓困 案 但 此時 並非 值得 慶祝 時刻 而是 出於 必要 白宮 首席 經濟 顧問 庫德洛 larry kudlow 也 稱 這項 包裹 紓困 案 將 是 美國 歷史 上 最 大 的 單一 紓困 方案</t>
  </si>
  <si>
    <t>新冠 疫情 延 燒 但 不少 民眾 忍受 不 住 清明連 假 的 誘惑 單日 超過 5萬 人 跑 去 墾 丁爽 玩 恐 成 防疫 破 口 也 讓 政府 緊急 發佈 國家級 警報 呼籲 勿 前往 墾 丁 對此 林口長 庚 兒科 急診 醫師 吳昌騰 就 指出 若 爆發 第 3 波 疫情 潮 最 該 注意 的</t>
  </si>
  <si>
    <t>7 月 就 想 供貨 高端新冠 疫苗 還 沒 做 青少年 二期 試驗</t>
  </si>
  <si>
    <t>新冠 國際 2 波 疫情 政 院 研 議 產業 紓困 再 加碼</t>
  </si>
  <si>
    <t>全國 3 級 警戒 特殊 場所 需 歇業 桃園 市 龜 山區 一 間 麻將 館 卻 涉 私下 營業 員警 獲 報 發現 大門 深 鎖 但 電錶 快速 流動 決定 入 內 盤查 雖 內部 僅 有 業者 但 麻將 桌上 有 飲料 隨即 在 後方 防火 下 找到 7 名 客人 立即 函送 裁處 桃園 市 龜 山 警 分局 指出 20 日 22 時許 位 於龜 山區 萬壽路 某 麻將 館 疑 似 偷偷 關門 營業 員警 以 電錶 流動 確定 營業 要求 開 門 雖然 45 歲 吳姓 業者 辯稱 無 對外開放 但是 員警 發現 麻將 桌上 有 飲料 隨即 在 後門 防火巷 找到 7 名 客人 龜 山 警 分局 回龍 派出所 開立 記錄 表 移 請 市府 依 傳染病 防治法 開 罰 6萬 至 30萬 元 龜 山 分局 表示 新冠 病毒 疫情 快速 升溫 全國 進入 三級 警戒 桃園 市政府 為 了 市民 健康 要求 娛樂場所 暫時 歇業 就 是 避免 群 聚 感染 員警機關 配合 政策 強力 宣 導 民眾 配合 政策 並 特別強調 各 派出所 一定 要 針對 相關 特種行業 強力 執法 不容許 有 偷偷 營業 情事 避免 造成 防疫 破 口</t>
  </si>
  <si>
    <t>許多 人 打完 疫苗 都 會 出現 副作用 但 多 是 接種 部位 痛 肌肉 酸痛 和 發燒 等 症狀 但 昨天 一 名 網友 發文 透露 他 打完 az 疫苗 隔 天 除了 發燒 之外 還 出現 超 特殊 的 症狀 菊花 痛 不 舒服 到 他 睡 不 著 引起 網友 討論 不少 人 看 了 忍不住 質疑 這個 症狀 是不是 其他 原因 造成 的 畢竟 連疾 管家 健康 回報 都 沒 這 選項 不過 也 有人 認為 如果 真 的 感覺 不適 建議 還 是 盡 速 就醫 為 上 一 名 網友 昨 在 ptt 上 發文 表示 大概 在 26 日 的 下午 六七 點 左右 去 打 了 az 疫苗 當下 並 沒有 什麼 特別 的 感覺 直到 隔 天 淩晨 兩 點 半 副作用 才 開始 發作 讓 他 從 睡夢 中 醒過來 由於 身體 實在 很 不 舒服 趕緊 測量體溫 才 發現 原來 他 開始 發燒 了 該 網友 指出 他 的 體溫 從 原本 的 376 度 一路 上升 到 389 度 只 覺得 自己 全身 又 冷 又 熱 最 扯 的 是 就 連 菊花 也 開始 不 舒服 且 打完 疫苗 的 副作用 實在太 難受 讓 他 躺 在 床上 怎麼樣 都 睡 不 著 最後 只好 吞 普 拿 疼 來 緩解 我 抵抗力 好 成 這樣 後天 有 辦法 上班 嗎 不少 網友 看 了 直 呼 發燒 正常 肛門 酸痛 幾乎 沒 聽 過 疾 管家 健康 回報 都 沒 這 選項 之前 打 也 發燒 全身 酸痛 無力 但 沒有 菊花 痛 這 回事 疫苗 打完 有 些微 副作用 很 正常 但 肛門 那個 是 怎麼回事 英國 人 打 了 第一 劑 az 後 形容 像 被 卡車 撞 到 一樣 痛苦 原來 是 真的 至於 原 po 分享 的 肛門 痛 症狀 多數 網友 都 表示 從未 聽 過 因此 建議 他 如果 持續 感到 不 舒服 建議 還 是 去 看 醫生 比較 好 根據 疾 管署 網站 上 公佈 的 新冠 疫苗 副作用 其中 包括 接種 部位 紅腫 疼痛 疲倦 頭痛 肌肉 酸痛 發燒 畏 寒 關節 痛 等 症狀 不過 多數 的 症狀 都 會 在 48 小時 內 緩解</t>
  </si>
  <si>
    <t>1 分鐘 看 世界 歐盟 達成 25 兆 經濟 刺激 協定 川普 認 新冠 疫情 會 更慘</t>
  </si>
  <si>
    <t>新冠 變種 病毒 omicron 來 襲 針對 大陸 將 如何 應對 中國工程院 院士 鐘南山 研 判 omicron 變種 病毒 的 危害性 還 需要 一段時間 的 判斷 需 隨時 注意 但是 現在 還 不 會 採取 比較 大 的 行動 中國 罕見 病 聯盟 呼吸 病 學分 會 第一 屆 全國 會議</t>
  </si>
  <si>
    <t>新冠 變種 病毒 omicron 來 襲 針對 大陸 將 如何 應對 中國工程院 院士 鐘南山 研 判 omicron 變種 病毒 的 危害性 還 需要 一段時間 的 判斷 需 隨時 注意 但是 現在 還 不 會 採取 比較 大 的 行動 中國 罕見 病 聯盟 呼吸 病 學分 會 第一 屆 全國 會議 28 日 在 廣州 舉行 鐘南山 出席會議 並 講話 鐘南山 表示 從 目前 的 情況 來看 omicron 變種 病毒傳播 速度 快 已 在 南非 等 地區 流行 近期 在 香港 也 發現 了 一 例 omicron 變種 病毒 很 新 雖然 分子 基因 檢測 發現 它 在 受體 結合部位 有 比較 多 的 變化 但是 它 有 多 大 的 危害性 傳播 會 有 多 快 會 不 會 使 疾病 更加 嚴重 以及 是否 需要 針對 它 進行 疫苗 研發 還要 根據 情況 來 判斷 現在 下結論 為時 太 早</t>
  </si>
  <si>
    <t>美國 國務卿 蓬佩 奧 日前 稱 有 大量 證據 證實 新冠 病毒 來自 武漢 病毒 實驗室 不過 蓬 佩奧 的 指控 卻 遭到 國際 情報 集團 五眼 聯盟 否認 該 聯盟 成員 之一 的 澳洲 就 指出 蓬 佩奧 指出 的 證據 是 基於 幾 篇 公開 的 新聞報導 的 內</t>
  </si>
  <si>
    <t>美國 國務卿 蓬佩 奧 日前 稱 有 大量 證據 證實 新冠 病毒 來自 武漢 病毒 實驗室 不過 蓬 佩奧 的 指控 卻 遭到 國際 情報 集團 五眼 聯盟 否認 該 聯盟 成員 之一 的 澳洲 就 指出 蓬 佩奧 指出 的 證據 是 基於 幾 篇 公開 的 新聞報導 的 內容 實際上 並 沒有 做 任何 情報 蒐集 工作 據 澳 媒 雪梨 先驅 晨報 4 日 報導 指出 多 位 澳洲 情報 官員 透露 近期 在 五眼 聯盟 中 傳閱 的 一 份 研究 檔 當中 大部分 基於 幾 篇 聲稱 大陸 隱瞞 新冠 疫情 的 公開 新聞報導 匯 整 而 成 一 名 澳洲 情報 官員 更 暗示 美國政府 手 握 的 大量 證據 與 這些 新聞報導 的 內容 差不多 另一方面 澳洲 情報機構 則 於 4 月底 多 次 公開 表示 目前 澳洲 還 沒有 找到 證據 能 證明 新冠 病毒 來源於 武漢 實驗室 澳洲 總理 莫里森 5 月 1 日 也 坦言 沒有 看到 任何 明確 的 證據 表明 該 病毒 起源 於 武漢 病毒 研究所 他 還 指出 目前 僅僅 知道 感染 病例 最 早 應是 在 武漢 被 發現 的 但 這 並 不 表示 該 病毒 起源 於 武漢 因為 還 存在 其他 的 可能性</t>
  </si>
  <si>
    <t>美 媒 要求 陸對新冠 疫情 道歉 趙立堅 荒謬 可笑 無知</t>
  </si>
  <si>
    <t>生 醫 股 生 華科新冠 新藥 向 美 fda 申請 二期 臨床</t>
  </si>
  <si>
    <t>生 華科 新冠 新藥 silmitasertib 二期 臨床</t>
  </si>
  <si>
    <t>各國 狂 打 疫苗 盼 能 擋住 delta 但 突破性 感染 案例 頻 傳 一 名 網友 發 文說 感覺 打完 2 劑 疫苗 也 無法 保護 所有人 特別 是 高風險 族群 但 若 臺灣 疫苗 打到 90 以上 政府 敢 直接 放生 大家 不管 防疫 了 嗎 貼 文 引起 網友 討論 首先 臺灣 要 打到 90 就 不是 很 容易 也 不 知道 要 多久 才 會 實現 再 加上 臺灣人 的 習性 就 是 怕 死 看到 1 例 確診 都會 恐慌 到 不行 怎麼 可能 允許 政府 放生 一 名 網友 在 ptt 上 發文 表示 delta 變異 株 來勢洶洶 突破性 感染 的 案例 頻 傳 感覺 新冠 疫苗 接種 完 2 劑 也 無法 保護 所有人 特別 是 老人 胖子 慢性病 患者 與 免疫力 低下 的 族群 不 知道 臺灣 如果 疫苗 覆蓋率 提升 至 90 以後 政府 敢 直接 放 推 網路 用語 放給 它 爛 大家 嗎 貼 文 引發 網友 討論 12 歲 以下 不能 打 應該 很 難 到 90 疫苗 根本 沒 啥 屁用 以色列 示範 給 大家 看 了 臺灣 打到 90 時 其他 國家 早就 開放 不太可能 兩劑 到 90 頂多 70 就算 很 厲害 了 不過 也 有人 認為 臺灣 不可能 打完 疫苗 就 放給 它 爛 因為 臺灣人 光是 看到 1 例 確診 就 可以 恐慌 到 不行 臺灣人 就 是 怕 死 啦 另 有 網友 則 以 新加坡 為 例 說 當時 新加坡 的 開放 宣言 就 說 了 初期 確診 會 爆 增 但要 密切 觀察 重症 人數 是否 增加 希望 符合 疫苗 接種 資格 的 老人 快 出來 打 有 目標 的 準備 開放 絕對 會 比 追 著 其他 國家 開放 而 在 沒有 準備 好 的 狀態 下 被迫 跟進 來得 好</t>
  </si>
  <si>
    <t>1 政府 抗 疫 作為 54 英國 人 不 買 單皮 尤 中心 調查 14 個 已 開發 國家 其中 英國 和 美國 民眾 對 自己 政府 應對新冠 疫情 的 認同度 排名 墊 底 有 52 美國 民眾 和 54 英國 受訪者 認為 政府 的 防疫 措施 不 到位 只 有 不 到 18 的 美國 受訪者 表示</t>
  </si>
  <si>
    <t>官方 完整 驗屍 報告 非裔 男 染 新冠 死於 心 肺 驟 停</t>
  </si>
  <si>
    <t>美國 聯 准會 fed 主席 鮑爾 jerome powell 19 日 出席 參議院 視 訊 聽證會 他 在 事先 準備 好 的 書面 證詞 重申 fed 將 動用 一切 工具 拯救 備受 新冠 疫情 打擊 的 經濟 同時 呼籲 國會 應 盡其所能 協助 紓困 數以百萬計 的 美國 民眾</t>
  </si>
  <si>
    <t>體育 署 保全 確診 新冠 體育 大樓 加強 清 消</t>
  </si>
  <si>
    <t>生 華科 新冠 新藥 臨床 再 報喜</t>
  </si>
  <si>
    <t>美國有線電視新聞網 cnn 13 日 報導 一 名 中國 大陸 官員 透露 作為 調查 新冠 病毒 起源 的 一 環 武漢 將 檢測 數 萬 個 早期 血液 樣本 專家 指出 這些 樣本 將 提供 新冠 病毒 起源 的 關鍵 線索 今年 2 月 世界衛生組織 who 的 調查 小組</t>
  </si>
  <si>
    <t>英國 變種 病毒 不 只 傳染 力 相當 強 家庭 傳播 力 尤其 驚人 一 項 挪威 研究 顯示 在 同一個 家戶 之內 原來 的 新冠 病毒 每 136 次 密切接觸 會 發生 036 次 的 次 發 感染 英國 變種 病毒 每 145 次 密切接觸 會 發生 061 次 的 次 發 感染 換算</t>
  </si>
  <si>
    <t>英國 變種 病毒 不 只 傳染 力 相當 強 家庭 傳播 力 尤其 驚人 一 項 挪威 研究 顯示 在 同一個 家戶 之內 原來 的 新冠 病毒 每 136 次 密切接觸 會 發生 036 次 的 次 發 感染 英國 變種 病毒 每 145 次 密切接觸 會 發生 061 次 的 次 發 感染 換算 出來 的 家戶 傳染 率 差異 很 大 英國 變種 病毒 竟 達 42 而 原來 的 新冠 病毒 只 有 265 所以 阻絕 病毒 於 家門口 之外 自然 是 最 重要 的 事 中國 醫藥 大學 新竹 附設 醫院 感染 科 主任 張凱音 說 所有 從 外面 帶進 家裡 的 物品 包括 購物 或 宅 配 包裹 最好 按照 以下 步驟 處理 第 一個 步驟 是 將 外包裝 的 塑膠袋 提袋 丟棄 或是 用 酒精 消毒 張凱音 說 許多 人 會 以 紫外線 燈 來 消毒 物品 但 由於 物品 會 有 凹凸 部分 難以 照射到 所以 只能 消滅 部分 病毒 千萬 不要 過度 信任 紫外線 燈 的 防護 效果 澳洲 維多利亞州 曾經 曆 2 次 封 城 有 一 次 甚至 長達 112 天 有 民眾 分享 阻絕 病毒 的 經驗 外出 購物 返家 後 他們 會 先 噴灑 酒精 所有 物品 如 蔬菜 在 室外 通風 30 60 分鐘 後 才會 拿 進 門 張凱音 認為 這個 方法 的 確 有用 所 以 第二 步驟 可以 將 進 家門 的 物品 放置 通風處 30 分鐘 左右 如果 不 想 花太 多 時間 她 建議 也 可以 將 蔬菜 水果 等 食物 趕快 放 入 冰箱 就 好 這樣 做 不是 因為 冰箱 的 低溫 能 殺死 病毒 而是 可以 預防 你 再次 觸 碰 然後 最 重要 的 是 最後 一定 要 洗 淨 雙手 後 再 觸摸 家中 其他 物品 崔可忠 說 就算 蔬菜 上 沾 附 病毒 只 要 經過 清洗 烹調 就 很 安全 更何況 吃 下肚 之後 病毒 幾乎 沒有 機會 存活 新冠 病毒 主要 還是 從 眼 口 鼻 進入 體內 張凱音 說 最好 的 情況 是 不要 觸 碰 公共 物品 例如 有些 人 會 自備 衛生筷 去 操作 atm 但 每 用 完一次 就 丟掉 嗎 還 是 先用 塑膠 袋裝 著 沒有 處理 好 會 不 會 反而 沾染 病毒 還有 許多 人使用 塑膠 袋裝 購物 時 找回 的 零錢 但 花錢 時還 是 會 觸 碰到 紙 鈔 硬幣 最終 還 是 需要 洗手 張凱音 認為 洗手 才 是 最 重要 的 道理 雖然 很 簡單 但要 持之以恆 並 不容易 更 多 ctwant 報導</t>
  </si>
  <si>
    <t>影 1 人 1 泡 防 新冠 使 絕招 烈焰紅唇 演唱會 嗨 翻</t>
  </si>
  <si>
    <t>預防 類似 新冠 病毒 海 巡 署 新建 4000 噸 艦艇 首 創建 置 負 壓 隔離病房</t>
  </si>
  <si>
    <t>受到 新冠 疫情 影響 全台 不少 行業 都 受到 衝擊 行政院 推出 振興 三 倍 券 就 盼 可以 讓 民眾 多多 消費 促進 經濟 發展 但 外界 卻 評價 兩極 宅 神 朱學 恒 就 提出 三 個 大 問題 並 直言 完全 可以 預見 振興 券 真正 上路 之後 會 有 更 多 的 問題</t>
  </si>
  <si>
    <t>nba 病毒 針對 黑人 溜 馬布羅格登 染 新冠</t>
  </si>
  <si>
    <t>悚 新冠 屍體 橫 陳 病人 床 邊 印度 醫療 體系 恐 崩 盤?</t>
  </si>
  <si>
    <t>新冠 疫情 惡化 全球 確診 破 百萬 死亡 破 5萬</t>
  </si>
  <si>
    <t>為了 給 自己 更 多 的 激勵 與 刺激 原本 在 大陸 cba 例行 賽 允諾 每 投 進 1 顆 三分球 就 捐 3000 人民幣 約 台幣 13萬 給 弱勢 孩童 的 林書豪 決定 在 接下來 的 季後 賽 加碼 只要 他 在 季後 賽 投 進 1 顆 三分球 就 會 捐 出 21000 人民幣 約 台幣 88萬 聯賽 打 完了 因為 每 一 場 的 比賽 越來越 重要 我 也 想 把 三 分心 做 更 好 從 現在 開始 我 投 進 的 每個 三分球 就 會 是 之前 捐 出 的 7 倍 從 3000 到 21000 林書豪 在 微博 上 表示 讓 我們 一起 把 公益 傳遞 更 遠 幫助 更 多 孩子 完成 夢想 或許 球迷 會 很 迷惑 為何 林書豪 在 季後 賽 的 投 進 三分球 捐款 會 變 7 倍 而 不是 更 多 畢竟 這 是 豪 哥 最 喜歡 的 球衣 號碼 選擇 變成 7 倍 也 很 合理 他 在 本 季 例行 賽 總共 投 進 51 顆 三分球 等於 已經 捐 出 153萬 人民幣 就 看 季後 賽 能 進 幾 顆 但 受到 新冠 疫情 影響 cba 季 後 賽 賽程 大幅 縮水 前 兩 輪 打 單淘汰制 後 兩 輪 進行 3 戰 2 勝 制 所以 林書豪 最 多 打 7 場 季後 賽 他 所 效力 的 北京首鋼 將 在 季後 賽 次 輪 遭遇 福建 潯興 到 了 4 強 准決賽 很 可能 碰上 奪冠 呼聲最高 的 廣東宏遠</t>
  </si>
  <si>
    <t>大 聯盟 本 季 因為 新冠 疫情 損失慘重 整個 例行 賽 關門 比賽 球 團 幾乎 顆粒無收 並且 保險 公司 拒絕 理賠 總裁 曼 佛 雷德 rob manfred 宣稱 損失 達到 30億 美元 美聯社 報導 30 支 球隊 在 今年 10 月 一起 告 上 加州 法庭 向 保險</t>
  </si>
  <si>
    <t>大 聯盟 本 季 因為 新冠 疫情 損失慘重 整個 例行 賽 關門 比賽 球 團 幾乎 顆粒無收 並且 保險 公司 拒絕 理賠 總裁 曼 佛 雷德 rob manfred 宣稱 損失 達到 30億 美元 美聯社 報導 30 支 球隊 在 今年 10 月 一起 告 上 加州 法庭 向 保險 公司 求償 球隊 損失 的 包括 門票 停車費 豪華 包廂 周邊 商品銷售 贊助商 廣告 地方 媒體 與 轉播 單位 大 聯盟 聲明 表示 我們 承受 了 巨大 財務 損失 我們 非常 肯定 這些 損失 都 在 保險 合約 的 理賠 範圍 之內 我們 對 法庭 的 判決 有 信心 保險 公司 主張 合約 的 範圍 只 限於 物理 上 的 人員傷亡 和 財物 損失 這些 大 聯盟 的 屬於 預期 收入 的 損失 合約 裡 沒有 保障 客戶 每年 都能營 收 幾 十億 美金 有 幾 支 小 聯盟 球隊 也 向 保險 公司 求償 失敗 小 聯盟 今年 球季 取消 人事 開支 也 只能靠 大 聯盟 球 團 扛下 還有 很多 員工 被 裁 一些 球員 因 此 被 釋出 以 東京 奧運 來說 國際 奧 會 曆屆 有 特別 投保 賽事 取消 和 傳染病 的 保險 路透 報導 他們 的 保 額 可 達 8000萬 美元 例如 德國 公司 慕尼克 再 保險 擔憂 東奧 打 不成 若 賽事 取消 他們 就 得 理賠 數 千萬 歐元</t>
  </si>
  <si>
    <t>美國 政府 於 美東 時間 31 日 上午 宣佈 捐贈 臺灣 150萬 劑 新冠 疫苗 外交部 表示 這 批 由 莫德納 moderna 公司 生產 的 疫苗 將 由 中華航空公司 專機 運送 回國 預計 臺北 時間 11 月 1 日 下午 1 時 抵達 臺灣 桃園 國際機場 總統府 指出 這不</t>
  </si>
  <si>
    <t>美國 政府 於 美東 時間 31 日 上午 宣佈 捐贈 臺灣 150萬 劑 新冠 疫苗 外交部 表示 這 批 由 莫德納 moderna 公司 生產 的 疫苗 將 由 中華航空公司 專機 運送 回國 預計 臺北 時間 11 月 1 日 下午 1 時 抵達 臺灣 桃園 國際機場 總統府 指出 這 不僅 展現 台美 之間 的 真 朋友 情誼 更 再次 印證 美國政府 支持 臺灣 堅 若 磐石 總統府 發言人 張惇涵 今晚 表示 總統府 誠摯 感謝 美國政府 再度 以 具體 行動 馳援 臺灣 美國 捐贈 臺灣 的 疫苗 數量 累計 達到 400萬 劑 這 不僅 展現 台美 之間 的 真 朋友 情誼 更 再次 印證 美國政府 支持 臺灣 的 堅 若 磐石 他 說 今年 6 月 當 臺灣 面臨 疫情 嚴峻 挑戰 之際 美國政府 以 迅速行動 捐贈 臺灣 250萬 劑 莫德納 疫苗 彷如 及時雨 大力協助 臺灣 度過 艱 困 挑戰 讓 臺灣 人民 深受感動 張惇涵 表示 過去 一段時間 在 防疫 團隊 不分晝夜 努力 全民 不分 你 我 團結 防疫 民主 夥伴 相繼 馳援 下 臺灣 的 疫情已經 趨 緩 獲得 有效 控制 目前 第一 劑 疫苗 涵蓋 率 已 超過 70 第二 劑 已 超過 30 在 臺灣 正 衝刺 第二 劑 疫苗 涵蓋 率 之際 美國政府 再次 伸出 援手 對 提升 臺灣 整體 社會 保護 力 勢必 將 有 大幅 幫助 張惇涵 說明 駐 美 代表 蕭美琴 已 代表 我國 政府 接收 這 批 疫苗 航班 已經 順利 起運 預計 將 於明 1 日 運 抵 臺灣 我們 深信 台美 民主 夥伴 攜手 合作 能夠 共同 克服 疫情 挑戰 臺灣 也 會 在 堅實 的 友好 基礎 上 持續 與 美國 深化 合作 持續 深化 全方位 夥伴關係 外交部 也 表達 由衷感謝 並 表示 我國 駐 美 代表 蕭美琴 同日 在 肯塔基州 路易維爾 聯邦 疫苗 合約 倉儲 中心 代表 我國 政府 接收 這 批 由 莫德納 公司 生產 的 疫苗 並立 即 由 中華航空公司 專機 運送 回國 外交部 副 發言人 崔靜麟 指出 此次 是 繼 美國政府 今年 6 月 捐贈 我國 250萬 劑 莫德納 疫苗 之後 第二 度 捐贈 我國 疫苗 美方 至今 捐贈 我方 疫苗 累計 數量 達 400萬 劑 美國 以 實際行動 協助 我國 政府 與 全民 對抗 疫情 也 展現 美國 對 臺灣 的 堅定 支持 與 高度重視 以及 台美 緊密 友好 的 全方位 夥伴關係</t>
  </si>
  <si>
    <t>新冠 女 教授 視 訊 死亡 阿根廷</t>
  </si>
  <si>
    <t>美國 疾病 管制 暨 預防 中心 cdc 上周 公佈 至今 有 將近 13萬 例 打完 新冠 疫苗 仍 住院 或 死亡 的 嚴重 突破性 感染 病例 強調 突破性 感染 仍 相當 罕見 不過 這些 案例 中 以 老年人 以及 有 多重 慢性 疾病 的 人 重症 風險 較 大 美國 有線電視</t>
  </si>
  <si>
    <t>國際 社會 日本 新冠 病例 新 報 1305 人 破 紀錄 東京 拉 警報</t>
  </si>
  <si>
    <t>omicron 將 加速 終結 新冠 疫情 專家 點出 1 關鍵</t>
  </si>
  <si>
    <t>德國 公衛 專家 勞德巴赫 karl lauterbach 聲稱 新冠 變異 株 omicron 是 聖誕禮物 或許 能 加速 終結 新冠 疫情 倫敦 標準 晚報 london evening standard 報導 正 在 爭取 擔任 德國 新任 衛生部長 的 公衛 專家 勞德巴赫 表示</t>
  </si>
  <si>
    <t>德國 公衛 專家 勞德巴赫 karl lauterbach 聲稱 新冠 變異 株 omicron 是 聖誕禮物 或許 能 加速 終結 新冠 疫情 倫敦 標準 晚報 london evening standard 報導 正 在 爭取 擔任 德國 新任 衛生部長 的 公衛 專家 勞德巴赫 表示 初期 報告 顯示 omicron 多 造成 輕 症 對 各國 來說 可能 是 聖誕禮物 甚至 能 加速 疫情 終結 es w re wirklich ein vorgezogenes weihnachtsgeschenk wenn omicron leichter verliefe bei so vielen mutationen w re es aber denkbar aber vorsicht was dagegen spricht in sa sind nur 6 65 alt deutschland ltestes land europa mit vielen chronisch kranken https t co eewqlblb 3 n 他 說 omicron 有 許多 突變光是 棘 蛋白 上 就 有 32 種 突變 是 delta 變異 株 的 2 倍 之 多 代表 能夠 優化 感染 能力 但是 會 降低 嚴重 程度 與 大多數 呼吸道 病毒 進化 的 方式 一致 在此之前 南非 專家 指出 omicron 引發 的 症狀 較 其他 變異 株 輕微 南非 流行病 學 權威 卡林 salim abdool karim 昨 29 日 在 記者會 上 表示 現有 疫苗 應該 對 omicron 仍 非常 有效 他 說 基於 目前 已 知 其他 高 關注 變異 株 對 疫苗 的 反應 他 預期 疫苗 仍 能 有效 避免 住院 及 重症 患者 不過 他 也 強調 現階段 要 判斷 omicron 比 其他 變異 株 更 容易 造成 重症 仍 為時過早 世衛 秘書長 譚 德塞 tedros adhanom ghebreyesus 昨日 表示 omicron 出現 提醒 我們 新冠 疫情 尚未 結束 他 警告 得來不易 的 抗 疫 成果 可能 在 瞬間 毀滅</t>
  </si>
  <si>
    <t>国内 首度 开放 新冠 疫苗 混打 限 时 6 小时 开放 意愿 登记 共 28万 人 完成 登记 将 可 在 明天 上午 10 点 预约 混打 最 快 后天 就 能 接种 莫德纳 或 bnt 疫苗 中央 流行 疫情 指挥 中心 宣布 开放 az 混打 莫德纳 或 bnt 已于 9 月 25 日前 接种 第 1 剂 az 的 民众 皆 符合 资格 约 97万 人 符合 资格 共 28万629 人 完成 登记 其中 6万534 人 选择 混打 莫德纳 4万8076 人 选择 混打 bnt 另 有 17万2019 人 同时 选择 莫德纳 和 bnt 首批 混打 将 纳入 第 14 期 预约 接种 28万 人 民众 将 可于 明天 上午 10 点 至 下午 4 点 至 疫苗 平台 预约 施打 日程 为 11 月 20 日 至 21 日 第 14 期 开放 混打 后 残 剂 也 同步 开放 az 混打 mrna 疫苗 疫情 指挥 中心 指挥官 陈时中 表示 只要 符合 混打 资格 的 民众 打 残 剂 也 可以 疫情 指挥 中心 发言人 庄人祥 补充 11 月 20 日 起 开放 混打 疫苗 民众 排 残 剂 接种</t>
  </si>
  <si>
    <t>美國 最新 研究 發現 新冠 變異 株 omicron 的 眾多 突變 中 其中 一個 可能 涵蓋 從 其他 病毒 上 取得 的 遺傳物質 片段 從而 讓 omicron 可能 更具 傳染 力 但 同時 只 會 造成 輕 症 專家 指出 omicron 可能 是從 感冒 病毒 中 取得 遺傳物質 片段</t>
  </si>
  <si>
    <t>白晰 帥醫 染 新冠 面目全非 皮膚 發 黑 如 翻版 譚 德塞</t>
  </si>
  <si>
    <t>影 川普 上身 微笑 拜登 火 了 要 記者 少猛 追問 新冠 疫苗</t>
  </si>
  <si>
    <t>流感 加 新冠 要 靠 快 篩 救 醫療</t>
  </si>
  <si>
    <t>c 肝 患者 染 新冠 死亡 風險 33 倍 醫師 呼籲 必 做 9 件 事</t>
  </si>
  <si>
    <t>鄭州 累計 101 人 感染 新冠 病毒 確診 16 人 無 症狀 85 人</t>
  </si>
  <si>
    <t>世界衛生組織 who 總 幹事 譚 德塞 在 新聞 發 佈 會上 警告 國際 間 缺乏 團結 正 在 助長 新冠 疫情 的 流行 如果 拿 新冠 病毒 來 相互 對抗 最 糟糕 的 時刻 會 很快 到來 據 央 視 新聞 報導 譚 德塞 在 當地 時間 20 日 的 新聞 發佈會 上 說</t>
  </si>
  <si>
    <t>世界衛生組織 who 總 幹事 譚 德塞 在 新聞 發 佈 會上 警告 國際 間 缺乏 團結 正 在 助長 新冠 疫情 的 流行 如果 拿 新冠 病毒 來 相互 對抗 最 糟糕 的 時刻 會 很快 到來 據 央 視 新聞 報導 譚 德塞 在 當地 時間 20 日 的 新聞 發佈會 上 說 新冠 病毒 非常 危險 它 利用 了 人 與 人 之間 政黨 與 政黨 之間 國家 與 國家 之間 的 分歧 他 呼籲 缺乏 團結 正 在 助長 新冠 疫情 的 流行 不要 把 這種 病毒 作為 相互 對抗 或 贏得 政治 得分 的 機會 譚 德塞 警告 如果 各國 不能 團結 一致 最 糟糕 的 時刻 會 很快 到來 如果 全球 團結 一致 把 新冠 病毒 作為 人類 的 共同 敵人 而 全力以赴 就 可以 戰勝 病毒</t>
  </si>
  <si>
    <t>新冠 極端 症狀 男 咳 到 大 吐血</t>
  </si>
  <si>
    <t>日 職 藤 浪 疑 似 染 上 新冠 嗅覺 失靈 接受 檢測</t>
  </si>
  <si>
    <t>國衛院 新冠 疫苗 大 突破 動物 實驗 可 將 病毒 量 減 到 1</t>
  </si>
  <si>
    <t>香港大學 兩 位 知名 微生物 與 染病 學者 龍 振邦 與 袁國勇 在 港 媒 撰文 指出 武漢 華南 海鮮 市場 是 全世界 野生動物 進入 大陸 的 集散地 事發 之後 當地 進行 清理 新冠 病毒 始于 何地 已 無從 稽考 網 傳 病毒 源自 美國 之說 毫無 實證 只能 貽 笑</t>
  </si>
  <si>
    <t>世界衛生組織 who 週三 告訴 法新社 已 宣佈 康復 的 新冠 病毒 患者 後來 又 被 測試 為 該 病毒 陽性 並非 是 復發 或是 再 感染 應該 是 身體 仍 在 排 出 死亡 的 肺部 細胞 所 致 科學 警報 science alert 報導 新冠 病毒 相當 難 纏 最 令</t>
  </si>
  <si>
    <t>康復者 複 陽性 新冠 病毒 肺部</t>
  </si>
  <si>
    <t>英國牛津大學 與 瑞士 的 研究 發現 接種 az 疫苗 除了 能夠 產生 抗體 外 也 能 在 人體 形成 t 細胞 訓練營 或許 能 為 人體 提供 終生 保護 力 甚至 能 殺死 變種 病毒 英國 太陽 報 the sun 報導 英國牛津大學 與 瑞士 的 研究 團隊 15 日 在 自然免疫 學 nature immunology 期刊 刊登 研究 團隊 發現 t 細胞保護 是 az 嬌 生 疫苗 等 以 腺病毒 為 載體 的 疫苗 的 關鍵 特徵 團隊 指出 接種 疫苗 後 腺病毒 會 進入 人體 內 稱為 纖維 網狀 細胞 fibroblastic reticular cell 的 長壽 組織細胞 在 那裡 形成 t 細胞 的 訓練營 來自 瑞士 醫院 的 研究 人員 路德維希 教授 burkhard ludewig 表示 出生 自 這些 細胞 訓練營 的 t 細胞 看起來 都有很 高 的 適應能力 他 說 腺病毒 能夠 和 人體 共同 進化 很 長 一段時間 並且 在 過程 中 學習 到 很多 有關 人體 免疫系統 的 知識 病毒 永遠 是 最好 的 老師 這裡 它們 教會 我們 的 最 重要 一 課 是 如何 最好 地 刺激 殺手 t 細胞 反應 這項 研究 發現 代表 即便 抗體 已經 消失 好 一段時間 人體 仍 能夠 持續 製造 這些 重要 細胞 甚至 可能 在 餘 生 中 持續 存在 先前 研究 就 已經 顯示 比起 輝瑞 bnt 莫德納 等 mrna 疫苗 az 疫苗 在 製造 t 細胞 方面 更 有效 研究 團隊 坦承 他們 難以 量 測 t 細胞 在 體內 的 數值 但是 他們 希望 這些 t 細胞 能夠 存在 終生 牛津大學 納菲爾德 醫學院 nuffield department of medicine 教授 克萊納曼 paul klenerman 指出 全球 數 百萬 人 接種 腺病毒 疫苗 最終目標 是 希望 透過 抗體 及 t 細胞 誘發 長期 的 免疫系統 保護 備註 以上 為 英國 太陽 報 報導 針對 報導 內容 臺灣 事實 查核 中心 引述 國家衛生研究院 感染症 與 疫苗 研究所 研究員 周彥宏 嘉義 長庚醫院 風濕 過敏 免疫 科 主治醫師 林靖麒 等 專家 看法 提出 以下 釋疑 一 專家 指出 報導 引述 的 研究 在 2021 年 7 月 15 日 發表 于 自然 免疫 學 期刊 研究 使用 腺病毒 載體 但 載體 內 不是 放 新冠 病毒 s 蛋白 的 dna 無法 直接 推論 為 az 疫苗 施打 在 人體 的 效果 二 專家 指出 該 研究 是 以 人類 腺病毒 五 型 和 黑猩猩 腺病毒 載體 在 病毒 內放 冷光 蛋白質 注射 進入 老鼠 體內 實驗 觀察 到 腺病毒 會 活化 老鼠 肺部 間 質 細胞 內 的 纖維 母細胞 使 記憶型 的 殺手 t 細胞 常駐 三 專家 指出 該 研究 並未 提到 抗體 反應 因此 也 無法 推論 接種 az 疫苗 的 抗體 生成 及 保護 力 持續性 因此 事實 查核 中心 認定 這 篇 太陽 報 報導 為 不實 訊息</t>
  </si>
  <si>
    <t>神 新冠 患者 破 500萬 僅 次 美 他 卻 沒像 川普 被 罵 臭頭</t>
  </si>
  <si>
    <t>國光 生 醫務 長 陳 純誠 上任 新冠 疫苗 開發 有無 補助 都 做 到底</t>
  </si>
  <si>
    <t>台南 國光 生 安特羅 臨床 試驗 新冠 疫苗</t>
  </si>
  <si>
    <t>香港 為 因應 新冠 疫情 日趨 嚴峻 在 27 日 下午 特別 會議 後 決定 將 對 餐廳 訂立 限 客 新 規定 包括 限制 客流 戴 口罩 量 體溫 等 措施 同時 民眾 可能 聚集 的 各種 公共 娛樂場所 健身 中心 網 咖 等 暫時 關閉 為期 2 周 此外 還 將 研 擬 禁止 4</t>
  </si>
  <si>
    <t>香港 為 因應 新冠 疫情 日趨 嚴峻 在 27 日 下午 特別 會議 後 決定 將 對 餐廳 訂立 限 客 新 規定 包括 限制 客流 戴 口罩 量 體溫 等 措施 同時 民眾 可能 聚集 的 各種 公共 娛樂場所 健身 中心 網 咖 等 暫時 關閉 為期 2 周 此外 還 將 研 擬 禁止 4 人 以上 聚集 及 舉辦 喜 喪 事宜 的 新 規定 據 東網 報導 港 府 行政 特別 會議 已 決定 為 防控 疫情 採取 多 項 措施 將 自 28 日 傍晚 6 時起 實施 新 規定 包括 餐廳 食 肆 容納 客人 數量 限於 座位 半數以下 每 張 檯面 限 坐 4 人 台 與 台 之間 要 保持 15 米 距離 客人 進入 餐廳 必須 戴 口罩 及 量 體溫 餐廳 須 預備 洗手 液 相關 措施 預計 維持 2 周 港 府 會 為 餐廳 提供 補償 報導 說 港 還 將 對 多種 娛樂場所 祭出 防疫 新 規定 同樣 從 28 日 傍晚 6 時起 生效 新 規 要求 所有 遊戲機 中心 浴室 健身 中心 兒童 遊樂場 戲院 等 公共 娛樂場所 與 出租 式 娛樂場所 亦 要 暫時 關閉 同樣 為期 2 周 政府 亦 會 提供 補償 另 據 香港 01 指出 有 消息 指出 港 府 還 會 將 現有 公共 運動場 的 足球門 架 搬走 封閉 籃球架 的 投籃 圈 房署 公屋 邨 的 遊樂場 亦 將 關閉 東網 表示 港 政 還 進一步 研究 禁止 4 人 以上 的 群眾 聚集 預期 短期 內 推出 措施 但 公共交通 將 獲 豁免 而 紅 白 二 事 等會 另 有 安排</t>
  </si>
  <si>
    <t>香港 第 3 波 新冠 疫情 擴散 單日 新增 確診 42 例 緊縮 限 聚 令</t>
  </si>
  <si>
    <t>稍 早 有 媒體 傳出 菲律賓 致函 臺灣 如果 國產 疫苗 獲得 我國 緊急 使用 授權 eua 審核 通過 菲律賓 將 會 直接 采認 我國 的 eua 讓 國產 疫苗 在 當地 免 做 3 期 臨床 直接 讓 民眾 施打 對此 菲律賓 官方 今 15 日 否認 菲律賓 最 大 廣播電視 公司 abs-cbn 今日 報導 針對 臺灣 媒體 傳出 菲律賓 致函 臺灣 尋求 獲得 臺灣政府 緊急 使用 授權 的 國產 疫苗 菲律賓 總統府 發言人 羅奎 harry roque 回應 時 表示 我 否認 這 一點 菲律賓政府 跨 部門 抗 疫 工作 小組 執行長 加維斯 carlito galvez jr 也 否認 菲國 設法 向 臺灣 取得 更 多 新冠 疫苗 我 沒有 注意 到 有 要求 捐贈 任何 疫苗 特別 是 那些 沒有 經過 菲律賓 fda 緊急 使用 授權 的 疫苗 abs-cbn 指出 他們 也 向 菲國 衛生部長 杜克 francisco duque iii 詢問 不過 至 截 稿 前 杜克 尚未 回應 目前 菲律賓政府 開放 民眾 施打 的 新冠 疫苗 包括 科興 疫苗 阿斯特 捷利康 az 疫苗 輝瑞 bnt 疫苗 以及 俄羅斯 的 衛星 -v sputnik v 疫苗 高端 10 日 宣佈 新冠 疫苗 擴大 二期 臨床 試驗 解 盲 成功 將 向 食 藥 署 申請 緊急 使用 授權 聯 亞 生 技 的 疫苗 2 期 臨床 試驗 也 將 在 月底 解 盲 鏡 週刊 今日 獨家報導 指出 菲律賓 衛生 單位 已經 致函 我方 有意 直接 采認 我國 eua 標準 讓 國產 疫苗 免 在 當地 進行 3 期 臨床 試驗 直接 讓 當地 民眾 施打 對此 食 藥 署 署長 吳秀梅 今日 回應 並未 收到 菲國 來函</t>
  </si>
  <si>
    <t>舒適 紐約 新冠 病毒 醫療 川普</t>
  </si>
  <si>
    <t>real hard work real results no gimmicks being on the cover of @muscleandfitness is a bucket list item for me now back to work joe anoai aka roman reigns @romanreigns 分享 的 貼 文 於 pdt 2020 年 3 月 月 13 日 上午 11 06 張貼 wwe 年度 摔 角 大賽 4 月 5 日 改 成 閉門 舉行 對 舉辦地 造成 經濟 衝擊 去年 光是 周邊 活動 就 為 紐約 與 紐澤西 帶來 16億 美元 商 機 約 48億 台幣 今年 的 摔 角 狂熱 wrestlemania 36 連 主力 選手 都 拒絕 上場 了 大 狗 瑞恩斯 roman reigns 是 幾 年 前 竄升 的 招牌 巨星 他因 為 懼怕 肺炎 而 退出 大賽 他 原本 預定 與 戈柏 bill goldberg 爭搶 總 冠軍 對 大家 很 抱歉 但 我 必須 為 自己 和 家人 做出 選擇 瑞恩斯 雖然 身體 強壯 但 曾 罹患 白血病 導致 免疫力 低下 禁不起 新冠 病毒 的 攻擊 wwe 大賽 向來 都 是 現場直播 這次 為 配合 防疫 政策 大部分 的 選手 對 戰 改為 錄 影 播出 前 nfl 球星 葛倫 考 斯基 rob gronkowski 將要 首次 主持 大賽 他 自幼 就是 摔 角 迷 不幸 今年 只能 面對 空蕩蕩 的 體育館</t>
  </si>
  <si>
    <t>世界衛生組織 28 日 表示 對抗 新冠 疫情 未來 12 個 月 需要 234億 美元 約 台幣 6500億 並 呼籲 全球 最 富裕 的 g 20 領袖 展現 領導 力 出錢 資助 計畫 g 20 領袖 本 週末 在 羅馬 召開 峰會 世衛 秘書長 譚 德塞 表示 g 20 領袖 不能 繼續 在 疫情</t>
  </si>
  <si>
    <t>大陸 國家 衛健 委 高級別 專家組 組長 鍾 南山 12 日 表示 若 有 一些 國家 不 把 疫情 的 危害性 傳染性 結束 時間 不太好 說 一般 情況 下 在 溫度 比較 高 的 夏天 新冠 病毒 是 不 太 活躍 的 但 還是 要 取決 於 各個 國家 的 重視 程度 隨 著 疫情 嚴重</t>
  </si>
  <si>
    <t>手機 哪裡 最 髒 新冠 病毒 在 特定 環境 竟 可 活 28 天</t>
  </si>
  <si>
    <t>英國廣播公司 bbc 報導 刊登 於 病毒學 期刊 的 最新 研究 指出 新冠 病毒 可以 在 特定 環境 下 存活 長達 28 天 包括 鈔票 手機 螢 幕 及 不銹鋼 等 表面 都 比 原先 所想 的 更 髒 澳洲 最 大 國家級 科研機構 澳洲 聯邦 科學 與 工業 研究 組織</t>
  </si>
  <si>
    <t>手機 螢 幕 新冠 病毒 鈔票 28 天 不銹鋼</t>
  </si>
  <si>
    <t>大陸 外交部 發言人 華春瑩 今天 針對 美 國務卿 蓬佩 奧 有關 新冠 病毒 出自 武漢 實驗室 的 矛盾 說法 回應 稱 蓬 佩奧 一直 在 編造 用 謊言 掩蓋 另 一個 謊言 這 已經 是 公開 的 秘密 希望 美國 那些 至今 還 沉迷於 甩 鍋 遊戲 的 政客 能 儘快 回頭是岸</t>
  </si>
  <si>
    <t>大陸 外交部 發言人 華春瑩 今天 針對 美 國務卿 蓬佩 奧 有關 新冠 病毒 出自 武漢 實驗室 的 矛盾 說法 回應 稱 蓬 佩奧 一直 在 編造 用 謊言 掩蓋 另 一個 謊言 這 已經 是 公開 的 秘密 希望 美國 那些 至今 還 沉迷於 甩 鍋 遊戲 的 政客 能 儘快 回頭是岸 把 精力 集中 到 搶救 更 多 美國 人 生命 維護 人民 健康 安全 上來 在 大陸 外交 記者會 上 媒體 提問 稱 美國 國務卿 蓬佩 奧 接受 採訪 表示 專家 們 認為 新冠 病毒 系 人造 他 沒有 理由 不 相信 卻 又 隨即 改口說 沒有 理由 不 相信 情報部門 有關 病毒 非人 造 的 說法 中方 對 蓬佩 奧 此種 自相矛盾 的 說法 有 何 評論 華春瑩 答 稱 他 之所以 前言不搭後語 是 因為 他 一直 在 編造 用 謊言 掩蓋 另 一個 謊言 這 已經 是 公開 的 秘密 至於 他 說 中國 拒絕 交出 病毒 樣本 不 明白人 這 到底 是 在 說 什麼 華春瑩 指出 國際 著名 專家 都 表示 病毒 源頭 問題 必須 基於 科學 和 事實 來 作出 判斷現在 各國 最 早 感染 病例 發現 時間 提前 的 報導 很多 比如 法國 本土 首 個 確診 病例 時間 提前 到 了 去年 12 月 而且 跟 中國 輸入 的 病例 不同 瑞典 專家 稱 其 國內 可能 11 月份 就 已經 出現 感染者 美國 新澤西州 貝爾維 市長 也 表示 去年 11 月 就 已經 感染 美國 佛羅里達州 1 月份 已經 出現 171 人 感染 而且 沒有 一 人 曾 前往 中國 華春瑩 強調 蓬 佩奧 為什麼 要 在 科學家 和 專家 還 都 沒有 定論 的 情況 下 就 匆匆忙忙 下結論 咬 死 病毒 源自 武漢 實驗室 他 的 證據 在 哪裡 請 拿 出來 如果 拿 不 出來 是不是 還 在 炮製 過程 中 華春瑩 還 表示 要 分享 一 篇 由 美國哥倫比亞大學 可持續發展 中心 主任 著名 經濟學 者 傑佛瑞 薩克斯 的 文章 批評 美國政府 在 疫情 問題 上 對 中國 甩 鍋 毫無根據 和 邏輯 並且 造成 了 嚴重後果 他 認為 美國政府 將 中國 視為 美國 問題 的 源頭 是 麥卡錫主義 的 重現 是 個 大 謊言 他 還 質問 你們已經 夠 了 你們 難道 沒有 一點 羞恥心 嗎 他 的 這 句 呐喊道 出 了 全體 中國 人 以及 世界 上 所有 有 正義感 的 人 的 心聲 她 最後 還 說 甩 鍋 推 責 解決不了 問題 更 挽救不了 逝去 的 生命 我們 真心 為 美國 那麼 多 逝去 的 生命 感到 痛惜 和 悲哀 我們 也 真心 希望 美國 的 疫情 能夠 很快 得到 控制 中方 也 願意 提供 力所能及 的 幫助</t>
  </si>
  <si>
    <t>nhk 報導 和歌 山縣 於 6 月 18 日 宣佈 該縣 又 確認 了 3 起 新冠 病毒 肺炎 的 病例 使得 當地 已 有 12 起 病例 和歌 山 的 病例 大多 與 湯 淺 町 的 有 田 醫院 有關 今天 所 確認 的 其中 一起 就是 該院 醫生 的 十幾 歲 兒子 遭到 感染 不過 他 沒有 出現</t>
  </si>
  <si>
    <t>nhk 報導 和歌 山縣 於 6 月 18 日 宣佈 該縣 又 確認 了 3 起 新冠 病毒 肺炎 的 病例 使得 當地 已 有 12 起 病例 和歌 山 的 病例 大多 與 湯 淺 町 的 有 田 醫院 有關 今天 所 確認 的 其中 一起 就是 該院 醫生 的 十幾 歲 兒子 遭到 感染 不過 他 沒有 出現 發燒 等 症狀 根據 厚生 勞動 省 的 說法 這 是 家庭 青少年 第一 次 被 感染 的 病例 另外 的 兩 例 分別 是 60 歲 與 30 歲 的 男性 其中 30 歲 患者 原本 是 和歌 山縣 災害 派遣 醫療隊 成員 他 在 13 日 至 15 日前 往 鑽石 公主 號 遊輪 提供 協助 可能 因 此 遭到 感染</t>
  </si>
  <si>
    <t>住 宿舍 搭 校 車 生活 單純 規律 新增 16 例 新冠 確診 台師大 生 感染 源 不明</t>
  </si>
  <si>
    <t>揉 眼 搓 鼻 染 新冠 病毒 機 率 大增 醫師 提醒 家長 注意 過敏 兒</t>
  </si>
  <si>
    <t>諾貝爾經濟學獎 得主 著名 紐約時報 專欄作家 保羅 克魯格曼 paul krugman 撰文 指出 幾乎 可以 肯定 美國 疫情 會 愈來愈 糟 這 比 義 大利 疫情 大 流行 階段 還 糟糕 確診 病例 3 天 翻 一番 而 按照 這 速度 一個 月 後 確診 病例 將 增加 一千 倍 亦 即有 半 數 美國 人 將 被 感染 克魯格曼 在 專欄 中 寫道 3 周 前 白宮 和 福克斯 新聞 fox news 的 官方 說法 還 是 這個 新冠 病毒 沒什麼 大不了 的 與此相反 的 說辭 都 是 居心不良 的 政治 謊言 是 想 讓 川普 下臺 的 人 在 搞鬼 現在 紐約 全面 爆發 衛生 危機 所有 的 跡象 都 表明 很多 城市 將 很 快 地 陷入 同樣 的 境地 文章 說 我們 希望 這種 情況 不 要 發生 現在 許多 州 已經 處於 封鎖 狀態 可望 減緩 病毒傳播 速度 但是 當 國家 的 噩夢 觸 底 之前 必須 退後 幾 步 問一問 為什麼 美國 的 應對 如此 之 爛 克魯格曼 明確 地 指出 最高 領導人 的 昏庸 顯然 是 一個 重要 因素 數以千計 的 美國 人 正 在 死去 而 總統 還 在 炫耀 他 的 收視率 否認 科學 資料 造成 不必要 的 死亡 不是 此次 新冠 病毒 所 獨有 美國 一直 都 是 發達國家 中的 否認 與 死亡 之國 只 是 現在 呈現 速度 更加 驚人 在 否認 科學 上 流行病 學家 的 工作 迅速 被 政治化 遭 抹黑 為 傷害 川普 宣傳 社會主義 或者 其他 目的 這種 反應 不 令人 意外 因為 氣候 科學家 多 年 來 面臨 著 同樣 的 指控 否認 氣候變化 是 一 種 全球性 的 現象 但 中心 顯然 在 美國 共和黨 是 世界 上 唯一 否認 氣候變化 的 主要 政黨 在 死亡 議題 上 有些 人 堅信 美國 人 預期 壽命 是 全世界 最高 的 畢竟 美國 不是 世界 上 最 偉大 的 國家 嗎 但 事實上 美國 人 預期 壽命 是 發達國家 中 最低 的 而且 與 其他 發達國家 的 差距 幾 十 年 來 一直 擴大 原因 很多 包括 缺乏 全民 健康 保險 以及 美國 獨有 的 絕望 之 死 因 毒品 酒精 和 自殺 導致 的 死亡 但 所有 的 分析 都 被 認為是 對 政府 的 敵意 與 這次 對 疫情 的 分析 有 同樣 的 下場 一 種 可能 的 說法 是 美國 的 政治 格局 賦予 了 反科學 的 宗教 右翼 以 特殊 權力 儘管 美國 是 一個 擁有 光輝 歷史 的 偉大 國家 但 強硬 右派 的 崛起 正 在 把 美國 變成 一 座 否認 與 死亡 之國 這種 轉變 過去 幾 十 年 裡 已 逐漸 出現 只 是 現在 它 發展 得 更 快 罷了</t>
  </si>
  <si>
    <t>新冠 疫情 全球 大 流行 對 各 地 跨 年 活動 造成 了 毀滅性 的 影響 全球 各 大 城市 都 大幅 緊縮 或 停辦 跨 年 活動 疫情 仍 嚴重 的 國家 更 是 慘 不忍 賭 疫情 最 早 爆發 並 因 封城 而 震驚 全球 的 武漢市 卻 有 大批 民眾 湧上 街頭 慶祝 新年 引發 西方 媒</t>
  </si>
  <si>
    <t>美國 的 新冠 疫情 日益 嚴峻 各 大 醫療 院所 也 處於 負荷 極 重 的 狀態 在 疫情 震央 紐約市 曼哈頓 1 座 大型 教堂 的 教長 6 日 表示 疫情 期間 將 把 教堂 改造 為 野戰醫院 以 支援 抗 疫 紐約時報 等外 媒 報導 聖約翰大 教堂 the cath</t>
  </si>
  <si>
    <t>國際 政治 聯邦 支出 法案 新冠 紓困 措施 美國會 拼 同時 達 陣</t>
  </si>
  <si>
    <t>支出 法案 新冠 新一輪 佩洛西 援助</t>
  </si>
  <si>
    <t>鑽石 公主 號 新冠 疫情 肆虐 基隆 1 名 曾 接觸 郵輪 旅客 民眾 日前 出現 呼吸道 症狀 懷疑 罹 病 至 基隆 醫院 檢查 採樣 幸采 驗 結果 為 陰性 觀察 無 異狀 後 近期 即可 辦理 出院 適逢 西洋 情人節 院長 林慶豐 帶領 醫療 團隊 治 病房 外 加油</t>
  </si>
  <si>
    <t>國際 社會 模範 生 疫情 拉 警報 德國 新冠 病毒 傳染 率 激增</t>
  </si>
  <si>
    <t>新冠 疫苗 成 外交 角力 籌碼 宅 神 歎 臺灣 還 是 要 靠 自己</t>
  </si>
  <si>
    <t>新冠 疫苗 意願 登記 第 三輪 已 陸續 發送 預約 簡訊 給 符合 資格 的 民眾 截 自 昨日 17 時 已 有 逾 95萬 人 預約 一 名 人 妻 收到 簡訊 後 又驚又喜 更 直 呼 婆婆 還 沒 收到 我 先 收到 她 急 忙 到 疫苗 登記 平臺 預約 但 過程 中 卻 頻頻 失敗 查</t>
  </si>
  <si>
    <t>1922 疫苗 平臺 混打 疫苗 新冠 疫苗 az</t>
  </si>
  <si>
    <t>受到 新冠 病毒 疫情 延 燒 導致 店家 訂貨 趨於 保守 十 荒 長者 可以 撿 十 的 紙箱 鐵 罐 與 寶特瓶 的 數量 屈指可數 許多 店家 也 擔心 十 荒 者 是否 會 帶來 傳染 紛紛 暫時 取消 店 內 回收 相較 過去 1 天 約 可 獲得 上百 元 現在 的 十 荒 長輩 一 天</t>
  </si>
  <si>
    <t>受到 新冠 病毒 疫情 延 燒 導致 店家 訂貨 趨於 保守 十 荒 長者 可以 撿 十 的 紙箱 鐵 罐 與 寶特瓶 的 數量 屈指可數 許多 店家 也 擔心 十 荒 者 是否 會 帶來 傳染 紛紛 暫時 取消 店 內 回收 相較 過去 1 天 約 可 獲得 上百 元 現在 的 十 荒 長輩 一 天 平均 回收 收入 僅 有約 50 元 如 獨居 的 劉阿嬤 平日 靠 十 荒 與 賣 水餃 維生 近期 阿嬤 得了 乳 癌 中華民國 老人 福利 關懷 協會 協助 辦理 住院 與 相關 手續 後 阿嬤 卻 一直 想 出院 擔心 負擔 不了 醫療費 協會 希望 讓 阿嬤 安心 照顧 好 身體 出院 後 將 提供 阿嬤新 的 推 車 中華民國 老人 福利 關懷 協會 服務 的 清寒 長輩 中 有 一 成 是 十 荒 者 他們 不同 的 是 肩負 著 撐 起家 的 重擔 邀請 社會 大眾 一同 支持 推動 愛 食 不 荒 計 畫 讓 長輩 有 一個 乾淨 舒適 的 生活 環境 與 基本 的 生活必需 用品 外 也 讓 長輩 們 能 靠 自己 與 大家 的 力量 撐 起 一個 家 捐款 可洽 http www ewca org tw m 406 1689 89675 r 2085 php</t>
  </si>
  <si>
    <t>隨 著 新冠 疫情 在 全球 擴散 美中關係 達到 建交 以來 的 最低點 已 成為 觀察家 們 的 共識 歐 巴馬 政府 時期 主管 中國 政策 的 官員 何 瑞恩 ryan hass 分析 稱 美中關係 已 由 競爭 關係 轉變成 敵對 關係 這 是 長期 的 結構性 壓力 即便 民主</t>
  </si>
  <si>
    <t>隨 著 新冠 疫情 在 全球 擴散 美中關係 達到 建交 以來 的 最低點 已 成為 觀察家 們 的 共識 歐 巴馬 政府 時期 主管 中國 政策 的 官員 何 瑞恩 ryan hass 分析 稱 美中關係 已 由 競爭 關係 轉變成 敵對 關係 這 是 長期 的 結構性 壓力 即便 民主黨 拜登 當選 能 改善 的 情況 也 很 有限 何 瑞恩 曾 任 美國 駐 北京 外交官 並 在 歐 巴馬 時 期 國安會 主管 過 中國 與 臺灣 事務 他 在 接受 英國廣播公司 bbc 專訪 指出 華盛頓 近期 的 外交 策略 值得 商榷 面對 中國 大陸 聲浪 愈 高 的 戰 狼 外交 美國 以牙還牙 的 策略 損害 了 政策 目標 何 瑞恩 說 目前 確實 是 兩 國 建交 以來 關係 最 嚴峻 的 時候 以前 許多 外交 上 的 艱 困 時刻 例如 1989 年 天安門事件 後 1996 年 的 台海 危機 1998 年 南斯拉夫 大使館 轟炸 事件 以及 2001 年 的 南海 撞機 事件 但 這些 危機 只 要 兩 國 合作 共度 難關 關係 就 能 持續 發展 現在 完全 不同 兩國關係 承受 長期 累積 的 結構性 壓力 它 並非 來自 於新冠 疫情 而是 雙方 都 想 在 一 山 不 容二虎 的 鬥爭 當中 獲勝 他 表示 這種 關係 已不 是 競爭 關係 而是 敵對 關係 兩者 的 差別 在於 在 競爭 關係 中 你 嘗試 比 對方 更具 競爭力 而 在 對抗 關係 中 你會 試圖 傷害 對方 因為 對手 遭遇 的 挫敗 能 相對 加強 己方 的 實力 過去 幾 個 月 華盛頓 與 北京 的 關係 在 哪些 關鍵時刻 沒有 處理 好 何 瑞恩 認為 趙立堅 式 的 言論 對 兩國關係 造成 了 極大 的 傷害 這種 言論 極不 明智 可以 理解 這 是 面向 哪些 觀眾 但 確實 在 美國 激起 極大 反感 美國政府 也 同樣 有 人 主張 要 對 中國 展開 輿論 戰 事態 發展 至此 兩 方都 有 責任 現在 美國 鷹 派 抬頭 中國 也 是 年輕 鷹 派 但 其實 都 是 民族主義 抬頭 其 背後 原因 是 領導 力 的 缺失 在 過去 幾 年 中美關係 曾 面臨 低蕩 在 歐 巴馬和 習近平 時期 兩國關係 也 很 複雜 困難 但 當時 有領袖人物 關係 氣氛 就 很 不 一樣 何 瑞恩 認為 雙方 現在 都 利用 美中關係 滿足 其 國內 政治 需要 歐 巴馬 當年 認為 美中關係 太 重要 不能 將 它 變成 政治 足球 但 如今 政治 很 大程度 上 操縱 了 政策 不僅僅 是 美國 一 方 在 中國 也 出現 了 類似 的 情況 在 面對 美國 大選 的 情況 下 何 瑞恩 表示 雙方 關係 會 更進一步 激化 至於 會 有 多 糟 要 看 北京 如何 回 應 美國 的 對華 表態 這股 批評 聲浪 可能 會 非常 嚴酷 希望 北京 能 眼光 放得 更 遠 短期 情勢 也許 會 非常 緊張 如果 疫情 拖到 11 月 大選 後 雙方 關係 下降 太 多 就 很 令人遺憾 至於 拜登 如果 當選 何 瑞恩 說 這 4 年 發生 的 事 也 不 會 被 遺忘 中美關係 不 會 立即 回到 2016 年 因為 世界 格局 美中關係 都 已 變化 美國 的 政策 也 會 改變 拜登 當選 後 可能 會 比 2016 年 更 強硬 尤其 在 經濟 方面 因為 也 需要 對 其 支持者 作出 交代 何 瑞恩 最後 說 在後 新冠 疫情 時期 兩 國 在 疫情 應對 保護 國民 和 復蘇 經濟 的 有效性 都會 評判 在 預期 新冠 疫情 的 意義 時 要 保持 謙遜 的 態度 以前 發生 重大事件 時 就 會 有 很多 世界 要 如何 翻天覆地 變化 的 文章 出現 事後 看來 都 不怎麼樣 這 一 次 應該 也 不 會 例外</t>
  </si>
  <si>
    <t>據 美 媒 引述 美國疾控中心 cdc 資料 報導 美國 首例 新冠 死亡 病例 已 由 原來 認定 的 2020 年 2 月 6 日 提前 至 2020 年 1 月 9 日 提早 了 將近 一個 月 而且 據 其 家屬 表示 這 名 最新 被 確認 為 首例 新冠 病毒 死亡 病例 醫院 方面 的 紀錄 顯示 死</t>
  </si>
  <si>
    <t>美國 新冠 病毒 covid 19 死亡 病例 中國</t>
  </si>
  <si>
    <t>瑞基 4171 雙喜臨門 不僅 第一 季營 收 以 129億 元 交出 年 增 近 五 成 的 新高 佳績 該 公司 開發 的 檢測 新冠 病毒 試劑 也 領先 同業 取得 衛福部 專案 核准 未來 將 有助於 擴大 海外 市場 佈局 帶動 業績 持續 增 溫 今年 營運 樂觀 營運</t>
  </si>
  <si>
    <t>不論 從 哪個 角度看 各國 在 新冠 病毒 疫情 控制 上 的 數字 有 一個 國家 的 表現 都 格外 惹人注目 韓國 這不 是 在外 媒 報導 中 找 隻言片語 來 為 自 已 吹噓 防疫 成就 而是 實際 對 大規模 疫情 防控 的 有效 措施 從 數字 上 吸引 了 外國 政府 直接 派</t>
  </si>
  <si>
    <t>不論 從 哪個 角度看 各國 在 新冠 病毒 疫情 控制 上 的 數字 有 一個 國家 的 表現 都 格外 惹人注目 韓國 這不 是 在外 媒 報導 中 找 隻言片語 來 為 自 已 吹噓 防疫 成就 而是 實際 對 大規模 疫情 防控 的 有效 措施 從 數字 上 吸引 了 外國 政府 直接 派員 前來 討教 學習 韓國 沒有 封城 封國 企業 不 停工 卻 能 把 曾經 全球 第二 嚴重 的 韓國大 規模 疫情 硬 生 生地 控制 下來 很多 國家 都 很 羡慕 韓國 怎麼 做到 的 紐約時報 專題 報導 指出 在 2 月 下旬 和 3 月初 韓國 的 新冠 病毒感染 人數 激增 短短 數日 從 數 十 例 激增 到 幾 百 再 到 幾 千 例 2 月底 每日 新增 近 千 例 幾乎 要 壓垮 這個 擁有 5000萬 人口 的 國家 但是 不 到 一 周 之後 新增 病例 數 減少 一半 4 天內 再 減 一半 第 5 天 又 減半 到 上個 周日 韓國 報告 新增 病例 僅 64 例 是 近 一個 月 來 最低 相比 其他 國家 的 每日 新增 感染 數以千計 疫情 第二嚴重 的 義 大利 每天 有 數 百 人 死亡 而 韓國一 天 的 死亡 人數 則 不 超過 8 人 到 25 日 為止 韓國總 確診 數 為 9067 例 死亡 120 例 排在 中國 大陸 義大利 美國 西班牙 德國 法國 伊朗 之後 報導 說 韓國 是 2 個 發生 了 大 範圍 疫情 並 壓 平 了 新增 病例 曲線 的 國家 之一 另 一個 當然 是 中國 大陸 不過 韓國 沒有 像 大陸 那樣 封城 封 省 也 沒有 進行 像 歐洲 和 美國 那樣 對 經濟 造成 破壞 的 大 封鎖 現在 各國 官員 和 專家 正 在 仔細 研究 總結 韓國 的 經驗 他們 的 做法 雖然 不 那麼 容易 但 看起來 相對 簡單 並 可 承受 迅速 的 行動 大規模 檢測 和 接觸 者 追蹤 以及 必不可少 的 民眾 支持 報導 表示 有些 疫情 快速 爆發 的 國家 開始 對 韓國 的 做法 表現 出 興趣 包括 法國 總統 馬克宏 emmanuel macron 和 瑞典 首相 勒 文 stefan l fven 都 致電 韓國 總統 文在寅 請求 提供 有關 該國 措施 的 詳情世界衛生組織 who 總 幹事 譚 德塞 tedros adhanom ghebreyesus 也 敦促 各國 借鑒 韓國 和 其他 地區 的 經驗 不過 韓國 對此 讚譽 則 謹慎 表示 成功 是 暫時 的 死灰復燃 的 風險 仍然 存在 尤其 是 當 疫情 繼續 在 國境 之外 肆虐 的 時候 報導 說 總結 韓國 控制 疫情 的 經驗 可以 歸納 為 幾 項 重要 措施 1 在 變成 危機 之前 迅速 干預 快速 生產 檢測 試劑 盒 2 開設 600 個 檢測 中心 密集 地 進行 檢測 受檢 過程 10 分鐘 6 小時 結果 出爐 至今 已 超過 30萬 人 受檢 3 利用 手機 app 進行 隔離 觀察 與 接觸 者 追查 以 信用卡 記錄 與 手機 gps 掌 控 被 監控 者 行蹤 4 爭取 公眾 協助 進行 疫情 防控 韓國 模式 可以 複製 嗎 報導 認為 很多 人 都 關注 韓國 的 成功 它 的 方法 既 不 複雜 也 不 昂貴 使用 的 技術 也 很 簡單 在 疫情 比 韓國 嚴重 的 7 個 國家 中 有 5 個 都比 它 更 富裕 專家 指出 效仿 韓國有 3 大 障礙 都 與 成本 和 技術 無關 其一 是 政治 意願 在 疫情 尚未 發展 成 危機 之前 許多 國家 都曾 猶豫 是否 要 實施 嚴格 的 措施 其二 是 公共 意志 韓國 的 社會 信任 度 高於 其他 許多 國家 沒有 兩極分化 和 民粹主義 反彈 的 困擾 其三 是 學習 韓國 時間 是 最 大 的 挑戰 對於 陷入 疫情 深淵 的 國家 來說 要 像 韓國 這樣 迅速 有效 地 控制 疫情 可能 已經 太 遲 了 就 像 現在 的 義 大利</t>
  </si>
  <si>
    <t>世衛 新冠 病毒 為 頭號 公敵 比 恐 攻 更具 威脅</t>
  </si>
  <si>
    <t>不畏 新冠 疫情 七 年級 火鍋 店 拼 轉機</t>
  </si>
  <si>
    <t>國光 生 持續 開發新冠 疫苗 決心 不 變</t>
  </si>
  <si>
    <t>國光 生 安特羅 新冠 疫苗 國光 臨床 試驗</t>
  </si>
  <si>
    <t>看來 nba 想要 重新 開 打的 日子 仍 很 遙遠 根據 美國 塞 頓 霍爾 大學 史蒂爾曼 商學院 做出 民 調 高達 7 成 2 的 美國 民眾 在 還 沒 開發 出 新冠 疫苗 之前 就算 體育賽事 恢復 舉辦 他們 也 不 去 現場 看球 甚至 7 成 6 民眾 希望 比賽 採取 閉門 方式</t>
  </si>
  <si>
    <t>世銀大 灑 幣 斥資 120億 美元 助 發展中國家 獲得 新冠 疫苗</t>
  </si>
  <si>
    <t>國內 疫情 趨 緩 降為 二級 警戒 恢復正常 運作 加速 上班族 施打 疫苗 的 意願 但有 不少 人 在 接種 完 新冠 疫苗 後 都 出現 副作用 就 有 名 女性 上班族 在 網路上 表示 自己 打完 az 後頭 爆 痛 覺得 眼睛 掉 出來 不過 老闆 的 一 句 話 讓 她 相</t>
  </si>
  <si>
    <t>東京 奧運 昨 8 日 在 新冠 疫情 之中 結束 當 各國 選手 相繼 返國 之際 日本 接下來 還 得 面對 奧運 支出 國內 疫情 升溫 等 問題 尤其 東奧 舉辦 期間 日本 單日 確診 人數 暴 增 了 3 倍 雖然 收視率 開 紅盤 但是 國際 奧 會 自信 滿滿 稱 日本</t>
  </si>
  <si>
    <t>東京 奧運 昨 8 日 在 新冠 疫情 之中 結束 當 各國 選手 相繼 返國 之際 日本 接下來 還 得 面對 奧運 支出 國內 疫情 升溫 等 問題 尤其 東奧 舉辦 期間 日本 單日 確診 人數 暴 增 了 3 倍 雖然 收視率 開 紅盤 但是 國際 奧 會 自信 滿滿 稱 日本 人 接受 東奧 選手村 內外 宛如 平行 世界 等 發言 以及 強行 舉辦 奧運 輕視 國民 情感 的 態度 仍 讓 日本 人 相當 反感 命運多舛 的 東京 奧運 昨日 終於 在 疫情 中 順利 落幕 共同 社 報導 東奧 組委會 今 9 日 宣佈 再 新增 28 名 奧運 相關 人員 確診 不過 當中 並 沒有 運動員 選手 中 已經 連續 4 天 沒有 人 確診 自 7 月 1 日 以來 和 奧運 相關 的 確診 者 共計 464 人 其中 有 32 名 選手 因為 確診 退 賽 東奧 似乎 在 控制 疫情 方面 做 得 相當 不錯 不過 日本 國內 疫情 卻 在 這 17 天內 急速 升溫 不論是 全國 還 是 東京 每日 新增 確診 數 都 暴 增 3 倍 以 日本 全境 來看 7 月 23 日 新增 5529 例 8 日 已經 暴 沖 至 15753 例 東京 7 月 23 日 新增 1359 例 昨日 暴 增 4066 例 作為 地主國 日本 本屆 奧運 拿下 27 面 金牌 創紀錄 另外 收穫 14 枚 銀牌 17 枚 銅牌 總計 58 面 獎牌 也 刷新紀錄 由於 新冠 疫情 屢次 反撲 一度 有 高 達 8 成 的 日本 民眾 反對 舉辦 東奧 不過 隨 著 賽事 進行 選手 屢 創 佳績 反對 東奧 的 聲浪 似乎 有所 下滑 朝日新聞 與 日本 新聞網 jnn 分別 公佈 的 2 份 民 調 發現 約 6 成 日本 人 對於 舉辦 東奧 給予 肯定 東奧 期間 的 收視率 也 開出 紅盤 開幕式 的 收視率 高達 564 儘管如此 共同 社 8 日 一 篇 分析 文 指出 日本 人 對於 國際 奧 會 ioc 強行 舉辦 東奧 及 輕視 日本 國民 情感 的 態度 仍 相當 反感 國際 奧 會 主席 巴赫 thomas bach 6 日 在 記者會 上 自信 滿滿地 表示 每 10 名 日本 人 中 就 有 9 人 觀看 奧運 他 以 收視率 為 基准 得出 日本 人 支持 並 接受 奧運 的 結論 他 還 強調 這不 是 感受 而是 事實 國際 奧 會 發言人 亞當斯 mark adams 也 多次 表示 超過 7000萬 日本 人 觀看 開幕式 文章 指出 以 收視率 來 總結 日本 人 接受 了 奧運 的 說法 日本 民眾 對於 國際 奧 會 這樣 自信 滿滿的 姿態 相當 不滿 此外 雖然 透過 接種 疫苗 徹底 進行 病毒檢測 限制 行動 等 措施 成功 抑制 了 選手村 內 的 疫情 大 暴發 但是 同一時間 日本國 內 的 疫情 卻 愈來愈 嚴重 巴赫 曾 讚賞 多虧 世界衛生組織 who 的 建議 東奧 防疫 才能 取得 成功 7 月 29 日 針對 日本 疫情 惡化 亞當斯 曾 強調 選手 生活 在 不同 的 平行 世界 和 日本 大眾 分開 這 番 言論 也 被 抨擊 事不關己 亞當斯 當時 還 稱 我 認為 不是 我們 造成 東京 疫情 擴大 另外 巴赫 也 持續 被 記者 逼 問 艱難 提問 包括 有人 質疑 國際 奧 會 為了 取得 北美地區 高額 的 轉播權 利金 而 選擇 在 7 至 8 月 間 舉辦 奧運 認為 舉辦 時間 應該 重新考慮 也 有人 尖銳 質疑 國際 奧 會 誇耀 能 安全 舉辦 東奧 但 這 是 日本 人 出 的 錢 舉辦 城市 的 負擔 太 大 可能 需要 更 大 的 變革 吧 面對 這些 提問 巴赫 要不是 皺眉 回應 謝謝 您 的 意見 就 是 避免 明確 回答 又 或者 重申 國際 奧 會 的 正當性 共同 社評 論 他 的 回應 中 似乎 仍 看 不 到 日本 民眾 的 身影</t>
  </si>
  <si>
    <t>韓 宣佈 明年 11 月 前 達成 逾 8 成 人口 接種 新冠 疫苗 目標</t>
  </si>
  <si>
    <t>南韓 疫情 嚴峻 18 日 發佈 資料 顯示 單日 新增 確診 連續 3 天 破 千 例 累計 達 475萬 南韓 衛生部 18 日 宣佈 將 在 明年 11 月 之前 達到 全國 8 成 人口 接種 新冠 疫苗 的 目標 該部 上周 曾 表示 南韓 將 從 各 大 研發 生產 疫苗 的 藥廠 包括 輝</t>
  </si>
  <si>
    <t>南韓 疫情 嚴峻 18 日 發佈 資料 顯示 單日 新增 確診 連續 3 天 破 千 例 累計 達 475萬 南韓 衛生部 18 日 宣佈 將 在 明年 11 月 之前 達到 全國 8 成 人口 接種 新冠 疫苗 的 目標 該部 上周 曾 表示 南韓 將 從 各 大 研發 生產 疫苗 的 藥廠 包括 輝瑞 楊森 莫德納 和 阿斯特 捷利康 等 進口 4400萬 劑 新冠 疫苗 衛生部 官員 表示 4400萬 劑 對 8 成 以上 人口 已 綽 綽 有 餘 屆時 可 達到 群體 免疫 據 韓聯社 報導 中央 災難 安全 對策 本部 在 同日 發佈 疫苗 採購 計 畫 表示 政府 目標 是 本月 與 楊森和 輝瑞 簽署 疫苗 採購 協定 明年 1 月 與 莫德納 簽約 明年 2 到 3 月 則 進口 已 簽約 的 阿斯特 捷利康 疫苗 疫苗 將 優先 提供 老人 安養長 照 機構 的 住 民 以及 醫護人員 注射</t>
  </si>
  <si>
    <t>新冠 病毒 omicron 變異 株 截至 11 月底 已 入侵 43 個 國家 地區 亞洲 包含 日本 香港 韓國 印度 新加坡 馬來西亞 及 斯里蘭卡 7 國 但 臺灣 仍 有 超過 500萬 人 連 第一 劑 疫苗 都 還 沒 打 民眾黨 團 立 委 賴香伶 和 副總 召 高 虹 安 今日 召開 記</t>
  </si>
  <si>
    <t>az 疫苗 15 日 起 開放 高齡 長者 施打 2 天 傳出 13 名 長者 接種 疫苗 後 猝 逝 震驚 外界 不少 民眾 猶豫 該不該 讓 家中 長輩 打 疫苗 台大 知名 感染 科 權威 教授 李秉穎 表示 從 資料 上 來看 其實 沒有 出現 危險 訊號 台 大 兒童 醫院 感染 科 醫師 李秉穎 今 上周 玉蔻 電臺節目 時 被 問及 az 大規模 開 打 後 頻 傳 長者 猝死 是不是 顯示 az 疫苗 不 適合 長者 施打 李秉穎 表示 打 疫苗 出現 任何 不良反應 甚至 死亡 不 一定 有 因果 關係 可能 是 時間 關係 因為 老人 猝死 都 與 心血管 疾病 或 腦 中風 有關 因此 這個 問題 要用 科學態度 來 解釋 他 表示 以 民國 109 年 統計 75 歲 以上 老人 有 140萬 人 死亡 人數 為 9萬5千 多 人 等於 每天 有 260 個 75 歲 以上 長者 過世 李 秉 穎 指出 現在 每天 78萬 名 長者 接種 疫苗 與 109 年 平均 死亡率 相比 可 預期 78萬 個 長者 中 一 天會 有 14 人 過世 但 以 昨天死亡 人數 11 位 來說 沒有 超過 預期 值 所以 李秉穎 指出 疫苗 不良反應 或 死亡率 並未 高於 未 打 疫苗 者 沒有 發現 危險 訊號 同時 李秉穎 表示 以 學理 上 來看 疫苗 會 讓 一個 人 突然 死亡 的 原因 就是 過敏性 休克 往往 在 接種 30 分鐘 內 發生 但 以 昨天 案例 的 情況 都 不 像是 過敏性 休克 外界 質疑 老人 身體虛弱 是否 能 承受 的 了 az 副作用 李秉穎 表示 這 也 就 表示 老人家 更 禁不起 新冠 病毒 由於 長者 免疫系統 老化 抗體 生成 性 不 佳 不良反應 反而 更少 較 不容易 出現 副作用</t>
  </si>
  <si>
    <t>長 聖 特 管法 6 月 營 收 新冠 重症</t>
  </si>
  <si>
    <t>林彥汝 新冠 病毒</t>
  </si>
  <si>
    <t>世界衛生組織 who 25 日 舉行 記者會 會 中 who 秘書長 譚德 賽 警告 隨 著 在 印度 發現 的 delta 變種 病毒 於 全球 快速 傳播 非洲 因 缺乏 疫苗 而 岌岌可危 光 上周 新增 確診 數 與 死亡 人數 就 較 前 1 周 增加 近 40 相較 於 世界 上 最 貧窮 的 國家 正 缺乏 疫苗 富裕 國 卻 開放 社會 並為 低 風險 的 年輕人 接種 疫苗 正 因為 已 開發 國家 錯誤 的 政策 才 導致 全球 防疫 失敗 譚德 賽 表示 富有 國家 選擇 為 自己 年輕 族群 施打 疫苗 卻 不 願 提供 疫苗 給 發展中國家 這 導致 窮國 手上 根本 沒有 疫苗 可以 分配 我們 的 世界 正 失敗 作為 全球 社 群 我們 正 失敗 中 他 以 愛滋病 與 h 1 n 1 為 例 當 高 收入 國家 爆發 愛滋病 的 十 多年 後 貧窮 國 才 拿到 抗 人體 免疫缺損 病毒 的 藥物 2009 年 h 10 n 1 大 流行 這樣 的 事 又 重演 一 次 難道 我們 要 重蹈覆轍 甚至 當時 還 有人 認為 就算 提供 抗 人體 免疫缺損 病毒 的 藥物 非洲 國家 也 沒有 技術 可以 使用 如此 複雜 的 治療 方式 我 的 意思 是 這種 態度 必須 成為 過去 式 目前 防疫 的 關鍵 就 是 供應 問題 給 我們 疫苗 窮人 與 富人 之間 的 差距 完全 暴露 我們 世界 的 不 公平 不 公正 與 不 平等 讓 我們 面對 他 who 公共 衛生 緊急 計畫 執行 主任 萊恩 michael ryan 則 解釋 如果 認為 貧窮 國家 沒有 技術 接種 疫苗 那 就 大錯特錯 了 事實上 許多 發展國家 在 大規模 接種 霍亂 小兒麻痹 等 傳染病 疫苗 上 成果 比 工業化 國家 更 好 他 強調 父權 作風 與 殖民 者 的 心態 認為 這 東西 我們 不能 給 你 因為 害怕 你 不能 更 好 的 使用 他 但 我 認真 的 問 一 句 在 大 流行 期間 還 要 這樣 由 who 與 全球 疫苗 免疫 聯盟 gavi 聯合 運作 的 疫苗 全球 取得 機制 covax 自 2021 年 2 月 以來 已 提供 132 個 國家 9000萬 劑 的 新冠 疫苗 不過 隨 著 印度 陷入 疫情 高峰 由於 印度 為 疫苗 生產 大國 導致 供應 成為 重大 問題 世界衛生組織 who 高級顧問 艾 沃德 bruce aylward 證實 不論是 az 疫苗 輝瑞 疫苗 嬌 生 疫苗 我們 這個 月 指 6 月 1 劑 疫苗 都 沒 拿 到 每家 供應商 都 表示 無法 提供 現貨 因為 其 他家 廠商 也 同樣 訂購 這些 產品 還有 部分 供應商 為 低 風險 的 年輕人 接種 疫苗 情況 相當 糟</t>
  </si>
  <si>
    <t>默沙東 藥廠 終止 研發 新冠 疫苗</t>
  </si>
  <si>
    <t>自 美國 新冠 疫情 惡化 以來 華府 與 北京 雙邊關係 齟齬 加深 美方 除了 不斷 指責 陸方 隱瞞 疫情 更 暗示 病毒 正是 出於 大陸 實驗室 加上 最近 因 陸 通過 港版 國安法 而 拉攏 各國 譴責 北京 不過 正當 普遍認為 雙邊關係 惡化 之際 美方 突然</t>
  </si>
  <si>
    <t>自 美國 新冠 疫情 惡化 以來 華府 與 北京 雙邊關係 齟齬 加深 美方 除了 不斷 指責 陸方 隱瞞 疫情 更 暗示 病毒 正是 出於 大陸 實驗室 加上 最近 因 陸 通過 港版 國安法 而 拉攏 各國 譴責 北京 不過 正當 普遍認為 雙邊關係 惡化 之際 美方 突然 宣佈 將 重 啟美 駐 武漢 總領事館 格外 引人關注 但 美國 仍 陷於 疫情 泥 淖 讓 許多 陸線民 對此 決定 不 太 歡迎 據 美國有線電視新聞網 報導 主管 立法 事務 的 助理 國務卿 泰勒 mary elizabeth taylor 向 國會 通知 表示 美國國務院 計 畫 於 22 日 左右 重開 美 駐 武漢 總領事館 但 實際 時間 扔 鬚根 據 具體情況 決定 該 通知 也 指出 在 美 陸 關係 的 關鍵時刻 美國 在 陸 外交人員 就位 至關重要 1 月 新冠 疫情 於 武漢 擴散 至 陸 全境 時 國務院 下令 非 緊急 人員 與 其 家屬 從 武漢 離境 當時 有 上百 名 美國 外交官 與其 家屬 在 包機 之下 從 武漢 返回 美國 而 根據 給 國會 的 通知 中 國務院 指出 當 強大 陸 疫情 已 改善 至 一定 程度 特別 是 武漢 此時 重 啟 總領館 會 是 合適 的 報導 指出 國務院 準備 重 啟 武漢 總領事館 的 決定 正值 美方 準備 讓 原先 從 世界各地 撤回 的 外交人員 重返 原 駐 點 根據 國務院 發言人 指出 美國 在 全球 的 使領館 都 相繼 進入 復工 階段 97 個 城市 處於 復工 第一 階段 恢復 40 工作人員 35 個 城市 處於 第二 階段 恢復 40 80 美方 要 重 啟 武漢 總領事館 的 消息 也 很快 在 陸 傳開 在 陸社群 網站 微博 已 有 850萬 點 閱 不 過 多 為 網友 吐 槽 的 聲音 如 我們 不 歡迎 你們 從 美國 來 大陸 之前 要 先 隔離 兩 周 武漢 好不容易 恢復 了 正常 秩序 他們 又 想 把 病毒 送回 武漢 嗎 等 自己 好 了 再來 吧</t>
  </si>
  <si>
    <t>武漢 總領事館 美國 國務院 新冠 病毒</t>
  </si>
  <si>
    <t>超前 部署 南韓 政府 搶購 疫苗 也 搶購 口服 新冠 藥</t>
  </si>
  <si>
    <t>南韓 政府 超 佛 心 表示 將 全額 負擔 新冠 確診 患者 的 新冠 口服藥 費用 據 推測 每人 平均 藥費 將 超過 90萬 韓元 約 新 台幣 21230 元 南韓 防疫 單位 中央 應急 處置 本部 社會 戰略 組長 孫映萊 表示 進口 口服 新冠 藥物 的 經費 將 由 國家</t>
  </si>
  <si>
    <t>南韓 政府 超 佛 心 表示 將 全額 負擔 新冠 確診 患者 的 新冠 口服藥 費用 據 推測 每人 平均 藥費 將 超過 90萬 韓元 約 新 台幣 21230 元 南韓 防疫 單位 中央 應急 處置 本部 社會 戰略 組長 孫映萊 表示 進口 口服 新冠 藥物 的 經費 將 由 國家 全額 承擔 孫映萊 指出 救治 新冠 患者 的 費用 目前 由 國家 全額 報銷 個 人 不 需要 承擔 任何 費用 今後 引進 口服藥 時 也 將 適用 同樣 的 原則 根據 韓聯社 報導 南韓 政府 今年 用於 購買 口服 新冠 藥物 的 預算 為 168億 韓元 明年 預算 規模 增為 194億 韓元 據 疾病 管理廳 公佈 的 資料 今年 的 追加預算 中 包含 了 可 供 18萬 人 使用 的 新冠 口服藥 採購 費 明年 預算 中 包含 可 供 2000萬 人 使用 的 藥物 採購 費 據此 推算 政府 為 每人 負擔 的 平均 口服 藥費 約 為 90萬 韓元 南韓 將 在 首 劑 疫苗 覆蓋率 達 7 成 之後 轉為 與 病毒 共存 的 防疫 模式 口服 新冠 治療 藥物 成為 疫苗 之外 防疫 的 重要 利器 因此 南韓 政府 正 積極 與 各 大 製藥 廠 洽談 採購 適宜 目前 進入 三期 臨床 試驗 的 三 種 口服 新冠 藥 分別 是 美國 默克 藥廠 的 molnupiravir 瑞士 羅 氏 製藥 的 at- 527 輝瑞 藥廠 的 pf- 07321332 其中 美 商 默沙東 藥廠 已 搶先 於 6 月 與 美國政府 簽訂 預購 合約 外傳 一 顆 定價 700 多 美元 另外 還 計畫 最 快 10 月 前 通過 美國食藥局 fda 緊急 使用 授權</t>
  </si>
  <si>
    <t>口服 南韓 政府 新冠 全額 口服藥</t>
  </si>
  <si>
    <t>美國 食品 藥物 管理局 fda 尚未 批准 讓 民眾 施打 追加 疫苗 booster shot 不過 當地 已經 爆發 追 打 疫苗 之 亂 超過 900 人 已經 完成 第 3 劑 疫苗 接種 有人 只是 告知 沒 打過 疫苗 就 闖 關成功 美聯社 調查 美國 疾病 管制 暨 預防 中心 cdc 的 資料庫 發現 至今 全美 已經 有 超過 900 人 完成 接種 第 3 劑 疫苗 由於 cdc 的 這項 資料 是 由 各 醫療 院所 自願 申報 因此 難以 看出 全美 究竟 有 多少 民眾 已經 接種 第 3 劑 疫苗 目前 也 不 清楚 這些 民眾 是否 都 是 自己 主動 要求 接種 第 3 劑 疫苗 報導 指出 這些 民眾 主要 利用 美國 疫苗 過剩 及 政府 追蹤 接種 狀況 的 鬆散 之便 試圖 追 打 疫苗 cdc 資料庫 的 一 項 紀錄 顯示 一 名 52 歲 加州 男子 7 月中 旬 到 藥局 提供 護照 而非 駕照 作為 施打 疫苗 的 身份 認證 他 聲稱 自己 從未 接種 過 疫苗 最終 闖 關成功 當 藥局 後續 聯繫 保險業 者 時 才 發現男子 已經 接種 過 2 劑 疫苗 科羅拉多州 州長 波利斯 jared polis 近期 在 記者會 上 透露 聽說 有人 用 假名 接種 第 3 劑 疫苗 不過 他 並未 提出 證據 患有 氣喘 及 肝臟 疾病 的 26 歲 緬 因 州 化學工程 系 研究 生威 爾 希 gina welch 坦承 自己 已經 接種 第 3 劑 疫苗 她 成功 闖 關 的 方式更 簡單 她 就 只是 走進 診所 告訴 對方 自己 沒 打過 疫苗 威爾希 說 自己 一直 很 關注 新冠 病毒 進展 的 相關 研究 也 追蹤 了 多 名 支持 追 打 疫苗 的 學者 專家 的 社 群 帳 號 我 要 遵循 這些 專家 的 建議 我 要 自己 保護 自己 我 才 不 要 等上 6 個 月 到 1 年 等 他們 指 美國 fda 建議 接種 第 3 劑 疫苗 67 歲 的 密蘇里州 醫院 員工 克拉爾特 will clart 5 月 接種 了 第 3 劑 疫苗 他 說 自己 只 是 去 藥局 提供 所 有 相關 資訊 一直 到 打 完了 藥劑師 才 在 系統 裡 發現 他 打過 了 因應 delta 變種 病毒 美國 大 藥廠 輝瑞 pfizer 正 在 尋求 向 fda 申請 批准 施打 追加 疫苗 不過 除了 可能 讓 免疫 功能 低下 的 民眾 追 打 第 3 劑 以外 美國政府 指出 目前 尚未 看到 讓 普羅 大眾 追 打 疫苗 的 必要性 因此 尚未 批准 輝瑞 的 申請 不 甩 聯邦 政府 尚未 批准 追 打 疫苗 三藩市 公衛 人員 3 日 表示 將 額外 提供 只 接種 單 劑 嬌 生 疫苗 johnson johnson 的 民眾 1 劑 輝瑞 bnt 或 莫德納 疫苗 他們 刻意 強調 是 補充 supplement 疫苗 而非 追加 疫苗</t>
  </si>
  <si>
    <t>中西醫 合併 治療 新冠 現 曙光</t>
  </si>
  <si>
    <t>美國海軍 2 艘 醫療 船 前往 洛杉磯 港口 協助 救治 新冠 病 患 但 一 名 加州 火車 駕駛員 卻 懷疑 美軍 準備 接管 洛杉磯 竟 故意 讓 火車 脫軌 意圖 撞擊 停 在 港口 邊 的 醫療 船 據 美聯社 報導 美國司法部 在 一 份 新聞稿 中 說 這 輛 火車頭 週二</t>
  </si>
  <si>
    <t>美國海軍 2 艘 醫療 船 前往 洛杉磯 港口 協助 救治 新冠 病 患 但 一 名 加州 火車 駕駛員 卻 懷疑 美軍 準備 接管 洛杉磯 竟 故意 讓 火車 脫軌 意圖 撞擊 停 在 港口 邊 的 醫療 船 據 美聯社 報導 美國司法部 在 一 份 新聞稿 中 說 這 輛 火車頭 週二 於 港口 邊 脫軌 沖 出 圍欄 與 數列 障礙物 後 在 距 美海軍 醫療 船 慈悲號 mercy 230 公尺 處 停 下來 後 事件 沒有 造成 任何 人 受傷 報導 稱 這 位 火車 駕駛員 莫雷諾 eduardo moreno 以 破壞 火車 罪名 遭到 檢察官 起訴 司法 檔 中 指出 莫雷諾 在 偵 訊 中 坦承 他 是 故意 讓 火車 脫軌 去 撞 醫療 船 目的 在 引起 全世界 人們 注意 到 這裡 正在 發生 什麼 事 莫雷諾 說 他 懷疑 仁慈號 是因為 新冠 病毒 疫情 要 接管 洛杉磯 或 其他 類似 目的 他 並且 此事 他 獨自 行動 且 是 臨時 起 意 非 預謀 行事 洛杉磯 港 發言人 桑 菲爾德 phillip sanfield 表示 該 火車 機車頭 沒有 靠 慈悲號 醫療 船 機車頭 與 醫療 船 之 間隔 著 一個 大型 停車場 還要 跨過 一 條 水道 才 可能 接近 慈悲號 桑 菲爾德 說 火車 駕駛 並非 受 雇於 洛杉磯 港 可能 是 處理 貨運 的 太平洋 港灣 公司 的 工作人員 目前 撞 壞 的 機車頭 有 少部 份 燃油 洩漏 港口 運作 未 受 影響 莫雷諾 在 肇事 後 逃離現場 但 遭 加 公路 員警 逮捕 由於 事 出 突然 美聯邦調查局 反恐 小組 和 洛杉磯 港 警察局 正 聯合 進行 調查 慈悲 組織 本 周 抵達 洛杉磯 港 它 將 提供 一 千張 病床 協助 處理 快速 增加 的 新冠 病毒 患者 醫療 工作</t>
  </si>
  <si>
    <t>近日 本土 新冠 疫情 趨 緩 但 卻 因 中研院 確診 事件 讓 疫 調 人員 再度 忙 了 起來 就是 要 確保 病毒 不 會 進入 社區 而 面對 來勢洶洶 的 omicron 變異 株 臺北市 副 市長 黃珊珊 深夜 有感而發 指出 今 14 日 開始 入境者 可 選用 10 4 與 7 7 專</t>
  </si>
  <si>
    <t>新冠 病毒 中國 恐 更 早 傳開</t>
  </si>
  <si>
    <t>新冠 檢測 出 貨 放大 普 生 首 月 營 收 年 增 逾 3 倍 創 歷年 同期 新高</t>
  </si>
  <si>
    <t>農業 科技 瑞基新冠 病毒 肺炎 檢測 試劑 開發 中</t>
  </si>
  <si>
    <t>據 日本 媒體 報導 琉球 沖繩 美軍基地 爆發 群 聚 感染 已經 有 超過 60 人 確診 感染 新冠 病毒 其中 普天間基地 有 38 人 確診 據 沖繩 時 報 報導 沖繩縣 知事 玉城 丹尼 11 日 表示 已經 要求 關閉 出現 多 人 感染 的 普天間基地 和 漢森 基地</t>
  </si>
  <si>
    <t>據 日本 媒體 報導 琉球 沖繩 美軍基地 爆發 群 聚 感染 已經 有 超過 60 人 確診 感染 新冠 病毒 其中 普天間基地 有 38 人 確診 據 沖繩 時 報 報導 沖繩縣 知事 玉城 丹尼 11 日 表示 已經 要求 關閉 出現 多 人 感染 的 普天間基地 和 漢森 基地 要求 美軍 提供 詳細資訊 公 佈 基地 感染 新冠 病毒 的 人數 並 採取措施 控制 病毒 擴散 位於 沖繩縣 宜野灣 市 的 美軍 普天間基地 在 7 日 就 發現 多 人 感染 新冠 病毒 包括 士兵 及 軍屬 普天間基地 是 駐 沖繩 美國海軍陸戰隊 的 基地 普天間機場 是 美海軍 陸戰隊 在 日本 最 大 規模 的 武裝 直升機 機場</t>
  </si>
  <si>
    <t>普天間基地 新冠 病毒 基地 沖繩 美軍 有 超過</t>
  </si>
  <si>
    <t>最慘 新冠 疫情 預估 2億 美國 人 感染 170萬 人 病 死</t>
  </si>
  <si>
    <t>新冠 疫情 肆虐 全球 出國 玩 變 得 遙不可及 振興 醫院 急診 重症 醫學 部 主治醫師 蔡賢龍 認為 要 一直 到 2023 年 疫情 過後 才 可以 放心 出國 旅遊 不用 提心吊膽 提防 病毒 日前 日本政府 贈與 的 第二 批 113萬 劑 az 疫苗 8 日 抵達 臺灣 加上</t>
  </si>
  <si>
    <t>由於 口罩 嚴重 短缺 美國 從 上個月 開始 進口 一度 引起爭議 的 kn 95 口罩 但是 美國 食品 藥物 管理局 fda 發 出新 的 禁令 稱 有 66 家 正在 向 美國 出售 醫療 用 口罩 的 中國 大陸 口罩 製造商 已 被 禁止 在 美國 銷售 因為 專家 稱 這些 口罩 品質 不 佳 據 美國之音 指出 醫生 護士 和 醫院 非常 需要 n 95 口罩 因為 它 比 常規 的 外科 口罩 或 布制 口罩 更加 有效 在 實驗室 測試 中 口罩 對 非 油性 微粒 包括 新冠 病毒 等 微生物 的 過濾 效率 需 達到 95 以上 不過 美國食品藥品監督管理局 fda 週四 表示 中國 大陸 生產 的 名 為 kn 95 的 口罩 只能 過濾 掉 24 的 非 油性 顆粒物 其中 有 一 批 口罩 僅 阻擋 了 1 的 顆粒物 由於 口罩 品質 不 佳 已 有 66 家 大陸 口罩 生產商 被 禁止 在 美國 銷售 醫用 口罩 此 一 禁令 使 獲准 向 美國 醫務 工作者 提供 口罩 的 大陸 企業 從 80 家 減少 到 14 家 報導 說 由於 供應 短缺 美國 從 上個月 開始 從 中國 大陸 購買 n 95 口罩 而 大陸 制 n 95 口罩 曾 在 美國 引發 品質 不 佳 的 爭議 fda 還 提醒 已經 向 涉嫌 兜售 假冒 甚至 是 危險 的 新冠 治療 方案 的 公司 發出 了 42 封 警告信 警告信 涉及 了 數 百 種 假冒 的 新冠 治療 藥物 檢測工具 和 防護 設備 fda 表示 美國聯邦 法院 已經 介入 並 阻止 一 款 危險 產品 的 銷售 此 項 名為 神奇 礦物 溶液 miracle mineral solution 的 產品 無視 fda 警告 仍 持續 銷售 fda 說 這種 產品 不過 是 一 種 類似 工業 強度 漂白劑 的 溶液</t>
  </si>
  <si>
    <t>八 貫 1342 8 月 營 收 月 成 長 1849 創下 今年 單月 新 高 八 貫 表示 下半年 因 疫情 受益 的 產業 訂單 會 持續 成長 看好 全年 營運 審慎 樂觀 以待 八 貫 8 月 營 收 149億 元 月 增 1849 年 減 1442 累計 前 8 月 營 收 997億 元 年 增 266 八 貫 表示 公司 深耕 高端 醫療 之 機能性 布料 與 成品 今年 因 新冠 疫情 肆虐 歐美 醫療 資源 需求 持續 強勁 推 升 公司 醫療 產品 出 貨 向 上成長 另一方面 隨 各國 疫情 解封 對 戶外 休閒 管制 開放 歐美 民眾 崇尚 戶外 休閒活動 而 逐漸 回復 常態 亦 帶動 戶外 產品 訂單 逐步 回溫 8 月份 在 醫療 及 戶外 兩 大 產品 線 出 貨 暢 旺 下 推 升 8 月 營 收 149億 元 創下 今年 單月 新高 以 目前 的 市場 狀態 來看 預期 下半年 因 疫情 受益 的 產業 訂單 會 持續 成長 加上 部分 遞 延 出 貨 的 訂單 漸 恢復 出 貨 看好 全年 營運 審慎 樂觀 以待 此外 八 貫 為 全球 少數 擁有 tpu 研發 並 具有 二 次 三 次 加工 的 技術 能力 專攻 與 醫療 救生 戶外 有 關之高 階 產品 客戶 多 為 歐美 知名 一線品牌 大廠 所 研發 之 逃生 滑梯 布料 歷經 2 年 通過 原廠 嚴格 驗證 上月 已 接 獲 正式 訂單 將 於 第 四季 陸續 出 貨 對 下半年 業績 將 有 明顯 挹注 另外 八 貫 產品 全在 臺灣 宜蘭 製造 tpu 機能性 布料 應用 愈來愈 廣泛 因應 市場 規模 及 應用領域 持續 成長 已 斥資 近 4億 元在宜 蘭 龍德 工業區 興建 占地 3千 坪 新廠區 並 已 取得 經濟部 根 留 臺灣 企業 資格 核定 及 iso 14001 認證 規劃 導入 智慧 化 高 周波 產 線 預計 明年 第二 季量產 將 為 公司 中長期 營運 再 添 動能</t>
  </si>
  <si>
    <t>資 誠 pwc 會計師 事務所 9 日 發佈 新冠 時代 資 誠 臺灣 企業 領袖 調查報告 調查 發現 83 臺灣 企業 深恐 疫情 將 帶來 全球性 經濟衰退 但 只 要 確定 疫情 影響 程度 與 範圍 臺灣 企業 具有 高度 應變能力 可 快速 復蘇 資 誠 聯合 會計師</t>
  </si>
  <si>
    <t>資 誠 pwc 會計師 事務所 9 日 發佈 新冠 時代 資 誠 臺灣 企業 領袖 調查報告 調查 發現 83 臺灣 企業 深恐 疫情 將 帶來 全球性 經濟衰退 但 只 要 確定 疫情 影響 程度 與 範圍 臺灣 企業 具有 高度 應變能力 可 快速 復蘇 資 誠 聯合 會計師 事務所 所長 暨 聯盟 事業 執行長 周 建 巨集 指出 彈性 快速 應變 向來為 臺灣 企業 的 強項 再 加上 臺灣 疫情 防範 得宜 讓 臺灣 企業 不僅 有 機會 早於 其他 國家 恢復 常規 營運 在 全球 供應 鏈 大幅 洗 牌 之際 率先 卡 位 爭取 轉 單 契機 周 建 宏 認為 經過 疫情 洗禮 多數 臺灣 企業 增加 技術創新 與 研發 投資 以 厚植 中長期 競爭力 並 在 中 美 之外 尋求 更 多 元 的 市場 或 生產 基地 佈局 同時 也 看到 更 多 臺灣 企業 領袖 願意 張開 雙臂 與 新創 企業 或 創業 家 合作 尋求 外部 創新 雖然 中國 大陸 美國 向來 被 臺灣 企業 視為 影響 整體 成長 最 重要 的 前 兩 大 國家 但 其 重要性 持續 呈 下滑 趨勢 這 說明 臺灣 企業 在 中 美 兩 強 之間 找 出 更 多 的 替代 道路 擺脫 選 邊 站 的 風險 而 越南 德國 印尼 等 其他 國家 市場 對 臺灣 企業 的 重要性 持續上升 其中 又 以 越南 的 成長 幅度 最 受 矚目 重要性 從 2018 年 的 9 一路 爬升 至 27 一舉 超過 日本 德國 越南 已 成為 臺灣 企業 領袖 眼中 第 三 重要 的 市場 國家 德國 的 重要性 則 從 半 年 前 的 12 快速 竄升 至 24 印尼 的 成長 幅度 也 不容 小覷 重要性 從 2017 年 的 2 一路 爬升 至 14</t>
  </si>
  <si>
    <t>nba 爵士 與 雷霆 之 戰在 開 打 前 喊 卡 隨後 才 宣佈 爵士 中鋒 戈貝爾 rudy gobert 確診 新冠 病毒 全 聯盟 停賽 在 臺灣 直播 此役 的 eleven sports 主 播 黃奕傑 表示 看到 爵士 先 發 五 人 沒有 戈貝爾 就 覺得 不 太 對勁 也 猜測 莫非</t>
  </si>
  <si>
    <t>nba 爵士 與 雷霆 之 戰在 開 打 前 喊 卡 隨後 才 宣佈 爵士 中鋒 戈貝爾 rudy gobert 確診 新冠 病毒 全 聯盟 停賽 在 臺灣 直播 此役 的 eleven sports 主 播 黃奕傑 表示 看到 爵士 先 發 五 人 沒有 戈貝爾 就 覺得 不 太 對勁 也 猜測 莫非 是 新冠 所 致 收播 後 才 獲得 證實 我們 在 錄音室 裡 其實 沒有 什麼 特別 感覺 啊 如果 在 美國 現場 才會 震驚 吧 黃奕傑 表示 賽前 看到 爵士 先 發 中鋒 是 布萊德利 tony bradley 就 覺得 奇怪 因為 戈貝爾 沒有 受傷 不 知道 是 不是 感冒 才 這樣 安排 接 著 3 位 裁判 找 雙方 總 教練 講 了 大概 5 分鐘 的 話 隨後 兩 隊 隊 職員 就 進入 休息室 了 再 5 分鐘 連 裁判 也 閃人 雷霆 還 把 負責 中場 表演 的 歌手 請 出來 唱 了 兩 首歌 唱 完就 宣佈 延賽 了 黃奕傑 指出 轉播 單位 主 播 球 評 表示 因 戈貝爾 感冒 致使 球賽 延期 但 正值 疫情 非常 時期 聽到 感冒 難免擔憂 是 新冠 病毒 最終 得知 nba 全面 停賽 的 決策 黃奕傑 只好 自我安慰 說 暫時 不 用 早起 囉 因為 上 禮拜天 開始 日光 節約 時間 取消 球賽 都 要 早 一 小時 開 打 其他 的 影響 還 不 曉得</t>
  </si>
  <si>
    <t>幹細胞 新冠 病毒 金昆 林</t>
  </si>
  <si>
    <t>陳凱倫 兒子 陳銳 經營 眼鏡 品牌 有成 雖然 因 疫情 大 受 影響 他 仍 不 忘 跟 著 紀寶如 做 公益 已 捐 出上 千 付 護目鏡 及 防疫 包給 臺灣 優質 生命 協會 獨居 長者 陳凱倫 得知 兒子 善行 義舉 他 一 通電話 找回 昔日 合作 拍 檔 70 年代 玉女 紅星 陳明利 及 金鐘 歌後 王 芷 蕾 共襄盛舉 她們 盡 綿薄之力 各自 認購 上 千 付 護目鏡 2 位 海外 的 臺灣 女兒 心系 家鄉 盼 藉 此 抛磚引玉 陳凱倫 2 日 主持 星心頌 網路 直播 節目 節目 中 播放 陳銳 跟 著 紀寶如 做 公益 及 防疫 不防 愛 短片 分別 在 新加坡 的 陳明利 及 美國 的 王芷蕾 空中 獻 聲 默默 支持 陳明利 曾 獲 首屆 閩南 語 影片 女 童星 獎 昔日 也 是 中視 午間 連續劇 當家 女 主角 嫁到 新加坡 從事 保險業 已 41 年 陳明利 有 新 坡 保險 天 後 之 稱 陳凱倫 說 對 我 來說 她 像是 保險 界 的 孫翠鳳 陳明利 和 陳銳 雖 沒見 過 面 但 看到 他 捐 給 獨居 老人 的 影片 很 感動 找 了 連 自己 在內 4 位 新加坡 阿姨 直接 下單 回應 這次 善行 她 對 陳凱倫 說 最 大 希望 是 給 你 兒子 一個 最 直接 鼓勵 的 力量 上帝 會 送 一個 人 給 他 的 80 年代 臺灣 金鐘 歌後 王 芷 蕾 的 經典 歌 臺北 的 天空 傳唱 度 高 大家 耳熟能詳 她 上次 回台 是 2019 年 歲末 回 到 美國 華盛頓 就 遇上新冠 疫情 她 因為 陳凱倫 的 一 通電話 加上 看到 短片 很 感動 感慨 說 在 美 熬 過 1 年 半 每天 都 是 未知數 的 日子 看 著 家鄉 臺灣 正 在 疫情 嚴峻 其中 心裡 非常 難過 提 起 與 王芷蕾 的 淵源 陳凱倫 當年 首 張唱片 還是 王芷蕾 為 他 引薦 到 東南亞 的 唱片 公司 圓 了 他 的 歌星 夢 那個 時候 我們 都 在 西門 町 唱歌 她 在 歌廳 我 在 西餐廳 沒 想到 有 一 天 我 唱 完 費玉清 白雲長 在 天 就 接 到 一個 字條 叫 我 去 台下 好像 坐 台 一樣 去 了 才 知道 原來 王芷蕾 帶 著 星馬 最 大 唱片 公司 老闆 來 聽 我 唱歌 當下敲 定 了 我 的 第一 張唱片 當年 陳銳 出事 時 一 次 教會 小型 福音 演唱會 王 芷 蕾 特別 指定 除非 陳凱倫 主持 否則 不 去 因為 這麼 一個 緣 份 才讓 陳凱倫 再次 受洗 成為 基督徒 提到 疫情 王芷蕾 說 你們 現在 就 像 在 前線 作戰 的 戰士 非常 辛苦 我 的 心情 跟 著 家鄉 同胞 一樣 的 起伏不定 儘管 美國 現在 沒有 硬性規定 要 戴 口罩 她 說 前兩天 一家 人 去 餐廳 看 著 服務 人員 不 戴 口罩 她 的 心裡 還是 覺得 怪怪的 她 呼籲 國人 還是 要 繼續 戴 口罩 千萬別 鬆懈</t>
  </si>
  <si>
    <t>美國 感染 人數 疾 管 中心 新冠 病毒</t>
  </si>
  <si>
    <t>我 確診 了 嗎 如何 分辨 過敏 還是 感冒 醫 這 症狀 新冠 比例 特別 高</t>
  </si>
  <si>
    <t>大陸 今 12 日 通報 新增 46 例 新冠 確診 病例 其中 本土 病例 20 例 均 在 福建 其中 莆田市 19 例 泉州市 1 例 莆田市 隨即 宣佈 明 13 日 起 全市 中小學 幼稚園 暫停 面授 課程 改為 線 上 教學 據 瞭解 根據 9 月 12 日 莆田市 應對</t>
  </si>
  <si>
    <t>德 專家 不是 武漢 義 大利 才 是 全球 新冠 瘟疫 的 開始</t>
  </si>
  <si>
    <t>德國 病毒 專家 科庫勒 alexander kekule 日前 接受 專訪 時 表示 義 大利 才 是 全球 新冠 瘟疫 的 開始 並非 武漢 不過 他 強調 新冠 病毒 仍 源自 武漢 只 是 傳播 到 義 大利 後 出現 變種 病毒 變 得 更具 傳染 力 之後 進一步 傳播 全世</t>
  </si>
  <si>
    <t>年輕 新冠 患者 少 重症 英國 研究 找到 關鍵 原因 了</t>
  </si>
  <si>
    <t>新冠 病毒 不 只 攻擊 肺 更 會 攻擊 人類 的 腎臟 心臟 循環系統 甚至 是 免疫系統 讓 能 主動 消滅 外來 病毒 的 t 細胞 無法 運作 英國 研究 找到 t 細胞 無法 運作 的 關鍵 原因 指出 新冠 患者 體內 的 ip 10 分子 數值 飆 高 造成 t 細胞 無法 有效</t>
  </si>
  <si>
    <t>新冠 病毒 不 只 攻擊 肺 更 會 攻擊 人類 的 腎臟 心臟 循環系統 甚至 是 免疫系統 讓 能 主動 消滅 外來 病毒 的 t 細胞 無法 運作 英國 研究 找到 t 細胞 無法 運作 的 關鍵 原因 指出 新冠 患者 體內 的 ip 10 分子 數值 飆 高 造成 t 細胞 無法 有效 作用 這個 現象 可能 是 年輕 患者 比起 中 高齡 患者 更 不容易 發展 為重 症 的 關鍵 紐約時報 new york times 愈來愈多 臨床 研究 指出 新冠 病毒 會 嚴重 消耗 人體 內 重要 的 免疫 細胞 就 像 上海復旦大學 及 紐約 血液 中心 的 科學家 4 月 刊登 的 研究成果 指出 新冠 病毒 的 作用 方式 與 愛滋病 毒 相當 類似 會 獵 食 人體 的 免疫 軍團 t 細胞 讓 t 細胞 無法 消滅 病毒 5 月 美國賓州大學 的 免疫 學 專家 惠裡 博士 dr john wherry 和 同事 聯合 發表 研究成果 羅列 重症 患者 體內 一系列 免疫系統 缺失 另外 一 份 研究 則 顯示 近 半 患者 體內 的 t 細胞 及 b 細胞都 沒有 發揮作用 6 月初 英國倫敦 國王 學院 king&amp;apos s college london 免疫學家 赫 碟 博士 dr adrian hayday 領導 的 團隊 在 自然 醫學雜誌 nature medicine 刊登 最新 研究 他們 比對 63 名 新冠 患者 以及 55 名 健康 人士 假定 患者 會 對 新冠 病毒 產生 強烈 的 免疫 反應 因此 多數 輕 症 患者 最終 都 存活 了 下來 不過 重症 患者 就 像 敗血症 患者 身體 出現 過度 免疫 反應 導致 免疫系統 受損 這些 患者 的 免疫系統 可能 竭盡所能 地 作戰 但是 最後 卻 無法 有效 地 對 抗 病毒 倫敦 研究 在 新冠 患者 體內 發現 重大 異常 情形 患者 體內 的 細胞 分子 ip 10 數值 顯著 增加 這種 分子 能夠 調度 t 細胞 至 需要 作戰 的 地方 研究 指出 一般 時候 ip 10 發出 訊號 調度 t 細胞 時 數值 只 會 些微 上升 不過 新冠 患者 體內 的 ip 10 數值 就 和 sars 患者 mers 患者 一樣 直線 上升 並且 維持 在 高 水準 赫 碟 博士 表示 這種 情況 就 像是 田徑 選手 聽到 鳴槍 後 全力 衝刺 向前 跑 之後 又 有人 不 斷 鳴槍 他 會 怎麼辦 他 會 停 下來 然後 困惑 失去 方向 研究 指出 結果顯示 人體 可能 不 斷 隨機 地 對 t 細胞 發出 訊號 讓 免疫 反應 出現 混亂 有些 t 細胞 已經 準備 好 要 消滅 病毒 但 卻 無法 下定決心 因此 行為 失常 很多 t 細胞 明顯 死亡 患者 體內 原本 的 儲備 量 逐漸 消耗掉 報導 說 這種 情況 在 40 歲 以上 的 患者 身上 尤其 明顯 因為 胸 線 是 人體 製造 t 細胞 的 主要 器官 但是 40 歲 以上 人士 胸 線 的 效率 已經 降低 報導 指出 這 也 是 為何 孩童 較 不易 染 上 新冠 病毒 因為 孩童 的 胸 腺 作用 非常 活躍 製造 t 細胞 的 速度 比 新冠 病毒破壞 他們 的 速度 還 要 快</t>
  </si>
  <si>
    <t>歐盟 藥品 管理局 疫苗 部門 負責人 卡瓦列裡 marco cavaleri 昨 13 日 受訪 時 指稱 礙於 血栓 風險 建議 各國 避免 讓 60 歲 以上 長者 接種 阿斯特 捷利康 az 的 新冠 疫苗 不過 當天 稍晚 他 澄清 是 媒體 誤解 他 的話 強調 az 疫苗 對 所</t>
  </si>
  <si>
    <t>新冠 疫情 引發 甲狀腺 機能 亢進 男子 肌 無力</t>
  </si>
  <si>
    <t>cnn 太平洋 島國 爆 新冠 危機 中 澳 辟 疫苗 政治 角力 新 戰場</t>
  </si>
  <si>
    <t>中 澳 外交 僵局 不斷 加深 如今 又 在 新冠 疫情 肆虐 下 開闢 了 另 一個 戰場 據 cnn 新聞網 19 日 報導 北京 說 坎培拉 正 阻撓 它 在 太平洋 島國 巴布亞紐 幾內亞 papua new guinea 推出 中國 疫苗 而 澳洲 太平洋 事務部長 賽 索嘉 zed s</t>
  </si>
  <si>
    <t>網球 沙皇 堅持 新冠 陰謀論 人類 很快 會 被 植入 晶 片</t>
  </si>
  <si>
    <t>南韓 26 日 起 擴大開放 年輕 族群 接種 新冠 疫苗 不過 近期 卻 陸續 傳出 年輕人 接種 輝瑞 bnt 後 猝 逝 案例 引發 社會 擔憂 南韓 政府 於 26 日 起 向 下 開放 18 至 49 歲 民眾 接種 新冠 疫苗 不過 南韓 中央日報 24 日 報導 最近 卻 陸續 傳出 20 多</t>
  </si>
  <si>
    <t>南韓 26 日 起 擴大開放 年輕 族群 接種 新冠 疫苗 不過 近期 卻 陸續 傳出 年輕人 接種 輝瑞 bnt 後 猝 逝 案例 引發 社會 擔憂 南韓 政府 於 26 日 起 向 下 開放 18 至 49 歲 民眾 接種 新冠 疫苗 不過 南韓 中央日報 24 日 報導 最近 卻 陸續 傳出 20 多 歲 年輕人 接種 bnt 疫苗 後 不幸 猝 逝 案例 23 日 忠清南道 south chungcheong 一 名 21 歲 女 大生 在 接種 bnt 疫苗 一 周後 猝 逝 家屬 說 她 本身 並 沒有 健康 問題 女 大生 是 在 16 日 接種 第 1 劑 bnt 疫苗 家屬 說 她 並 沒有 出現 明顯 的 副作用 23 日 當天 女 大生 熬夜 讀書 淩晨 2 時還 被 監視器 拍到 和 友人 去 便利商店 不 過 之後 家屬 就 聯繫 不 上 下午 2 時 25 分 被 房東 發現 陳屍 住處 女 大生 遺體 上 出現 紫色 斑點 家屬 及 警方 已經 要求 進行 解剖 家屬 指出 女 大生 近期 正在 準備 教師資格 考 家人 相當 擔心 她 的 身體狀況 在 她 打完 疫苗 後 每 隔 幾 小時 就 聯繫 一 次 女 大生 也 沒有 壓力 過 大 等 自縊 傾向 濟州島 一 名 20 多 歲 男性 也 在 接種 bnt 疫苗 20 多 天 後 過世 男子 因為 在 機場 工作 因此 優先 在 2 日 接種 疫苗 之後 出現 胸 痛 症狀 他 在 22 日 就醫 後 症狀 惡化 死亡 濟州島 官員 指出 男子 本身 沒有 健康 問題 另 一 名 25 歲 男 郵差 則 是 在 接種 第 2 劑 bnt 疫苗 後 3 天 喪命 男子 於 10 日 接種 疫苗 之後 出現 肌肉 酸痛 症狀 10 日 清晨 5 時 被 家人 發現 身亡 家屬 隨後 向 青瓦台 請願 男子 的 姐姐 表示 男子 7 月 才 進行 過 健康 評估 除了 肝 酵素 liver enzymes 偏 高外 其他 正常 家屬 懷疑 死因 和 疫苗 有關 由於 男子 的 第一 份 屍檢 報告 並未 判斷 死因 韓國 疾病 管理廳 kdca 及 國家 法醫 中心 national forensic service 將 進一步 調查 預計 1 至 2 個 月 後 才會 有結果 目前 韓國政府 僅 承認 3 種 類型 的 症狀 為 接種 疫苗 後 的 副作用 包括 過敏性 反應 或 嚴重 過敏 反應 由 az 或 嬌 生 疫苗 引起 的 不 尋常 血栓 伴隨 血小板 低下 以及 接種 bnt 莫德納 疫苗 後 出現 的 心肌炎 或 心包 膜 炎 至今 韓國政府 證實 2 例 死亡 案例 為 疫苗 副作用 致死 案例 包括 一 名 接種 az 疫苗 後 誘發 罕見 血栓 的 30 多 歲 男子 另 一 名 20 多 歲 男子 接種 bnt 疫苗 後 死於 心肌炎 疫苗 引發 的 副作用 讓 南韓 年輕人 愈來愈 感到 擔憂 南韓 官員 強調 接種 疫苗 利大於弊 呼籲 民眾 不要 過度 恐慌 梨花 女子 大學 木洞 醫院 教授 權 恩 美 chun eun-mi 音譯 強調 在 20 多 歲 年輕人 身上 出現 的 疫苗 副作用 多數 不 會 致死 不過 也 認為 應該 進一步 檢查 及 公佈 死因 降低 民眾 焦慮</t>
  </si>
  <si>
    <t>十 多 名 全球 頂尖 科學家 昨 13 日 聯合 刊登 建 言 指出 現在 不是 大規模 施打第 3 劑 加強 針 的 時刻 強調 2 劑 疫苗 仍 能 有效 防止 民眾 變成 新冠 重症 他們 警告 由於 支援 接種 加強 針 的 科學 證據不足 過早 讓 民眾 接種 第 3 劑 可能 反而 增</t>
  </si>
  <si>
    <t>十 多 名 全球 頂尖 科學家 昨 13 日 聯合 刊登 建 言 指出 現在 不是 大規模 施打第 3 劑 加強 針 的 時刻 強調 2 劑 疫苗 仍 能 有效 防止 民眾 變成 新冠 重症 他們 警告 由於 支援 接種 加強 針 的 科學 證據不足 過早 讓 民眾 接種 第 3 劑 可能 反而 增加 心肌炎 罕見 神經病 變 等 疫苗 副作用 專家 認為 比 起初 代 疫苗 現在 應該 開始 研發 針對 變異 株 的 加強 針 對於 對抗 疫情 可能 更 有 效果 綜合 富比 世 forbes 美聯社 等外 媒 報導 18 名 全球 頂尖 科學家 昨日 聯合 在 國際 知名 期刊 刺 胳 針 lancet 刊登 建 言 這些 科學家 包含 美國 食品 暨 藥物 管理局 fda 英國 法國 南非 印度 及 世界衛生組織 who 的 疫苗 專家 專家 們 強調 現在 不是 擴大 讓 全民 接種 第 3 劑 加強 針 booster shot 的 時候 文章 主要 有 6 大 重點 第一 科學家 指出 雖然 現在 有 許多 針對 新冠 變異 株 以及 疫苗 保護 力 持久 度 的 研究 不 過 許多 研究 尚未 經過 同 儕 審查 相關 細節 可能 有誤 此外 研究 團隊 也 可能 側重 部 份 研究 結果 不過 多數 研究 一致 發現 疫苗 仍 能 有效 保護 民眾 免于 成為 新冠 重症 雖然 多數 疫苗 保護 民眾 感染 delta 後 出現 症狀 的 效力 低於 alpha 變異 株 不過 整體 來 看 仍 能 有效 防止 有 症狀 感染 及 重症 第二 科學家 們 強調 沒有 證據 顯示 現在 應該 擴大 讓 全民 接種 加強 針 因為 疫苗 對抗 重症 的 保護 力仍高 也 沒有 任何 一 項 研究 提供 有力 證據 指出 隨 著 時間推移 疫苗 對抗 重症 的 保護 效果 會 大幅度 衰退 科學家 強調 人體 內 有 多 層 免疫 保護 層 外界 高度 關注 抗體 濃度 會 隨 時間 下降 不過 這 並 不 代表 疫苗 誘發 的 整體 保護 力也跟 著 下降 疫苗 對抗 輕 症 的 效力 下降 也 不能 就 此 預測 對抗 重症 的 效力 也 下降 這 是 因為 疫苗 誘發 對抗 新冠 重症 的 保護 效果 並 不 只 是 奠基 於 抗體 反應 同時 也 會 藉 由 免疫 記憶 反應 memory response 及 細胞 免疫 cell-mediated immunity 啟動 後 兩者 的 壽命 通常 較 長 科學家 也 強調 證據 顯示 目前 已 知 的 變異 株 尚未 發展 到 可以 逃脫 疫苗 誘發 的 免疫 記憶 反應 的 階段 第 三 科學家 警告 太 早 或 太 頻繁 擴大 接種 加強 針 可能 為 民眾 帶來 副作用 風險 他們 提到 例如 輝瑞 bnt 或 莫德納 等 mrna 疫苗 可能 引發 心肌炎 副作用 腺病毒 疫苗 可能 誘發 吉蘭 巴雷 氏 症候 群 guillain-barre syndrome gbs 等 罕見 神經 病變 如果 不 必要 的 加強 針 引發 嚴重 不良反應 可能 影響 民眾 對於 疫苗 的 接受程度 第 四 科學家 指出 雖然 在 疫苗 接種 率 高 的 國家 確實 發生 疫苗 對抗 有 症狀 感染 病毒傳播 的 效果 低於 對抗 重症 的 情形 不過 目前 未 接種 疫苗 的 族群 仍 是 新冠 病毒 持續 擴散 的 主因 同時 他們 也 是 重症 的 最高 危險 群 第 五 隨 著 疫苗 誘發 的 免疫 反應 下降 或是 新冠 變異 株 演變 導致 現有 疫苗 無法 再 提供 適當 保護 科學家 們 坦承 未來 全民 可能 需要 接種 第 3 劑 疫苗 不過 他們 警告 隨 著 病毒傳播 未來 愈 有機 會 出現 逃脫 現行 疫苗 的 病毒 科學家 因此 建議 比起 讓 民眾 接種 初 代 病毒 現在 或許 可以 專注 研發 針對 變異 株 的 加強 劑 例如 流感疫苗 每年 都 會 更新 效果 可能 會 更 好 第 六 科學家 強調 在 沒有 強而有力 的 資料 及 分析 支持 下 就 推動 施打 加強 針 可能 會 破壞 民眾 對 疫苗 的 信心 他們 指出 如果 最終 仍 需要 擴大 施打 加強 針 必須 明確 點出 接種 的 直接 與 間接 效益</t>
  </si>
  <si>
    <t>由於 季前練 球 時 不慎 扭傷 左腳 踝 讓 國泰 後衛 吳宜庭 整整 養傷 1 個 多 月 直到 女子 超級 籃球聯賽 wsbl 第 15 季都 打 一半 了 才 總算 回到 場上 拼 戰 沒 想到 吳宜庭 一 回來 就 有 夠 准 全場 投 6 中 4 含 三分球 投 4 中 3 更 貢獻 11 分 4 助攻 繼續 瞄準 10 連霸 的 國泰人壽 最後 以 91 比 60 橫掃 臺灣電力 除 摘 開 季 9 連勝 更是 跨 季 35 連勝 只 是 都 打完 前 3 迴圈 賽事 吳宜庭 才 重新 回到 場上 打球 讓 她 不禁 坦承 事實上 我 一直 很 著 急 多虧 因為 新冠 疫情 影響 比賽 延期 了 假如 照 著 原 定計 畫 今年 3 月 開 打 我 一定 更加 急迫 想要 回來 吳 宜庭 說 其實 在 我 心裡 從來沒 想 過 要 在 哪 場 回來 一切 就 看 鄭慧芸 教練 的 安排 沒 想到 今天 賽前 熱身 時 慧 芸 姊 突然 告訴 我 今天 上場 讓 我 心情 確實 有 點 開始 緊張 不過 吳宜庭 本 季 的 初登板 表現 算是 可圈可點 尤其 是 手感 相當 火 燙 問 她 為何 這麼 准 她 回答 就 是 別 想 太 多 畢竟 我 才 剛回來 只 想 努力 別成 大家 太 大 的 負擔 目前 我 對 自己 防守 較 不 滿意 很多 時候 沒 跟 隊友 協調 好 也 缺少 溝通 由於 國泰 本 季從 大陸 回來 3 名 學姊 分別 是 黃凡珊 陳鈺君 與 王維 琳 勢必 壓縮 到 吳宜庭 上場 時間 但 她 表示 有 了 她們 回來 我 就 是 抱 持 學習 心態 努力學習 不 一樣 的 經驗 就算 待 在 場下 看 也 有 幫助 反正 我 現在 就是 隨時 準備 好</t>
  </si>
  <si>
    <t>中央 疫情 指揮官 衛福 部長 陳時中 宣佈 為了 保護 國民 抗 疫 取消 陸籍 子女 入 台 措施 這 是 蔡 政府 在 24 小時 內 所 宣佈 的 第 4 個 陸 配子 女 入 台 規定 且 一 次 比 一 次 更為 嚴格 最新 規定 等於 是 完全 排除 了 滯留 大陸 的 陸 配子 女 在 新冠 肺</t>
  </si>
  <si>
    <t>部分 新冠 患者 症狀 更 嚴重 持久 耶 魯 研究 找到 關鍵 原因 了</t>
  </si>
  <si>
    <t>有些 新冠 患者 的 症狀 比 別人 更 嚴重 甚至 在 擊潰 病魔 出院 後 仍 持續 感到 疲憊 呼吸困難 生活 久久 無法 恢復正常 現在 耶魯大學 的 科學家 找到 關鍵 原因 疑 似是 患者 體內 的 自體 抗體 autoantibody 在 作怪 綜合 英國 每</t>
  </si>
  <si>
    <t>1 分鐘 看 世界 傳 台 美 討論 新 who 美 2 周內 近 10萬 童染新冠</t>
  </si>
  <si>
    <t>剛 接下 東奧 主持 上田晉 也 確診 新冠 2 周前才 接觸 選手</t>
  </si>
  <si>
    <t>美 大選 後首 場 決策 fed 決議 利率 按兵不動 新冠 疫情 對 經濟 前景 仍 有 風險</t>
  </si>
  <si>
    <t>美國聯邦 準備 理事會 fed 於 臺北 時間 今 淩晨 3 時 公佈 最新 利率 決策 fed 決議 聯邦 基金 利率 目標 區間 維持 在 0 至 025 不 變 符合 市場 預期 這 也 是 美國 總統大選 後 fed 首場 決策 會議 會議 中指 出新冠 疫情 對 中期 經濟 前景 構成 相</t>
  </si>
  <si>
    <t>fed 聯 准會 首場 按兵不動 新冠 疫情</t>
  </si>
  <si>
    <t>高端 6547 現 增資 192億 元 已于 上周 完成 原 股東 及 員工 繳 款 隨 著 資金 到位 新冠 疫苗 開發 案 加速 馬力 有 機會 力拼 明年 第二 季向 臺灣 食 藥 署 tfda 申請 緊急 使用 授權 eua 此外 腸病毒 登革熱 疫苗 開發 也 持續 推動</t>
  </si>
  <si>
    <t>新冠 病毒 印度 變異 株 廣州 出現 本土 確診 病例</t>
  </si>
  <si>
    <t>受 新冠 疫情 影響 全球 航空 業 遭受 重創 目前 歐洲 已經 有 多 家 歐洲 的 支線 航空 公司 和 廉價 航空 公司 破產 或 申請 破產 保護 著名 的 德國 漢莎 航空 lufthansa 表示 公司 每個 小時 要 損失 百萬 歐元 台幣 3300萬 元 已向 德國政府 尋</t>
  </si>
  <si>
    <t>受 新冠 疫情 影響 全球 航空 業 遭受 重創 目前 歐洲 已經 有 多 家 歐洲 的 支線 航空 公司 和 廉價 航空 公司 破產 或 申請 破產 保護 著名 的 德國 漢莎 航空 lufthansa 表示 公司 每個 小時 要 損失 百萬 歐元 台幣 3300萬 元 已向 德國政府 尋求 救助 若 談判 不成 將 申請 破產 保護 據 澳洲 新聞網 報導 德國 漢莎 航空 可能 是 瀕臨 倒閉 的 全球 最 大 航空 公司 之一 該 公司 目前 正 積極 與 德國政府 談判 希望 完成 一 項 90億 歐元 約 台幣 3000億 的 緊急 援助 方案 陸媒 新 京 報 指出 該 公司 旗 下 90 以上 的 客機 處於 停 飛 狀態 每 小時 大約 損失 100萬 歐元 今年 第一季度 已 虧損 高 達 12億 歐元 公司 目前 的 現金 儲備 只 能 維持 半 年 左右 如果 無法 由 政府 獲得 援助 漢 莎 航空 將 啟動 破產 保護 程式 除了 漢莎 航空 之外 其他 的 歐洲 航空 公司 如 法 荷 航空 情況 也 不 差不多 報導 說 由 法航 荷 航 合併 的法 荷 航空集團 是 歐洲 最 大 的 航空 公司 目前 每天 損失 約 2500萬 歐元 約 台幣 82億 公司 現金 流 將 在 6 月 枯竭 有 分析 認為 疫情 持續 下去 可能 會 導致 法 荷 航空集團 的 分裂 此外 英國航空公司 4 月 29 日 已 宣佈 將 裁員 12000 人 占總 員工 的 四 分之一 北歐 航空 公司 此前 一 天 也 宣佈 將 裁員 5000 人 國際航空運輸協會 近日 發 佈 評估 報告 認為 與 2019 年 相比 歐洲 航空 公司 年收入 將 減少 55 約 820億 歐元 自 2 月 中旬 以來 歐洲 已 有 超過 5000 架飛機 停 飛</t>
  </si>
  <si>
    <t>開學 才 2 周 美 大學 上千人 染 新冠</t>
  </si>
  <si>
    <t>美國 阿拉巴馬 大學 university of alabama 8 月 19 日 才 開放 學生 返校 上課 短短 2 周內 已經 有 上 千 名 學生 新冠 病毒檢測 結果 呈現 陽性 綜合 美國國家廣播公司 新聞網 nbc news 美國有線電視新聞網 cnn 報導 阿拉巴馬</t>
  </si>
  <si>
    <t>美國 阿拉巴馬 大學 university of alabama 8 月 19 日 才 開放 學生 返校 上課 短短 2 周內 已經 有 上 千 名 學生 新冠 病毒檢測 結果 呈現 陽性 綜合 美國國家廣播公司 新聞網 nbc news 美國有線電視新聞網 cnn 報導 阿拉巴馬 大學 8 月 19 日 才 開放 校園 讓 學生 到校 上課 不過 2 周內 已經 有 1063 人 病毒檢測 結果 呈現 陽性 阿拉巴馬 大學 一共 有 3 個 校 區 分別 為 杜斯 卡洛 薩 tuscaloosa 伯明罕 birmingham 亨 茲 huntsville 等 3 個 分校 當中 杜斯卡洛薩 分校 為 主要 校 區 感染 人數 高達 1043 人 確診 學生 中 沒有 人 需要 住院 值得注意 的 是 阿拉巴馬 大學 卻 稱 沒有 證據 顯示 這些 學生 是因為 到校 上課 才染上 新冠 該校 社區衛生 科學院 college of community health sciences 院長 佛蘭德 博士 dr ricky friend 表示 我們 的 暴露 通知 工作 顯示沒有 證據 指出 病毒 傳染 是因為 現場 授課 造成 我們 對於 複課 前 進行 的 預防 工作 感到 滿意 包括 戴 口罩 保持 距離 以及 結合 到校 及 遠 距 的 授課 方式 都 相當 適當 且 有效 阿拉巴馬 大學 醫學院 院長 以及 該校 健康 與 安全 工作 小組 聯合 主席 維克絲 selwyn vickers 表示 過去 一 周 他們 看到 愈來愈多 學生 因為 出現 症狀 或是 和 確診 者 接觸 過 而 主動 尋求 重新 檢測 病毒 除了 學生 開學 以來 學校 也 有 82 名 教師 及 員工 確診 目前 多數 確診 學生 已 返家 隔離</t>
  </si>
  <si>
    <t>美 新冠 變種 新 警訊 cdc 憂 抗 疫 進展 恐 歸零</t>
  </si>
  <si>
    <t>美 副 總統 候選人 辯論 為何 粉 眼 新冠 成為 熱 搜 詞</t>
  </si>
  <si>
    <t>美國 副 總統 彭斯 與 民主黨 副 總統 候選人 賀錦麗 7 日 出席 他們 的 首場 也 是 唯一一 場 辯論 穀歌 公司 表示 在 辯論 開始 後 半 小時 內 英文 短語 粉 眼 新冠 pink eye covid 成為 熱 搜 詞 之一 這 是 為什麼 很多 觀眾 注意 到 彭斯 的</t>
  </si>
  <si>
    <t>新冠 病毒 症狀 sars 眼 結膜 感染</t>
  </si>
  <si>
    <t>抗議 中火 的 民怨 如火燎原 來自 台中 彰 化 南 投 與 雲林 的 30 多 名 醫生 1 日 中午 1 時 將 身 穿 白袍 犧牲 午間 休 診 時間 到 台中 市 議會 廣場 接力 抗議 表達 對 中火 重 啟 2 號 燃煤 機組 不滿 臺灣 健康 空氣 行動 聯盟 理事長 葉光芃 醫師 表示 抗議 主題 無 煤 中火 救 胎兒 團結 顧健康 呼籲 同為 醫師 的 衛福 部長 陳時中 不要 缺席 臺灣 健康 空氣 行動 聯盟 今天 中午 將 在 台中 市 議 會前 中庭 接力 向 中火 抗議 包括 律師 教師 和 醫師 出席 展現 人民 的 憤怒 強調 後 疾 情 時代 團結 顧健康 無 煤 中火 救 胎兒 已 有 中部 30 多 名 醫師 將 參與 中央 與 地方 煤 電 大戰 延 燒 新冠 肺 情 疫情 稍 緩和 危害 健康 的 空 夢魘 又 空襲 中 彰 投 雲 30 多 名 集結 上 火線 號召 全國 大團結 團結 顧健康 衛福 部長 陳時中 不 缺席 臺灣 健康 空氣 行動 聯盟 表示 千萬 中南部 人 的 命 也 是 命 請 饒 了 我們 胎兒 兒童 成年 老人 燃煤 空 汙 傷心 腦 肺 精神 含 一級 致癌物 pm 10 pm 25 戴奧 辛 重金屬 等 燃煤 爭議 涉 公衛 醫生 集體 上 火線 聯合 診斷 後 新冠 疫情 的 這 起 重大 煤 電 爭議 醫師 葉光芃 說 中火 影響 圈 的 中 彰 雲 投 醫師 們 集結 台中 市 議 會前 白袍 共同 呼籲 健康 振興 應 成為 後 新冠 疫情 年代 的 治國 新思維 選 在 中午 1 點 最 酷熱 時段 因為 來自 雲林 彰 化 南 投 台中 等 地 醫師 為主 上 下午 門診 時間 不一 只 有 中午 醫 界 才 方便 共同 參與 為了 抗議 中火 為了 健康 環境 醫師 們 拼 了 犧牲 中午 休息時間 表達 人民 的 不滿 中火 與 台電 應該 傾聽 民眾 心聲 不要 再 與 民為 敵</t>
  </si>
  <si>
    <t>梅克爾 語出驚人 德 人口 60 70 會 染 上 新冠 病毒</t>
  </si>
  <si>
    <t>梅克爾 新冠 病毒 德國 60 70</t>
  </si>
  <si>
    <t>新冠 病毒 疫情 確診 美國 印度</t>
  </si>
  <si>
    <t>國際 產業 新冠 疫情 攪局 bmw 看 衰 獲利 前景</t>
  </si>
  <si>
    <t>中新 網 30 日 報導 繼 中 緬 瑞麗 中 蒙 內蒙 中俄 邊境 城市 黑河市 疫情 也 緊 蹦 29 日 出現 當天 大陸 最 多 本土 確診 26 例 新冠 病例 黑龍江省 文化 和 旅遊 廳 於 29 日 發佈 通知 即日起 嚴格執行 跨 省 旅遊 經營 活動 管理 熔斷 機制 立即</t>
  </si>
  <si>
    <t>針對 nba 目前 暫定 美國 時間 12 月 1 日 將 是 新 球季 開幕 日 火箭 傳奇 球星 t-mac 麥格瑞迪 率先 提出 預言 下 季 我們 將 會 看到 很多 的 負荷 管理 輪休 我 現在 就 可以 這樣 說 了 甚至 會 有 部分 球員 平均 只 打 約 15 分鐘 因為 他們 需要 輪休 這 是 前所未見 的 時期 麥格瑞迪 接受 電視節目 the jump 訪問 時 表示 我們 需要 適應 球員 也 要 適應 我 確信 球季 有 可能 縮短 對 球員 來說 最 困難 的 事情 是 你 所 習慣 的 行程 完全 被打亂 了 當下 季 12 月 就 開幕 你 該 怎麼辦 對於 打到 10 月 總 冠軍 賽 的 兩 隊 而言 你 只 剩 不 到 1 個 月 時間 準備 新 球季 所以 你會 休息 一 到 兩 周? 還 是 繼續 訓練 為 下 季 準備 麥格瑞迪 說 那些 從 3 月 就 沒 比賽 的 球隊 他們 能帶 煥然一新 的 身體 來 打 新 球季 但 其他 球隊 怎麼 辦 呢 事實上 麥格瑞迪 並非 在 危言聳聽 但因 新冠 疫情 影響 不僅僅 是 nba 所有 各 大 職業聯賽 的 賽季 都受 衝擊 就 連 沒 被 邀請 參加 本 季 複賽 的 8 支 nba球隊 也 在 呼籲 聯盟 幫忙 舉辦 小型 杯 賽 維持 狀態 畢竟 整整 8 個 月 沒 比賽 也 太 慘 了</t>
  </si>
  <si>
    <t>後 新冠 時代 10 大 變化 臺灣 剉 咧 等</t>
  </si>
  <si>
    <t>novavax 台 透過 covax 訂 其 抗 變種 效力 逾 90 新冠 疫苗</t>
  </si>
  <si>
    <t>美國 生 技 公司 諾瓦 瓦克斯 novavax 週五 說 臺灣 已 選擇 透過 世衛 who 主導 的 較 低收入 國家 疫苗 全球 取得 機制 covax 獲取 該 公司 的 新冠 疫苗 而 這 將 為 島上 免疫 計 畫 額外 增加 亟需 的 疫苗 據 路透 2 日 報導 臺灣 透過</t>
  </si>
  <si>
    <t>美國 生 技 公司 諾瓦 瓦克斯 novavax 週五 說 臺灣 已 選擇 透過 世衛 who 主導 的 較 低收入 國家 疫苗 全球 取得 機制 covax 獲取 該 公司 的 新冠 疫苗 而 這 將 為 島上 免疫 計 畫 額外 增加 亟需 的 疫苗 據 路透 2 日 報導 臺灣 透過 covax 訂 了 476萬 劑 新冠 疫苗 但 至今 只 收到 略 超過 60萬 劑 並 都 是 阿斯特 捷利康 astrazeneca az 疫苗 novavax 在 透過 電子 郵件 發出 的 聲明 中 說 它 已達成 協定 向 covax 供應 新冠 疫苗 聲明 中 說 臺灣 選擇 透過 covax 接受 nvx-cov 2373 疫苗 但 並未 提供 細節 衛福 部長 陳時 中 日 前 說 臺灣 已 和 novavax 總公司 洽談 但 也 沒有 提供 數量 或 時間表 等 細節 臺灣 在 出現 連串新冠 病例 後 正 致力 加快 疫苗 接種 計 畫 但 由於 全球 供應 短缺 至 今 2350萬 人 口中 大約 只 有 8 民眾 至少 接種 了 2 劑 疫苗 方案 中的 1 劑 novavax 上個月 說 美國 的 大規模 臨床實驗 證明 即使 面對 各式 令 人 關切 的 新冠 病毒 變種 它 的 疫苗 效力 仍 超過 90 在 美國 和 墨西哥 進行 的 這項 研究 中 有 近 3萬 名 志願者 參與 novavax 說 相關 研究 讓 他們 得以 按照 既 定計 畫 在 2021 年 第 3 季時 申請 在 美國 和 其他 的 緊急 使用 授權</t>
  </si>
  <si>
    <t>台大醫院 10 員工 確診 院方 宣佈 不收 新冠輕 症 患者</t>
  </si>
  <si>
    <t>有 這款 基因 新冠 致死 機 率 高 1 倍 英 研究 兩 族群 最 容易 有</t>
  </si>
  <si>
    <t>nba 戈貝爾 談 新冠 後遺症 嗅覺 1 年 才 恢復</t>
  </si>
  <si>
    <t>國中 畢業 就 燒 了 一手 好 菜 可說是 非常 不容易 日本 一 名 人 妻 在 兒子 國中 畢業 後 出 了 一個 每天花 1000 日 幣 約 新 台幣 273 元 做 晚餐 的 任務 而 剩下 的 經費 便 可 作為 他 的 零用錢 兒子 花 了 8 周 的 時間 成功 做 了 一 桌 好 料 讓 不少 網友 直 呼 小 當家 今日 息 子 中 3 が晩ご 飯 作 事 予 算 1 日 千 円 殘 分 小 遣 之 渡 約束 pic twitter com odijfvdaft 日本 人 妻 @miramania 56 透露 兒子 今年 3 月 國 中 畢業 後 就 受到 新冠 疫情 影響 學校 也 因此 延後 開學 而 她 便 決定 給 兒子 一 項 任務 表示 假若 他 能用 1千 日元 做 晚餐 剩下 的 錢就歸 他 所有 而其 兒子 也 接受 挑戰 從 3 月 10 日 開始 執行 計畫 第一 天 做出 蝦 仁義 大利 面 沙拉 和 湯 息 子 高 1 作 る晩ご 飯 55 日 目 學校 始 2 周間 之餘 裕 出來 來 久 飯 作 1 番 最初 作 海 老 兒 昨日 見 作 之 喜 喜 私 pic twitter com yy 4 fpzeahx 人 妻 兒子 的 菜色 起初 都 很 簡單 第 三 天 開始 參考 食譜 添加 蛋白質 的 食物 而 一個 禮拜 過去 了 晚餐 共 花 了 3336 日元 而 兒子 獲得 3664 日元 的 零用錢 但 他 並未 選擇 放棄 在 母親節 當天 他 在 父親 的 建議 下 做出 生魚片 套餐 及 草莓 慕 斯 挑戰 持續 56 天 他 總共 獲得 19669 日元 零用錢 息 子 高 1 作 る晩ご 飯 56 日 目 昨日 8 周間 精算 息 子 取 分 2866 円 合計 19669 円でした 卒業 約 3 月 長 休 食 之 経 済について 大分 勉強 之 思 之 山本 @syunkon 0507 世 話 之 pic twitter com g 8285 sg 3 sn 人 妻 @miramania 56 提到 兒子 在 這 8 周 不僅 廚 藝 變 好 也 懂得 如何 控制 食 材 成本 還有 做菜 的 一些 小 常識 例如 雞腿肉 雖 貴 但 魚類 更 貴 添加 香油 能 讓 食物 氣味 佳瞭解 煮 完 飯後 會 希望 有 人 能 幫忙 收 十 起初 他 還 需要 靠 看 食譜 做菜 如今 甚至 根本 不 用 看 讓 她 開玩笑 地 說 兒子 長大 了 但 老公 還是 那個 死 樣子</t>
  </si>
  <si>
    <t>知名 美國 饒舌 天 後 卡蒂 b cardi b 個性 嗆 辣 直率 有話直說 面對 疫情 日前 一 句 老娘 好 怕 怕 紅遍 全球 更 被 dj snake 蛇爺 創作 成 新冠 病毒 remix coronavirus remix 登 上 排行榜 她 近日 開 直播 大贊 中 國防</t>
  </si>
  <si>
    <t>新冠 疫苗 將 在 巴拉圭 做 人體 試驗 外交部 提供 協助</t>
  </si>
  <si>
    <t>巴拉圭 新冠 疫苗 人體 試驗 疫苗 友邦</t>
  </si>
  <si>
    <t>臺北市 萬 華區 年中 因 新冠 疫情 受 創 近來 在 各界 幫助 下 逐漸 復蘇 文化 總會 今年 再度 推出 結合 老城 魅力 的 生活 節 品牌 萬 華大 鬧熱 20 日 舉辦 開幕式 為 精彩 的 音樂 祭 及 市集 揭開序幕 活動 邀 來 滅火器 等 16 組 團體 輪番 登臺 演出</t>
  </si>
  <si>
    <t>臺北市 萬 華區 年中 因 新冠 疫情 受 創 近來 在 各界 幫助 下 逐漸 復蘇 文化 總會 今年 再度 推出 結合 老城 魅力 的 生活 節 品牌 萬 華大 鬧熱 20 日 舉辦 開幕式 為 精彩 的 音樂 祭 及 市集 揭開序幕 活動 邀 來 滅火器 等 16 組 團體 輪番 登臺 演出 市集 上 40 個 攤位 更為 在 地 飲食 文創 的 精選輯 成為 疫 後 振興 老城區 的 首 場 大型活動 也 是 為 24 日 即將 登場 的 年度 盛事 青山 祭 暖 身 2021萬 華大 鬧熱 生活 節 重頭戲 音樂 祭 與 市集 活動 20 日 盛大 登場 中華文化 總會 盼 透過 活動 邀請 民眾 用 正面 力量 支持 萬華 振興 萬 華 重新 感受 萬華 獨有 的 溫暖 人情味</t>
  </si>
  <si>
    <t>羥 氯喹 波索納洛 新冠 病毒 川普</t>
  </si>
  <si>
    <t>新冠 患者 易 猝死 家中 醫 揭 恐怖 原因 輕 症 無 症狀 也 會 死</t>
  </si>
  <si>
    <t>有 夠 白賊 新冠 患者 扯謊 害 全省 封 城 無 罰 則 當局 氣炸</t>
  </si>
  <si>
    <t>美國國會 新冠 病毒 支出 法案 通過</t>
  </si>
  <si>
    <t>揭密 新冠 病毒 疫情 發展 醫療 金字塔 底層 仍 有 8 成未 爆 彈</t>
  </si>
  <si>
    <t>新冠 確診 激增 紓困 案 停 擺 美 股 道 瓊重 挫 650 點</t>
  </si>
  <si>
    <t>指數 激增 重 挫 美 股 新冠 確診</t>
  </si>
  <si>
    <t>法國 因 新冠 疫情 再度 封城 法網 恐 再度 延賽</t>
  </si>
  <si>
    <t>who 全球 70 種 新冠 疫苗 賽跑 陸 康西 諾 沖 最 快</t>
  </si>
  <si>
    <t>據 界 衛生組織 who 公佈 的 資料 目前 全世界 共有 70 種 新冠 病毒 疫苗 正 在 研發 之中 其中 3 種 已經 開始 進行 臨床 試驗 其中 2 家 為 美國 莫德納 moderna 製藥 公司 與 伊諾維 inovio 製藥 公司 另 1 家 則 為 大陸 解放 軍事科學院 軍事醫學</t>
  </si>
  <si>
    <t>據 界 衛生組織 who 公佈 的 資料 目前 全世界 共有 70 種 新冠 病毒 疫苗 正 在 研發 之中 其中 3 種 已經 開始 進行 臨床 試驗 其中 2 家 為 美國 莫德納 moderna 製藥 公司 與 伊諾維 inovio 製藥 公司 另 1 家 則 為 大陸 解放 軍事科學院 軍事醫學 研究院 與 康西 諾 公司 合作 研發 目前 進度 最 快 的 是 大陸 康西 諾 公司 已于 上周 進入 第 2 階段 臨床實驗 據 陸媒 報導 大陸 康西 諾 公司 與 解放軍 軍事科學院 軍事醫學 研究院 生物工程 研究所 合作 研發 的 新冠 疫苗 屬於 腺病毒 載體 疫苗 從 上個月 開始 的 第 1 期 臨床 試驗 已 結束 目前 目 正 啟動 第 2 期 試驗 預計 第 2 期 臨床 試驗 規模 更 大 試驗 時間 6 個 月 此外 上周 美國食品藥品監督管理局 fda 亦 宣佈 受理 伊諾維 公司 提出 的 新冠 病毒 疫苗 臨床 試驗 申請 此 型 疫苗 是 dna 疫苗 首批 試驗 結果 預計 於 今年 夏末 公佈 爭取 2020 年 底 實現 量 產 報導 說 莫德納 公司 也 是 在 3 月 獲得 了 美國 食品藥品 監管部門 批准 跳 過 了 常規 疫苗 開發 需要 進行 的 多年 動物 實驗 階段 快速 進行 人體 臨床 試驗 who 公佈 的 檔案 還 指出 美國 大型 製藥 公司 輝瑞 pfizer 製藥 和 法國 製藥 公司 賽諾菲 sanofi 合作開發 的 疫苗 也 加速 進行 目前 已經 進入 了 人體 臨床 試驗 之前 的 階段 醫學 與 傳染病 專家 都 表示 疫苗 是 控制 新冠 病毒 的 最 有效 方法 現在 世界 上 很多 大大小小 的 製藥 公司 都 開始 了 疫苗 的 研發 業 界 希望 疫苗 能 于 明年 上市 但 專家 認為 最 快 也 大約 需要 18 個 月 左右</t>
  </si>
  <si>
    <t>新冠 非 典型 症狀 加強 采 檢</t>
  </si>
  <si>
    <t>三 商 美 邦 人壽 及 同為 三 商 投 控 成員 的 三友 藥 妝 共同 攜手 送暖 給 因 新冠 狀 肺炎 疫情 而 辛勞 的 醫護人員 聯名 捐贈 2000 條 日本 原裝 進口 馬 油 護手 霜 予 新北市衛生局 以 緩解 醫護人員 因 過度 清潔 導致 手部 肌膚 粗糙 龜裂 三 商 美 邦 人壽</t>
  </si>
  <si>
    <t>新冠 疫苗 訂價 藥廠 立場 分歧</t>
  </si>
  <si>
    <t>東奧 ioc 副 主席 透露 不論 有無 新冠 疫情 都 辦 定 了</t>
  </si>
  <si>
    <t>美國 新冠 確診 2 周內暴 增 百萬 例 總數 今 將 衝破 4百萬</t>
  </si>
  <si>
    <t>美國 衛生 及 公共服務 部 部長 亞曆克斯 阿劄爾 alex azar 今天 率團 訪台 這 是 及 1979 年 以來 訪台 層級 最高 的 美國 內閣 官員 阿劄爾 在 臺灣 時間 下午 五 點 左右 已經 抵達 松山機場 下 飛機 後 由 ait 處長 酈英傑 等 人 迎接 阿劄爾 也 向 媒體 揮手 美國 衛生部 部長 阿薩爾 於 本 周率 團 訪問 臺灣 阿薩爾 為 首 位 訪台 的 美國 衛生部 部長 也 是 六 年 來 首 位 訪台 的 美國 內閣 成員 以及 1979 年 以來 訪台 層級 最高 的 美國 內閣 官員 美國在台協會 表示 阿薩爾 此次 歷史性 的 訪問 將 強化 美 台 夥伴關係 並 促進 美 台 對抗 全球 新冠 疫情 的 合作 臺灣 作為 一個 自由 透明 的 民主 社會 在 對抗 疫情 上 成果 非凡 展現出 臺灣 在 國際 社會 所 扮演 的 關鍵 角色</t>
  </si>
  <si>
    <t>新冠 病毒 抗體 雞尾酒 進入 臨床</t>
  </si>
  <si>
    <t>新冠 病毒 肆虐 全美 迫使 42 個 州 都 下達 禁 足 令 讓 95 的 美國 人口 處於 半 封鎖 狀態 雖然 美 官方 檔 指出 居家 防疫 時間 不宜 輕易 鬆綁 但 包括 共和黨 與 民主黨 執政 內 的 數 州 民眾 開始 坐不住 認為 禁 足 時間 太長 近日 甚至 出現</t>
  </si>
  <si>
    <t>歐盟 最近 放寬 多 個 地區 入境 旅遊 限制 包括 香港 港 府 昨 宣佈 為 使 港人 便利 出行 決定 放寬 抵 港 檢疫 期 只要 符合 3 個 條件 包括 已 完成 接種 新冠 疫苗 並過 14 日 病毒檢測 無 確診 驗 出有 抗體 即 可 將 酒店 檢疫 期 可 縮減 至 7 日 30</t>
  </si>
  <si>
    <t>歐盟 最近 放寬 多 個 地區 入境 旅遊 限制 包括 香港 港 府 昨 宣佈 為 使 港人 便利 出行 決定 放寬 抵 港 檢疫 期 只要 符合 3 個 條件 包括 已 完成 接種 新冠 疫苗 並過 14 日 病毒檢測 無 確診 驗 出有 抗體 即 可 將 酒店 檢疫 期 可 縮減 至 7 日 30 日 開始 實施 有 香港 醫學 專家 擔心 新 措施 恐 使 疫情 風險 增加 香港大學 感染 及 傳染病 中心 總監 何柏良 今 表示 港 府 早 前 將 高風險 地區 入境 人士 的 酒店 檢疫 期 由 14 日 延長 至 21 日 目的 在於 避免 檢疫 期 最後 有 個案 漏洞 但 若 將 接種 疫苗 人士 的 檢疫 期 減至 只 需 7 日 或 重蹈覆轍 令 3 成 個案 進入 社區 至於 港 府 的 新 措施 下 要求 抵 港 人士 做 檢驗 血清 抗體 能否 填補 防疫 漏洞 何柏良 表示 並 不能 完全 補 漏 由於 不同 國家 及 地區 對 新冠 疫苗 的 審核 有所不同 部分 疫苗 的 科學 資料 仍未 能 在 科學 期刊 中 看到 可 減低 多少 感染 機會對抗 變種 病毒 的 成效 有 多少 亦 存疑 若 某種 疫苗 成效 偏 低 即使 血清 測 試驗 出 抗體 仍 有 機會 走漏 個案 至 社區 何 指 由於 近日 港澳 正 商討 兩地 恢復 往來 惟 澳門 對 防止 輸入 個案 標準 嚴格 始終如一 預料 零星 個案 會 增加 澳門 對 香港 的 戒心 隨時 影響 港澳 通關 香港食物及衛生局 局長 陳肇始 表示 所有 獲 縮減 檢疫 日數 的 人士 都 要 在 機場 接受 檢測 在 檢疫 期間 亦 要 再 做 1 次 檢測 而 來自 極 高及 甚 高風險 地區 的 人士 則 不 可 縮減 檢疫 期 她 又 指 獲 縮減 檢疫 期 的 人士 都 要 接受 血清 抗體 測試 由於 不同 化驗 平臺 有 差異 但 承認 不 會 考慮 抗體 濃度 只要 驗 出有 抗體 就 可以 僅 稱 當局 會 密切 留意 各地 疫情 儘量 平衡 和 小心 作 風險 評估 她 稱 政府 正 制訂 一 份 血清 抗體 測試 的 認可 醫務 化驗 機構 名單 讓 有 需要 出行 的 香港 居民 可 自費 做 測試 領取 抗體 效力 認證 而 暫時 未有 抗體 測試 的 收費 資料 相信 獲 認可 的 化驗 所 稍後 會 公佈 澳門 方面 早 前 曾 表示 香港 連續 14 日 無 本土 個案 可 研究 放寬 出入境 但 昨日 突 將 磋商 門檻 調升 至 28 日 香港旅遊 界 議員 姚思榮 表示 對 此 感到 失望 相信 開放 哪些 口岸 及 關口 限制 人數 等 技術 上 仍 需 時 處理 考慮 到 避免 太 多 人 聚集 在 關口 等候 檢測 認為 每日 允許 約 5000 人 出入境 是 相對 合適 的 數目</t>
  </si>
  <si>
    <t>東洋 代理 新冠 疫苗 破 局 網友 怒 批 陳時中 害 慘 臺灣人</t>
  </si>
  <si>
    <t>陸增 81 例 新冠 確診 鄭州 暴雨 災 後 疫情 未 見 底</t>
  </si>
  <si>
    <t>英國 讓 新冠 痊癒 者 再度 接觸 病毒 研究 是否 免疫</t>
  </si>
  <si>
    <t>臺灣 鋼鐵集團 旗 下 特殊鋼 大廠 榮 剛 材料 5009 9 日 公告 3 月份 自 結合 並 營 收 為 新 台幣 841億 元 雖 較 去年同期 減少 1017 但 創 今年 來 新高 累計 1 至 3 月 自 結合 並 營 收 為 2266億 元 較 去年同期 減少 1255 榮剛 表示 新冠</t>
  </si>
  <si>
    <t>美聯社 7 日 報導 根據 最新 統計 顯示 美國 新冠 疫情 再次 重返 2020 年 冬季 激增 期 的 關鍵點 目前 每日 平均 新增 確診 人數 皆 破 10萬 令 人 憂心 的 是 2020 年 美國 歷經 9 個 月 才 破 10萬 大關 如今 6 周內 就 重返 此 一 節點 反映 出 delta</t>
  </si>
  <si>
    <t>廣州 7 日 新增 10 例 新冠 確診 已 核酸 採樣 2798 55萬 份</t>
  </si>
  <si>
    <t>新冠 大 流行 讓 人 好 焦躁 研究 每天 吃 可 紓 壓 10 的 食物</t>
  </si>
  <si>
    <t>智利 每 增 1 科興 疫苗 接種 者 恐 增加 3 新冠 感染者</t>
  </si>
  <si>
    <t>長 庚 大學 研究 發現 伊維 菌素 可 抑制 新冠 病毒</t>
  </si>
  <si>
    <t>長 庚 大 學新興 病毒感染 研究 中心 近日 在 科技 部 駐 澳大利亞 科技 組 的 促成 下 成功 與 澳洲 蒙 納 許 大學 生物醫學 研究所 展開 合作 將就 抗 寄生蟲 藥物 伊 維 菌素 ivermectin 抑制 新冠 病毒 的 有效性 進行 研究 以 共同 研發 新型 抗病</t>
  </si>
  <si>
    <t>新冠 及 流感疫苗 可 同日 接種 港 專家 兩 只 手 分開 打</t>
  </si>
  <si>
    <t>世衛 日前 更新 指引 指 新冠 疫苗 及 流感疫苗 可以 同日 接種 香港大學 感染 及 傳染病 中心 總監 何柏良 今 25 日 表示 兩 種 疫苗 可 分開 在 兩 只 手 接種 且 若 同時 接種 流感疫苗 所 產生 的 抗體 比 分開 接種 高出 2 倍 大陸 已 展開 18 歲 以</t>
  </si>
  <si>
    <t>世衛 日前 更新 指引 指 新冠 疫苗 及 流感疫苗 可以 同日 接種 香港大學 感染 及 傳染病 中心 總監 何柏良 今 25 日 表示 兩 種 疫苗 可 分開 在 兩 只 手 接種 且 若 同時 接種 流感疫苗 所 產生 的 抗體 比 分開 接種 高出 2 倍 大陸 已 展開 18 歲 以上 人士 接種 第 三 劑 新冠 疫苗 而 港 府 專家 委員會 將 開會研究 接種 第 三 劑 何柏良 認為 大陸 目前 的 疫苗 政策 中 打針 已不 只 是 預防 重症 也 是 預防 傳播 尤其 是 懷疑 因 輸入 個案 引起 的 感染 群 組 何 柏良 指出 民眾 同時 接種 新冠 疫苗 及 流感疫苗 對 安全 及 成效 沒有 影響 抗體 反應 也 不 會 互相 影響 更 發現 若 同時 接種 流感疫苗 所 產生 的 抗體 比 分開 接種 高出 2 倍 何 續 指 如果 香港 要 儘快 與 大陸 通關 應該 在 政策 上 與 大陸 對接 同時 開放 讓 民眾 選擇 在 何時 接種 第 3 劑 以及 開放 選擇 接種 同 款 疫苗 或是 混打</t>
  </si>
  <si>
    <t>軍艦 士兵 哈 啾 一下 染 新冠 舌 相 竟 透露 病毒 蹤跡</t>
  </si>
  <si>
    <t>臺灣 每 3 人 就 有 1 人 鼻子 過敏 現在 正值 好 發 季節 日前 有 一 位 居家 檢疫 者 誤以為 流 鼻 水 是 鼻 過敏症 狀 而 不以為意 後來 擴大 采 檢 之後 才 發現 感染 新冠 病毒 近來 的 敦睦 艦隊 群 聚 感染 事件 中 也 有 士兵 誤以為 是 過敏性 鼻炎 發作 而 到</t>
  </si>
  <si>
    <t>全球 新冠 疫情 略有 緩和 趨勢 各國 為 解決 邊境 開放 後 的 安全 疑慮 問題 聚焦 疫苗 護照 概念 如何 實施 沈富雄 昨 19 日 在 政論 節目 中 反問 衛福 部長 陳時中 等到 全球 多國 邊境 啟封 拿 疫苗 護照 要來 臺灣 的 時候 那 你 還 固守 目</t>
  </si>
  <si>
    <t>仲琦 2419 上月 營 收 創下 109 年 新高 累計 計 109 全年度 自 結合 並 營 收 達 1028億 元 已經 連三年 突破 100億 元 大關 仲 琦 109 年 12 月 自 結合 並 營 收 為 1266億 元 較 108 年 同期 成 長 42 亦 較 去年 11 月 成 長 2 再創 109 年 新高 累計 109 全年度 自 結合 並 營 收 為 1028億 元 連續 三 年 合併 營 收 突破 100億 元 國際 美元 指數 持續 下 探 新 台幣 兌 美元 已 攻破 285 元 創下 23 年 來 新高 仲琦 在 出口 導向 受 美元 貶值 的 巨幅 影響 之下 營 收 仍 可 維持 新 台幣 百億 元 已 屬 不易 仲 琦 認為 全球 新冠 疫情 再度 陷入 緊張狀態 之際 展望 2021 年 網通 消費市場 對 寬 頻 上網 的 需求 依賴性 及 供應 鏈 出 貨 達 交 順暢 與否 將 會 是 整個 網通 產業 成長 脈 動 的 關鍵 指標</t>
  </si>
  <si>
    <t>川普 美 可 助 伊朗 對抗 新冠 病毒 只 等 他們 開口</t>
  </si>
  <si>
    <t>猴 打 疫苗 產生 新冠 病毒 抗體</t>
  </si>
  <si>
    <t>血栓 疑慮 下 中風 者 可以 打 新冠 疫苗 嗎 醫師 這麼 建議</t>
  </si>
  <si>
    <t>我國 採購 新冠 疫苗 進度 確定 延後 衛福 部長 陳時中 今 坦言 原先 將 於 一月 八 日 簽約 採購 的 五百萬 劑 疫苗 談判 時程 確定 延後 至於 covax 平 臺上 的 疫苗 採購 至今 也 未 決定 好 品牌 陳時 中曾 在 1 月 6 日 宣佈 5百萬 劑 疫苗 最 慢 將 於 8</t>
  </si>
  <si>
    <t>美國 新冠 疫情 愈演愈烈 白宮 貿易 顧問 納瓦羅 近日 批評 大陸 用 致命 的 武器化 病毒 攻擊 美國 但 美國 還是 一帆風順 納瓦羅 12 日 接受 福斯 新聞 fox news 採訪 時說 我 不 認為 這 是 巧合 在 大陸 經濟 下滑 的 第一 年 也</t>
  </si>
  <si>
    <t>納瓦羅 武器化 病毒 大陸 新冠 病毒</t>
  </si>
  <si>
    <t>澳洲 人口 最 多 的 新南 威爾斯 州 29 日 新增 1218 例 本土 確診 寫下 全國 單日 新高 紀錄 維多利亞州 首府 也 是 澳洲 第二 大城 墨爾本 原定 封鎖 期限 到 下月 2 日 週四 但 當局 宣佈 將 延長 封鎖 不過 尚未 發佈 要 持續 多久 時間 州長 安德魯斯 說 當地 的 本土 社區 病例 依舊 居高不下 因 此 現在 決定 要 延長 封鎖 期限 多久 仍 言之過早 儘管 新州 疫情 嚴峻 不過 該州 已 有 35 成年人 打完 兩劑 新冠 疫苗 距離 達到 政府 逐步 放寬 防疫 措施 的 70 疫苗 覆蓋率 還有 一半 需要 達標 新州 州長 貝雷 吉克莉 安女士 說 一 周 以來 有 834萬 人 接種 第一 劑 疫苗 目前 累計 65 成人 至少 接種 第一 劑</t>
  </si>
  <si>
    <t>興 櫃 股 安盛 生 q 4 推 新冠 智能 抗原 快 篩 數位 健康 通行證</t>
  </si>
  <si>
    <t>預言家 2021 波蘭 黑暗 年 新冠 疫情</t>
  </si>
  <si>
    <t>正值 美 陸 因 新冠 病毒 疫情 齟齬 加深 之際 華府 近期 在 國際 上 展開 挺 台 參與 世界衛生組織 who 活動 相關 宣傳 邀請 多國 一同 支持 讓 臺灣 參與 who 即 將 舉辦 的 世界衛生 大會 wha 不過 據 外交政策 雜誌 透露 北京 也 對 此 發起</t>
  </si>
  <si>
    <t>正值 美 陸 因 新冠 病毒 疫情 齟齬 加深 之際 華府 近期 在 國際 上 展開 挺 台 參與 世界衛生組織 who 活動 相關 宣傳 邀請 多國 一同 支持 讓 臺灣 參與 who 即 將 舉辦 的 世界衛生 大會 wha 不過 據 外交政策 雜誌 透露 北京 也 對 此 發起 了 外交 反 制 發動 各國 連 署 並 向 who 秘書長 談 德塞 致信 表示 在下 周 即將 舉行 的 wha 大會 上 不要 提及 讓 台 參與 一 事 外交政策 foreign policy 透露 取得 各國 向 譚 德塞 tedros adhanom ghebreyesus 連署 的 信件 中 指出 關於 臺灣 參與 問題 中國 在 wha 中 應該 遵循 一中 原則 然而 我們 注意 到 部分 會員國 將 在 wha 會議 期間 提出 所謂 的 臺灣 參與 問題 此舉 違背 了 會員國 之間 的 普遍 共識 故 在 大會 上 不 應該 考慮 討論 此 一 爭議 議題 在 面臨 前所未有 的 挑戰 前 我們 應該 關注 挽救 生命 並且 不 要 被 政治動員 所 分心 美國 參 眾 兩院的 外交事務 委員會 主席 10 日 致信 給 超過 50 個 國家 呼籲 它們 支持 臺灣 參加 世界衛生組織 who 和 即將 在 本月 召開 的 世界衛生 大會 wha 消息人士 透露 這 封信 是 發送給 理念 相同 的 不同 大小 國家 它們 都 被 視為 臺灣 的 盟友 或 站 在 同一 陣線 包括 加拿大 泰國 日本 德國 英國 沙烏地 阿拉伯 及 澳洲 報導 也 指出 一 名 外交 人士 透露 目前 有 跡象 顯示 歐盟 不 希望 正 在 全球 陷入 疫情 之中 仍 讓 who 陷入 外交 泥巴 戰 目前 正 考慮 延至 秋天 才 提出 臺灣 參與 wha 問題 不過 據 德國 之 聲 指出 德國外交部 發言人 表示 德國 支持 臺灣 作為 觀察員 出席 並 從 7 日 就 與 其他 西方 國家 一起 表達 此 一 立場 並 認為 獲得 此 一 觀察員 此 一 待遇 無須 國家 身分 且 讓 臺灣 實質性 參與 值得 期待</t>
  </si>
  <si>
    <t>新冠 疫苗 死亡 案件 持續 傳出 新北 市 23 日 再 添 6 人 最 年輕 是 板橋 56 歲 男性 洗 腎 患者 新北市衛生局 表示 民眾 有 疑義 通報 新北市衛生局 都 會 將 相關 資料 上傳 疾 管署 通報 系統 至於 個案 死亡 原因 是否 與 疫苗 有關 由 中央 預防 接</t>
  </si>
  <si>
    <t>新冠 疫苗 死亡 案件 持續 傳出 新北 市 23 日 再 添 6 人 最 年輕 是 板橋 56 歲 男性 洗 腎 患者 新北市衛生局 表示 民眾 有 疑義 通報 新北市衛生局 都 會 將 相關 資料 上傳 疾 管署 通報 系統 至於 個案 死亡 原因 是否 與 疫苗 有關 由 中央 預防接種 受害 救濟 審議 小組 審議 認定 目前 新北 市 通報 累積 統計 共 33 例 新增 6 例 包括 新 店 區 78 歲 男性 14 日 上午 在 護理 之家 接種 身 患 有 高血壓 15 日 到 20 日 出現 疲倦 感 21 日 早上 出現 臉色蒼白 上午 死亡 另 一 例 也 是 新 店 區 86 歲 女性 16 日 上午 接種 身患 為 多重 慢性病 17 日 出現 發燒 四肢 無力 及 嘔吐 18 日 早上 死亡 還 有 新莊 區 通報 72 歲 男性 17 日 下午 在 洗 腎 中心 接種 身 患 有 腎臟 疾病 18 日 出現 發燒 及 疲倦 19 日 出現 嘔吐 緊急 送至 臺北 醫院 急救 下午 死亡 還有 板橋 區 通報 79 歲 女性 18 日 上午 接種 19日 出現 血 壓低 身患 多重 慢性病 20 日 到 21 日 正常 作息 22 日 早上 死亡 新 店 區 通報 70 歲 男性 15 日 下午 在 洗 腎 中心 接種 身患 多重 慢性病 16 日 到 21 日 正常 作息 22 日 早上 死亡 板橋 區 通報 56 歲 男性 18 日 在 洗 腎 中心 接種 身患 腎臟 疾病 19 日 出現 嗜睡 及 發燒 20 日 早上 死亡</t>
  </si>
  <si>
    <t>尹恩惠 確診 新冠 疑 遭 同居 人 傳染 一 張 全黑 畫面 報 現況</t>
  </si>
  <si>
    <t>境外 匈牙利 北京市 報告 新冠</t>
  </si>
  <si>
    <t>病毒 專家 石正麗 新冠 僅 冰山一角</t>
  </si>
  <si>
    <t>止咳 藥 常見 成分 會 加速 新冠 病毒 複製 醫 曝 恐 出現 重症 病 患</t>
  </si>
  <si>
    <t>dextromethorphan 止咳 藥 新冠 病毒 蘇一峰 複製</t>
  </si>
  <si>
    <t>普力生 技 公佈 產品 抗 新冠 病毒 報告 達 9999 以上</t>
  </si>
  <si>
    <t>普力 生化 科技 公司 4 日 公佈 國防 醫學院 實驗室 檢驗 報告 該 公司 產品 普 力 600二 氧化氯 抗 菌 錠 對抗 新冠 病毒 可 達 9999 以上 普力生 技 今 更 與 國防 醫學院 簽署 產 學 防疫 研發 合作 也 捐贈 公司 產品 與 研究 設備 一 盡 軍民 共同 抗</t>
  </si>
  <si>
    <t>普力 生化 科技 新冠 病毒 國防 醫學院 生 技 產品</t>
  </si>
  <si>
    <t>蓬佩 奧 確診 新冠 病毒 國務院 疫情</t>
  </si>
  <si>
    <t>有效 降低 9 成 死亡 風險 抗 憂鬱 症 老 藥 為 治療 新冠 帶來 新希望</t>
  </si>
  <si>
    <t>治療 新冠 傳出 好 消息 巴西 近日 的 千 人 實驗 發現 又 有 一 款 老 藥 可 降低 死亡 發生 是 一 款 名為 氟 伏沙 明 fluvoxamine 的 抗 憂鬱 症 老 藥 陽明醫院 胸腔 科 醫師 蘇一峰 指出 該 研究 指出 可 減少 新冠 感染 後 死亡 風險 達 9 成 並 獲 nature</t>
  </si>
  <si>
    <t>據 大陸 央 視 引述 伊朗 媒體 報導 伊朗 衛生部 副 部長 哈利 其 iraj harirchi 確診 感染 新冠 病毒 已 接受 隔離 目前 情況 良好 據 伊朗 伊斯蘭 通訊社 25 日 報導 哈利 其 在 其 社交 媒體 證實 了 這 一 說法 他 表示 24 日 晚上 的 測試 顯</t>
  </si>
  <si>
    <t>廣東 本土 病例 清零 60萬 支 重組 亞 單位 新冠 疫苗 抵 粵</t>
  </si>
  <si>
    <t>廣東 官方 健康 廣東 微信 公 號 16 日 公佈 6 月 15 日 0 至 24 時 廣東省 無 新 增 本土 確診 病例 和 本土 無 症狀 感染者 廣東省 獲 批 首 批 60萬 支 重組 亞 單位 新冠 疫苗 已經 到 粵 該 疫苗 是 由 中國科學院 微生物研究所 和 安徽 智飛龍 科 馬 生物 制</t>
  </si>
  <si>
    <t>全球 首例 港 確診 患者 愛犬 染 新冠 病毒</t>
  </si>
  <si>
    <t>男子 假冒 新冠 防疫員 登堂入室 捆綁 屋 主 洗劫 財物</t>
  </si>
  <si>
    <t>印度 神童 阿南德 又 有 恐怖 預言 他 在 16 日 發表 的 最新 影片 中 揭露 包括 印度 美國 日本 及 英國 等 4 國 可能 爆發 新 一 波 疫情 至於 疫情 何時 好轉 可能 要 等 到 2023 年 4 月 以後 全球 才 會 逐漸 解封 阿南德 在 16 日 發表 的 youtube 影片 中 指出 自 6 月 20 日 開始 木星 將 逆行 回到 土星 這 對 全世界 來說 都 不是 好事 影響 層面 向 包括 新冠 疫情 全球 經濟 及 股市 阿南德 更進一步 指出 6 月 20 日 至 9 月 21 日 包括 英國 等 歐洲 多數 國家 以及 印度 美國 日本 等 將 爆發 新 一 波 疫情 到 7 月 火星 與 木星 處於 相對 位置 時 才會趨 緩 9 月 至 11 月 將 會 是 全世界 最 動盪不安 的 時期 經濟 及 股市 將 在 11 月 後 回歸 穩定 至於 全球 疫情 要 等 到 2023 年 4 月 以後 才 會 好轉 屆時 全球 才能 逐漸 解封 因 精准 預言 新冠 疫情 而 爆 紅 的 阿南德 日前 預言 英國 以色列 這 2 國將 在 6 月 20 日 之後 發生 嚴重 大事 與 英國 將 原訂 6 月 21 日 的 解封 日 延後 不謀而合 接 著 阿南德 在 13 日 發佈 影片 點出 未來 經濟 復蘇 的 5 大 階段 表示 2023 年 將 有 大型 重置 如今 他 預言 下 一 波 可能 遭遇 疫情 侵襲 的 國家 和解 封 時間 點 再度 引起 關注</t>
  </si>
  <si>
    <t>新冠 疫情 持續 已 超過 一 年 近日 又 爆發 群 聚 感染 是否 因 受 疫情 影響 產生 焦慮 和 憂鬱 的 情緒 進而 影響 自己 的 判斷力 根據 2020 年 12 月 發表 於 elife 期刊 的 一 項 研究 指出 當 混亂 的 事情 愈多 患有 臨床 焦慮 或 憂鬱 症 的 人 就 愈</t>
  </si>
  <si>
    <t>新冠 疫情 持續 已 超過 一 年 近日 又 爆發 群 聚 感染 是否 因 受 疫情 影響 產生 焦慮 和 憂鬱 的 情緒 進而 影響 自己 的 判斷力 根據 2020 年 12 月 發表 於 elife 期刊 的 一 項 研究 指出 當 混亂 的 事情 愈多 患有 臨床 焦慮 或 憂鬱 症 的 人 就 愈 難 做 出 明智 的 決定 並且 無法 從 錯誤 中 吸取教訓 情緒 復原 力 強者 可 以 適應 不斷 變化 該 研究 由 美國加州大學 柏克萊 分校 學者 進行 研究者 進行 兩 項 實驗 第 一個 實驗 邀請 86 名 18 50 歲 的 民眾 參與 其中 包含 廣泛性 焦慮 症 及 重度 憂鬱 症 患者 出現 焦慮 或 憂鬱 症狀 者 以及 沒有 症狀 者 受試者 於 實驗室 中 透過 電腦遊戲 反 覆 地 在 兩 個 形狀 間 做 選擇 選擇 後會 出現 獎勵 或 電擊 部 份 任務 結果 可 預期 部 份 則 是 變動 的 第二 個 實驗 研究者 招募 了 147 名 患 有 不同 焦慮 和 憂鬱 程度 的 美國 成人 以遠 距 方式 完成 類似 的 任務 兩 個實驗 結果 皆 指出 與 情緒 復原 力 強 的 參與者 相較 不管 決策 結果 對應 的 是 獎勵 或 懲罰 同時 出現 焦慮 和 憂鬱 症狀 者 面對 變化 的 環境 時 最難 做出 正確 的 決定 研究 也 發現 人們 通常 不 自覺 地 以 過去 正向 或 負向 的 結果 來 做為 當下 決策 的 參考 情緒 復原 力 強者 可以 更 快 地 根據 過去 的 成功 結果 來 適應 不斷 變化 的 狀況 注意力 轉為 專注 正向 結果 有助 穩定情緒 臺北 長庚醫院 精神 科 主治醫師 劉嘉逸 說明 焦慮 或 憂鬱 症 患者 若 面臨 重複 出現 且 難以 抉擇 的 情境 時 比較 容易 將 注意力 放在 自己 所犯 的 錯誤 上 從 上述 研究 結果 可 發現 情感 復原 力 較佳 者 會 專注 於 過往 正向 結果 的 經驗 依此 研究 推論 建議 可於 臨床 中 協助 焦慮 或 憂鬱 症 患者 將 注意力 從 自己 所犯 的 錯誤 轉為 專注 於 過往 正向 結果 的 經驗 可能 有助於 焦慮 或 憂鬱 患者 穩定情緒 能夠 在 困難 的 情境 中 做出 較佳 的 決策改變 看待 事物 觀點 3 招 產生 好 的 結果 董氏 基金會 心理衛生 中心 主任 葉雅馨 表示 應將 觀點 放在 好 的 事情 避免 被 壞 淹沒 建議 透過 三 個 步驟 來 改變 看待 事物 的 觀點 首先 瞭 解 自己 確認 自己 是 什麼 個性 的 人 以及 做 決策 的 方式 再來 調整 速度 事緩則圓 急事 慢 做 減少 因 倉促 決定 而 犯下 錯誤 的 機會 最後 增加 好 的 感覺 常 提醒 自己 聚焦 在 好 的 感覺 上 當 你 做 了 對 的 決定 你會 有 好 的 感覺 好 的 影響力 產生 好 的 結果 此 帶來 的 正面 效應 可讓 自己 穩定 心情 增加 自信</t>
  </si>
  <si>
    <t>美國 新冠 疫情 最 嚴重 的 莫過於 紐約州 在 3 月 時 一 位 母親 先 被 感染 結果 將 病毒 帶回家 造成 17 個 小孩 也 被 感染 好 在 一個 月 來 陸續 恢復 母親 說 這 真是 最 可怕 的 經驗 住 在 紐約州 門羅 縣 的 布特妮 brittany jencik 含</t>
  </si>
  <si>
    <t>隨 著 大陸 cba 在 20 日 迎接 本 季 複賽 林書豪 即將 領 軍 北京首鋼 迎戰 遼寧隊 豪 哥 也 在 ig 貼出 閉 眼 沉思 照片 更 寫 cba 球季 今天 重 啟 但 此時 感受 格外 不同 複賽 意義 遠大 於 打球 這 代表 身 為 人類 的 我們 對抗 後 新冠 時期 下 一 步</t>
  </si>
  <si>
    <t>隨 著 大陸 cba 在 20 日 迎接 本 季 複賽 林書豪 即將 領 軍 北京首鋼 迎戰 遼寧隊 豪 哥 也 在 ig 貼出 閉 眼 沉思 照片 更 寫 cba 球季 今天 重 啟 但 此時 感受 格外 不同 複賽 意義 遠大 於 打球 這 代表 身 為 人類 的 我們 對抗 後 新冠 時期 下 一 步 換句話說 我 將 帶 著 沉重 心情 站上 球場 我 知道 還有 很多 人 受傷 很多 人 生病 很多 的 不義 看來 我 打球 並非 正確 但 我 也 清楚 球賽 代表 什麼 人們 可以 團結 在 一起 享受 競爭性 無關 年齡 膚色 或 信仰 籃球 最 棒 之處 就是 團隊 公平 與 愛 我 還 在 持續 學習 傾聽 與 思考 自己 如何 可以 變成 更 好 的 人 同時 更 希望 我們 的 球賽 可以 帶 給 全世界 一些 光芒 林書豪 在 ig 上面 寫 著 林書豪 19 日 也 出席 賽前 記者會 當 被 問到 接下來 目標 他 信心 滿滿 表示 當然 是 冠軍 從 開始 打球 到 現在 從來 沒有 一個 球季 我 的 目標 不是 這個 我們 之前 一直 努力 訓練包含 籃球 智商 與 技術 都獲 提升 所以 我 很 期待 跟 隊友 上場比賽 至於 林書豪 今天 將 跟 好友 郭 艾倫 的 對 決 豪 哥 仍 用 標準答案 回應 我們 是 朋友 也 是 對手 郭 艾倫 則 把 眼光 放在 贏球 上面 這不 是 拳擊 而是 籃球 北京首鋼 將 在 今晚 7 點 35 分在 青島 賽區 迎戰 遼寧隊 restarting the cba season today but this time it feels so different the return of games means more than just hoops it represents us as humanity fighting to take our next steps post-covid on the other hand i step onto the court with a heavy heavy heart i know there are so many people hurting so many sick so much injustice it almost doesnt seem right that i get to hoop but i also know what the game stands for people who unite to enjoy competition regardless of age skin color or beliefs bball at its best is a game of teamwork equality and love im still learning listening and thinking about how i can be a better ally in the meantime hope our games can bring some light to the world jeremy lin 林書豪 @jlin 7 分享 的 貼 文 於 pdt 2020 年 6 月 月 19 日 下午 4 55 張貼</t>
  </si>
  <si>
    <t>科技 2020 新冠黑 天鵝 突襲 高通 陳若文 明年 半導體 仍 健康</t>
  </si>
  <si>
    <t>新冠 病毒 是 人造 嗎 美 醫學 權威 研究 結果 驚人</t>
  </si>
  <si>
    <t>指數 歐盟 疫 苖 復蘇 基金 新冠</t>
  </si>
  <si>
    <t>新冠 疫苗 我 近 1500萬 劑 到 手</t>
  </si>
  <si>
    <t>新冠 疫情 衝擊 全球 醫護人員 堅守 第一線 不僅 辛苦 且 需承擔 巨大 風險 日本 厚生 勞動 省 24 日 宣佈 將 向 每 名 醫護人員 發放 最高 20萬 日圓 約 新 台幣 55萬 元 慰 勞金 在 加 護 病房 照顧 重症 患者 的 人員 薪資 可能 增 至 目前 的 3 倍</t>
  </si>
  <si>
    <t>香港 新冠 確診 48 例 創 單日 新高 多數 自 歐美 返回</t>
  </si>
  <si>
    <t>新冠 病毒 老婆 印尼 部長 口出狂言 無法控制 就 與 它 她 並存</t>
  </si>
  <si>
    <t>新冠 病毒 並存 言論 部長 無 法</t>
  </si>
  <si>
    <t>後 新冠 房市 兩 樣 情</t>
  </si>
  <si>
    <t>又 一個 歐洲 國家 新冠 死亡 人數 超過 大陸 它 是</t>
  </si>
  <si>
    <t>新冠 肆虐 病毒殺 紅了眼 又 一個 歐洲 國家 剛剛 被 確認 因 新冠 死亡 人數 超過 大陸 它 是 西班牙 目前 死亡 人數 已經 超過 了 3434 人 成為 繼 義 大利 後 被 新冠 奪 走 人命 最 多 的 國家 西班牙 衛生部門 剛剛 發佈 的 數位 顯示 星期二 又</t>
  </si>
  <si>
    <t>死亡 人數 新冠 大陸 34 一個</t>
  </si>
  <si>
    <t>新冠 病毒 恐 在 台 自我 進化 醫 憂 傳染 力 超過 50</t>
  </si>
  <si>
    <t>世界衛生組織 總 幹事 譚 德塞 在 世界衛生 大會 wha 上 說 專家 們 尚未 發現 對 現有 疫苗 和 藥物 有效性 構成威脅 的 新冠 病毒 新 菌 株 但是 病毒 變異 的 情況 不 斷 改變 不能 保證 目前 疫苗 有效 的 狀況 不 會 改變 各國 應該 設法 在 9 月 之前 為 至</t>
  </si>
  <si>
    <t>新冠 疫情 變種 病毒 譚 德塞 疫苗 世界衛生 大會</t>
  </si>
  <si>
    <t>義 大利 醫生 新冠 病毒 正在 減弱 最終 將 自行 消失</t>
  </si>
  <si>
    <t>興 櫃 股 心 悅 新冠 新藥 在 台 申請 臨床 試驗</t>
  </si>
  <si>
    <t>心 悅 生 醫 新冠 新藥 eua</t>
  </si>
  <si>
    <t>美 開始 試驗 新冠 疫苗 西雅圖 第一 批 病 患 接受 注射</t>
  </si>
  <si>
    <t>武漢 仍 因 新冠 病毒 疫情 持續 封城 為 平息 武漢 民怨 浙江 政壇 出身 的 中共中央 政法委 秘書長 陳一新 於 8 日 臨危 受 大陸 中央 命令 南下 湖北 整治 中央政法委 並於 近日 公開 了 陳一新 與 武漢 各區 一把手 的 群聊 記錄 陳一新 向 武漢 官</t>
  </si>
  <si>
    <t>國際 社會 新冠 疫情 警報 大響 美國 要 民眾 開始 為 境內 傳播 做 準備</t>
  </si>
  <si>
    <t>新冠 病毒 超 難 纏 國內 再 增 3 複 陽 案例</t>
  </si>
  <si>
    <t>北 港 香 盛期暴 人潮 公所 加強 防制 新冠 登革熱 消毒</t>
  </si>
  <si>
    <t>消毒 登革熱 北 港 朝 天宮 新冠 香 盛期</t>
  </si>
  <si>
    <t>影 爆 料 老媽 滿 屋子 狂 咳 川普 前 顧問 火 辣 女兒 宣佈 染 新冠</t>
  </si>
  <si>
    <t>大 聯盟 官方 10 日 公佈 2021 年 球季 賽程 例行 賽開季 時間 設 定為 美國 時間 4 月 1 日 特別 是 全 聯盟 都 在 同一天 開 季 這 將 是 1968 年 以來 首 見 其實 大 聯盟 2018 年 就 想要 全體 同步 開 季 因 有 些 球場 下雨 而 失敗 今年 則 是 毀 在 新冠 疫情</t>
  </si>
  <si>
    <t>大 聯盟 官方 10 日 公佈 2021 年 球季 賽程 例行 賽開季 時間 設 定為 美國 時間 4 月 1 日 特別 是 全 聯盟 都 在 同一天 開 季 這 將 是 1968 年 以來 首 見 其實 大 聯盟 2018 年 就 想要 全體 同步 開 季 因 有 些 球場 下雨 而 失敗 今年 則 是 毀 在 新冠 疫情 今年 的 賽程 安排 也 是 史上首 見 球隊 只 對 決 跟 自己 同區 以及 分區 相同 的 跨 聯盟 球隊 例如 美 聯 東區球隊 只 會 碰到 同區 或是 國聯 東區 的 球隊 以 減少 球隊 移動 本 季 是 收看 許多 跨 聯盟 對 戰 的 好 機會 大 聯盟 預 設 明年 疫情 已經 結束 球隊 排 滿 162 場 回復 往年 的 同 聯盟 跨 區對 戰 首日 15 場 只 有 3 場 跨 聯盟 對 戰 其中 比較 倒 楣 的 是 光芒 客場 對 戰馬 林 魚 這 兩 支 票房 最差 的 球隊 被 安排 在 開幕 戰 交手 然而 2021 年 能否 如期 開 季 還 得 看 新冠 疫苗 的 效用 與 產量 美國 佛 奇 醫生 anthony fauci 認為 今年 之內 難以 得知 結果</t>
  </si>
  <si>
    <t>義 大利 新冠 確診 單日 暴 增 千 人 執政黨 魁 自 曝 感染</t>
  </si>
  <si>
    <t>歐洲 遭 新冠 攻陷 至 1 月底 金融業 曝 險 近 5 兆</t>
  </si>
  <si>
    <t>國內 新冠 疫情 大 爆發 已經 連續 多 日 新增 破百 確診 病例 在 前線 的 醫院 人員 也 冒著 風險 堅守崗位 主持人 吳淡如 也 分享 婦科 醫師 王樂明 的 經歷 當時 他 替 一 名 確診 的 產婦 接生 儘管 成受 感染 的 高風險 他 最 擔心 的 卻是 寶寶 的 健康</t>
  </si>
  <si>
    <t>隨 著 天氣 日漸 高溫 新冠 病毒 疫情 趨 緩 防疫 人員 又 開始 擔憂 登革熱 大 爆發 奇 美 醫學 中心 醫療 團隊 最新 研究 發現 高齡 低血壓 咳 血 糖尿病 與 長期 臥床 為 登革熱 患者 5 大 死亡 危險 因數 症狀 超過 3 項 以上 死亡率 更 高 達 4 成 5</t>
  </si>
  <si>
    <t>隨 著 天氣 日漸 高溫 新冠 病毒 疫情 趨 緩 防疫 人員 又 開始 擔憂 登革熱 大 爆發 奇 美 醫學 中心 醫療 團隊 最新 研究 發現 高齡 低血壓 咳 血 糖尿病 與 長期 臥床 為 登革熱 患者 5 大 死亡 危險 因數 症狀 超過 3 項 以上 死亡率 更 高 達 4 成 5 奇 美 醫學 中心 急診 醫學 部 高齡 急診科 主任 黃建程 表示 登革熱 又 稱為 天狗 熱 如果 被 帶有 登革熱 病毒 的 病媒 蚊 埃及 或 白線 斑 蚊 叮 咬 就 可能 被 傳染 典型 登革熱 潛伏期 約 為 3 至 14 天 通常 4 至 7 天 開始 會 出現 發燒 頭痛 肌肉 痛 全身 無力 後 眼窩 痛 噁 心 食欲不振 出 疹 與 關節 痛 等 症狀 一旦 出現 嗜睡 躁動不安 持續 嘔吐 黏膜 出血 即為 重症 跡象 如 疏於 治療 就 可能 致死 為 瞭解 登革熱 死亡 原因 奇 美 醫學 中心 分析 2015 年 登革熱 大 爆發 時 健 保 就醫 資料 歸納 致死 個案 風險 發現 高齡 低血壓 咳 血 糖尿病 與 長期 臥床 為 患者 致死 的 5 大 關鍵 臨床 顯示 登革熱病 人 如 出現 上述 其中 1 項 危險 因數 死亡率 比 沒有 者 增加 13 倍 要是 有 2 項 危險 因數 則 死亡率 增加 34 倍 有 3 項 以上 危險 因數 者 死亡率 暴 增至 444 倍 整體 來說 登革熱病 人 如不 具有 上述 危險 因數 致死 率 為 02 如 出現 其中 1 項 致死 率 為 23 有 2 項 危險 因數 者 致死 率 為 6 0 多 達 3 項 以上 危險 因數 者 致死 率 急速 爬升 至 455 該項 研究成果 陸續 刊登 於 衰老 臨床 和 實驗 研究 雜誌 2020 年 5 月 等 國際 知名 醫學期刊 黃建程 指出 預防 登革熱 務必 從 清除 孑孓 孳生 源 開始 力行 巡 倒 清 刷 4 步驟 經常 巡 檢 檢查 室內外 有無 容易 積水 容器 倒 掉 積水 並 丟棄 無用 的 器物 減少 容器 並 將 使用 過 的 器具 澈底 清 潔 刷 除 蟲卵 收 十 或 倒置 勿 再 積水 養 蚊 另 注意 罹 患 登革熱 可能 症狀 如有 發燒 頭痛 肌肉 痛 全身 無力 後 眼窩 痛 等 異常 情形盡 速 就醫 本文 由 now 健康 授權 報導 未經 同意 禁止 轉載</t>
  </si>
  <si>
    <t>中 時 新聞網 精選 5 件 不可不 知 的 國際 大事 帶 讀者 掌握 今 6 日 的 國際 新聞 重點 1 新冠 高燒 不退 英國首相 強生 驚 傳 入院 新冠 病毒 陰影 持續 在 唐寧街 10 號 揮 之 不 去 日前 才因 又 出現 新冠 征狀 二 度 在家 自主 隔離 的 英國</t>
  </si>
  <si>
    <t>biontech 輝瑞 新冠 疫苗 早期 臨床 試驗 報佳音</t>
  </si>
  <si>
    <t>不 信 新冠 數字 英 比較 名單 將 陸 除名</t>
  </si>
  <si>
    <t>新冠 患者 住院治療 為何 都 趴 著 icu 醫 揭秘</t>
  </si>
  <si>
    <t>柯文哲 嗆 中央 對付 新冠 沒有 對付 我 用心</t>
  </si>
  <si>
    <t>降低 病毒傳播 速度 新冠 專家 全世界 接種 疫苗 後 還 是 應戴 好 口罩</t>
  </si>
  <si>
    <t>接種 三 針 新冠 重組 蛋白 疫苗 北京 落地 開 打</t>
  </si>
  <si>
    <t>澎湃 新聞 28 日 報導 中國科學院 微生物研究所 官方 微信 27 日 發佈 消息 稱 由 中國科學院 微生物研究所 和 智飛龍 科 馬 聯合 研發 的 新冠 重組 蛋白 疫苗 在 北京 落地 開 打 來自 該 疫苗 研發 基地 中科院 微生物 所 的 部分 科研 工作者 在 海澱區 的</t>
  </si>
  <si>
    <t>陸 昨 新增 新冠 確診 98 例 其中 本土 55 例 江蘇 占 40 例</t>
  </si>
  <si>
    <t>全球 新冠 疫情 持續 延 燒 據 worldmeter 網站 統計 截至 昨晚 全球 確診 人數 已 突破 2700萬 其中 逾 88萬 人 死亡 美國海軍 雷 根號 航空母艦 二 度 傳出 有 官兵 中 鏢 印度 則 再次 打破紀錄 1 天內 新增 9萬 人 確診 最 快 今天 就 會</t>
  </si>
  <si>
    <t>新冠 變異 株 omicron 入侵 多國 莫德納 執行長 昨 30 日 預期 疫苗 效力 下降 而且 不會 好 到 哪裡 引發 市場 恐慌 不過 同一時間 以色列 衛生部長 卻 表示 現有 疫苗 對 omicron 有效 以色列 媒體 公開 的 初步 資料 也 顯示 輝瑞 bnt 疫</t>
  </si>
  <si>
    <t>新冠 變異 株 omicron 入侵 多國 莫德納 執行長 昨 30 日 預期 疫苗 效力 下降 而且 不會 好 到 哪裡 引發 市場 恐慌 不過 同一時間 以色列 衛生部長 卻 表示 現有 疫苗 對 omicron 有效 以色列 媒體 公開 的 初步 資料 也 顯示 輝瑞 bnt 疫苗 預防 感染 omicron 的 保護 力達 90 綜合 英國 衛報 the guardian 耶路撒冷 郵報 the jerusalem post 報導 衛生部長 霍洛維茲 nitzan horowitz 昨日 表示 初步 跡象 顯示 6 個 月 內 完整 接種 過 新冠 疫苗 的 人 或者 已經 追 打 加強 針 的 民眾 將 免於 受到 omicron 感染 霍洛維茲 說 接下來 幾 天 我們 將 會 有 關於 疫苗 對抗 omicron 有效性 的 更 準確 資訊 但 目前 已經 有 樂觀 的 空間 而且 初步 跡象 顯示 已經 接種 過 疫苗 的 人 仍然 有效 或者 接種 過 加強 針 的 人 能夠 受到 保護 霍洛維茲 補充 說 現在 疫苗 真的 非常 重要 任何 沒有 打 疫苗 的 人 接觸 到 這 只 變異 株 都將 讓 自己 陷入 不必要 的 風險 週二 晚間 以色列 第 12 頻道 電視臺 channel 12 tv 報導 bnt 疫苗 對抗 omicron 的 最初 保護 力 資料 指出 bnt 疫苗 避免 民眾 感染 omicron 的 保護 力達 90 對抗 delta 的 保護 力為 95 保護 效力 較 對抗 delta 稍微 下降 對於 已經 接種 第 3 劑 加強 針 的 人 避免 重症 的 保護 力達 93 報導 指出 omicron 的 傳染 力 較 delta 高 約 高出 13 倍 關於 未 接種 疫苗 的 民眾 感染 omicron 後 變成 重症 的 機 率 高出 24 倍 以色列 衛生部 發言人 表示 尚未 收到 第 12 頻道 電視臺 公佈 的 疫苗 保護 力 資料 另外 南非 也 將 和 以色列 分享 疫苗 對抗 omicron 保護 力 的 初步 資料 以色列 衛生部 公衛司 司長 歐若 普瑞斯 sharon alroy-preis 昨日 表示 目前 以色列 最 關切 的 是 omicron 在 南非 的 傳播 速度 非常 快 10 天內 每日 新增 病例 就 從 200 例 激 增至 2000 例 不過 已經 接種 過 疫苗 的 患者 症狀 都 屬 輕 症 她 也 強調 目前 都只 是 初步 資訊 israeli health minister nitzan horowitz says that early data shows that those who have three doses of the pfizer covid vaccine are well protected against the new omicron variant https t co fy 3 ydz 7 eul 以色列 昨日 新增 4 例 omicron 確診 其中 2 名 患者 為 心臟病 專家 當中 1 人 近期 剛從 倫敦 開會 返國 官方 表示 2 人 都 接種 過 3 劑 bnt 疫苗 不過 症狀 都 非常 輕微</t>
  </si>
  <si>
    <t>中西醫 合 治 緩解 新冠 症狀</t>
  </si>
  <si>
    <t>身體 病毒 體質 中醫師 新冠 症狀</t>
  </si>
  <si>
    <t>國內 污水 測到 新冠 病毒 來源地 曝光 全是 高風險 區</t>
  </si>
  <si>
    <t>美國 新加坡 香港 曾 透過 監測 污水 系統 追查 社區 感染 來源 衛福 部長 陳時中 證實 國內 污水 監測 系統 也 偵 測到 新冠 病毒 陳時中 今天 表示 目前 發現 兩 處 污水 檢測 的 ct 值 為 33 37 這些 病毒 不 具有 傳染性 但 顯示 出 蒐集 到 污水 的</t>
  </si>
  <si>
    <t>新冠 疫情 重創 全球 各國 經濟 資料 都 大幅 下挫 中國 大陸 4 月份 工業品 出廠價格 下降 降幅 為 4 年 來 最 大 大陸 專家 分析 稱 新冠 疫情 導致 國內外 需求 都 受到 壓抑 即便 是 疫情 受到 控制 經濟 活動 恢復 後 也 不 會 出現 v 型 反彈 國內</t>
  </si>
  <si>
    <t>新冠 疫情 重創 全球 各國 經濟 資料 都 大幅 下挫 中國 大陸 4 月份 工業品 出廠價格 下降 降幅 為 4 年 來 最 大 大陸 專家 分析 稱 新冠 疫情 導致 國內外 需求 都 受到 壓抑 即便 是 疫情 受到 控制 經濟 活動 恢復 後 也 不 會 出現 v 型 反彈 國內外 需求 受 抑 製造業 被迫 應對 通 縮 壓力 整體 經濟 在 新冠 疫情 後 的 復蘇 過程 將 非常 緩慢 華爾街日報 報導 說 大陸 國家統計局 12 日 公佈 資料 顯示 4 月份 生產者 價格指數 ppi 同比 下降 31 超過 3 月份 15 的 降幅 原油 和 其他 大宗 商品 價格 暴跌 更 加劇 了 批發價格 指數 的 跌勢 交通銀行 分析 師劉學 智在 資料 公佈 後 表示 經濟 活動 不 會 出現 v 型 反彈 從新冠 疫情 中 恢復 的 過程 將 會 非常 緩慢 劉學智 補充 道 ppi 下降 的 情況 可能 會 持續 下去 由於 全球 其他 地區 在 努力 遏制 疫情 並且 油價 繼續 波動 海外 需求 仍 在 惡化 報導 說 很多 經濟學家 認為 5 月份 批發價格 將 進一步 下降 不過 大陸 國內 需求 會 出現 反彈 能 在 年底 之前 支持 逐步 復蘇 受 新冠 疫情 影響 2020 年 首季 大陸 經濟 遭遇 了 40 多 年 來 的 首次 萎縮 在 政府 推動 企業 復工 複產 並 促進 消費 後 外界 密切 關注 的 商業活動 復蘇 目前為止 仍然 遜 於 預期 至於 大陸 原計劃 到 2020 年 底 將 經濟 規模較 10 年 前 增長 一 倍 經濟學家 表示 若要 實現 這 一 目標 2020 年 的 經濟 增速 至少 要 達到 55 但 對於 第一季度 萎縮 68 的 大陸 經濟 來說 這個 目標 似乎 遙不可及 此外 大陸 4 月份 消費者 物價指數 cpi 同比 上漲 33 漲幅 較 3 月份 的 43 回落 預計 溫和 的 通脹 形勢 將 給 大陸 央行 更 大 空間 實施 刺激 政策 不必 擔心 物價 漲幅 因而 過熱</t>
  </si>
  <si>
    <t>英國 阿斯特 捷利康 公司 astrazeneca 昨 29 日 宣佈 將 在 今年 稍後 向 美國 申請 az 疫苗 的 藥 證 不過 他們 也 不 預期 之後 會 在 美國 被 大量 施打 強調 拿到 藥 證 能夠 提升 az 的 重要性 綜合 路透社 印度 商業 標準 日報 business standard 報導 阿斯特 捷利康 昨日 公佈 az 疫苗 在 美國 的 第 三期 臨床 試驗 結果 結果顯示 防止 有 症狀 感染 的 保護 效力 達 74 阿斯特 捷利康 發言人 昨日 也 表示 將 在 今年 稍後 向 美國 食品 暨 藥物 管理局 fda 申請 az 疫苗 的 藥 證 目前 美國 僅 批准 輝瑞 bnt 莫德納 嬌 生 等 3 款 新冠 疫苗 的 緊急 使用 授權 eua 其中 bnt 疫苗 更已 在 8 月底 獲得 藥 證 全美 至今已有 185億 人 完整 接種 疫苗 完整 接種 比例 達 564 外界 先前 關注 az 疫苗 一直 未 獲得 美國 fda 批准 eua 美國 fda 5 月底 時 表示 未來 可能 不 會 再 審核 尚未 提出 討論 的 新 疫苗 的 緊急 使用 授權 路透社 報導 當時 阿斯特 捷利康 已經 向 美國 官員 提出 申請 eua 的 計畫 不 過 華爾街日報 the wall street journal 另外 指出 阿斯特 捷利康 計 畫 跳 過 eua 申請 改 申請 藥 證 阿斯特 捷利康 發言人 昨日 表示 目前 美國 的 疫情 以及 替代 疫苗 的 供應 狀況 並 不 支持 申請 eua 因此 阿斯特 捷利康 預計 今年 稍後 申請 又 稱為 藥 證 的 藥品 上市 查驗 登記 bla 參與 az 美國 臨床 試驗 的 美國 約翰霍普金斯大學 johns hopkins university 疫苗 研究 人員 杜賓 anna durbin 表示 她 不 預期 未來 美國會 大量 施打 az 疫苗 不過 獲得 fda 藥 證 確實 能 提升 az 疫苗 的 重要性 阿斯特 捷利康 執行長 索利歐 pascal soriot 7 月 受訪 時 就 表示 將 跳 過 eua 申請 直接 申請 藥 證 當時 他 被 記者 問及 為何 美國 已 有 足夠 的 疫苗 阿斯特 捷利康 仍要 在 美國 申請 藥 證 他 當時 表示 az 是 重要 的 疫苗 相信 在 未來 會 扮演 一定 角色 因此 他們 想要 申請 取得 全面 許可 他 那時 強調 阿斯特 捷利康 不 需要 美國 的 批准 來 提升 az 疫苗 在 全球 的 信譽 因為 全球 已經 有 170 國 施 打 az 疫苗 但是 阿斯特 捷利康 希望 在 可能 被 需要 的 時候 做好 準備</t>
  </si>
  <si>
    <t>社區 感染 臺灣 檢疫 落實 新冠 病毒</t>
  </si>
  <si>
    <t>ibm 超級 電腦 已 分析 出 77 種 新冠 病毒 藥品 有效 成分</t>
  </si>
  <si>
    <t>新冠 病毒 肺炎 正 在 全球 迅速 擴散 世界 各國 正 加速 研製 治療 的 特效藥 與 疫苗 據 美國有線電視新聞網 cnn 報導 由 ibm 集團 研發 配備 ai 人工智慧 能力 的 超級 電腦 高峰 summit 已經 分析 了 數 千 種 藥品 配方 並 辨識 出 其中 77 種</t>
  </si>
  <si>
    <t>新冠 病毒 侵 美 時間 翻 盤 入冬 恐 再 爆 疫情</t>
  </si>
  <si>
    <t>新冠 病毒 究竟 何時 進入 美國 新 證據 會 說話 加州 檢測 3 具 遺體 發現 早 在 2 月 6 日 就 有 第 1 起 死亡 案例 比 之前 公佈 的 日期 整整 早 3 周 不只 病毒 入境 得 比 預期 更 早 感染 人數 更 多 美國 cdc 也 警告 冬季 還有 一 波 疫情 對 美國 的 防疫</t>
  </si>
  <si>
    <t>第 三 劑 加強 針 副作用 新冠 疫苗 保護 力</t>
  </si>
  <si>
    <t>新冠 疫情 五星紅旗 印度 媒體 病毒 swarajya</t>
  </si>
  <si>
    <t>伊朗 媒體 援引 國會 副 發言人 米思理 的 聲明 稱 目前 有 23 名 伊朗 議員 的 新冠 病毒檢測 結果 呈 陽性 目前 所有 國會議員 參與 民間 活動 全部 暫停 根據 中新 網 引述 美聯社 報導 伊朗 最高 領袖 柯梅 尼 3 日 下令 軍隊 協助 政府 衛生部門 防控 新</t>
  </si>
  <si>
    <t>nba 魔術 強生 愛滋 與 新冠 害 慘 我們</t>
  </si>
  <si>
    <t>nba 名人 堂 球星 魔術 強生 magic johnson 本 周 重 回 cnn 談論 他 29 年 前 1991 年 11 月 震驚 籃壇 的 感染 hiv 愛滋病 毒 新聞 這 跟 新冠 病毒 不 同 但 是非 裔 美國 人 同樣 都 成為 主要 受害者 魔術 強生 說 當 我 宣佈 感染 hiv 時 大家</t>
  </si>
  <si>
    <t>who 更名 新冠 病毒 黃安贊 有智慧 武漢 太 虧了</t>
  </si>
  <si>
    <t>防疫 小朋友 疫情 病毒 新冠</t>
  </si>
  <si>
    <t>大陸 央 視 新聞報導 香港特區政府 宣佈 繼 先前 收緊 臺灣 新加坡 的 入境 防疫 措施 從 3 日 起 將 加強 對 從 大陸 澳門 等 地 抵 港 人士 的 檢測 要求 提高 檢測 次數 及 頻率 港 府 表示 在 從 大陸 或 澳門 抵 港 的 人士 中 按 回港 易 計 畫 抵 港 而 獲 豁免 強制 檢疫 人士 以及 已 完成 新冠 疫苗 接種 而 需 接受 7 天 強制 檢疫 人士 由 目前 抵 港 後 接受 兩 次 檢測 增至 需 在 到達 香港 第 3 天 第 5 天 及第 12 天 接受 共 3 次 檢測 未 完成 疫苗 接種 而 需 接受 14 天 強制 檢疫 人士 由 目前 抵 港 後 接受 兩 次 檢測 增至 需 在 到達 香港 的 第 3 天 第 7 天 第 12 天 第 16 天 及第 19 天 接受 共 5 次 檢測 港 府 先前 宣佈 自 5 月 17 日 及 5 月 21 日 起 分別 收緊 曾 逗留 臺灣 及 新加坡 的 抵 港 人士 的 檢疫 等 要求 強制 檢疫 期 由 原先 的 7 天 已 完成 疫苗 接種 人士 或 14 天 未 完成 疫苗 接種 人士 分別 調整 為 14 天 或 21 天 港 府 稱 為 進一步 降低 風險 政府 額外 要求 於 上述 收緊 檢疫 措施 前 已 抵 港 相關 人士 需 在 完成 原先 7 天 或 14 天 強制 檢疫 後 接受 強制 檢測 並 在 檢測 獲 確認 為 陰性 結果 前 留在 居住 地點 私人 處所 或 在 檢疫 令 上 指明 的 檢疫 地點 港 府 表示 隨 著 收緊 檢疫 措施 前 已 抵 港 人士 陸續 完成 強制 檢疫 及 相關 檢測 所有 自 5 月 17 日 起 曾 逗留 臺灣 及 自 5 月 21 日 起 曾 逗留 新加坡 的 抵 港 人士 強制 檢疫 及 檢測 安排 將 與 曾 逗留 其他 高風險 地區 的 抵 港 人士 保持一致 已 完成 疫苗 接種 的 人士 需 在 指定 檢疫 酒店 強制 檢疫 14 天 其間 第 3 天 第 5 天 及第 12 天 接受 檢測 其 後 七 天 自行 監察 並於 抵 港 第 16 天和 第 19 天 接受 強制 檢測 未 完成 疫苗 接種 的 人士 需 在 指定 檢疫 酒店 強制 檢疫 21 天 其間 第 3天 第 7 天 第 12 天 及第 19 天 接受 檢測</t>
  </si>
  <si>
    <t>大陸 駐 日本大使館 官 網 今天 稱 近日 透過 中國 深圳 華大基因 科技 有限公司 和 深圳市 猛 獁 公益 基金會 緊急 向 日本 國立 傳染病 研究所 捐贈 一 批 新冠 病毒 核酸 檢測 試劑 盒 據 中央 社 報導 陸 使館 官 網 並未 披露 核酸 檢測 試劑 的 具</t>
  </si>
  <si>
    <t>國產 疫苗 進入 二期 臨床 試驗 的 解 盲 階段 聯 亞 生 技 8 日 先 完成 3000 多 名 核心 受試者 的 血液 樣本 採集 準備 送 去 第 三 方 公正 單位 進行 抗體 反應 安全性 等 檢查 估計 兩 周後 就 會 有 結果 另一方面 聯 亞 生 技 也 證實 首批 將 交付 政府 的 28萬 劑 疫苗 已 生產 完成 8 日 已 移 至 桃園 龜 山 物流 中心 進行 外 倉 保存 解 盲 量 產 同步進行 聯 亞 生 技 表示 由於 新竹 生產 基地 的 內 倉 空間 不足 因 此 8 日 先 將 首 批 產出 的 28萬 劑 疫苗 移 至 桃園 龜 山 物流 中心 的 外 倉 保存 今年 34 月 間 與 政府 洽談 採購 合約 時 已 明訂 疫苗 存放 倉庫 該 倉庫 日前 也 已 通過 食 藥 署 審核 作為 新冠 疫苗 存放 使用 聯 亞 生 技 指出 量 產出 的 疫苗 可 保存 6 個 月 只 要 通過 政府 的 緊急 使用 授權 以及 食 藥 署 的 相關 檢驗 後 就 能 立即 交貨 後續 簽約 的 500萬 劑 疫苗 也 將 采 分批交貨 會 視 政府 防疫 所 需 以及 產 能來 供應 不過 聯 亞 生 技 也 說 即便 已 與 疾 管署 完成 疫苗 簽約 但 還是 要 看 是否 能夠 通過 eua 若 最後 解 盲 不 成功 首 批 28萬 劑 的 疫苗 就 得 銷毀</t>
  </si>
  <si>
    <t>國光 新冠 疫苗 拼 明年 冬天 量 產</t>
  </si>
  <si>
    <t>美 研究 2019 年 12 月 美國 可能 就 有 新冠 病例</t>
  </si>
  <si>
    <t>弘兼憲 史 作品 島 耕作 主角 罹 新冠 長壽 漫畫 搭 議題</t>
  </si>
  <si>
    <t>1 分鐘 看 世界 美 解 新冠封 死亡數 將 倍增 美中 摩擦 升級 恐 爆 武裝 衝突</t>
  </si>
  <si>
    <t>新冠 病毒 不 斷 變種 讓 各國 急於 提高 疫苗 保護 效力 包括 追 打 第 三 劑 或 混打 不 同 廠 牌 疫苗 精神 科 醫師 沈政男 綜合 各國 研究 及 實驗 結果 揭露 疫苗 保護 力最強 組合 第一 名 是 az 混打 莫德納 第二 名 為 兩劑 莫德納 第 三 名 是 az 混打</t>
  </si>
  <si>
    <t>新冠 疫情 衝擊 位 在 海嘯 第一 排 的 旅遊業 哀鴻遍野 今年 國外 旅遊 市場 較 無機 會 發展 業者 轉而 搶攻 國旅 市場 隨 著 疫情 趨 緩 高雄 旅行社 與 航空 公司 飯店 合作 將 人 往 花蓮 澎 湖 送 民眾 詢問 度 高 但 未能 彌補 雪崩 式 的</t>
  </si>
  <si>
    <t>大陸 國家 衛健 委 新聞 發言人 米鋒 24 日 在 國務院 聯防 聯控 機制 新聞 發佈會 上 表示 當前 國外 疫情 持續 蔓延 加上 季節 因素 容易 引發 疫情 傳播 擴散 10 月 17 日 以來 大陸 出現 多 點 散發 本土 疫情 呈 快速 發展 態勢 一 周 之內 已 波及 11 個 省 感染者 大多 有 跨 地區 旅遊 活動 疫情 進一步 擴散 風險 仍 在 加大 國家 衛生 健康 委 疾 控 局 副 局長 吳良 有 表示 本次 疫情 波及 範圍 廣 傳染性 強 目前 發現 的 跨 地區 感染者 絕大多數 與 旅遊團 或 自 駕 的 遊客 有關 潛在 風險 人員 的 跨 地區 流動性 大 涉及 到 的 省 較 多 吳良 有 指出 本 起 疫情 的 病毒 為 德爾塔 delta 變異 株 部分 病例 的 呼吸道 樣本 病毒 核酸 載 量 高 提示 病例 排 毒 量 大 傳播 力強 在 暴露 人群 中 引起 續發 傳播 的 風險 較 高 自 陝西省 西安市 發現 2 例 遊客 核酸 檢測 陽性 以來 截至 10 月 23 日 本輪 大陸 本土 疫情 已 波及 陝西 內蒙古 寧夏 甘肅 湖南 北京 貴州 河北 湖北 青海 等 多 個 省區市 有 明確 關聯 的 新冠 病毒 陽性 病例 已 超 80 人 呈現 感染 來源 尚不 明確 蔓延 速度 快 的 特點</t>
  </si>
  <si>
    <t>新冠 病毒 已 突變 巴西 首例 病例 有 新 發現</t>
  </si>
  <si>
    <t>原訂 3 月 28 日 舉行 的 2020 美利達 瑪姬斯 杯 彰 化 經典 百 k 單車 自我 挑戰 活動 因應 新冠 病毒 的 防疫 考量 而 決定 延期 至 10 月 24 日 舉辦 主辦單位 公告 說明 活動 延期 的 相關 配套措施 如下 延期 後 的 活動 內容 維持 不 變 活動 會場 騎 乘 路</t>
  </si>
  <si>
    <t>原訂 3 月 28 日 舉行 的 2020 美利達 瑪姬斯 杯 彰 化 經典 百 k 單車 自我 挑戰 活動 因應 新冠 病毒 的 防疫 考量 而 決定 延期 至 10 月 24 日 舉辦 主辦單位 公告 說明 活動 延期 的 相關 配套措施 如下 延期 後 的 活動 內容 維持 不 變 活動 會場 騎 乘 路線 補給站 交維 計 畫 等等 仍舊 依照 大會 既 有 規劃 進行 選手 報名 物資 含 活動 紀念 衣 晶 片 貼 手冊 等 也 將 依照 活動 原 規劃 於 10 月 24 日 活動 前 2 周寄 出 因 延期 不克 參賽 之 車 友 大會 可 受理 取消 報名 部 份 退費 預定 9 日 至 22 日 受理 退費 申請 請登入 原 報名 網站 辦理 https reurl cc rxd 28 y 此次 活動 仍舊 依照 原訂 的 5000 人 報名 上限 規劃 所以 因 取消 報名 而 釋出 的 名額 將 擇期 再 受理 報名 開放 日期 暫定 今年 6 月 1 日 詳細 完整 的 活動 延期 配套措施 內容 可 參考 美利達 自行車 網站 www merida tw 或 本 活動 報名 網 或 洽 本 活動 服務 專線 02 8772 1035 中華民國 健康 運動 銀行 促進 協會 服務 時間 09 30 12 00 13 30 18 00 感謝 各位 車 友 的 繼續 支持 1</t>
  </si>
  <si>
    <t>雲 林縣 北 港 工藝 坊 4 日 舉辦 鼠年 特展 人 喜 盛世 心 有所 鼠 25 名 工藝師 以 鼠年 為 主題 創作 木雕 紙塑 等 作品 主辦單位 希望 藉 由 各 領域 工藝師 齊聚一堂 打造 鼠年 氛圍 同時 邀 民眾 抗 疫 期間 欣賞 藝術創作 賞藝 抗 疫 新冠 肺</t>
  </si>
  <si>
    <t>臺灣 新冠 疫苗 一 劑 300 元 至少 買 460萬 劑</t>
  </si>
  <si>
    <t>我國 採購 新冠 疫苗 有 譜 最 快 明年 第一 季就 能 取得 至少 460萬 劑 的 疫苗 每 劑 訂金 105 美元 約 新 台幣 300 元 疾 管署 副 署長 莊人祥 今天 證實 我國 已向 covax 支付 訂金 依照 covax 的 採購規則 最少 能 取得 該國 人口 10 的 疫苗 因</t>
  </si>
  <si>
    <t>我國 採購 新冠 疫苗 有 譜 最 快 明年 第一 季就 能 取得 至少 460萬 劑 的 疫苗 每 劑 訂金 105 美元 約 新 台幣 300 元 疾 管署 副 署長 莊人祥 今天 證實 我國 已向 covax 支付 訂金 依照 covax 的 採購規則 最少 能 取得 該國 人口 10 的 疫苗 因此 衛福 部長 陳時中 口中 的 有 一部分 落入 口袋 的 疫苗 數量 約 460萬 劑 莊 人 祥 表示 covax 允許 參與 國 採購 該國 人口 10 50 的 疫苗 數量 按照 莊 的 說法 以 新冠 疫苗 需 接種 2 劑 的 方式 計算 我國 2300萬 人口 至少 可得 460萬 劑 疫苗 至多 則 可 采 購 2300萬 劑 疫苗 不過 我國 實際 採購 的 疫苗 數量 莊人祥 則 不 願 透露 疫苗 價格 部分 莊人祥 說 covax 日前 公告 的 訂金 價格 為 每 劑 105 美元 但 實際 採購 價格 仍 會 視 當地 疫情 狀況 而 定 且 各家 疫苗 廠 的 定價 也 不同 以 臺灣 疫情 平穩 的 狀況 來說 採購 價格 將 會 高於 平均價 一些 但 仍 有 藥廠 采 公道 價 的 定價 方式 給予 各國 採購 的 費用 均 相同 衛福 部長 陳時中 昨 在 立院 曾 透露 目前 加入 covax 平臺 的 疫苗 廠 共有 三 家 分別 是 az bnt 賽諾菲 莊人祥 指出 我國 對 這三家 疫苗 都 不 排斥 言下之意 就是指 這三家 品牌 的 疫苗 都 可能 會 採購 至於 最 快 何時 能夠 取得 新冠 疫苗 莊人祥 表示 covax 平臺 目前 尚未 公告 疫苗 發貨 邏輯 也 未 通知 何時 能夠 取得 疫苗 但 樂觀 的 話 最 快 明年 第一 季就 能 取得 若要 保守 估計 的話 則 可能 要 算到 明年 中</t>
  </si>
  <si>
    <t>第 2 波 新冠 疫情 擋不住 美 英示 警 冬天 更 兇險</t>
  </si>
  <si>
    <t>蔡英文 今日 在 官邸 接見 包括 工 總 理事長 王文淵 三三 會 理事長 許勝雄 工商 協進會 理事長 林伯豐 臺灣 商業 聯合 總會 理事長 張平沼 商總 主席 賴正鎰 工業區 廠商 聯合 總會 榮譽 理事長 秦嘉鴻 等 工商 團體 負責人 就 疫苗 紓困 以及 缺 電 等 議題 進行 意見 交流 與會人士 對 蔡 總統 之 關心 鹹表 感謝 蔡 總統 表示 政府 有 誠心 與 企業界 溝通 並 解決目前 面臨 的 各項 問題 有關 缺 電 部分 政府 會 積極 進行 解決 新冠 疫苗 接種 部分 6 月份 將 有 國外 包括 日本 疫苗 進口 會 加快 施 打的 速度 和 擴大 施打 範圍 至於 紓困 方面 行政院 院會 今日 通過 紓困 特別 預算 2600億 元 將 采 從寬 從速 從優 原則 辦理 紓困 工商 團體 感謝 蔡 總統 撥冗 傾聽 企業界 的 心聲 惟 工商界 普遍認為 臺灣 目前 疫情 嚴峻 近期 內 若 不能 對 疫情 有效 掌 控 勢必 對 臺灣 經濟 產生 嚴重 影響 工商界 籲請 政府 盡 速 進口 疫苗 並 協助 有 意願 進口 疫苗 的 團體 及 企業 縮短 申請 及 審查 流程 以 順利 取得 國外 疫苗</t>
  </si>
  <si>
    <t>新冠 病 患 美 航班 上 猝死 他 曝 沾滿 尿 搶救 內幕</t>
  </si>
  <si>
    <t>美國 聯合 航空 猝死 新冠 病 患 尿</t>
  </si>
  <si>
    <t>韓國新冠 病毒 疫情 急速 蔓延 確診 病例 飆 破 2000 大關 為 紓 解 疫情 擴散 對 經濟 的 衝擊 首 爾 當局 計畫 挹注 16 兆 韓元 逾 130億 美元 的 緊急 資金 以 減稅 及 補助 方式 替 企業 與 個人 紓困 韓國 財長 洪 楠 基 hong nam-ki 28 日 宣佈</t>
  </si>
  <si>
    <t>造紙 大廠 正隆 1904 因應 新冠 病毒 疫情 持續 延 燒 主要 生產 家庭 用紙 的 竹北 廠 為 照顧 鄰近 居民 需求 宣佈 今 24 日 起 免費 提供 附近 居民 次氯酸鈉 水 鼓勵 居民 做好 環境 消毒 維護 安全 空間 為 疫情 防護 貢獻 心力 正隆 造紙 事</t>
  </si>
  <si>
    <t>肺炎 患者 救治 新冠 武漢市</t>
  </si>
  <si>
    <t>新聞 透視 nba 陷 新冠 風暴 顧 隱私 或 止 謠言 公佈 名單 陷 兩難</t>
  </si>
  <si>
    <t>菲律賓 衛生部 日前 批評 大陸 贈送 的 新冠 病毒 試劑 準確度 太 低 僅 40 已經 丟棄 不用 隨後 遭 陸 駐 菲 使館 嚴正 抗議 菲律賓 已 在 昨 29 日 公開 道歉 菲律賓 衛生部 助理 部長 維 赫利 maria rosario vergeire 28 日 在 記者會 上 公</t>
  </si>
  <si>
    <t>菲律賓 衛生部 日前 批評 大陸 贈送 的 新冠 病毒 試劑 準確度 太 低 僅 40 已經 丟棄 不用 隨後 遭 陸 駐 菲 使館 嚴正 抗議 菲律賓 已 在 昨 29 日 公開 道歉 菲律賓 衛生部 助理 部長 維 赫利 maria rosario vergeire 28 日 在 記者會 上 公開 表示 大陸 送來 的 新冠 病毒檢測 試劑 準確度 太 低 只 有 40 因此 菲國 當局 棄之不用 此話 一 出 立刻 引來 大陸 官方 抗議 大陸 駐 菲律賓 大使館 昨日 發佈 聲明 稿 強調 大陸 官方 贈與 菲國 的 102萬 份 試劑 盒 品質 都 非常 好 經 菲律賓 熱帶 醫學 研究所 research institute for tropical medicine ritm 評估 過 不 存在 任何 準確度 問題 完全符合 世界衛生組織 相關 國際標準 並且 已經 投入使用 為 菲律賓 的 防疫 行動 發揮作用 聲明 稿 也 澄清 維 赫利 口中 準確度 低 的 試劑 並非 由 大陸 官方 捐贈 批評 菲國 當局 發言 不負責任 針對 大陸 抗議 菲律賓 衛生部 周日 當天 火速 道歉 綜合 菲律賓 媒體 每日 詢問者 報 newsinfo inquirer net 香港 南華早報 報導 衛生部 助理 部長 維 赫利 昨日 召開 記者會 承認 稱 大陸 試劑 準確度 低 的 說法 是 錯誤 的 維 赫利 表示 北京 先前 捐贈 的 102萬 份 病毒 試劑 盒 包含 2000 份 華大基因 試劑 盒 以及 10萬 份 聖湘 核酸 檢測 試劑 盒 都 有 經過 菲律賓 熱帶 醫學 研究所 檢驗 符合 who 規範 標準 菲律賓 衛生部 對於 先前 發言 造成 的 困擾 深表歉意 並且 澄清 先前 提到 品質 不 佳 的 試劑 盒 是 一家 私人 基金會 捐贈 的 另 一個 牌子 的 試劑 不過 菲國 衛生部 並未 透露 是 哪個 牌子 或是 哪 一 間 基金會 除此之外 在 大陸 抗議 之後 菲律賓 衛生部長 杜克 francisco duque iii 也 傳訊 陸 駐 菲 大使 黃溪 連 澄清 大陸 官方 贈與 的 試劑 品質 非常 好 符合 世衛 標準 也 有 通過 ritm 認證 大陸 一共 捐贈 2 批 病毒 試劑 給 菲律賓第一 批 是 由 北京華 大 基因 生產 的 2000 份 試劑 於 16 日 送達 第二 份 是 由 湖南 聖湘 生物科技 生產 的 10萬 份 試劑 於 21 日 送達</t>
  </si>
  <si>
    <t>新冠 疫情 防疫 優先 海峽 論壇 延到 年底 舉行</t>
  </si>
  <si>
    <t>過去 海峽 論壇 通常 都 在 每年 6 月份 舉辦 今年 因為 以 新冠 疫情 防疫 為 優先 考量 本屆 論壇 推遲 到 12 月 才 舉辦 持續 舉辦 海峽 論壇 不 中斷 主辦單位 表示 這 充分 彰 顯 了 兩岸 同胞 希望 兩岸關係 和平 發展 積極 探索 融合 發展 的 主流 民</t>
  </si>
  <si>
    <t>印度 是 全球 仿製 藥 生產 大國 有 世界 藥房 的 美譽 印度 總理 莫迪 narendra modi 去年 才說 印度 將 製造 足夠 的 疫苗 幫助 全人類 幾 個 月 不到 印度 卻 落 得 新冠 疫情 失控 國內 疫苗 不夠 的 窘境 美 媒 分析 印度 陷入 窘</t>
  </si>
  <si>
    <t>今年 大概 是 比利時 一 間 養老院 最 悲慘 的 耶誕節 月初 一 名 感染 新冠 病毒 卻 無 症狀 的 聖誕老人 來訪 後 至今 一共 有 18 名 長者 喪命 英國 太陽 報 the sun 報導 比利時 北部 莫爾 市 mol 的 一 間 養老院 歷經 了 相當 悲慘 的 耶誕節</t>
  </si>
  <si>
    <t>康健 雜誌 az 心血管 疾病 新冠 疫苗 臺灣</t>
  </si>
  <si>
    <t>德 將 迎接 最慘 新冠 反撲 官員 曝 德國 人 只 剩 3 種 命運</t>
  </si>
  <si>
    <t>一 位 來自 中國 大陸 的 新冠 病毒 研究 人員 劉彬 在 美國 遭 槍殺 引發 一 場 廣受 全球 矚目 的 陰謀論 外界 猜測 劉彬 因為 研究 項目 涉及 新冠 病毒 的 起源 可能 因此 引起 殺身之禍 不過 美國 警方 在 調查 案情 後 回應稱 劉彬 的 命案 是 因私 人</t>
  </si>
  <si>
    <t>根據 外 媒 報導 經濟合作與發展組織 oecd 今 12 1 天 公佈 其 最新 預測 稱 omicron 變種 病毒 有 可能 加劇 全球 經濟 增長 放緩 和 通貨膨脹 的 不 平衡 並 推遲 全球 經濟 恢復正常 的 時間 該 報告 預測 2022 年 全球 經濟 將 繼續 呈 復蘇 態勢 在 2021 年 全球 經濟 反彈 56 之後 預計 2022 年 全球 經濟 將 增長 45 而 2023 年 將 放緩 至 32 經合組織 警告 稱 鑒於 omicron 變種 病毒 出現 貨幣政策 制定者 應 謹慎 行事 最 緊迫 的 需求 是 加快 部署 新冠 疫苗</t>
  </si>
  <si>
    <t>隨 著 美國 疾 管 中心 cdc 增大 防備 新冠 疫情 的 力道 北美 體育 聯盟 幾乎 躺 平 原 打算 咬牙 死撐 的 終極 格鬥 聯盟 ufc 也 棄守 了 上週末 他們 在 巴西 打 閉門 比賽 遭 網友 批評 愚蠢 總裁 懷特 dana white 本 周 改口 無限期 停賽 職業</t>
  </si>
  <si>
    <t>隨 著 美國 疾 管 中心 cdc 增大 防備 新冠 疫情 的 力道 北美 體育 聯盟 幾乎 躺 平 原 打算 咬牙 死撐 的 終極 格鬥 聯盟 ufc 也 棄守 了 上週末 他們 在 巴西 打 閉門 比賽 遭 網友 批評 愚蠢 總裁 懷特 dana white 本 周 改口 無限期 停賽 職業 摔 角 wwe 則 是 不 到 最後 一刻 絕 不 屈服 他們 4 月 6 日 的 第 36 屆 摔 角 狂熱 大賽 wrestlemania 36 預定 如期舉行 摔 角 狂熱 的 群 聚 是 很 可怕 的 去年 82萬 人 買 票 進場 賽事 長達 75 小時 今年 觀眾 數 歸零 移師 訓練 中心 閉門 舉行 摔 角 狂熱 大賽 自 1985 年 至 今都 沒有 中斷 每年 在 舉辦 城市 帶來 消費 人潮 wwe 締造 過 多 項 紀錄 1987 年 創下 北美 室內 最 多 觀眾 93萬 人 後來 被 nba 明星賽 打破 他們 的 旗艦 秀 raw 是 美國 史上 最 長 命 的 每週 電視直播 秀 始 於 1993 年 1 月 累積 1399 集</t>
  </si>
  <si>
    <t>鮑爾 染 新冠 併發症 亡 醫 曝 免疫 低下 者 一定 要 打 第 3 劑</t>
  </si>
  <si>
    <t>印度 神童 阿南德 近日 又 有 新 預言 他 表示 新冠 疫情 恐 在 12 月 再 爆發 更 大 範圍 的 傳染 尤其 是 疫苗 高 接種 的 國家 疫情 可能 會 捲土重來 另外 今年冬天 到 2022 年 的 5 月 可能 會 碰到 大寒 及 大雨 並 會 在 亞洲 歐洲 等 地區 造成</t>
  </si>
  <si>
    <t>直擊 新冠 疫苗 試驗 1 人 抽 6 管 血 受 測 女 我 很怕 確診</t>
  </si>
  <si>
    <t>新冠 疫苗 高端 測試 榮總</t>
  </si>
  <si>
    <t>新冠 新冠 病毒 9 小時 人類 風險</t>
  </si>
  <si>
    <t>張上淳 污染 機會 新冠 病毒 第二 波</t>
  </si>
  <si>
    <t>新冠 疫情 影響 到 各行各業 的 生計 境外 基金 也 出現 大 失血 除了 淨值 重摔 外 因 投資人 在 3 月 瘋狂 大 贖回 讓 境外 基金 規模 降到 3 兆 元 以下 是 近 六 年 來 的 新低 據 投 信 投 顧 公會 最新 資料 顯示 境外 基金 規模 3 月底 降 至 2 823 兆</t>
  </si>
  <si>
    <t>日本 新冠 疫情 進入 第 五 波 大 流行 首都 圈 與 沖繩縣 和 大 阪 府 2 日 起 展開 新一輪 緊急 事態 宣言 針對 全國 知事 會議 建議 政府 執行 嚴格 限制 外出 的 封城 措施 官房長官 加藤 表示 現行制度 下 在 日本 不可 行 日本政府 上周 追加 埼 玉 千</t>
  </si>
  <si>
    <t>與 病毒 共存 概念 不切實際 專家 憂 港 遭 新冠 及 流感 夾擊</t>
  </si>
  <si>
    <t>新冠 疫情 肆虐 全球 泡 面 也 成為 熱門 商品 還 一度 掀起 搶購潮 日本 日清 泡 面 近日 分享 新 吃法 杯 面 吃 完後 總會 剩下 面 渣 與 湯 丟掉 又 有 些 浪費 提到 其實 只 需要 一 顆 蛋 就 能 讓 吃 泡 面 的 飽 足 感 再 升級 又 不 會 浪費 剩 餘 的 湯底</t>
  </si>
  <si>
    <t>美 新冠 群體 免疫 難 有 疫苗 也 沒用 專家 佛 奇 說 太 多 老 美 拒 接種</t>
  </si>
  <si>
    <t>新冠 首 見 確診 台商 病 重 插管 搭 醫療 專機 自 迦納 返台</t>
  </si>
  <si>
    <t>勇士 先前 宣佈 球隊 有 兩 個 球員 的 新冠 病毒檢測 結果 呈 陽性 球隊 集訓 被迫 推遲 球隊 今日 進行 新 賽季 第一 次 合練 卓 雷蒙格林 和 新秀 榜眼 懷斯曼都 缺席 總 教練 科爾 在 接受 訪問 時 證實 感染 新冠 的 兩 個 球員 就是 格林 和 懷斯曼 科</t>
  </si>
  <si>
    <t>who 新冠 樣本 車 遇襲 駕駛 死 官員 重傷</t>
  </si>
  <si>
    <t>防 新冠 封關 印尼 將 禁 外國人 入境 轉機</t>
  </si>
  <si>
    <t>疫情 重創 紐約 確診 及 死亡 人數 高居 全美 它 是 美國 的 武漢 除了 衝擊 股市 經濟 崩潰 更 影響 數 百萬 計 紐約 人 的 食衣住行 日常生活 暫時 停 擺 冬眠 的 紐約 何時 能 迎來 人們 夢境 中的 春天 說 到 紐約 想到 的 不外乎 是 車水馬龍 的 時代廣場 或是 熙熙攘攘 的 華爾街 用 不 眠 之城 來 形容 紐約 再 適合 不過 然而 2020 年 的 紐約 不再 人聲鼎沸 人們 臉上 看不到 微笑 取而代之 的 是 被 口罩 壓迫 的 恐懼 眼神 華爾街 的 金牛雖 屹立不搖 新冠 病毒 卻 逼得 營業員 回家 線 上 交易 開 往 自由女神 的 郵輪 不再 鳴笛 布魯克林 大橋 的 觀光客 早已 人去樓空 唐人街 更是 彷 佛 一 片 死城 面對 如此 嚴峻 的 考驗 紐約 被迫 暫停 緩解 疫情 延 燒 確診 和 死亡 人數 急遽 升高 的 紐約 何時 能夠 重新 啟動 回復 以往 的 大 蘋果 之 都? 作者 黃兆平 前 中央 社 駐 紐約 主任 特派員 前 海基會 綜合處 處長 及 發言人 明鏡 電視 主持人 現 居 紐約</t>
  </si>
  <si>
    <t>日本 新冠 疫情 嚴重 東京 又 進入 緊急狀態 也 連帶 影響 到 國內 發達 的 av 產業 許多 人 都 十分 好奇 成人界 現況 對此 av 達人 一 劍 浣 春秋 也 親自 解答 業內 線 在 一 片 混亂 甚至 還有 av 女 優 因為 沒 工作 被迫 轉行 讓 我們 少 了 一些 新</t>
  </si>
  <si>
    <t>湯姆漢克 夫妻 捐 血 做 新冠 病毒 研究 妻子 爆 藥物 嚴重 副作用</t>
  </si>
  <si>
    <t>新冠 疫情 急 升 美國 四處 搜括 醫療 物資 德國 柏林 警方 傳 訂購 20萬 個 大陸 制 3 m 口罩 但 運至 泰國 曼谷 時 竟 轉運 往 美國 德 官員 批 美方 的 舉動 儼如 現代 海盜 批評 華府 不應 如此 對待 盟友 據 東網 報導 柏林 州 內政部長 蓋澤爾</t>
  </si>
  <si>
    <t>武漢 實驗室 外泄 新冠 病毒 川普 嗆 陸 要 承擔 後果</t>
  </si>
  <si>
    <t>澎湃 新聞報導 香港大學 微生物學 於 11 月 30 日 宣佈 成功 從 臨床 標本 中 分離 出新冠 變異 病毒 omicron 毒 株 這 是 亞洲 首 個 研究 團隊 成功 分離 和 培養 omicron 毒 株 分離出來 的 毒 株 將 可 用於 開發 和 生產 滅 活 不 活化 全 病毒 疫苗 據 瞭</t>
  </si>
  <si>
    <t>國內 持續 擴大 新冠 疫苗 覆蓋率 不過 近日 有 一 名 男子 表示 自己 是 高端 的 受試者 前 兩劑 分別 是 國產 高端 第 三 劑 則 為 輝瑞 bnt 並 將 其 po 上網 分享 他 開心 地 說 我 可能 是 全台 灣 甚至 是 全世界 第 一個 大批 網友 看到 這 段</t>
  </si>
  <si>
    <t>拒絕 who 第二 階段 新冠 病毒 起源 調查 北京 這樣 回應</t>
  </si>
  <si>
    <t>據 美聯社 報導 中國 大陸 國家 衛生 健康 委員會 副 主任 曾益新 22 日 正式 表態 由於 違背 科學 原則 北京 不 接受 世界衛生組織 who 針對 新冠 病毒 起源 的 第二 階段 調查 計畫 曾益新 強調 所謂 的 實驗室 外流 理論 根本 是 與 常識 及 科</t>
  </si>
  <si>
    <t>新冠 緊咬 陸 川普 怪 沒 遏 阻 全球 流行</t>
  </si>
  <si>
    <t>年輕人 接種 新冠 疫苗 後 爆 心肌炎 美 展開 調查</t>
  </si>
  <si>
    <t>美國 疾病 管制 暨 預防 中心 cdc 17 日 發佈 報告 指出 少數 青少年 及 年輕 成人 在 施打新冠 疫苗 後 出現 心肌炎 myocarditis cdc 已經 就 此 展開 調查 目前 尚 無法 認定 心肌炎 是否 和 疫苗 有關 強調 染 新冠 的 風險 大 于 施打 疫苗 的 副</t>
  </si>
  <si>
    <t>大陸 國家 衛健 委 新冠 疫苗 接種 破 9億 劑 次</t>
  </si>
  <si>
    <t>據 大陸 國家 衛健 委 網站 15 日 消息 截至 14 日 大陸 31 個 省 自治區 直轄市 和 新疆生產建設兵團 累計 報告 接種 新冠 病毒 疫苗 904134萬 劑 次 突破 9億 劑 次 就 在 6 天 前 大陸 疫苗 接種 剛 突破 8億 劑 次 達 8億8962萬 劑 次 15 日 再</t>
  </si>
  <si>
    <t>據 大陸 國家 衛健 委 網站 15 日 消息 截至 14 日 大陸 31 個 省 自治區 直轄市 和 新疆生產建設兵團 累計 報告 接種 新冠 病毒 疫苗 904134萬 劑 次 突破 9億 劑 次 就 在 6 天 前 大陸 疫苗 接種 剛 突破 8億 劑 次 達 8億8962萬 劑 次 15 日 再 突破 9億 劑 次 大陸 近期 全面 加快 接種 疫苗 後 日前 更 要求 6 月 10 至 30 日 暫緩 施打第 1 劑 優先 保障 已 接種 第 1 劑 超過 28 天 的 民眾 接種 第 2 劑 大陸 工程院 院士 鍾 南山 日前 指出 到 今年 年底 大陸 疫苗 的 覆蓋率 將 能 達到 80</t>
  </si>
  <si>
    <t>南非 專家 警告 新冠 變異 株 omicron 在 南非 各地 造成 大量 5 歲 以下 幼童 住院 形容 這種 情況 前所未見 綜合 美 媒 每日 野獸 the daily beast 美國哥倫比亞廣播公司 新聞網 cbs news 報導 南非政府 首席 醫療 顧問 賈</t>
  </si>
  <si>
    <t>準確 預測 新冠 疫情 神童 警告 12 月 有 更 嚴重 的 災難</t>
  </si>
  <si>
    <t>一 場 看不到 敵人 也 看不見 盡頭 的 戰爭 2020 新冠漢 肺炎 全球 數 百萬 例 確診 死亡 人數 超過 30萬 為什麼 臺灣 守 得住 這 令 全球 稱羨 的 秘密 關鍵 是 什麼 精彩 書摘 包機 結 早 在 一月 二 十五日 蔡英文 即 指示 研 擬 包機 赴 大陸 撤 僑</t>
  </si>
  <si>
    <t>一 場 看不到 敵人 也 看不見 盡頭 的 戰爭 2020 新冠漢 肺炎 全球 數 百萬 例 確診 死亡 人數 超過 30萬 為什麼 臺灣 守 得住 這 令 全球 稱羨 的 秘密 關鍵 是 什麼 精彩 書摘 包機 結 早 在 一月 二 十五日 蔡英文 即 指示 研 擬 包機 赴 大陸 撤 僑 二十七 日 海基會 即 發 函 海協會 要求 協助 武漢 台人 返台 但 海協會 始終 已 讀 不 回 直到 一月 二十九 到 三十一 日間 各國 紛紛 派 包機 到 武漢 撤 僑 加上 武漢 傳出 台商 確診 武漢 政府 才 緊急 安排 臺灣 民眾 返台 臺灣政府 指派 行政院 副 院長 陳其邁 全權負責 首 班 包機 接 機 事宜 眼見 班機 就要 降落 他 急 得 像 熱鍋上的螞蟻 於是 把 腦筋 動到 昔日 同事 台中 市長 盧秀燕 身上 並 與 台中 市 衛生局長 曾 梓 展 通電話 這 兩 位 都 是 他 可以 說得上 話 的 人 最終 在 台中 找 到 檢疫所 連同 烏來 林口 兩 處 備 妥 三 處 檢疫所 按 事前 雙方 協議 我方 提出 的 名單 必須 與 包機 名單 進行 核對 之後 才 准許 登機 但 陸方 直到 登機 前一刻 才 丟 出 登機 名單 人數 不僅 多 出 許多 還 都 是 英文名字 我方 立刻 喊停 無奈 包機 已 飛上 大陸 領空 只 有 二 成 多 符合 我方 所 提 的 優先 名單 兩岸 角力 戰接著 開 打 二月 六 日 臺灣 宣佈 暫緩 陸籍 人士 來 台 直到 蔡英文 提出 橫濱 模式 雙方 各自 妥協 後 由 東航 華航 執 飛 第二 班 武漢 包機 據 前往 接 機 的 八 裡 療養院 護理 長 賴碧蓮 觀察 接 機 過程 中 雙方 工作人員 相敬如賓 似乎 深怕 斷 了 下 一 班 包機 的 生機 當 國人 看見 他們 前來 接 機 有人 高興 得 跳 了 起來 連東航 地勤人員 都 沖 著 他們 喊 他們 是 來 接 你們 的 是 你們 自己人 與 華航 乘客 事先 可穿 好 隔離 衣 登機 不同 東方航空 不准 醫 護 人員 將 裝備 帶 上機 賴碧蓮 於是 和 夥伴 上演 諜 對 諜 戲碼 先 將 四 箱 裝備 慢慢 挪 移 到 登機口 並 暗示 國人 東西 就 放在 那裡 她們 有把握 利用 登機 時 短暫 空 檔 教會 他們 怎麼 穿 隔離 衣 抵達 臺灣 後 她 原 以為 時間 已 晚 陳時中 部長 接完 華航 包機 應該 不 會 出現 沒 想到 當 他們 穿過 長廊 陳時中 竟 從 黑暗 中 鑽出來 部長 一 句 辛苦 了 令 他們 感動 到 說不出 話 來 他們 倚 著 部長 合 照 護理 師 擔心 臉上 的 口罩 勒 痕 讓 她 們 變 醜 陳時中 回答 這 是 你們 光榮 的 印記 歷史 的 一刻 本文 摘自 戰 疫 鐵人 部長 陳時中 與 臺灣 抗 疫 英雄 們 時報 出版 作者簡介 黃光芹 一九六五 年 生 外 省 第二 代 政治 評論員 作家 一九八八 年 進入 新聞界 曾 任職 於 臺灣 新生報 自由 時報 新 新聞週刊 tvbs電視臺 衛視 中文台 三 立 電視臺 時報週刊 曾 擔任 記者 資深 記者 總 策畫 節目 組長 撰述 委員 採訪 組 副 主任 政治 組 召集人 副總 主筆</t>
  </si>
  <si>
    <t>進口 冷凍 食品 檢 出 病毒 陸媒再 掀 新冠 疫情 起源 宣傳 戰</t>
  </si>
  <si>
    <t>隨 著 全球 新冠 疫情 持續 惡化 大陸 宣稱 多次 在 進口 冷凍 食品 上 檢 出新冠 病毒 大陸 網路 與 媒體 正 開展 一 場 病毒 起源 的 言 論戰 對 進口 冷凍 食品 檢 出 病毒 以及 任何 早於 去年底 在 外國 出現 新冠 病毒 跡象 的 訊息 擴大 報導 再次 試圖 以 媒</t>
  </si>
  <si>
    <t>冷凍 食品 進口 新冠 病毒 武漢 起源</t>
  </si>
  <si>
    <t>復旦 新冠 研究 登 上 科學 說明 年齡 易 感性 停課 效果</t>
  </si>
  <si>
    <t>semi 國際 半導體 產業 協會 10 日 公佈 最新 全球 晶圓廠 預測 報告 world fab forecast 全球 晶圓廠 設備 支出 將 從 2019 年 的 低點 反彈 2020 年 穩健 回升 後 可望 在 2021 年 大幅 增長 並 創下 投資額 歷史 新 高 記錄 不過 因為 新冠</t>
  </si>
  <si>
    <t>因 性侵 案 被 判 23 年 監禁 才剛 入獄 的 美國 著名 電影 製作 人 哈威·韋恩斯坦 被 爆 新冠 病毒檢測 呈 陽性 並且 引起 美國 人 公憤 有 當地 知情 官員 向 媒體 透露 紐約州 文德 監獄 有 2 名 囚犯 的 新冠 病毒檢測 呈 陽性 但 當地 主管 監獄 部門 的</t>
  </si>
  <si>
    <t>新冠 疫苗 大陸 接種 疫苗 補 針 免疫</t>
  </si>
  <si>
    <t>一 如 外界 預期 在 新冠 疫情 持續 延 燒 之下 四大 賽 歷史 最 悠久 的 溫布 頓 錦標賽 今晚 正式 宣佈 取消 今年 賽事 也 是 這項 一年一度 的 盛事 自 1945 年 第二次世界大戰 以來 第一 次 無法 舉辦 全英 網球 俱樂部 今天 召開 緊急 理事會 也 正式</t>
  </si>
  <si>
    <t>一 如 外界 預期 在 新冠 疫情 持續 延 燒 之下 四大 賽 歷史 最 悠久 的 溫布 頓 錦標賽 今晚 正式 宣佈 取消 今年 賽事 也 是 這項 一年一度 的 盛事 自 1945 年 第二次世界大戰 以來 第一 次 無法 舉辦 全英 網球 俱樂部 今天 召開 緊急 理事會 也 正式 作出 取消 賽事 的 決議 其實 臺灣 網球 一 哥 盧彥勳 透露 上周 參加 球員 委員會 會議 時 就 已 得知 溫網 無法 舉行 只 是 仍 需 等到 官方 正式 確認 原 訂 5 月 進行 的 法國 網球 公開賽 此前 已經 宣佈 要 延到 9 月底 但 溫網 沒有 延期 的 空間 因為 每年 的 草地 網球 季節 僅 有 6 周 且 只 有 這 段 時間 英國 的 日照時間 夠 長 可以 舉辦 溫網 加上 場地 濕 滑 就 無法 進行 草地 比賽 溫網 也 無法 移 到 較為 寒冷 多 雨 的 時節 今年 只有 取消 一途</t>
  </si>
  <si>
    <t>若 出現 gbs 醫 籲 驗 新冠並 隔離</t>
  </si>
  <si>
    <t>每個 人 都 知道 老人 感染 新冠 病毒 最 危險 但 這 位 105 歲 的 人瑞 卻 奇跡 似地 擊敗 了 新冠 病毒 她 的 家 人 說 老人家 這 一輩子 凡是 擋 她 路 的 事 沒有 不 被 她 擊退 的 露西亞 迪 克拉克 lucia declerck 住 在 美國 紐澤西 州 一</t>
  </si>
  <si>
    <t>台東 60 餘 歲 男子 在 line 群 組 張貼 獲取 越南 超級 國家 秘方 喝 熱 開 水 泡 綠茶 混入 檸檬汁 可 殺 新冠 病毒 病菌 假 訊息 並 要求 轉發給 身邊 的 親朋好友 警方 通知 到案 說明 詢 後 以 違反 嚴重 特殊 傳染性 肺炎 防治 及 紓困 振興 特別 條例 罪</t>
  </si>
  <si>
    <t>喬柯 維奇 參加 美 網 我 不怕 新冠 疫情</t>
  </si>
  <si>
    <t>哈薩克 爆發 不明 肺炎 死亡率 遠 高於 新冠 病毒</t>
  </si>
  <si>
    <t>哈薩克 不明 肺炎 大使館 遠 高 新冠</t>
  </si>
  <si>
    <t>單寧酸 可 抑制 新冠 病毒 活性 中醫大 研究 登 國際 期刊</t>
  </si>
  <si>
    <t>單寧酸 蛋白酶 新冠 病毒 活性 中醫大</t>
  </si>
  <si>
    <t>莫德 納新冠 疫苗 最新 測試 功效 達 941 向 fda 申請 緊急 使用 授權</t>
  </si>
  <si>
    <t>蓋茲 基金會 ceo 新冠 疫苗 為 史上 最速 研發</t>
  </si>
  <si>
    <t>對 新冠 疫苗 投入 大量 資金 支持 研發 的 比爾 與 與 梅琳達蓋茲 基金會 執行長 蘇斯 曼 mark suzman 指出 現在 各國 加速 研發 新冠 疫苗 可望 讓 這個 疾病 的 疫苗 成為 人類 歷史 上 研發 時間 最 短 最 快 時間 內 推廣 使用 的 疫苗 在 最 理想 情</t>
  </si>
  <si>
    <t>對 新冠 疫苗 投入 大量 資金 支持 研發 的 比爾 與 與 梅琳達蓋茲 基金會 執行長 蘇斯 曼 mark suzman 指出 現在 各國 加速 研發 新冠 疫苗 可望 讓 這個 疾病 的 疫苗 成為 人類 歷史 上 研發 時間 最 短 最 快 時間 內 推廣 使用 的 疫苗 在 最 理想 情況 下 研發 週期 將 縮短 至 12 個 月 或 甚至 更 短 新冠 病毒 剛 爆發 流行 之 初 大陸 與 歐美 都 有 藥廠 著 手 研發 疫苗 但 在 大陸 疫情 擴大 時 醫學界 仍 認為 疫苗 研發 仍 需 相當 時間 估計 時間 都 在 18 個 月 左右 但 現在 疫情 擴散 至 全球 疫苗 需求 極度 迫切 加上 醫學 技術 進步 新冠 疫苗 的 研發 速度 可望 大幅 縮短 蓋茲 基金 ceo 蘇斯 曼 接受 陸媒 財 新 網 專訪 時 指出 新冠 疫苗 可望 成為 人類史上 研發 速度 最 快 的 疫苗 報導 說 目前 全球 多國 政府 及 私營 藥廠 均 投入 大量 資源 進行 疫苗 研發 全球 疫苗 免疫 聯盟 gavi ceo 塞斯伯克利 日前 預測 最終 研發 出來 的 疫苗 數目 可能 高 達 200 多 種 蘇斯 曼 解釋 稱 蓋茲 基金會 並 不 會 直接參與 疫苗 研發 競賽 但 依靠 在 疫苗 領域 的 長期 經驗 以及 與 gavi 流行病 防範 創新 聯盟 cepi 的 合作 關係 蓋茨 基金會 將 會 資助 最 有 可能 快速 研發 成功 的 幾 類 疫苗 儘管 大多數 的 疫苗 研發 試驗 都 可能 會 以 失敗 告終 但 基金會 希望 盡力 找 出 最 有 可能 成功 的 疫苗 然後 為 其 提供支援 蓋茨 基金會 資助 疫苗 研發 的 前提條件 是 支持 全球 准入 原則 global access 蘇斯 曼 指出 大多數 政府 都 在 努力 為 本國 公民 籌集資金 我們 認為 這 毋庸置疑 且 十分 重要 但是 對於 全球 大 流行 我們 需要 制定 全球 解決 方案 當 疫苗 研發 成功 後 還 需要 儘快 生產 70億 劑 疫苗 供 全球 人民 使用 報導 說 當 疫苗 成功 研發 並 投入 生產 後 誰 可以 優先 注射 疫苗 發展中國家 能否 負擔得起 疫苗 費用 等 疫苗 分配 問題 也 會 帶來 紛爭 蘇斯 曼 指出 基金會 將 在 支持 研發 的 同時 為 後續 的 疫苗 生產 和 分配 提供支援 讓 一線 的 醫護人員 老年人 等 易 感 群體 可 以 第一時間 獲得 保護</t>
  </si>
  <si>
    <t>英國 新冠 疫情 反彈 右翼 組織 save our rights uk 24 日 發起 示威遊行 數 千 人 在 倫敦 街頭 聚集 抗議 首相 強森 收緊 防疫 措施 之後 警方 介入 驅散 人群 逮捕 至少 10 人 示威者 從 海德公園 開始 遊行 許多 人 高舉 標語 和 海報 呼</t>
  </si>
  <si>
    <t>美 fda 專家 認可 默沙東 新冠 口服藥</t>
  </si>
  <si>
    <t>美國 食品 藥物 管理局 fda 顧問 小組 週二 30 日 以 些微 差距 支持 默沙東 merck 新冠 口服藥物 molnupiravir 主因 在於 最終 試驗 結果顯示 該藥 有 30 功效 可 降低 高風險 族群 住院 與 死亡 此 藥 可望 於 年底 前 獲得 通過 成為 美國</t>
  </si>
  <si>
    <t>經營 炸 豬排 店 日新冠 確診 者 自願 公佈 店名 讓 消費者 安心</t>
  </si>
  <si>
    <t>金門 接種 新冠 疫苗 滿 5 個 月 可 赴 醫院 追加 接種 第 3 劑</t>
  </si>
  <si>
    <t>新冠 病毒 傳染 力 驚人 發病 速度 和 危險 程度 也 不容 小覷 近日 一 位 來自 武漢 的 女 醫師 po 出 自己 染病 的 親身經歷 她 表示 從沒 症狀 到 不能 走路 僅 幾 個 小時 她 向 所有人 發出 警示 身體 不適 千萬 不要 忍 著 應該 第一時間 去 看 醫生</t>
  </si>
  <si>
    <t>新冠 疫情 臺灣 高雄 陳其邁 陳致中</t>
  </si>
  <si>
    <t>工商 社論 正視 新冠 網路 民主 三 種 疫情 交 相 感染 的 毒害</t>
  </si>
  <si>
    <t>科學家 譽為 最好 的 新冠 疫苗 透視 novavax 疫苗 厲害 強項</t>
  </si>
  <si>
    <t>美國 生 技 大廠 諾瓦 瓦克斯 novavax 蛋白 次 單位 新冠 疫苗 在 保護 力及 對抗 變種 病毒 的 能力 都 表現 優異 國產 的 高端 及 聯 亞 疫苗 也 是 蛋白 次 單位 疫苗 能 擁有 如同 諾瓦瓦克斯 疫苗 的 效力 嗎 專家 認為 諾瓦瓦克斯 做 這 支 疫苗 用</t>
  </si>
  <si>
    <t>the whole card see you on espn ppv #ufc 249 ufc @ufc 分享 的 貼 文 於 pdt 2020 年 4 月 月 6 日 下午 6 23 張貼 4 月 11 日 更新 ufc 的 複賽 計 畫 馬上 就 破滅 了 雖然 老總 懷特 雄心勃勃 最後 還是 被 轉播 單位 勸退 目前 ufc 所有 比賽 都 是 無限期 停賽 原文 ufc 終極 格鬥 聯盟 準備 複賽 了 老總 懷特 dana white 決定 於 本月 18 日 舉行 ufc 249 問題 是 主 打 明星 大 雕 奈戈 梅 朵夫 khabib nurmagomedov 退出 更 重要 的 是 他們 能 在 哪裡 打 根據 tmz 爆 料 懷特 未來 打算 把 比賽 搬 到 一個 私人 島嶼 用 飛機 把 拳手 載 過去 打 真是 瘋狂 的 點子 懷特 幾乎 是 不擇手段 想要 複賽 他 把 比賽 陣容 都 排出來 了 至於 奈戈 梅 朵夫 是因為 新冠 疫情 而 無法 離開 俄羅斯 除了 防疫 較 好 的 臺灣 目前 敢 繼續 比 的 職業賽 不 多 了 白俄羅斯 超級 足球 現在 還 沒 停 此外 美國 wwe 摔 角 還 在 閉門 情況 下 打完 了 年度 大賽 分 兩 天 播出 而且 打得 很 激烈 懷特 的 神秘 地 點 尚未 曝光 他 急於 複賽 也 遭受 許多 批評 但 也 有人 認為 只要 做好 防疫 有 個 拳 賽 可看 也 不錯 總比 現在 什麼 都 沒有 好 吧 只 是 美國 現有 36萬 新冠 感染者 超過 1萬 人 死亡 如果 有 染病 者 一起 飛到 小 島上 後果 不堪設想</t>
  </si>
  <si>
    <t>俄羅斯 總理 米舒斯 京 mikhail mishustin 今日 宣佈 將 對 外籍人士 關閉 該 國 與 歐洲 波蘭 和 挪威 的 陸地 邊界 以 避免 新冠 疫情 進一步 擴散 到 境內 外 媒 引述 米舒斯 京 說法 稱 關閉 邊界 措施 將 於 今日 午夜 正式 生效 所有 因 工作</t>
  </si>
  <si>
    <t>在 新冠 病毒 疫情 中的 吹 哨 者 陸 醫師 李文亮 不幸逝世 引起 眾多 陸線民 憤怒 官方 為了 維 穩 打 壓 輿論 甚至 在 社 群 網站 微博 上 推動 我 要 言論自由 引起 全球 關注 對此 美 兩 党 議員 推出 決議案 除了 紀念 李文亮 之外 更 呼籲</t>
  </si>
  <si>
    <t>在 新冠 病毒 疫情 中的 吹 哨 者 陸 醫師 李文亮 不幸逝世 引起 眾多 陸線民 憤怒 官方 為了 維 穩 打 壓 輿論 甚至 在 社 群 網站 微博 上 推動 我 要 言論自由 引起 全球 關注 對此 美 兩 党 議員 推出 決議案 除了 紀念 李文亮 之外 更 呼籲 陸 政府 提高 關於 打擊 疫情 的 透明度 與 配合 度 據 美國之音 報導 參議院 外交委員會 首 席 的 民主黨 成員 梅南 德斯 bob menendez 該會 亞太小組 主席 加德納 cory gardner 等 議員 提出 稱 李文亮 為 英雄 的 梅南德斯 表示 大陸 即使 在 危機 中 對於 資訊 的 壓制 竟然 比 陸 人民 安全 還 重要 這 是 一個 相當 駭 人 但 具有 戲劇性 的 例子 它 告訴 我們 壓制 資訊 哪怕 是 最 單純 有 關於 疾病 的 警告 對於 習 來說 更為重要 李文亮 醫生 曾在 去年底 因 向 同業 發 佈 有關 新冠 病毒 的 消息 而 遭 警方 訓誡 並 被迫 簽署 聲明 撤回 警告 同時 承認 散播 非法 謠言 而 決議案 指出 大陸政府 先前 長 達 數 周 的 時間 淡化 疫情 的 危險性 導致 病毒 一再 散播 截至 11 日 為止 大陸 境內 已 有 至少 4萬2千 確診 病例 逾 千 人 死亡 該 決議案 呼籲 陸 政府 及 中國共產黨 對 新冠 病毒 的 研究 和 調查 保持 公開 透明 確保 大陸 人民 及 國際 社會 有 自由 不受 約束 的 資訊 管道 不受 內容 審查 或 社交 媒體 控制 與 美國政府 包括 美國 疾病 控制 預防 中心 全力 進行 合作 與 其它 國家 包括 東南亞 非洲 拉丁美洲 和 其它 醫療系統 負擔 較 沉重 的 地區 進行 合作 停止 將 臺灣 排除 在 世界衛生組織 和 國際 民航 組織 等 國際 機構 之外 決議 除了 表示 強烈 支持 中國 人民 對 言論自由 的 要求 之外 還 肯定 李文亮 醫生 有關 大陸 應 更加 開放 和 透明 的 信念 的 至關重要 性 除了 肯定 言論自由 有益 於 社會 能夠 讓 專家 向 公眾 提出 健康 衛生 警告 並 協助 人民 確保 政府 能夠 解決 危機 回應 中的 薄弱環節</t>
  </si>
  <si>
    <t>李文亮 新冠 病毒 言論自由 決議案 資訊</t>
  </si>
  <si>
    <t>新冠 疫苗 開始 在 軍中 施打 後 驚 傳 台 東 2 名 官兵 打完 az 疫苗 後 出現 不適 症狀 其中 空軍 台東志 航 基地 的 士官 長 一度 狀況 危急 緊急 送 台 東馬 偕 醫院 治療 經醫生 評估 裝上 葉 克 膜 搶救 目前 仍 在 加 護 病房 住院 觀察 另外 台東憲</t>
  </si>
  <si>
    <t>新冠 疫苗 開始 在 軍中 施打 後 驚 傳 台 東 2 名 官兵 打完 az 疫苗 後 出現 不適 症狀 其中 空軍 台東志 航 基地 的 士官 長 一度 狀況 危急 緊急 送 台 東馬 偕 醫院 治療 經醫生 評估 裝上 葉 克 膜 搶救 目前 仍 在 加 護 病房 住院 觀察 另外 台東 憲兵隊 也 傳出 有 官兵 打完 疫苗 後 不適 台 東縣 衛生局 與 軍方 都 證實 確有此事 是否 與 疫苗 有關 將 由 中央 判定 空軍 台東志 航 基地 一 名士 官長 上月 16 日 施 打 az 疫苗 後 27 日 出現 身體 無力 血壓 升高 等 不適 症狀 緊急 送 台 東馬 偕 醫院 治療 經醫生 評估 裝上 葉 克 膜 搶救 後 回穩 目前 仍 在 加 護 病房 住院 觀察 軍方 表示 這 名士 官長 原本 就 有 血壓 偏 高 情況 不過 平日 身體狀況 良好 施打 11 天 後 才 出現 不適 症狀 送醫 治療 後 病情 已 穩定 其他 已 施打 az 疫苗 人員 無 類似 狀況 發生 台 東 憲兵隊 也 傳出 有 人員 在 接種 az 疫苗 後 出現 身體 不良反應 對此 台 東縣 衛生局 表示 軍方 2 件 官兵 接種 疫苗 後 疑 似 出現 不良反應 個案 是否 與 疫苗 有關 將 由 中央 厘 清 判定</t>
  </si>
  <si>
    <t>台微 體 旗 下 金雞 盈 擘 發表 微 脂 體 抗 新冠 報告</t>
  </si>
  <si>
    <t>大陸 這 波 的 新冠 疫情 仍 在 持續 江蘇省 原本 的 重災區 南京 8 日 病例 零 新增 但 揚州 連續 7 天 新增 本土 病例 超過 30 例 一 省 之內 猶如 冰火 兩 重 天 不過 南京市 衛健 委 副 主任 丁小平 提醒 零 新增 並不等於 零風險 由於 揚州市 的 疫</t>
  </si>
  <si>
    <t>鍾 南山 陸 錯失 新冠 藥物 大規模 臨床 研究 機會</t>
  </si>
  <si>
    <t>隨 著 全球 新冠 疫情 大 流行 新冠 疫苗 的 需求 更加 迫切 不過 在 許多 疫苗 研究 團隊 宣佈 取得 進展 的 情況 下 大陸 的 新冠 病毒 臨床 研究 專案 數量 卻 出現 停滯 其 研究 立項 在 全球 相關 研究 比例 從 2 3 減至 1 2 大陸 防疫 專家 鍾 南山 認為</t>
  </si>
  <si>
    <t>捐 血 驗 出新冠 病毒 陽性 專家 恐是 無 症狀 感染者</t>
  </si>
  <si>
    <t>捐血者 驗 出 新冠 病毒 義 大利 進行</t>
  </si>
  <si>
    <t>上海 今 18 日 20 時起 啟動 3 至 5 歲 人群 登記 預約 接種 新冠 疫苗 據 瞭解 此次 接種 人群 暫不 包括 於 3 至 5 歲 外籍人士 港澳臺 人士 華人華僑 根據 上海市 疫情 防控 工作領導小組辦公室 消息 上海 按照 知情 同意 自願 原則</t>
  </si>
  <si>
    <t>上海 今 18 日 20 時起 啟動 3 至 5 歲 人群 登記 預約 接種 新冠 疫苗 據 瞭解 此次 接種 人群 暫不 包括 於 3 至 5 歲 外籍人士 港澳臺 人士 華人華僑 根據 上海市 疫情 防控 工作領導小組辦公室 消息 上海 按照 知情 同意 自願 原則 分步 有序 推進 接種 工作 此前 已 啟動 6 至 17 歲 人群 新冠 疫苗 接種 服務 從今 18 日 起 將 為 有 意向 接種 的 3 至 5 歲 人群 開通 新冠 疫苗 登記 預約 接種 服務 據 瞭解 目前 接種 疫苗 為 國藥 科興 疫苗 基礎 免疫 全程 接種 2 劑 次 至於 3 至 5 歲 外籍人士 港澳臺 人士 華人華僑 則 根據 有關 部署 安排 另外 適時 啟動 接種 工作</t>
  </si>
  <si>
    <t>北京 台商協會 日前 已 開始 受理 登記 在 京 台商 臺胞 接種 新冠 疫苗 自由 時報 日前 刊出 報導 有 台商 投訴 被 半 強迫 接種 大陸 國 台辦 發言人 朱鳳蓮 今天 27 日 反 批 這 是 惡意 造謠 用心 卑劣 她 現場 展示 一 份 同意書 證</t>
  </si>
  <si>
    <t>接種 朱鳳蓮 臺胞 新冠 疫苗 疫苗 接種</t>
  </si>
  <si>
    <t>omicron 病毒 來勢洶洶 世界 各國 陸續 傳出 本土 病例 衝擊 我國 年底 的 跨 年 耶誕 等 大型活動 衛福 部長 陳時中 今天 表示 雖然 現在 臨時 變動 的 可能性 不 高 但 大家 仍要 做好 心理準備 立 法院 社 福 及 衛環 委員會 今天 就 新冠 變異 病</t>
  </si>
  <si>
    <t>出現 新冠 疫情 國家 增至 56 國 who 有 全球 流行病 潛力</t>
  </si>
  <si>
    <t>研究 新冠 患者 若 曾 高燒 或 氧氣 治療 大腦 灰質 減少 致 情緒 障礙</t>
  </si>
  <si>
    <t>cnn 新冠 拆散 來不及 說 再見 靈異 事件 頻 傳</t>
  </si>
  <si>
    <t>好 消息 新冠 疫苗 採購 700 元 一 劑 臺灣 明年 中 開 打</t>
  </si>
  <si>
    <t>贊 大陸 陳薇 研發 新冠 疫苗 蔡正元 酸 不 像 某些 人造 神</t>
  </si>
  <si>
    <t>臺北市 疫情 尚在延 燒 各 行政區 仍 有 群 聚 感染 發生 臺北市 長 柯文哲 指出 他 要用 數字 觀察 防疫 重點 在 哪 區 並用 大規模 核酸 檢測 pcr 將 社區 黑 數 掃 出 他 也 重申 疫苗 是 新冠 疫情 的 終極 解決 方案 目前 北市 已 有 40萬3292 人口</t>
  </si>
  <si>
    <t>安盛 生 科 q 4 推出 新冠 智慧 抗原 快 篩 5 分鐘 內 有 結果</t>
  </si>
  <si>
    <t>新冠 病毒 疫情 蓬佩 奧 楊潔篪 陸美 關係</t>
  </si>
  <si>
    <t>類風濕性 關節炎 藥 救活 新冠 患者</t>
  </si>
  <si>
    <t>美國 疾病 管制 與 預防 中心 cdc 內部 檔 顯示 delta 變種 新冠 病毒 正在 美國 迅速 蔓延 似乎 引發 更 嚴重 的 疾病 並 像 水痘 一樣 容易 傳播 據 cnn 新聞網 30 日 報導 華盛頓郵報 the washington post 取得 的 cdc 未公開 的 幻</t>
  </si>
  <si>
    <t>上海 複 星 醫藥 發出 公告 子公司 複星實業 分別 與 台積電 鴻 海 永齡 基金會 及 裕利 醫藥 簽約 將 提供 共 1000萬 劑 bnt 疫苗 給 臺灣 德國 bnt 首席 執行長 證實 這 批 疫苗 符合 臺灣 要求 在 歐洲 工廠 生產 直接 出 貨 給 臺灣 根據 外 媒 報導 bnt 首席 執行長 ugur sahin 表示 我們 很 高興 看到 複 星 醫藥 與 biontech 共同 研發 的 疫苗 能 為 臺灣 疫情 防控 發揮 積極 作用 我們 將 與 合作夥伴 緊密 合作 早日 為 臺灣 提供 安全 有效 的 疫苗 維護 生命 健康 幫助 生活 早日 回到 正軌 這 批 新冠 疫苗 由 歐洲 工廠 所 生產 負責 洽 購 的 台積電 鴻 海 也 紛紛 發佈 重 訊 台積電 指出 捐贈 金額 不 超過 美金 175億 元 受 贈 對象 為 行政院 衛生 福利 部 疾病 管制 署 本 捐贈 因 屬 重大 天然 災害 所為 急難 救助 之 公益 性質 捐贈 將 提 本 公司 董事會 追認 鴻 海 也 與 永齡 基金會 共同 捐贈 金額 同樣 不 超過 美金 175億 元 其中 鴻 海 負責 其中 的 105億 元 永齡 約 7000萬 元 疫苗 同樣 捐 給 衛福部 疾 管署</t>
  </si>
  <si>
    <t>1千萬 劑 輝 端 bnt 進口 臺灣 不再 只 聞 樓梯 響 鴻 海 與 台積電 今日 雙雙 證實 積極 努力 許久 採購 bnt 疫苗 已 正式 進入 簽約 程式 惟 因 簽約 當事人 有 多方 一旦 程式 完備 即 對 外 進行 公告 永齡 基金會 執行長 劉宥彤 也 表示 待 有 進一步 消息 一定 會 正式 對外 界 說明 上周 即 傳出 鴻 海 永齡 基金會 與 台積電 採購 德國 bnt 案 可望 簽約 但 皆 未 見 相關 單位 證實 11 日 淩晨 網路 瘋 傳 大陸 官媒 新華社 當天 的 報導 指出 永齡 與 台積電 已 和 bnt 疫苗 代理商 上海 複 星 醫藥 正式 簽訂 銷售 協議 並 會 依 正常 商業 規則 和 程式 提供 疫苗 但 第一時間 並未 看到 新華社 刊登 文稿 傳聞 鴻 海 永齡 基金會 與 台積電 是 在 9 日 深夜 和 複 星 醫藥 簽訂 mrna 新冠 疫苗 銷售 協議 今日 上午 鴻 海 與 台積電 雙雙 指出 因 簽約 當事人 有 多方 許多 文件 要 由 各方 法務 確認 但 確實 正在 進行 簽約 的 法定程式 一旦程式 完備 即 對 外 進行 公告 據 瞭解 簽約 對象 除 鴻 海 台積電 等 採購 企業 外 包括 複 星 我 政府 與 德國 bnt 原廠 簽約 內容 包括 總 採購 量 與 金額 至於 出 貨 時間 與 分批 出貨量 將 在 簽約 後 另行 確認 採購 bnt 疫苗 最 早 由 鴻 海 在 5 月 下旬 新冠 疫情 本土 確診 案 量 增加 時 提出 要 採購 500萬 劑 的 捐贈 政府 計畫 並於 6 月 1 日 由 鴻 海 創辦 人 郭台銘 夫人 曾馨瑩 代表 永齡 基金會 鴻 海 教育 基金會 執行長 汪用和 代表 鴻 海 共同 遞 件 申請 採購 但 這項 申請 案 卻 卡 在 政府 要求 須有 原廠 授權 書 在 郭台銘 向 總統府 喊話 後 6 月 18 日進 總統府 面見 總統 台積電 私下 努力 採購 bnt 疫苗 500萬 劑 規 畫 也 浮 上 檯面 加計 鴻 海 永齡 基金會 兩 大 企業 集團 共計 採購 1000萬 劑</t>
  </si>
  <si>
    <t>全球 首 款 吸入式 新冠 疫苗 亮相 網友 笑 稱 像 喝 奶茶</t>
  </si>
  <si>
    <t>全球 首 款 可吸入 式 新冠 疫苗 在 2021 第 五 屆 海南 國際 健康 產業 博覽會 亮相 觀眾 可 現場 體驗 對於 吸入式 新冠 疫苗 的 使用 方法 網友 稱 姿勢 好像 喝 奶 茶 據 瞭 解 吸入式 新冠 疫苗 與 肌肉注射 使用 了 同種 疫苗 其 製劑 配方 未 改變</t>
  </si>
  <si>
    <t>全球 首 款 可吸入 式 新冠 疫苗 在 2021 第 五 屆 海南 國際 健康 產業 博覽會 亮相 觀眾 可 現場 體驗 對於 吸入式 新冠 疫苗 的 使用 方法 網友 稱 姿勢 好像 喝 奶 茶 據 瞭 解 吸入式 新冠 疫苗 與 肌肉注射 使用 了 同種 疫苗 其 製劑 配方 未 改變 僅 採用 不同 的 給 藥 方式 霧 化 吸 入 免疫 採用 霧化器 將 疫苗 霧 化成 微小 顆粒 通過 口部 吸 入 的 方式 進入 呼吸道 和 肺部 從而 激發 黏膜 免疫 而 這種 免疫 是 通過 肌肉注射 所 不能 帶來 的 據 光明日報 報導 全球 首 款 吸入式 新冠 疫苗 由 軍事醫學 研究院 陳薇 院士 團隊 與 康 希諾 生物 股份公司 聯合 研發 目前 期 臨床 試驗 已 取得 階段性 成果 兩 次 臨床 試驗 資料 分別 於 2020 年 5 月 22 日 7 月 20 日 在 國際 著名 醫學期刊 柳葉刀 發表 資料 充分證明 低劑量 疫苗 安全 且 一針 接種 能 引起 顯著 免疫原性 可 刺激 平衡 的 體液 免疫 和 細胞 免疫 志願者 中 未 發現 一例 嚴重 不良反應 該 疫苗 已 在 開展 全球 多 中心 期 臨床 試驗 目前 在 巴基斯坦 墨西哥 俄羅斯 智利 阿根廷 等 3 個 大洲 5 個 國家 開展 共 設 78 家 臨床 研究 中心 已 完成 對 4萬 餘 受試者 的 接種 今年 2 月 25 日 克 威 莎 獲 國家藥監局 批准 附 條件 上市 此前 由 陳薇 院士 團隊 領銜 研製 的 霧 化 吸 入 新冠 疫苗 在 刺 胳 針 傳染病 發表 臨床 研究 資料 這 也 是 全球 首 個 公開 發表 的 新冠 疫苗 粘膜免疫 臨床 試驗 結果 研究 結果顯示 霧 化 吸 入 接種 疫苗 安全性 好 無 肌肉注射 局部 不良反應 霧 化 吸 入 只 需要 使用 1 5 劑 肌肉注射 用 的 劑量 細胞 免疫 反應 水準 就 可以 與 1 劑 肌肉注射 相當 肌肉注射 後 採用 霧 化 吸 入 加強免疫 可 產生 高 水準 中和 抗體</t>
  </si>
  <si>
    <t>西甲 瓦倫西亞 足球隊 35 驗 出新冠</t>
  </si>
  <si>
    <t>抗 新冠 接種 兩劑 az 疫苗 效力 可 達 90</t>
  </si>
  <si>
    <t>據 英格蘭 公共 衛生 署 public health england 估計 接種 兩劑 阿斯特 捷利康 astrazeneca 新冠 疫苗 阻止 出現 症狀 的 效力 可 達 90 不過 它 也 提醒 目前 還 沒有 足夠 的 資料 顯示 這 就 是 決定性 定論 據 路透 和 每日 郵報</t>
  </si>
  <si>
    <t>牛津新冠 疫苗 保護 力才 70 bbc 失望</t>
  </si>
  <si>
    <t>阿斯特 捷利康 製藥 公司 astrazeneca 與 牛津大學 共同開發 的 新冠 疫苗 第 三 階段 臨床 試驗 初步 結果 出爐 疫苗 保護 力達 70 不過 當 調整 至 適當 劑量 時 疫苗 保護 力可達 90 此外 儘管 牛津 疫苗 的 有效性 不及 莫德納 輝瑞 等 疫</t>
  </si>
  <si>
    <t>糧食 危機 古特雷斯 聯合國 新冠 病毒</t>
  </si>
  <si>
    <t>新冠 疫情 衝擊 百工 百業 高 市府 近日 發起 暖 心 相守 寄 未來 運動 鼓勵 消費者 以 小錢 多 點 預購 方式 協助 社區 鄰里 商家 周轉 救急 目前 有 351 家 店 響應 推出 促銷 優惠 昨 高雄 市長 韓國瑜 抛磚引玉 率先 認購 5000 元後 今 3</t>
  </si>
  <si>
    <t>新冠 疫情 衝擊 百工 百業 高 市府 近日 發起 暖 心 相守 寄 未來 運動 鼓勵 消費者 以 小錢 多 點 預購 方式 協助 社區 鄰里 商家 周轉 救急 目前 有 351 家 店 響應 推出 促銷 優惠 昨 高雄 市長 韓國瑜 抛磚引玉 率先 認購 5000 元後 今 31 日 副 市長 葉匡時 也 加入 行列 自掏腰包 15萬 元 採購 冰品 食品 並 發送 慰勞 防疫 第一線 人員 特別 的 是 葉匡時 還 特別 點 名 3 名 高 市 在野黨 議員 接 棒 希望 防疫 紓困 不分 藍 綠 經 發 局長 伏和 中 指出 市府 發起 暖 心 相守 寄 未來 運動 這 是 種 社會 運動 目的 是 有 部分 攤 商 店家 反映 目前 缺乏 營運 周轉金 因此 比照 坊 間 寄 杯 預購 的 商業模式 鼓勵 店家 拋 出 預購 優惠 為 誘因 消費者 能 以 行動 支持 葉匡時 今晚 到 鳳山 ice 冰店 採購 5000 元 的 冰品 送給 鳳 山區 里幹事 感謝 他們 擔任 防疫 第一 線工作人員 葉匡時 表示 另外 也 請 三民 左營區 的 區長 代為 預購 這 兩區各 5000 元 商品 給 里幹事 因為 這 3 區 工作 最為 繁重 葉匡時 指出 此次 活動 除了 支持 我 高雄 的 新創 企業 與 在 地 型 農 也 希望 防疫 紓困 不分 藍 綠 不分 族群 不分性別 大家 一起 努力 他 特別 點名 高市 時代 力量 議員 黃捷 民進 党 議員 李喬如 高閔琳 3 人 一同 回應</t>
  </si>
  <si>
    <t>又 見 臺灣 輸出 新冠 病例 4 人 赴 日本 法國 確診</t>
  </si>
  <si>
    <t>哈利波特 作者 羅琳 自稱 染 新冠 病毒 已 痊癒</t>
  </si>
  <si>
    <t>變種 新冠 難 測 連 3 驗 都 陰性 大馬 7 旬 長者 突 暴 斃 肺 驚人 變化</t>
  </si>
  <si>
    <t>大陸 外交部 副 部長 羅照輝 今 表示 截至 目前 境外 輸入 確診 個案 中 有 90 持 中國 護照 其中 40 為 中國 留學生 他 強調 防止 輸入 病例 為 當前 主要 任務 希望 留學生 和 家長 認真 權衡利弊 才 作出 正確 選擇 針對 新冠 病毒 源頭 他 指出</t>
  </si>
  <si>
    <t>國內 外購 美 日 外援 新冠 疫苗 逐步 進入 臺灣 近期 開始 陸續 施打 因 目前 疫苗 施打 率 不 佳 以及 有 不少 長輩 施打 az 疫苗 後 猝死 這 讓 國民黨 立 委 陳以信 看不下去 直言 這 波 日本 az 疫苗 施打 後 已 有 342 位 國人 不幸 離 世 他 多次 呼</t>
  </si>
  <si>
    <t>新冠 疫情 擴散 再 增 1 國 以色列 出現 首例 確診</t>
  </si>
  <si>
    <t>新冠 疫苗 開 打 臺北市 已 與 基層 診所 合作 但 新北 市 目前 只 有 20 家 責任 醫院 與 29 區 衛生所 協助 開 打 新北 市 衛生局長 陳 潤 秋 指出 目前 已 與 203 家 基層 診所 簽約 但 中央 對於 新冠 疫苗 的 冷鏈 與 流感疫苗 規定 不同 所以 必須 要 更 嚴</t>
  </si>
  <si>
    <t>新冠 疫苗 開 打 臺北市 已 與 基層 診所 合作 但 新北 市 目前 只 有 20 家 責任 醫院 與 29 區 衛生所 協助 開 打 新北 市 衛生局長 陳 潤 秋 指出 目前 已 與 203 家 基層 診所 簽約 但 中央 對於 新冠 疫苗 的 冷鏈 與 流感疫苗 規定 不同 所以 必須 要 更 嚴謹 被 問到 新冠 疫苗 冷鏈 與 流感疫苗 都 是 2 到 8 度 c 但 新北 流感疫苗 診所 有 600 多 家 卻 只 有 203 家 可以 簽約 中間 落差 為何 陳潤秋 指出 中央 對 新冠 疫苗 比較 小心 除 了 2 到 8 度 c 的 冷鏈 技術 還要 有 持續 的 監測 功能 所以 特別 小心 陳 潤 秋 說 如果 有 新 的 診所 願意 加入 會 協助 購置 建置 相關 設備 這次 因為 分區 分 裡 分 時段 施打 目前 以 社區 接種 站 醫院 與 衛生所 施打 為主 而 每 一 劑 疫苗 有 100 元施 打 費 中央 公告 另外 補助 1 人 40 元 掛號費</t>
  </si>
  <si>
    <t>李彥秀 亞裔 美國 新冠 仇恨</t>
  </si>
  <si>
    <t>生魚片 前 陣子 才 造成 北京 恐慌 疑 似 掀起 另 一 波 新冠 疫情 引起 人心惶惶 日前 又 傳 出 一 名 中年男子 因 愛 吃 生魚片 引起 腹瀉 到 醫院 檢查 才 發現 肝臟 經然 已經 被 寄生蟲 啃 掉 一半 星島日報 報導 浙江省 杭州市 1 名 55 歲 的 謝姓 男</t>
  </si>
  <si>
    <t>生魚片 前 陣子 才 造成 北京 恐慌 疑 似 掀起 另 一 波 新冠 疫情 引起 人心惶惶 日前 又 傳 出 一 名 中年男子 因 愛 吃 生魚片 引起 腹瀉 到 醫院 檢查 才 發現 肝臟 經然 已經 被 寄生蟲 啃 掉 一半 星島日報 報導 浙江省 杭州市 1 名 55 歲 的 謝姓 男子 日前 在 四川 做 酸菜 魚 為 求 鮮嫩 口感 魚片 只 燙 了 幾 十 秒 就 吃 沒 想到 之後 開始 腹痛 腹瀉 疲勞 食欲不振 撐 了 4 個 月 後 又 出現 畏 寒 發熱 等 症狀 才 趕緊 就醫 檢查 不料 醫師 驚見 他 的 肝臟 左葉 已 被 寄生蟲 吃光 變成 1 個 約 20 公分 大 的 膿 球 還 長 了 許多 腫瘤 手術 時 醫師 發現 男子 肝臟 囊 壁上 的 腫瘤 裡 竟 爬 滿 無數 個 肝吸蟲 蟲卵 根據 謝姓 男子 表示 四川 當地 有生 吃 或 半生 吃 魚 片 的 習慣 醫師 判斷 可能 就 是 這個 習慣 釀成 病因 醫生 指出 雖然 感染 初期 可能 沒有 病症 但 寄生蟲 繁殖力 驚人 每次 可 產 上 千 顆 卵 並 存活 20 至 30 年 若 置之不理 除了 會 引起 腹痛 腹瀉 消化不良 營養不良 疲倦 乏力 等 症狀 甚至 可能 會 侵蝕 肝臟 造成 肝膽 道 內 結石 肝硬化 甚至 肝癌</t>
  </si>
  <si>
    <t>瑞典 國家 統計 當局 今天 宣佈 全國 上半年 登記 的 死亡 人數 達 5萬1405 人 比 去年同期 暴 增 15 6500 人 更 創下 瑞典 自 1869 年 以來 1 到 6 月 的 最高 紀錄 55431 當時 該國 遭逢 大規模 饑荒 新冠 疫情 正是 死亡 人數 創紀錄 的 元兇</t>
  </si>
  <si>
    <t>研究 病毒 蛋白酶 新冠 癌症</t>
  </si>
  <si>
    <t>近來 日本 部分 民眾 等不及 政府 主導 的 新冠 病毒 疫苗 施打 已 有 觀光業 者 推出 前往 美國紐約 施打 疫苗 的 海外 疫苗 團 就 連 紐約市 長 也 先前 自己 上陣 宣傳 觀光客 疫苗 施打 解禁 並 曾 在 自身 twitter 表示 歡迎 各國 前來 紐約 打</t>
  </si>
  <si>
    <t>近來 日本 部分 民眾 等不及 政府 主導 的 新冠 病毒 疫苗 施打 已 有 觀光業 者 推出 前往 美國紐約 施打 疫苗 的 海外 疫苗 團 就 連 紐約市 長 也 先前 自己 上陣 宣傳 觀光客 疫苗 施打 解禁 並 曾 在 自身 twitter 表示 歡迎 各國 前來 紐約 打 疫苗 此舉 受到 高度 倚賴 觀光業 的 紐約 當地 民眾 歡迎 另 也 有 短期 語言 留學 加入 此 商 機 行列 一對 以此 為 目的 赴美 的 50 多 歲 日本 人 夫妻 向日 媒 表示 在 日本 等 打 疫苗 不 知道 要 等 到 什麼 時候 搞不好 今年 之內 還 排 不 到 一 名 駐 美 記者 表示 在 5 月中 旬 日本電視臺 相關 報導 後 3 天內 就 有約 150 名 經濟 寬裕 者 與 藝人 預約 接種 旅行 申辦 該 業務 的 旅行社 表示 想要 盡 速 打到 疫苗 的 人數 超乎 預期 這些 人 的 共同 特徵 是 必須 出現 多 種 場合 並 與 不 特定 多數 人 接觸 者 不僅 有 個人 報名 也 接受 團體 接種 若 成團 從 日本 搭 機 出發 總費用 有機會 壓到 約 30萬 日圓 上下 約 台幣 7萬5000 元 左右 抵達 後 不用 隔離 搭乘 接待 專車 直奔 專用 場地 施打 接種 的 是 只 需 一 次 便 完成 的 嬌 生 公司 j&amp;j 所 產 疫苗 隔離 中 留學 另外 更 有 語言 留 學業 者 將 疫苗 施打 結合 短期 語言學 校 基本 以 8 星期 的 語言 課程 加上 接受 2 回 接種 期間 可 申請 延長 而 所謂 語言 課程 即為 隔離 期間 中 參加 現場 課程 線 上 部分 結束 後 後 再 參加 面對面 的 課程 近日 日 媒 ameba news 也 報導 泰國 也 開始 同樣 的 服務 在 原本 的 赴美 旅遊 行程 中 加入 打 疫苗 內容 據 瞭解 已 有 5 家 旅行社 開展 此 業務</t>
  </si>
  <si>
    <t>據 美國有線電視新聞網 cnn 報導 自 華盛頓州 後 西雅圖 3 日 也 宣佈 為了 因應 新冠 病毒 而 進入 緊急狀態 市長 德爾坎 jenny durkan 在 聲明 中 表示 政府 將 在 數 日內 宣佈 在 進入 緊急狀態 後所 採取 的 相關 行動 由於 鄰近 的 華盛</t>
  </si>
  <si>
    <t>據 美國有線電視新聞網 cnn 報導 自 華盛頓州 後 西雅圖 3 日 也 宣佈 為了 因應 新冠 病毒 而 進入 緊急狀態 市長 德爾坎 jenny durkan 在 聲明 中 表示 政府 將 在 數 日內 宣佈 在 進入 緊急狀態 後所 採取 的 相關 行動 由於 鄰近 的 華盛頓州 金恩郡 king county 已 出現 21 起 確診 並且 全美 9 死 病例 中 有 8 人 出自于 金恩郡 讓 華盛頓州 成為 全美 唯一 出現 死亡 病例 的 州 對此 華盛頓州 已於 2 日 宣佈 緊急狀態 並 準備 買 下 一家 旅館 隔離 病 患 而 華盛頓州 內 的 柯克蘭 kirkland 以及 雷德蒙德 redmond 也 宣佈 緊急狀態 隨 著 鄰近地區 接連 宣佈 緊急狀態 德爾坎 表示 在 未來 幾 天內 西雅圖市 將 與 金恩郡 華盛頓州 的 衛生 單位 以及 其他 地方 民選 首長 協調 行動 根據 緊急狀態 的 公告 聲明 市長 在 承租 與 借用 上有 權力 省略 常規 所 需 的 規範 與 程式 即時 調整 使用 與否 城市 內設 施 以及 必要 時 改變 既定 活動 以 防範 新冠 病毒傳播</t>
  </si>
  <si>
    <t>八 貫 1342 將 於明 29 日 召開 上市 前 業績 發表會 並 將 於 11 月底 前 掛牌 上市 看好 在 三大 動能 加 持 下 將 帶動 明年 業績 持續 上 攀 八 貫 近 三 年 營運 表現 優異 2017 至 2019 年 每股 稅 後 盈 餘 分別 為 349 元 379 元 及 308 元 今年 上半年 雖有 新冠 疫情 影響 公司 獲利 仍 亮 眼 稅 後 淨利 089億 元 年增率 213 eps 為 144 元 累計 前 三 季 營 收 為 1160億 元 亦 創下 歷年 最佳 成績 以 目前 出 貨 排 程 來看 預期 第 四季 將 因 歐美 醫療 及 戶外 訂單 出 貨 暢 旺 業績 可望 向上 攀升 展望 明年 八 貫 在 航 太 輕 量化 新 產品 通過 認證 跨 足 家居 型 醫療 產品 以及 戶外 產品 轉 單 效益 的 三大 動能 加 持 下 將 持續 帶動 公司 整體 營運 成長 八 貫 為 全球 少數 同時 擁有 tpu 熱 可塑性 聚氨酯 彈性體 二 次 三 次 加工 技術 及 產能 的 機能性 布料 大廠 不但 可提供 客戶 從 開發設計 至 終端產品 生產 製造 的 一 站 式 服務 出 貨 前 每 件產品 皆 經過 嚴謹 的 檢測 主攻 與 生命安全 有關 的 醫療 戶外 及 航 太 救生 等高 階 利基 型 市場 因 高階 產品 需要 通過 多 項 嚴格 的 認證 故 有 生命週期 長 且 不 輕易 更動 供應商 的 特性 公司 目前 握有 明確 且 長期 穩定 的 訂單 因應 既 有 的 產品 以及 新 產品 增加 的 產 線 成品 組件 產能 已 滿載 因 此 進行 擴廠 新廠 規劃 預計 明年 第一 季進行 搬 廠 認證 可望 於 第二 季 進入 量 產 未來 業績 動能 無 虞 今年 因 新冠 疫情 而 大幅 帶動 八 貫 各式 醫療 級 氣 墊 床 及 機能性 布料 的 出 貨 成長 加上 第 三 季 戶外 產品 出 貨 已 恢復 疫 前 水準 若 依 產品銷售 類別 占 比 前 三 季 營 收 比重 分別 為 醫療 43 戶外 44 航 太 救生 9 工業 4 其中 醫療 占 比年 增 12 個 百分點 目前 美國 區 醫療 產品 平均 毛利率 為 35 樂觀 預期 全年營 收 獲利 將 有望 挑戰 新 高 八 貫 憑 藉 tpu 之 高效 研發 與 優勢 制程 持續 多 元 發展 以 續積 未來 成長 動能 尤其 以 醫療 戶外 及 航 太 救生 三大 產品 為 營運 主軸 包括 醫療 應用 從 醫院 高端 醫療床 延伸 至 居家 照 護 目前 居家 照 護 市場 規模 是 醫療 產品 產值 的 6 倍 公司 所 研發 醫療所 需 之 機能性 布料 將 可 擴張 應用 至 新 領域 在 戶外 產品 部分 公司 研發 持續 朝向 輕 量 複合式 布料 發展 同時 三 次 加工 成品 亦 有 持續 升級 趨勢 加上 美中 貿易 轉 單 效益 原有 客戶 已 明顯 提升 明年 之下 單數 量 此外 八 貫 佈 局 航 太 救生 領域 將 開花結果 其中 航空 救命 筏 頂 蓬 機能性 布料 航空 逃生 滑梯 等 已於 今年 通過 認證 雖 因 疫情 而 遞 延 出 貨 然 年底 前 將 小量 出 貨 未來 可望 逐步 放 量 目前 在手 訂單 能見度 高 且 航空 逃生 滑梯 朝向 更 輕 量化 發展 八 貫 不僅 掌握 新 產品 的 訂單 亦可 有 周期性 機能性 布料 升級 潮 航 太 救生 產業 之 出 貨 可望 倍數 成長 產 能 上 八 貫 已 斥資 近 4億 元在宜 蘭 龍德 工業區 興建 占地 3千 坪 新廠區 並 導入 智慧 化 高 周波 產 線 擴 增 成品 元件 產能 預計 明年 第二 季 正式 量 產 醫療床 及 露營 睡 墊 產能 預計 增加 33000 床 管材 其他 產品 產能 預計 增加 144000 pcs 以期 增添 新 成長 動能</t>
  </si>
  <si>
    <t>病例 肺炎 增加 10 新冠</t>
  </si>
  <si>
    <t>北京 爆發 新一輪 新冠 疫情 百事公司 大中華 區 集團 通報 大興區 磁 魏 路 的 廠房 出現 8 位 確診 公司 並 已 第一時間 啟動 應急 方案 採取 停產 停工 封存 產品 環境 消毒 及 隔離 87 名 密切接觸 者 大陸 疾 控 中心 6 月 16 日 已對 工廠 內外 環境</t>
  </si>
  <si>
    <t>北京 爆發 新一輪 新冠 疫情 百事公司 大中華 區 集團 通報 大興區 磁 魏 路 的 廠房 出現 8 位 確診 公司 並 已 第一時間 啟動 應急 方案 採取 停產 停工 封存 產品 環境 消毒 及 隔離 87 名 密切接觸 者 大陸 疾 控 中心 6 月 16 日 已對 工廠 內外 環境 進行 塗抹 取樣 結果 均 呈 陰性 並 已對 食堂 更衣室 車間 洗手 區 廁所 流水線 工作區 等 進行 兩 次 全面 的 環境 消毒 百事 表示 會 嚴格 遵守 疫情 防控 政策 保障 食品 生產 安全 全面 保障 消費者 權益 據 北京青年報 報導 百事公司 第一時間 啟動 應急 預案 採取 停產 停業 產品 封存 環境 消 殺 人員 隔離 等 措施 已經 對 產品 及 廠 區 環境 進行 了 全方位 取樣 調查 目前 測試 產品安全 同時 保證 新發 地 疫情 後 的 產品 均 已 封存 百事公司 處置 情況 如下 一 是 迅速 停產 停工 啟動 應急 預案 6 月 15 日 首例 病例 確診 當日 早 八 點 立即 停止 生產 做 全廠 消 殺 封閉 所有 庫存 禁止 外運 成立 應急 處置 前方 指揮部 統籌 協調 相關 工作 二 是 全面 開展 人員 核酸 檢測 6 月 15 日 全部 員工 居家 隔離 6 月 16 日 進行 全員 核酸 檢測 6 月 20 日 轉運 480 人 到 集中 隔離 點 隔離 這 480 人 核酸 檢測 結果 均 為 陰性 同日 對 所有 員工 共同 居住 人員 全部 落實 居家 隔離 觀察 三 是 配合 政府 進行 擴大 流 調 範圍 深入 分析 病例 流 調 報告 截至 6 月 20 日 18 時 已 追查 到 密切接觸 者 87 名 全部 落實 集中 隔離 措施 四 是 做好 環境 檢測 與 消 殺 6 月 16 日 區疾 控 中心 對 工廠 內外 環境 進行 塗抹 取樣 結果 均 陰性 6 月 15 日 和 20 日 對 食堂 更衣室 車間 洗手 區 廁所 流水線 工作區 等 兩 次 進行 全面 環境 消 殺 五 是 嚴格 遵守 疫情 防控 政策 保障 食品 生產 安全 全面 保障 消費者 權益</t>
  </si>
  <si>
    <t>衛福部 上周 三大 動作 召開 記者會 公開 招募 新冠 疫苗 的 臨床 試驗 受試者 遭 外界 質疑 有 帶頭 違法 之 虞 立法委員 蔣 萬安 今 在 衛環 委員會 質詢 時 指出 食 藥 署 曾 明文 規範 臨床 試驗 受試者 的 招募 原則 需 經 人體 試驗 委員會 核 可 後 才能 刊</t>
  </si>
  <si>
    <t>衛福部 新冠 疫苗 臨床 試驗 蔣 萬安 薛瑞元</t>
  </si>
  <si>
    <t>無 死亡 病例 廣州 本 波 新冠 感染者 清 零 全數 治癒 出院</t>
  </si>
  <si>
    <t>新冠 疫情 廣州 感染者 清零 delta</t>
  </si>
  <si>
    <t>美國 疾病 管制 及 預防 中心 cdc 主任 瓦倫斯基 周 16 日 警告 美國 過去 一 周 確診 病例 增加 7 成 而 病 歿 人數 則 上升 26 部分 疫苗 接種 率 低 的 地區 疫情 複 燃 瓦倫斯基 表示 新冠 變種 病毒 delta 仍 持續 在 低 接種 率 地區 傳播 沒 接種</t>
  </si>
  <si>
    <t>1 分鐘 死 1 人 美 新冠 病 歿 數 破 25萬 人 囚犯 充當 屍體 搬運工</t>
  </si>
  <si>
    <t>普生卡 位 新冠 檢測 商 機 營運 旺</t>
  </si>
  <si>
    <t>不要 吵 了 最先 提到 新冠 病毒 人 傳 人 的 可能 是 他</t>
  </si>
  <si>
    <t>新冠 疫情 尚未 走 到 終點 如何 保養 肺 有 撇 步</t>
  </si>
  <si>
    <t>世界衛生組織 who 表示 歐洲新冠 疫情 極為 嚴重 的 國家 義 大利 和 西班牙 近日 出現 疫情 趨 穩 跡象 此 一 現象 說明 先前 採取 的 社交 隔離 等 防控 措施 已 開始 生效 但要 使 新增 病例 持續 下降 仍 需 持續 加大 疫情 防控 的 力度 據 央</t>
  </si>
  <si>
    <t>川 普選 後 復仇 承諾 全美 都 會 有 新冠 疫苗 紐約州 要 等等</t>
  </si>
  <si>
    <t>懷特 4108 搶 搭 新冠 病毒 列車 正 透過 旗 下 懷特 精製 黃 耆 多糖 研究 中心 開發 抗 病毒 藥物 的 新 適應症 加上 5 月 營 收 以 1034萬 交出 月 增 9347 年 增 4221 佳績 11 日 激勵 買 盤搶進 奔 上漲 停 價 2225 元 成交量 也 放大</t>
  </si>
  <si>
    <t>台中 屯 區 一家 醫院 也 出現 新冠 疫苗 接種 劑量 錯誤 只 是 這 回是 az 疫苗 原本 應打 05 cc 卻 只 打 01 cc 目前 院方 除 召回 受 影響 的 40 多 人 再 補 注射 也 成立 專案小組 進行 關懷 台中 市 衛生局 也 對 該 醫院 接種 公費 疫苗 進行 停 權 處分 新北</t>
  </si>
  <si>
    <t>美 奧克拉荷馬 州 一 間 麥當勞餐廳 因 防範 新冠 疫情 實施 限制 措施 不 開放 餐廳 現場 用餐 卻 遭 2 名 不滿 此 一 措施 的 女子 連開 數槍 造成 2 名 餐廳 員工 受傷 2 名 女子 開槍 後 並未 遠離 在 餐廳 附近 被 警方 逮捕 據 美國 有線電視 新聞網</t>
  </si>
  <si>
    <t>美 奧克拉荷馬 州 一 間 麥當勞餐廳 因 防範 新冠 疫情 實施 限制 措施 不 開放 餐廳 現場 用餐 卻 遭 2 名 不滿 此 一 措施 的 女子 連開 數槍 造成 2 名 餐廳 員工 受傷 2 名 女子 開槍 後 並未 遠離 在 餐廳 附近 被 警方 逮捕 據 美國 有線電視 新聞網 cnn 報導 奧克拉荷馬 州 受 疫情 衝擊 規定 餐廳 只 提供 外 賣 不 設 廳 內 用餐 該州 奧克拉荷馬 市 一家 麥當勞 依 循 防疫 規定 要求 2 名 坐在 用餐 臺上 的 女性 顧客 離開 時 卻 引發 該 2 顧客 情緒 失控 其中 一 人 甚至 掏 出 手槍 射擊 致 店 內 2 名 職員 肩膀 與 腿 部 受到 槍 傷 店 內 還 有 第 3 名 員工 在 混亂 中 割傷 及 頭部 所幸 皆 無 生命危險 當地 警方 表示 職員 上前 要求 坐在 餐 台前 的 兩 名 疑犯 離開 時 疑犯 變 得 激動 其中 一 人 取出 手槍 向 職員 開槍 分別 擊中 兩 名 職員 的 腳 及 肩膀 傷勢 都 不 會 危及 性命 另 有 一 名 職員 在 混亂 中 頭部 受 輕傷兩 名 疑犯 開槍 後 逃逸 在 附近 遭到 逮捕 報導 指出 近期 美國 此類 因應 防疫 措施 而 發生衝突 事件 頻 傳 密西根州 一家 大型 超 商 日前 也 發生 保全 拒絕 未戴 口罩 的 顧客 入場 竟 遭到 對方 家屬 開槍 擊斃 的 事件 另 一家 商場 則 有 男子 被 員工 要求 戴 上 口罩 時 竟 把 鼻涕 擦 在 該 員工 衣服 上</t>
  </si>
  <si>
    <t>新冠 疫情 肆虐 全球 已 多次 精准 預測 國際 大事 的 印度 神童 阿南德 近期 透露 好日子 即將 到來 他 預測 11 月 21 日 之後 全球 將 脫離 最壞 的 情況 12 月 起 經濟 開始 復蘇 各地 情況 也 將 逐漸 好轉 可望 回歸 正常 生活 阿南德 在 近期</t>
  </si>
  <si>
    <t>新冠 疫情 肆虐 全球 已 多次 精准 預測 國際 大事 的 印度 神童 阿南德 近期 透露 好日子 即將 到來 他 預測 11 月 21 日 之後 全球 將 脫離 最壞 的 情況 12 月 起 經濟 開始 復蘇 各地 情況 也 將 逐漸 好轉 可望 回歸 正常 生活 阿南德 在 近期 發佈 的 youtube 影片 中 指出 今年 9 月 至 11 月 全世界 將 經歷 最壞 的 時刻 新 一 波 疫情 可能 達到 高峰 不過 11 月 21 日後 木星 離開 魔羯座 前往 水 瓶 座 將 逐漸 回歸 正常 生活 12 月 起 經濟 開始 有 復蘇 的 趨勢 不過 他 也 透露 明年 4 月 22 日 由於 火星 與 土星 相 合 有 可能 再度 面臨 危難 激起 一 波動 蕩 世界 可能 會 發生巨變 經濟 要 恢復 穩定 可能 要 等 到 2023 年 4 月 23 日 以後 了 阿南德 2019 年 8 月 因 精准 預測 新冠 疫情 而 聲名大噪 後來 也 陸續 命中 國際 間 的 重要 大事 包括 6 月 時 曾 預言 印度 美國 日本 及 多數 歐洲 國家 6 月20 日後 將 發生 嚴重 大事 結果 來自 印度 的 delta 病毒 肆虐 國際 間 相繼 發生 英國 延後 解封 以色列 加強 防疫 措施 美國 除了 變種 疫情 之外 又 發生 邁阿密 大樓 倒塌 日本 靜岡 也 爆發 嚴重 土 石流 接 著 阿南德 又 預言 7 月 會 更 動盪不安 甚至 疫情 恐 將 反撲 果然 法國 與 荷蘭政府 相繼 承認 防疫 出現 漏洞 因 此 擴大 防疫 措施 阿南德 還 說 7 月 21 日後 狀況 會 每況愈下 果然 7 月 後 歐洲 又 面臨 新 一 波 疫情 更慘 的 是 阿富汗 還 傳出 政變 阿南德 預料 9 月 至 11 月 將 會 是 全世界 最 動盪不安 的 時期 經濟 及 股市 將 在 12 月 後 逐漸 回歸 穩定 但 之後 又 會 再經 波瀾 直到 2023 年 4 月 以後 才 會 好轉</t>
  </si>
  <si>
    <t>新冠 快 篩 有 譜 僅 需 15 分鐘</t>
  </si>
  <si>
    <t>國內 新冠 疫情 持續 延 燒 近日 雖然 本土 確診 數 稍 有 趨 緩 民眾 對於 仍 疫苗 有 迫切 需求 急診 醫師 白永嘉 分享 一 位 中年 男 病 患 出車禍 在 急診 間 吵鬧 對 著 醫護人員 出氣 經過 制止 後 白永嘉 忍不住 形容 該 男子 不受 控 的 行為 超</t>
  </si>
  <si>
    <t>泰國 羽球 公開賽 賽娜 確診 新冠 退出 賽事</t>
  </si>
  <si>
    <t>據 大陸 國家 衛健 委 官 網 消息 11 月 30 日 大陸 報告 新增 確診 新冠 病例 113 例 其中 本土 病例 91 例 均 在 內蒙古 呼倫貝爾市 截至 12 月 1 日 6 時 30 分 內蒙古 多 地 防控 升級 全 大陸 共有 高風險 地區 6 個 中 風險 地區 12 個 近日 發現 的 新</t>
  </si>
  <si>
    <t>旺 報 社評 合 力阻 絕 比 新冠 更 毒 的 病毒</t>
  </si>
  <si>
    <t>旺 報 社評 大陸 經濟 美國 新冠</t>
  </si>
  <si>
    <t>2億 人 的 新冠 後遺症</t>
  </si>
  <si>
    <t>紐西蘭 奇異 果 竟 在 陸檢 出新冠 病毒 陽性</t>
  </si>
  <si>
    <t>國際 社會 川普 延 後 禁 足 令至 4 月底 警告 新冠 死亡率 兩 周內達 高峰</t>
  </si>
  <si>
    <t>病毒 我們 聯繫 衛生 新冠</t>
  </si>
  <si>
    <t>鮭魚 為何 不是 新冠 感染 源 醫 解密 少 了 特殊 天 菜</t>
  </si>
  <si>
    <t>新冠 病毒 鮭魚 砧板 受體 病毒</t>
  </si>
  <si>
    <t>抗 新冠 藥 瑞德西韋 試驗 結果 正面 歐美 股 大 漲</t>
  </si>
  <si>
    <t>這個 週末 是 全台 進入 第 三級 疫情 警戒 的 第 一個 周 休 二 日 假期 大家 有 沒有 聽話 乖乖 宅 在家 防疫 透過 國道 五 號 雪山 隧道 及 蘇花 改 的 車流量 監測 結果 答案 是 肯定 的 國道 五 號 南下 車道 今 22 日 上午 始終 保持 順暢 車流量 比 往常 少 了 非常 多 蘇花 改 部分 更是 出現 蘇花 改 通車 以來 周 休 二 日 第一 天 南下 車流量 最 稀疏 的 狀況 臺灣 新冠 疫情 嚴峻 各級 政府 及 官員 紛紛 大聲疾呼 這個 周 休 二 日 務必 待 在家 非必要 不要 出門 對 宜蘭 縣 及 雙 北市 而言 大家 是否 有 聽話 待 在 家中 防疫 從 國道 五 號 及 蘇花 改 就 可以 簡單 做出 判斷 坪林 交 控 中心 表示 往常 周 休 二 日 的 星期六 從 清晨 6 點 多 就 逐漸 湧現 車 潮 7 點 左右 就 會 出現 壅 塞 現象 但 今天 南下 車道 的 車流量 確實 大幅 減少 車速 始終 都 能 保持 在 時速 780 公里 以上 僅 石 碇 上坡路 段 等 少部分 路段 亮 黃 燈號 志 其他 路段 都是綠 燈 的 交通 順暢 號志 雪 隧 南 下 的 車流量 每 小時 只 有 840 輛 確實 減少 非常 多 在 蘇花 改 部分 就 更為 明顯 公路 總局 四 區 養護 工程 處 交管 中心 主任 陳國正 表示 今天 到 上午 9 點 半 左右 南下 車流量 累計 只 有 1000 多 輛 如果 繼續 保持 這樣 的 情形 預估 到 中午 也 不過 2000 多 輛 一整天 最 多 是 3000 輛 比 以往 周 休 二 日 星期六 南下 動輒 7 8000 輛 相比 車流量 真的 少 太 多 了 更 有 可能 是 蘇花 改 通車 以來 周 休 二 日 南下 車流量 最 少 的 一 次</t>
  </si>
  <si>
    <t>高雄 85 大樓 檢測 陰性 陳屍 套房 日 租 套房 新冠 檢測</t>
  </si>
  <si>
    <t>普生新冠 試劑 再 傳捷報 獲 中研院 授權 合約</t>
  </si>
  <si>
    <t>美國 硬漢 高 球手 染 新冠 去世 美 網 宣佈 資格 賽閉門</t>
  </si>
  <si>
    <t>美國有線電視新聞網 cnn 主 播 安德森 庫柏 anderson cooper 在 節目 採訪 前 駐 北京 大使 駱家輝 gary locke 時 多次 提到 臺灣 對 新冠 疫情 的 表現 受到 國際 矚目 從 網上 instagram 的 分享 圖片 可以 看到 臺灣 還 能 維持 正常 生活 對</t>
  </si>
  <si>
    <t>在 大陸 公佈 兩會 舉行 時間 的 同一天 北京市 政府 宣佈 從 4 月 30 日 起 北京 的 防控 疫情 等級 從 一級 降為 二級 大陸 境內 低 風險 地區 進京 出差 返京 人員 不再 要求 居家 隔離 14 天 正 在 隔離 觀察 的 可以 解除 觀察 北京市 29 日 的 新冠 疫情 新聞 發佈會 上 北京市政府 副 秘書長 陳蓓 介紹 4 月 30 日 零 時 起 將 一級 回應 機制 調至 二級 不過 她 也 表示 應急 回應 機制 的 調整 並不 意味著 防控 措施 的 減弱 他 還 指出 入境 人員 依然 執行 14 7 的 集中 隔離 和 居家 觀察 隔離 的 要求 對 大陸 國內 低 風險 地區 進京 出差 返京 人員 不再 要求 居家 隔離 觀察 14 天 正 在 居家 集中 觀察 的 可以 解除 觀察 不 包括 境外 和 湖北 武漢 進京 人員 他 表示 要 嚴格 社區 管控 持續 封閉 管理 出入 證實 名 制 管理 嚴格 進 京 檢查站 管理 持續保持 最 高等級 查控 學校 要 封閉 管理 入校 測 溫 要 持續 常態 化 防控 經 北京 口岸 入境 人員 高中 風險 返京 人員 武漢 即將 返京 人員 等 重點 人員 全部 進行 核算 監測 嚴格 就醫 管理 實 名 制 預約 加強 對 出院 不 陽者 的 篩查 嚴格 阻斷 院內 疫情 傳播 北京市民 原則 上 不 出外 旅遊 嚴格 管 控 標準 從 境外 到 國門 再 到 家門 閉環 管理</t>
  </si>
  <si>
    <t>中醫 新冠 解 藥 清 冠一號 熱銷 全球 蔡英文 贊 讓 世界 看 到 臺灣</t>
  </si>
  <si>
    <t>中醫 新冠 解 藥 清冠 一 號 蔡英文 臺灣</t>
  </si>
  <si>
    <t>譚 德塞 新冠 疫情 破壞 全球 經濟 死亡率 10 倍 於 流感</t>
  </si>
  <si>
    <t>疫情 加速 醫藥 創新 新藥 技術 開啟 產業 獲利 之 窗 帶領 生 技 醫療 產業 未來 成長 可期 法人 指出 新冠 疫情 加速 全球 醫藥 革命 倘若 未來 疫情 流 感化 抗 疫 商 機 除 各類 疫苗 外 治療 新冠 確診 者 的 主力 藥物 未來 銷售 前景 亦 十分 樂觀</t>
  </si>
  <si>
    <t>北京 今 新增 1 例 新冠 確診 立即 封控 相關 社區 涉及 1萬 多 人</t>
  </si>
  <si>
    <t>包括 新冠 川普 指 陸卯勁 要 他 敗 選</t>
  </si>
  <si>
    <t>歐洲 職業 足賽 因為 新冠 疫情 幾乎 全面 停 擺 不少 球隊 也 盼 球員 暫時 降薪 共 體 時艱 不過 瑞士 俱樂部 錫永 在 協商 後 因為 部分 球員 拒絕 減 薪 竟 一口氣 砍 掉 9 名 一線 隊 球員 讓 瑞士 足 球員 工會 safp 痛 批 粗暴 如果 發生 危</t>
  </si>
  <si>
    <t>歐洲 職業 足賽 因為 新冠 疫情 幾乎 全面 停 擺 不少 球隊 也 盼 球員 暫時 降薪 共 體 時艱 不過 瑞士 俱樂部 錫永 在 協商 後 因為 部分 球員 拒絕 減 薪 竟 一口氣 砍 掉 9 名 一線 隊 球員 讓 瑞士 足 球員 工會 safp 痛 批 粗暴 如果 發生 危機 老闆 更 應該 照顧 你 的 員工 safp 主席 瓦洛尼 lucien valloni 表示 無法 接受 錫永 的 處置 你 不能 拿 槍 指 著 他們 的 頭 跟 他們 說 24 小時 內 決定 是否 接受 減 薪 如果 他們 不 願意 這 其實 是 他們 的 權利 結果 就 是 開除 這 真的 太 粗暴 了 就 像 各國 頂級 聯賽 一樣 瑞士 超級 聯賽 目前 也 是 停賽 狀態 各隊 都 蒙受 钜 額 損失 瓦洛尼 認為 現在 考慮 減 薪 還 太 早 俱樂部 應該 更 大 方向 的 尋求 解決 方案 錫永 直接 砍 人 是 很 不好 的 示範 也 無助於 團結 錫永 老闆 康斯坦丁 christian constantin 則 直言 我 跟 球員 說 他們 所 減少 的 薪水 可以養 23 個 每天 努力 救人 的 護士 當 所有人 都 在 努力 的 時候 我 沒有 必要 留下 那些 不 願意 努力 的 球員 其實 康斯坦丁 本來 就 頗 有 爭議 從 2003 年 入主 錫永 迄今 聘用 過 的 教練 人數 多 達 40 人 2018 年 他 還 曾經 因為 掌 摑 電視 名 嘴 而 被 停 權 14 個 月 後來 處分 減至 9 個 月 錫永 在 2011 年 曾因 排 不 合格 球員 上場 被 踢 出 歐霸 聯賽 2018 年 則 因為 拖欠 別隊 轉會費 被 歐洲 足賽 禁賽 1 年 瓦洛尼 說 即使 是 這麼 有 爭議 的 康斯坦丁 與 錫永 隊 直接 開除 球員 這事 也 做 得 太 過 了 他 強調 即使 沒有 比賽 球員 並 不是 沒事幹 他們 仍 有 個人 訓練課 程 即使 待在家裡 他們 還 是 在 工作 為什麼 他們 不該 領 薪水</t>
  </si>
  <si>
    <t>第 73 屆 世界衛生 大會 wha 一致 通過 歐盟 提出 的 應對新冠 疫情 決議案 後 傳出 大陸 被迫 加入 成為 共同 提案國 大陸 外交部 發言人 對 此 表示 個別 媒體 此 一 說法 完全 是 的 無稽之談 中方 支援 世衛組織 應對 疫情 工作 進行 評估 但</t>
  </si>
  <si>
    <t>第 73 屆 世界衛生 大會 wha 一致 通過 歐盟 提出 的 應對新冠 疫情 決議案 後 傳出 大陸 被迫 加入 成為 共同 提案國 大陸 外交部 發言人 對 此 表示 個別 媒體 此 一 說法 完全 是 的 無稽之談 中方 支援 世衛組織 應對 疫情 工作 進行 評估 但 不應 將 病毒 溯源 問題 政治化 評估 也 必須 逐步 公正 獨立 和 全面 不能 被 少數 國家 壟 斷 在 20 日 大陸 外交部 記者會 上有 媒體 提問 稱 第 73 屆 世界衛生 大會 通過 了 歐盟 提出 的 應對新冠 疫情 決議 中方 對 此 有 何 評論 中方 為何 參加 共同 提案國 發言人 趙立堅 表示 第 73 屆 世界衛生 大會 一致 通過 了 新冠 疫情 決議 中方 表示 歡迎 中方 希望 世衛 大會 剛剛 通過 的 這個 決議 能夠 得到 全面 和 準確 的 貫徹 他 說 決議 明確 認可 和 支援 世衛組織 發揮 關鍵 領導 作用 呼籲 會員國 防止 歧視 汙名 化 作法 打擊 錯誤 虛假 資訊 在 研發 診斷 工具 診療 方法 藥物 及 疫苗 病毒 動物 源頭 等 領域 加強 合作 並 適時 對 世衛組織 應對 疫情 工作 進行 評估 這些 均 符合 中方 立場 主張 也 是 國際 社會 絕大多數 國家 的 共同願望 因此 中國 不僅 參加 了 協商一致 而且 同 140 多 個 國家 一道 是 這個 決議 草案 的 共同 提案國 趙立堅 指出 關於 病毒 溯源 問題 決議 將 溯源 研究 範圍 嚴格 限定 在 查找 動物 來源 中間 宿主 和 傳播 途徑 目的 是 為了 國際 社會 未來 更 好 地 應對 疫情 這 也 是 世衛組織 和 譚 德塞 總 幹事 提出 的 建議 的確 有 個別 國家 在 磋商 中 要求 將 病毒 溯源 作為 優先 事項 但 絕大多數 國家 認為 當前 重點 是 疫情 防控 不 贊成 將 病毒 溯源 作為 優先 事項 拒絕 了 有關 措辭 這 說明 將 溯源 問題 政治化 根本 沒有 市場 他 表示 關於 對 世衛組織 進行 評估 問題 決議 提出 評估 由 世衛組織 總 幹事 同 會員國 協商 後 進行 世衛組織 曾 對 甲 型 h 1 n 1 流感 和 伊 波拉 應 對 工作 進行 評估 這 是 世衛組織 在 每次應 對 重大 疫情 後 的 慣 常 作法 決議 要求 評估 進程 是 逐步 公正 獨立 和 全面 的 這 四 個 詞 十分 重要 意味著 評估 不能 被 少數 國家 所 壟 斷 趙立堅 說 至於 個別 媒體 造謠 說 中國 大陸 被迫 參加 決議 共同 提案國 這 完全 是 無稽之談 事實 是 中國 同 大多數 國家 一道 堅決 打 掉 了 個別 國家 將 溯源 和 評估 問題 政治化 的 企圖 確保 了 決議 的 客觀 公正 在 這個 情況 下 我們 主動 參加 了 決議 的 共同 提案國 我們 奉勸 個別 國家 不要 再 編造謊言 為 自己 的 失敗 尋找 藉 口 了</t>
  </si>
  <si>
    <t>novavax 新冠 疫苗 進入 第 3 期 試驗 英國 買 下 6千萬 劑</t>
  </si>
  <si>
    <t>手 扶梯 扶手 新冠 病毒 delta 確診 者</t>
  </si>
  <si>
    <t>就算 染 新冠也 要 抗爭 美 示威者 曝 上街 心聲</t>
  </si>
  <si>
    <t>穆迪 示 警 新冠 疫情 恐 拖累 亞太經濟</t>
  </si>
  <si>
    <t>治癒 新冠 旅美 名 中醫 清 冠一號 效果 有限 若 誤用 反 加重 病情</t>
  </si>
  <si>
    <t>自從 去年 新冠 疫情 在 世界各地 大 爆發 以來 臺灣 一直 維持 極 低 的 感染 人數 很 不幸 的 最近 出現 了 大 轉折 新冠 疫情 開始 在 臺灣 各地 爆發 讓 政府 官員 醫療 人員 社會 大眾 措手不及 恐慌 及 各種 傳言 四處 快速 蔓延 這 讓 我 想起</t>
  </si>
  <si>
    <t>fda 考慮 緊急 授權 新冠 疫苗</t>
  </si>
  <si>
    <t>大陸 國務委員 兼 外長 王毅 15 日 與 西班牙 外交大臣 岡薩雷斯 通電話 並 承諾 大陸 將 向 西班牙 提供 新冠 疫情 新冠 援助 王毅 表示 大陸 抗擊 疫情 已 取得 重要 進展 讓 疫情 入 趨 緩 期 不過 疫情 現在 在 全球 多 點 暴發 西班牙 確診 人數 也 快</t>
  </si>
  <si>
    <t>國際 產業 莫德 納新冠 疫 苖 已 申請 美國 使用 許可</t>
  </si>
  <si>
    <t>莫德納 疫 苖 申請 美國 新冠</t>
  </si>
  <si>
    <t>看圖 回顧 2020 今年 人心 不安 元兇 新冠 襲卷 全球</t>
  </si>
  <si>
    <t>新冠 疫情 新冠 患者 全球 病 歿 新冠 病毒</t>
  </si>
  <si>
    <t>吸血鬼 也 無法 倖免 暮 光男 星 羅伯派汀森 驚 傳染 新冠 蝙蝠 俠 停 拍</t>
  </si>
  <si>
    <t>繼 好萊塢 大 咖 影星 巨石 強 森 後 又 有 重量級 影星 確診 新冠 病毒 媒體 報導 當年 以 吸血鬼 愛情 片 暮 光 之城 紅遍 全球 的 好萊塢 男 星 羅伯派汀森 robert pattinson 也 傳出 確診 新冠 他 參與 的 新版 蝙蝠 俠 拍攝 工作 也 因</t>
  </si>
  <si>
    <t>羅伯派汀森 新冠 蝙蝠 俠 確診 報導</t>
  </si>
  <si>
    <t>大陸 南海 研究院 院長 大陸 東南亞 南海研究中心 理事會 主席 吳士存 21 日 指出 新冠 疫情 重創 美國 這 當中 也 包括 嚴重 影響 美軍 的 戰鬥力 和 部署 有 報導 說 目前 美國 至少 150 個 軍事基地 和 4 艘 航母 出現 疫情 儘管如此 美軍 近期</t>
  </si>
  <si>
    <t>不服 新冠 封鎖 尼泊爾 數 千 民眾 與 員警 街頭 大戰</t>
  </si>
  <si>
    <t>亞洲 古國 尼泊爾 向來 給 人 靜謐 祥和 的 感覺 但 3 日 在 首都 加德滿都 以南 的 藝術 之 都 拉 利特普爾 爆發 數 千 民眾 與 員警 衝突 的 混亂 場面 造成數 人 受傷 原來 都 是 為了 印度教 和 佛教 一年一度 的 重頭戲 戰車 節 rato machindranath 大批 民眾 在 拉 利特普爾 街頭 聚集 想要 一睹 5 層 樓 高大 車上 的 紅色 女神 雕像 這項 節慶 預告 雨季 到來 豐收 與 繁榮 對 尼泊爾 人 來說 戰車 節 意義 非凡 通常 雕像 會 在 市區 內 巡迴 1 個 月 不過 尼國 政府 自 3 月 起 就 禁止 所有 戶外 慶典 和 宗教 聚會 以 避免 新冠 病毒 散播 雖然 全國性 的 封鎖 已 在 7 月 解除 但 加德滿都 周邊 區 域 自 上月 起 再度 封城 民眾 被 禁止 離 家 對 悶 了 好幾 個 月 的 尼泊爾 人 來說 雖然 疫情 讓 今年 節慶 泡湯 但 雕像 還是 停 在 大戰 車上 他們 就是 想要 外出 於是 幾 千 人 違反 防疫 規定 跑 出 家門 抗議 封鎖 他們 挪動 大車 穿 著 鎮暴 裝備 的 員警 趕到 以 水柱 和 催淚瓦斯 驅散 人群 民眾 則 以 石塊 還擊 雙方 混戰 數 小時 甚至 戰到 城內 的 小巷 弄 儘管 防疫 措施 嚴苛 不過 尼泊爾 的 新冠 確診 數 仍 持續 升高 光是 3 日 就 新增 1228 例 累計 已 有 4萬2877 例 257 死亡</t>
  </si>
  <si>
    <t>新北 市 鶯歌 區 今日 傳出 bnt 疫苗 接種 事故 25 人 遭 施打 未經 稀釋 的 bnt 疫苗 原液 國內 新冠 疫苗 專家 提醒 接種 未 被 稀釋 過 的 bnt 疫苗 所 產生 的 抗體 濃度 是 莫德納 疫苗 的 5 倍 對 人體 來說 相當 危險 擔心 接種 者 會 產生 有如 被 火車撞</t>
  </si>
  <si>
    <t>新北 市 鶯歌 區 今日 傳出 bnt 疫苗 接種 事故 25 人 遭 施打 未經 稀釋 的 bnt 疫苗 原液 國內 新冠 疫苗 專家 提醒 接種 未 被 稀釋 過 的 bnt 疫苗 所 產生 的 抗體 濃度 是 莫德納 疫苗 的 5 倍 對 人體 來說 相當 危險 擔心 接種 者 會 產生 有如 被 火車撞 的 副作用 全數 人員 都應 住院 觀察 中國 醫藥 大學 附設 醫院 感染 管制中心 副 院長 黃高彬 表示 bnt 疫苗 每 瓶 含 045 ml 冷凍 濃縮液 須 使用 18 ml 無 菌 生理 食鹽水 注射液 稀釋 若 是 直接 施打未 稀釋 的 原液 等於 是 將 5 倍 的 劑量 打 進 人體 中 黃高彬 指出 莫德納 疫苗 的 劑量 是 100 g bnt 則 是 30 g 因此 這 25 人 等同 是 被 施打 150 g 的 劑量 以 超出 莫德納 許多 若 接種 莫德納 後 的 副作用 像是 被車撞 這 25 人 所 產生 的 副作用 恐 將 有如 被 火車撞 一般 嚴重 黃高彬 說 這 25 人 應立即 住院 觀察 尤其 年輕人 容易 發生 的 心肌炎 更是 觀察 重點 接種 後 3 至 28 天內 都 是 危險期 接種 者 也 應 避免 高強度 的 運動 避免 心肌炎 發生 至於 這 25 人 的 第 2 劑 疫苗 該 怎麼 解決 黃高彬 建議 由於 第 1 劑 已 接種 濃度 過 高 的 劑量 第 2 劑 不應 再 施打 bnt 建議 混 打中 和 抗體 濃度 沒 這麼 高 的 az 疫苗 才能 降低 副作用 產生 國外 也 有 報告 證實 bnt az 雖 無法 產生 與 bnt bnt 同 高 的 抗體 濃度 但 能 有效 形成 免疫 反應 的 長期 記憶</t>
  </si>
  <si>
    <t>新冠 病毒 在 歐洲地區 快速 蔓延 就 在 英相強 森 向 國人 喊話 要 有 與 所愛 之人 生離死別 的 心理準備 之後 政府 團隊 的 首席 科學 顧問 暗示 政府 將 放任 讓 近 六 成 民眾 染病 使 普遍 民眾 獲得 免疫 此 消息 一 出 立即 受到 廣泛 抨擊 認為</t>
  </si>
  <si>
    <t>新冠 病毒 在 歐洲地區 快速 蔓延 就 在 英相強 森 向 國人 喊話 要 有 與 所愛 之人 生離死別 的 心理準備 之後 政府 團隊 的 首席 科學 顧問 暗示 政府 將 放任 讓 近 六 成 民眾 染病 使 普遍 民眾 獲得 免疫 此 消息 一 出 立即 受到 廣泛 抨擊 認為 政府 根本 已經 放棄 治療 其他 專家 也 認為 風險 極 高 綜合 英媒 每日 郵報 與 衛報 報導 就 在 首相 強生 boris johnson 13 日 向 英國 民眾 示 警 可能 很多 家庭會 失去 他們 摯愛 的 親友 後 政府 首席 科學 顧問 瓦倫斯 patrick vallance 表示 若 只 想 全力 壓制 疫情 後果 就是 年底 疫情 復發 屆時 只 會 產生 更 多 問題 他 並 建議 若 近 六 成 的 國人 感染 病毒 就 可以 讓 全國 民眾 獲得 一定 程度 的 免疫力 防止 疫情 再次 爆發 每日 郵報 指出 曾 幫助 非洲 應對伊 波拉 病毒 的 前任 英國 國際 發展 大臣 史都華 rory stewart 向 美國有線電視新聞網 表示 這 是 非常 怪異 的 政策 並 指出 若 全球 只 有 英國 採取 如此 放任 讓 民眾 感染 病毒 獲得 免疫 的 政策 只 會 讓 病毒傳播 更加 快速 造成 其他 國家 更 大 壓力 史都華 也 表示 獲得 免疫力 的 理論 是 建立 在 非常 非常複雜 的 模型 之中 這種 數學 模型 內 也 加入 許多 個人 信念 才讓 疫情 在 夏季 達到 高峰 但 若 政府 放任 如此 我 認為 恐怕 是 低估 疫情 對 英國 醫療 體系 的 衝擊 英 衛報 也 指出 群體 免疫 的 原理 是 靠 接種 疫苗 獲得 免疫力 但 這 通常 是 用 來 對付 麻疹 一類 等 疾病 目前 尚未 有利 用 這種 方法 應對 如 新冠 病毒 等 大規模 流行 在 先前 無 實證 的 情況 下 採取 風險 極 高 的 手段 難免 讓 人 憂心 目前 英政府 正 嘗試 藉 由 禁止 大型 聚會 或 關閉 學校 等 嚴格 手段 控制 疫情 傳播 在 國內 傳播 速度 並 預計 在 12 周 之後 也 就 是 將近 6 月 會 面臨 疫情 高峰 到 9 月 才 會 減緩</t>
  </si>
  <si>
    <t>不少 人 在 接種 第 2 劑 新冠 疫苗 後 副作用 表現 得 更 明顯 嚴重 加拿大 專家 指出 這 很 正常 是 抗體 與 免疫系統 雙重 發揮作用 的 結果 加拿大 環球 新聞 global news 報導 加拿大 女子 楊蓓佳 becca young 音譯 表示 自己 接</t>
  </si>
  <si>
    <t>不少 人 在 接種 第 2 劑 新冠 疫苗 後 副作用 表現 得 更 明顯 嚴重 加拿大 專家 指出 這 很 正常 是 抗體 與 免疫系統 雙重 發揮作用 的 結果 加拿大 環球 新聞 global news 報導 加拿大 女子 楊蓓佳 becca young 音譯 表示 自己 接種 完 第 2 劑 疫苗 後 隔 天 幾乎 無法 起身 她 說 手臂 背部 都 酸痛 非常 痛 還有 頭痛 就 像 宿醉 楊蓓佳 第 1 劑 打 的 是 輝瑞 bnt 疫苗 第 2 劑 打 莫德納 疫苗 打完 第 1 劑 時 只 有 手臂 酸痛 的 症狀 報導 指出 加拿大 有 許多 人像 楊蓓佳 這樣 第 2 劑 後 症狀 更 明顯 不過 專家 表示 這 很 正常 加拿大渥太華大學 university of ottawa 神經 免疫 學 壓力 及 內分泌學 實驗室 neuro-immunology stress and endocrinology laboratory 主任 伊斯梅爾 nafissa ismail 表示 在 第 2 次 接觸 到 同一個 病原體 時 人體 的 免疫 反應 通常 不會 同樣 劇烈 但是 新冠 疫苗 作用 方式 不同 他 解釋 mrna 或 病毒 載體 viral vector 疫苗 指引 細胞 偵 測出 冠 狀 病毒 的 棘 狀 蛋白 spike protein 接種 這類 疫苗 並 不是 像 一般 其他 疫苗 那樣 將 已經 弱化 或是 死 掉 的 病毒 注射 進 人體 內 所以 人體 第一 次 接觸 到 訊息 時 我們 的 免疫系統 還 沒有 製造 出 抗體 但是 當 我們 接種 第 2 劑 疫苗 時 就 有 雙重 作用 已經 有 部分 抗體 就緒 準備 上 戰場 再 加上 我們 要求 免疫系統 製造 更 多 抗體 所以 症狀 往往 會 被 放大 加拿大 西安 大略 大學 western university 免疫學家 克 富特 steven kerfoot 表示 第 2 劑 疫苗 後 的 副作用 更 強 的 說法 還 沒有 被 證實 不過 他 個人 的 經驗 確實 也 是 如此 他 第 1 劑 接種 az 疫苗 第 2 劑 接種 mrna 疫苗 他 認為 混打 疫苗 可能 會 讓 部分 民眾 有 更 強烈 的 副作用 反應 不過 如果 2 劑 都 接種 mrna 疫苗 可能 就 不 會 出現 較 強烈 的 副作用 克 富特 解釋 民眾 在 接種 第 1 劑 疫苗 後 幾 個 小時 至 幾 天內 出現 的 輕微 不適感 覺 是因為 免疫系統 開始 對 病毒感染 感到 懷疑 並且 開始 抵抗 如果 民眾 感到 疼痛 疲倦 那 代表 身體 在 向 你 宣告 該 休息 了 以 保存 能量 如果 發燒 代表 身體 正 在 抑制 病毒 的 複製 能力 他 說 無論是 接種 第 1 劑 或 第 2 劑 民眾 都 可能 出現 上述 副作用 差別 在於 第 2 劑 後 體內 出現 了 抗體 等 特定 的 感測器 所以 民眾 接種 第 2 劑 後會 有 更 多 症狀 是 相當 合理 的 因為 額外 的 抗體 檢測 系統 已經 準備 好 更 快 更 強烈 地 做出 反應 關於 第 2 劑 疫苗 的 副作用 英國政府 在 官網 指出 接種 第 2 劑 az 疫苗 的 副作用 較 第 1 劑 更 輕微 第 2 劑 輝瑞 bnt 或 莫德納 疫苗 的 副作用 會 比 第 1 劑 更 強烈 研究 也 指出 第 1 劑 施打 az 疫苗 後 第 2 劑 換 打 bnt 疫苗 或 莫德納 疫苗 出現 副作用 的 風險 也 會 比較 高</t>
  </si>
  <si>
    <t>年輕人 兒童 美國 新增 病例 新冠 病毒</t>
  </si>
  <si>
    <t>受到 新冠 疫情 衝擊 這 12 年 醫療 院所 門診量 大 減 但 仍 有 患者 天天 往 醫院 跑 2020 年 就醫 次數 之 冠 是 1 名 50 多 歲 罹 患 骨關節炎 頭痛 的 男性 1 年內 就診 839 次 等於 每天 至少 就醫 2 次 以上 健 保 署 統計 2019 年 就醫 總 件數 3 7</t>
  </si>
  <si>
    <t>臺灣 新冠 疫苗 荒 出現 民眾 赴美 打 疫苗 現象 也 有 報導 稱 近期 有 不少 民眾 希望 能 赴 大陸 接種 疫苗 大陸 國 台辦 今天 稱 願意 盡 最 大 努力 提供 幫助 對 搭乘 民航 客運 航班 來 大陸 的 臺胞 在 嚴格執行 入境 防疫 規定 自願 和 知情 同</t>
  </si>
  <si>
    <t>出國 環島 臺灣 新冠 疫情</t>
  </si>
  <si>
    <t>過去 曾 在 1983 1985 年 非洲 衣索比亞大 饑荒 為 援助 饑民 美國 歌手 推出 合唱 歌曲 we are the world 天下一家 將 專輯 版稅 捐 作 賑災 用途 隔 年 1985 年 臺灣光復 節 40 周年 召集 臺灣 60 位 華語 歌手 共同 錄 唱 明天 會 更 好 並 推出 35 年 後 由 臺灣 一 群 高 人氣 youtuber 重新 詮釋 這 首 由 羅大佑 作曲 的 經典 名歌 當年 明天 會 更 好 的 創作者 們 希望 模仿 we are the world 群星 為 公益 而 唱 的 模式 來 呼應 1986 世界 和 平年 的 主題 於是 羅大佑 張艾嘉 等 臺灣歌手 共同 填詞 作曲 這 首 名歌 並 召集 了 香港 新加坡 以及 馬來西亞 等 地 共 60 位 華人 歌手 共同 演唱 更 邀集 臺灣 當時 最 知名 的 唱片 公司 包括 飛碟 唱片 滾 石 有聲 出版社 後來 的 滾 石 唱片 福 茂 唱片 等 都 參與 這 張 專輯 隔 了 35 年 因 新冠 狀 肺炎 疫情 升溫 世界各地 仍 有 饑荒 戰事 就 將 娛樂 攜手 獨角 音樂 由 臺灣 女 網路 歌手 蕭小 m 邀請 22 個 youtuber 頻道 主 獻 聲 合唱 其中 破 百萬 訂閱 數 的 超高 人氣 頻道 就 有 7 個 分 別是 阿滴 英文 滴 妹 黃氏 兄弟 魚 幹 重量級 葉 式 特工 聖 結石 超過 50萬 訂閱 的 則 有 聖 嫂 dodo 嘎 老師 miss ga 另外 也 有性 學 知識 頻道 超 直白 女網 紅 壽 司 張佳 瑩 小 a 辣 等 人 獻 聲 擁有 25萬 訂閱 數 的 頻道 主 發起人 蕭小 m 表示 偶然間 聽到 這 首歌 時 被 它 深深 的 打動 喜歡 唱歌 的 她 萌生 了 一個 念頭 或許 她 可以 邀請 朋友 們 一起 來 為 這 首歌 創造 一 段 新 的 生命 一 段 屬於 我們 這 一代 的 新 能量 於是 這 念頭 慢慢 成形 了 她 說 很 謝謝 願意 參與 的 每 一個 人 因為 有 這些 好 朋友 平凡 的 她 才能 完成 這麼 特別 的 事 因為 有 你們 我 能 相信 明天 一定 會 更 好 謝謝 你 你 們 為 這 世界 傳遞 了 溫暖</t>
  </si>
  <si>
    <t>肺炎 鏈球菌 疫苗 僅 可 減 新冠 重症 率</t>
  </si>
  <si>
    <t>新冠 病毒 疫情 持續 影響 為了 因應 疫情 及 衛生 問題 避免 群 聚 感染 日本 知名 連鎖 回轉 壽司店 開 第一 槍 宣佈 目前 暫停 自動 回轉台 改由 平板 點 餐 方式 送 餐 臺灣 分 店 目前 尚未 實施 日本 幾乎 每天 都 有 確診 案例 為了 避免 病毒 散</t>
  </si>
  <si>
    <t>新冠 病毒 疫情 持續 影響 為了 因應 疫情 及 衛生 問題 避免 群 聚 感染 日本 知名 連鎖 回轉 壽司店 開 第一 槍 宣佈 目前 暫停 自動 回轉台 改由 平板 點 餐 方式 送 餐 臺灣 分 店 目前 尚未 實施 日本 幾乎 每天 都 有 確診 案例 為了 避免 病毒 散播 大型 遊樂園 與 觀光 熱門 景點 均 暫時 休 園 各縣市 知事 也 紛紛 宣佈 停課 近期 也 是 日本 最 具 代表性 的 櫻花季 以往 賞櫻 景點 都 是 擠滿 人群 東京都政府 已 呼籲 民眾 儘量 不 要 參加 舉行 賞櫻 活動 以免 群 聚 感染 更 多 ctwant 報導</t>
  </si>
  <si>
    <t>哈佛 研究 新冠 病毒 恐 早 在 去年 8 月 就 已 在 武漢 傳播</t>
  </si>
  <si>
    <t>病例 研究 大陸 新冠 哈佛</t>
  </si>
  <si>
    <t>台商 爆 在 陸 被 強打 自產 新冠 疫苗 黃安怒 嗆 誰 能 逼 我 打</t>
  </si>
  <si>
    <t>mlb 洋基 禍不單行 主力 打者 勒 瑪 修 染 新冠</t>
  </si>
  <si>
    <t>新冠 疫情 全國 蔓延 台中 市 19 日 爆發 朝陽 夜 唱 團 首例 確診 個案 連日來 已 有 朝陽 科大 中國醫大 兩 校 學生 及 家人 14 人 及 2 名 ktv 工作人員 確診 26 日 新增 鄰近 包廂 中科 大 1 名 22 歲 女 學生 確診 為 斬斷 該 傳播 鏈 市府 積極 將 5 月 13 14</t>
  </si>
  <si>
    <t>全國 的 第 三級 防疫 警戒 延長 至 6 月 14 日 為 保障 環保局 防疫 消毒 隊員 的 健康 安全 桃園 市政府 日前 已向 中央 爭取 隊員 可 優先 施打 公費 疫苗 目前 200 名 防疫 消毒 隊員 皆 已 完成 疫苗 接種 日後 將 持續 執行 熱點 清潔 消毒 等 繁重 勤務 同時 也 呼籲 民眾 確實 做好 防疫 作為 避免 疫情 逐漸 擴散 環保 局長 呂理德 表示 早 在 去年 疫情 之 初 桃園 的 防疫 消毒 大隊 就 已 訓練 成軍 目前 編制 有 200 位 防疫 消毒 隊員 37 部 消毒 車 以及 137 部 背負式 的 消毒 機 在 年初 桃醫 事件 期間 更 與 國軍 33 化學 兵 群 合作 執行 全市 環境 大 消毒 而 5 月 10 日 起更 進行 三 階段 消毒 計 畫 不僅 對於 確診 足跡 熱點 進行 即時 消毒 也 針對 足跡 熱點 的 當地 裡 及 周邊 裡 共約 200 個裡 以及 404 處 人潮 密集 熱區 進行 消毒 呂理德 說 根據 統計 今年 1 月 至 5 月底 的 消毒 數量 約 9466 次 相比 去年一 整年 消毒 7158 次 可見 今年 消毒 隊員 負擔 很 重 因 防疫 消毒 大隊 人員 為 第一 線 直接 面對 新冠 病毒 的 威脅 故 采 優先 接種 並 持續 投入 確診 者 足跡 的 消毒 第一線 在 完成 全市 大 消毒 後 環保局 會 持續 進行 公共 環境 消毒 作業 桃園 市環保局 環境 清潔 稽查 大隊長 羅文林 表示 桃園 市政府 向 中央 申請 隊員 優先 施打 公費 疫苗 後 目前 近 200 位 的 防疫 消毒 隊員 皆 已 疫苗 接種 完畢 同時 呼籲 民眾 倒 垃圾 時 請 務必 戴 口罩 保護 自己 也 保護 清潔 隊員 若 有 經 稽查 不 戴 口罩 者 最重 處 1萬5000 元 罰 鍰</t>
  </si>
  <si>
    <t>新冠 病毒 恐 與 流感 混合 感染 陸 專家 稱 不利 疫情 防治</t>
  </si>
  <si>
    <t>全國 omicron 韓國 社區 感染 新冠</t>
  </si>
  <si>
    <t>1 分鐘 看 世界 全球 恐 爆 50 年 最慘 糧食 危機 美 新冠 確診 破 200萬</t>
  </si>
  <si>
    <t>韓國新 天地 教會 教主 李萬熙 當地 時間 今 2 日 下午 3 時 臺灣 時間 下午 2 時 召開 記者會 戴著 口罩 跪 地道 歉 也 對 許多 信 眾 感染 新冠 病毒 感到 抱歉 李萬熙 雙 膝 一 跪 意外 引發 網友 暴動 ptt 版 上 瞬間 湧入 大量 留言 李萬熙 今日</t>
  </si>
  <si>
    <t>砷 化 鎵磊 晶廠 全新 2455 前 2 月 合併 營 收 為 425億 元 年 增 5241 由於 大陸 加速 推動 5 g 基礎 建設 全新 3 月光 通訊 訂單 狀況 優於 2 月 全新 對 3 月 業績 不 看淡 日 系 外資 則 認為 在 去 美化 以及 5 g 3 d 感 測 等 需求 推動 下 新冠 肺</t>
  </si>
  <si>
    <t>桃園 市 29 日 有 19 例 新冠 確診 者 年齡 介於 不滿 10 歲 至 60 多 歲 間 新增 最 多 行政區 為 楊梅 5 人 足跡 包含 全聯 楊梅 新農 店 costco 桃園 南 崁 店 ikea 桃園 店 自由 聯盟 生鮮 超市 等 目前 桃園 累積 確診 424 人 居家 隔離 2105 人 根據 桃</t>
  </si>
  <si>
    <t>桃園 市 29 日 有 19 例 新冠 確診 者 年齡 介於 不滿 10 歲 至 60 多 歲 間 新增 最 多 行政區 為 楊梅 5 人 足跡 包含 全聯 楊梅 新農 店 costco 桃園 南 崁 店 ikea 桃園 店 自由 聯盟 生鮮 超市 等 目前 桃園 累積 確診 424 人 居家 隔離 2105 人 根據 桃園 市政府 公佈 資料 5 月 29 日 足跡 為 22 日 至 26 日 之間 分別 有 億 客 成 生鮮 超市 大 埕 平價 鐵板 燒 全聯 楊梅 新農 店 中山 親水 公園 costco 桃園 南 崁 店 ikea 桃園 店 寶島 眼鏡 楊梅二 店 5 月 28 日 足跡 為 23 日 至 新美 屋 27 日 至 自由 聯盟 生鮮 超市 中華電信 內壢 忠孝 服務 中心 新增 確診 者 中 各區 以 楊梅 新增 5 例 最 多 其 餘 桃園 龜 山 各 增加 4 例 平鎮 大園 2 例 中壢 八 德 各 1 例</t>
  </si>
  <si>
    <t>治 新冠輕中 症 患者 藥 華藥 提供 新藥 解 方</t>
  </si>
  <si>
    <t>因應 新冠 疫情 為 掌握 疫 調 政府 推出 實 聯 制 措施 已 好 一段時間 不過 仍 有 民眾 不 願 配合 甚至 大 鬧 商店 事件 頻 傳 有 超 商店 員 以 自身 經驗 親 曝 5 大亂 象 指出 常 遇到 包括 故意 忽略 鬼畫符 死 不 給 看 簡訊 等 千奇百怪 的 客人 崩</t>
  </si>
  <si>
    <t>今年以來 政治局勢 動盪 的 白俄羅斯 今天 宣佈 將 自 本月 20 日 起 封鎖 邊界 該國 公民 和 擁有 暫時 或 永久 居留權 的 外國人 都 不准 透過 陸路 離境 希望 能 遏 阻 新冠 病毒 蔓延 但 反對派 怒 批 政府 此舉 是 嘴巴 說 防疫 實際上 是 要 進一步</t>
  </si>
  <si>
    <t>今年以來 政治局勢 動盪 的 白俄羅斯 今天 宣佈 將 自 本月 20 日 起 封鎖 邊界 該國 公民 和 擁有 暫時 或 永久 居留權 的 外國人 都 不准 透過 陸路 離境 希望 能 遏 阻 新冠 病毒 蔓延 但 反對派 怒 批 政府 此舉 是 嘴巴 說 防疫 實際上 是 要 進一步 打 壓 異議人士 這項 政府 命令 並未 說明 陸地 邊界 封鎖 為期 多久 反對派 認為 這項 命令 是 沖 著 他們 而來 8 月 大選 後 萬年 總統 盧卡申科 第 6 度 當選 得票率 高 達 8 成 在野 勢力 信誓旦旦 指 盧卡申科 涉嫌 作 票 反對派 領袖 提 克 韓諾 芙 絲 卡亞 svetlana tikhanovskaya 才是贏 家 該國 最 大金 主 歐盟 為首 的 多 個 西方 國家 也 拒絕 承認 其 合法性 選 後 近 4 個 月 以來 反 盧卡申科 的 示威抗議 遍地開花 盧氏 則 出動 軍警 暴力 鎮壓 反而 掀起 更 大 民怨 包括 提 克 韓諾 芙 絲 卡亞 在內 的 多 位 反對黨 領袖 都 已 陸續 逃 至 他國 以 避免 遭 盧卡申科 追捕 提 克 韓諾 芙 絲 卡亞 10 日 透過 社 群 媒體 telegram 表示 關閉 陸地 邊界 意味 這個 政權 竭盡所能 要 把 我們 國家 變成 現代 的 古拉格 群島 古拉格 群島 是 蘇聯 領導人 史 達林 所 建立 的 勞改營 本次 封鎖 包括 鐵路 與 河港 唯一 例外 是 明斯克 國際機場</t>
  </si>
  <si>
    <t>日本 捐贈 臺灣 的 az 疫苗 尚未 通過 who 緊急 使用 認證 通過 日本 日前 捐贈 臺灣 124萬 劑 az 疫苗 開 打 以來 目前 接種 累積 死亡 人數 229 人 而 根據 世界衛生組織 who 在 本月 16 日 最新 官網 列管 新冠 疫苗 緊急 使用 名單 更新 資料 顯示 這 批</t>
  </si>
  <si>
    <t>6 旬 男 確診 新冠 恐怖 後遺症 竟 不 認得 老婆</t>
  </si>
  <si>
    <t>第 七 輪 公費 疫苗 疫苗 預約 公費 疫苗 az 新冠 疫苗</t>
  </si>
  <si>
    <t>新冠 病毒 散播 俄羅斯 賴嶽謙 無色 覺醒</t>
  </si>
  <si>
    <t>新北 疫情 海 祭 國外 新冠</t>
  </si>
  <si>
    <t>研究 德國 感染 新冠 者 恐 超過 帳 面 數字 10 倍</t>
  </si>
  <si>
    <t>在 英國政府 擔任 科學 顧問 的 傳染病 學家 弗格森 neil ferguson 在 被 確診 感染 新冠 病毒 後 違反 社交 隔離 規定 在 家中 會見 一 名 與 自 已 有 不 倫 關係 的 已婚 情婦 此事 遭 英媒 爆 料 曝光 後 弗格森 被 輿論 冠以 傲慢 的 偽君子 封號</t>
  </si>
  <si>
    <t>鮮 少 在 全國性 電視臺 亮相 的 美國 聯 准會 主席 鮑爾 26 日 罕見 登 上 國家廣播 公司 nbc 節目 今天 他 表示 美國 經濟 極 可能 陷入 衰退 不 過 鮑爾 認為 控制 新冠 疫情 擴散 的 進度 將 是 決定 經濟 何時 重新 開啟 的 關鍵 鮑爾</t>
  </si>
  <si>
    <t>鮮 少 在 全國性 電視臺 亮相 的 美國 聯 准會 主席 鮑爾 26 日 罕見 登 上 國家廣播 公司 nbc 節目 今天 他 表示 美國 經濟 極 可能 陷入 衰退 不 過 鮑爾 認為 控制 新冠 疫情 擴散 的 進度 將 是 決定 經濟 何時 重新 開啟 的 關鍵 鮑爾 說 聯 准會 仍 有 許多 可 支撐 美國 經濟 的 辦法 我們 不 會彈 盡 援 絕</t>
  </si>
  <si>
    <t>新冠 疫情 肆虐 全球 東京 疫情 也 持續 嚴峻 近 7 天 的 每日 新增 確診 數 平均 3千 多 例 尤其 最近 在 東奧 選手村 又 爆發 希臘 水上芭蕾 隊 5 人 確診 媒體 指出 東京 確診 3千 人中 有 近 3 成 確診 者 為 20 多 歲 年輕人 對此 中央 流行 疫情 指揮</t>
  </si>
  <si>
    <t>蓬佩 奧 陸 網路 行為 體 企圖 偷 美 新冠 病毒 資料</t>
  </si>
  <si>
    <t>美國 國務卿 蓬佩 奧 mike pompeo 於 美東 時間 14 日 表示 美國 譴責 中國 相關 網路 行為 體 及 其 下屬 的 非傳統 情報 收集者 企圖 竊取 與 新冠 病毒 研究 有關 的 美國 智慧 財產權 及 資料 路透 報導 蓬 佩奧 在 一 份 聲明 中 指出 中國 在</t>
  </si>
  <si>
    <t>行為 美國 蓬佩 奧 企圖 新冠 病毒</t>
  </si>
  <si>
    <t>新冠 疫苗 第 12 輪 第 1 階 22 日 開 打 針對 莫德納 疫苗 第二 劑 預約 接種 中 市 傳出 造冊 接種 的 65 歲 到 67 歲 長者 也 上網 搶 預約 造成 55 歲 到 64 歲 符合 資格 市民 有 3千 多 人 預約 不到 市府 19 日 晚間 緊急 宣佈 可免 預約 在 指定 時間 逕 往 快 打 站 接</t>
  </si>
  <si>
    <t>新冠 疫苗 第 12 輪 第 1 階 22 日 開 打 針對 莫德納 疫苗 第二 劑 預約 接種 中 市 傳出 造冊 接種 的 65 歲 到 67 歲 長者 也 上網 搶 預約 造成 55 歲 到 64 歲 符合 資格 市民 有 3千 多 人 預約 不到 市府 19 日 晚間 緊急 宣佈 可免 預約 在 指定 時間 逕 往 快 打 站 接種 但 20 日 政策 再 修正 由 市府 造冊 發單 知單 衛生局 說 已 掌握 名單 預約 成功 市民 如 圖 方便 逕 往 快 打 站 是 無法 接種 的 即將 在 22 日 開 打 的 新冠 疫苗 第 12 輪 三大 國際 疫苗 同步 預約 接種 被 稱為 是 臺灣 公衛史 上 最 複雜 的 疫苗 接種 其中 第一 階段 莫德納 疫苗 開放 給 7 月 16 日 以前 接種 第一 劑 的 市民 預約 含 65 歲 到 67 歲 由 市府 造冊 施打 55 歲 到 64 歲 民眾 則 需 在 19 日 下午 2 時 上網 預約 台中 市 疑 因 接種 通知單 發放 太 慢 有 1萬 多 名 造冊 施打 長者 也 上網 預約 因而 排擠 到真正 需 預約 接種 的 市民 不但 有 3千 多 人 預約 不到 還有 市民 被迫 遠 到 彰 化 員林 和美 等 地 接種 市府 19 日 晚間 緊急 宣佈 開放 快 打 站 讓 符合 第 12 期 第 1 階段 55 至 64 歲 市民 免 預約 攜帶 黃卡 健 保 卡 及 身分 證 2227 日 下午 到 打 站 接種 唯 20 日 政策 再 修正 為由 衛生局 造冊 接種 據悉 市長 盧秀燕 憂心 部分 快 打 站 恐 擠 入 過 多 人潮 要求 仍 需 采 造冊 施打 而 中央 也 已 提供 中 市 未 預約 成功 3千 多 人 的 名單 利於 地方 造冊 發放 通知單 衛生局長 曾 梓 展 稱 這 是 政策 再 優化 他 也 呼籲 民眾 依 通知單 時間 地點 接種 而已 預約 成功者 則 需 依 預約 時間 地點 接種</t>
  </si>
  <si>
    <t>重大突破 澳 發現 新冠 剋星 48 小時 內 殺死 病毒 rna</t>
  </si>
  <si>
    <t>對抗 新冠 病毒 藥物 相關 研究 有 重大突破 據 澳洲 聯合 新聞社 報導 蒙納 許 大學 monash university 研究 團隊 發現 主要 用 來 治療 頭蝨 的 伊 維 菌素 ivermectin 可 在 2 日 之內 殺死 新冠 病毒 核糖核酸 rna 雖然 此 一藥 物</t>
  </si>
  <si>
    <t>對抗 新冠 病毒 藥物 相關 研究 有 重大突破 據 澳洲 聯合 新聞社 報導 蒙納 許 大學 monash university 研究 團隊 發現 主要 用 來 治療 頭蝨 的 伊 維 菌素 ivermectin 可 在 2 日 之內 殺死 新冠 病毒 核糖核酸 rna 雖然 此 一藥 物 已 普遍 使用 但 最 快 1 個 月 才 會 進入 人體實驗 階段 該 結論 已 發表 在 抗 病毒 研究 antiviral research 雜誌 上 報導 指出 蒙納 許 大學 生物 成像 研究所 的 瓦格斯塔夫 kylie wagstaff 博士 3 日 指出 使用 單 劑量 的 抗 頭蝨 的 藥物 伊 維 菌素 可以 在 48 小時 內 阻止 新冠 病毒 在 細胞培養 中 生長 瓦格斯塔夫 指出 單 劑量 的 伊維 菌素 注射 本 也 能 在 48 小時 內 清除 病毒 所有 的 核糖核酸 rna 在 24 小時 內 能夠 顯著 減少 其 rna 報導 指出 目前 仍 不 清楚 伊維 菌素 是 如何 殺死 新冠 病毒 但 該 藥物 很 明顯 阻止 了 病毒 的 抑制 能力 讓 此 病毒 無法 抑制 宿主 細胞 對 其 進行 清理 科學家 們 下一階段 將 確定 合適 人體 使用 的 劑量 以 確保 實驗 室外 的 劑量 對 人體 安全 瓦格斯塔夫 表示 在 全球 新冠 疫情 仍 在 大 流行 且 當前 仍未 有 治療 藥物 及 正式 獲准 生產 的 方案 情況 下 這種 現成 的 合成藥 若 證實 有效 可能 提早 對 患者 有 幫助 此外 他 也 強調 要 廣泛 使用 疫苗 仍 需 一段時間 該 團隊 也 需要 資金 進行 臨床實驗 與 測試</t>
  </si>
  <si>
    <t>omicron 變異 株 症狀 黃軒 新冠 病毒</t>
  </si>
  <si>
    <t>nba 現身說法 保羅 籌 拍 新冠 衝擊 紀錄片</t>
  </si>
  <si>
    <t>身 為 nba 球員 工會主席 的 雷霆 明星 後衛 保羅 日前 在 播 客 節目 當中 透露 他 打算 籌 拍 一 部 關於 新冠 疫情 對於 美國 體育 造成 巨大 影響 的 紀錄片 除了 找來 知名 運動員 訪談 曾 在 現場 經歷 nba 突然 宣佈 無限期 停賽 的 保羅 當 屬 最佳 的 受</t>
  </si>
  <si>
    <t>身 為 nba 球員 工會主席 的 雷霆 明星 後衛 保羅 日前 在 播 客 節目 當中 透露 他 打算 籌 拍 一 部 關於 新冠 疫情 對於 美國 體育 造成 巨大 影響 的 紀錄片 除了 找來 知名 運動員 訪談 曾 在 現場 經歷 nba 突然 宣佈 無限期 停賽 的 保羅 當 屬 最佳 的 受訪 物件 兄弟 這 真的 太 瘋狂 了 保羅 在 播 客 節目表 示 我 打算 拍攝 一 部 紀錄片 像是 一 部 談論 美國 體育 因為 新冠 疫情 停 擺 的 電影 除了 找來 導演 安東尼法奎 與 製片 布萊恩 葛瑟 我們 也 會 找來 一些 知名 運動員 好好 談 一下 這次 疫情 衝擊 聽 著 我 從未 經歷 過 這種 事情 我們 可以 討論 我 所 碰 過 所有 誇張 的 事情 比如說 尼克 交易 案 卡 崔娜 颶風 史 特林 前 快艇 老闆 種族歧視 事件 保羅 說 然後 我 被 要求 回 到 休息室 完全 不 知道 發生 什麼 事 也 不 知 何時 開 打 這 很 不同 保 羅口 中 被 要求 回 到 休息室 的 事件 就 是 3 月 12 日 雷霆 與 爵士 之戰開 打 前夕 驚 傳 爵士 中鋒 戈貝爾 成為 首位 感染 新冠 球員 nba 緊急 宣佈 停賽 更 把 兩 隊 球員 隔離 在 球場 內 一段時間 當時 保羅 還 跑 去 爵士 板凳 席 詢問 狀況 隨即 被 工作人員 趕回 休息室</t>
  </si>
  <si>
    <t>美國 封城 抗議 活動 新冠 病毒</t>
  </si>
  <si>
    <t>日本 新冠 疫情 為何 突然 降溫 研究 曝 delta 竟自 爆</t>
  </si>
  <si>
    <t>日本 新冠 疫情 突然 降溫 連 當地人 都 無法 確定 原因 不過 最新 研究 發現 日本 疫情 突然 降溫 可能 是 delta 變異 株 自我 毀滅 的 結果 日本 第 5 波 新冠 疫情 在 9 月 之後 突然 降溫 連 當地人 都 相當 困惑 外 媒 大致 統 整出 幾 個 原因 包括 日</t>
  </si>
  <si>
    <t>熱火 英雄 哥 希洛 最近 運氣 也 太 差 了 吧 先前 才因 頸 部 受傷 缺席 7 場 例行 賽 才剛 傷癒 複出 打 了 兩 場 的 希洛 1 日 卻 又 遭逢 噩耗 因為 跟 他 同 住 的 室友 突然 傳出 新冠 檢測 呈現 陽性反應 直接 觸發 聯盟 健康 與 安全 守則 至少 面臨 1</t>
  </si>
  <si>
    <t>熱火 英雄 哥 希洛 最近 運氣 也 太 差 了 吧 先前 才因 頸 部 受傷 缺席 7 場 例行 賽 才剛 傷癒 複出 打 了 兩 場 的 希洛 1 日 卻 又 遭逢 噩耗 因為 跟 他 同 住 的 室友 突然 傳出 新冠 檢測 呈現 陽性反應 直接 觸發 聯盟 健康 與 安全 守則 至少 面臨 1 周 隔離 根據 希洛 自己 透露 其實 在 前 役 熱火 與 國王 比賽 打完 上半場 他 在 休息室 內 接 獲 室友 感染 新冠 消息 並 不 確定 自己 在 下 半 場 該不該 出賽 但 最後 他 選擇 繼續 上場 結果 打 了 40 分鐘 拿下 15 分 4 籃板 及 3 助攻 幫助 熱火 1 分 氣 走 國王 假如 希洛 至少 面臨 7 天 隔離 時間 對於 熱火 來說 算是 相當 大 的 壞 消息 畢竟 他 在 上 季季 後 賽 打出 信心 本 季 逐漸 變成 熱火 不動 先 發 場 均 可 拿 175 分 38 助攻 接下來 少 了 他 的 外線 火力 熱火 勢必 要 有 更 多 其他 球員 跳出 來 幫忙 得分 其實 熱火 本 季 始終 受到 新冠 疫情 嚴重 影響 先前 已 有 8 名 球員 因為 觸發 聯盟 健康 與 安全 守則 接受 隔離 總共 缺席 30 場 比賽 如今 希洛 將 變 第 9 名 將 被 隔離 球員 缺席 場次 繼續 累積 當中 熱火 只能 期望 這 波 疫情 趕緊 過去 尤其 是 主力 千萬別 再 被 隔離 了</t>
  </si>
  <si>
    <t>美 媒 測試 新冠 等 病毒 解放軍 插手 培養 人 肺 鼠</t>
  </si>
  <si>
    <t>nba 爵士 穆迪埃 罹 患 新冠 可能 是 誤傳</t>
  </si>
  <si>
    <t>2021 年 世界 棒球 經典 賽 wbc 取消 了 根據 美 媒 espn 報導 這 場 明年 3 月 的 比賽 受到 新冠 疫情 衝擊 西語 記者 羅哈斯 enrique rojas 引述 他 的 消息來源 說 這 比賽 不是 我們 優先 度 最高 的 事 官方 遲早 會 正式 宣佈 取消 明年 經</t>
  </si>
  <si>
    <t>2021 年 世界 棒球 經典 賽 wbc 取消 了 根據 美 媒 espn 報導 這 場 明年 3 月 的 比賽 受到 新冠 疫情 衝擊 西語 記者 羅哈斯 enrique rojas 引述 他 的 消息來源 說 這 比賽 不是 我們 優先 度 最高 的 事 官方 遲早 會 正式 宣佈 取消 明年 經典 賽 預計 擴充 到 空前 的 20 支 球隊 地主國 為 日本 臺灣 美國 除了 臺灣 使用 台中 桃園 的 球場 疫情 明顯 減緩 日本 美國 還 有 其 餘 的 參賽國 恐怕 無法 處理 跨國 移動 的 問題 原本 的 決賽 地點 在 美國 邁阿密 馬林 魚 的 球場 經典 賽是由 mlb 美 職大 聯盟 與 世界 棒 總 共同 主辦 但 主導 者 是 大 聯盟 他們 目前 優先 度 最高 的 就 是 設法 重 啟 例行 賽 此外 經典 賽還 受到 大 聯盟 和 球員 工會 的 協議 影響 勞資 協議 將 在 明年 12 月 到期 讓 大 聯盟 無暇 他 顧 紐約 郵報 記者 估計 經典 賽最 快 要到 2023 年 才 有 機會 開 打</t>
  </si>
  <si>
    <t>洋基隊 新 王牌 寇爾 gerrit cole 的 第 一個 小孩 在 7 月 3 日 出世 了 是 個 健康 的 男嬰 取名為 caden 寇爾 說 母子 都 很 平安 他 很 強壯 頭髮 有點 淡 非常 可愛 有 藍色 的 大 眼睛 讓 我 捨不得 移 開 視線 現年 29 歲 的 寇爾 在 2016 年 結婚 妻子 amy 曾 是 ucla 的 壘球 投手 父母 都 是 投手 這個 男孩 有 機會 繼承 老 爸 的 時速 100 英里 的 火球 寇爾 日前 已 在 春 訓 20 練 投 現在 速 球 回復 到 95 99 英里 時速 將 擔任 洋基 開幕 戰 投手 從 敵人 太空人 轉為 隊友 再次 見識 洋基 打者 之後 寇爾 對本 季 頗具 信心 他 說 60 場 或 162 場 球員 們 仍然 只 想 贏球 這 季 與 往常 不同 但 這 是 獨一無二 的 新冠 病毒 世界大賽 冠軍 誰 不 想要 抱 回 這 獨特 的 獎盃 呢 寇 爾 早年 在 海盜 隊 成績 普通 只 有 2015 年 投出 王牌 水準 2018 年 轉 隊 到 太空人 之後 球 團 修正 他 的 配 球 減少 了 二 縫 線 速 球 並 提高 他 四 縫 線 速 球 的 進壘 高度 讓 他 的 三振 功力 破 繭 而 出 去年 達到 美 聯 最 多 的 326 k 他 在 海盜 最 多 的 一 季 為 202 k</t>
  </si>
  <si>
    <t>科技 新冠 疫情 進入 大 流行 全球 系統 風險 將 衝擊 記憶體 產業</t>
  </si>
  <si>
    <t>全球 新冠 確診 人數 突破 80萬 人 大關 世界衛生組織 對 亞洲 發出 預警 指 亞太 各國 各項 防疫 措施 只是 在 為 大規模 社區 傳播 爭取時間 亞洲 新冠 疫情 離 結束 還 很 遠 呼籲 各國 做好 準備 who 並 警告 病例 數 開始 下降 的 國家 千萬 不</t>
  </si>
  <si>
    <t>新冠 病毒 疫情 在 歐洲 迅速 擴散 瑞士 與 義 大利 接壤 的 提契諾 州政府 宣佈 自 11 日 午夜 起 全州 進入 緊急狀態 瑞士聯邦 公共 衛生部 負責人 表示 瑞士 的 其他 地區 接下來 也 將 跟進 此 一 措施 瑞士 將 全面 進入 緊急狀態 據 央 視 新聞 報</t>
  </si>
  <si>
    <t>新冠 病毒 疫情 在 歐洲 迅速 擴散 瑞士 與 義 大利 接壤 的 提契諾 州政府 宣佈 自 11 日 午夜 起 全州 進入 緊急狀態 瑞士聯邦 公共 衛生部 負責人 表示 瑞士 的 其他 地區 接下來 也 將 跟進 此 一 措施 瑞士 將 全面 進入 緊急狀態 據 央 視 新聞 報導 瑞士 當地 時間 11 日 晚間 瑞士 與 義 大利 接壤 的 提契諾 州政府 宣佈 從 11 日 午夜 起至 29 日 全州 將 進入 緊急狀態 在 緊急狀態 期間 將 全面 限制 所有 公共 活動 所有 非 義務教育 學校 關閉 65 歲 以上 老年人 禁止 參與 照看 兒童 等 瑞士聯邦 公共 衛生部 負責人 表示 瑞士 的 其他 地區 接下來 也 將 跟隨 此 措施 瑞士 將 全面 進入 緊急狀態 他 強 瑞士 疫情 已經 非常 嚴重 需要 儘快 採取措施 和 做出 正確 的 決斷</t>
  </si>
  <si>
    <t>經過 長 達 5 天 的 艱辛 談判 與 討論 歐盟 各 成員國 終於 達成 7500億 歐元 的 振興 方案 刺激 歐盟 經濟 儘快 從新冠 危機 後 脫身 美國有線電視新聞網 cnn 指出 這 份 振興 方案 聚焦 透過 三大 支柱 提供 資金 建立 改革 以 幫助 企業 從 疫</t>
  </si>
  <si>
    <t>經過 長 達 5 天 的 艱辛 談判 與 討論 歐盟 各 成員國 終於 達成 7500億 歐元 的 振興 方案 刺激 歐盟 經濟 儘快 從新冠 危機 後 脫身 美國有線電視新聞網 cnn 指出 這 份 振興 方案 聚焦 透過 三大 支柱 提供 資金 建立 改革 以 幫助 企業 從 疫情 中 反彈 針對 長期 經濟 發展 推出 新 措施 加速 改革 以及 增加 投資 以 防止 未來 意外 危機 衝擊 總額 高 達 上 千億 歐元 確保 會員國 貸款 無 虞 除了 疫情 後 振興 方案 這次 談判 也 通過 未來 7 年 的 1 兆 歐元 預算案 這 份 協議 出臺 過程 十分 艱難 各國 談判 不僅 多次 陷入僵局 摩擦 不斷 部分 會員國 之間 甚至 早已 陷入 嚴重 分裂 數 年 但 在 最後 一個 仍 選擇 團結 歐洲理事會 主席 蜜雪兒 charles michel 在 新聞 記者會 上 表示 我們 終於 做到 了 歐盟 仍 是 堅強 歐盟 仍 是 團結 的 這 是 份 很 好 的 協議 最 重要 的 是 歐盟 即時 需要 它 蜜雪兒 指出 這 也 是 歐盟 成員 第一 次在 這種 談判 場合 同意 聯合 力量 共同 加強 經濟 對抗 危機 雖然 一度 在 談判 中 表達 強烈不滿 的 法國 總統 馬克巨集 emmanuel macron 在 協定 終於 出爐 後 也 大力 讚揚 稱 這 對 歐盟 是 歷史性 的 一刻 比利時 總理 威爾 梅斯 sophie wilmes 也 稱 歐盟 從未 如此 積極 地 投資 未來 歐洲 至今 仍未 完全 走 出 疫情 經濟 上 持續 避免 疫情 所 導致 的 大規模 衰退 飽受 疫情 重 挫 的 義 大利 與 西班牙 等 國 亟需 價值 上 千億 歐元 的 經濟 紓困 不過 到 21 日前 各方 對於 復蘇 資金 總額 量 意見分歧 多少 補助 量 可以 視為 授予 或 借貸 這些 爭議 讓 協議 一度 陷入僵局 歐盟 執委會 本月 初曾 預測 歐盟 經濟 將 在 今年 大 跌 83 局勢 比 兩 個 月 前 預測 的 74 更為 嚴峻</t>
  </si>
  <si>
    <t>驚 都怪 新冠 他們 平均 少活 13 年</t>
  </si>
  <si>
    <t>疫苗 中藥 流感 新冠 病毒</t>
  </si>
  <si>
    <t>英國 正 面臨 源自 於 印度 的 delta 變種 新冠 病毒 肆虐 單周暴 增 逾 3萬 例 相關 病例 即便 已經 有 80 成人 接種 過 1 劑 疫苗 英國政府 首席 醫療 官惠 提 chris whitty 仍 悲觀 表示 今年冬天 英國 可能 還 會 面臨 新 一 波 疫情 襲擊 他 預測</t>
  </si>
  <si>
    <t>英國 正 面臨 源自 於 印度 的 delta 變種 新冠 病毒 肆虐 單周暴 增 逾 3萬 例 相關 病例 即便 已經 有 80 成人 接種 過 1 劑 疫苗 英國政府 首席 醫療 官惠 提 chris whitty 仍 悲觀 表示 今年冬天 英國 可能 還 會 面臨 新 一 波 疫情 襲擊 他 預測 接下來 還 會 出現 更 多 變種 病毒 全球 可能 還 得 等上 5 年 才 會 出現 擋得住 變種 病毒 的 疫苗 綜合 美 媒 cnbc 英國 衛報 the guardian 報導 英國 目前 已經 有 超過 4200萬 人 已經 至少 接種 過 1 劑 新冠 疫苗 相當 於 80 成人 人口 超過 3000萬 人 已經 完整 接種 2 劑 疫苗 不過 受 源自 於 印度 的 變種 新冠 病毒 delta 入侵 影響 英格蘭 公共 衛生 署 public health england 18 日 宣佈 過去 一 周 delta 相關 病例 激增 33630 例 較 前 一 周 激增 79 住院 數 也 翻倍 目前 英國 境內 delta 相關 確診 總數 已 來到 75953 例 英格蘭 公共 衛生 署 指出 delta 病例 主要 為 年輕 族群 當局 已經 在 同日 開放 18 歲 以上 族群 大規模 接種 疫苗 while cases of the #delta #covid 19 variant are rising rapidly across the country the increase is primarily in younger age groups who are now being invited to receive the #vaccine pic twitter com 8 d 0 weacvrq 英國 疫苗 接種 和 免疫 聯合 委員會 joint committee on vaccination and immunisation jcvi 教授 芬恩 adam finn 表示 第 三 波 疫情 肯定 已經 在 發生 中 雖然 疫情 沒有 上升 得 更 快 但 確實 是 在 上升 當中 現在 英國 的 情況 就 是 在 和 delta 病毒 賽跑 讓 更 多 老年人 完成 第 2 劑 疫苗 接種 英國政府 首席 醫療官惠 提 17 日 在 一 場 演說 中 也 悲觀 表示 目前 這 波 由 delta 病毒 引起 的 疫情 可能 會 在 冬天 再度 激增 他 認為 接下來 還 會 有 更 多 變種 病毒 出現 他 甚至 認為 全球 可能 得 再 等上 5 年 才 會 出現 很 大程度 上 能夠 守 得住 一系列 變種 新冠 病毒 的 各種 疫苗 他 說 在 那 之前 政府 需要 推動 新 的 疫苗 計 畫 並且 必須 讓 民眾 追加 第 3 劑 疫苗 為了 及早 因 應變 種 病毒 侵襲 英國 衛生部長 漢考克 matt hancock 本月 稍 早 表示 英國 已經 開始 和 阿斯特 捷利康 公司 astrazeneca 展開 談判 以 達成 針對 變種 病毒 的 疫苗 合約 此外 英國 也 已經 開始 進行 追加 疫苗 劑量 的 試驗 有 報導 指 冬天 之前 英國 人 將 補 打 第 3 劑 疫苗</t>
  </si>
  <si>
    <t>在 臺灣 新冠 疫情 嚴峻 之際 和 世界衛生組織 who 共同 運作 covax 疫苗 分配 計畫 的 全球 疫苗 與 預防注射 聯盟 gavi alliance 今 17 日 表示 預期 臺灣 最 慢 6 月底 前 就 能 獲得 所 分配 的 az 新冠 疫苗 路透社 報導 在 臺灣 社區 傳播</t>
  </si>
  <si>
    <t>在 醫護 員 歡唱 生日快樂 樂聲 中 6 月 1 日 確診 併發 重症 緊急 剖 婦 生產 的 新 北周 姓 婦人 產後 15 日 陽 轉陰 就 在 今天 16 日 媽媽 終於 見到 寶寶 要 出院 返家 中山醫學 大學 附設 醫院 也 透過 直播 為 這 為 勇媽 辦 慶 生 以及 歡送會 她 也 用 沙啞 聲音 表達 感謝 並 坦言 這次 生產 沒 家人 陪伴 是 孤獨 的 感謝 醫療 團隊 陪 她 挺 過 新北 這 名 38 歲 媽媽 先生 等 一家 多 人 確診 懷孕 34 周 的 她 原本 在 南 投 的 集中 檢疫所 隔離 5 月 31 日 突 出現 呼吸衰竭 被 轉至 中山 附 醫 搶救 並 在 隔日 緊急 剖 婦 產 考量 在 負 壓 隔離病房 手術 要 減少 寶寶 醫護 曝露 婦科 權威 陳進典 只 帶 一 名 助手 在 26 分鐘 內 完成 麻醉 與 剖腹生產 手術 早產 4 周 的 新生兒 經 3 次 新冠 病毒 檢驗 均 為 陰性 確認 未 垂直 感染 中山 附 醫 兒童部 醫師 李英齊 指出 寶寶 因 早產 曾 出現 呼吸 窘迫 血 氧 不足 但 經 細心 照顧 目前 寶寶 已 從 出生 時 2600 公 克 增 重到 2900 公 克 進食 與 神經 反應 都 不錯 而 術 後 媽媽 仍 因 呼吸衰竭 插管 中山 附 醫 護理部 護理 長 表示 在 使用 呼吸器 期間 產婦 清醒 後 第一 件 事情 是 請求 醫療 團隊 給予 寶寶 的 照片 期間 新生兒 護理 師 們 不斷 拍 寶寶 照片 或 用 視 訊 讓 媽媽 一 解 與 女 隔離 相思 之 苦 而 在 重症 醫護 團隊 努力 和 產婦 堅強 的 求生 意志 下 其 肺炎 病情 逐漸 好轉 於 7 日後 拔 管 自主 呼吸 且 在 連續 三 次 的 采 檢 後 終於 昨天 15 日 確認 已 無 病毒 存在 的 反應 中山 附 醫 醫護 團隊 依 規定 通報 衛生 主管機關 後 解除 產婦 的 隔離 措施 媽媽 也 終於 可以 和 寶貝 團圓 而 中山 附 醫 也 在 16 上午 為 媽媽 慶 生 更 獻上 醫療 團隊 製作 為 母則強 卡片 要 讓 周女士 帶回 紀念 這 疫情 中 驚奇 的 生命 之 旅 因為 長 時間 插管 周 女士 喉嚨 沙啞 表示 這次 生產 沒人 陪伴 是 孤獨 的 她 感謝 中山 附 醫 全體 醫療 人員 給予 她 滿滿 關懷 與 愛 讓 無助 的 她 有勇氣 面對 中山 附 醫院 總 院長 蔡明哲 總 院長 表示 為 母則強 周女士 很 勇敢 一個 人 獨自 簽下 手術 同意書 讓 醫療 團隊 相當 欽佩 希望 這 名 媽媽 求生 意志堅強 成功 康復 的 病例 可以 鼓舞 在 疫情 陰影 下 的 苦悶 人心</t>
  </si>
  <si>
    <t>新冠 疫情 大陸 美國 葛林 斯潘 經濟 復蘇</t>
  </si>
  <si>
    <t>因應 國內 新冠 疫情 升溫 雙 北市 升級 為 第 三級 警戒 包括 遠 傳 電信 已 先 將 臺北 萬華 地區 新北 蘆洲 地區 的 14 間 直 營 及 加盟 門市 暫停營業 並 視 疫情 狀況 發展 再 決定 何時 開業 臺灣 大 也 決定 臺北 萬華 地區 新北 蘆洲 地區 共 15 家 據點</t>
  </si>
  <si>
    <t>因應 國內 新冠 疫情 升溫 雙 北市 升級 為 第 三級 警戒 包括 遠 傳 電信 已 先 將 臺北 萬華 地區 新北 蘆洲 地區 的 14 間 直 營 及 加盟 門市 暫停營業 並 視 疫情 狀況 發展 再 決定 何時 開業 臺灣 大 也 決定 臺北 萬華 地區 新北 蘆洲 地區 共 15 家 據點 暫停營業 至 28 日 其它 正常 營業 的 門市 則 實施 實 聯 制 遠 傳 電信 表示 臺北 萬華 地區 5 家 新北 蘆洲 地區 的 9 家 的 直 營 及 加盟 門市 即日起 暫停營業 將 視 疫情 狀況 再 決定 何時 開業 至於 其它 正常 營業 的 遠 傳 門市 也 實施 實 聯 制 並 強化 防疫 措施 量 取 額 溫 酒精 消毒 隔板 服務 請到 店 的 客戶 配合 門市 人員 指引 此外 遠 傳 電信 的 電話 客服 中心 網路 門市 心 生活 app 都 持續 提供 客戶 24 小時 方便 快速 的 服務 歡迎 多 加 利用 詳細 的 營業 時段 異 動 門市 資訊 請 參考 遠 傳 電信 官 網 公告 遠 傳 電信 同時 也 啟動 防疫 升級 計畫 開放同仁 居家 辦公 及 延長 彈性 上班 以 降低 風險 遠 傳 電信 持續 以 高 規格 守護 同仁 與 客戶 健康 一起 攜手 度過 疫情 難關 臺灣 大 表示 包括 萬 華區 的 6 家 及 蘆洲 區 的 9 家 myfone 門市 含 直 營 與 加盟 即 起至 5 月 28 日 暫停營業 其 餘 門市 配合 防疫 措施 針對 進 店客 戶 采 實 名 制 登記 並 進行 人流 控管 每店 不 得 同時 超過 5 名 客戶 且 落實 戴 口罩 與 量 額 溫 等 防疫 措施 請 所有 客戶 配合 疫情 期間 也 請 臺灣 大 用戶 多 利用 官網 客服 app 或 電話 客戶 專線 以 減少 人員 接觸 協助 防疫</t>
  </si>
  <si>
    <t>新冠 疫情 擋不住 全球 超過 40億 人 被迫 宅 在 家中 生活 變調 但 各國 卻 都 有 官員 陽奉陰違 甚至 還 被 抓 包 紐西蘭 衛生部長 克拉克 日前 違反 該國 居家 守則 開車 到 離 家 2 公里 的 公園 騎 越野車 還 被 民眾 拍到 糗 到極點 的 克拉克</t>
  </si>
  <si>
    <t>新冠 疫情 擋不住 全球 超過 40億 人 被迫 宅 在 家中 生活 變調 但 各國 卻 都 有 官員 陽奉陰違 甚至 還 被 抓 包 紐西蘭 衛生部長 克拉克 日前 違反 該國 居家 守則 開車 到 離 家 2 公里 的 公園 騎 越野車 還 被 民眾 拍到 糗 到極點 的 克拉克 趕緊 致電 向總理 阿爾登 道歉 catherine calderwood 23 mar we have the virus in scotland and this is no longer a rehearsal for something that might have to happen &amp;quot &amp;quot new measures can restrict the spread but only if people comply with each every one of these measures when do you start complying cath pic twitter com 8 rkqrvch 0 k 貫徹 只 許州 官 趴 趴 走 的 還有 蘇格蘭 首席 衛生 官 卡爾德伍德 女士 她 為 當地 訂 下 封鎖 期 的 活動 規範 卻 無視 規定 逕自 帶 著 一家 大 小 到 度假 屋 過 週末 結果 和 克拉克 一樣 被 民眾 抓 包 有 圖 有 真相 照片 曝光 後 引發 輿論 撻 伐 卡爾德伍德 周日 向 大眾 道歉 並且 宣佈 請 辭 另 一 位 遭 質疑 者 來頭 更 大 是 高齡 87 歲 的 美國最高法院 大法官 金絲 伯格 女士 ruth bader ginsburg 華府 的 公共 健身房 自 3 月中 旬 起 都 被 下令 必須 關閉 健身 迷 只能 在 家 望 著 縮水 的 肌肉 乾瞪眼 不過 對 健身 持之以恆 的 金絲 伯格 還 是 繼續 在 最高法院 的 健身房 鍛 鍊 據 報導 她 的 私人 健身 教練 強森 告訴 媒體 儘管 他 勸 大法官 但 她 堅持 要 繼續 運動 因此 金絲 伯格 在 最高法院 的 健身房 練 身體 最高法院 發言人 表示 該院 是 應 大法官 請求 撥 出 一塊 私人 空間 運動 由於 她 年事已高 且 曾四度 罹 癌 醫師 開立 證明 強調 保持 運動 習慣 對 金絲 伯格 的身體 至關重要</t>
  </si>
  <si>
    <t>ipo 人氣 王 網通 新兵 康全 電訊 8089 今 上櫃 股價 大 漲 48 蜜月 行情 火熱 看好 通訊 產業 仍 將 持續 蓬勃發展 加上 積極 複製 亞洲 成功經驗 拓展 歐美市 場下 後續 業績 獲利 成長 可期 康全 電訊 公開 募 股 ipo 期間 成功 吸引 6323萬 筆 申購單 躍升 今年 ipo 人氣 王 人氣 也 延續 到 今日 上櫃 行情 以 4525 元 承銷 價 開盤 股價 最高 達 685 元 漲幅 逼近 5 成 康全 電訊 最 大 股東 為 訊 舟 3047 目前 持 股比 約 四 成 康全 電訊 108 年度 及 109 年 上半年 度 之 營業 收入 分別 為 245億 元 及 136億 元 毛利率 分別 為 308 及 312 也 因為 康全 的 產品 具備 差 異化 因此 毛利率 比 網通 同業 高出 不少 每股 盈 餘 分別 為 329 元 及 226 元 康全 電訊 今 上半年 營 收 較 去年同期 的 129億 元 雖 僅 增加 近 6 但 獲利 成長率 卻 達 5 成 上半年 eps 226 元 明顯 優於 去年同期 的 149 元 康全 電訊 主要 從事 寬 頻 通訊設備 之 研發 及 銷售業務 客戶 包含 國際 知名 電信 營運商 電信網 路 系統 整合 大廠 有線電視 營運商 及 北美 電信網 路 設備 經銷商 並以 comtrend 品牌 行銷 三大 產品 線 為 光通訊 中繼 設備 寬 頻 使用者 端 設備 及 家庭 網路 設備 看好 隨 著 網路 服務 多元化 發展 加上 各國 持續 擴大 及 升級 寬 頻 基礎 建設 下 未來 通訊 產業 仍 將 持續 蓬勃發展 基於 大量 佈 建 及 營運 的 成功 案例 康 全會 更進一步 致力 於將 利基 型 產品 擴展 到 各個 區域 及 更 多 客戶 並以 現有 產品 優勢 為 基礎 持續 投入 研發 積極 開拓 通路 以 提供 客戶 更 完整 且 符合 市場需求 的 新 產品 故 在 持續 拓展 客戶 及 市 場下 未來 業績 與 獲利 成長 應屬 可期 董事長 任冠生 也 看好 康全 電訊 積極 複製 亞太 客戶 模式 今年初 已經 拿 到 歐洲 美國 客戶 的 入 門票 已經 試 營運 階段 得 小量 出 貨 未來 4 5 年 將 步出 貨 的 高峰期 康全 電訊 今年 上半年 營運 因 全球 適逢 新冠 疫情 帶動 頻寬 需求增 美國 中小 電信 商 重要 亞洲 客戶 出 貨 增 溫 推 升 毛利率 獲利 大 增 五 成 累計 上半年 每股 獲利 226 元</t>
  </si>
  <si>
    <t>中印 邊境 衝突 依舊 緊張 近來 局勢 甚至 持續 升級 在 上述 背景 下 美 日 印 澳 四國 quad 外交部長 將 於 10 月初 在 日本 會晤 商討 大陸 新冠 疫情 等 重要 問題 日本 經濟 新聞 19 日 引述 東京 消息人士 報導 經過 日本政府 與 相關 國</t>
  </si>
  <si>
    <t>美 日 印 澳 四國 會議 外交部長 中印 衝突 新冠 疫情</t>
  </si>
  <si>
    <t>在 先後 爆 料 麥基 杜德利 兩 名 湖 人 球員 接受 新冠 病毒檢測 呈現 陰性 yahoo sports 資深 記者 海恩斯 21 日 繼續 爆出 湖 人 替補 後衛 庫克 沒有 中 鏢 更 用 視 訊 進行 專訪 談 到 接受 檢測 的 過程 庫克 不禁 表示 那 是 你 人生 最 糟糕 的</t>
  </si>
  <si>
    <t>美 新冠 死亡數 破 20萬 川普 很棒 了 原本 可能 死 300萬 人</t>
  </si>
  <si>
    <t>mlb 紐約 大都會 2 人 染 新冠 地鐵 大戰 g 1 喊停</t>
  </si>
  <si>
    <t>日本 上周 才 傳出 莫德納 疫苗 發現 雜質 停 打 163萬 劑 疫苗 沖繩 昨 28 日 再 發現 莫德納 疫苗 出現 黑色 粉色 雜質 導致 沖繩 政府 緊急 暫停 施打 綜合 路透社 日本放送協會 nhk 報導 沖繩 一 處 大型 疫苗 接種 中心 的 藥劑師 昨日 先是 在 一 支 莫德納 疫苗 的 注射器 內 發現 黑色 雜質 不久 後 又 再 另 一 支 注射器 及 疫苗 瓶內 發現 黑色 物質 以及 在 另 一 支 已經 抽取 疫苗 的 注射器 內 發現 粉色 雜質 針對 莫德納 疫苗 發現 異物 沖繩 政府 已經 緊急 暫停 這 座 大型 接種 中心 的 接種 工作 負責 配送 莫德納 疫苗 的 武田 藥品 將 對 這 起 事件 展開 調查 值得注意 的 是 日本 上周 才 同樣 因為 在 5 個 都道 府縣 的 39 個 未 開封 莫德納 疫苗 瓶內 發現 雜質 緊急 停 打 三 批 已經 配送 至 全國 863 個 接種 中心 總計 達 163萬 劑 的 莫德納 疫苗 日本政府 昨日 表示 2 名 30 多 歲 男子 在 接種 不同 批 已經 停 打的 莫德納 疫苗 後 死亡 據悉 他們 接種 的 疫苗 瓶內 並未 發現 異物 目前 尚 在 調查 死因 據悉 沖繩 發現 有 異物 的 莫德納 疫苗 與 前 三 批 已經 停 打的 疫苗 批次 不同 日本 厚生 勞動 省 指出 三 批 停 打的 莫德納 疫苗 都 是 由 西班牙 工廠 在 同一 時期 生產 當中 只 有 一 批 疫苗 有 發現 雜質 不過 由於 是 同一 生產線 製造 厚勞省仍 決定 暫停 施打 另外 2 批 疫苗 礙於 delta 病毒傳播 日本 正 面臨 迄今 最 嚴重 的 新冠 疫情 每日 新增 確診 人數 首度 超越 25萬 人 日本 目前 約 有 54 人口 至少 接種 1 劑 疫苗 43 已 完整 接種 疫苗</t>
  </si>
  <si>
    <t>英 首相 自 曝 確診 新冠 病毒 歐洲 股市 擴大 跌幅</t>
  </si>
  <si>
    <t>怪哉 一 天 4 次 新冠 檢測 竟然 陰陽 不定</t>
  </si>
  <si>
    <t>馬斯克 兩 次 4 次 新冠 檢測 推 文</t>
  </si>
  <si>
    <t>新冠 疫情 止不住 全球 確診 人數 已 突破 1700萬 人 世界衛生組織 who 今天 宣佈 維持 2019 冠 狀 病毒 疾病 為 國際 關注 公共 衛生 緊急事件 pheic 這 是 世衛 宣告 的 第 6 次 公 衛 緊急事件 世衛 秘書長 譚 德塞 tedros adhanom</t>
  </si>
  <si>
    <t>駐 日 代表處 證實 鑽石 公主 號 日前 確診 感染 新冠 病毒 的 兩 名 臺灣 旅客 1 男 1 女 26 日 已 出院 其中 女性 將 儘快 回國 代表處 領 務 組 正 協助 辦理 返國 手續 中 中年 男性 將 去 櫪 木 縣 的 醫院 探望 住院治療 中的 85 歲 父親 暫不 返國 兩 人</t>
  </si>
  <si>
    <t>駐 日 代表處 證實 鑽石 公主 號 日前 確診 感染 新冠 病毒 的 兩 名 臺灣 旅客 1 男 1 女 26 日 已 出院 其中 女性 將 儘快 回國 代表處 領 務 組 正 協助 辦理 返國 手續 中 中年 男性 將 去 櫪 木 縣 的 醫院 探望 住院治療 中的 85 歲 父親 暫不 返國 兩 人 15 日 因 確診 感染 而 下船 經 東京 的 自衛隊 中央 醫院 治療 後 兩 次連續 采 檢 結果 為 陰性 26 日 獲准 出 院 駐 日 代表處 分別 由 政務 組 和 領 務 組 協助 處理 感染 病 患 出院 的 後續 的 相關 事宜 有關 痊癒 旅客 的 住院費用 和 回國 機票 問題 代表處 表示 醫療 費用 由 日本政府 負擔 郵輪 公司 會 依據 當事人 意願 安排 返台 的 班機 機票 費用 由 船 公司 負擔</t>
  </si>
  <si>
    <t>據 陸媒 報導 白岩松 連 線 援 鄂 前方 專家組 組長 呼吸 科 專家 劉又寧 稱 在 檢測 過程 中曾 發現 健康 人士 攜帶 新冠 病 的 個案 劉又寧 稱 目前 在 軍隊 的 診療 方案 中 採用 強調 抗體 的 金 標準 檢測 方案 雖 核酸 檢測 是 一個 重要 的 手段</t>
  </si>
  <si>
    <t>據 陸媒 報導 白岩松 連 線 援 鄂 前方 專家組 組長 呼吸 科 專家 劉又寧 稱 在 檢測 過程 中曾 發現 健康 人士 攜帶 新冠 病 的 個案 劉又寧 稱 目前 在 軍隊 的 診療 方案 中 採用 強調 抗體 的 金 標準 檢測 方案 雖 核酸 檢測 是 一個 重要 的 手段 但 核酸 檢測 的 原理 只 是 發現 病毒 存在 至於 病毒 是否 存在 活性 或 是否 具備 傳染性 無從 得知 因此 核酸 檢測 呈現 陽性 不 直接 代表 受測者 遭 感染 他 續稱 隨 這 疫情 期 延長 目前 已 發現 有 健康 人士 體內 攜帶 病毒 的 個案 劉又寧 認為 抗體 可以 證明 病毒 的 存在 且 會 引起 全身 的 反應 所以 抗體 數量 增加 便 能 證明 受測者 受 感染 了 而 抗體 包含 igm 和 igg igg 抗體 產生 成 較 晚 但 假設 2 周 以後 有 4 倍 的 增高 或者 4 倍 的 變化 就 可 證明 該病 人 確診 這種 診斷 很 明確 所以 我們 把 這種 診斷 稱為 金 標準 但 劉又寧 坦言 這個 檢測 方法 也 有 缺陷 它 往往是 回顧性 的 發病 兩 周後 才 發現 因此 核酸 檢測 還 有 其 必要性</t>
  </si>
  <si>
    <t>新冠 病毒 在 全球 如火如荼 延 燒 眾 所 關切 的 是 全球 疫情 對 臺灣 的 影響 為何 我國 前 3 月 表現 雖 亮麗 未來 將 面臨 哪些 挑戰 應有 何 系統化 的 因應 作為 剖析 全球 疫情 不難 發現 一 愈 早 著 手 具體 防疫 措施 降低 疫情 的 宏 效 也 愈</t>
  </si>
  <si>
    <t>面對 新冠 病毒 肆虐 世界 各國 紛紛 採取 減少 外出 或 與 人 接觸 甚至 封城 等 減少 社會 接觸 等 措施 而 一向 以 鐵腕 執法 聞名 的 新加坡 面對 國內 突然 惡化 的 疫情 也 祭出 嚴厲 規定 要求 人 與 人 之間 必須 保持 1 公尺 以上 距離 若 遭 舉報 或</t>
  </si>
  <si>
    <t>面對 新冠 病毒 肆虐 世界 各國 紛紛 採取 減少 外出 或 與 人 接觸 甚至 封城 等 減少 社會 接觸 等 措施 而 一向 以 鐵腕 執法 聞名 的 新加坡 面對 國內 突然 惡化 的 疫情 也 祭出 嚴厲 規定 要求 人 與 人 之間 必須 保持 1 公尺 以上 距離 若 遭 舉報 或 違規 將 面臨 1萬 元 新加坡 幣 新 台幣 21萬 罰款 以及 6 個 月 有期徒刑 根據 新加坡 海峽 時報 報導 新加坡 衛生部 最新 的 傳染病 關於 防範 新冠 病毒傳播 規定 2020 指出 只要 在 公共場所 中 刻意 與 人 之間 距離 低於 1 公尺 之內 將 被 罰款 1萬 新加坡 幣 以及 6 個 月 的 有期徒刑 此 一 法令 已於 27 日 淩晨 生效 該 法規 定 在 戶外工作 以及 在 校園 內 的 群 聚 逼 需 低於 10 人 以下 並 在 如 咖啡 廳 餐廳 與 購物 中心 等 非 交通運輸 空間 的 座位 中 確保 人 與 人 之間 保持 1 公尺 以上 距離 此外 該 法 也 規定 所有 的 運動 賽事 展覽 交易會 以及 如 戲院 劇場 遊樂場所 電子 遊樂 中心 等 大眾 娛樂場所 將 從 27 日 起 暫停 營運 至 30 日 報導 指出 新加坡 確診 新冠 病毒 的 人數 26 日 增加 52 起 病例 其中 28 起 為 境外 輸入 目前 總數 達 683 人</t>
  </si>
  <si>
    <t>國際 社會 新冠 病毒 檢 測量 川普 美國 很快 能 達 每日 500萬 個</t>
  </si>
  <si>
    <t>mlb 皇家 捕手 感染 新冠 練 球 結束 才 發現</t>
  </si>
  <si>
    <t>腳趾 出現 新冠 病毒 症狀 病變</t>
  </si>
  <si>
    <t>新安 東京 產 防疫 保單 健康 禦 守 新冠 住院日 額 給付 最高</t>
  </si>
  <si>
    <t>悲痛 的 里程碑 川普 發文 悼念 10萬 新冠 病 死 同胞</t>
  </si>
  <si>
    <t>美國 國家 過敏 與 傳染病 研究院 niaid 院長 佛 奇 anthony fauci 昨 27 日 表示 擁有 大量 突變 的 新冠 變異 株 omicron 有 可能 已經 入侵 美國 在 棘 狀 蛋白 spike protein s 蛋白 上 發現 32 個 突變 的 新冠 變異 株 omicron 已</t>
  </si>
  <si>
    <t>美國 國家 過敏 與 傳染病 研究院 niaid 院長 佛 奇 anthony fauci 昨 27 日 表示 擁有 大量 突變 的 新冠 變異 株 omicron 有 可能 已經 入侵 美國 在 棘 狀 蛋白 spike protein s 蛋白 上 發現 32 個 突變 的 新冠 變異 株 omicron 已經 擴散 非洲 歐洲 多國 目前 美國 尚未 發現 確診 病例 不過 白宮 首席 防疫 顧問 佛 奇 昨日 接受 美國國家廣播公司 nbc 今日 週末 weekend today 專訪 時 表示 如果 omicron 已經 進入 美國 他 也 不 會 感到 意外 佛 奇 強調 美國 境內 目前 尚未 檢測 出 omicron 變異 株 但是 當 你有 呈現 這種 傳播 程度 的 病毒 以及 在 以色列 比利時 及 其他 地區 出現 旅遊 史 相關 病例 時 當 你有 這樣 的 病毒 時 幾乎 無法 避免 最後 會 全面 蔓延 佛 奇 說 omicron 令人擔心 是 因為 它 有 大量 突變 有 可能 讓 它 比 其他 變異 株 更具 傳染 力 我們 目前 還 不 知道但 我們 將 會 假設 是 這個 狀況 佛 奇 也 補充 說明 大量 突變 代表 新 變異 株 可能 逃脫 單株 抗體 monoclonal antibody 康復者 血漿 convalescent plasma 等 新冠 治療 方式 以及 新冠 疫苗 提供 的 保護 佛 奇 強調 這些 都只 是 可能 但是 這些 建議 已經 夠 多 了 我們 真的 必須 密切 關注 並且 為 嚴重 之事 做好 準備</t>
  </si>
  <si>
    <t>陸逾 1億 兒童 已 接種 新冠 疫苗 港 討論 將 科興 接種 年齡 降 至 3 歲</t>
  </si>
  <si>
    <t>香港 新冠 疫苗 顧問 專家 委員會 今 15 日 下午 開會 討論 將 科興 疫苗 接種 年齡 限制 降 至 3 歲 香港醫院 藥劑師 學會 會長 崔俊明 今 早 表示 科興 有關 兒童 接種 疫苗 的 第 12 期 資料 非常少 涉及 3 至 5 歲 兒童 只 有 50 多 名 6 至 11 歲 者 約 80</t>
  </si>
  <si>
    <t>香港 新冠 疫苗 顧問 專家 委員會 今 15 日 下午 開會 討論 將 科興 疫苗 接種 年齡 限制 降 至 3 歲 香港醫院 藥劑師 學會 會長 崔俊明 今 早 表示 科興 有關 兒童 接種 疫苗 的 第 12 期 資料 非常少 涉及 3 至 5 歲 兒童 只 有 50 多 名 6 至 11 歲 者 約 80 名 但 相信 委員會 會 通過 申請 因為 大陸 已 有 逾 1億 名 兒童 接種 科興 且 免疫 反應 良好 崔俊明 表示 兒童 接種 複 必 泰 的 劑量 為 成年人 三 分 一 但 接種 科興 就 需要 成年人 劑量 才能 產生 免疫 反應 因 此 日後 或 需 接種 第 3 劑 崔 指出 bnt 疫苗 產生 的 抗體 較 高 但 科興 的 副作用 較 輕微 他 建議 應 同時 商討 將 bnt 的 接種 年齡 限制 降 至 5 歲 以 供 家長 選擇 另外 香港大學 感染 及 傳染病 中心 總監 何柏今 在 另 一 電臺節目 亦 同樣 認為 基於 大陸 降低 科興 疫苗 接種 年齡 後 的 情況 理想 香港 也 可 考慮 逐步 降低 接種 年齡 有助 家長 接受</t>
  </si>
  <si>
    <t>澳 促 新冠 調查 陸揮 80 關稅 重 拳</t>
  </si>
  <si>
    <t>香港 文匯報 報導 香港 新冠 疫苗 接種 計 畫 昨日 推出 第 100 天 有約 50400 人 接種 首次 單日 突破 5萬 大關 成為 歷來 新高 紀錄 香港 公務員 事務 局局長 聶德權 表示 近日 接種 預約 的 人數 都 較 踴躍 令人鼓舞 希望 各界 快 打 疫</t>
  </si>
  <si>
    <t>香港 文匯報 報導 香港 新冠 疫苗 接種 計 畫 昨日 推出 第 100 天 有約 50400 人 接種 首次 單日 突破 5萬 大關 成為 歷來 新高 紀錄 香港 公務員 事務 局局長 聶德權 表示 近日 接種 預約 的 人數 都 較 踴躍 令人鼓舞 希望 各界 快 打 疫苗 建立 穩固 的 保護 屏障 bnt 複 必 泰 疫苗 接種 年齡 降 至 12 歲 港 府 在 未來 一 星期 將 與 學校 商討 12 至 15 歲 學童 接種 疫苗 安排 香港政府 公佈 資料 顯示 截至 昨晚 8 時 1503萬 人 已 接種 第 一針 接種 率 為 229 約 1095萬 人 已 打 第二 針 接種 率 為 167 為 提醒 市民 儘快 打針 政府 昨日 在 網上 公佈 社區 疫苗 接種 中心 運作 進入 倒數 88 天 複 必 泰 疫苗 在 接種 中心 尚 餘 名額 為 大約 1936萬 人 科興 疫苗 約 528萬 人</t>
  </si>
  <si>
    <t>新冠 疫苗 莫德納 腫塊 腋下 乳 癌</t>
  </si>
  <si>
    <t>英國 接種 首 劑 新冠 疫苗 人數 破 1 760萬</t>
  </si>
  <si>
    <t>臺灣 新冠 疫情 延 燒 立 法院 預定 5 月 31 日 針對 紓困 條例 進行 修法 審查 如果 順利 通過 第一 波 紓困 資金 在 6 月 4 日 就 可以 緊急 入 帳 其中 企業 薪資 補貼 2萬 為 上限 做 補助 對此 綠 委 陳明文 加碼 呼籲 政府 針對 受 薪 階級 與 勞工 每人</t>
  </si>
  <si>
    <t>大陸 國務院 主辦 中央 直屬 黨報 經濟日報 13 日 報導 近日 兩 家 美國 製藥 公司 默沙東 和 輝瑞 接連 發佈 新冠 口服藥 好 消息 因為 資料 樂觀 被 不少 人 視為 新冠 特效藥 研發 成功 甚至 說 這樣 的 新冠 特效藥 可以 成為 全球 疫情</t>
  </si>
  <si>
    <t>特效藥 新冠 口服藥 默沙東 經濟日報 終結者</t>
  </si>
  <si>
    <t>週二 烏克蘭 衛生部 公共 衛生 中心 代理 負責人 庫 辛 ihor kuzin 對 說 烏克蘭 已 確認 首 起 新冠狀 肺炎 的 病例 路透社 報導 庫 辛 表示 患者 曾去 過 義 大利 他 經 羅馬尼亞 轉機 在 2 月 26 日 返回 烏克蘭 在 機場 曾進行 了 體溫 檢</t>
  </si>
  <si>
    <t>大陸 國務院 聯防 聯控 機制 在 17 日 召開 的 新聞 發佈會 上 中國 工程院 院士 王軍志 發佈 一 項 重要 進展 稱 大陸 新冠 病毒 的 疫苗 科研 團隊 已 開始 招募 受試者 王軍志 表示 大陸 目前 已 有 疫苗 研發 進展 較 快 的 單位 同時 向 國家藥監局 遞</t>
  </si>
  <si>
    <t>大陸 國務院 聯防 聯控 機制 在 17 日 召開 的 新聞 發佈會 上 中國 工程院 院士 王軍志 發佈 一 項 重要 進展 稱 大陸 新冠 病毒 的 疫苗 科研 團隊 已 開始 招募 受試者 王軍志 表示 大陸 目前 已 有 疫苗 研發 進展 較 快 的 單位 同時 向 國家藥監局 遞交 臨床 試驗 申請 的 材料 並且 已 展開 臨床 試驗 方案 論證 招募 志願者 等 相關 工作 目前 等待 國家藥監局 按照 有關 法規 批准 後 就 會 開始 臨床 試驗 王軍志 表示 應該 說 大陸 新冠 疫苗 研發 的 進度 在 目前 總體 上 位 在 國際 先進 行列 不會 慢 於 國外 王志軍 說 疫情 初期 大陸 就 成立 科研 攻關組 以 最 少 的 時間 將 疫苗 研發 工作 納入 到 五大 攻關 方向 並 予以 定向 優先 支持 按照 滅 活疫苗 基因 工程 重組 亞 單位 疫苗 腺病毒 載體 疫苗 減 毒 流感 病毒 載體 疫苗 和 核酸 疫苗 等 5 條 技術 方向 並 遴選 8 個 團隊 全力 進行 疫苗 研發 預計 在 4 月底 能 完成 流感 病毒 載體 疫苗的 臨床 前 研究</t>
  </si>
  <si>
    <t>蘋果 發佈 全新 iphone 12 款 新機 惟 繼 嬌 生 疫苗 喊 卡 後 又 有 美國 跨 國藥 企 禮 來 盤中 宣佈 暫停 新冠 治療 後期 試驗 整體 消息 面 多空 交 雜 台 指 期 今 開 漲 21 點 電子 期 開 漲 16 點 金融 期 則 相對 偏 弱 開盤 後 小跌 約 06 點 目前 仍 在</t>
  </si>
  <si>
    <t>因應 新冠 疫情 國 壽 取消 10 張 住院 險 30 天 等待 期</t>
  </si>
  <si>
    <t>中國工程院 院士 鍾 南山 李蘭娟 昨 出席 新冠 疫情 防控 經驗 國際 線 上 分享 會 鍾 南山 警告 如果 一些 國家 控制不了 疫情 會 給 全世界 帶來 災難 他 還 說 我 有點 擔心 美國 即將 發生 的 情況 美國 的 問題 將 是 全球 的 問題 聯邦 政府 必</t>
  </si>
  <si>
    <t>中國 工程院 院士 鍾 南山 李蘭娟 昨 出席 新冠 疫情 防控 經驗 國際 線 上 分享 會 鍾 南山 警告 如果 一些 國家 控制不了 疫情 會 給 全世界 帶來 災難 他 還 說 我 有點 擔心 美國 即將 發生 的 情況 美國 的 問題 將 是 全球 的 問題 聯邦 政府 必須 要 採取 更 激烈 的 更 強有力 的 舉措 當 被 問及 現階段 最 擔心 的 事情 時 鍾 南山 表示 我 現在 擔心 疫情 在 一些 國家 擴散 很 快 過 多 的 病人 會 給 醫療系統 帶來 巨大 的 負擔 沒有 床位 沒有 醫療 設施 沒有 專業人士 這 會 造成 惡性循環 他 續稱 如果 一些 國家 控制不了 疫情 會 給 全世界 帶來 災難 沒有 哪個 國家 能夠 置身事外 李蘭娟 則 表示 發現 和 控制 傳染源 是 疫情 控制 的 最 大 的 挑戰 傳染源 一旦 控制 了 就 相對 容易 控制 疫情 同時 防止 進一步 擴散 減少 危重症 發生 減少 病 死 率 也 同樣 值得注意 此外 兩 位 院士 均 表示 戴 口罩 維持 一定 距離 非常 重要</t>
  </si>
  <si>
    <t>南京市 三輪 全市 大規模 新冠 病毒 核酸 檢測 共 發現 確診 204 例</t>
  </si>
  <si>
    <t>南京市 衛健 委 副 主任 楊大鎖 今 8 1 日 上午 表示 自 本輪 疫情 發生 以來 南京市 已經 進行 了 三輪 全市 大規模 新冠 病毒 核酸 檢測 其中 三輪 期間 發現 確診 病例 74 例 81 例 以及 49 例 共 發現 確診 204 例 楊大鎖 表示 從 疫情 發生</t>
  </si>
  <si>
    <t>南京市 衛健 委 副 主任 楊大鎖 今 8 1 日 上午 表示 自 本輪 疫情 發生 以來 南京市 已經 進行 了 三輪 全市 大規模 新冠 病毒 核酸 檢測 其中 三輪 期間 發現 確診 病例 74 例 81 例 以及 49 例 共 發現 確診 204 例 楊 大 鎖 表示 從 疫情 發生 到 第一 輪 大規模 核酸 檢測 結束 共 檢測 92336萬 份 期間 發現 確診 病例 74 例 第二 輪 大規模 核酸 檢測 8478萬 份 期間 發現 確診 病例 81 例 截至 7 月 31 日 24 時 第 三輪 大規模 核酸 檢測 已 採樣 890萬 份 其中 876萬 份 採樣 結果 已 完成 檢測 期間 截至 7 月 31 日 24 時 發現 確診 病例 49 例</t>
  </si>
  <si>
    <t>近日 臺灣 疫情 趨 緩 疫苗 也 持續 拼接 種 率 不過 民眾 對於 防疫 新冠 疫苗 相當 謹慎 的 優點 也 出現 了 不少 打完 疫苗 能 不能 xx 的 疑問 例如 打完 疫苗 能 不能 運動 能 不能 打 手槍 能 不能 喝酒 等 對此 胸腔 內科 暨 重症 醫學 黃軒</t>
  </si>
  <si>
    <t>近日 臺灣 疫情 趨 緩 疫苗 也 持續 拼接 種 率 不過 民眾 對於 防疫 新冠 疫苗 相當 謹慎 的 優點 也 出現 了 不少 打完 疫苗 能 不能 xx 的 疑問 例如 打完 疫苗 能 不能 運動 能 不能 打 手槍 能 不能 喝酒 等 對此 胸腔 內科 暨 重症 醫學 黃軒 醫師 逐一 為 大家 解惑 打完 疫苗 可以 揉 壓 注射 點 嗎 對此 黃軒 醫師 表示 不 用 以往 打 其他 疫苗 許多 時候 醫護人員 可能 會 提醒 揉 按 一下 主要 是 因為 劑量 相較 較 高 通常 約 3 5 c c 藉 揉 按 的 方式達 擴散 的 效果 避免 集中 不過 新冠 疫苗 劑量 較 低 約 在 03 05 c c 不 需要 特別 做 此 動作 另一方面 注射 點 也 是 一 種 傷口 雖 新冠 疫苗 的 注射 點 非常 小 但 若 手部 不 清潔 一樣 有 造成 細菌 感染 的 風險 即便 機 率 不 高 還是 需 留意 打完 疫苗 可以 運動 打球 嗎 對於 這 點 黃軒 醫師 表示 不 建議 不過 也 視 情況 主要 看 是否 為 激烈 運動 像是 打球 跑步 拳擊 重 訓 等 就 不大 建議 但 散步 等 較 輕鬆 的 運動 還是 可以 視 個人 情況 斟酌 原因 在於 較 激烈 的 運動 後 身體 難免會 有 許多 不適 例如 喘 肌肉 酸痛 等 打完 疫苗 後 就 開始 運動 身體 的 不適 恐 難以 辨 別是 疫苗 的 副作用 不良反應 還 是 因為 運動 所 致 因此 建議 先 停 個 兩三 天 這 也 不 會 影響 到 個人 長久 的 運動 習慣 打完 疫苗 可以 打 手槍 自 慰 性愛 嗎 此 問題 在 黃軒 醫師 的 粉 專上 意外 的 相當 多 人 詢問 不過 確實 也 是 個 相當 重要 的 問題 值得 重視 對此 黃軒 醫師 表示 可以 不論 男女 新冠 疫苗 對 這些 行為 都 不 會 有所 影響 也 不 會 讓 疫苗 失效 疫苗 不會 藉 此 排 出 體 外 不過 還是 有 需要 留意 的 地方 如 前述 避免 太 過 激烈 的 行為 以免 身體 酸痛 疲憊 等 不適 無法 辨別 是 疫苗 引起 或是 性行為 引起 打完 疫苗 可以 喝酒 嗎 對此 黃軒 醫師 表示 不 建議 若要 喝 可 淺 酌 除了 酒精性 飲品 本身 就 不利 身體健康 有礙 免疫力 主要 也 包括 了 喝酒 往往 都 會 頭暈 頭痛 宿醉 等 這些 情況 出現 也 會 讓 人 難以 辨別 忽略 了 疫苗 可能 帶來 的 副作用 或 不良反應 會 讓 自己 置身於 風險 當中 因此 若 真 的 要 喝 建議 避免 超過 1 個 shot 杯 淺 酌 即可 打完 疫苗 可以 喝 咖啡 茶 嗎 對於 這 點 黃軒 醫師 表示 是 可以 的 不必 對 疫苗 特別 局限 疫苗 和 咖啡 不 會 有所 影響 不過 還是 要 提醒 民眾 酌量 留意 咖啡因 每日 的 攝取 上限 不可 過多 咖啡因 過多 也 可能 造成 心悸 到時 就 有 可能 造成 身體 不適 也 可能 難以 辨別 是否 為 疫苗 所 引起 打完 疫苗 可以 做 醫 美 嗎 隨 自由 意識 抬頭 現代人 不必 在意 別人 的 眼光 可以 適度 讓 自己 變 得 更 近於 自己 喜歡 的 樣 貌 醫 美 也 相當 受 歡迎 對於 新冠 疫苗 黃軒 醫師 表示 可以 但 建議 審慎 評估 並 和 醫師 討論 以 大方向 來說 原因 在於 身體 對外 來 物的 排斥 如 玻 尿酸 較 容易 讓 身體 有 明顯 的 免疫 反應 雖 通常 危險性 低 但 一樣 可能 造成 發炎 腫脹 等 情況 對 部分 較 注重 隱私 的 民眾 而言 就 有 可能 洩底 而 此 情況 在 6 個 月 左右 一樣 可能 會 出現 因此 不論 疫苗 或 醫 美 何者 為先 前後 可 間隔 一些 時間 建議 4 8 周 並經 醫師 評估 進行 若 在 進行 醫 美 後輪 到 接種 疫苗 就 在 醫師 評估 可行 後 儘早 接種 打完 疫苗 可以 打 其他 疫苗 嗎 對此 黃軒 醫師 表示 可以 但 需 間隔時間 並 和 醫師 討論 以 cdc 建議 為 7 日 而 以往 建議 普遍 為 14 日 民眾 可 做 參考 主要 原因 在於 各 疫苗 施打 目的 都 是 在於 提升 抗體 免疫力 多 會 有 相關 的 副作用 出現 若 沒 間隔時間 雖 疫苗 之間 通常 不 會 互相 影響 但 也 容易 難以 分辨 當下 的 副作用 起因 為 哪 支 疫苗 所 起 打完 疫苗 可以 熬夜 嗎 對此 黃軒 醫師 表示 相當 不 建議 一方面 熬夜 本 就 是 個 不利 於 身體健康 的 行為 另一方面 熬夜 如 前述 幾 個 例子 一樣 身體 容易 因為 疲勞 頭暈 等 不適 使得 不易 辨識 當下 的 情況 是否 為 疫苗 的 副作用 因此 不論是 施打 前後 都 不 建議 熬夜 應 早點 休息 為 佳 平日 也 建議 最好 還是 調整 回 正常 作息 打完 疫苗 可以 吃藥 中藥 嗎 藥物 不盡相同 黃軒 醫師 提醒 務必 和 醫師 討論 並 遵照 醫囑 以 慢性病 藥物 來說 如 糖尿病 高血壓 等 病情 需 受到 穩定 的 控制 施 打完 疫苗 後 一般而言 自然 是 要 繼續 規律 的 服藥 以 避免 情況 惡化 甚至 發生 性命 危險 中藥 方面 常見 的 科學 中藥 普遍 不 會 有所 影響 但 為 防範 于未然 一樣 需要 與 中醫師 討論 以 確保安全 打完 疫苗 可以 吃 保健品 營養食品 嗎 對此 黃軒 醫師 表示 可以 但 一樣 要 酌量 注意 來源 品質 一般而言 不論是 保健品 或 營養食品 都 並非 為 藥物 可 視為 如 食物 般的 額外 營養 補充 對 身體 的 直接 影響 並不大 不過 若是 來源不明 使用 偏方品質 不 佳 者 就 有 很多 的 不 確定 風險 存在 可能 造成 身體 負擔 或 不 可 預期 的 情況 這 不論 是否 在 施打 疫苗 後 都 需注意</t>
  </si>
  <si>
    <t>學生 驚 傳染 新冠 美 校 開學 第 1 天 就 隔離</t>
  </si>
  <si>
    <t>不用 戳 鼻孔 也 不 用 等待 24 小時 只 需 對 小 袋子 呼 氣 30 秒 就 可以 在 5 到 10 分鐘 內 確認 新冠 檢測 結果 的 技術 已不 是 夢想 近日 線 上 發表 於 國際 學術刊物 呼吸 研究 雜誌 一 篇 論文 表明 北京大學環境學院 教授 要 茂盛 團隊 與 北京 朝</t>
  </si>
  <si>
    <t>不用 戳 鼻孔 也 不 用 等待 24 小時 只 需 對 小 袋子 呼 氣 30 秒 就 可以 在 5 到 10 分鐘 內 確認 新冠 檢測 結果 的 技術 已不 是 夢想 近日 線 上 發表 於 國際 學術刊物 呼吸 研究 雜誌 一 篇 論文 表明 北京大學環境學院 教授 要 茂盛 團隊 與 北京 朝陽區 疾病 預防 與 控制 中心 等 團隊 合作 集成 呼 出氣 採樣 氣 相色譜 離子 遷移 譜 檢測 和 機器 學習 模型 研發 出新冠 感染 的 無 創 呼 出氣 揮發性 有機物 組合 指紋 篩查 系統 並 已 申請 大陸 國家 發明專利 實驗 已經 證明 這種 方法 有效 檢測 不但 快 而且 足夠 靈敏 要 茂盛 說明 目前 無 創 呼 出氣 篩查 系統 正 計 畫 擴大 樣本量 進一步 優化 與 測試 以 實現 推廣應用 據 科技日報 引述 要 茂盛 表示 該 檢測 中 無需 任何 檢測 試劑 被試者 使用 一次性 呼吸 袋 只要 呼氣 30 秒 便 可 完成 樣品 採集 最 快 能 在 5 到 10 分鐘 內 實現 新冠 患者 快速 篩查 相比 核酸 檢測 這種 方法 不僅 簡便 省時 還 十分 經濟 要 茂盛 認為 新冠 核酸 檢測 有時 會 出現 假 陰性 的 隱患 特別 許多 場所 和 場景 都 需要 快速 篩查 例如 高層 會議 海關 入境 特殊 航班 隔離 酒店 收治 醫院 等 可 在 這些 地方 填補 核酸 檢測 在 時間 和 靈敏度 方面 的 不足 做到 雙 保險</t>
  </si>
  <si>
    <t>慈濟 大學 1 學生 確診 肺結核 好 家 在 非 新冠</t>
  </si>
  <si>
    <t>新冠 疫情 衝擊 陸 機票 1 折 吐血 價 上海 重慶 200 元</t>
  </si>
  <si>
    <t>美 新冠 死者 破 4千 聯 國 二戰 來 最 大 危機</t>
  </si>
  <si>
    <t>防疫 商 機 發酵 普 生 新冠 檢測 領先 出 貨</t>
  </si>
  <si>
    <t>大陸 國家 衛健 委 6 日 通報 截至 6 月 5 日 全 大陸 31 個 省 自治區 直轄市 和 新疆生產建設兵團 累計 報告 接種 新冠 病毒 疫苗 7億6306萬 劑 次 截至 6 月 4 日 累計 向 80 多 個 國家 捐贈 向 40 多 個 國家 出口 疫苗 3億5701萬 劑 同時 大陸</t>
  </si>
  <si>
    <t>大陸 國家 衛健 委 6 日 通報 截至 6 月 5 日 全 大陸 31 個 省 自治區 直轄市 和 新疆生產建設兵團 累計 報告 接種 新冠 病毒 疫苗 7億6306萬 劑 次 截至 6 月 4 日 累計 向 80 多 個 國家 捐贈 向 40 多 個 國家 出口 疫苗 3億5701萬 劑 同時 大陸 滅 活疫苗 重組 蛋白 疫苗 腺病毒 載體 疫苗 已 也 累計 在 全球 90 多 個 國家 和 地區 獲 批 上市 或 緊急 使用 據 央 視 引述 大陸 國家 衛生 健康 委 副 主任 曾益新 表示 目前 來看 病毒 仍 在 不斷 變異 但 還 在 疫苗 防控 範圍 內 強調 要 繼續 觀察 病毒 的 變異 一旦 病毒 的 變異 超出 現在 疫苗 防控 範圍 就 要 對 疫苗 進行 升級 改造 升級 到 兩 價 疫苗 甚至 三 價 疫苗 來 防控 大陸 國家 衛健 委 指出 在 新冠 病毒 疫苗 研發 生產 使用 等 方面 均 在 積極開展 國際 合作 部分 疫苗 研發 單位 元 已經 與 阿拉伯 聯合 大公國 巴西 烏茲別克 菲律賓 巴基斯坦 等 20 多 個 國家 的 相關 機構 合作 展開 期 臨床 試驗 同時 有 部分 疫苗 研發 單位 正在 與 國外 企業 合作 核酸 疫苗 研發 部分 疫苗 研發 單位 獲得 流行病 防範 創新 聯盟 經費 支持 目前 也 正 進行 境外 期 臨床 試驗 生產 方面 大陸 疫苗 生產 企業 與 多 個 發展中國家 展開 合作 迅速 推進 疫苗 的 大規模 生產 部分 企業 生產 的 原液 已 運往 巴西 印尼 埃及 阿拉伯 聯合 大公國 巴基斯坦 馬來西亞 等 國 並 啟動 境外 分 包裝 工作</t>
  </si>
  <si>
    <t>北京 海澱區 1 名 赴 京 人員 核酸 陽性 上海 新增 2 例 新冠 本土 確診 病例</t>
  </si>
  <si>
    <t>想 擺脫 新冠 疫情 美 媒 指 按 疫苗 接種 速度 得 等 7 年</t>
  </si>
  <si>
    <t>英國首相 強 森 1 招 孫子兵法 0 成本 對付 新冠 與 刁民</t>
  </si>
  <si>
    <t>緊急狀態 日本 菅義偉 新冠 疫情 確診</t>
  </si>
  <si>
    <t>70 天 就 控制 住 新冠 疫情 蘇貞昌 大贊 臺灣 是 外 媒 口中 的 第 2 次 奇跡</t>
  </si>
  <si>
    <t>全球 最 安全 國家 竟是 它 旁邊 都是新冠 重災區</t>
  </si>
  <si>
    <t>環孢素 老 藥 新用 搭 瑞德西韋 治療 新冠</t>
  </si>
  <si>
    <t>臺灣 也 將 有 輝瑞 bnt 疫苗 根據 衛福部 疾 管署 近期 公告 新冠 疫苗 冷鏈 倉儲 採購 需求 我 將 採購 攝氏 負 70 度 冷鏈 技術 50萬 劑 由於 僅 有 輝瑞 bnt 疫苗 需要 在 零下 70 度 的 保存 條件 因此 估算 我國 應可 從 covax 配 貨 50萬 劑量 不過</t>
  </si>
  <si>
    <t>針對 大陸 新冠 病毒 疫苗 是否 輸入 臺灣 的 議題 大陸 國 台辦 24 日 晚間 再度 表態 稱 陸方 願意 迅速 作出 安排 讓 廣大 臺灣同胞 儘快 有 大陸 疫苗 可用 並稱 如果 有 需要 大陸 也 願意 積極 考慮 向 臺灣 派出 疫情 防控 專家 國 台辦</t>
  </si>
  <si>
    <t>新冠 重創 多數 經濟體 恐 陷 半 年 深 凍 期</t>
  </si>
  <si>
    <t>新冠 疫情 導致 旅遊 相關 產業 損失慘重 據 聯合國 旗 下 的 世界旅遊組織 unwto 今 年前 10 個 月 國際 旅客 抵達 人數 比 去年同期 慘跌 72 寫 下 1990 年 以來 首 見 的 低點 該 組織 指出 全球 各 目的地 的 國際 旅客 人數 比 去年同期 足</t>
  </si>
  <si>
    <t>新冠 疫情 導致 旅遊 相關 產業 損失慘重 據 聯合國 旗 下 的 世界旅遊組織 unwto 今 年前 10 個 月 國際 旅客 抵達 人數 比 去年同期 慘跌 72 寫 下 1990 年 以來 首 見 的 低點 該 組織 指出 全球 各 目的地 的 國際 旅客 人數 比 去年同期 足足 少 了 9億 人次 換算 起來 產業 整體 損失 高 達 9350億 美元 約 台幣 269 兆 這 金額 有 多 驚人 比 2009 年 全球 金融危機 還 要 高 10 倍 unwto 秘書長 波羅裡卡施維裡 指出 自 疫情 危機 爆發 以來 該 組織 提供 各國 政府 和 業者 的 資料 顯示 疫情 對 全球 旅遊 產生 前所未見 的 衝擊 儘管 疫苗 問世 的 消息 提升 旅遊 信心 但要 邁向 復蘇 仍 有 一 段長 路</t>
  </si>
  <si>
    <t>新冠 病毒 又 來 北京 半 封城 逾 千 航班 取消</t>
  </si>
  <si>
    <t>新冠 疫情 衝擊 新北 家 暴 第一 季成長 3 成</t>
  </si>
  <si>
    <t>大陸 陳薇 團隊 研發 新冠 疫苗 進入 臨床 試驗</t>
  </si>
  <si>
    <t>由 軍事科學院 軍事醫學 研究院 陳薇 院士 領銜 的 科研 團隊 研製 的 重組 新冠 疫苗 昨天 3 月 16 日 20 時 18 分 獲 批 啟動 展開 臨床 試驗 根據 大陸 央 視 報導 由 軍事科學院 軍事醫學 研究院 陳薇 院士 領銜 的 科研 團隊 自 1 月 26 日 抵達 武漢</t>
  </si>
  <si>
    <t>室內 要 戴 口罩 新冠 會 空氣 傳播 全球 數 百 專家 聯手 打 臉 who</t>
  </si>
  <si>
    <t>新冠 死亡率 和 這 因素 有關 沈富雄 直言 十分 驚人</t>
  </si>
  <si>
    <t>全球 新冠 死亡 破 百萬 美國醫學會 驚 爆 可能 少 算 一大 截</t>
  </si>
  <si>
    <t>國 高中生 接種 bnt 意願 書 今天 截止 收 件 究竟 要 不 要 讓 12 到 17 歲 的 學生 打 bnt 疫苗 讓 許多 家長 苦惱 對此 精神 科 名醫 沈政男 表示 英國 疫苗 委員會 不 建議 12 15 歲 健康 族群 打 新冠 疫苗 並 指出 疫苗 打 在 身上 影響 的 是 自己 的 健康</t>
  </si>
  <si>
    <t>再 傳 7 例 新冠 確診 北京 餐飲 防控 升 陸 股 備戰</t>
  </si>
  <si>
    <t>港 府 將 引入 新冠 口服藥 專家 對 delta 變種 病毒 有效</t>
  </si>
  <si>
    <t>國民黨 主席 江啟臣 昨晚 在 國際 民主聯盟 idu 的 防疫 線 上 會議 中 與 來自 60 幾 個 國家 的 100 多 位 政治 人物 共同 討論 國際 防疫 工作 並 進行 專題報告 江啟臣 表示 除了 宣傳 臺灣 全民 努力 的 防疫 成果 他 更 直接 表達 國際衛生組織 who 不 應該 排除 中華民國 江 啟臣 昨晚 9 時受 國際 民主聯盟 之 邀 以 網路 研討會 的 形式 與其 他 5 位 與會 成員 共同 討論 民主 國家 如何 應對 新冠 病毒 疫情 包括 前 澳洲 總理 亞伯特 奧地利 歐盟 事務部長 艾 茲 達德勒 美國 企業 研究所 研究員 戈特利伯 英國 貿易 政策 次長 漢 茲 美國 藥品 研究 及 製造商 協會 執行 副 總裁 莫希 齊 茨 基 而 參加 研討會 者 有 超過 150 名 的 國際 民主聯盟 成員 及 其 代表 江 啟臣 除了 宣傳 臺灣 全民 努力 的 防疫 成果 也 直接 表達 國際衛生組織 不 應該 排除 中華民國 透過 參與 世界衛生組織 更 能夠 分享 臺灣 防疫 經驗 對 提升 世界 公共 衛生 水準 作出 實質 的 貢獻 國際 民主聯盟 主席 加拿大 前 總理 哈伯 在 會議 中 也 應允 將 與 idu 政黨 會員 一同 討論 協助 臺灣 參與 世界衛生組織 江 啟臣 說 醫療 是 普世 價值 臺灣 參與 世界衛生組織 更是 人權 議題 不能 成為 國際 政治 的 角力 場 臺灣 的 防疫 經驗 與 傑出 的 公衛 環境 有助於 國際 公衛 發展 未來 不論 任何 政黨 執政 參與 who 是 不分 朝 黨派 的 共同 目標 更是 國人 一致 努力 的 方向</t>
  </si>
  <si>
    <t>接種 新冠 疫苗 常見 副作用 為 注射 部位 紅腫 頭痛 畏 寒及 發燒 等 不過 日本 一 名 女子 接種 完 莫德納 後 竟 開始 不斷 地 掉 發 令 她 崩潰 地 上網 查詢 相關 副作用 但 始終 找 不 到 答案 便 將 其 過程 po 上網 而 現在 她 也 接受 生髮 門診 治療</t>
  </si>
  <si>
    <t>影 主人 染 新冠 15 狗 1 貓 慘 被 撲 殺 引 眾怒 集體 逃難 衝擊 畫面 曝光</t>
  </si>
  <si>
    <t>國內 疫情 雖 較 緩和 疫苗 施打 持續 上緊 發條 台中 市長 盧秀燕 26 日 在 市政 會議 表示 疫苗 來 就要 打 預計 今天 接種 完 第 1 劑 的 能量 達 70 以上 覆蓋率 第 2 劑 達 30 以上 兩 項 指標 都 比 中央 提早 達標 盧秀燕 表示 從 6 月 4 日 開始 施打 疫苗 台中 市 首創 全國 開設 快 打 站 因應 長輩 可能 上網 或 使用 電腦 較 陌生 不 需 預約 排隊 透過 鄰里 系統 逐戶 發放 接種 通知單 長者 施打 踴躍 預計 到 27 日 長者 施打 疫苗 告一段落 65五 歲 以上 長者 55 歲 以上 原 住 民 全部 完成 第 2 劑 接種 27 日 也 完成 莫德納 第 2 劑 完成 即 台中 市 65 以上 長者 與 55 歲 以上 原 住 民 都 已 完成 兩劑 接種 盧秀燕 表示 快 打 站 目前 還 不 會 撤除 會 繼續 保留 一旦 疫苗 配發 台中 市 劑量 多時 若 醫療 院所 無法 負荷 快 打 站 即 會 出動 快 打 站 地點 加入 預約 平臺 發揮 功能 疫苗 來 就要 打 盧秀燕 說 預計 今天 接種 完 第 1 劑 能量 70 覆蓋率 以上 第 2 劑 達 30 以上 兩 項 指標 比 中央 提早 達標 台中 市 從 10 月 22 日 展開 第 12 期 新冠 疫苗 施打 第一 階段 施打 超過 30萬 劑 疫苗 第二 階段 施打 超過 18萬 劑 兩 階段 共計 要 施打 超過 50萬 劑 是 最 艱 困 的 一期 盧秀燕 表示 市府 團隊 將 戰戰兢兢 盡力 完成</t>
  </si>
  <si>
    <t>新冠 病毒 肆虐 全球 意外 引起 美 陸 政治 糾紛 雙方 就 病毒 起源 與 是否 隱瞞 疫情 甚至 陰謀論 等 說法 隔 空 交火 其中 又 以 陸 外交部 發言人 趙立堅 的 美軍 可能 帶 疫情 進入 武漢 的 說法 具 爭議 對此 陸 駐 美 大使 崔天凱 時 表示 由 記</t>
  </si>
  <si>
    <t>新冠 病毒 肆虐 全球 意外 引起 美 陸 政治 糾紛 雙方 就 病毒 起源 與 是否 隱瞞 疫情 甚至 陰謀論 等 說法 隔 空 交火 其中 又 以 陸 外交部 發言人 趙立堅 的 美軍 可能 帶 疫情 進入 武漢 的 說法 具 爭議 對此 陸 駐 美 大使 崔天凱 時 表示 由 記者 或 外交官 來 揣測 病毒源 起 非常 不當 除了 明 嗆 美 議員 對 病毒 起 於 武漢 實驗室 陰謀論 之外 也 暗 批 趙立堅 的 美軍 帶病毒 一 說 崔天凱 接受 美國 媒體 axios on hbo 於 22 日 專訪 時 表示 他 曾於 2 月 9 日 在 哥倫比亞廣播公司 cbs 政論 節目 面對 全國 face the nation 訪問 時就 曾 表示 散播 新冠 病毒 是 源自 於 美軍 實驗室 之類 謠言 的 想法 根本 是 瘋狂 的 至今 立場 仍 不 變 不過 媒體 追問 崔天凱 的 說法 是 在 趙立堅 的 美軍 可能 帶 疫情 進入 武漢 一 說 之前 並 詢問 他 的 立場 對此 崔天凱 表示 立場 沒 變 我 當時 立場 如此 現在 依然 報導 指出 趙立堅 的 說法 惹火 包括 總統 川普 在內 等 多 名 美國 官員 對於 陸 官員 隨意 散播 美軍 帶病毒 進 大陸 的 陰謀論 十分 不以為然 甚至 引起 美國務院 還為 此 召見 崔天凱 媒體 再 追 問 崔天凱 是否 對此 曾問 過 趙立堅 崔天凱 表示 沒 問 過 強調 並說 我 在 此 代表 我國 領導人 與 我國 政府 不 代表 任何 個人 對於 主持人 詢問 趙立堅 還是 崔天凱 發言 代表 中國政府 崔天凱 回答 我 是 在 美國 的 中國 代表 不過 主持人 仍 感覺 沒 回答 到 核心 追問 所以 我們 不 應該 逐字逐句 看到 趙 的 發言 也 不必 將 他 的 話 當 成是 大陸政府 的 立場 即使 他 是 發言人 崔天凱 則 回答 你 可以 嘗試 解讀 某人 的 聲明 我 沒有 立場 也 沒有 責任 向 你 解釋 每個 人 的 觀點 崔天凱 表示 病毒 究竟 源 起 何處 應 由 科學家 解釋 由 記者 或 外交官 來 揣測 病毒源 起 非常 不當 他 也 譴責 有 些 在 華府 的 人 散播 一些 未經 證實 的 謠言 暗 指 共和黨 籍 聯邦 參議員 柯頓 tom cotton 曾 暗示 病毒 起源 於 武漢 實驗室 的 陰謀論 此外 對於 川普 多次 稱 中國 病毒 崔天凱 也 引用 世界衛生組織 的 命名 規則 時 就 提到 要 避免 與 特定 的 團體 或 地名 連結 以 免遭 汙名 化 希望 who 的 規則 有人 遵守</t>
  </si>
  <si>
    <t>川普 新冠 病情 比 已 知 更 嚴重 出現 重大 急症 一度 考慮 裝 呼吸器</t>
  </si>
  <si>
    <t>據 兩 名 參與 籌備工作 的 人士 表示 中國 大陸 已 暫定 計畫 在 4 月 下旬 或 5 月初 舉行 全國人大 政協會議 這 兩 個 每年 按 例 在 3 月 舉行 的 會議 因 新冠 病毒 而延 後 目前 大陸 新冠 病毒 新增 病例 已 大幅 下降 因而 打算 在 疫情 趨 緩 之際 召開 此</t>
  </si>
  <si>
    <t>澳洲 新南 威爾斯 省 7 日 宣佈 該省 首府 雪梨 和 周邊地區 為期 兩 周 的 封鎖 本 預定 9 日 結束 但 為了 阻止 高 傳染 力 的 新冠 變種 病毒 delta 擴散 因此 決定 讓 封鎖 時間 延長 一 周至 16 日 晚上 11 點 59 分 為止 省長 貝雷 吉克利安 gladys bere</t>
  </si>
  <si>
    <t>澳洲 新南 威爾斯 省 7 日 宣佈 該省 首府 雪梨 和 周邊地區 為期 兩 周 的 封鎖 本 預定 9 日 結束 但 為了 阻止 高 傳染 力 的 新冠 變種 病毒 delta 擴散 因此 決定 讓 封鎖 時間 延長 一 周至 16 日 晚上 11 點 59 分 為止 省長 貝雷 吉克利安 gladys berejiklian 說 省政府 決定 延長 封鎖 一 周 的 理由 是 因為 我們 不 想 陷入 必須 反 覆 地 封鎖 解封 封鎖 後 又 解封 的 狀況 之中 她 強調 現在 可能 是 去年 爆發 疫情 以來 所 面對 的 最重 大 挑戰 因為 delta 變種 病毒 已 令 疫情 出現 重大 變化 省政府 只 希望 這次 封鎖 是 在 大量 民眾 完成 接種 疫苗 之前 的 最後 一 次 澳洲 全國 人口 約 2600萬 人 目前 約 7 民眾 完成 疫苗 接種 大 雪梨 地 與 附近 的 藍山 blue mountains 中央 海岸 central coast 和 沃隆岡 wollongong 在 封鎖 期間 必須 留在 家裡 只 有 工作 或 採購 民生 必需品 等 原因 才能 外出</t>
  </si>
  <si>
    <t>新冠 疫苗 接種 自 15 日 起 展開 隨 著 美方 捐贈 的 250萬 劑 莫德納 抵 台 加上 已 有的 近 200萬 劑 az 政府 承諾 的 大規模 施打 即將 具體 實現 中 時 新聞網 整理 7 項 重點 供 有意 前往 接種 的 民眾 以及 陪同 的 家人 參考 確保 疫苗 副作用</t>
  </si>
  <si>
    <t>新冠 疫苗 接種 自 15 日 起 展開 隨 著 美方 捐贈 的 250萬 劑 莫德納 抵 台 加上 已 有的 近 200萬 劑 az 政府 承諾 的 大規模 施打 即將 具體 實現 中 時 新聞網 整理 7 項 重點 供 有意 前往 接種 的 民眾 以及 陪同 的 家人 參考 確保 疫苗 副作用 降 至 最 低 1 吃 早餐 當天 若要 打 疫苗 肚子 裡 最好 先 墊 點 東西 用意 是 確保 血糖 不會 太 低 也 不 要 吃 太飽 約 67 分 即可 以免 造成 身體 負擔 2 準備 普 拿 疼 幹 洗手 口罩 戴 好 戴 滿 普 拿 疼 是 為了 改善 疫苗 副作用 不良反應 程度 因人而異 幹 洗手 戴 口罩 都 是 出入 接種 站 時 應有 的 保護措施 若 有 護目鏡 或 面罩 更 好 3 家人 陪 同 長者 行動不便 家中 若 有 年輕人 陪同 前往 接種 最好 沿途 照 護 4 量 體溫 近來 天氣 高溫 炎熱 到 了 接種 站 可 稍作 休息 讓 因 移動 而 升高 的 體溫 恢復正常 萬一 當日 體溫 偏 高 不 建議 接種 5 心情 好 儘量 放 輕鬆保持 心情 愉悅 6 多喝水 促進 身體 新陳代謝 迴圈 也 可 預防 脫水 7 觀察 30 分鐘 接種 後 在 現場 陰涼 處 觀察 30 分鐘 確認 無 不良反應 再 返家 現場 有 醫護人員 可 隨時 處理 突發狀況</t>
  </si>
  <si>
    <t>防止 冬季 新冠 流感 同時 夾攻 中研院 研發 a 流感 廣 效 疫苗 以 1 打 多</t>
  </si>
  <si>
    <t>新冠肺炎 廣告 facebook twitter youtube</t>
  </si>
  <si>
    <t>雖然 對 美中 緊張 關係 的 擔憂 持續 籠罩 市場 但 美國 將 推出 新一輪 新冠肺炎 紓困 措施 使 投資人 的 風險 偏好 受到 提 振 由 三星電子 領 軍 週一 南韓 kospi 指數 收 漲 079 為 221786 點 結束 連續 3 天 的 跌勢 白宮 幕僚 長 米 道斯 mar</t>
  </si>
  <si>
    <t>雖然 對 美中 緊張 關係 的 擔憂 持續 籠罩 市場 但 美國 將 推出 新一輪 新冠肺炎 紓困 措施 使 投資人 的 風險 偏好 受到 提 振 由 三星電子 領 軍 週一 南韓 kospi 指數 收 漲 079 為 221786 點 結束 連續 3 天 的 跌勢 白宮 幕僚 長 米 道斯 mark meadows 周日 宣佈 白宮 與 參議院 共和黨 團 原則 上 已經 就 規模 約 1 兆 美元 的 新一輪 新冠肺炎 紓困 法案 達成協議 大型 股 普遍 收 高 三星電子 漲 258 sk 海力士 跌 108 現代 汽車 漲 082 南韓 最 大 網路 公司 naver 漲 125 其 同業 kakao 漲 062 外資 今日 買超 韓 股 1560億 韓元 機構 投資人 買超 1410億 韓元 散 戶 賣 超 2980億 韓元 韓元 漲 045 收在 11961 兌 一 美元</t>
  </si>
  <si>
    <t>韓 股 億 韓 紓困 新一輪 新冠肺炎</t>
  </si>
  <si>
    <t>鄭怡 近來 受 新冠肺炎 影響 大多 和 老公 待 在家 減少 出門 使用 口罩 的 機會 偶爾 去 朋友家 送 包 冷凍 蔬菜 她 都 覺得 是 人生 小 確 幸 鄭怡 的 雙胞胎 兒子 都 在 多倫多 她 難免 擔心 孩子 健康 情形 當地 朋友 非常 緊張 他們 說 那邊 的 政</t>
  </si>
  <si>
    <t>鄭怡 近來 受 新冠肺炎 影響 大多 和 老公 待 在家 減少 出門 使用 口罩 的 機會 偶爾 去 朋友家 送 包 冷凍 蔬菜 她 都 覺得 是 人生 小 確 幸 鄭怡 的 雙胞胎 兒子 都 在 多倫多 她 難免 擔心 孩子 健康 情形 當地 朋友 非常 緊張 他們 說 那邊 的 政府 防疫 措施 沒有 臺灣 做 得 這麼 好 朋友 們 有 準備 一些 口罩 給 我 兒子 我 也 提醒 孩子 要 勤洗手 鄭怡 感謝 臺灣政府 防疫 措施 完善 走 在 外面 滿安全 的 家裡 一直 都 有 備用 口罩 但 還是 盡可能少 出門 把 口罩 省 起來 我 跟 老公 都 沒去 排隊 買 口罩 把 機會 讓給 有 需要 的 人 對於 年 後 多 場 春 酒 及 海外 演出 受 疫情 影響 取消 或 延期 鄭怡 說 但 起碼 我們 活 在 一個 很 安全 的 地方 人 只要 能 健 健康 康地 活 著 節省 一點 日子 還是 過得去 多用 這個 方法 勉勵 自己 前天 西洋 情人節 是 她 雙 胞 兒子 的 生日 鄭怡 笑 稱 已 24 年 沒 慶祝 這個 節日 今年 難得 跟 老公 待在 臺灣 兩 人 選擇 在家 看 電影 度過 選 部 片子 準備 零食 有 朋友 說好 浪漫 但 其實 老 夫 老 妻 一起 看 電影 沒什麼 好 浪漫 邊看 還 邊 鬥嘴</t>
  </si>
  <si>
    <t>新冠肺炎 臺灣 快 篩 站 快 篩 國民 黨團 朝陽 科大</t>
  </si>
  <si>
    <t>新冠肺炎 疫情 肆虐 目前 全球 累計 75202 例 確診 2010 人 死亡 各國 防疫 繃緊神經 不過 就 有 網友 好奇 為 何不 全面 斷航 貼 文一 出 隨即 掀起 熱 議 更 有 內行人 點出 2 點 關鍵 主因 原 po 日前 在 ptt 八卦板 po 文 指出 全面 斷</t>
  </si>
  <si>
    <t>新冠肺炎 疫情 肆虐 目前 全球 累計 75202 例 確診 2010 人 死亡 各國 防疫 繃緊神經 不過 就 有 網友 好奇 為 何不 全面 斷航 貼 文一 出 隨即 掀起 熱 議 更 有 內行人 點出 2 點 關鍵 主因 原 po 日前 在 ptt 八卦板 po 文 指出 全面 斷航 明明 就 很 簡單 就 禁止 所有 飛機 落地 就 好 就 像 玩手 遊 一樣 簡單 左上 角 按 齒輪 設定 開啟 而已 這麼 簡單 為什麼 不 做 貼 文一 出 隨即 掀起 熱 議 網友 一面倒 直指 關鍵在於 經濟 問題 和 無法 阻止 耍手段 者 直言 經濟 會 崩潰 經濟 被 捏 著 啊 斷航 簡單 但 後續 影響 勒 斷航 後 複航 困難 後果 臺灣 承受 得 起 嗎 對 新加坡 都 不敢 斷 了 呵 呵 你 斷航 就 有人 偷渡 你 封城 就 有人 偷 跑 斷航 沒 那麼 簡單 問題 你 源頭 不斷 早晚 有 辦法 弄 死 你 但 也 有人 認為 絕對 支持 斷航 命 都 沒了 要 經濟 何用</t>
  </si>
  <si>
    <t>新冠肺炎 在 農曆 年前 蔓延 開來 全球 各地 確診 和 死亡 人數 居高不下 疫情 高峰期 一再 後延 讓 經濟 景氣 蒙上 一 層 陰影 投資 消費 進出口 或 經濟 成長 資料 的 表現 各項 資料 下 修 壓力 極大 反映 最 直接 的當 屬 股票市場 快速 走跌</t>
  </si>
  <si>
    <t>微 解封 夜市 高風險 臺灣 新冠肺炎</t>
  </si>
  <si>
    <t>新冠肺炎 臺灣 外 送 員 送 餐 職 安 署</t>
  </si>
  <si>
    <t>親近 梅根 的 消息人士 說 她 將 效法 已故 婆婆 戴安娜 王妃 接受 電視 專訪 全盤托出 脫 英 還有 淡出 王室 的 內幕 不過 和 黛妃 不同 的 是 她 將 獲得 100萬 英鎊 近 4000萬 台幣 的 報酬 據 每日 星報 daily star 和 快 報 express 報導 當 新冠肺炎 疫情 危機 結束 時 梅根 將 打破 沉默 透露 相關 內幕 據 這些 閨 密 透露 最 可能 負責 專訪 讓 梅根 說出 當初 她 和 哈利 為何 會 拋 出脫 英 震撼 彈 的 就 是 美國 脫口秀 女王 歐普拉 oprah winfrey 據說 梅根 態度 極 認真 一心 想要 靠 這 引人矚目 的 專訪 設法 贏回 大眾 的 心 一 名 親近 梅根 夫妻 的 消息人士 說 那 將 是 自 戴安娜 與 巴希爾 martin bashir 馳名 的 無話不說 對談 後 最 令人 期待 的 全球 電視 專訪 據說 梅根 同意 讓 新居 和 家庭 生活 入 鏡 但 哈利 仍 在 慎重考慮 相關 提案 此外 這 位元 消息人士 說 梅根 想要 把 收入 全數 捐 出 而 醫護人員 奮不顧身 在 前線 和 新冠肺炎 疫情 搏鬥 的 國家 醫療保健 服務 nhs 則 很 可能 成為 捐贈 的 對象 當 她 身為 王室 一 份子 時 單獨 接受 任何人 專訪 談 她 的 人生 還有 王子 如何 改變 了 她 的 世界 簡直 是 不可思議 的 但 如今 她 可說是 獨立自主 了 而 他們 邁出 大步 走 自己 的 路後 卻 感受 到 大家 失去 對 她 和 哈利 的 愛 令 她 承受 了 壓力 最近 消息 傳出 梅根 和 夫婿 遷居 她 的 故鄉 洛杉磯 後 哈利 遠離 王室 親人 覺得 備受 孤立 簡直 是 如 魚 離 水 般 而 哈利 王子 內幕 故事 prince harry the inside story 一 書 作者 拉 柯姆 duncan larcombe 告訴 近 點 週刊 closer weekly 娛樂 雜誌 網 哈利 在 洛杉磯 可能 會 被 視為 梅根 的 附屬品 拉 柯姆 甚至 指出 當 哈利 看到 王室 成員 在 英國 因 新冠肺炎 疫情 封城 之際 紛紛 為 國人 加油打氣 可能 會 覺得 沒 幫上 忙 他 並 表示 哈利沒上 大學 除了 從軍 和 做 慈善 工作 外 並 沒有 太 多 工作 經驗 因 此 很 可能 拼命 在 找 自己 適當 的 角色</t>
  </si>
  <si>
    <t>新冠肺炎 民 宿 業者 退費 連江縣 馬祖</t>
  </si>
  <si>
    <t>新冠肺炎 大陸 鍾 南山 變異 群體 免疫</t>
  </si>
  <si>
    <t>新冠肺炎 疾 情 來勢 凶凶 臺灣 16 日 出現 首 宗 死亡 案例 讓 人 怵目驚心 這 場 中國 確診 突破 7萬 人 的 疫情 全球 主要 股市 卻 多 出現 先 跌 後 漲 走勢 17 日 陸 股 更 大 漲逾 2 回 補 新冠 缺口 投資人 納悶 這 波 疫情 是 在 哈 囉 嗎 有</t>
  </si>
  <si>
    <t>新冠肺炎 臺灣 盧秀燕 疫苗 2 劑</t>
  </si>
  <si>
    <t>新冠肺炎 疫情 燒 不停 各級 學校 開學 在即 金門 臻 霖 實業 股份有限公司 經理 陳木勇 今 20 日 帶領 同仁 捐贈 30 桶 全方位 抗 菌 液 給 縣府 教育處 統籌 分發 國 中 小學校 使用 讓 師生 上課 更 安心 安全 陳木勇 是 在 金城鎮 鎮長 李誠智</t>
  </si>
  <si>
    <t>新冠肺炎 疫情 燒 不停 各級 學校 開學 在即 金門 臻 霖 實業 股份有限公司 經理 陳木勇 今 20 日 帶領 同仁 捐贈 30 桶 全方位 抗 菌 液 給 縣府 教育處 統籌 分發 國 中 小學校 使用 讓 師生 上課 更 安心 安全 陳 木勇 是 在 金城鎮 鎮長 李誠智 金湖 鎮 代表 陳向鑫 等 人 陪同 下 捐贈 這 批 實用 的 次氯酸 的 防疫 物資 教育處 將 轉發 學校 自行 分裝 於 噴霧器 用 在 大面積 及 局部 消毒 殺菌 陳 木勇 表示 次氯酸 是 一 種 強力 的 氧化劑 和 去 蛋白質 劑 可以 氧化 微生物 的 蛋白質 並 破壞 它 的 酵素 活性 有 消滅 細菌 病毒 功用 縣府 肯定 該 公司 的 善行 義舉 也 期許 大家 做好 校園 防疫 工作 協力 度過難關</t>
  </si>
  <si>
    <t>pcr 臺灣 采 檢 新冠肺炎 印度</t>
  </si>
  <si>
    <t>新冠肺炎 疫情 日益 嚴峻 內政部長 徐國勇 邀請 民間 攜手 共同 防疫 南 投 縣 魚池 鄉長 劉啟帆 及 農會 理事長 劉 啟行 兄弟 率領 當地 茶農 攜手 北上 捐贈 自產 13萬 茶 包 為 第一 線 防疫 人員 打氣 其中 還 有 90 歲 茶農 及 6 歲 小 童在每 包 茶葉 上</t>
  </si>
  <si>
    <t>新冠肺炎 內政 部 魚池鄉 茶葉 鄉長</t>
  </si>
  <si>
    <t>新 研究 顯示 高達 86 患者 感染 了 新冠肺炎 卻 沒有 症狀 隨 著 這些 隱形 患者 四處 趴 趴 走 也 助長 了 疫情 大 流行 據 信使 新聞 報 the mercury news 引述 科學 science 期刊 報導 在 大陸 實施 旅遊 禁令 前 約 有 86</t>
  </si>
  <si>
    <t>國際 社會 南韓 新冠肺炎 確診 新增 161 例 累計 達 763 例</t>
  </si>
  <si>
    <t>我國 新冠肺炎 第 32 例 確診 為 行蹤不明 移 工 依 就業 服務法 規定 外國人 在 台 工作 采 許可 制 必須 向 勞動部 申請 許可 若 聘 雇到 假冒 身分 的 非法 外國人 雇主 未 善 盡 查證 責任 最高 要 面臨 最高 75萬 元 的 罰 鍰 若 檢舉 聘 雇 非法 移</t>
  </si>
  <si>
    <t>我國 新冠肺炎 第 32 例 確診 為 行蹤不明 移 工 依 就業 服務法 規定 外國人 在 台 工作 采 許可 制 必須 向 勞動部 申請 許可 若 聘 雇到 假冒 身分 的 非法 外國人 雇主 未 善 盡 查證 責任 最高 要 面臨 最高 75萬 元 的 罰 鍰 若 檢舉 聘 雇 非法 移 工 的 雇主 最高 可 獲得 7萬 元 獎金 勞動部 表示 雇主 在聘 雇 移 工 前 先 查驗 外國人 的 居留證 及 工作 許可 正本 再 核對 證件 與 本人 身分 是否 相符 最後 再 詢問 外國人 是 新 住 民 依親 居留 還是 移 工 身分 就 能 避免 違反規定 而 不 受罰 勞動部 官員 指出 目前 若要 在 醫院 能 有 合法 聘用 的 外國人 包括 取得 居留證 的 新 住 民 取得 勞動部 許可 的 外籍 學生 或是 已經 合法 申請 的 家庭 看護 工 陪同 被 照顧 者 入院 照顧 等 鮮 少有 隨時 提供 人力 的 模式 勞動部 提醒 雇主 在聘 雇 前 記得 同時 檢查 外僑 居留證 個人 工作 許可 正本 及 依親 戶口名簿 等 資料 至於 新 住 民 獲准 居留 依法 雖然 不 須向 勞動部 申請 工作 許可 但 雇主 記得 還是 要 查驗 居留證 護照 結婚 證明 或 戶口名簿 等 資料 並 仔細 核對 相片 及 身分 以免 聘 雇到 假冒 身分 的 非法 外國人 面臨 最高 75萬 元 的 罰 鍰 至於 一般 所稱 的 白領 藍領 外國人 必須 在聘 雇 前 就 事先 申請 許可 無法 臨時 進用 且 只能 從事 許可 的 工作 專案 如 對 外國人 身分 確認 或 工作 範圍 有 疑義 可上 內政 部 移民署 居留證 查詢網 查詢</t>
  </si>
  <si>
    <t>新冠肺炎 az 莫德納 疫苗 接種 意願 財經 網 美</t>
  </si>
  <si>
    <t>義隆 nb 筆記型電腦 觸 控 板 新冠肺炎</t>
  </si>
  <si>
    <t>受 新冠肺炎 影響 今年 1 月 營 收有 904億 的 臺灣 虎 航 6757 2 月 營 收 584億 元 相較 1 月 營 收 903億 元 大 減 3533 較 去年同期 減少 3720 累計 1 2 月 營 收 1488億 元 年 減 1310 公司 原 規劃 3 月底 開航 的 日本 新 潟 航線</t>
  </si>
  <si>
    <t>受 新冠肺炎 影響 今年 1 月 營 收有 904億 的 臺灣 虎 航 6757 2 月 營 收 584億 元 相較 1 月 營 收 903億 元 大 減 3533 較 去年同期 減少 3720 累計 1 2 月 營 收 1488億 元 年 減 1310 公司 原 規劃 3 月底 開航 的 日本 新 潟 航線 目前 已經 決定 延後 開航 日期 未定 台 虎 指出 今年 農曆 春節 落 在 1 月 是 航空 旺月 2 月 開始 後 新冠肺炎 影響 民眾 出國 意願 降低 加上 澳門 韓國 相繼 列為 三級 警示 疫區 公司 暫停 派 機 飛行 菲律賓 一度 拒絕 臺灣 客機 飛行 後 公司 也 暫停 菲律賓 航班 目前 剩下 日本 與 泰國 還 有 在 飛 估計 3 月份 營 收 還 會 下降 臺灣 虎 航 去年 12 月 16 日 股價 以 41 元 登錄 興 櫃 今 11 日 下午 1 點 40 分 均 價 3378 元 賣 出 257萬 股</t>
  </si>
  <si>
    <t>根據 日本 共同 社 報導 指出 東京 奧運 開幕 在即 各國 代表團 也 陸續 抵達 日本 為 防控 新冠肺炎 疫情 東京 奧 會 籌委會 採取 隔絕 運動員 和 外部 接觸 的 泡泡 模式 但 在 普通人 也 會 使 用 到 的 機場 和 飯店 卻 很 難 完全 隔離 開來 如</t>
  </si>
  <si>
    <t>根據 日本 共同 社 報導 指出 東京 奧運 開幕 在即 各國 代表團 也 陸續 抵達 日本 為 防控 新冠肺炎 疫情 東京 奧 會 籌委會 採取 隔絕 運動員 和 外部 接觸 的 泡泡 模式 但 在 普通人 也 會 使 用 到 的 機場 和 飯店 卻 很 難 完全 隔離 開來 如今 甚至 選手村 也 傳出 確診 者 讓 所謂 的 安全 防範 對策 開始 出現 極大 漏洞 共同 社 報導 上週末 成田 機場 可以 看到 不少 國外 運動員 推 著 超大 行李 來來往往 還 出現 抵達 大廳 的 代表團 相關 人員 試圖 與 前來 接 機 的 朋友 握手 但 遭到 工作人員 制止 更 有人 不 戴 口罩 聊起 天 來 絲毫 沒有 防疫 觀念 東京 奧運 籌委會 將 成田 機場 設定 接待 三 分之二 的 國外 代表團 與 相關 人員 因此 機 場內 的 移動 路線 透過 工作人員 引導 與 普通 旅客 保持 距離 和 間隔 還為 檢疫 入境 審查 通關 手續 設置 專用 通道 但 隨 著 入境 人數 的 增加 問題 逐漸 顯現 入境 計畫 突然 取消 人數 與 事先 資訊 不符 而 引發 混亂 或是 因 等待 檢測 結果 而 在 機場 內 四處 走動 機場 人員 抱怨 採用 泡泡 模式 的 難度 非常 大 對於 安排 各國 採訪記者 住宿 的 飯店 籌委會 統一安排 要求 飯店 設施 等 與 普通 房客 分開 但 受限於 飯店 規模 等 問題 有時 也 會 碰到 直接 與 民眾 接觸 的 狀況 東京 某 家 飯店 經理 表示 原本 有意 將 電梯 分開 使用 但 在 早晚 人 多 擁擠 的 時段 無論如何 都 會 發生 一起 搭乘 的 現象 餐廳 也 只 有 一個 只能 設置 隔離 板 而 入境 日本 後所 要求 的 14 天 自主 隔離 也 只能 信任 入住 者 了 在 東京都 中心 地區 的 大型 飯店 籌委會 都會 派出 人員 24 小時 常駐 對 出入 者 進行 檢查 入境 14 天 以內 的 住客 允許 外出 15 分鐘 以內 外出 和 回 飯店 都 需要 登記 但 根據 飯店 經理 說 只 有 極 少數 的 人 會 遵守 隔離 規定</t>
  </si>
  <si>
    <t>郁方 疫情 齋戒 新冠肺炎 臺灣</t>
  </si>
  <si>
    <t>新冠肺炎 疫情 失控 4 月 能否 趨 緩 或是 獲得 控制 充滿 了 變數 也 讓 下 個 月 歐洲 的 復活節 活動 埋 上 陰影 梵蒂岡 今天 宣佈 下 個 月 從 4 月 9 日 的 神聖 星期四 又 名 洗 足 日 至 12 日 的 復活節 星期日 活動 照常 舉行 但 所 有 聚會 均</t>
  </si>
  <si>
    <t>新冠肺炎 疫情 失控 4 月 能否 趨 緩 或是 獲得 控制 充滿 了 變數 也 讓 下 個 月 歐洲 的 復活節 活動 埋 上 陰影 梵蒂岡 今天 宣佈 下 個 月 從 4 月 9 日 的 神聖 星期四 又 名 洗 足 日 至 12 日 的 復活節 星期日 活動 照常 舉行 但 所 有 聚會 均 禁止 信徒 參與 堪稱 是 梵蒂岡 歷來 破天荒 的 第一 次 每年 4 月 的 神聖 周 都 會 吸引 數 十萬 信徒 湧入 羅馬 以及 梵蒂岡 但 今年 義 大利 是 新冠肺炎 的 重災區 並 已 宣佈 全國 封 城 至少 至 4 月 3 日 梵蒂岡 網站 表示 至 4 月 12 日 之前 教宗 方濟各 每週 三 的 公開 接見 以及 周日 的 賜福 都 會 正常 舉行 只不過 一樣 不 會 對 信 眾 開放 但 信 眾 可 上網 或 觀看電視 遠 距 參與</t>
  </si>
  <si>
    <t>梵蒂岡 4 月 復活節 活動 新冠肺炎 教宗</t>
  </si>
  <si>
    <t>新冠肺炎 疫情 持續 升溫 美國 也 遭到 波及 臺灣 時間 2 日 最新 進度 指出 美國 已 有 89 起 確診 病例 美 股 上周 也 受到 恐慌性 賣壓 拋售 創下 金融危機 以來 最慘 紀錄 對此 有 經濟學家 表示 消費者 支出 為 美國 經濟 成長 重要 支 住 之一</t>
  </si>
  <si>
    <t>新冠肺炎 疫情 持續 升溫 美國 也 遭到 波及 臺灣 時間 2 日 最新 進度 指出 美國 已 有 89 起 確診 病例 美 股 上周 也 受到 恐慌性 賣壓 拋售 創下 金融危機 以來 最慘 紀錄 對此 有 經濟學家 表示 消費者 支出 為 美國 經濟 成長 重要 支 住 之一 若 連 國內 消費 意願 也 降低 衝擊 恐怕 比 供應 鏈 受到 打擊 還 嚴重 陸美 雙方 在 1 月 好不容易 才 達成 第一 階段 貿易 協議 並 在 2 月 14 日 正式 生效 有望 替 這 兩 年 來 遭到 嚴重 打擊 的 美國 製造業 重新 獲得 訂單 然而 新冠肺炎 疫情 在 1 月 下旬 爆發 並 迅速 在 亞洲地區 擴散 2 月中 旬 也 延 燒 至 義 大利 等 歐洲 國家 這 波 疫情 也 導致 大陸 經濟 活動 受到 嚴重 打擊 大陸 國家統計局 上周 六 公佈 2 月份 製造業 pmi 指數 從前 值 50 直 墜 至 357 不僅 遠 低於 市場 預期 的 45 更 創下 2008 年 11 月 爆發 金融危機 以來 最 糟糕 紀錄 寫下 歷史 新低 據 cnbc 報導 蘇格蘭皇家銀行 集團 投資銀行 部門 natwest markets 美國 首席 經濟學家 michelle girard 表示 投資人 目前 都 關注 新冠肺炎 衝擊 影響 但 實際上 消費者 需求 變化 才 更讓人 擔憂 michelle girard 指出 近年來 還 沒有 任何 一 件 事情 像 新冠肺炎 疫情 一樣 造成 企業 大規模 停止 運作 以及 民眾 自發性 自我 防疫 加上 疫情 有 大規模 傳染 疑慮 存在 將 改變 美國 消費者 行為 michelle girard 認為 消費者 為了 避免 感染 新冠肺炎 進而 取消 觀看 電影 體育賽事 等 活動 但 消費者 支出 這 是 美國 經濟 成長 的 重要 支柱 一旦 消費 意願 下降 將 造成 嚴重後果 美國 經濟 諮 商會 公佈 最新 資料 顯示 2 月份 消費者 信心 指數 從 1034 升至 1307 低於 市場 預期 的 132</t>
  </si>
  <si>
    <t>新冠肺炎 疫情 美國 經濟</t>
  </si>
  <si>
    <t>美專家 警告 新冠肺炎 恐 全球 大 流行</t>
  </si>
  <si>
    <t>世界衛生組織 who 至今 尚未 將 新冠肺炎 定義 為 大 流行病 但 美國 疾病 管制 暨 預防 中心 cdc 高層 官員 25 日 警告 新冠 病毒 疫情 可能 演變 成為 全球 大 流行病 且 病毒 在 美國 境內 擴散 也 是 遲早 都 會 發生 的 事情 cdc</t>
  </si>
  <si>
    <t>世界衛生組織 who 至今 尚未 將 新冠肺炎 定義 為 大 流行病 但 美國 疾病 管制 暨 預防 中心 cdc 高層 官員 25 日 警告 新冠 病毒 疫情 可能 演變 成為 全球 大 流行病 且 病毒 在 美國 境內 擴散 也 是 遲早 都 會 發生 的 事情 cdc 首席 副 主任 舒 卡特 anne schuchat 25 日 在 記者會 上 表示 與其 說 這種 情況 是否 會 發生 還 不如 說 什麼 時候 會 發生 美國會 有 多少 人 被 感染 其中 又 有 多少 人 會 患上 重症 或 出現 更 多 併發症 我們 多年 來 一直 在 準備 應對 此類 威脅 並 減少 疫情 對 我們 社區 的 衝擊 美國 衛生 與 公共服務 部 部長 阿紮爾 alex azar 則 指出 目前 美國 面臨 的 風險 仍 低 但 可能 迅速 改變 現在 多 個 非 亞洲 國家 都 已 出現 社區 傳播 這 將 使 我們 越來越 難 把 疫情 成功 遏制 在 國 門外 當局 已 與 州 地方 和 私人 部門 夥伴 展開 密切合作 為 減少 潛在 的 病毒傳播 預 做 準備 因為我們 很 可能 會 在 美國 看 到 更 多病 例 此前 cdc 國家 免疫 和 呼吸 疾病 中心 主任 麥森 尼 耶 nancy messonnier 也 告訴 媒體 我們 預期 國內 會 出現 社區 傳播 目前 美國 有 57 起 新冠肺炎 確診 病例 其中 大多 為 鑽石 公主 號 郵輪 撤回 的 乘客 加州 三藩市市 25 日 宣佈 進入 地方 緊急狀態 市長 布裡德 london breed 透過 聲明 稱 儘管 當地 尚未 發現 確診 只 有 3 起疑 似 病例 但 全球 局勢 正在 迅速 變化 我們 需要 加緊 準備 正 採取 必要措施 保護 三藩市 居民 免 受 其 害 另外 中國 大陸 為 解決 國內 口罩 等 防疫 物資 短缺 問題 禁止 出口 口罩 包括 3 m 等 4 家 在 大陸 設廠 的 美 企 白宮 貿易 顧問 納瓦洛 表示 將 要求 這些 企業 撤回 美國 以 因應 美國 的 需求</t>
  </si>
  <si>
    <t>鑒於 國內 新冠肺炎 確診 病例 遞增 為 提升 台中 市 旅 宿 觀光 遊樂業 旅行 業 溫泉業 文創 等 觀光 產業 從業人員 防疫 知識 及 危機 處理 應變能力 觀 旅 局 於 34 日 兩 天 特聘 前 衛生 署長 楊志良 及 光 田 醫院 感染 控制 科 主治 醫 陳俊志</t>
  </si>
  <si>
    <t>新冠肺炎 觀 旅 局 講座 楊志良 旅遊 史 防疫</t>
  </si>
  <si>
    <t>新冠肺炎 持續 流行 失 智 症 患者 數 恐 激增</t>
  </si>
  <si>
    <t>據 美國 全國 廣播公司 商業 頻道 報導 國際 失 智 症 協會 alzheimer s disease international adi 1 日 警告 從 長期 來看 新冠肺炎 的 持續 流行 恐 導致 失 智 症 患者 的 人數 激增 部分 研究 更 顯示 感染 新冠肺炎 不僅 增加 罹 患 失 智</t>
  </si>
  <si>
    <t>失 智 症 新冠肺炎 阿茲海默 症 新冠 病毒 腦 霧</t>
  </si>
  <si>
    <t>疫苗 新冠肺炎 台積電 鴻 海 大 立 光</t>
  </si>
  <si>
    <t>新冠肺炎 症狀 公司 疫情 企業</t>
  </si>
  <si>
    <t>勇士隊 威金斯 andrew wiggins 鬧 出 拒打 新冠 疫苗 的 風波 之後 巫師 隊 也 出現 另 一 位 硬骨頭 畢爾 bradley beal 畢爾 在 本 周 的 球隊 媒體 日 公開 表示 他 拒絕 接種 新冠 疫苗 還 把 疫苗 嘲笑 了 一番 畢爾 說 你們 不 可以 強迫 任何人 把 其他 東西 打 進 身體 裡 如果 我們 把 疫苗 換成 其他 東西 就 很 清楚 了 重點 是 你們 不能 強迫 別人 你們 得 讓 大家 自行決定 其實 是 可以 強迫 的 一些 球隊 早就 這麼 做 了 他們 下令 所有 前線 職 員工 都 要 接種 疫苗 否則 不予 續 聘 甚至 解雇 已經 有 人 因 此 丟掉 飯碗 只 是 nba 球員 有 強大 的 工會 撐腰 聯盟 管 不動 他們 除非 地方 政府 直接 下令 目前 有 紐約 和 三藩市 今年 7 月 病毒 未經 同意 就 強行 入侵 了 畢爾 的 身體 讓 他 確診 新冠肺炎 害 他 無法 參加 東京 奧運 而 錯失 金牌 其實 東京 奧運 有 規定 選手 一定 要 打 疫苗 畢爾 根本 也 不能 參賽 畢爾 說 對 我 得 過 病 我 有 抗體 但 也 不 表示 我 不 會 再 得 一 次 這 跟 打過 疫苗 的 人 沒有 分別 還是 有 球員 和 教練 打過 疫苗 了 也 染病 疫苗 號稱 有 很 強 的 保護 力 結果 還 是 不能 避免 任何人 染病 這 很 好笑 事實上 疫苗 只 是 降低 你 住院 的 機 率 從 湖人隊 被 賣 過 來 巫師 的 庫 茲 馬 kyle kuzma 也 和 畢爾 一個 鼻孔 出氣 沒人 知道 事情 會 怎樣 發展 美國 也 不 知道 某些 關於 個人 健康 的 事 必須 永遠 保持 隱私 庫 茲 馬 拒絕 談論 是否 接種 疫苗</t>
  </si>
  <si>
    <t>畢爾 疫苗 新冠肺炎 nba 巫師</t>
  </si>
  <si>
    <t>新冠肺炎 疫情 緊張 高雄正 修 科大 幼兒 保育 系 防疫 動手做 19 日 由 老師 帶領 學生 diy 製作 隨身 皂 走 到 哪 洗到 哪 防疫 更 有效率 屏 東 美 和 科大 成立 防疫 工作 坊 專家 指導 學生 手 作 簡易 防護衣 可 替換 口罩 套 檢疫 防護 頭套</t>
  </si>
  <si>
    <t>新冠肺炎 疫情 緊張 高雄正 修 科大 幼兒 保育 系 防疫 動手做 19 日 由 老師 帶領 學生 diy 製作 隨身 皂 走 到 哪 洗到 哪 防疫 更 有效率 屏 東 美 和 科大 成立 防疫 工作 坊 專家 指導 學生 手 作 簡易 防護衣 可 替換 口罩 套 檢疫 防護 頭套 護目鏡 等 實用 防疫 品 大學生 確診 新冠肺炎 全國 各 大專 校院 繃緊神經 紛紛 加強 防疫 措施 而 用 肥皂 勤洗手 是 病毒 不 上 身 的 重要 關鍵 但 許多 大 學生 都 認為 肥皂 體積 大 洗手 後 濕 滑 攜帶 很 不 方便 正 修科大 幼 保 系 師生 於是 興起 自製 隨身 皂 想法 老師 杜佩紋 帶領 學生 將 皂 基 100 克 荷荷 芭 油 10 滴 茶樹 尤加利 精 油 各 30 滴 加入 鐵盆 中 拌勻 再 加 少許 起泡 劑 及 色 水 全部 溶 勻 後 隨即 倒入 扁 管中 等 它 凝固 套 上 蓋子 就 大功告成 除 扁 管外 使用 完後 的 護唇膏 口紅 膠管 都 可以 作為 盛裝 皂 液 的 工具 另 學生 們 也 製作 簡易 的 口罩 l 夾 取下 口罩 不知 要 放在 哪裡 時 就 可以 直接 放 進 l 夾 中 屏 東 美 和 科技 大學 成立 防疫 工作 坊 舉辦 防疫 護 起來 防疫 護 具 diy 課程 邀請 業 界 師資 指導 師生 製作 各項 防護 用具 製造 出 的 成品 可 提供 校園 第一線 體溫 檢測 人員 使用 降低 群 聚 感染 風險 共度 疫情 危機 校長 翁順祥 說 相關 防疫 衛教 知識 也 加入 通 識 課程 並 透過 校內 電視 牆 及 電子 看 板 不斷 播放 希望 阻絕 病毒 於 外 不讓 讓 學生 受教 權益 受 影響</t>
  </si>
  <si>
    <t>隨 著 新冠肺炎 疫情 擴散 美國 企業 開始 要求 員工 在家 上班 導致 筆記型電腦 等 商品 遭到 搶購一空 電腦 製造商 因 中國 大陸 爆發 疫情 波及 供應 鏈 運作 主要 零 組件 仍然 短缺 最終 導致 筆 電 供不應求 美國 連鎖 家電 賣 場 百思 買 best</t>
  </si>
  <si>
    <t>外交部 日本 警示 旅遊 新冠肺炎</t>
  </si>
  <si>
    <t>新冠肺炎 臺灣 確診 柯文哲 北 投</t>
  </si>
  <si>
    <t>新冠肺炎 大 流行 期間 居家 抗 疫 刺激 電 玩 需求 根據 任天堂 7 日 公佈 上個 會計年度 第 四季 1 月 至 3 月 營業 利益 狂 飆 200 switch 遊戲機 和 動物 森 友 會 遊戲 軟 體 熱銷 帶動 業績 躥 揚 任天堂 表示 3 月 20 日 在 全球 開 賣 的</t>
  </si>
  <si>
    <t>新冠肺炎 大 流行 期間 居家 抗 疫 刺激 電 玩 需求 根據 任天堂 7 日 公佈 上個 會計年度 第 四季 1 月 至 3 月 營業 利益 狂 飆 200 switch 遊戲機 和 動物 森 友 會 遊戲 軟 體 熱銷 帶動 業績 躥 揚 任天堂 表示 3 月 20 日 在 全球 開 賣 的 動物 森 友 會 最新 系列 遊戲 集合 啦 動物 森 友 會 上市 六 周便 創下 1340萬 套 的 紀錄 銷售 佳績 成為 最 暢銷 的 switch 遊戲 軟 體 受 此 激勵 任天堂 7 日 股價 大 漲 325 以 46100 日圓 作 收 任天堂 上 季 營業 利益 揚升 至 894億 日圓 輕鬆 超越 分析 師 預期 switch 和 動物 森 友 會 是 推動 業績 躥 升 的 兩 大 功臣 switch 問世 已經 四 年 市場 原先 質疑 任天堂 吸引 非核心 玩 家 的 能力 該 公司 1 月底 預估 傳統 淡季 switch 的 銷量 可能 不 到 200萬 台 但 結果 賣出 超過 300萬 台 讓 上個 財年 全年度 銷量 上升 至 2100萬 台 大幅 超越 該 公司 預估 的 1950萬 台 2100萬 的 銷售 數位 包含 1480萬 台 結合 掌上型 與 家庭 遊戲 主機 功能 的 switch 以及 620萬 台 在 2019 年 9 月 上市 的 掌上型 遊戲機 switch lite switch 需求 強勁 和 疫情 衝擊 供應 鏈 一度 造成 switch 全球 缺貨 但 任天堂 表示 缺貨 對 上 一會 計 年度 業績 影響 有限 截至 3 月 止 的 上個 會計年度 任天堂 淨利 年 增 33 至 2586億 日圓 營 收 上升 9 至 13 兆 日圓 不過 任天堂 對本 會計年度 2021 年 3 月底 止 的 財 測 保守 預期 營 收 和 淨利 雙雙 下滑 任天堂 預估 2021 年 3 月底 止 的 本 財年 營 收 下滑 83 至 12 兆 日圓 淨利 恐 年 減 23 降 至 2000億 日圓 預期 switch 全年度 銷量 為 1900萬 台 該 公司 表示 新冠肺炎 疫情 打亂 業務 運作 後 生產 和 出 貨 逐漸 復原 不過 若是 遊戲 設計師 得 長期 居家辦公 可能 影響 遊戲 開發 工作</t>
  </si>
  <si>
    <t>新冠肺炎 mic 資 策 會 5 g 中 芯 國際</t>
  </si>
  <si>
    <t>白嘉莉 1 日 舉辦 白嘉莉 另 一個 春天 白嘉莉 40 年 藝術創作 個展 她 對 繪畫 情 有 獨鍾 這次 展出 近 50 幅 作品 一 開場 她 感性 地 說 在 新冠肺炎 期間 能夠 來 參加 我 由衷 地 感謝 當天 恰 逢 她 的 生日 現場 有 百 位 粉絲 齊唱 生日 快</t>
  </si>
  <si>
    <t>白嘉莉 1 日 舉辦 白嘉莉 另 一個 春天 白嘉莉 40 年 藝術創作 個展 她 對 繪畫 情 有 獨鍾 這次 展出 近 50 幅 作品 一 開場 她 感性 地 說 在 新冠肺炎 期間 能夠 來 參加 我 由衷 地 感謝 當天 恰 逢 她 的 生日 現場 有 百 位 粉絲 齊唱 生日快樂 歌 場面 十分 溫馨 也 叮嚀 粉絲 們 看 展 期間 要 戴 口罩 勤洗手 白嘉莉 與 妹妹 白 菲比 感情 深厚 妹妹 遠 從 澳洲 回台 擔任 畫展 主持人 姊妹 難得 同時 出現 在 公眾 場合 她 坦言 近 幾 年 與 妹妹 相聚 不易 她 人 都 在 澳洲 擔任 義工 我們 不常 見面 但 仍 常 聯絡 難 抵 美食 吃 胖 了 白嘉莉 愛 臺灣 也 愛 美食 她 說 臺灣 是 我 長大 和 工作 的 地方 每個 地方 我 都 喜歡 她 非常 懷念 臺灣人 的 熱情 溫暖 臺灣 最 有名 的 就 是 人情味 保養 得宜 的 她 向來 不 忌口 美食 來者不拒 最愛 牛肉麵 燒餅油條 還 笑 說 都 吃 胖 了 臺灣 美好 掛 嘴邊 她 總 把 臺灣 的 美好 掛 在 嘴邊 她 原訂 22 日 要 前往 新加坡 和 印尼 因 新冠肺炎 疫情 關係 她 選擇 留在 臺灣 這個 安全 的 地方 很多 國外 朋友 都 羡慕 我 臺灣 疫情 控制 真的 很 好</t>
  </si>
  <si>
    <t>新冠肺炎 臺灣 打 麻將 蒐證 直播</t>
  </si>
  <si>
    <t>黃昏 市場 頭份 市公所 緊急 清 消 新冠肺炎</t>
  </si>
  <si>
    <t>伊拉克 出現 第 6 例 新冠肺炎 確診 患者 曾赴 伊朗</t>
  </si>
  <si>
    <t>國內 29 日 新增 新冠肺炎 本土 個案 320 例 校正 回歸 166 例 總計 486 例 確診 個案 中 新增 21 死 再創 單日 新 高 臺北市 長 柯文哲 指出 21 死 是 預料中 的 事 因 重症 患者 從 住 進 加 護 病房 到 死亡 會 有 時間差 導致 死亡 波峰 落後 死亡</t>
  </si>
  <si>
    <t>新冠肺炎 臺灣 口罩 工人 吃飯</t>
  </si>
  <si>
    <t>伊林 娛樂 藝人 張雁名 受 邀 擔任 日本 北九洲 觀光 推廣員 2 月中 親 赴 北九洲 拍攝 旅遊 影片 由於 正值 新冠肺炎 疫情 肆虐 張雁名 這次 工作 快 閃 北九洲 3 日 事前 防疫 準備 做 足 飛機 上 乘客 也 僅 個 位數 他 則 全程 戴 口罩 日本 工作 團隊</t>
  </si>
  <si>
    <t>伊林 娛樂 藝人 張雁名 受 邀 擔任 日本 北九洲 觀光 推廣員 2 月中 親 赴 北九洲 拍攝 旅遊 影片 由於 正值 新冠肺炎 疫情 肆虐 張雁名 這次 工作 快 閃 北九洲 3 日 事前 防疫 準備 做 足 飛機 上 乘客 也 僅 個 位數 他 則 全程 戴 口罩 日本 工作 團隊 也 很 貼心 每日 為 他 準備 新 口罩 替換 並 隨時 帶 著 酒精 進行 環境 消毒 張 雁 名 這 趟 去 北九洲 拍攝 3 天 快 閃多 個 旅遊景點 包括 生命 之 旅 博物館 門司港 旦 過 市場 他 特別 感受 到 日本 人 非常 有禮貌 但 文化差異 險 鬧出笑話 回程 當天 工作人員 送 他 上機 在 門口 一直 對 他 點頭 他 也 禮貌 向 對方 點頭 雙方 就 這樣 互相 點 頭 了 3 分鐘 他 心想 怎麼 還 沒 離開 一度 擔心 來不及 搭 飛機 後來 才 發現 原來 日本 習俗 是 送客 時 必須 完全 看 不 到 對 方才 可以 離開 有趣 的 是 此行 日本 工作人員 也 對於 他 實際 年齡 37 歲 感到 不可 置信 現場 還有 一 位與 他 同年齡的 日方 攝影 助理 兩 人 站 在 一起 大家 都 覺得 張雁名 大概 只有 27 歲 瞬間 減 齡 10 歲 的 張雁名 開心 說 其實 去年底 到 洛杉磯 參加 弟弟 婚禮 當時 在 街上 逛 街 血 拼 他 頂 著 一頭 淺色 頭髮 也 被 當地人 誇讚 髮型 好看 加上 一身 韓系 潮流 穿 搭 竟 被 誤認 是 韓星 張 雁 名 在 演藝圈 耕耘 10 多年 勇於 挑戰 各種 不同 角色 是 偶像 劇 及 綜藝節目 的 常客 前 陣子 他 利用 拍戲 空 檔 改變 造型 將 頭髮 染 成 淺色 新造型 大 獲 好評 新增 年輕 及 學生 粉絲 到 國外 旅遊 工作 都 被 誤認為 只 有 20 多 歲 但因 工作 需求 他 現 已將 頭髮 染黑 希望 多變 又 成熟 的 一面 能 被 看見 他 透露 今年 想 挑戰 熟齡 的 角色 也 開始 嘗試 留鬍子</t>
  </si>
  <si>
    <t>張雁名 伊林 娛樂 北九洲 日本 新冠肺炎</t>
  </si>
  <si>
    <t>新冠肺炎 紓困 防疫 最新 措施 三大 產業 紓困 將 拍板 逾 400億</t>
  </si>
  <si>
    <t>新冠肺炎 疫情 衝擊 擴大 行政院 會 13 今 日 將 拍板 規模 逾 400億 的 短期 紓困 和 振興 方案 針對 服務業 觀光 運輸業 和 農業 三大 產業 紓困 其中 政 院 擬 擴大 餐飲 零售 會展 商圈 夜市 及 傳統 市場 五大 內需 服務業 適用範圍</t>
  </si>
  <si>
    <t>新冠肺炎 疫情 衝擊 擴大 行政院 會 13 今 日 將 拍板 規模 逾 400億 的 短期 紓困 和 振興 方案 針對 服務業 觀光 運輸業 和 農業 三大 產業 紓困 其中 政 院 擬 擴大 餐飲 零售 會展 商圈 夜市 及 傳統 市場 五大 內需 服務業 適用範圍 提供 逾 百億 元 紓困 措施 另外 還 要 發 振興 抵 用 券 以利 疫情 紓 緩 時 刺激 消費 提 振 經濟 動能 行政院 今天 將 拍板 五大 內需 服務業 紓困 措施 主要 以 周轉 貸款 及 資金 營運 救急 為主 由 中小企業 信 保 基金 提供 融資 信用 保證 最高 九 成 保證 成數 免 保證 手續費 且 貸款 可 展延 中小企業 營運 資金 可 享 短期 低利 無息貸款 利息 由 政府 補貼 每 案 上限 約 20 25萬 元 但 中大型 企業 周轉金 貸款 則 無 利息 補貼 行政院 發言人 kolas yotak 表示 在 疫情 期間 將 提供 服務業 數位 轉型 環境 優化 及 人才 培育 等 協助 待 疫情 結束 後 資金面 提供 業者 新增 貸款 能量 在 市場 面 透過 大型展銷 活動 吸引 消費者 並 透過 振興 抵 用 券 等 相關 措施 刺激 消費 經濟部 昨 向蘇揆 簡報 服務業 紓困 方案 經費 規模 約 160億 元 蘇揆 指示 短期 振興 措施 要 讓 民眾 有感 經濟部 昨 漏 夜 調整 中 具體 金額 仍 待 院會 通過 後 定案 官員 強調 今 通過 紓困 及 振興 措施 均 以 一 年 為期 可 執行 為主 至於 發放 振興 抵 用 券 是 用於 夜市 商圈 或 百貨 賣 場 官員 說 適用範圍 發放 額度 由 經濟部 研議 目的 要 在 疫情 緩解 時 刺激 消費 但 不是 消費 券 不會 取代 既有 消費 一定 有 適用範圍 以 擴大 額外 效益 這類 抵 用 券 是 吸取 去年 夜市 券 成功經驗 加以 擴大 調整 採取 消費 金額 可以 部 份 抵 用 另 政 院 也 決定 提出 防疫 紓困 特別 條例 特別 預算 特別 條例 主 責 單位 是 衛福部 今 院會 拍板 的 紓困 措施 經費 先 由 部會 移 緩 濟急 或 利用 特種 基金 經濟部 交通部 提出 的 部分 措施 仍 需 動用 特別 預算 但 特別 預算 專案仍 待 防疫 及 防疫 假 補貼 等 專案 匯 整 再 統 整 規模 防疫 紓困 特別 條例 草案 最 快下 週四 20 日 院會 拍板 定案 此外 針對 旅行社 觀光 飯店 航空 運輸 小 三通 等 相關 行業 交通部 提出 短期 補貼 紓困 貸款 利息 補貼 等 措施 主要 是 補助 損失 協助 業者 融資 周轉 經費 142億 元 另 振興 方案 54億 元 合計 196億 元 農業 方面 則 提出 外銷 補助 農 漁業 和 休閒 農業 紓困 貸款 等 其中 農 漁業 休閒 農業貸款 準備 資金 503億 新貸 戶 可 享 優惠 貸款 利率 079 到 168 此外 商總 理事長 賴正鎰 昨日 在 新春 活動 也 表示 預估 受 疫情 影響 全年 gdp 成長率 下 修約 03 個 百分點 全年 成長率 落 在 22 至 23 之間 他 強調 疫情 影響 全球 航空 旅遊 餐飲 等 服務業 上半年 業績 肯定 受 衝擊 呼籲 政府 儘快 給予 業者 貸款 降息 利息 補貼 或是 減稅 等 紓困 措施 協助 企業 現金 流 或 生產線 能 維持 穩定 中小企業 度過難關 才能 穩定 國內 就業 市場</t>
  </si>
  <si>
    <t>啟動 異地 辦公 嚴防 新冠肺炎 瑞芳 警 第二 辦公室 防疫 機制 建置 完成</t>
  </si>
  <si>
    <t>新冠肺炎 大陸 香港 檢疫 期 放寬</t>
  </si>
  <si>
    <t>新冠肺炎 臺灣 5 死 醫 曝 加 護 病房 痛苦 哀號</t>
  </si>
  <si>
    <t>新冠肺炎 疫情 延 燒 國內 今天 又 新增 2 人 死亡 累計 已 有 5 名 確診 者 病逝 陽明醫學 博士 胸腔 重症 醫師 蘇一峰 透露 一般 人 可能 無法 理解 加 護 病房 病人 使用 的 維生 管路 有 多 痛苦 他們 幾乎 每天 都 在 痛苦 哀號 中央 流行 疫情 指揮 中</t>
  </si>
  <si>
    <t>香港 林鄭月娥 新冠肺炎</t>
  </si>
  <si>
    <t>新冠肺炎 視 訊 通訊 診療 醫院 居家 檢疫</t>
  </si>
  <si>
    <t>擁有 最美 空姐 之 稱 的 林佩瑤 去年 離開 航空 業 嫁 給 名廚 武俊傑 最近 夫妻倆 因 新冠肺炎 取消 日 本行 改去 台中 觀光 用餐 前 拍下 兩 張辣 照 超 胸 猛 的 身材 讓 人 眼睛 不知 往 哪 擺 由於 新冠肺炎 疫情 持續 增 溫 林佩瑤 和 老公 計畫</t>
  </si>
  <si>
    <t>擁有 最美 空姐 之 稱 的 林佩瑤 去年 離開 航空 業 嫁 給 名廚 武俊傑 最近 夫妻倆 因 新冠肺炎 取消 日 本行 改去 台中 觀光 用餐 前 拍下 兩 張辣 照 超 胸 猛 的 身材 讓 人 眼睛 不知 往 哪 擺 由於 新冠肺炎 疫情 持續 增 溫 林佩瑤 和 老公 計畫 的 日本 行 已 被 外交部 列為 黃色 警示 他們 決定 改 成 國內 旅遊 跑 去 台中 知名 溫泉 度假村 除 了 大 啖 美食 還 泡 了 暖呼呼 的 溫泉 老公 也 幫 林佩瑤 拍 了 美 照 只 見 她 化 著 一貫 精緻 的 妝容 黑色 薄 外套 裡面 搭 著 低 胸 衣服 露出 超 豐滿 的 雙峰 和 深邃 事業 線 連 外套 都 包 不住 好身材 完全 展露 無 遺 網友 看 了 狂 贊 好 漂亮 超 美 林 佩 瑤 曾 在 限 時 動態 問答 中 透露 自己 愛用 的 保養品 海洋 拉娜 乳 霜 沒 它 我會 哭 死 同時 分享 洗完 澡 後 趁 皮膚 濕潤 時 會 塗上嬌 生 嬰兒油 再 用 毛巾 擦乾 身體 肌膚 就 會 光滑 柔嫩</t>
  </si>
  <si>
    <t>新冠肺炎 全校 停課 家長 可 請 不 強制 給 薪 的 防疫 照顧 假</t>
  </si>
  <si>
    <t>新冠肺炎 請假 停課 防疫 家長</t>
  </si>
  <si>
    <t>勞工 紓困 貸款 小 額 信貸 防疫 照顧 假 新冠肺炎 疫情</t>
  </si>
  <si>
    <t>自費 az 疫苗 預約 接種 醫學 中心 新冠肺炎</t>
  </si>
  <si>
    <t>桃 師生 恒 春 畢旅 身體 不適 新冠肺炎 采 驗 結果 出爐</t>
  </si>
  <si>
    <t>恒 春 地區 網路 傳出 有 學生 確診 新冠肺炎 訊息 屏 東 縣長 潘孟安 第一時間 要求 警 局 及 衛生局 徹 查 謠言 來源 經 漏 夜 調查 是 來自 桃園 永豐 高中 畢業 旅行團 師生 領隊 共 440 人 學生 自 13 日 下午 2 時起 陸續 出現 水瀉 症狀 少數 並 有 發燒 情</t>
  </si>
  <si>
    <t>安排 好 的 旅程 卻 遇到 新冠肺炎 疫情 該 怎麼辦 自 疫情 發生 後 台中 市府 至 2 月中 旬 受理 相關 消費 申訴 共 70 件 其中 旅遊 類 36 件 最 多 為 保障 民眾 權益 法制 局 製作 旅遊 退費 懶 人 包 針對 團 客 自由 行 散客 說明 機票 住宿 退費</t>
  </si>
  <si>
    <t>新冠肺炎 臺灣 陳時中 疫苗 大規模 接種</t>
  </si>
  <si>
    <t>受 春節假期 影響 香港 海運 港口 局 18 日 公佈 1 月 香港 港口 貨櫃 輸送量 較 上年 同期 大跌 逾 兩 成 已 連 跌 24 個 月 且 在 疫情 持續 影響 下 或 突破 過去 連 跌 25 個 月 的 歷史 最 長 紀錄 香港 海運 港口 局 資料 顯示 1 月 香港 港口 貨櫃 輸送量 為 1349萬 個 標準箱 teu 較 去年同期 大 跌 204 跌幅 為 2016 年 2 月 年 跌 211 以來 最 大 1 月 也 是 香港 輸送量 連續 24 個 月 下滑 逼近 2014 年 7 月 至 2016 年 7 月 連續 25 個 月 下跌 的 最 長 連 跌 紀錄 香港 經濟日報 報導 香港 付 貨人 委員會 主席 林 宣武 指出 2020 年 1 月 及 2 月 的 香港 貨櫃 碼頭 輸送量 分別 受 農曆 年假 及 新冠肺炎 疫情 持續 影響 預計 2 月 會 繼續 出現 雙位 數 的 跌幅 他 指出 就算 新冠肺炎 疫情 逐步 穩定 貨櫃 碼頭 輸送量 衰退 幅度 仍要 待 3 月份 才會 收 窄 這 代表 接下來 輸送量 將 破 連續 25 個 月 下跌 的 最 長 連 跌 紀錄 林 宣武 進一步 解釋 因 今年 提早 放 農曆 新年 假期 廠商 1 月 僅 開工 兩 周 出貨量 少之又少 所以 即使 當時 新冠肺炎 疫情 尚未 來 襲 港口 貨櫃 輸送量 跌幅 會 較 大 至於 2 月份 新冠肺炎 肆虐 中國 多 個 城市 封關 廠商 一度 停業 令 各類 產品 的 產業鏈 備 受 影響 將 嚴重 打擊 香港 轉口貿易 生意 雖然 目前 各省 市 逐步 安排 復工 廠商 復工 進度 及 生產量 預計 仍 受 疫情 影響 但 林 宣武 透露 廠商 們 沒有 太 悲觀 因 外國 買家 沒有 減少 下單 只要 大陸 廠房 能 儘快 復工 生產 穩定 相信 產量 能 逐步 增加 他 還 說 未 見 行業 內 出現 減 薪 或 裁員 潮 另 據 香港 文匯報 報導 香港 表 廠商會 副 會長 梁瀚譽 表示 受到 新冠肺炎 疫情 影響 大陸 很多 廠房 目前 都未 復工 整個 供應 鏈 停頓 令 不少 訂單 積存 相信 短期 內 都 難以 消化 對於 2020 年 訂單 及 出口量 都 不 太 樂觀 港 府發言人 日前 評論 香港 整體 出口 貨值 時 也 特別 提及 新冠肺炎 疫情 對 出口 的 影響 認為 短期 內 香港 的 出口 表現 仍然 面對 高度 不 確定性 雖然 全球 經濟 部分 受惠 於中美 貿易 摩擦 降溫 在 2019 年 後期 有 趨向 穩定 跡象 但 週邊 不 確定性 仍 高 包括 主要 經濟體 之間 仍 有 貿易 爭端 緊張 的 地緣 政局 和 英國 脫歐 的 發展 尤須 注意 的 是 新冠肺炎 疫情 的 發展 或 會 影響 一些 亞洲 經濟體 的 表現 以及 干擾 香港 的 經濟 活動</t>
  </si>
  <si>
    <t>新加坡 增 9 例 新冠肺炎 總 感染 人數 達 67 例</t>
  </si>
  <si>
    <t>因 新冠肺炎 全球 大 流行 導致 生產 受阻 以及 智慧 手機 與 電視機 需求 大 減 lg 顯示器 lg display 公佈 連續 第 5 季 的 營業 虧損 lg 顯示器 週四 公佈 第一 季營 收 年 減 20 為 472 兆 韓元 營業 虧損 為 3620億 韓元 2947億 美元</t>
  </si>
  <si>
    <t>因 新冠肺炎 全球 大 流行 導致 生產 受阻 以及 智慧 手機 與 電視機 需求 大 減 lg 顯示器 lg display 公佈 連續 第 5 季 的 營業 虧損 lg 顯示器 週四 公佈 第一 季營 收 年 減 20 為 472 兆 韓元 營業 虧損 為 3620億 韓元 2947億 美元 較 去年同期 的 虧損 1320億 韓元 大增 但 小於 市場 預估 的 虧損 3900億 韓元 淨損 為 1990億 韓元 高於 去年同期 的 淨損 630億 韓元 但 小於 市場 預估 的 淨損 3550億 韓元 lg 顯示器 在 聲明 中 表示 受 新冠肺炎 疫情 影響 未來 需求 料 將 震盪 加劇 儘管 居家 令 與 隨之 暴 增 的 線 上 活動 將 帶動 資訊科技 產品 需求 但 產業 情況 仍然 艱 困 該 公司 預估 需求 可能 比 原先 預期 的 下滑 10 第二 季 電視機 與 手機 的 需求 將 大幅 衰退 但 公司 將 試圖 在 下半年 扭轉 營運 為了 控制 虧損 lg 顯示器 之前 已經 宣佈 今年底 前 在 南韓 國內 的 lcd tv 面板廠 將 停產 三星 顯示器 上個月 也 宣佈 年底 前 全面 停產 lcd 面板 lg 顯示器 對 此 表示 三星 停產 傳統 lcd 面板 的 決定 不 會 對 供需平衡 造成 重大 影響</t>
  </si>
  <si>
    <t>日本 發現 1 例 新生兒 確診 新冠肺炎 疑 母子 垂直 感染</t>
  </si>
  <si>
    <t>小時 睡眠 每天 至少 新冠肺炎</t>
  </si>
  <si>
    <t>新冠肺炎 臺灣 孕婦 az 莫德納</t>
  </si>
  <si>
    <t>大陸 外交學院 副 院長 教授 王 帆 16 日 在 陸媒 環球時報 撰文 世界 總體 穩定 對 中 美 都 有利 指出 在 新冠肺炎 疫情 肆虐 全球 的 嚴峻 時刻 美國 一些 政客 不 思 與 他國 聯手 抗 疫 反而 當成 削弱 別國 機會 是 缺少 歷史觀 和 戰略 觀 的 膚</t>
  </si>
  <si>
    <t>大陸 外交學院 副 院長 教授 王 帆 16 日 在 陸媒 環球時報 撰文 世界 總體 穩定 對 中 美 都 有利 指出 在 新冠肺炎 疫情 肆虐 全球 的 嚴峻 時刻 美國 一些 政客 不 思 與 他國 聯手 抗 疫 反而 當成 削弱 別國 機會 是 缺少 歷史觀 和 戰略 觀 的 膚淺 之舉 文章 說 首先 從 安全 視角 分析 世界 的 總體 穩定 有利於 陸美 兩 國 陸美 兩 國都 是 國際化 程度 很 高 的 國家 也 是 全球 產業鏈 的 重要 組成部分 文章 認為 其次 陸美相 爭 將 引發 不 確定 的 後果 陸美 兩 大國 之 爭 不 會 有 贏 家 反而 會 引發 一個 不 確定 的 協力 廠商 崛起 它 可能 是 某個 現有 的 大國 也 可能 是 某些 勢力 或 潛在 的 組織 這些 第 三 方正在 等待 衝突 的 大國 犯 顛覆 性 錯誤 從 大國 力量對比 來看 這些 潛在 的 協力 廠商 隨時 可能 利用 時機 以及 大國 對抗 的 危機 迅速 壯大 起來 文章 表示 第 三 從 經濟 角度 來看 互利 共 贏 雖 非 利益 最大化 方案 但 卻是 理性 可行 方案 陸美 兩 國 任何 一 國 的 經濟危機 都 非 另 一 方 的 機遇 從 現實 角度 來看 避免 與 美國 的 對抗 加劇 仍然 是 當務之急 也 是 避免 大陸 陷入 美國式 戰略 對抗 錯誤 思維 的 關鍵所在 必須 從 戰略性 複合 視角 看待 這 一 問題 那 就 是 是否 仍然 堅持 以 相互依存 條件 下 的 競爭 來 看待 這 一 問題 美國 衰落 難 成 大陸 之 幸 同 理 大陸 出現 經濟 困境 也 絕不 是 美國 的 福音 文章 稱 第 四 大國 之 爭 只能 選擇 次優 解 大國 關係 只能 是 互敬 互讓 謀取 都 能夠 接受 的 相對 利益 謀取 對 各方 都 相對 有益 的 結果 而 不可能 是 只 有利於 某 一個 國家 的 最 優 解 基於 相互依存 視角 陸美 都 需要 説明 經濟 上 陷於 困境 的 競爭對手 這 也 是 命運 共同體 深刻含義 所在 國與國 之間 不僅 需要 同甘 也 需要 共苦</t>
  </si>
  <si>
    <t>新冠肺炎 疫情 歷史觀 戰略 觀 顛覆 性 錯誤</t>
  </si>
  <si>
    <t>台南 今天 新增 2 例 本土 新冠肺炎 確診 個案 全市 累計 35 例 案 11100 的 50 多 歲 男性 自營 工廠 與 案 5645 在 5 月 20 日 短暫 接觸 當時 未戴 口罩 5 月 31 日 出現 發燒 等 症狀 4 日 醫院 采 檢 確診 匡列 9 接觸 者 案 11102 的 60 多 歲 女性 5 月 10</t>
  </si>
  <si>
    <t>台南 新冠肺炎 臺灣 確診 親友</t>
  </si>
  <si>
    <t>確診 廣東 新冠肺炎 大陸 本土</t>
  </si>
  <si>
    <t>韓國新冠肺炎 確診 增至 8236 例 76 例 死亡</t>
  </si>
  <si>
    <t>yonex 泰國 羽球 公開賽 開 打 至今 關於 新冠肺炎 方面 的 防疫 雖然 努力 做 到家 不過 目前 一些 狀況 也 還是 有 點 混亂 昨天 傳出 病毒檢測 結果 是 陽性 必須 立刻 到 醫院 隔離 的 印度 前世 界 球 後 賽娜 saina nehwal 後來 bwf 官方 改口 檢測</t>
  </si>
  <si>
    <t>yonex 泰國 羽球 公開賽 開 打 至今 關於 新冠肺炎 方面 的 防疫 雖然 努力 做 到家 不過 目前 一些 狀況 也 還是 有 點 混亂 昨天 傳出 病毒檢測 結果 是 陽性 必須 立刻 到 醫院 隔離 的 印度 前世 界 球 後 賽娜 saina nehwal 後來 bwf 官方 改口 檢測 結果 錯誤 賽娜 可以 參賽 今天 大會 也 安排 補賽 賽娜 原定 昨天 要 和 馬來西亞 選手 琪 索 娜 kisona selvaduray 進行 女單 32 強 對抗 不過 賽前 傳出 賽娜 第 三 次 檢測 結果 呈 陽性 大會 立刻 請 她 退 賽赴醫 她 的 選手 丈夫 卡 夏普 parupalli kashyap 也 需 跟 著 退 賽 隔離 昨晚 深夜 卻 又 變成 賽娜 和 的 檢測 結果 有誤 可以 恢復 參賽 不只 賽娜 他 的 同胞 普拉 諾伊 h s prannoy 及 另 一 位 德國 選手 也 都 是從 退 賽 變成 恢復 比賽 外電 指出 因為 這 3 位 選手 感染 過 新冠肺炎 但是 已經 恢復 因此 有 抗體 才 會 出現 檢測 結果是 陽性 因此 可以 重新 比賽 大會 也 在 今天 安排 補賽 而 另 一 位元 原本 病毒檢測 呈 陽性 的 埃及 選手 艾 加姆 adham hatem elgamal 因 抗體 呈 陰性 表示 對 新冠肺炎 沒 抗體 因此 仍 建議 退 賽 先前 往 當地 的 醫院 至少 隔離 10 天</t>
  </si>
  <si>
    <t>新冠肺炎 疫情 韓國 瑜 觀光 國民 旅遊</t>
  </si>
  <si>
    <t>今年 受 新冠肺炎 疫情 影響 社 福 團體 募款 持續 低迷 不僅 活動 延期 或 取消 影響 曝光 機會 民眾 減少 出門 也 降低 小額 捐款 進帳 屏 東 創世 基金會 趁 國內 疫情 趨 緩 之際 選 在 11 月 8 日 舉辦 公益 園 遊會 但 倒數 1 個 月 時間 允諾 出席 攤</t>
  </si>
  <si>
    <t>今年 受 新冠肺炎 疫情 影響 社 福 團體 募款 持續 低迷 不僅 活動 延期 或 取消 影響 曝光 機會 民眾 減少 出門 也 降低 小額 捐款 進帳 屏 東 創世 基金會 趁 國內 疫情 趨 緩 之際 選 在 11 月 8 日 舉辦 公益 園 遊會 但 倒數 1 個 月 時間 允諾 出席 攤位 仍 短缺 一半 讓 社 工 著 急 萬分 預定 募集 70 攤 公益 攤位 目前 還 差 30 攤 屏 東 創世 分 院長 林艾 樺 無奈 表示 過去 合作 攤 商 聽 聞 公益 性質 總是 義不容辭 答應 但 今年 大家 都過 得 很 辛苦 有些 人 以 沒有 預算 直接 婉拒 部分 人 則 是 答應 考慮 卻 又 沒有 下文 確實 沒有 過去 踴躍 轉頭 看 著 臥床 的 患者 林艾樺 淡淡地 說 今年 收入 相較 同期 少 了 將近 4 成 每月 固定 300萬 元 支出 讓 他們 更 顯 艱辛 但 不論 募款 多寡 植物人 照 護 服務 還 是 得 繼續 包括 使用 的 醫 材 健康 食品 開銷 都 是 固定 目前 收治 54 人 背後 代表 的 就 是 54 個 家庭 連續 3 年 回應 的 在 地 建設公司 董座王 世 賢 獲悉 消息 後 允諾 協助 更 號召 下游 廠商 一同 響應 他 表示 持續 做 一 件 良善 的 事 需要 集 眾人 之 力 希望 有 更 多 企業 店家 捐贈 物資 大家 有錢出錢 有力 出力 讓 愛心 滿溢 社會 各 角落 林 艾樺 表示 此次 園 遊會 目標 募 得 80萬 元 將 是 全院 3 個 月 的 奶粉 及 尿布 錢 至 舉辦 當天 剛好 1 個 月 盼 社會各界 共襄盛舉 一同 協助 植物人 常年 服務</t>
  </si>
  <si>
    <t>新冠肺炎 社 福 募款 創世 基金會</t>
  </si>
  <si>
    <t>新冠肺炎 疫情 不可 收 十 湖北省委 書記 蔣超良 遭 免 由 上海 市長 應勇 接替 與此同時 湖北 的 確診 人數 也 一 夕 暴 增到 14萬 為何 會 有 這麼 劇烈 的 改變 十 年前 從 大陸 移居 香港 的 資深 媒體 人 曾慧燕 指出 確診 病例 一 日 暴 增 是 因</t>
  </si>
  <si>
    <t>湖北 新冠肺炎 臺灣 大陸 應勇</t>
  </si>
  <si>
    <t>nb代 工大 廠 仁 寶 位於 大陸 昆山 地 房 工廠 受制 中國 新冠肺炎 影響 公司 初步 暫訂 復工 日期 延後 至 2 月 17 日 由於 昆山 地區 有 不少 台商 仁寶延 後 開工 之舉 也 間接 說明 台商 在 昆山 區塊 的 復工 日期 還 待 進一步 觀察 據 瞭解 由於 大</t>
  </si>
  <si>
    <t>nb代 工大 廠 仁 寶 位於 大陸 昆山 地 房 工廠 受制 中國 新冠肺炎 影響 公司 初步 暫訂 復工 日期 延後 至 2 月 17 日 由於 昆山 地區 有 不少 台商 仁寶延 後 開工 之舉 也 間接 說明 台商 在 昆山 區塊 的 復工 日期 還 待 進一步 觀察 據 瞭解 由於 大陸 新冠肺炎 已 陸續 向 沿海 蔓延 包括 南京 上海 廣州 甚至 是 北京 多 傳來 封閉式 管理 措施 顯示 肺炎 疫情 仍 十分 嚴峻 因此 大陸 地方 政府 在 控制 疫情 考量 下 也 多 期望 企業 復工 能 延後</t>
  </si>
  <si>
    <t>復工 仁寶 大陸 延後 新冠肺炎</t>
  </si>
  <si>
    <t>新冠肺炎 疫情 導致 下半年 產業 變數 不少 光寶 科 2301 下半年 仍 可望 優於 上半年 光寶 科 總 執行長 陳廣中 表示 第 3 季 雖然 為 傳統 旺季 但因 第 2 波 疫情 尚未 明朗化 較為 保守 看待 第 3 季 不過 下半年 因 工作 天數 多於 上半年 預估</t>
  </si>
  <si>
    <t>全球 光寶 科 陳廣中 新冠肺炎 疫情 產能</t>
  </si>
  <si>
    <t>該 來 的 還 是 來 了 the athletic 權威 記者 查拉尼亞 15 日 搶先 爆 料 曾在 8 日 跟 爵士 中鋒 戈貝爾 在 場上 遭遇 的 活塞 中鋒 伍德 接受 新冠肺炎 檢驗 呈現 陽性 確定 成為 第 3 位 新冠肺炎 檢測 呈現 陽性 的 nba 球員 前 兩 位 分別 是 戈貝爾</t>
  </si>
  <si>
    <t>該 來 的 還 是 來 了 the athletic 權威 記者 查拉尼亞 15 日 搶先 爆 料 曾在 8 日 跟 爵士 中鋒 戈貝爾 在 場上 遭遇 的 活塞 中鋒 伍德 接受 新冠肺炎 檢驗 呈現 陽性 確定 成為 第 3 位 新冠肺炎 檢測 呈現 陽性 的 nba 球員 前 兩 位 分別 是 戈貝爾 米契爾 兩 名 爵士 球星 伍德 也 成為 第 1 位 出現 新冠肺炎 檢測 陽性 的 非 爵士 球員 他 在 8 日 活塞 出戰 爵士 比賽 當中 先 發 打 了 38 分鐘 拿下 30 分 11 籃板 表現 完全 壓過 戈貝爾 的 10 分 12 籃板 卻 跟 戈貝爾 整整 對位 了 10 分 13 秒 遭到 戈貝爾 或 米契爾 傳染 新冠肺炎 機 率 相當 高 未經 選 秀 進入 nba 的 伍德 堪稱 活塞 的 未來 積極 培養 的 內線 主力 在 活塞 把 原本 當家 中鋒 德拉蒙 換去 騎士 之後 伍德 逐漸 獲得 穩定 上場 時間 表現 也 相當 出色 前 役 遭遇 七六 人 更 摘 生涯 新 高 32 分 根據 查拉尼亞 爆 料 目前 他 並未 出現 任何 症狀 但 仍 檢測 新冠 陽性</t>
  </si>
  <si>
    <t>聲 量 蔣 萬安 政治 人物 黃呂錦 茹 新冠肺炎</t>
  </si>
  <si>
    <t>長 庚 發現 抗體 抑制 新冠 病毒 力達 98 抗 疫 新 利器 長 庚 黃冠 穎 醫師 團隊 從 確診 病 患 中 找到 單株 抗體 經 實驗 發現 能 有效 阻斷 病毒 且 武漢 株 美國 株 歐洲株 和 埃及 株 都 有 效果 抑制 病毒 能力 達 90 至 98 且 來源 是 人體 副作用 少 安全性 更 高 可望 開發 成 治療 新冠肺炎 的 藥物 預計 6 月 招商 技 轉 希望 找 到 國際 大廠 合作 力拼 年底 上市 小 確 幸 政 院 核定 明年 放假 116 天 3 天 以上 連 假 8 個 行政院 人事行政 總 處 今天 公佈 行政院 核定 的 2021 年 政府 行政 機關 辦公 日曆表 全年 365 日 總 放假 日數 116 日 其中 3 日 以上 之 連續 假期 並同 例假日 計 8 個 包括 開國 紀念日 3 日 農曆 春節假期 7 日 和平 紀念日 3 日 兒童節 及 民族 掃墓節 4 日 端午節 3 日 中秋節 4 日 國慶 日 3 日 及 2022 年 開國 紀念日 3 日 勞動部 調查 大學 畢業生 去年 起 薪 逾 2萬9千 元 為 瞭解 事業 單位 各 職 類 受 雇 員工 人數 及 薪資 水準 勞動部 每年 均 會 辦理 職 類別 薪資 調查 受 回收 9691 家 有效 樣本 勞動部 今天 公佈 2019 年 職 類別 薪資 調查 其中 大學 畢業生 初任 人員 起 薪 達 2萬9336 元 相較 2018 年 的 2萬8849 元 成長 169 其中 住宿 及 餐飲業 支援 服務業 教育業 及 其他 服務業 均 未 滿 2萬8000 元 文華 東方 回 饋 北 市府 難 履約 財政局 違約 則 求償 文華 東方 酒店 發生 大量 裁員 近期 不 接受 訂 房 影響 北 市府 過去 與 業者 簽約 的 容積 獎勵 回 饋 條件 酒店 以 容積 獎勵 向 北 市府 換 得 1300 多 坪 容積 作為 回 饋 條件 協議 以 15 年 的 住房 及 宴會廳 回 饋 交換 目前 還有 9 年 要 回 饋 但 如今 卻 可能 無法 使用 產 發 局 回應 2 周內 立即 找 業者 談 財政局 則 說 若 業者 違約 就 求償</t>
  </si>
  <si>
    <t>臺灣 累積 確診 數 已 破 萬 人 疫情 尚 看不到 終點 凸顯 國內 方 艙 收容 不足 問題 對此 外貿協會 董事長 黃志芳 今天 正面 回應 國家 疫情 嚴峻 如要 徵用 貿 協 展場 義不容辭 全力 配合 據 瞭解 貿 協 內部 對 此 有 做 過 評估 如 國家 真有 需要 願意 釋出 南 港 展覽館 一二 館 空間 供 作 臨時 輕 症 收容 的 的 方 艙 醫院 或 簡易 隔離 所 至於 臺北市 要 推 疫苗 快 打 計畫 市長 柯文哲 點名 包括 世貿 展覽館 在內 的 地點 作為 大型 接種 點 貿 協 的 態度 則 保留 認為 需要 協調 這 與 世貿 展覽館 不 適合 做為 方 艙 道理 一樣 因為 一 館 並非 只 有 展場 2 樓 以上 還 進駐 有 6700 家 進出口 貿易 廠商 需 考量 對 其 衝擊 柯 市長 如 提出 會 再 問 過 世貿 展館 管委會 意見 隨 著 國內 新冠肺炎 疫情 未降 輕 症 者 也 不斷 增多 國內 也 需要 大型 室內空間 供 建置 方 艙 醫院 避免 拖垮 醫療 機 運作 對於 建置 方 艙 需求 黃志芳表示 自己 看到 每天 確診 人數 沒有 大幅 下降 也 有 心理準備 前 幾 天 內部 其實 也 開過 會 假設 政府 要 徵用 貿 協 場地 作為 大型 輕 症 感染者 的 照 護 場地 有 預先 做 思考 他 說 目前 還 沒有 任何 主管機關 來 談 這 件 事 建置 方 艙 目前 就 是 內部 先 推演 但 強調 如 國家 疫情 嚴峻 願意 義不容辭 全力 配合 防疫 政策 貿 協 表示 內部 有 評估 過 可以 配合 的 場館 初步 只 有 南港 展覽館 適合 因為 這裡 主要 是 自己 員工 方便 配合 且 光 南 港 一 館 展場 面積 就 有 4萬 多 平方公尺 空間 也 夠 不過 貿 協 沒有 醫療 設施 與 專業 政府 如要 徵調 需 徵用 單位 去 配置 也 僅 適合 做為 輕 症 收容 醫院 或 簡易 隔離 所 黃志芳 說 醫療 專業 貿 協 不 懂 但 這 幾 十 年 下來 展場 進 出場 動 線 施工 水電 支援 都 非常 純熟 行政 支援 上 絕對 可以 做到 最好 效率</t>
  </si>
  <si>
    <t>新冠肺炎 臺灣 貿 協 方 艙 展場</t>
  </si>
  <si>
    <t>新冠肺炎 臺灣 幼稚園 群 聚 感染 機師</t>
  </si>
  <si>
    <t>張亞中 捐贈 疫苗 孫文學 校 新冠肺炎</t>
  </si>
  <si>
    <t>鑒於 美國 新冠 病毒 確診 數 再度 激增 為 免 加速 疫情 擴散 疾病 管制 預防 中心 cdc 19 日 勸告 美國 民眾 下 周 感恩節 假期 勿 外出 旅行 cdc 官員 沃克 henry walke 週四 在 電話 中 告訴 記者 這 是 強烈建議 而非 硬性規定 系 基於 新冠肺炎 確診 數 住院 數 及 死亡數 劇增 所 做 的 建議 cdc 勸告 勿 與 未同 住 至少 14 天 的 人群 聚 新冠 病毒 的 潛伏期 為 14 天 cdc 官員 表示 針對 感恩節 假期 仍 選擇 外出 旅遊 的 美國 人 他們 也 在 cdc 官 網貼 上 安全 指導 原則 cdc 建議 採取 線 上 聚會 若 須 親身 赴 會 賓客 應 自備 食物 及 餐具 而且 盡可能 在 戶外 歡慶 假期 如果 選 在 室內 聚會 建議 要 開 窗 在 窗戶 前 擺放 風扇 保持 空氣流通 還有 食物 準備 處 的 附近 要 限制 人數</t>
  </si>
  <si>
    <t>爵士 球星 戈貝爾 在 今天 與 雷霆 之 戰開 打 前 被 確診 染 上 新冠肺炎 此時 不但 是 爵士 全隊 上下 忐忑不安 就 連爵士 過去 兩 周 交手 的 6 場 對手 也 開始 皮皮 挫 爵士 本 季 目前 戰績 41 勝 23 敗 暫 居 西區 第 4 僅次於 湖 人 快艇 和 金 塊 很 有機</t>
  </si>
  <si>
    <t>爵士 球星 戈貝爾 在 今天 與 雷霆 之 戰開 打 前 被 確診 染 上 新冠肺炎 此時 不但 是 爵士 全隊 上下 忐忑不安 就 連爵士 過去 兩 周 交手 的 6 場 對手 也 開始 皮皮 挫 爵士 本 季 目前 戰績 41 勝 23 敗 暫 居 西區 第 4 僅次於 湖 人 快艇 和 金 塊 很 有 機會 在 季後 賽 搶 得 有利 的 種子 位置 由於 新冠肺炎 的 潛伏期 14 天 戈貝爾 今天 確診 之後 爵士 過去 兩 周 的 對手 分別 是 巫師 騎士 尼克 塞爾提克 活塞 和 暴龍 戈貝爾 與 這 6 支 球隊 接觸 了 那些 球員 而 這些 球員 在 這 兩 周內 打 了 多少 場 比賽 疫情 可能 擴散 到 什麼 程度 都 是 一個 大 問題 因此 nba聯盟 在 得知 戈貝爾 染病 後 立刻 宣佈 全面 禁賽 群 聚 感染 的 可能性 恐怕 是 非常 高</t>
  </si>
  <si>
    <t>戈貝爾 爵士 新冠肺炎</t>
  </si>
  <si>
    <t>因應 新冠肺炎 疫情 升溫 泰國 總理 帕拉 育 prayuth chan-ocha 今 24 日 宣佈 泰國 自 26 日 起 進入 緊急狀態 一個 月 屆時 總理 將 有 權 實施 宵禁 禁止 國內 旅遊 限制 人民 行動 等 路透社 報導 泰國 總理 帕拉 育 今日 下午 在 記者</t>
  </si>
  <si>
    <t>新冠肺炎 疫情 衝擊 餐飲業 營運 即時 外 送 平臺 foodpanda 對此 承諾 透過 補貼 外 送 服務費 振興 餐飲業 增加 上線 獎金 協助 短期 就業 及 推廣 安全 配送 建立 安心 保障 3 大 方針 盼 在 抗 疫 期間 成為 合作 店家 外 送 員及 消費者 的</t>
  </si>
  <si>
    <t>foodpanda 新冠肺炎 疫情 防疫 餐飲業</t>
  </si>
  <si>
    <t>韓國疾 控 中心 指出 確診 新冠肺炎 患者 二 采 陰 又 複 陽者 對於 身邊 的 接觸 者 並 沒有 傳染 力 而 臺灣 一直 以來 都 是 採取 三 采 陰性 才能 解 隔離 出院 有 確診 者 表示 因 隔離 時間 太長 身心 壓力 大 還有 人 出院 後 出現 創傷 壓力 症候 群 對</t>
  </si>
  <si>
    <t>大陸 新疆 首府 烏魯木齊 出現 新 增 新冠肺炎 本土 確診 病例 5 例 並 造成 另外 8 名 無 症狀 感染 消息 傳出 後 引發 當地 民眾 恐慌 目前 當地 多 項 聯 外 交通 停 駛 航班 近 9 成 取消 民眾 在 超市 瘋狂 搶購 食物 與 生活 日用品 各種 謠言 滿城 亂 飛</t>
  </si>
  <si>
    <t>大陸 新疆 首府 烏魯木齊 出現 新 增 新冠肺炎 本土 確診 病例 5 例 並 造成 另外 8 名 無 症狀 感染 消息 傳出 後 引發 當地 民眾 恐慌 目前 當地 多 項 聯 外 交通 停 駛 航班 近 9 成 取消 民眾 在 超市 瘋狂 搶購 食物 與 生活 日用品 各種 謠言 滿城 亂 飛 包括 即 將 封城 已 有 大規模 感染 全城 充滿 恐慌 情緒 綜合 陸媒 報導 烏魯木齊 從 昨晚 傳出 消息 稱 一 名 新增 新冠肺炎 本土 感染 病例 已 擴散 開來 其 中部 份 感染 來源 尚未 查明 導致 週五 達 200 餘 班 航班 被 取消 消息 傳出 後 引發 市民 恐慌 謠言 甚至 演變 為 即將 封城 許多 憂心 疫情 重返 的 市民 前往 當地 超市 搶購 食品 與 日用品 貨架 被 清掃 一 空 據 新疆維吾爾自治區 衛 健 委 最新 通報 至 今日 中午 12 時 報告 新增 新冠肺炎 確診 病例 5 例 無 症狀 感染者 8 例 全部 在 烏魯木齊市 累計 新疆 共 有 確診 病例 6 例 無 症狀 感染者 11 例 另 有 135 人 接受 醫學觀察 病例 數字 並 不 十分 嚴重 但 恐慌 情緒 卻 快速 蔓延 網路上 有 烏魯木齊 民眾 稱 當地 許多 社區 已經 開始 限制 居民 出入 民眾 紛紛 往 超市 搶購 物資 青菜 水果 肉類 等 食品 搶 瘋 了 也 有 傳言 烏魯木齊 已經 封 城 新疆 南部 城市 喀什 也 傳出 封城 但 都 未 得到 官方 證實 官方 防疫 通報 稱 最 早 被 發現 確診 病例 為 24 歲 女性 是 當地 中泉 廣場 營業廳 工作人員 經 追查 密切接觸 者 發現 已 造成 無 症狀 感染者 3 例 至 今日 中午 為止 由此 例 確診 擴散 的 感染 總數 至少 已 有 16 人 從 航班 資料 查詢 所得 截至 17 日 11 時 20 分 烏魯木齊機場 進 港 航班 取消 118 架次 出港 航班 取消 109 架次 航空 公司 並 向 旅客 發出 前往 烏魯木齊 的 防疫 提示 即日起 烏魯木齊 出港 旅客 必須 持 7 日內 核酸 檢測 陰性 報告 才能 正常 辦理 登機 手續 前往 烏魯木齊 旅客 要求 從 20 號 開始 要 持 核酸 檢測 陰性 報告 除此之外 按照 之前 防控 要求 執行 新疆 烏魯木齊 地鐵 軌道交通 1 號 線 自 16 日 晚間 10 時起 停止 營運 新疆 昌吉 也 宣佈 市內 公車 停 運</t>
  </si>
  <si>
    <t>南韓 女神 金泰希 結婚 生 子 後 睽 違 5 年 回歸 演出 電視劇 哈 囉 掰掰 我 是 鬼 媽媽 該劇 邊 拍攝 邊 播出 不過 就 在 1 日 傳出 劇組 工作人員 疑 似 感染 新冠肺炎 因 此 當天 的 拍攝 行程 已 取消 根據 韓媒 osen 報導 該 工作人員 正在 居</t>
  </si>
  <si>
    <t>南韓 女神 金泰希 結婚 生 子 後 睽 違 5 年 回歸 演出 電視劇 哈 囉 掰掰 我 是 鬼 媽媽 該劇 邊 拍攝 邊 播出 不過 就 在 1 日 傳出 劇組 工作人員 疑 似 感染 新冠肺炎 因 此 當天 的 拍攝 行程 已 取消 根據 韓媒 osen 報導 該 工作人員 正在 居家 隔離 等待 檢疫 結果 本來 預計 結果 於 2 日 出爐 但 劇組 今天下午 2 點 多 表示 已經 收到 疑 似 染病 工作人員 的 檢疫 結果 呈現 陰性反應 劇組 預計 重新 投入 拍攝 會 做 好 防護 措施 詢問 臺灣 播出 單位 netflix 表示 目前 存檔 尚 充足 仍 可 維持 正常 播出 南韓 疫情 持續 受 影響 的 還 不 止 如此 神話 成員 eric 主演 的 怪 咖 文 主廚 播映 該劇 的 電視臺 channel a 宣佈 該劇 原訂 本月 6 日 首播 不過 由於 新冠 病毒 擴散 影響 劇組 儘量避免 進行 戶外 攝影 及 室內 攝影 不僅 工作人員 和 演員 的 安全 問題 戶外 攝影 或 外部 移動 時會 造成 市民 的 不安 因此 決定 延期至 27 日 播出 臺灣 播出 單位 friday 影音 也 延至 28 日 上架 於 每週六 日 上午 10 點 更新</t>
  </si>
  <si>
    <t>金泰希 南韓 新冠肺炎 神話 eric</t>
  </si>
  <si>
    <t>大陸 新冠肺炎 疫苗 有 新進展 在 14 日 大陸 國務院 聯防 聯控 機制 新聞 發佈會 上 大陸 科技 部 社會 發展 科技 司 司長 吳遠彬 介紹 目前 已經 有 三 個 疫苗 獲 批 進入 臨床 試驗 其中 大陸 軍事科學院 軍事醫學 研究 所 生物工程 研究所 陳薇 院士</t>
  </si>
  <si>
    <t>大陸 新冠肺炎 疫苗 有 新進展 在 14 日 大陸 國務院 聯防 聯控 機制 新聞 發佈會 上 大陸 科技 部 社會 發展 科技 司 司長 吳遠彬 介紹 目前 已經 有 三 個 疫苗 獲 批 進入 臨床 試驗 其中 大陸 軍事科學院 軍事醫學 研究 所 生物工程 研究所 陳薇 院士 團隊 的 腺病毒 載體 疫苗 首 個 獲 批 進入 臨床 研究 已於 3 月底 完成 了 一期 臨床 試驗 受試者 的 接種 工作 並於 4 月 9 日 開始 招募 二期 臨床 試驗 志願者 這 是 全球 首 個 啟動 二期 臨床 研究 的 新冠 疫苗 品種 4 月 12 日 大陸 國家藥監局 批准 了 中國 生物 武漢 生物製品 研究所 和 中國科學院 武漢 病毒 研究所 聯合 申請 的 新冠 病毒 滅 活疫苗 也 進入 了 臨床 試驗 13 日 又 批准 了 北京 科興 中 維生物 技術 有限公司 研製 的 滅 活疫苗 開展 臨床 試驗</t>
  </si>
  <si>
    <t>確診 者 美國 大學生 新冠 趴 新冠肺炎</t>
  </si>
  <si>
    <t>一 場 新冠肺炎 疫情 讓 大陸 進入 封城 城市 的 商業活動 被 按 下 暫停 鍵 但 同時 也 為 線 上 新 經濟 蓬勃發展 帶來 新機遇 包括 線 上 教育 線 上 醫療 等 不論是 股價 表現 或是 業務 發展 都 在 這 波 疫情 中 異軍突起 這 場 疫情 打破 人們 原有 的</t>
  </si>
  <si>
    <t>敦睦 艦隊 24 人 確診 新冠肺炎 台中 市 衛生局 昨 19 日 晚間 公佈 3 名 台中 確診 官兵 足跡 其中 1 人 曾 造訪 台中 牛排館 歐奇 牛排 該店 老闆 和 老闆娘 隨即 在 台中 各 社團 宣佈 即日起 關 休息 至 5 月 3 日 員工 們 也 會 自主 管理 14 天 網</t>
  </si>
  <si>
    <t>敦睦 艦隊 24 人 確診 新冠肺炎 台中 市 衛生局 昨 19 日 晚間 公佈 3 名 台中 確診 官兵 足跡 其中 1 人 曾 造訪 台中 牛排館 歐奇 牛排 該店 老闆 和 老闆娘 隨即 在 台中 各 社團 宣佈 即日起 關 休息 至 5 月 3 日 員工 們 也 會 自主 管理 14 天 網友 紛紛 大贊 是 良心 店家 重新 營業 後會 再來 吃 歐奇 牛排 當晚 緊急 公告 今日 下午 衛生局 人員 于 本店 周邊 消毒 且 告知 是 例行 性 防疫 消毒 演習 至 晚間 89 點 左右 經 衛生局 通知 有 確診 者 至 本店 消費 為 提供 安全 消費 環境 本店 即日起 至 5 3 日 止 自主 休息 並 進行 全面 消毒 其 員工 們 自主 管理 14 天 於 5 4 恢復正常 營業 因為 客 人們 的 支持 我們 有 責任 做 得 更 好 如有 造成 不便 敬請 見諒 老闆 老闆娘 也 在 沙 鹿之美 清水 吃透 透 揪 咪 梧棲 串 起來 等 各 社團 都 發文 許多 網友 紛紛 留言 大贊 負 責任 的 佛 心 店家 我 昨晚 去 買 時 老闆 自己在 裡面 消毒 我 相信 很多 店家 都 是 無妄之災 老闆 加油 值得 肯定 的 店家 加油 歐奇 是 我 從小 吃到 結婚 生 子 還 繼續 吃 的 老店 感謝 老闆 對 品質 及 環境 堅持 與 維持 大 推 歐奇 台中 市 衛生 局 19 日 晚間 公佈 3 名 台中 敦睦 艦隊 確診 足跡 案 38 診所 4 154 17 案 39 85 度 c 沙 鹿 英才 店 4 15 20 30 22 30 家樂福 沙 鹿店 4 16 20 30 21 30 華 得來 清水 店 4 17 17 00 18 00 案 40 歐奇 牛排 沙 鹿店 4 16 19 30 20 30</t>
  </si>
  <si>
    <t>bnt 疫苗 洪孟楷 臺灣 新冠肺炎 疫苗</t>
  </si>
  <si>
    <t>測試 廠欣 銓 3264 受惠 5 g 相關 應用 及 車用 晶 片 測試 需求 同步 暢旺 2020 年 12 月 及第 四季 合併 營 收 同步 雙 升 與 全年 營 收 同步 改寫 新高 締造 三高 佳績 展望 今年 在 測試 需求 續 旺 新廠 投產 挹注 帶動 下 法人 看好 首季 淡季 續 強 有 機會 再創新高 在 績優 題材 激勵 下 欣銓 今 11 日 股價 開高 後 量 增 走 揚 最高 上漲 324 至 398 元 領 漲 封 測 族群 早 盤 維持 逾 3 漲幅 續勢再 攻 去年 12 月中 觸及 的 近 3 年 波段 高點 不過 三大 法人 近期 偏 空 操作 上周 合計 賣 超 欣銓 1351 張 欣 銓 公佈 去年 12 月 自 結合 並 營 收 963億 元 月 增 344 年 增 達 3433 連 6 月 改寫 新 高 帶動 第 四季 合併 營 收 達 2796 季增達 108 年 增 達 3059 累計 全年 合併 營 收 9674億 元 年 增 達 2018 亦 同步 改寫 歷史 新 高 欣 銓 受惠 5 g 基地 台建設 需求 帶動 網通 射 頻 rf 記憶體 等 測試 訂單 增加 加上 新冠肺炎 疫情 帶動 在家 工作 需求 使 儲存 及 pc 等 測試 需求 同步 增加 加上 車用 市場需求 回 溫 idm 廠 擴大 釋出 委 外 車用 晶 片 測試 訂單 使得 去年 營運 逐 季 走 強 營運 動能 暢 旺 展望 今年 法人 指出 由於 5 g 基礎 建設 需求 轉 強 在家 工作 等 遠 距 商機 持續 升溫 加上 車用 晶 片 需求 反彈 帶動 idm 廠 釋出 委 外 測試 訂單 使 欣 單 訂單 能見度 已 達 第 三 季 並 可望 受惠 封 測 價格 調 漲 效應 上半年 營運 成長 動能 無 虞 同時 欣銓 因應 國際 客戶 未來 需求 成長性 於 總部 鼎 興 廠 興建 二期 廠房 預計 首季 將 進入 量 產 亦 可望 顯著 挹注 欣 銓 營運 動能 法人 看好 欣銓 首季 營運 淡季 續 強 雖有 工作 天數 較 少 影響 仍 可望 持 穩 去年 第 四季 高檔 有望 小幅 成長 再創新高 全年 可望 逐 季 成長</t>
  </si>
  <si>
    <t>香港 爆發 疑 似 透過 社區 大樓 排氣 管 傳播 感染 新冠肺炎 的 個案 在 10 日 確診 的 6 宗 個案 當中 有 一 名 62 歲 女子 居住 在 青衣 長 康 邨 的 康美樓 而 上月 30 日 同一 棟 大樓 裡 有 另 一 名 75 歲 男子 也 被 列為 確診 個案 且 兩 人 同座 樓 的 單位 編號</t>
  </si>
  <si>
    <t>香港 爆發 疑 似 透過 社區 大樓 排氣 管 傳播 感染 新冠肺炎 的 個案 在 10 日 確診 的 6 宗 個案 當中 有 一 名 62 歲 女子 居住 在 青衣 長 康 邨 的 康美樓 而 上月 30 日 同一 棟 大樓 裡 有 另 一 名 75 歲 男子 也 被 列為 確診 個案 且 兩 人 同座 樓 的 單位 編號 07 室 專家 研 判 病毒 可能 是從 排氣 系統 傳播 100 多 名 居民 也 在 11 日 淩晨 連夜 撤離 香港 確診 數 已 增至 49 例 香港 昨日 再 新增 7 個 確診 個案 確診 病例 增至 49 例 據 瞭解 其中 新增 兩 名 患者 是 長 康 邨 康美樓 女患者 的 兒子 和 媳婦 該 名 確診 感染 新冠 病毒 的 62 歲 女子 與 香港 第 12 宗 確診 的 75 歲 男子 均 居住 於 青衣 長 康 邨 康美樓 的 07 室 分別 為 a 座 307 室 和 相隔 10 樓 的 a 座 1307 室 據 調查 兩 戶 共用 同一 條 化 糞 渠 另外 室內 排氣 管 也 沒有 密封 不 排除 有 傳播 病毒 的 可能香港大學 李嘉誠 醫學院 微生物學 系 傳染病 學 講座 教授 袁國勇 則 強調 目前 康美樓 案例 與 當年 sars 疫情 時 淘 大 花園 e 座樓 不同 因 康美樓 兩 起 個案 確診 時間 差距 不 超過 潛伏期 不 排除 可能 是 化 糞 渠 沒有 密封 導致 樓下 居民 開啟 抽 風扇 時 讓 化 糞 渠 的 空氣 進入 廁所 將 會 徹底 檢查 排 風 系統 後 才讓 居民 搬回 撤離 者 中 4 人 檢 出 病徵 運輸 及 房屋 局長 陳帆 在 11 日 上午 召開 記者會 說明 他 表示 初步 調查 發現 康美樓 a 座 307 室 的 住戶 曾 針對 住宅 進行 改裝 其中 改裝 的 專案 就 包含 排 氣管 因 此 相關 單位 同日 會 再 進行 深入調查 以 找 出 傳播 管道 同時 會 進行 長 康 邨 全面 的 消毒 工作 臺灣 感染症 醫學會 理事長 黃立民 則 表示 新冠肺炎 經由 糞 管 傳播 是 有 可能 的 但 需要 幾 個 條件 就是 病毒 由 化糞池 進入 排水系統 後 加上 水管 老 舊有 破 洞 漏 出 但要 同時 具備 這些 條件 不是 那麼 容易 加上 臺灣 大樓 不 像 香港 都 是 大型 的 建築 型態 民眾 不 需 過度 憂心 疑 似 為 大樓 管道 引起 的 傳染 也 讓 康美樓 的 30 多 戶 約 100 位 居民 連夜 撤離 食物及衛生局 長 陳肇始 表示 自 康美樓 撤離 的 人群 中 有 32 人 需要 送 往 檢疫 中心 其中 已 有 4 名 經 醫學 檢測 後 發現 有 相關 征狀 必須 送 往 醫院 檢查 截至 11 日 近 中午 仍 有 9 戶 未 取得 聯絡 衛生防護 中心 表示 正 積極 聯繫 中 連夜 匆促 地 撤離 也 讓 部分 住戶 措手不及 直至 11 日 上午 11 時 仍 有 至少 6 戶 07 室 住戶 尚未 撤離 多 為 老人 身 障 者 以及 獨居 人士 直到 中午 12 時許 警方 才在 康美樓 一帶 拉起 封鎖線</t>
  </si>
  <si>
    <t>根據 紐西蘭 先驅 報 報導 紐西蘭 地方 衛生 官員 說 一 艘 載有 3800 人 的 紅寶石 公主 號 ruby princess 已 有 4 人 確診 包含 3 名 澳 籍 乘客 與 1 名 船員 他們 皆 曾 與 船上 其他 紐 籍 乘客 接觸 過 並 警告 船上 乘客 若 出現 任何 新冠肺炎 的 症狀 盡 速 尋求 健康 專線 報導 指出 該 郵輪 8 日 從 雪梨 離 港 開始 環遊 紐西蘭 等 地 11 日 抵達 峽灣 地區 fiordland 但尼丁 dunedin 13 日 抵達 阿卡羅阿 akaroa 14 日 與 15 日 先後 抵達 威靈 頓 wellington 納皮爾 napier 及 紐西蘭 但因 氣候 因素 提前 於 18 日 返回 雪梨 報導 指出 15 日 返回 紐西蘭 的 乘客 皆 可能 與 確診 病 患 有 所 接觸 要求 14 天 的 自主 隔離 且 接受 每日 健康檢查 據 瞭解 目前 船 組 人員 在 抵達 雪梨 之前 全都 已 允許 下船 新南 威爾斯 州 衛生部長 哈 查特 brad hazzard 表示 紅寶石 公主 號 上有 13 名 乘客 接受 測試 其中 有 4 人 呈 陽性 這 4 名 確診 患者 中 有 3 名 是 乘客 另 一 名 則 是 船員 目前 確診 的 乘客 已 在 雪梨 皇家 阿爾弗雷德 親王 醫院 接受 治療 而 被 確診 的 船員 則 留在 船上 紅寶石 公主 號 與 先前 出現 大量 新冠肺炎 確診 病例 的 鑽石 公主 號 以及 至尊 公主 號 同屬 于 公主 游輪 公司 princess cruises 擁有 並 經營 的 皇冠 級 遊輪</t>
  </si>
  <si>
    <t>在 4億 年 前 就 出現 有 灘地 上 的 活化石 之 稱 的 鱟 是 金門 特有 的 海洋生物 但 在 人為 干擾 和 棲 地 破壞 下 族群 數量 已 逐年 減少 縣 水 試 所 致力 生態 複 育 今 30 日 上午 由 副 縣長 黃怡凱 帶隊 在 建功 嶼 潮間帶 放流 自行 育 成 1 至 2 齡 的 三 棘 鱟 苗 4萬 尾 期待 再見 生生不息 的 盎然 生機 縣 水 試 所 指出 披 著 一身 甲殼 經常 雙雙對對 出現 有 鋼盔 魚 夫妻 魚 和 鴛鴦 魚 之 稱 的 鱟 曾 廣泛 分佈 於 臺灣 西部 海岸 但因 棲 地 環境 的 變遷 如今 在 臺灣 本島 幾乎 已經 絕跡 僅 金門 與 澎 湖 在 野外 還 能 發現 它們 的 蹤跡 特別 是 金門 因 位處 九龍 江口 河海 交界 水域 營養鹽 豐富 成為 許多 海洋生物 的 優良 孵育 場所 尤其 是 西 北 海域 的 潮間帶 更是 鱟 在 金門 的 主要 繁殖 地帶 縣府 以 鱟 是 金門 特有 的 大型 底 棲 性 甲殼 類 動物 也 是 地區 發展 生態旅遊 的 主角 之一 因此 在 1999 年12 月 公告 畫 設 全國 唯一 面積 廣達 400 公頃 的 金門 古寧頭 西北 海域 潮間帶 鱟 保育 區 多 年 來 水 試 所 致力 於 稚 鱟 繁殖 成 鱟 保育 海洋 環境 教育 並 定期 進行 潮間帶 稚 鱟 分佈 與 族群 量 調查 長期 追蹤 監測 掌握 族群 動態 黃怡凱 指出 鱟 為 海洋 底 棲 性 無脊椎動物 它 與 早已 滅絕 的 三葉蟲 是 近親 在 4億 多 年前 古生代 泥盆紀 出現 2億 年前 演化 為 現今 型式 縣府 很 期待 這種 具 指標性 的 海洋生物 可以 在 金門 海域 一代 又 一代 繁衍 下去 縣 水 試 所長 楊文璽 也 說明 放流 作業 以 複 育 周邊 海域 漁業資源 彌補 自然 的 生產力 不足 為 目標 因 近期 受到 新冠肺炎 疫情 的 影響 無法 邀請 生態 保育 人士 及 學生 共同 參加 但 仍 期望 藉 由 活動 宣示 讓 大家 對 這種 鄉土 海洋生物 有 更 多 認識 也 會 更加 愛護 和 珍惜 它們</t>
  </si>
  <si>
    <t>台新金 控 2 月 自 結 稅 後 盈 餘 117億 元 每股 稅 後 盈 餘 eps 023 元 主要 子公司 獲利 表現 上 台新 銀行 稅 後 盈 餘 101億 元 較 去年同期 成 長 7 不受 肺炎 疫情 衝擊 台 新 金表 示 台新 銀行 當月 核心 業務 獲利 動能 持續 穩健 累計 前 2 月 稅 後 盈 餘 為 2404億 元 資產 品質 持續 維持 穩健 至 2 月底 逾 放 比為 020 備抵 呆帳 覆蓋率 70657 台 新 金 指出 子公司 台 新 證券 2 月 稅 後 虧損 006億 元 較 1 月 減少 008億 元 累計 前 2 月 稅 後 虧損 004億 元 因 主要 國際 股市 受 新冠肺炎 疫情 蔓延 影響 走跌 營業 證券 增 提 評價 損失 整體 獲利 較 前 月 及 去年同期 微幅 衰退 但 整體 經紀 市 占 率 仍 較 去年同期 成長</t>
  </si>
  <si>
    <t>汛期 即將來臨 台中 市長 盧秀燕 17 日前 往 即 將 於 4 月底 完工 的 大裡 草 湖 防災 公園 瞭解 工程進度 希望 汛期 間 它 能 發揮 功效 減少 淹 水 草 湖 防災 公園 采 多功能 設計 除 可 滯 洪 排水 更 設計 籃球場 溜滑梯 等 遊 憩 設備 打造 多功能 公共 空間 盧秀燕 指出 雖然 目前 新冠肺炎 嚴峻 但 防災 跟 防疫 一樣 重要 中 市 有 1 條 市 管 河川 132 條 區域 排水 及 110 條 土 石流 潛勢 溪流 汛期 前 更 應 做好 準備 地下道 清淤 抽水站 保養 等 是 基本 工作 市府 更 花費 1億4000萬 元 打造 草 湖 防災 公園 因為 東湖 西湖 裡 過去 特別 容易 淹 水 預計 將 在 汛期 前 完工 約 可 保護 約 2000 戶 的 鄰近 住家 水利局 長 範 世 億 表示 去年 5 月底 開工 打造 的 草 湖 防災 公園 與 荷蘭 鹿特丹 水 廣場 很 相似 不過 我們 的 更 漂亮 是 台中 首 座 運動 兼 治 洪 的 複合型 公園 兼具 智慧 防災 設施 可 透過 app 監控 水位 地底下 設有 雨水 積 磚 儲水 地表 鋪設 水 滲透 地面 平常 水 積存 于 水積 磚 真正 大 豪雨 時 整個 公園 就 是 一個 儲 水池 將 降低 本 區域 積 淹 水 情形 預計 今年 4 月底 完工 目前 工程進度 已 達 95 草 湖 公園 是 多功能 防災 公園 民眾 平時 可 運動 遊 憩 但 最 主要 仍 是 防汛 功能 滯 洪量 約 1萬2500 立方公尺 面積 約 077 公頃 當 豪 大雨 來臨 公園 蓄水量 累積 至 海拔 426 公尺 時 將 以 國語 閩南 語 英語 3 種 語言 廣播 通知 住戶 避 災 水利局 指出 未來 更 可 串聯 周邊 dali art 國際 藝術 村 台中 市 纖維 工藝 博物館 臺灣 印刷 探索 館 東湖 公園 等 觀光 資源 促進 地方 發展</t>
  </si>
  <si>
    <t>就算 美國 新冠 疫情 日趨嚴重 nba 總裁 席爾佛 卻 還 要 放 空話 嗎 席爾佛 22 日 受訪 時 表示 聯盟 正在 探索 所有 能 在 保障 安全 前提 之下 重新 開 打的 方法 沒什麼 是 不可能 的 但 我們 現在 工作 重點 是 支持 參與 和 教育 民眾 如何 面對 疫情 席爾佛 坦承 這 季是 充滿 挑戰 的 賽季 對 聯盟 所有人 都 一樣 畢竟 nba 本 季 還 沒開 打 就 碰上 火箭 總管 莫瑞 發表 力挺 香港 反 送 中 言論 造成 nba 和 大陸 關係 徹底 破裂 都還沒 完全 修補 就 又 遇到 前 總裁 史坦 與 小 飛 俠 布萊恩 突然 過世 截至 目前為止 nba 確定 出現 14 人 感染 新冠肺炎 其中 至少 10 人 是 球員 談到 感染 人數 越來越 多 的 現象 席爾佛 說 據 我們 所知 聯盟 內 越來越 多 的 球員 檢測 呈現 陽性 這 是 不幸 的 消息 但 以 我 的 觀點 來看 這 是 不可避免 的 情況 現在 就 去 判斷 nba 的 經濟 會 受到 怎樣 影響 或許 還 言之過早 我們 每天 都 在 分析 不同 情況 之後 也 會 不斷 評估 財政 上 的 衝擊 席爾佛 說 顯然 一切 都 不 樂觀 但 不僅 是 我們 在 這個 時刻 所有 行業 所有 的 人 都 在 同一 條 船上</t>
  </si>
  <si>
    <t>寶山 鄉親 安心 了 長者 新冠肺炎 複 檢 結果 為 陰性</t>
  </si>
  <si>
    <t>寶山鄉 臺灣 長者 新冠肺炎 新竹 縣 衛生局</t>
  </si>
  <si>
    <t>在 新冠肺炎 疫情 下 全球 消費市場 買氣 急凍 華為 總裁 任正非 首度 公開 證實 華為 已 下調 第一 季 的 營 收 目標 市場 也 傳出 華為 本月 也 將 陸續 對 供應 鏈 進行 砍 單 幅度 上 看 3 成 此舉 恐 影響 聯 詠 3034 oled 驅動器 ic 出貨量 進而</t>
  </si>
  <si>
    <t>在 新冠肺炎 疫情 下 全球 消費市場 買氣 急凍 華為 總裁 任正非 首度 公開 證實 華為 已 下調 第一 季 的 營 收 目標 市場 也 傳出 華為 本月 也 將 陸續 對 供應 鏈 進行 砍 單 幅度 上 看 3 成 此舉 恐 影響 聯 詠 3034 oled 驅動器 ic 出貨量 進而 衝擊 第二 季 營運 動能 聯 詠 今 股價 開低 震盪 跌幅 一度 逾 35 股價 最低 達 1725 元 儘管 大陸 官方 已 宣稱 全面 復工 解封 城 但 終端 市場 恢復 似乎 不如 預期 華為 總裁 任正非 首度 公開 證實 華為 已 下調 第一 季 的 營 收 目標 在 買氣 銳 減下 更 傳出 華為 將 在 本月 針對 供應 鏈 砍 單 幅度 達 3 成 由於 大陸 最 大 面板廠 京 東方 占聯詠 驅動 ic 出 貨 一定 比重 而 華為 即是 向 京東 方 採購 面板 故 一旦 華為 砍 單 則 聯 詠 勢必 受到 影響 第二 季 營運 也 增添 風險 華為 智慧 機 為 大陸 龍頭 2019 年 在 全球 出 貨 也 排 第二 全年 出貨量 約 24億 支 但 由於 美國 持續 加大 對 華為 牽制力 道 華為 智慧 機 銷售 恐 回歸 自家 大陸 市場 加上 疫情 的 關係 華為 今年 智慧 機 成長 恐 出現 首度 的 負 成長 更 不 排除 會 摔 下 2億 支 大關 華為 已經 在 3 月底 推出 全新 p 系列 5 g 旗艦 智慧 手機 p 40 p 40 pro 搭載 五 顆 鏡頭 並 採用 京東方 amoled 面板 導入 的 就 是 聯 詠 oled 驅動 ic 在 初期 拉 貨 潮 帶動 下 聯 詠 3 月 合併 營 收 5811億 元 首季 營 收 更 達 16891億 元 均 寫下 新高 水準 但 第二 季 不 排除 在 華為 砍 單 下 影響 到 聯 詠 營運 動能</t>
  </si>
  <si>
    <t>華為 聯 詠 智慧 機 復工 新冠肺炎</t>
  </si>
  <si>
    <t>輝瑞 bnt 新冠 疫苗 心肌炎 心包 膜 炎 新冠肺炎</t>
  </si>
  <si>
    <t>新冠肺炎 加 乾旱 這種 全球 知名 飲料 再 遭 重 擊</t>
  </si>
  <si>
    <t>新冠肺炎 全球 印度 阿薩姆 茶 工</t>
  </si>
  <si>
    <t>新冠肺炎 臺灣 民眾 居家 隔離 全縣</t>
  </si>
  <si>
    <t>新冠肺炎 影響 內門 農會 停辦 初二 回 娘家 辦 桌 活動</t>
  </si>
  <si>
    <t>考慮 新冠肺炎 疫情 高雄 市內 門區 農會 連續 多年 推出 初二 回 娘家 辦 桌 活動 今年 取消 內門 區 農會 總 幹事 洪 輝煌 說 配合 防疫 需求 不得已 停辦 此 活動 考慮 會 采 訂購 方式 讓 有 需要 的 民眾 向總 鋪 師 購買 初二 回 娘家 辦</t>
  </si>
  <si>
    <t>考慮 新冠肺炎 疫情 高雄 市內 門區 農會 連續 多年 推出 初二 回 娘家 辦 桌 活動 今年 取消 內門 區 農會 總 幹事 洪 輝煌 說 配合 防疫 需求 不得已 停辦 此 活動 考慮 會 采 訂購 方式 讓 有 需要 的 民眾 向總 鋪 師 購買 初二 回 娘家 辦 桌 活動 是 地方 盛事 今年 因為 新冠肺炎 疫情 內門 區 農會 決定 停辦 將 退款 給 已 匯款 客戶 洪 輝煌 表示 初二 回 娘家 辦 桌 活動 每年 規模 有 400 至 500 桌 菜色 豐富 包含 東坡肉 放 山雞 魚翅 肉羹 石斑魚 櫻花 蝦油 飯 佛 跳 牆 等 可能 會 情 商 一些 總 鋪 師 讓 民眾 以 電話 訂購 的 方式 訂購 桌 菜 或 想要 吃 的 菜肴</t>
  </si>
  <si>
    <t>內門 初二 回 娘家 新冠肺炎 辦 桌</t>
  </si>
  <si>
    <t>新冠肺炎 疫情 肆虐 蘋果 執行長 庫克 仍 樂觀 看待 後續 發展 庫克 表示 確診 數字 逐日 下降 反映 大陸 已 管控 住 疫情 他 對 此 相當 樂觀 蘋果 供應 鏈 復工 也 讓 產能 接近 恢復正常 水準 福斯 財經 網 27 日 報導 庫克 受訪 時 表示 基於 大陸</t>
  </si>
  <si>
    <t>新冠肺炎 疫情 肆虐 蘋果 執行長 庫克 仍 樂觀 看待 後續 發展 庫克 表示 確診 數字 逐日 下降 反映 大陸 已 管控 住 疫情 他 對 此 相當 樂觀 蘋果 供應 鏈 復工 也 讓 產能 接近 恢復正常 水準 福斯 財經 網 27 日 報導 庫克 受訪 時 表示 基於 大陸 確診 數字 每天 下降 自己 對於 新冠肺炎 疫情 發展 抱 持 非常 樂觀 的 態度 認為 大陸 已經 開始 控制 住 疫情 對於 蘋果 產能 會 否 受 疫情 影響 庫克 指出 iphone 等 產品 零件 從 世界各地 而來 蘋果 在 大陸 的 工廠 供應 鏈 已經 開始 重新 運轉 在 有 條件 的 情況 下 復工 庫克 稱 目前 邊際 產量 已 在 上升 逐步 進入 恢復正常 投產 的 第 三 階段 日前 庫克 曾 于蘋果 股東大會 上 表示 新冠肺炎 是 個 相當 複雜 的 問題 也 承認 疫情 對 蘋果 業績 帶來 挑戰 此前 蘋果 的 q 1 營 收 預測 便 指出 因 疫情 影響 營 收 可能 無法 達到 原先 預測 的 630億 美元 低 標 目標 此前 大陸 各地 延後 復工 的 情況 重 挫 仰賴 大陸 供應 鏈 的 蘋果 也 讓 外界 猜測 蘋果 今年 新品 會 否 因此 延期 推出 不過 在 消費 端 蘋果 在 大陸 的 實體 直 營 店 則 是 陸續 重新 恢復 營運</t>
  </si>
  <si>
    <t>林昶 佐 朱學 恒 宅 神 新冠肺炎 新冠 病毒</t>
  </si>
  <si>
    <t>新冠肺炎 治療 又 有 重大突破 新 研究 顯示 一 種 稱為 氫 化 可體 松 hydrocortisone 的 類固醇 藥物 能 有效 降低 重症 患者 20 的 死亡率 而且 這種 藥物 相當 便宜 最低 只 要 5 英鎊 不 到 200 塊 台幣 綜合 英國 太陽 報 the sun</t>
  </si>
  <si>
    <t>新冠肺炎 治療 又 有 重大突破 新 研究 顯示 一 種 稱為 氫 化 可體 松 hydrocortisone 的 類固醇 藥物 能 有效 降低 重症 患者 20 的 死亡率 而且 這種 藥物 相當 便宜 最低 只 要 5 英鎊 不 到 200 塊 台幣 綜合 英國 太陽 報 the sun 天空 新聞網 sky news 報導 一 項 由 世界衛生組織 world health organisation who 統籌 英國 國家衛生研究院 national institute for health research 進行 資料 分析 的 研究 顯示 氫 化 可體 松 能夠 有效 降低 重症 新冠 患者 20 的 死亡率 這項 研究 自 今年 2 月 至 6 月 進行 招募 全球 12 個 國家 共 1703 位 重症 新冠 患者 參與 整個 計畫共 分成 7 個 實驗 總共 針對 3 種 不同 的 皮質 類固醇 corticosteroids 藥物 進行 觀察 瞭解 患者 使用 後 28 天 的 狀況 這 3 種 類固醇 藥物 包含 氫 化 可體 松 地 塞 米 松 dexamethasone dxms 以及 甲基 培 尼 皮質 醇 methylprednisolone 研究 結果 於 2 日 刊登 在 美國醫學會 期刊 journal of the american medical association 研究 顯示 重症 患者 連續 使用 氫 化 可體 松 7 天 復原 機 率 比 未 使用 類固醇 藥物 治療 的 患者 高出 93 而且 這種 藥物 相當 便宜 最低 只 要 5 英鎊 約 新 台幣 195 元 除此之外 地 塞 米松 甲基 培 尼 皮質 醇 等 另外 2 種 類固醇 藥物 的 實驗 也 出現 類似 效果 不過 由於 參與 甲基 培 尼 皮質 醇 實驗 的 患者 數量 過 少 以至於 研究 人員 無法 確定 它 的 效果 實驗 結果顯示 這些 類固醇 藥物 能夠 減少 需要 輸氧 的 重症 患者 肺部 發炎 狀況 特別是在 那些 不 需要 藥物 支撐 血壓 的 患者 身上 效果 更 好 而且 不分 年紀 與 性別 都有 一樣 的 效果 不過 在 輕 症 患者 身上 的 效果 不 佳 參與 該 計畫 的 英國布裡斯托大學 university of bristol 醫學 統計 與 流行病 學 教授 史 特恩 jonathan sterne 表示 類固醇 是 一 種 非常 便宜 而且 容易 取得 的 藥物 我們 的 研究 證實 它 可以 有效 降低 新冠 重症 患者 的 死亡率 氫 化 可體 松 是 第 2 個 被 證實 能夠 有效 降低 新冠 死亡率 的 藥物 今年 6 月 牛津大學 的 研究 也 證實 地 塞 米松 能夠 大幅度降低 重症 新冠 患者 的 死亡 風險</t>
  </si>
  <si>
    <t>新冠肺炎 類固醇 重症 死亡率 20</t>
  </si>
  <si>
    <t>衛福部 食 藥 署 昨 核准 新冠肺炎 新藥 瑞德西韋 remdesivir 的 輸入 所屬 吉立亞 醫藥 針對 近 400 名 新冠肺炎 重症 者 進行 臨床 試驗 其中 有 11 名 為 臺灣 中 重症 病 患 食 藥 署 官員 表示 這 11 人 的 治療 效果 佳 有 肺 浸潤 呼吸 困</t>
  </si>
  <si>
    <t>澳洲 音樂家 日前 來 台 演出 返國 後 確診 新冠肺炎 值勤 該 班 臺北 布里斯本 的 組員 將 被 要求 居家 隔離 事後 再 傳出 確診 音樂家 是從 英國倫敦 搭 機 至 曼谷 再 轉機 到 臺灣 長 榮 表示 與 該 班機 接觸 過 的 20 多 名 機師 空服 與 地勤人員</t>
  </si>
  <si>
    <t>新冠肺炎 外籍人士 來 台 就醫 防疫 破 口 孫大千</t>
  </si>
  <si>
    <t>新冠肺炎 衝擊 imf 國際貨幣基金 大 砍 臺灣 gdp 中央銀行 罕見 對 此 提出 說明 強調 imf 未 在 臺灣 設置 專職 單位 難以 即時 掌握 臺灣 現況 這 份 外部 報告 有 明顯 低估 傾向 也 過份 悲觀 將 會 持續 與 imf 溝通 希望 有助於 其 預測 准</t>
  </si>
  <si>
    <t>新冠肺炎 衝擊 imf 國際貨幣基金 大 砍 臺灣 gdp 中央銀行 罕見 對 此 提出 說明 強調 imf 未 在 臺灣 設置 專職 單位 難以 即時 掌握 臺灣 現況 這 份 外部 報告 有 明顯 低估 傾向 也 過份 悲觀 將 會 持續 與 imf 溝通 希望 有助於 其 預測 準確性 央行 整理 出 imf 近年 預測 2016 年 後 對 臺灣 經濟 成長率 之 預測值 普遍 偏 低 以 2016 年 為 例 imf 於 該 年 10 月 預 設 臺灣 gdp 為 1 較 該 年 實際 值 217 低估 117 個 百分點 央行 副 總裁 嚴宗 大明 20 日 將 赴 立 法院 財委會 就 新冠肺炎 造成 國際經貿 環境 的 影響 與 展望 進行 專題報告 書面報告 昨日 出爐 罕見 以 附錄 方式 提及 imf 一 事 imf 於 14 日 發佈 之 世界 經濟 展望 報告 對 臺灣 今年 實質 gdp 預測值 由 原本 19 大幅 下 修至負 4 不過 這 份 報告 是 由 總部 位於 英國倫敦 的 consensus economics 機構 所 做 央行 指出 imf 是 采 由下而上 之 經濟 預測 方法 在 假設 本年 全球 經濟 大幅 衰退 臺灣 屬 小型 開放 經濟體 受 衝擊 程度較 大 而 國外 需求 驟降 不利 臺灣 輸出 成長 表現 這 也 是 imf 對 臺灣 經濟 成長 較為 悲觀 的 主要 原因 央行 強調 近期 多數 機構 雖然 調 降 臺灣 gdp 預測 但 大部分 仍 有零 到 1 成長 反映 出 imf 未 能 掌握 臺灣 受 疫情 影響 之 真實 程度 及 公共 與 民間 投資 情形 未 考慮 政府 紓困 振興 方案 之 正面 效應 會 持續 與 imf 溝通 希望 有助於 協助 其 對 預測 的 準確性</t>
  </si>
  <si>
    <t>陸新冠肺炎 確診 破 8萬 嚴防 境外 疫情 回流</t>
  </si>
  <si>
    <t>新冠肺炎 肆虐 全球 疫情 繼續 擴散 惟 大陸 疫情 增長 有所 放緩 除了 重災區 湖北 省外 各地 新增 確診 病例 連續 多 天 維持 個別 數 多 個 省 市 區 已 陸續 復工 截至 3 月 2 日 大陸 確診 病例 超過 8萬 宗 造成 2912 人 病亡 疑似病例 僅 餘 715</t>
  </si>
  <si>
    <t>新冠肺炎 肆虐 全球 疫情 繼續 擴散 惟 大陸 疫情 增長 有所 放緩 除了 重災區 湖北 省外 各地 新增 確診 病例 連續 多 天 維持 個別 數 多 個 省 市 區 已 陸續 復工 截至 3 月 2 日 大陸 確診 病例 超過 8萬 宗 造成 2912 人 病亡 疑似病例 僅 餘 715 宗 累計 超過 44萬 人 治癒 出 院 據 港 媒 報導 針對 湖北 監獄 爆發 疫情 以及 有 釋 囚 突破 封 城 返回 原居地 等 情況 湖北省 長 王曉東 1 日 到 荊門市 檢查 督導 監獄 系統 疫情 防控 工作 提出 要 嚴格 做好 刑滿 釋放 人員 集中 安置工作 嚴防 疫情 向 外 輸出 據 瞭解 此次 是 王曉東 3 天內 第 2 次 檢查 監獄 等 特殊 場所 的 疫情 防控 亦 是 湖北省 第一 次 明確提出 刑 滿 釋放 人員 的 安置 方式 另一方面 因應 世界 各國 確診 人數 急 增 大陸 當局 亦 加強 入境 防控 措施 嚴防 境外 疫情 回流 造成 疫情 第二 波 爆發</t>
  </si>
  <si>
    <t>紐 籍 機師 廣達 王任賢 新冠肺炎</t>
  </si>
  <si>
    <t>新冠肺炎 臺灣 蔡英文 防疫 週末</t>
  </si>
  <si>
    <t>新冠肺炎 臺灣 張維 倩 確診 市府</t>
  </si>
  <si>
    <t>江蘇 台商 新冠肺炎 確診</t>
  </si>
  <si>
    <t>二級 警戒 降級 口罩 鬆綁 疫苗 覆蓋率 新冠肺炎</t>
  </si>
  <si>
    <t>新冠肺炎 臺灣 通報 男子 接種</t>
  </si>
  <si>
    <t>歐陽靖 新冠肺炎 本土 確診 防疫 日本</t>
  </si>
  <si>
    <t>新冠肺炎 疫情 延 燒 民眾 聞 肺炎 色 變 未 料 竟 意外 成為 嚇 阻 民眾 亂丟垃圾 利器 台東市 中華路 1 間 服飾店 在 騎 樓 設置 洗手台 長期 遭 民眾 丟 進 垃圾 店家 不堪 其 擾 結合 當紅 時事 貼出 亂丟垃圾 得 肺炎 告示 果然 一舉</t>
  </si>
  <si>
    <t>新冠肺炎 疫情 延 燒 民眾 聞 肺炎 色 變 未 料 竟 意外 成為 嚇 阻 民眾 亂丟垃圾 利器 台東市 中華路 1 間 服飾店 在 騎 樓 設置 洗手台 長期 遭 民眾 丟 進 垃圾 店家 不堪 其 擾 結合 當紅 時事 貼出 亂丟垃圾 得 肺炎 告示 果然 一舉 奏效 迄今 都 沒人 敢 亂丟垃圾 服飾店 林 店 長 說 去年 12 月中 開 店 常有 民眾 把 垃圾 丟 在 騎 樓 的 柱子 底下 及 騎 樓下 的 洗手台 內 幾乎 每天 都 有 垃圾 狀況 維持 1 個 多 月 雖 已 張貼 公告 請 民眾 不要 亂丟垃圾 但 情況 並未 改善 讓 她 非常 頭痛 靈機一動 出奇 招 林 店 長 說 新冠肺炎 年初 爆發 當時 抱 著 好玩 的 心態 結合 時事 在 公告 寫 上 這 是 洗手台 不是 垃圾桶 亂丟垃圾 祝 你 得 肺炎 從 2 月初 張貼 至今 真的 沒有 人 再 亂丟垃圾 肺炎 威力 無遠弗屆 成功 達到 嚇 阻 效果 看到 公告 的 民眾 說 原本 就 不該 亂丟垃圾 況且 還是 在 營業 店家 前 但 這 是 防 君子 不防 小人 為了 嚇 阻 沒有 公德心 的 人 公告 內容 無傷大雅 蠻 有趣 的 但 也 有 民眾 說 現在 疫情 讓 大家 很 緊張 公告 內容 似乎 有 點 不妥 台 東 衛生局 表示 店家 張貼 亂丟垃圾 祝 你 得 肺炎 有 詛咒 亂丟垃圾 民眾 的 意思 雖 沒有 違反 傳染病 防治法 相關 規定 但 仍 希望 店家 斟酌 用詞</t>
  </si>
  <si>
    <t>亂丟垃圾 民眾 肺炎 台東 新冠肺炎</t>
  </si>
  <si>
    <t>日本 女 學生 確診 新冠肺炎 生活 臺灣</t>
  </si>
  <si>
    <t>農業 科技 瑞基新冠肺炎 病毒檢測 試劑 開發 完成</t>
  </si>
  <si>
    <t>瑞基 4171 新冠肺炎 病毒檢測 試劑 開發 完成 兩 款 試劑 分別 適用 一般 實驗室 與 瑞基 pockit 檢測 平臺 瑞基 說 在 新冠肺炎 病毒檢測 試劑 開發 上 取得 重大 進程 已 成功 開發 出 適用於 實驗室 使用 的 qpcr real-time pcr 試劑 以及 適</t>
  </si>
  <si>
    <t>新冠肺炎 病毒 非洲 豬瘟 禽流感 瑞基</t>
  </si>
  <si>
    <t>新冠肺炎 臺灣 酒客 金沙酒店 臨檢</t>
  </si>
  <si>
    <t>身為 首位 確診 新冠肺炎 nba 球員 的 爵士 中鋒 戈貝爾 如今 總算 把 悶在心裡 的話 都說 出來 鹽湖城 論壇 報 記者 瓦爾登 13 日 爆 料 戈貝爾 坦承 在 確診 之後 就 不斷 收到 死亡威脅 畢竟 他 被 外界 認定 是 造成 nba 無限期 停賽 的 罪魁禍首</t>
  </si>
  <si>
    <t>rudy &amp;quot i was getting death threats&amp;quot after the news came out he had coronavirus 身為 首位 確診 新冠肺炎 nba 球員 的 爵士 中鋒 戈貝爾 如今 總算 把 悶在心裡 的話 都說 出來 鹽湖城 論壇 報 記者 瓦爾登 13 日 爆 料 戈貝爾 坦承 在 確診 之後 就 不斷 收到 死亡威脅 畢竟 他 被 外界 認定 是 造成 nba 無限期 停賽 的 罪魁禍首 畢竟 在 3 月 12 日 確診 新冠 病毒 之前 戈貝爾 曾 在 賽後 記者會 刻意 觸摸 麥克風 展示 他 的 另 類 幽默 甚至 還 被 傳出 故意 在 休息室 內 摸 遍 所有 隊友 物品 擺 明 沒 把 新冠肺炎 疫情 放在 心上 隨後 當 他 確診 之後 他 也 馬上 遭到 外界 大肆 抨擊 戈貝爾 隨後 透過 社 群 媒體 跟 所有人 公開 道歉 且 表達 自己 悔恨 之 意 nba 總裁 席爾佛 馬上 就 宣佈 nba 無限期 停賽 充分 做好 他 份 內 的 工作 當時 我 承受 了 很多 外界 批評但 席爾佛 這樣 的 作法 如今 看來 可能 拯救 了 很多 人 的 生命 當 說 到 戈貝爾 是否 感到 後悔 他 的 回答 是 我 向來 是 一個 很 愛 開玩笑 的 人 認識 我 的 人 現在 真正 知道 了 我 的 內心 碰 觸 麥克風 讓 我 看 起來 相當 糟糕 這 完全 都 是 個人 看法 的 問題 但 這些 動作 讓 我 看起來 是 那種 不在乎 別人 性命 的 人</t>
  </si>
  <si>
    <t>新冠肺炎 bnt az 臺灣 輝瑞</t>
  </si>
  <si>
    <t>新冠肺炎 全球 新冠 病毒 抗體 終身免疫 骨髓細胞</t>
  </si>
  <si>
    <t>靈鷲 山 法會 城中城 新冠肺炎 臺灣</t>
  </si>
  <si>
    <t>對 一般 人 來說 單是 要 做 幾 個 伏地挺身 可能 就 得 費 上 九牛二虎之力 累 得 喘噓噓 可是 對 這 位 健身 高人 而言 實在 是 簡單 到 爆 據 每日 郵報 daily mail 25 日 報導 在 法國巴黎 郊區 埃 爾布萊 herblay 的 健身房 裡 這 位 高手 大約 在 短短 21 秒 內 就 展現 了 5 種 伏地挺身 的 超級 技巧 只見 他 彷 佛 彈簧 人 般 輕易 完成 了 所有 的 動作 而 最 令 人 歎為觀止 的 就 是 他 展現 絕佳 的 彈性 匍匐 騰空 據說 他 在 展現 神 級 運動 技巧 前 已經 運動 了 兩 小時 這 段 影片 是 在 法國 封城 前 拍攝 的 為了 防控 新冠肺炎 疫情 法國 關閉 了 咖啡 廳 餐館 和 公共場所 不過 法國總理 菲力普 edouard philippe 說 大家 必須 學會 和 新冠肺炎 病毒 共處 因此 從 5 月 11 日 起 將 開始 解封 至今 法國 新冠肺炎 的 確診 人數 直 逼 14萬 人 而 死亡 人數 也 接近 26萬 人</t>
  </si>
  <si>
    <t>新冠肺炎 肆虐 全球 歐美 半導體 大廠 紛紛 減產 拉長 交 期 使 臺灣 半導體廠 成為 客戶 下單 的 首選 另外 中國 復工 後 拉 貨 需求 大增 最後 加上 去 美化 效應 持續 發酵 更 讓 臺灣 半 導體 供應 鏈 等 著 大 啖 全球 訂單 新冠肺炎 目前 仍 持續</t>
  </si>
  <si>
    <t>新冠肺炎 肆虐 全球 歐美 半導體 大廠 紛紛 減產 拉長 交 期 使 臺灣 半導體廠 成為 客戶 下單 的 首選 另外 中國 復工 後 拉 貨 需求 大增 最後 加上 去 美化 效應 持續 發酵 更 讓 臺灣 半 導體 供應 鏈 等 著 大 啖 全球 訂單 新冠肺炎 目前 仍 持續 在 全球 肆虐 舉凡 美國 歐洲 及 東南亞 等 各國 都 受到 影響 在 各國 祭出 封 城 令 效應 下 部分 半導體 大廠 營運 也 收到 衝擊 不過 臺灣 由於 肺炎 疫情 控制 得當 因此 設廠 在 臺灣 的 半導體 供應 鏈 營運 幾乎 不受 影響 因此 臺灣 半導體廠 成為 這 波 疫情 下 最 大 受惠 者 據 瞭解 目前 國際 idm 大廠 意 法 半導體 st 為 響應 法國政府 居家 隔離政策 已經 宣佈 旗 下 兩 座 晶圓廠 減產 50 博通 自家 沒有 晶圓廠 但 由於 重要 倉儲 及 委 讬 製造 的 封 測 廠 部分 落 在 馬來西亞 新加坡 及 菲律賓 等 東南亞 國家 因此 也 向 客戶 發出 信函 指出 交 期 從 原先 的 60 90 天 延長 至 半 年 其他 國家 的 科技 大廠 也 傳出 有 員工 確診 同樣 存有 減產 的 風險 其次 目前 中國 大陸 已經 全面 復工 企業 開始 恢復 運轉 拉 貨 力 道 已經 回到 過往 水準 且 在 當前 5 g 儼然 成為 中國 的 重點 發展 技術 之一 因此 舉凡 中興 及 華為 等 電信 設備 商 以及 中國移動 中國聯通 及 中國電信 等 三大 電信 商都 開始 全力 發展 5 g 相關 產業 因此 臺灣 ic 設計 廠 晶圓 代 工 及 封 測 產業 等 供應 鏈 都 已經 感受 到 中國 大陸 5 g 相關 廠商 的 拉 貨 力 道 包含 5 g 手機 晶 片 wifi cpe 射 頻 ic 及 網通 相關 領域 都成 中國 當前 拉 貨 的 重點 產品 線 最後 華為 在 2019 年 受 美中 貿易戰 影響 引發 零 元件 缺貨 危機 在此之後 陸廠 便 積極 啟動 去 美化 開始 納入 歐洲 臺灣 等 半 導體 廠商 作為 供應 鏈 其中 臺灣 享 地利 之便 加上 部分 產品品質 不 輸 歐美 大廠 因此 臺灣 ic 設計 廠 也 開始 大 啖 這 波 去 美化商機</t>
  </si>
  <si>
    <t>台 大公 衛 全球 新冠肺炎 確診 將 上 看 460萬 人</t>
  </si>
  <si>
    <t>新冠肺炎 臺灣 確診 學生 采 檢</t>
  </si>
  <si>
    <t>美國 一 名 66 歲 老婦 路 安 louann dagen 在 療養院 染 上 新冠肺炎 在 死 前 不停 向 亞馬遜 ai 語音 助理 alexa 訴說 自己 的 痛苦 不停 求救 我 好 痛苦 我 好 難受 我 必須 找到 一 種 減輕 痛苦 的 方法 我 該 怎麼 做 才能 止痛 多達</t>
  </si>
  <si>
    <t>美國 一 名 66 歲 老婦 路 安 louann dagen 在 療養院 染 上 新冠肺炎 在 死 前 不停 向 亞馬遜 ai 語音 助理 alexa 訴說 自己 的 痛苦 不停 求救 我 好 痛苦 我 好 難受 我 必須 找到 一 種 減輕 痛苦 的 方法 我 該 怎麼 做 才能 止痛 多 達 40 份 這樣 崩潰 的 錄音 檔 讓 妹妹 心痛 不已 不敢相信 自己 聽到 的 聲音 外 媒 wood-tv 報導 該 療養院 有 31 位 住 民 及 5 位 工作人員 確診 路安 也 是 其中 之一 妹妹 潘妮 penny dagen 說 4 日 是 她 最後 一 次 見到 姊 姊 當時 她 已經 因 血液 缺氧 血壓 下降 被 送 急診 戴 上 呼吸器 隨時 可能 心跳 停止 實施 cpr 搶救 潘妮 表示 不 她 不 想要 那樣 半 小時 後 姊 姊 的 心臟 停止 跳動 病逝 於 醫院 姊 姊 死 後 潘妮 發現 語音 助理 alexa 中 有 40 份 通話 紀錄 都 是 姊 姊 在 死 前 對 alexa 的 哭訴 說 著 自己 有 多 痛苦 有 誰 可以 來 救 她 我 很 難受 我 必須 找到 一 種 能 減輕 痛苦 的 方法 還 問 alexa 怎麼樣 才能 止痛 該 怎麼 找到 員警 當時 alexa 只 回答 了 附近 一家 警察局 的 位址 讓 潘妮 聽 了 傷心欲絕</t>
  </si>
  <si>
    <t>新冠肺炎 持續 延 燒 臺灣 今 27 日 宣佈 新 增 15 例 確診 病例 累計 確診 達 267 人 隨 著 確診 人數 攀升 不少 人 也 關注 政府 是否 會 有 進一步 措施 最 新民 調 顯示 若 疫情 繼續 擴散 大多數 的 民眾 都 支持 封城 發佈 緊急命令 根據 e</t>
  </si>
  <si>
    <t>新冠肺炎 持續 延 燒 臺灣 今 27 日 宣佈 新 增 15 例 確診 病例 累計 確診 達 267 人 隨 著 確診 人數 攀升 不少 人 也 關注 政府 是否 會 有 進一步 措施 最 新民 調 顯示 若 疫情 繼續 擴散 大多數 的 民眾 都 支持 封城 發佈 緊急命令 根據 ettoday 新聞 雲 最 新民 調 若 疫情 持續 擴散 高達 782 的 人 支持 實施 封城 措施 193 的 人 不 認同 25 不 知道 或 沒 意見 另外 是否 認同 蔡英文 總統 發佈 緊急命令 有 764 的 民眾 認同 170 的 人 不 認同 66 表示 不 知道 或 沒 意見 此 民 調 於 3 月 25 日 至 26 日 進行 調查 以 20 歲 以上 民眾 為 對象 透過 網路 調查 有效 樣本數 1484 份 在 95 信心 水準 下 抽樣誤差 為 254</t>
  </si>
  <si>
    <t>新冠肺炎 臺灣 死亡 采 檢 溺水</t>
  </si>
  <si>
    <t>可怕 綠 天鵝 頻出 現 氣候變遷 是 慢動作 的 新冠肺炎</t>
  </si>
  <si>
    <t>新冠肺炎 疫情 持續 大陸 洪 患 澳洲 大火 等 事件 重創 全球 產業 經濟 綠 天鵝 頻出 現 迫使 企業 開始 提前 思考 氣候 及 環境 變遷 所 產生 的 風險 國立 臺北 大學 商學院 院長 國立 臺北 大學 商學院 金融 與 合作 經營學 系 教授 池 祥麟 指出</t>
  </si>
  <si>
    <t>新冠肺炎 疫情 持續 大陸 洪 患 澳洲 大火 等 事件 重創 全球 產業 經濟 綠 天鵝 頻出 現 迫使 企業 開始 提前 思考 氣候 及 環境 變遷 所 產生 的 風險 國立 臺北 大學 商學院 院長 國立 臺北 大學 商學院 金融 與 合作 經營學 系 教授 池 祥麟 指出 氣候變遷 是 慢動作 的 新冠肺炎 大家 不要 心存僥倖 一定 要 提早 因應 池 祥麟 指出 氣候變遷 導致 的 企業財務 風險 不 會 像 新冠肺炎 那麼 立即 明顯 可辨 但 一旦 發生 產生 的 負面 影響力 會 比 新冠肺炎 還要 巨大 它 會 導致 企業倒閉 銀行 虧損 引發 系統性 的 金融危機 所以 國際清算銀行 與 各國 央行 都 開始 重視 這個 議題 池 祥麟 強調 企業 社會 大眾 要 有 二 大 心理準備 一 全球 氣候變遷 的 規範 一定 會 越來越 嚴格 新冠肺炎 大 爆發 與 氣候變遷 在 未來 會 導致 社會 大眾 對於 政府 企業 的 不作為 產生 反感 企業 也 必須 做 好 因應 的 準備 預測 法規 的 改變 而 提前 部署 二 企業 要 精准衡量 氣候變遷 帶 給 企業財務 風險 的 影響 並 進行 管理 金融機構 則 要 有 足夠 能力 辨識 這些 企業 以 決定 放款 或 投資 與否 並 積極 透過 股東 議 合 去 輔導 並 提升 企業 因應 氣候變遷 的 能力 將 是 金融機構 財 德 兼備 的 重要 競爭力 池 祥麟 指出 氣候變遷 不只 影響 環境 還 導致 全球 經濟 不 平等 加劇 緯度 比較 高 且 富有 的 國家 更 富有 譬如 挪威 加拿大 與 瑞典 的 每人 gdp 上升 超過 25 1961 年 到 2010 年 緯度 比較 低 且 貧窮 的 國家 譬如 印度 與 奈及利亞 的 每人 gdp 下降 超過 29 另外 英國 經濟 學人 發現 氣候變遷 也 讓 大 企業 變更 大 小企業 更 小 因為 氣候變遷 像 慢動作 的 新冠肺炎 大 企業 有 好 的 償債 能力 獲利 所以 經濟衰退 時 他 比較 不會 因此 倒閉 中小企業 就 撐 不 過 此外 氣候變遷 讓 社會 弱勢 底層 更 容易 受傷 且 更 不容易 復原 貧富不均 不僅 限於 國與國 之間 而 也 在 人 與 人 之間 池 祥麟 指出 因應 氣候變遷 的 大 趨勢 政府 要 主導產業 公平 轉型 提供 資源 給 中小企業 協助 轉換 跑道 像是 農業 轉型 而 不是 放任 讓 企業 倒 而 金融機構 要 強化 普惠 金融 的 能力 不 只是 把 錢 借給 中小企業 或是 錦上添花 而是 必須 往 受 氣候變遷 影響 最 大 的 社會 弱勢 底層 延伸 並 維持 獲利 能力</t>
  </si>
  <si>
    <t>大陸 高考 考生 進入 考場 是否 要 戴 口罩 大陸 教育部 規定 低 風險 地區 的 考生 進考場 前 要 戴 進考場 就座 後 可以 自行決定 要 不 要 戴 不過 備用 隔離 考場 和 中 高風險 地區 的 考生 要 全程 戴 口罩 不過 山東省 建議 考生 進考場 就座 繼續 戴 口罩 對於 是否 戴 口罩 大陸 教育部 此前 規定 低 風險 地區 的 考生 在 進入 考場 前 要 戴 口罩 進入 考場 就座 後 可以 自行決定 要 不 要 戴 備用 隔離 考場 和 中 高風險 地區 的 考生 要 全程 戴 口罩 各地 要求 大體一致 河南省 規定 低 風險 地區 考生 進入 一般 考場 前 要 戴 口罩 進入 考場 前 摘掉 口罩 放置 在 考生 物品 存放 處 入場 就座 後 可 自行決定 要 不 要 戴 口罩 如要 戴 口罩 可向 監考員 申 領 考場 使用 口罩 每場 考試 結束 後 要 將 考場 使用 口罩 放置 在 座位 上 不得 帶出 考場 考生 自備 口罩 不得 帶入 考場 河南省 規定 各地 要為 考試 工作人員 每天 準備 兩 片 考生 每天 1 片 口罩 對於 確診 新冠肺炎 的 考生 如何 處理 河南 安徽省 接 規定 如 考生 是 確診 病例 無 症狀 感染者 疑 似 患者 密切接觸 者 須經 衛生 健康 部門 等 專業 評估 教育 行政部門 等 綜合 研 判 是否 可以 在 隔離 或 救治 場所 參加考試 此外 已 治癒 未 超過 14 天 的 病例 不能 排除 感染 可能 的 發熱 患者 須經 衛生 健康 部門 等 專業 評估 教育 行政部門 等 綜合 研 判 其 是否 可以 正常 參加考試 貴州省 提出 如 考生 是 新冠肺炎 確診 病例 無 症狀 感染者 疑 似 患者 確診 病例 密切接觸 者 將 根據 專業 評估 綜合 研 判 其 是否 可以 在 隔離 或 救治 場所 參加考試 據 河北 日報 環 渤海 新聞網 等 媒體 報導 河北省 6 月 17 日 召開 2020 年 全省 普通高校 招生 統一 考試 工作 電視電話會議 上 要求 凡 經 醫療機構 確診 為 新冠肺炎 病例 的 考生 一律 不得 參加考試 6 月 19 日 銀川市 發佈 銀川市 2020 年 普通 高考 工作 方案 明確 凡 經 醫療機構 診斷 為 新冠肺炎 確診 病例 新冠肺炎 疑似病例 無 症狀 感染者 的 考生 不得 參加考試</t>
  </si>
  <si>
    <t>訪台 澳 籍 音樂家 確診 罹 患 新冠肺炎 造成 上百 位 接觸 者 須 居家 隔離 邀請 該 音樂家 來 台 的 國家 交響樂團 音樂 總監 呂紹嘉 在 今 10 日 發出 公開信 為 此 一 事件 造成 的 社會 恐慌 向社會 大眾 道歉 訪 台前 即有 咳嗽 症狀 的 澳 籍 音樂家</t>
  </si>
  <si>
    <t>澳洲 音樂家 新冠肺炎 樂團 nso 音樂家</t>
  </si>
  <si>
    <t>新冠肺炎 台積電 永齡 基金會 輝瑞 bnt 陳時中</t>
  </si>
  <si>
    <t>東京 奧運 餐 點 醜聞 主 新聞 中心 新冠肺炎</t>
  </si>
  <si>
    <t>無 症狀 會 感染 傳染 力 難 捉摸 賴明詔 新冠肺炎 史 上 最 強 病毒</t>
  </si>
  <si>
    <t>香港 國泰 航空 53 歲 男 貨機 機師 由 德國 返 香港 後 確診 新冠肺炎 香港大學 感染 及 傳染病 中心 總監 何柏良 今日 15 日 表示 近日 歐洲 疫情 反彈 但 香港 風險 評估 機制 落後 部分 地區 仍然 屬於 中 風險 地區 有 機組人員 受 感染 是 可 預計</t>
  </si>
  <si>
    <t>香港 國泰 航空 53 歲 男 貨機 機師 由 德國 返 香港 後 確診 新冠肺炎 香港大學 感染 及 傳染病 中心 總監 何柏良 今日 15 日 表示 近日 歐洲 疫情 反彈 但 香港 風險 評估 機制 落後 部分 地區 仍然 屬於 中 風險 地區 有 機組人員 受 感染 是 可 預計 認為 港 府 需 檢討 風險 評估 機制 建議 他們 抵 港 後 到 檢疫 酒店 檢疫 7 日 何 柏良 說 港 府 有 需要 檢討 風險 評估 機制 強調 機組人員 屬於 高風險 接觸 人員 不應 讓 他們 走 入 社區 建議 他們 抵 港 後 到 檢疫 酒店 檢疫 7 日 也 要 接種 第 3 劑 新冠 疫苗 何續 指 他們 應 接種 bnt 疫苗 除了 預防 重症 更 希望 可 減低 病毒傳播 風險</t>
  </si>
  <si>
    <t>新冠肺炎 臺灣 醫護人員 隔離 爺爺</t>
  </si>
  <si>
    <t>受 新冠肺炎 影響 高雄 老字型大小 渝香 園 宣佈 歇業</t>
  </si>
  <si>
    <t>今年以來 全球 金融市場 屢 受 政 經 不 確定 性 的 影響 包括 中 美 貿易 紛爭 中東 地緣 政治 緊張 新冠肺炎 疫情 等 使得 市場 表現 震盪 法人 表示 新冠肺炎 疫情 讓 近期 的 全球股市 出現 了 較 大 的 震盪 但 這 並非 經濟 基本 面 出現 惡化 建</t>
  </si>
  <si>
    <t>今年以來 全球 金融市場 屢 受 政 經 不 確定 性 的 影響 包括 中 美 貿易 紛爭 中東 地緣 政治 緊張 新冠肺炎 疫情 等 使得 市場 表現 震盪 法人 表示 新冠肺炎 疫情 讓 近期 的 全球股市 出現 了 較 大 的 震盪 但 這 並非 經濟 基本 面 出現 惡化 建議 投資人 不妨 以 跨國 組合 平衡 基金 的 多重 資產 佈局 特性 因應 達到 進可攻 退可守 的 投資 效果 群 益 投 信 表示 新冠肺炎 疫情 蔓延 但 全球股市 並 沒 大跌 現階段 風險性 資產 仍 有 表現 機會 不過 國際 市場 仍 存在 許多 變數 不 排除 為 股 債 帶來 波動 因此 建議 穩健 型 投資人 採取 多 元 配置 的 投資 策略 一來 分散 投資 風險 有效 控制 投資 組合 波動 度 二來 也 增加 投資 組合 彈性 把握 不同 資產 上漲 契機 提升 投資 效率 群 益 環球 金 綻 雙喜 基金 經理 人 葉啟芳 表示 高於 平均 的 經濟 成長 與 偏 低 的 通 膨 環境 有利 風險性 資產 包括 股票 與 信用 債 表現 加上 全球 企業 獲利 普遍性 改善 建議 投資 比重 股 債 均衡 未來 除非 經濟 以及 企業 基本 面 意外 惡化 再 進行 較 大 幅度 調整 股 債 比 整體而言 疫情 將 影響 今年 全球 經濟 成長 建議 可 逐步 逢 高 獲利 了結 科技 股 及 高成長 股票 轉移 至 低 波動 及 防禦 性 股票 並 遂 步 增加 債券 部位 比重 台 新 全球 多元 資產 組合 基 金經理 人 謝 夢蘭 表示 新冠肺炎 疫情 仍 有 許多 不 確定性 但 目前 分析 師 普遍 對 第一 季 的 股市 仍 不 看淡 主要 在於 市場 的 資金 非常 充沛 fed 每月 持續 購買 600億 國債 歐洲央行 今年 進行 qe 日本 持續 寬鬆 貨幣政策 大陸 隨時 可能 降息 或 降 准 等 目前 資金 行情 超越 基本 面 與 疫情 主導 金融市場 加上 美國 的 基本 面 不 差 因 此 第一 季 金融市場 仍然 樂觀 不過 由於 短線 股市 漲 多 未來 震盪 將 加大 建議 采 多元 資產 股 債 同時 佈局 的 方式 以 分散 市場 風險 同時 也 可 掌握 類 股 輪 動 行情 謝 夢蘭指出 操作 上 建議 股 采 股票 六 成 債券 四 成 的 配置 比重 股票 可 著 重在 成長 動能 強勁 的 美 股 科技 股 新興 市場 則 看好 具 補 漲 空間 的 印度 股市 債券 則 可 佈局 具 高 股息 低 波動 的 優先 高 收益 債 以 發揮 最佳 的 防禦 效果 進可攻 退可守</t>
  </si>
  <si>
    <t>臺灣 新冠肺炎 疫情 嚴峻 讓 老百姓 人心惶惶 56 歲 資深 相聲 演員 宋少卿 上個月 才 因為 批評 政府 言論 惹 來 網 軍 出征 然而 他 今 6 日 更 因為 網友 一 句 留言 疫苗 沒來 也 罵 疫苗 來 了 也 罵 爆 氣 寫 下 400 字 長文 回 覆 被 ptt 網</t>
  </si>
  <si>
    <t>臺灣 新冠肺炎 疫情 嚴峻 讓 老百姓 人心惶惶 56 歲 資深 相聲 演員 宋少卿 上個月 才 因為 批評 政府 言論 惹 來 網 軍 出征 然而 他 今 6 日 更 因為 網友 一 句 留言 疫苗 沒來 也 罵 疫苗 來 了 也 罵 爆 氣 寫 下 400 字 長文 回 覆 被 ptt 網友 推 爆 大贊 邏輯 清楚 罵 的 好 宋 少卿 今日 遭 網友 質疑 疫苗 有 沒有 來 都 罵 爆 氣 寫 下 400 多 字 長文 回擊 他 說 怎麼 不能 罵 政府 做 得 不好 不能 罵 更以 小時候 讀書 寫 作業 來 舉例 相信 大家 都 共同 經驗 明明 沒寫 作業 卻 跟 老師 說 忘 了 帶 那 說謊 是不是 該 要 自我 反省 呢 宋 少卿 認為 每個 人 都有 沒寫 作業 的 背後 原因 這個 舉例 就是 我們 都 知道 臺灣 當前 在 國際局勢 上 處境 困難 但是 你 嘴上 說 了 沒 帶 而 沒 交 作業 的 時候 是不是 就 等於 給 了 你 更 多 的 時間 回家 寫 作業 這 就 相當 於 給 了 政府 一 年 的 時間 做 超前 部署 結果 我們 還是 沒有 自己 寫 作業 反而 靠 其他同學 或 朋友 家人 幫忙 捐贈 了 作業 好 讓 你 交差 這樣 不該 罵 宋 少卿 說 我們 在 臺灣 生活 工作 繳稅 投票 甚至 生老病死 結果 政府 做 不好 卻 不能 罵 更 直言 沒要 罷免 沒 喊 下臺 已經 很 厚道 了 罵 是 希望 政府 做 得 更 好 罵 是 很 鐵 不成鋼 罵 是 愛 之 深 責之切 罵 你是 剛好 而已 宋少卿 這 篇 回應 網友 質疑 的 回 覆 被 網友 轉發 至 ptt 八卦 版 更 火速 獲 鄉民 推 爆 盛讚 他 內文 邏輯 清晰 覺 青 就是 紅衛兵 在 臺灣 不能 罵 政府 這 是 常識 好 嗎 罵 得 好 啊 說 相聲 瓦舍 只 會 酸 dpp 的 要 不 要 去 看 一下 那集 講 鹿耳朵 的 毛 那集 推 民主 政治 被 搞 到 像 共產 統治 推 老師 教訓 1450 雙 標 仔</t>
  </si>
  <si>
    <t>宋少卿 ptt 疫苗 新冠肺炎 臺灣</t>
  </si>
  <si>
    <t>新冠肺炎 臺灣 校正 回歸 蘇一峰</t>
  </si>
  <si>
    <t>大陸 兩岸 臺灣 新冠肺炎 疫情</t>
  </si>
  <si>
    <t>案 12038 翁章梁 確診 接觸 者 新冠肺炎</t>
  </si>
  <si>
    <t>連鎖 餐飲 集團 六 角 2732 股東 常會 通過 配發 每股 現金 股利 85 元 今 2 日 進行 除息 交易 每股 參考價 151 元 六 角 今日 股價 開高 穩 揚 最高 上漲 232 至 1545 元 填息 率 達 約 4118 隨後 漲勢 有所 收斂 早 盤 維持 近 1 漲幅 六 角 受惠 chatime 日出 茶 太 全球 展店 效益 顯現 2019 年 合併 營 收 達 4955億 元 年 增 2852 毛利率 略 降 至 4678 但 營益 率 升至 1211 創 近 6 年高 點 歸屬 母公司 稅 後 淨利 38億 元 年 增 達 128 倍 每股 盈 餘 eps 97 元 營 收 獲利 eps 齊 創新 高 由於 新冠肺炎 疫情 延 燒 全球 受 各國 相繼 封城 鎖國 防疫 影響 六 角 2020 年 2 4 月 合併 營 收 明顯 遭受 衝擊 所幸 4 月 後 已 見 消費市場 動能 逐步 回溫 5 月 自 結合 並 營 收 262億 元 月 增 2625 年 減 3526 自 近 3 年 低檔 顯著 回升 確立 營 收 已於 4 月 落 底 六 角 表示 chatime 日出 茶 太 5 月 業績 已 見 回升 轉投資 的 杭州 瑞裡 業績 自 3 月 起 逐月 回升 45 月 已 持平 去年同期 經營 餐 食 品牌 的 王座 則 受惠 臺灣 防疫 有成 祭出 振興 消費 券 激勵 5 月 營 收 月 增 近 7 成 整體而言 預期 營運 將 在 第二 季落底 下半年 動能 看 升 由於 4 月 首 波 六 角 消費 振興 券 成效顯著 並 因應 振興 三 倍 券 即將 發放 六 角 推出 第二 波 方案 持 振興 三 倍 券 於 旗 下 9 大 品牌 消費 200 元 面額 可 升級 消費 240 元 500 元 面額 可 升級 消費 650 元 並 祭出 10 倍 奉還 優惠 各 回 饋 20005000 元 優惠券</t>
  </si>
  <si>
    <t>中央 銀行 總裁 楊金龍 12 日 將 赴 立 法院 財政 委員會 業務 報告 他 在 10 日 出爐 的 書面報告 指出 全球 經濟 面臨 三大 風險 包括 肺炎 疫情 蔓延 主要 經濟體 貿易談判 結果 未定 地緣 政治 衝突 及 極端 氣候 威脅 至於 央行 如何 應變 楊金龍 也 提出 三大 重點 首先 是 密切 關注 肺炎 疫情 最新 發展 對 大陸 及 全球 的 影響 尤其 對 臺灣 經濟 金融 的 衝擊 其次 是 新冠肺炎 疫情 發展 加劇 全球 金融市場 波動 央行 將 持續 關注 資金 大量 進出 對 國內 金融市場 的 影響 並 本 於 職責 維護 外匯市場 秩序 及 金融市場 的 穩定 第 三 是 央行 會 關注 金融體系 流動性 及 銀行 授信 情況 充分 支應 市場 資金 需求 確保 貨幣政策 傳遞 管道 順暢 運作 楊金龍 針對 新冠肺炎 指出 若 疫情 不能 在 短期 降溫 國際 主要 機構 預估 大陸 經濟 受 創 程度 將 加重 並 延長 加上 疫情 擴散 至 日 韓 義 美 伊 等 近 100 國 大陸 居 全球 第二 大 經濟體 扮演 供應 鏈 核心 角色 生產 中斷 及 需求 下滑 對 全球 經濟 負面 外 溢 衝擊 將 遠 大於 sars 其次 楊金龍 說明 主要 經濟體 貿易談判 結果 仍 未定 包括 中 美 簽署 第一 階段 貿易 協定 雖 稍 緩解 緊張局勢 但 衝突 恐 長期存在 美國 與 歐盟 談判 仍 進行 中 及 英國 進入 脫歐 過渡期 無 協議 脫歐 風險 仍 存 至於 地緣 政治 衝突 及 極端 氣候 威脅 楊金龍 分析 年初 美國 與 伊朗 的 衝突 隨後 緊張 情勢 雖 未再 升溫 但 雙方 關係 仍 難 修復 還有 極端 氣候災害 發生 頻率 增加 嚴重 乾旱 洪災 森林 大火 強烈 風暴 等 極端 氣候 事件 發生 頻率 愈來愈 高 帶來 的 經濟 衝擊 日益嚴重 楊金龍 強調 國際貿易 緊張 情勢 暫 趨 緩 今年初 主要 國際 機構 多 預期 在 風險 不致 加劇 下 全球 經濟 可望 穩健 成長 但 肺炎 疫情 蔓延 拖累 全球 經濟 並 加劇 金融市場 波動 仍 應 密切 關注 並 審慎 因應</t>
  </si>
  <si>
    <t>美國 新冠肺炎 疫情 升溫 1 日 新增 確診 病例 突破 5萬 人 創下 單日 新高 促使 部分 州政府 與 企業 暫停 經濟 重 啟 計 畫 為 防範 肺炎 疫情 擴大 蘋果公司 2 日 宣佈 再度 關閉 30 家 分店 累計 達到 77 家 美國 肺炎 疫情 慘烈 週三 單日 新增 病</t>
  </si>
  <si>
    <t>美國 新冠肺炎 疫情 升溫 1 日 新增 確診 病例 突破 5萬 人 創下 單日 新高 促使 部分 州政府 與 企業 暫停 經濟 重 啟 計 畫 為 防範 肺炎 疫情 擴大 蘋果公司 2 日 宣佈 再度 關閉 30 家 分店 累計 達到 77 家 美國 肺炎 疫情 慘烈 週三 單日 新增 病例 達 50700 人 其中 以 德州 加州 近日 病例 暴 增 速度 最 快 而 光是 亞利桑那州 週三 便 通報 近 5000 人 確診 有鑑於此 密西 根 科羅拉多 與 佛州 等 多 州政府 宣佈 暫停 或 延後 經濟 重 啟 計 畫 而 蘋果 麥當勞 等 知名企業 也 重新 評估 旗 下 據點 重新 營業 的 速度 與 開放 規模 蘋果 2 日 宣佈 受到 肺炎 疫情 影響 該 公司 在 週四 前 將 再度 關閉 30 家 分店 使得 美國 蘋果 商店 再度 關門 的 總數 達到 77 家 蘋果 在 全美共 擁有 271 家 據點 蘋果 再度 關閉 的 據點 遍及 各州 包括 阿拉巴馬州 加州 喬治亞州 佛州 與 德州 等 蘋果 一下子 再次 關閉 如此 多 分店 顯示 美國 肺炎 疫情 升溫 零售業 者 想 恢復 營業 的 困 難度 極 高 蘋果 是 全球 最 早 因 疫情 關閉 據點 的 企業 之一 部分 原因 在於 該 公司 據點 大多 位於 購物 中心 或 百貨公司 人潮 洶湧 恐 導致 感染 機 率 大 增 麥當勞 也 宣佈 美國 店 內 用餐 重 啟 計 畫 將 暫緩 21 天 但 外帶 與 得來 速 服務 不受 影響 麥當勞 在 全美 擁有 約 14萬 家 據點 截至 6 月中 為止 僅 有約 1 千家 以 減少 座位 的 方式 恢復 營業 麥當勞 表示 若 當地政府 未 強制 規定 已 重新 開放 內 用 區 分店 可 自行決定 是否 維持 開放 麥當勞 強調 旗 下 據點 持續 加強 防疫 措施 像是 要求 客人 戴 口罩 與 量 測體溫 等 據 約翰霍普金斯大學 johns hopkins university 統 整數 據 顯示 截至 2 日 為止 全球 新冠肺炎 確診 病例 約 1082萬 人 死亡 逾 51萬 人 其中 疫情 最 嚴重 的 美國 感染 人數 占 四 分之一 超過 278萬 人 死亡 逾 13萬 人</t>
  </si>
  <si>
    <t>新冠肺炎 全球 韓國 健身房 音樂 節奏</t>
  </si>
  <si>
    <t>新冠肺炎 群 聚 感染 部 立 桃園 醫院 確診</t>
  </si>
  <si>
    <t>經濟部 新冠肺炎 快 篩 偵 測儀 最 快 7 月 量 產</t>
  </si>
  <si>
    <t>新冠肺炎 蔓延 儘管 有 研究 病毒 的 源頭 有 可能 是 蝙蝠 讓 許多 人 聞 蝠 色 變 但是 在 東南亞 某 國家 部分 地區 仍然 是 熱銷 根據 鳳凰網 報導 咖 哩 蝙蝠 是 當地 熱銷 菜肴 饕 客 拿 起 咖 哩 蝙蝠 肉 配 飯 吃 得 津津有味 顧客 說 不</t>
  </si>
  <si>
    <t>新冠肺炎 蔓延 儘管 有 研究 病毒 的 源頭 有 可能 是 蝙蝠 讓 許多 人 聞 蝠 色 變 但是 在 東南亞 某 國家 部分 地區 仍然 是 熱銷 根據 鳳凰網 報導 咖 哩 蝙蝠 是 當地 熱銷 菜肴 饕 客 拿 起 咖 哩 蝙蝠 肉 配 飯 吃 得 津津有味 顧客 說 不 相信 當地 有 病毒 存在 他們 常常 吃 這類 食物 也 不 會 害怕 會 不 會 生病 由 老天 決定 販賣 蝙蝠 肉 的 攤販 說 每天 可 賣 50 到 60 只 蝙蝠 遇到 節慶 更 可 賣 600 只 有時 庫存 還 不足 銷量 沒有 受到 疫情 影響 因為 疫情 只 發生 在 中國 大陸 報導 引述 專家 說法 呼籲 民眾 還是 儘量 不 要 食用 接觸 飼養 野生動物</t>
  </si>
  <si>
    <t>國際貨幣基金組織 imf 24 日 發 佈 世界 經濟 展望 world economic outlook 顯示 imf 將 2020 年 和 2021 年 中國 大陸 國內生產總值 gdp 的 增長 預測 分別 下調 至 1 和 82 較 上次 預測值 再 分別 下調 02 和 1 個 百分點 受 疫情 影響 今年 大陸 gdp 成長 亦 將 創下 改革 開放 以來 最低 水準 但 仍 是 今年 全球 唯一 呈現 正 成長 的 主要 經濟體 據 環球 網 報導 imf 週三 發 佈 最新 的 世界 經濟 展望 預 2020 年 全球 gdp 增速 為 49 在此之前 的 4 月份 預估 為 3 到 了 明年 預估 全球 gdp 增速 為 54 此前 預期 為 58 報導 說 imf 就 大 蕭條 以來 最 嚴重 的 經濟 下滑 發出 警告 稱 全球 悲觀 情緒 日益加劇 社交 疏離 和 防疫 安全 措施 持續 打擊 需求 早期 的 封鎖 對 供應 鏈 傷害 超出 預期 imf 表示 2020 年 全球 經濟 預期 持續 下調 也 是 由於 新冠 病毒 對 消費 的 衝擊 大於 最初 預期 預計 中國 大陸 2020 年 經濟 增速 為 1 是 全球 主要 經濟 中 唯一 增長 的 國家 報導 說 預計 2020 年 發達 經濟體 gdp 增速 為 80 全球 主要 經濟體 如 美國 80 法國 為 125 義 大利 128 英國 102 日本 58 狀況 都 極為 慘烈 新興 市場 及 發展 中 經濟體 稍為 好些 平均 gdp 增速 為 30 imf 表示 隨 著 疫情 的 持續 蔓延 對 生計 就業 保障 和 不 平等 造成 長期 負面影響 的 前景 變 得 更加 嚴峻 預計 90 以上 的 新興 市場 和 發展 中 經濟體 的 人均收入 將 出現 下降 值得注意 的 是 imf 上調 2021 年 全球 gdp 增速 至 54 但 如果 明年 出現 第二 波 新冠肺炎 疫情 當年 的 全球 經濟 增速 可能 下調 至 05 此外 imf 指出 受 新冠肺炎 疫情 影響 經濟 活動 大幅 下 可能 造成 企業 破產 以及 國家 債務 違約 全球 金融市場 將 出現 大幅 回檔 各國 政府 需要 更 多 的 財政 和 貨幣政策 支持 imf 首席 經濟學家 戈 皮納 特稱 病毒 將 對 全球 經濟 造成 1200 兆 美元 的 損失</t>
  </si>
  <si>
    <t>新冠肺炎 臺灣 桃園 快 篩 企業</t>
  </si>
  <si>
    <t>陸 股 表現 出乎 投資人 預期 法人 表示 投資人 相信 大陸 官方 必 出手 另外 資金 充沛 陸 股 價格合理 等 都 是 資金 力挺 陸 股 原因 為 降低 疫情 對 經濟 及 股市 的 衝擊 台 新中 證 消費 服務 領先 指數 基 金經理 人 葉宇真 表示 大陸 人行 持續 大幅 向 市場 注資 陸 股 流動性 充足 加上 大陸 刺激 政策 持續 出臺 企業 陸續 復工 等 都 有助 盤勢 向上 發展 葉 宇真 指出 陸 股 快速 止 跌 有 三 個 因素 包括 月度 基本 面 資料 開始 回穩 宏觀政策 偏 暖 中 美 經貿關係 緩和 後 兩 個 因素 最終 將 影響 未來 基本 面 因此 新冠肺炎 不 會 改變 陸 股 牛市 趨勢 群 益 中國 新 機會 基 金經理 人 洪玉婷 則 表示 雖然 新冠肺炎 疫情 尚未 受 控 持續 影響 投資人 信心 也 對 第一 二季 之 經濟 表現 帶來 衝擊 不過 在 中國 人行 釋放 流動性 調整 企業 貸款 成本 等 舉措 顯示 當局 對於 鞏固 穩 增長 的 決心 若 疫情 可 控 後 市場 信心 可望 逐漸 回籠惟 現階段 考量 疫情 不 確定性 仍 在 復工 狀況 亦 待 觀察 野村 中國 機會 基 金經理 人 劉尹璿 認為 短期 而言 市場 情緒 仍 會 受到 疫情 影響 而 波動 但 今年 多 類 題材 發酵 景氣 和 產業 進入 回升 期 不論 5 g 手機 的 商機 電動車 的 量 產 相關 製造業 機器人 等 行業 的 復蘇 資料 中心 重 回 成長 趨勢 這些 產業 都 已經 走 出 迴圈 的 底部 需求 在 短 時間 會 受到 疫情 影響 而 遞 延 但 長線 仍 具 潛力 野村 投 信 認為 在 市場 恐慌 時 反而 是 分批 佈局 的 好 時機 預估 疫情 過去 後 經濟 及 企業 獲利 將 回升 市場 將 回歸 關注 基本 面 葉 宇真 建議 短線 遇 回檔 可 分批 佈局 或 定期 定額 長線 投資 以 參與 疫情 結束 後 的 爆發 性 牛市 行情 洪 玉 婷 建議 投資 中國 基 金可采 分散 配置 以 平衡 投資 組合 波動 產業 方面 相對 看好 消費 升級 相關 之 民 生 消費 醫療 服務 等 類 股 表現 此外 基建投資 有望 拉動 原 物料 和 相關設備 需求 可 持續 關注</t>
  </si>
  <si>
    <t>入境 旅客 防疫 車隊 桃 機 檢疫 新冠肺炎</t>
  </si>
  <si>
    <t>月初 才 以身作則 施打新冠肺炎 疫苗 看來 神采奕奕 的 前 大 聯盟 生涯 全壘打 王 漢克阿倫 hank aaron 今天 由 其 女兒 證實 已 不幸 辭世 享壽 86 歲 名人 堂 兩 天 前 才 痛失 生涯 324 勝 的 強 投 蘇頓 don sutton 如今 連阿倫 也 撒手 人</t>
  </si>
  <si>
    <t>新冠肺炎 臺灣 失 聯 臺北市 確診 者</t>
  </si>
  <si>
    <t>今年 東京 奧運 帶動 的 體育 熱潮 原本 要 由 9 月 7 日 到 12 日 舉辦 的 臺北 羽球 公開賽 延續 可惜 因為 新冠肺炎 國際 疫情 尚未 趨 緩 加上 變種 病毒 致 疫情 反彈 中華 羽協昨 宣佈 繼 去年 之後 再度 取消 臺北 羽球 公開賽 是 國內 羽球 饗 宴 不少</t>
  </si>
  <si>
    <t>國內 新冠肺炎 疫情 蔓延 新北 市 警察局 各 分局 配合 區公所 執行 取締 未戴 口罩 依據 新北 市 警察局 統計 至 下午 3 時止 全市 共 取締 37 件 勸導 206 件 民眾 多 為 外出 購物 騎車 等 未 佩戴 口罩 各 分局 依法 通告 衛生局 後續 裁 罰 將 處以</t>
  </si>
  <si>
    <t>新冠肺炎 臺灣 戴 口罩 取締 新北 市 警察局</t>
  </si>
  <si>
    <t>定存 股 大盤 新冠肺炎 股票 pressplay academy</t>
  </si>
  <si>
    <t>香港 病例 唱歌 感染 新冠肺炎</t>
  </si>
  <si>
    <t>新冠肺炎 疫情 升溫 為 免 病從口入 桃園 市長 鄭文燦 11 日 中午 至 平鎮 義 興國 小 視察 學校 廚房 防疫 工作 及 學生 打菜 用餐 情形 並 與 學童 一同 學習 正確 洗手 與 用餐 防疫 禮儀 有趣 的 是 在 市長 關心 學童 打菜 防疫 裝扮 時 遭打 菜 學童 制</t>
  </si>
  <si>
    <t>新冠肺炎 疫情 升溫 為 免 病從口入 桃園 市長 鄭文燦 11 日 中午 至 平鎮 義 興國 小 視察 學校 廚房 防疫 工作 及 學生 打菜 用餐 情形 並 與 學童 一同 學習 正確 洗手 與 用餐 防疫 禮儀 有趣 的 是 在 市長 關心 學童 打菜 防疫 裝扮 時 遭打 菜 學童 制止 提醒 市長 不能 講話 現場 十分 尷尬 桃園 防疫 不 漏洞 為 關心 學校 廚房 及 營養 午餐 防疫 工作 鄭文燦 11 日 中午 至 平鎮 義 興國 小 瞭解 校方 廚房 防疫 措施 及 學生 打菜 的 情形 並 和 學童 一同 用餐 沒 想到 市長 在 裝菜 時 關心 學童 打菜 防疫 裝扮 卻 遭 2 年級 打菜 學童 提醒 市長 不能 講話 讓 市長 深刻 學習 用餐 不 聊天 的 防疫 禮儀 義 興國 小 校長 馮立縈 表示 學校 廚房 在 製作 午餐 前 會 先 消毒 並 監督 廚工 需 確實 穿戴 工作服 含 圍裙 發網 帽 雨鞋 及 配戴 口罩 強調 廚工 要 經過 手部 消毒 後 才能 進行 廚 務工 作 每天 供餐 結束 後 餐 桶 餐具 清洗 完 會 亦 放置 於 消毒 櫃 進行 高溫 殺菌 並以 清潔劑 漂白 水 刷洗 班級 餐車 推 車 及 廚房 四周 以 確保 供餐 環境 衛生 安全 鄭文燦 表示 因應 疫情 嚴峻 為 確保 學生 用餐 健康 已 要求 桃園 市 學校 應 全面落實 各項 午餐 衛生 安全 管理 與 防疫 措施 如 定期 清潔 消毒 廚房 各 班 打菜 學生 需 戴 口罩 圍裙 帽子 及 手套 以免 飛 沫 接觸 感染 更 指出 導師 應宣導 濕 搓 沖 捧 擦 及 內外夾攻 大力 丸 等 正確 洗手 步驟</t>
  </si>
  <si>
    <t>核酸 檢測 前端 萃 取 儀器 及 試劑 大廠 圓點 奈 米 6797 4 月份 合併 營 收 12億 元 年 增 128 前 4 月 營 收 89億 元 較 去年同期 成 長 719 全球 新冠肺炎 疫情 數度 攀上 高峰 多國 防疫 措施 從前 期 的 大量 檢測 陸續 改為 強制 隔離 然而 各</t>
  </si>
  <si>
    <t>新冠肺炎 臺灣 global mall 落實</t>
  </si>
  <si>
    <t>範雲 3 11 疫情 新冠肺炎 防疫 破 口</t>
  </si>
  <si>
    <t>新冠肺炎 測試 馬丁尼茲 國民 隊 海盜 隊 紅雀 隊</t>
  </si>
  <si>
    <t>大陸 美國 法案 新冠肺炎 肺炎</t>
  </si>
  <si>
    <t>陳時中 莫德納 到貨 novavax 新冠肺炎</t>
  </si>
  <si>
    <t>經常 與 英國女王 接觸 的 侍僕 新冠肺炎 確診 如今 已 返家 自我 隔離 而 高齡 93 歲 的 女王 在 疫情 威脅 下 目前 在 溫莎 城堡 windsor castle 隔離 兩 年 來 首度 和 高齡 98 的 夫婿 菲立 普 親王 prince philip 同 住 同一個 屋簷 下 據</t>
  </si>
  <si>
    <t>經常 與 英國女王 接觸 的 侍僕 新冠肺炎 確診 如今 已 返家 自我 隔離 而 高齡 93 歲 的 女王 在 疫情 威脅 下 目前 在 溫莎 城堡 windsor castle 隔離 兩 年 來 首度 和 高齡 98 的 夫婿 菲立 普 親王 prince philip 同 住 同一個 屋簷 下 據 太陽 報 the sun 和 每日 郵報 daily mail 28 日 報導 英國 新冠肺炎 火速 蔓延 確診 已 超過 17萬 人 死亡 人數 也 破 了 1000 除了 女王 的 長子 王儲 查理斯 確診 隔離 外 首相 強森 和 衛生 大臣 韓 考克 matt hancock 也 都 相繼 確診 如今 連 身邊 的 僕役 也 確診 可說是 危機四伏 據悉 這 名 侍僕 的 工作 包括 每天 幫 女王 遛 狗 與 送 餐飲 介紹 賓客 還有 遞送 信件 等 雙方 接觸 相當 頻繁 而 其他 數 十 名 王室 內 廷 宮務 人員 也 都在家 接受 了 檢測 目前 全都 呈 陰性反應 不過 有 侍僕 確診 的 消息 傳出 仍 令 大家 膽戰心驚 每個 人 都 嚇壞 了一 名 王室 消息人士 透露 他們 不 只 是 為 自己 害怕 也 為 女王 和親王 擔憂 自從 白金漢宮 傳出 有 工作人員 確診 後 女王 已 遷居 溫 莎 城堡 和 夫婿 菲立 普 親王 同 住 基於 謹慎 起見 官員 已 限制 部 份 親信 幕僚 和 女王 接觸 如今 負責 照顧 女王 和親王 的 只 剩 幾 名 最 基本 的 員工 另一方面 3 月 12 日 在 白金漢宮 見 過 女王 的 查理斯 24 日 已 確診 而 他 的 私人 醫師 認為 從 顯現 的 症狀 看來 他 最 早 可能 在 13 日 就 已 感染 至於 查理斯 的 另 一半 卡 蜜 拉 檢測 雖然 呈 陰性 但 在 蘇格蘭 的 伯克豪 birkhall 大 宅 仍 和 夫婿 保持 距離 在 孤單 一 人 的 情況 下 如今 唯一 陪伴 查理斯 的 只 有 他 喜愛 的 紅 松鼠</t>
  </si>
  <si>
    <t>日本 自 上周 四 以來 每天 的 新冠肺炎 確診 人數 逾 兩千 人 讓 人 擔心 明年 7 月 東京 奧運 能否 如期舉行 之際 東京都 知事 小池 百合 子 週二 重申 有能力 維持 安全 環境 去 舉行 奧運 強調 許多 日本 民眾 有 道德 責任心 願意 配合 政府 的 防疫 措施</t>
  </si>
  <si>
    <t>東京都 知事 重申 東奧 新冠肺炎 確診 數逾</t>
  </si>
  <si>
    <t>瑞 磁 abc-ky 6598 受惠 出 貨 給 寵物 檢測 大廠 idexx 愛 德士 和 多元 腸胃 道 檢測 試劑 的 銷售 暢旺 帶動 上半年 營 收 達 15億 元 年成 長 140 目前 正 持續 加強 在 腸胃 道 檢測 的 佈局 預期 秋冬季 時 也 可望 通過 美國 fda 510 k 的 20 項 呼吸道 檢測 試劑 增添 營運 成長 力道 截至 6 月 愛 德士 已 拉 貨 27 部 biocode 2500 數位 生物 條碼 分析儀 未來 幾 個 月 瑞 磁 仍 會 持續 交貨 愛 德士 名列 標準普爾 s&amp;p 500 指數 公司 之一 為 全球 獸醫 診斷 技術 領導 公司 隨 著 愛 德士 積極 推進 商業化 瑞 磁 的 儀器 與 數位 生物 條碼 銷售 將 繼續 增加 瑞 磁 表示 美國 疫苗 施打 普及 新冠肺炎 檢測 量 開始 下降 但 過去 一 年 在 美國 新增 了 數 百 家 專門 做 新冠肺炎 檢測 的 實驗室 這些 實驗室 都 需要 有 新 的 檢測 專案 瑞 磁 通過 美國 fda 510 k 的 多元 腸胃 道 檢測 一 次就 可以 準確 的 檢測 17 項 引起 腹瀉 症狀 的 細菌 病毒 與 寄生蟲 並且 有 保險 給付 因此 成為 熱門 檢測 產品 針對 腹瀉 症狀 做 多 元 診斷 競爭對手 僅 有 美 商 luminex 今年 被 diasorin 18億 美元 並購 與 biomerieux 市值 110億 歐元 的 體 外 診斷 大廠 但 luminex 檢測 平臺 缺乏 自動化 biofire 檢測 通量 低 且 試劑 售價 很 高 因此 瑞 磁 的 自動化 高通量 多元 檢測 能力 在 腹瀉 症狀 的 檢測 上 特別 顯出 優勢 對 大型 實驗室 最 具 吸引力 瑞 磁 說 紐澤西 州 最 大 的 實驗室 qdx 自 美國 新冠 疫情 以來 就 是 該 公司 的 客戶 而 近幾個月 qdx 的 採購 主力 開始 轉向 多元 腸胃 道 檢測 qdx 的 服務 地區 不僅 有 有 紐澤西 也 向全國 的 醫 檢 單位 收 檢 體 主要 業務 包括 腸胃 道 致病菌 檢測 泌 尿道 感染 檢測 婦科 健康 與 腫瘤 疾病 檢測 都是和 瑞 磁 產品開發 高度 相關 的 項目</t>
  </si>
  <si>
    <t>因 新冠肺炎 疫情 擴散 淪為 國際 人 球 的 郵輪 威士特丹 號 今 13 日 終於 停靠 柬埔寨 針對 各國 都 拒收 這 艘 郵輪 柬埔寨 卻 反 國際 趨勢 而 行 柬埔寨 總理 洪森 hun sen 表示 他 此舉 是 想 打破 世界 對 新冠肺炎 的 恐慌 症</t>
  </si>
  <si>
    <t>因應 新冠肺炎 疫情 持續 蔓延 中央 9 日 下午 宣佈 酒店 舞廳 暫停營業 台中市政府 超前 部署 率先 加 嚴 市長 盧秀燕 今日 宣佈 台中 除 酒店 舞廳 外 其 餘 8 大 特種行業 即日起 實施 實 名 制 違者 將 裁 罰 3000 元 至 1萬5000 元</t>
  </si>
  <si>
    <t>獨 新冠肺炎 肆虐 台星 橫店 遭 隔離 管制 露面 報 近況</t>
  </si>
  <si>
    <t>新生代 潛力 演員 李宗 霖 正 在 新冠肺炎 疫區 之一 的 浙江省 拍戲 家人 朋友 都 很 擔心 想 說 服 他 回台 他 13 日報 平安 說 大家 放心 我 很 好 李 宗霖 去年底 拍攝 導演 張之亮 的 電影 阿麥 從軍 殺青 後 立刻 轉 往 橫店 投入 新劇 農</t>
  </si>
  <si>
    <t>新生代 潛力 演員 李宗 霖 正 在 新冠肺炎 疫區 之一 的 浙江省 拍戲 家人 朋友 都 很 擔心 想 說 服 他 回台 他 13 日報 平安 說 大家 放心 我 很 好 李 宗霖 去年底 拍攝 導演 張之亮 的 電影 阿麥 從軍 殺青 後 立刻 轉 往 橫店 投入 新劇 農曆年 也 沒 辦法 和 家人 一起 過 這 是 第 2 年 沒 在 家裡 過年 去年 錄製 青春 有 你 在 河北 大廠 過年 今年 就 和 劇組 300 多 人 待 在 橫店 李 宗霖 農曆 年前 在 橫店 收到 劇組 停工 消息 經紀人 原 打算 讓 他 先 回台 與 劇組 溝通 後 才 知道 所有 演職員 都 留在 原地待命 由 劇組 負責 一日三餐 與 日用品 採購 住宿 酒店 也 嚴格執行 人員 隔離 管制 其實 相對 安全 因此 沒 撤離 李 宗霖 樂觀 說 劇組 對 我們 照顧 無微不至 拍戲 過程 中 也 經常 會 有 各種 需要 共患難 的 情境 產生 不要 太緊張 太 焦慮 就 把 這些 日子 當 成是 獲得 不能 出 門 的 假期 調養 生息 待 復工 的 時候 拿 出好 的 狀態和 效率 全力以赴 交出 最好 作品 他 有空 就 在 房內 做 棒 式 變形運動 健身 及 打發 時間 李 宗霖 參與 錄製 最新 一期 播出 的 網路 綜藝節目 花花 萬物 被 問 起 比較 害怕 哪 位 主持人 的 提問 他 直言 s 姊 他 笑 說 感覺 比較 犀利 一點 之前 錄過 康熙 康永哥 感覺 比較 會 照顧 人 會 幫 我 緩解 一些 尷尬 花花 萬物 錄 影 前 製作 單位 要求 李宗 霖 多 帶 一些 有 故事 的 或 好 用 的 物件 到 現場 與 觀眾 分享 節目 最後 會 讓 藝人 選擇 其中 一 件 送出 做 公益 拍賣 平常 就 是 科技 宅 男 的 李宗 霖 帶 了 各種 黑 科技 產品 像是 會 自 走 的 行李箱 免 清洗 豆漿 機 5 秒 充電 電蚊拍 電熱 衛生 衣褲 等等 新奇 實用 的 物品 讓 節目 製作 單位 封 他 帶 貨 小 李 稱號 本來 以為 只 有 一 件物品 拍賣 節目 錄 影 最後 主持人 蔡康永 即興 要求 李宗 霖 只能 帶走 一 件物品 其他 都 做 公益 拍賣 李宗 霖 最後 帶走 發熱 衛生衣 因為 出 了攝影棚 第 2 天 還要 在 零下 10 多 度 的 外景 拍戲 李宗霖 開心 笑 說 康永哥 真的 很 照顧 我 把 東西 都 留給 節目 組 拍賣 其實 是 幫 我 鋪 哏 這樣 才 不 會 播出 被 剪 光</t>
  </si>
  <si>
    <t>小姐 您好 我 是 小方 對 政大 這邊 熟悉 嗎 高挑 帥氣 的 外表 遇到 客人 親切 招呼 細心 介紹 總是 把 客戶 當 朋友 的 永慶 房屋 文山區 經紀人 方奕凱 出 社會 才 1 年 24 歲 的 他 上半年 業績 已 突破 450萬 元 曾 獲得 百萬 戰將 超級 戰將 的 殊榮 奕凱 自我 期許 想要 挑戰 自己 並且 發揮 專業 與 個人 特質 幫 大家 解決 買賣 房屋 的 大事 文化 大學 觀光 系 畢業 的 奕凱 曾在 連鎖 義 式 餐廳 等 餐廳 打過工 不過 他 發現 餐飲業 工時 長 工作量 大 薪資 水準 與 付出 並 不 成 正比 因此 畢業 後 沒有 選擇 投入 相關 行業 奕凱 說 我 喜歡 服務業 與 人 互動 的 感覺 當初 找 工作 時 就 鎖定 房仲業 加上 看到 永慶 保障 新人 前 9 個 月 每月 5萬 彈性 工作 8 小時 團隊 合作 等 完善 制度 決定 挑戰 高 收入 一頭 鑽進 房 仲 的 世界 師徒 制 團隊 合作 效率 快 轉 打造 工作 好玩 體驗 很多 人 會 覺得 房仲 一樣 工時 長 工作量 大 但 方奕凱 認為 在 永慶 工作 自己 的 收入 和 付出 可以 成 正比 讓 自己 的 努力 更 有價值 進 公司 後 不僅 有 彈性 工作 8 小時 制度 可以 自由 安排 不 同班 別 工作 與 生活 平衡 加上 團結合作 的 環境 大家 不分 你 我 高 效率 的 做好 服務 贏得 客戶 信賴 奕 凱 也 分享 到 永慶 有 完整 的 師徒 制 房仲新 手 不怕 沒人 教 不管 是 店 長 還是 學長 姐 都 很 願意 分享 服務 技巧 與 房產 知識 幫助 他 打 好 基本功 讓 他 在 第 3 個 月 就 開花結果 順利 成交 甚至 不 到 一 年 時間 拿下 百萬 業績 獲得 人生 第一 條 百萬 戰將 的 肯定 此外 永慶 房屋 打造 永慶 大 聯盟 平臺 讓 經紀人 每天 上班 就 像 玩遊戲 把 工作 內容 轉化成 解 任務 闖 關 奕 凱 開心 地 說 自己 本身 就 很 喜歡 打手 游 接觸 公司 創新 的 遊戲 化 系統 後 完全 一拍即合 完成 任務 還 能 獲得 永者 幣 獎勵 像 我 就 喜歡 換 電影票 或是 餐券 與 女友 約會 時超 實用 深耕 在 地 商 圈 細心 傾聽 客戶 需求 加速 成交 從小 居住 在 政大 商 圈 的 奕凱 儼然 是 社區 萬事通 加上 外向 健談 的 個性 總是 能 和 客戶 打成一片 好 人緣 的 他 藉 由 聊天 的 過程 找 出 客戶 的 需求 點 進而 推薦 適合 的 物件 獲得 客戶 肯定 今年 到 現在 已 成交 10 件 幾乎 月月 都 有 成交 最高 月 收入 更 高 達 20萬 元 陳 太太 為什麼 想 看 政大 這 邊 的 房子 許多 房仲 通常 順 著 客戶 的 需求 就 直接 開始 找 物件 但 奕凱 的 目標 則 是 想盡辦法 多 聊 一會兒 他 笑 著 說 太 多 客戶 最後 買 的 跟 原本 要 的 不 一樣 所以 多 問 一 句 為什麼 真正 瞭解 客戶 購屋 原因 才能 更 有 效率 地 為 客戶 找到 合適 的 房屋 奕 凱 更 透露 工作 最 開心 的 莫過於 和 客戶 當 朋友 只要 展現 熱情 與 積極 透過 扎實 的 服務 就 能 獲得 客戶 信賴 他 舉例 有 一 次 幫 客戶 篩選 案子 雖然 花 了 很 長 時間 與 客戶 對話 但 客戶 卻 沒 感到 不耐煩 反而 覺得 他 很 細心 有 重視 自己 的 需求 最後 帶 看 一 間 合適 的 物件 就 順利 成交 加入 永慶 更加 圓滿 讓 特質 被 看見 回想 剛進 房仲業 時 家 人 對 業務 有 著 高 工時 高 壓力 的 刻板 印象 認為 賺 不 到 錢 但 現在 媽媽 每個 月 收到 孝親費 超級 開心 方奕凱 慶倖 地 說 還好 當初 的 選擇 是 對 的 沒有 投入 餐飲業 不然 現在 應該 在 放 無 薪 假 了 面對 新冠肺炎 持續 延 燒 奕凱 說 永慶 一直 都 做好 準備 投入 創新 科技 提供 更 便利 的 賞 屋 服務 像是 力求 無 接觸 的 實 境 找 房 讓 消費者 在 家 就 能 先 過濾 物件 掌握 周邊 生活 機能 甚至 拍攝 專人 導覽 線 上 帶 看 服務 減少 客戶 和 屋 主 接觸 風險 大 受 使用者 肯定 在 永慶 經過 一 年 的 磨練 奕凱 不僅 熟悉 房地產 相關 事務 憑 著 能力 月月 晉升 當 上 業務 襄理 證明 好 的 企業 文化 讓 他 的 特質 被 看見 成功 當 一 位 助人 圓夢 成家 的 推手 談及 未來的 生涯規劃 奕凱秉 持 趁 年輕 時 不 斷 挑戰 與 學習 的 想法 希望 能夠 持續 在 房仲 領域 發光 發熱 感謝 公司 願意 給予 機會 讓 他 建構 出 潛力 無窮的 職 涯</t>
  </si>
  <si>
    <t>世界 業務 新冠肺炎 永慶 房仲</t>
  </si>
  <si>
    <t>大陸 莆田 疫苗 接種 新冠肺炎 福建</t>
  </si>
  <si>
    <t>醫院 特 休 口罩 爛 到 新冠肺炎</t>
  </si>
  <si>
    <t>新冠肺炎 人心惶惶 江蘇 無錫 江陰市 一 名 李姓 婦人 怕 鈔票 沾染 病毒 便 把 3125 元 約 新 台幣 13萬 的 鈔票 全 放 入 微波爐 加熱 想要 透過 高溫 消毒 沒想 到 一 分鐘 過去 飄 出 濃濃 燒 焦味 李婦 趕緊 把 鈔票 取出 但 已 來不及 鈔票</t>
  </si>
  <si>
    <t>新冠肺炎 人心惶惶 江蘇 無錫 江陰市 一 名 李姓 婦人 怕 鈔票 沾染 病毒 便 把 3125 元 約 新 台幣 13萬 的 鈔票 全 放 入 微波爐 加熱 想要 透過 高溫 消毒 沒想 到 一 分鐘 過去 飄 出 濃濃 燒 焦味 李婦 趕緊 把 鈔票 取出 但 已 來不及 鈔票 早已 碳 化成 黑色 無法 使用 了 根據 陸媒 環球 網 報導 新冠肺炎 爆發 後 不少 人 都 擔心 病毒 會 透過 如 紙 鈔 硬幣 等 流動性 極 高 的 物品 傳播 因此 都會 進行 消毒 不料 李姓 婦人 竟 異想天開 把 剛從 銀行 取出 的 錢放 進 微波爐 內 消毒 結果 不 到 一 分鐘 便 飄 出 濃濃 燒 焦味 李 婦 趕緊 將 東西 取出 但 已 為時已晚 鈔票 都 碳 化 不能 用 了 她 趕緊 跑 到 銀行 尋求 幫助 經 行員 花 了 一 整個 下午 比對 鑒定 以及 清算 終於 換 回 3125 元 據 瞭解 防疫 敏感時期 金融機構 每日 將 鈔票 入庫 前 都會 為 鈔票 噴 消毒 液 再 使用 紫外光 燈 消毒 最少 一個 小時 存放 至少 14 天才會 再度 流入 市面 專家 則 提醒 雖然 銀行 會 進行 消毒 但 還 是 鼓勵 民眾 使用 電子 支付 或 刷 卡 盡可能 阻斷 疫情 傳播 風險 更 多 ctwant 報導</t>
  </si>
  <si>
    <t>鈔票 消毒 微波爐 銀行 新冠肺炎</t>
  </si>
  <si>
    <t>鑽石 公主 號 確診 新冠肺炎 已 逾 200 人 該 船 在 1 日 曾泊 靠 的 沖繩 今 爆出 計程車 司機 確診 首例 由於 停泊 沖繩 前 一 天才 在 基隆 上 岸 並 搭車 引起 熱 議 市府 指出 54 名 與 郵輪 遊客 接觸 司機 目前 居家 隔離 中 皆 無 異狀 預計 15 日</t>
  </si>
  <si>
    <t>基隆 司機 計程車 新冠肺炎 鑽石 公主 號</t>
  </si>
  <si>
    <t>新竹 市 衛生局 為 有效 利用 並 加速 民眾 完成 新冠肺炎 疫苗 接種 10 日 起 開放 全市 5 家 醫院 及 15 家 診所 提供 免 平臺 預約 接種 bnt az 疫苗 未來 接種 第 12 劑 bnt 或 az 疫苗 衛生局 也 將 視 庫存 到貨 與 接種 情形 適度 調整 合約 院所 家數</t>
  </si>
  <si>
    <t>新冠肺炎 臺灣 新竹 市 接種 疫苗</t>
  </si>
  <si>
    <t>東京都 的 新冠肺炎 單日 新增 確診 病例 創下 逾 1 個 月 來 新高 使 投資人 信心 受挫 週三 日 股 午後 由 升 轉 跌 終場 日經 225 指數 收 跌 007 為 2253432 點 東 證 一 部 指數 收 跌 042 為 158050 點 船運 股 與 紡織 股 分別 下挫 261 與 1 6</t>
  </si>
  <si>
    <t>東京都 的 新冠肺炎 單日 新增 確診 病例 創下 逾 1 個 月 來 新高 使 投資人 信心 受挫 週三 日 股 午後 由 升 轉 跌 終場 日經 225 指數 收 跌 007 為 2253432 點 東 證 一 部 指數 收 跌 042 為 158050 點 船運 股 與 紡織 股 分別 下挫 261 與 166 在 33 大類 股 中 表現 最差 在 今日 稍晚 國際貨幣基金 imf 公佈 更新 後 的 世界 經濟 展望 報告 前 投資人 亦 保持 謹慎 美國 最新 公佈 的 經濟 資料 持續 改善 以及 投資人 看好 政府 將 推出 更 多 激勵 措施 週二 美 股 三大 指數 收 高 科技 股 大 漲 帶動 那斯 達克 指數 本月 來 第 5 度 改寫 收盤 新 高 受 此 激勵 日 股 早 盤 走 升 nhk 報導 週三 東京 的 新冠肺炎 確診 病例 新增 55 人 創下 自 5 月 5 日 以來 的 單日 新 高 東京都政府 之前 曾 表示 如果 單日 新增 確診 數 達到 50 例 以上 就 可能 重 啟 防疫 限制 措施 軟 銀 下跌 184 該 公司 宣佈 將 出售 1983億 股 的 t-mobile us 持 股</t>
  </si>
  <si>
    <t>新冠肺炎 臺灣 員警 婦人 勸導</t>
  </si>
  <si>
    <t>新冠肺炎 臺灣 三軍 總 醫院 院區 確診</t>
  </si>
  <si>
    <t>新冠肺炎 疫苗 各家 價格 懸殊</t>
  </si>
  <si>
    <t>隨 著 各家 新冠肺炎 疫苗 陸續 進入 大規模 人體 試驗 階段 預定 價格 也 紛紛 出爐 但 各家 計價 方式 落差 顯著 從 每 劑 數 美元 到 一個 療程 70 美元 都 有 嬌 生 阿斯特 捷利康 astrazeneca moderna 及 輝瑞 pfizer 等 藥廠 近日 陸續 發</t>
  </si>
  <si>
    <t>隨 著 各家 新冠肺炎 疫苗 陸續 進入 大規模 人體 試驗 階段 預定 價格 也 紛紛 出爐 但 各家 計價 方式 落差 顯著 從 每 劑 數 美元 到 一個 療程 70 美元 都 有 嬌 生 阿斯特 捷利康 astrazeneca moderna 及 輝瑞 pfizer 等 藥廠 近日 陸續 發表 與 各國 政府 簽下 的 最新 疫苗 供應 合約 根據 最新 合約 推算 新冠肺炎 疫苗 價格 從 每 劑 10 美元 到 37 美元 不等 與 前 一 批 合約 最低 每 劑 4 美元 的 價格 相比 有 上漲 趨勢 以 嬌 生為 例 該 公司 先前 獲得 美國政府 資助 46億 美元 加速 疫苗 研發 後 近日 與 美國政府 簽下 1億 劑 疫苗 供應 合約 總價 超過 10億 美元 相當於 每 劑 價格 10 美元 moderna 近日 也 宣佈 和 多國 政府 簽下 少量 疫苗 供應 合約 平均價格 在 每 劑 32 至 37 美元 之間 也就是說 兩劑 療程 所 需 費用 最高 74 美元 moderna 雖 未 透露 簽約 的 政府 包含 哪幾 國 但 加拿大政府 近日 公佈 和 moderna 簽約</t>
  </si>
  <si>
    <t>每 劑 moderna 合約 新冠肺炎 疫苗 簽下</t>
  </si>
  <si>
    <t>新冠肺炎 疫情 全球 延 燒 國際 奧 會 ioc 17 日 發佈公告 還是 重申 現階段 仍 致力 東奧 如期舉行 至於 健康 疑慮 怎麼辦 中華 奧 會 顧問 孫立群 今天 表示 ioc 主席 巴赫 thomas bach 已 強調 不 會 因為 經濟 利益 而 不顧 選手 的</t>
  </si>
  <si>
    <t>新冠肺炎 疫情 全球 延 燒 國際 奧 會 ioc 17 日 發佈公告 還是 重申 現階段 仍 致力 東奧 如期舉行 至於 健康 疑慮 怎麼辦 中華 奧 會 顧問 孫立群 今天 表示 ioc 主席 巴赫 thomas bach 已 強調 不 會 因為 經濟 利益 而 不顧 選手 的 健康 而且 參賽 的 主角 是 選手 孫立群 說 選手 說 no 的話 我們 沒有 任何 人 有 資格 去 強迫 選手 做 任何 事情 孫立群 透露 東奧 的 主角 是 選手 而 如期 舉辦 的 健康 疑慮 運動員 也 有 管道 表達 聲音 因為 巴赫 跟 運動員 代表 包括 運動員 委員會 委員 和 國際 運動員 有 一個 網路 每個 國家 也 會 為 其 相關 運動員 報名 註冊 參加 19 日 的 電話會議 這個 意見 在 該 會議 中 有備 表達 ioc 也 很 清楚 的 表達 不會 為了 經濟 利益 去 犧牲 選手 的 健康 這 是 一個 很 重要 的 保障 孫立群 說 我們 最 重要 的 就 是 選手 選手 怎麼 評估 中華 奧 會 和 體育 署 怎麼 提供 他們 客觀 資訊 來 做 決定 這 是 最 重要 的 比賽 的 是 選手 他們 才是 主角 至於 東奧 能否 如期舉行 的 健康 評估 ioc 跟 who 與 日本 東奧 籌委會 有 個 小組 到時候 若 評估 出現 問題 不 會 因為 損失 的 經濟 利益 而 一定 要 舉辦 至於 決策 的 時間 點 孫立群 說 上次 得到 的 官方 訊息 是 5 月 多 來 做 決定 而 到 目前為止 沒有 收到 任何 不 舉辦 的 官方消息 目前 維持 蠻 動態 的 發展 萬一 東奧 如期 舉辦 但 部分 運動員 仍 有 疑慮 不 願 前往 中華 代表團 該 如何 因應 孫立群 則 說 這 是 還 沒有 發生 的 事情 不過 代表團 牽涉到 各單項 協會 與 選手 個人 屆時 一定 會 有 一個 很 完整 的 考量 包括 國訓 中心 體育 署 各單項 協會 與 組團 的 中 華奧 會 都 責無旁貸 再 強調 一 次 選手 的 健康 是 最 重要 的</t>
  </si>
  <si>
    <t>新冠肺炎 竟 讓 大陸 人 更 有錢 銀行 vip 增 1 成 讬 管 金額 更 增 1 5 兆</t>
  </si>
  <si>
    <t>這 波 新冠肺炎 疫情 讓 很多 人 荷包 嚴重 縮水 不過 對 有錢 富豪 似乎 沒有 受到 太 大 的 衝擊 不僅 人數 增加 資產 規模 也 水漲船高 根據 統計 顯示 今年 上半年 16 家 私人 銀行 資產 管理 規模 aum 合計 達 1396 兆 元 人民幣 下同</t>
  </si>
  <si>
    <t>這 波 新冠肺炎 疫情 讓 很多 人 荷包 嚴重 縮水 不過 對 有錢 富豪 似乎 沒有 受到 太 大 的 衝擊 不僅 人數 增加 資產 規模 也 水漲船高 根據 統計 顯示 今年 上半年 16 家 私人 銀行 資產 管理 規模 aum 合計 達 1396 兆 元 人民幣 下同 較 上年 末 增加 151 兆 元 年 增 1216 而且 人數 也 較 上年 同期 增加 了 77萬 戶 成長 1027 根據 中新 經緯網 站 報導 儘管 今年 疫情 突然 來 襲 但 上半年 各家 銀行 的 私人 銀行 類似 臺灣 理財 vip 貴賓室 規模 不減 反 增 據 初步統計 可比 的 16 家 上市 銀行 2020 年 半 年報 披露 的 私人 銀行 aum 合計 達 1396 兆 元 比 去年底 增加 151 兆 元 年 增 1216 再 從 人數 來看 很多 人 都 很 關心 私人 銀行 的 客戶 數量 究竟 有 多少 剔除 中報 未 披露 資料 的 中國銀行 15 家 上市 銀行 的 資料 顯示 2020 年 上半年 的 客戶 總量 達 8267萬 戶 較 去年底 的 7497萬 戶 增加 了 77萬 戶 年 增 1027 其中 招行 工行 建行 農行 的 客戶 數量 居於 前列 招行 的 戶均 總 資產 最高 達 274336萬 元 較 上年 末 增加 1170萬 元 蘇甯 金融 研究院 高級 研究員 黃大智 指出 隨 著 資本 市場 的 改革 上市 的 公司 越來越 多 會 導致 一定 程度 上 的 造 富 效應 進而 增加 高 淨值 客戶 的 數量 和 私 行 業務 的 資產 管理 規模 其次 受益 於 收入 財富 的 自然 成長 雖然 疫情 導致 了 一定 程度 的 收入 成長 乏力 但 同樣 存在 居民 財富 的 自然 成長 同時 上半年 疫情 對 消費 的 影響 更加 明顯 會 使得 居民 加大 投資 存款 等 進而 導致 在 銀行 端的 財富 增加 另外 從 陸銀 半 年報 發現 目前 多 家 銀行 正 在 嘗試 推出 家族 信 讬 業務 如 工行 表示 該行 於 今年 上半年 展開 家族 信 讬 業務 並 成功 簽約 首 單 資金 型 家族 信 讬 建行 也 披露 該行 穩步 推進 家族 辦公室 業務 推出 全委 讬 資產 管理 家族 基金 定制 化 服務 家族 信 讬 顧問 業務 資產 管理 規模 餘 額 320億 元 平安銀行 說 該行 已 啟動 高 淨值 客戶 的 離岸 家族 信 讬 服務 並 針對 高 淨值 客戶 及 上市 公司 董監 高 客戶 按照 家族 辦公室 模式 進行 試點 經營 更 多 ctwant 報導</t>
  </si>
  <si>
    <t>受 新冠肺炎 疫情 影響 經過 史上 最 長 暑假 後 剛 開學 北部 校園 就 傳出 疫情 南 投 縣 教育處 防疫 優先 已 通知 國中 小學 在 9 月底 前 暫停 跨縣 市 交流 畢業 旅行 可以 提前 規 畫 但要 有 備案 以 因應 疫情 變化 南 投 縣 教育處 副 處長 王</t>
  </si>
  <si>
    <t>受 新冠肺炎 疫情 影響 經過 史上 最 長 暑假 後 剛 開學 北部 校園 就 傳出 疫情 南 投 縣 教育處 防疫 優先 已 通知 國中 小學 在 9 月底 前 暫停 跨縣 市 交流 畢業 旅行 可以 提前 規 畫 但要 有 備案 以 因應 疫情 變化 南 投 縣 教育處 副 處長 王淑玲 表示 北部 有 學校 傳出 疫情 基於 防疫 考量 應該 避免 跨縣 市 交流 至於 畢業 旅行 縣 內 多數 學校 通常 年底 時 舉辦 學校 可以 事先 籌 畫 行程 但 必須 有 替代 方案 屆時 視 疫情 變化 情況 進行 調整 受 新冠肺炎 疫情 影響 今年 很多 學校 停止 舉辦 畢業 旅行 甚至 畢業典禮 都 在 線 上 舉行 連 與 同學 當面 道別 的 機會 都 沒有 讓 今年 的 畢業生 感到 失望 由於 bnt 疫苗 即將 施打 將 于 明年 畢業 的 學生 都 希望 接種 疫苗 後 可以 順利 舉辦 畢業 旅行</t>
  </si>
  <si>
    <t>清明連 假 第 3 波 新冠肺炎 墾 丁 吳昌騰</t>
  </si>
  <si>
    <t>羅智強 紓困 貸款 新冠肺炎 新冠 病毒 臺灣</t>
  </si>
  <si>
    <t>無畏 新冠肺炎 疫情 變化 陸 股 持續 向上 截至 20 日 收盤 滬 深 300 指數 收 漲 23 收 414466 點 創業 板 指數 則 上漲 221 至 218674 點 資金 仍 持續 流入 疫情 蔓延 造成 全球 70 餘 國 對 中國 旅客 下達 禁止 造訪 令 儘管如此 不</t>
  </si>
  <si>
    <t>semi 國際 半導體 產業 協會 公佈 北美 半 導體 設備 出 貨 報告 2020 年 12 月份 設備 製造商 出 貨 金額 成 長 達 26808億 美元 創下 歷年 同期 新高 紀錄 由於 半導體 市場需求 暢 旺 晶圓 代工廠 及 idm 廠 產能 滿載 到 下半年 記憶體 廠 新 一代 制程 進入 量 產 預期 2021 年 全球 半導體 產業 將 進入 新 一 波 產能 擴張 迴圈 根據 semi 統計 2020 年 12 月 北美 半 導體 設備 製造商 出 貨 金額 達 26808億 美元 較 2020 年 11 月 的 26116億 美元 成 長 26 與 2019 年 12 月 的 24917億 美元 相較 成 長 76 創下 設備 出 貨 金額 的 歷年 同期 新高 紀錄 過去 第 四季 都 是 資本 支出 淡季 但 去年 半導體 市場需求 強勁 未 受到 新冠肺炎 疫情 及 美中 貿易戰 等 外在 因素 影響 設備 出 貨 淡季 轉 旺 2020 年 第 四季 北美 半 導體 設備 製造商 出 貨 金額 達 79406億 美元 與 2019 年 同期 相較 成 長 186 累計 2020 年 北美 半 導體 設備 製造商 出 貨 金額 達 297827億 美元 較 2019 年 242893億 美元 成 長 226 創 下年 度 出 貨 金額 歷史 新 高 semi 全球 行銷 長 暨 臺灣區 總裁 曹世綸 表示 2020 年 12 月 北美 半 導體 設備 製造商 出 貨 金額 增長 年度 出 貨 金額 更 超越 2018 年 所 創下 的 產業 新高 為 充滿 挑戰 的 一 年畫 下 完美 句 點 創紀錄 的 出 貨 金額 顯示 半導體 產業 在 新冠肺炎 疫情 期間 為 實現 數位 轉型 發揮 了 關鍵作用 semi 預估 2021 年 全球 半導體廠 資本 支出 將 改寫 新高 市場 持續 看好 資本 支出 概念 股 表現 包括 euv 光罩 盒 euv pod 供應商 家 登 euv 設備 模 組 代工 及 廠務 工程業 者 帆 宣 廠務 工程業 者 漢唐 及 信 紘 科 先進 封裝 及 濕 制程 設備廠 弘塑 蝕刻 及 薄膜 設備 代工廠 京 鼎 等 2021 年 營運 看 旺 營 收 及 獲利 均 可望 創下 歷史 新 高</t>
  </si>
  <si>
    <t>新冠肺炎 揚州 台企 生產 企業</t>
  </si>
  <si>
    <t>資 誠 pwc 聯合 會計師 事務所 今 12 日 發佈 全球 數位 信任 洞察 報告 受 新冠肺炎 影響 96 受訪 企業 將 改變 網路 安全性原則 50 受訪 企業 研 擬將 網路 安全 和 隱私 納入 業務 決策 資 誠 智慧 風險管理 諮 詢 公司 執行 董事 張晉瑞</t>
  </si>
  <si>
    <t>資 誠 pwc 聯合 會計師 事務所 今 12 日 發佈 全球 數位 信任 洞察 報告 受 新冠肺炎 影響 96 受訪 企業 將 改變 網路 安全性原則 50 受訪 企業 研 擬將 網路 安全 和 隱私 納入 業務 決策 資 誠 智慧 風險管理 諮 詢 公司 執行 董事 張晉瑞 表示 由於 新冠肺炎 的 空前 影響 許多 組織 不得不 重新考慮 並 重新制定 網路 安全性原則 資 安長 的 角色 及其 對 組織 生存 及 成長 的 重要性 前所未見 對於 資 安長 來說 在 科技 和 企業 營運 之間 取得 平衡 同時 支援 組織 的 網路 安全性原則 非常 重要</t>
  </si>
  <si>
    <t>聯合 網路 安全 組織 新冠肺炎 受訪 企業</t>
  </si>
  <si>
    <t>大陸 地區 新冠肺炎 疫情 延後 復工 日常生活 及 消費 活動 因 防疫 措施 而 受限 羅麗芬 -ky 6666 首季 營 收 113億 元 較 去年同期 減少 635 平均 毛利率 71 因 推出 新 品牌 增加 行銷 費用 營業費用 較 去年同期 增加 95 首季 小幅</t>
  </si>
  <si>
    <t>大陸 地區 新冠肺炎 疫情 延後 復工 日常生活 及 消費 活動 因 防疫 措施 而 受限 羅麗芬 -ky 6666 首季 營 收 113億 元 較 去年同期 減少 635 平均 毛利率 71 因 推出 新 品牌 增加 行銷 費用 營業費用 較 去年同期 增加 95 首季 小幅 虧損 145萬 元 每股 稅 後 虧損 003 元 受 疫情 衝擊 影響 大陸 第一 季 首度 出現 經濟 負 成長 據 中國 大陸 國家統計局 的 統計資料 民眾 減少 外出 消費 社會 消費品 零售總額 也 衰退 了 19 不過 宅 經濟 帶動 新型 消費 加快 發展 第一 季 實物 商品 網上 零售額 年成 長 59 占社會 消費品 零售總額 比重 為 236 比 去年同期 提高 54 個 百分點 隨 著 企業 復工 複市 市場 活力 提升 先前 壓抑 的 一些 消費行為 已 有 回 補 跡象 實體 通路 銷售 開始 陸續 好轉 羅麗芬 指出 第二 季起 也 陸續 於 各省 導入 旗 下 三大 品牌 暢銷 爆 品 至 最新 開發 網路 商城 美 時 芬 銷售 新 零售 品牌 伊姿佰 easybio 在 自營 線 上 商城 及 天貓 京東 等 平臺 上線 銷售 引導 消費者 于線上 消費 預期 在 第二 季 逐漸 收到 成效 美容 美體 養護 產品 的 線下 體驗 仍然 是 培養 長期 消費者 的 最 快 途徑 在 防疫 優先 的 情況 下 美容院 雖 陸續 開業 仍 有 人流 限制 因此 雖然 大陸 各 城市 逐步 解封 但要 回復 常態 外出 消費 仍 需要 一 段 時日 目前 還是 謹慎 防疫 優先 羅麗芬 4 月份 營 收 5097萬 元 年 減 5532 前 4 月 營 收 1億6325萬 元 年 減 6136</t>
  </si>
  <si>
    <t>羅麗芬 首季 虧損 每股 虧損 4 月 營 收 新冠肺炎 疫情</t>
  </si>
  <si>
    <t>國巨董 座 陳泰銘 14 日 表示 農曆 年前 訂單 無 虞 稼 動 率 將 緩步 爬升 國巨 合併 基 美 普思 之後 車用 相關 比重 沖 上 35 隨 著 各國 政府 理解 如何 在 新冠肺炎 以及 經濟 活動 之間 取得 平衡 2 月 開始 急凍 的 車市 已經 邁向 復蘇 陳泰</t>
  </si>
  <si>
    <t>國巨董 座 陳泰銘 14 日 表示 農曆 年前 訂單 無 虞 稼 動 率 將 緩步 爬升 國巨 合併 基 美 普思 之後 車用 相關 比重 沖 上 35 隨 著 各國 政府 理解 如何 在 新冠肺炎 以及 經濟 活動 之間 取得 平衡 2 月 開始 急凍 的 車市 已經 邁向 復蘇 陳泰銘 此 番 產業 景氣 的 解讀 為 2020 年 以來 首次 翻 多 電動車 產業 的 mih 聯盟 預計 2021 年 6 月 前 獨立 運作 陳泰銘 表示 mih 聯盟 志 在 建立 平臺 新國 巨 在 車用 累積 長年 經驗 對於 加入 mih 聯盟 陳泰銘 說 不 排除 其 可能性 陳泰銘 也 首度 表示 基 美 是 一家 有 101 年 歷史 的 公司 在 汽車 領域 中 累積 多年 經驗 由於 鴻海集團 大部分 的 解決 方案 來自 海外 無法 就近 取得 服務 加上 語言 溝通 文化背景 的 隔閡 有 必要 尋找 一家 國際性 佈局 的 企業 提供 更 迅速 的 解決 方案 國巨 對外 合作 追求 互補 過程中將 提前 掃除 零件 問題 的 障礙 據 瞭解 國巨 合併 基 美 已歷經 四 個 月 根據 國巨 集團 的 清點 基 美 普思 先後 加入 國巨 集團 之下 車用 營 收 占比 攀升 至 35 細 項 來看 mlcc 的 50 鉭 質 電容 的 40 晶 片 電阻 的 20 及 普思 的 35 重 壓 在 車規 合計 高 階 應用 占 了 新國 巨 營 收 70 並 逐漸 朝 80 邁進 陳 泰銘 指出 基 美 普思 原本 就 不 做 一般 品 市場 合併 進來 之後 基 美 加上 國巨 的 mlcc 規模 上 看 10億 美元 新國 巨 的 車用 純度 很 高 而且 主要 應用 集中 在 引擎 控制 系統 安全 系統 上 全球 一線 車廠 均 為 旗 下 客戶 將 可 降低 景氣 迴圈 波動 國巨 現有 低 階 產能 僅 維持 規模 新增 產 能 將 以 佈局 高階 產品 為主 至於 景氣 的 看法 陳泰銘 表示 長線 景氣 仍 無 法 斷定 但是 國巨 在 農曆 年前 的 訂單 無 虞 稼 動 率 受 招工 不順 影響 僅 維持 80 接下來 將 緩步 爬升 目前 低於 60 天 的 庫存 水位 在 農曆 年前 還 是 無 法拉 高 庫 存量 國 巨 前 三 季 大 賺 兩 個 股本 由於 第 四季 可望 淡季 不 淡 法人 預期 國巨 2020 年 每股 盈 餘 將 達 28 元 2021 年 有 機會 突破 三 個 股本 上 看 36 元 獲利 可望 連續 第二 年 邁向 成長</t>
  </si>
  <si>
    <t>新冠肺炎 疫情 延 燒 新北 市 瑞芳區 的 蝙蝠洞 公園 也 大 受 影響 日前 傳出 新冠肺炎 疫情 會 爆發 是因為 大陸 有 研究員 遭 蝙蝠 的 血液 噴濺 而來 因 此 不少 遊客 走訪 東 北角 旅遊 的 時候 特別 回避 蝙蝠洞 一帶 臺灣 蝙蝠 學會 則 指出 病毒 會</t>
  </si>
  <si>
    <t>新冠肺炎 大陸 科興 疫苗 疫苗 年齡</t>
  </si>
  <si>
    <t>沈富雄 種族歧視 譚 德塞 疫情 新冠肺炎</t>
  </si>
  <si>
    <t>新冠肺炎 在 台 疫情 趨 緩 也 催 出 報復 性 旅遊 端午 連 假 全台 各 大 景點 全都 塞 爆 指標性 的 墾 丁 大街 更是 恢復 了 多年 前 的 繁榮 人潮 水泄不通 一 名 網友 就 貼出 墾 丁 大街 上 人 擠 人 照片 許多 人 看 了 也 冷汗直流 直 呼 完蛋 了 因</t>
  </si>
  <si>
    <t>陸98 歲 最 高齡 新冠肺炎 患者 已 治癒</t>
  </si>
  <si>
    <t>大陸 新冠肺炎 疫情 發生 以來 14 日 晚間 出現 迄今 治癒 的 最 高齡 患者 一 名 98 的 確診 患者 在 河南省 南陽市 中心 醫院 成功 治癒 現 已 轉到 普通 病房 進行 康復 治療 現年 98 歲 朱姓 男 患者 最初 以 發熱 1 天 為主 訴 進入 南陽市 第</t>
  </si>
  <si>
    <t>大陸 新冠肺炎 疫情 發生 以來 14 日 晚間 出現 迄今 治癒 的 最 高齡 患者 一 名 98 的 確診 患者 在 河南省 南陽市 中心 醫院 成功 治癒 現 已 轉到 普通 病房 進行 康復 治療 現年 98 歲 朱姓 男 患者 最初 以 發熱 1 天 為主 訴 進入 南陽市 第二 人民醫院 2 月 2 日 檢查 確診 感染 新冠肺炎 3 日 轉入 南陽市 中心醫院 治療 1213 日 兩 度 核酸 複 檢 陰性 14 日 複查 肺部 ct 下 肺 感染 明顯 吸收 但因 患者 仍 存在 心功能 不 全及 心房顫動 等 情況 已 轉到 普通 病房 進行 康復 治療</t>
  </si>
  <si>
    <t>患者 治療 南陽市 醫院 新冠肺炎</t>
  </si>
  <si>
    <t>新冠肺炎 臺灣 試驗 新 竹馬 偕 高端</t>
  </si>
  <si>
    <t>我 的 供應商 無法 交貨 了 怎麼辦 我 的 公司 有 400 個 員工 在 湖北 不 知道 何時 才能 回 崗位 上 班? 我 過 春節 的 貨 都 賣不出去 業績 怎麼辦 新冠肺炎 疫情 延 燒 讓 台商 非常 頭痛 資 誠 創新 諮 詢 公司 董事長 劉鏡清 指出 受到 新冠肺炎 疫情 影</t>
  </si>
  <si>
    <t>我 的 供應商 無法 交貨 了 怎麼辦 我 的 公司 有 400 個 員工 在 湖北 不 知道 何時 才能 回 崗位 上 班? 我 過 春節 的 貨 都 賣不出去 業績 怎麼辦 新冠肺炎 疫情 延 燒 讓 台商 非常 頭痛 資 誠 創新 諮 詢 公司 董事長 劉鏡清 指出 受到 新冠肺炎 疫情 影響 預計 要到 3 月底 整個 工廠 生產 才會 回復 到 穩定 狀態 換句話說 整個 製造 生產 將 被 影響 至少 2 個 月 另外 消費 也 受到 極大 衝擊 主要 的 原因 是 一月 底 至 二月 消費市場 急凍 整個 消費 迴圈 都 衝擊 到 估計 第一 季 如果 是 大陸 內銷 為主 的 產業 如 手機 汽車 相關 等 最高 有 可能 近 40 的 影響 擬定 三 項 策略 曾 任 陸委會 台商 張 老師 華信 統領 企管 總經理 袁明仁 指出 疫情 可能 要 3 個 月 才 會 完全 平息 台商 口袋 要 夠 深 才能 撐得 過 這 波 混亂 他 說 中 美 貿易戰 受傷 較 重 的 是 作 外銷 的 台商 此 波 新冠肺炎 疫情 則 是 重 挫 不少 作 內需 市場 的 台商 特別 是 很多 回台 上市 的 台商 例如 餐飲業 等 這些 台商 在 疫情 時期 無法 開 店 但 仍要 付租金 要付 員工 薪水 口袋 不夠 深 實在 很 難 撐 的 下去 面對 種種 問題 劉鏡清 指出 台商 需要 擬定 人力 生產 和 營 收 等 三 項 短 中長期 策略 一 解決 人力 需求 的 問題 長期 而言 企業 應 做 好 人才 培育 主管 接班 梯次 計 畫 同時 強化 數位 轉型 與 工業 40 減少 對 員工 的 依賴 二 解決 供應 鏈 的 潛 在 問題 短期 掌握 交 期 與 數量 儘快 與 客戶 聯繫 再次 確認 訂單 與 交 期 因為 變更 的 機 率 非常 大 尤其 是 當 客戶 如果 是 手機 汽車 等 相關 以 大陸 內需 為主 的 產業 更 要 特別注意 因為 終端 消費 受 影響 客戶 所在地 如果 被 封城 影響 更 大 長期 而言 要 分散 供應商 地點 建立 彈性 供應 鏈 三 解決 營 收 與 業績 的 問題 產業 是 最終 消費 產品 必須 重新 評估 通路 的 吃貨 能力 及 市場 消 費力 需 訂 出 更 積極 的 銷售 與 行銷 策略 積極 搶市 占 率 若 是 b 2 b 公司 能 做 的 有限 除 了 積極 開拓市場 必須 設法 於 4 至 12 月 補足 業績 差額 另外 臺北 經營 管理 研究 院長 陳明璋 指出 台商 現在 想 移動 也 困難 他 估計 大陸 會 提出 積極 的 產業政策 建議 台商 留在 當地 爭取 紓困 補助 先 求 升級 後 做 較 複雜 的 轉型 未來 可 朝大 健康 產業 醫療 產品 文創 等 產業 轉型</t>
  </si>
  <si>
    <t>英國 變種 病毒 疫情 新冠肺炎 陳玉珍</t>
  </si>
  <si>
    <t>立 法院 臨時 會 開議 在即 考量 新冠肺炎 第 2 波 國際 疫 嚴峻 為 因應 外銷 產業 衝擊 蘇揆 今天 指示 行政院 秘書長 李孟 諺 召集 經濟部 等 相關 部會 會同 行政院 副 院長 沈榮津 進行 盤點 不 排除 再 加碼 紓困 及 薪資 補貼 預算 沈榮津 上午 在</t>
  </si>
  <si>
    <t>立 法院 臨時 會 開議 在即 考量 新冠肺炎 第 2 波 國際 疫 嚴峻 為 因應 外銷 產業 衝擊 蘇揆 今天 指示 行政院 秘書長 李孟 諺 召集 經濟部 等 相關 部會 會同 行政院 副 院長 沈榮津 進行 盤點 不 排除 再 加碼 紓困 及 薪資 補貼 預算 沈榮津 上午 在 向行政院長 蘇貞昌 報告 時 特別 點出 外銷 市場 可能 受 第 2 波 國際 疫情 嚴重 影響 需 研議 增加 薪資 補貼 蘇揆 回應 不可能 只 有 薪資 補貼 包括 各 產業 紓困 方案 資金 挹 助 都應 通盤 討論 目前 包括 經濟部 及 交通部 都 有 提出 新 的 紓困 需求 蘇揆 將 在 盤點 後 聽取 相關 建議 據悉 若 所 需 額度 較 高 有 可能 再 請 立 法院 追加 特別 預算</t>
  </si>
  <si>
    <t>新冠肺炎 臺灣 員警 流動 麻將 館</t>
  </si>
  <si>
    <t>發燒 症狀 副作用 az 新冠肺炎</t>
  </si>
  <si>
    <t>美國 區域 協定 新冠肺炎 防疫</t>
  </si>
  <si>
    <t>韓國 19 日 通報 新冠肺炎 確診 病例 新增 297 人 不僅 創下 3 月初 以來 單日 新高 紀錄 更是 連續 第 六 日 新增 病例 維持 在 三 位數 而 這 也 讓 總 確診 人數 來到 16058 人 死亡 306 人 新增 病例 主要 集中 於 首都 首 爾及 鄰近地區 促使 韓國 當局</t>
  </si>
  <si>
    <t>韓國 19 日 通報 新冠肺炎 確診 病例 新增 297 人 不僅 創下 3 月初 以來 單日 新高 紀錄 更是 連續 第 六 日 新增 病例 維持 在 三 位數 而 這 也 讓 總 確診 人數 來到 16058 人 死亡 306 人 新增 病例 主要 集中 於 首都 首 爾及 鄰近地區 促使 韓國 當局 趕緊 加強 防疫 並 限制 人潮 聚集</t>
  </si>
  <si>
    <t>一 架 美國 f- 22 隱形 戰機 週五 早晨 約 9 15 時 在 佛州 進行 例行 訓練 中 墜毀 飛行員 安全 彈射 逃生 並 被 送 往 當地 艾格林 空軍基地 eglin air force base 的 醫院 接受 觀察 與 評估 目前 情況 穩定 綜合 外電報導 這 起 墜機 事件 發生 在 艾格林 空軍基地 東北 方 12 英里 近 20 公里 的 訓練場 美國空軍 在 聲明 中 說 這次 墜機 沒有 造成 人員 喪生 或是 民間 財產損失 而 軍方 正在 調查 事故 原因 這 架 戰機 參與 了 向新冠肺炎 醫護人員 致敬 的 美國 強 america strong 飛行 秀 但 發生 墜機 事故 後 表演 將 暫停 不過 稍後 艾格林 空軍基地 官員 說 這 架飛機 並未 參與 飛行 秀 f- 22 是 公認 世上 最 先進 的 戰機 之一 一 架 造價 143億 美元 近 43億 台幣 由於 五角大廈 將 重心 轉移 到 生產 f- 35 上 因此 從 2011 年 起 就 不再 製造 f- 22 由於 五角大廈 將 重心 轉移 到 生產 f- 35 上因此 從 2011 年 起 就 不再 製造 f- 22 而 f- 22 原本 就 不 多 再 折 損 一 架 將 產生 重大 的 衝擊 事實上 2018 年 時 在 颶風 麥 可 hurricane michael 重 創下 好幾 架 停 在 佛羅里達州 汀 道爾 空軍基地 tyndall air force base f- 22 都 因而 受損 而 汀 道爾 空軍基地 因 受災 嚴重 許多 戰機 後來 都遷往 艾格林 空軍基地</t>
  </si>
  <si>
    <t>az 疫苗 蔡英文 疫苗 新冠肺炎 陳時中</t>
  </si>
  <si>
    <t>中 時 電子 報 精選 5 件 不可不 知 的 國際 大事 帶 讀者 掌握 今 22 日 的 國際 新聞 重點 1 歐盟 達成 25 兆 經濟 刺激 協定 各國 領袖 大 爆 走 在 新冠肺炎 疫情 衝擊 下 歐盟 領袖 21 日 在 氣氛 火爆 的 峰會 中 終於 達成 7500億 歐元 約 25</t>
  </si>
  <si>
    <t>新冠肺炎 臺灣 新北 侯友宜 北 藝 中心</t>
  </si>
  <si>
    <t>新冠肺炎 臺灣 侯友宜 郭昆文 新北</t>
  </si>
  <si>
    <t>展開 新 的 一 天 中 時 新聞網 帶 您 看看 世界 發生 了 哪 5 件 大事 1 美國 前 國安 顧問 波頓 出書 大 曝 總統 川普 為了 連任 曾 要 中國 大陸 國家 主席 習近平 幫忙 還 說 在 這 位 白宮 主人 眼裡 臺灣 很 渺小 2 在 中美關係 緊張 之際 雙方 外長 閉門 會議 17 日 在 夏威夷 登場 雙方 各自 表達 了 立場 3 北 韓 最近 態度 十分 強硬 繼 皇 妹 金 與 正 下令 爆破 拆除 開城 兩 韓 聯絡辦公室 後 又 傳出 平壤 可能 秀 潛 射 飛彈 的 消息 4 新冠肺炎 第二 波 疫情 來 襲 病毒 在 北京 可能 已 潛伏 1 個 月 5 美國 總統大選 今年 11 月 即將 見 真章 由於 現任 總統 川普 引發 的 爭議 不斷 新民 調 顯示 他 遠遠 落後 民主黨 對手 拜登</t>
  </si>
  <si>
    <t>新冠肺炎 臺灣 蔬菜 新北 果菜 公司 民眾</t>
  </si>
  <si>
    <t>鴻 海 2317 今 15 日 召開 線 上 法 說 公佈 2020 年 首季 財 報 受 新冠肺炎 疫情 衝擊 毛利率 45 營益 率 049 淨利 率 022 歸屬 母公司 稅 後 淨利 2083億 元 季 減 9564 年 減 8949 每股 盈 餘 eps 015 元 均 為 2</t>
  </si>
  <si>
    <t>新冠肺炎 臺灣 學生 確診 pcr</t>
  </si>
  <si>
    <t>勤業 眾 信 新冠肺炎 影響 不動產業</t>
  </si>
  <si>
    <t>勤業 眾 信 deloitte 聯合 會計師 事務所 今 21 日 發佈 2020 不動產業 趨勢 展望 報告 內容 指出 新冠肺炎 改變 既 有 的 生活 與 工作 型態 不動產業 傳統 的 行銷 和 銷售 方式 亦 受到 消費 模式 變化 遠 距 辦公 等 因素 影響 根據 台</t>
  </si>
  <si>
    <t>勤業 眾 信 deloitte 聯合 會計師 事務所 今 21 日 發佈 2020 不動產業 趨勢 展望 報告 內容 指出 新冠肺炎 改變 既 有 的 生活 與 工作 型態 不動產業 傳統 的 行銷 和 銷售 方式 亦 受到 消費 模式 變化 遠 距 辦公 等 因素 影響 根據 臺灣 不動產 投資 協會 2020 年 第一 季 臺灣 商業 不動產 投資 信心 指數 調查 疫情 衝擊 商業 不動產 投資 信心 土地 開發 辦公室 經濟 環境 店面 和 旅館 五指 標 表現 均 下降 勤業 眾 信 建議 業者 應 藉 此 機會 思考 轉型 策略 善用 數位 科技 個人化 服務 強化 資 安 與 隱私 精准 掌握 地點 體驗 與 分析 致 勝 關鍵 勤業 眾 信 聯合 會計師 事務所 不動產 產業 負責人 楊 清鎮 表示 美中 貿易戰 促使 企業 思考 供應 鏈 重組 和 台商 回流 工業區 開發 辦公 廠房 市場需求 看漲 然而 新冠 疫情 延 燒 造成 不動產 上游 營建業 面臨 進口 建材 原料 斷 鏈 人力 短缺 等 問題 而 企業 面臨 經營 困境 或 因 實施 遠 距 辦公 使得 商 辦 租賃 需求 減少 進而 導致 開發商 推 案 進度 延遲 租 售 業 未來 交易 表現 不如 預期 等 衝擊 楊 清鎮 認為 疫情 期間 線 上 看 房 意願 將 大幅 上升 並 可能 成為 長期趨勢 建議 不動產業 者 強化 數位 技術 來 提升 客戶 體驗 以 因應 疫情 過 後 的 市場需求 回 溫和 避免 在 轉型 浪潮 中 被 淘汰 同時 面對 勢必 迎接 的 後 疫情 時期 建議 業者 提前 開發 與 尋找 合適 地點 強化 體驗 與 分析 技術 精准 掌握 不動產業 的 致 勝 關鍵</t>
  </si>
  <si>
    <t>新冠肺炎 臺灣 全球 日本 az 113萬 劑 疫苗</t>
  </si>
  <si>
    <t>日 系 回轉 壽 司 業者 亞洲 藏 壽 司 2754 上半年 營運 轉 虧 每股 虧損 04 元 財務 長田村 和 也 表示 主要 受 展店 初期 費用 較 高及新冠肺炎 疫情 影響 目前 開業 滿 1 年 的 既有 店 營 收 已 回升 至 去年同期 的 80 90 未來 仍 將 延續 積極 展店</t>
  </si>
  <si>
    <t>日 系 回轉 壽 司 業者 亞洲 藏 壽 司 2754 上半年 營運 轉 虧 每股 虧損 04 元 財務 長田村 和 也 表示 主要 受 展店 初期 費用 較 高及新冠肺炎 疫情 影響 目前 開業 滿 1 年 的 既有 店 營 收 已 回升 至 去年同期 的 80 90 未來 仍 將 延續 積極 展店 方針 並 致力 提升 獲利 表現 亞洲 藏 壽 司 第二 季 合併 營 收 498億 元 季 減 256 年 增 065 但 毛利率 降 至 3797 營益 率 負 176 本業 小幅 虧損 稅 後 虧損 6325萬 元 每股 虧損 017 元 連 3 季 出現 虧損 但 衰退 幅度 較 首季 減少 2913 亞洲 藏 壽 司 上半年 合併 營 收 101億 元 年 增 847 續創 同期 新 高 但 毛利率 3802 營益 率 負 145 較 去年同期 4322 1021 明顯 轉 虧 稅 後 虧損 1525萬 元 每股 虧損 04 元 較 去年同期 獲利 6494萬 元 每股 盈 餘 191 元 明顯 轉 虧 田村 和 也 表示 上半年 營運轉 虧 主要 由於 新冠肺炎 疫情 導致 來客 減少 影響 落於 2 4 月 又 以 4 月 最 嚴重 不過 5 月 以來 營運 狀況 已 見 明顯 回升 營運 1 年 以上 的 店面 單月 營 收 已 恢復 到 去年同期 的 80 90 隨 著 疫情 影響 趨 緩 帶動 來客 數 回流 配合 展店 效益 持續 顯現 亞洲 藏 壽司 7 月 自 結合 並 營 收 2 23億 元 月 增 1845 年 增 1456 改寫 歷史 新 高 前 7 月 合併 營 收 1234億 元 年 增 953 續創 同期 新 高 田村 和 也 指出 藏 壽 司 的 店鋪 投資 成本 較 高 營 收 規模 將 顯著 影響 獲利 表現 由於 會 在 展店 初期 便 認 列 大部分 費用 壓抑 短期 獲利 表現 但 為 確保 未來 獲利 成長 空間 將 維持 積極 展店 方針 目標 每年 新 展 5 10 家 步調 並 持續 致力 提升 獲利 表現</t>
  </si>
  <si>
    <t>紓困 金 給 領 不 給 領 新冠肺炎 疫情 自 2020 年初 至今 民生 企業 生產 等 問題 全球 都 受到 影響 臺灣 當然 也 不 例外 行政院 6 日 推出 萬 元 紓困 補助 申請 提供 給 受到 疫情 影響 的 民眾 和 企業 能 暫時 度過 眼前 的 難關 然而 美意 卻</t>
  </si>
  <si>
    <t>新冠肺炎 申請 紓困 金 民眾 紓困 方案</t>
  </si>
  <si>
    <t>大甲 媽 繞 境 新 港 因 新冠肺炎 疫情 延期 內政部長 徐國勇 15 日 代表 蔡英文 總統 和 行政院長 蘇貞昌 向 嘉縣 新港鄉 奉 天宮廟 方 表達 感謝 徐國勇 表示 防疫 視同 作戰 感謝 奉 天宮 長期 配合 中央 政策 防疫 工作 是 臺灣 最 團結 最 驕傲 的 事</t>
  </si>
  <si>
    <t>大甲 媽 繞 境 新 港 因 新冠肺炎 疫情 延期 內政部長 徐國勇 15 日 代表 蔡英文 總統 和 行政院長 蘇貞昌 向 嘉縣 新港鄉 奉 天宮廟 方 表達 感謝 徐國勇 表示 防疫 視同 作戰 感謝 奉 天宮 長期 配合 中央 政策 防疫 工作 是 臺灣 最 團結 最 驕傲 的 事 全民 應 承擔 應有 的 責任 和 義務 徐國勇 昨日 由 縣長 翁章梁 立 委 陳明文 蔡易 餘 新 港 鄉長 林 茂盛 新 港 奉 天宮 董事長 何達煌 和 董監事 新 港 文教 基金會 董事長 陳政鴻 等 人 陪同 上香 祈福 感謝 媽祖 慈悲 保佑 國泰民安 風調雨順 四時 無 災 疫情 早日 遠離 何達煌 也 代表 廟 方 回贈 國寶級 大師 林光沂 燒制 的 九 鯉 化 龍 盤交 趾 陶 徐國勇 致詞 時說 希望 新冠肺炎 遠離 臺灣 疫情 不能 排除 社區 傳播 的 可能性 中央 各部 會 到 地方 都 非常 小心 防止 在 繞 境 祭祖 方面 也 拜 讬 大家 配合 政府 防止 疫情 擴散 這次 來 也 感謝 奉 天宮 很多 地方 都 主動 配合 陳 政 鴻 藉 蔡易 餘 的 衣服 強調 顧好 咱 莊 頭 是 當下 最 重要 的 翁章梁 表示 這次 可以 看到 全民 的 警覺性 和 高 配合 度 遵守 並 支持 政府 各項 防疫 政策 表現 出 臺灣 應有 的 國民 水準 和 防疫 觀念 接下來 即將 面對 清明 祭祖 的 防疫 工作 地方 政府 皆 努力 研商對策 希望 能 避免 群 聚 效應 又 能 讓 鄉親 安心 祭祖</t>
  </si>
  <si>
    <t>新冠肺炎 肆虐 防疫 警民 齊心協力 中 市南 屯 區 惠中 裡裡 長 曾善 體恤 員 警 執勤 辛勞 日前 特地 自掏腰包 買 了 一大 瓶 可 稀釋 的 消毒水 送 到 大 墩 派出所 讓 該所 能夠 常保 環境 衛生 安全 保護 員警 也 保護 洽 公民 眾 新冠肺炎 疫情 越 演</t>
  </si>
  <si>
    <t>受惠 於調 漲 運費 以及 在 去年底 節日 購物 旺季 期間 新冠肺炎 疫情 帶動 電 商 交貨 量 激增 美國聯邦 快遞 公司 fedex corp 上 季 獲利 飆 高 表現 優於 市場 預期 預期 自 一 年 前 這 場 大 流行病 迫使 聯邦 政府 關閉 企業 並 發佈 居家 令 以來</t>
  </si>
  <si>
    <t>受惠 於調 漲 運費 以及 在 去年底 節日 購物 旺季 期間 新冠肺炎 疫情 帶動 電 商 交貨 量 激增 美國聯邦 快遞 公司 fedex corp 上 季 獲利 飆 高 表現 優於 市場 預期 預期 自 一 年 前 這 場 大 流行病 迫使 聯邦 政府 關閉 企業 並 發佈 居家 令 以來 聯邦快遞 的 股價 已經 上漲 逾 1 倍 週四 盤 後 聯邦快遞 股價 上漲 逾 4 報 27499 美元 其 創始人 兼 執行長 frederick smith 表示 他 預期 對 電子 商務 與 國際 快遞 服務 的 需求 在 可 預見 的 未來 仍 將 非常 強勁 聯邦快遞 公佈 第 三 財 季 截至 2 月 28 日 營 收 年 增 23 為 215億 美元 這 段 期間 約 5億 件 包裹 的 運量 以及 新冠肺炎 疫 苖 的 配送 為 營 收 帶來 提 振 經 調整 後 淨利 年 增 153 為 939億 美元 相當於 每股 347 美元 優於 市場 預期 的 每股 323 美元 即使 2 月 的 酷寒 天候 導致 曼 非 斯 memphis 印弟安納波里斯 indianapolis 和 北 德州 的 重要 設施 服務 中斷 並 導致 上 季 營業 利益 減少 約 35億 美元 聯邦快遞 仍然 交出 了 非常 亮 眼 的 成績單 由於 這 場 大 流行病 衝擊 了 利潤 較 高 的 企業 間 運送 並 觸發 大量 的 網 購 交貨 訂單 聯邦快遞 與其 同業 優 比 速 united parcel service 決定 調 漲 價格 以 維持 利潤 第 三 財 季 fedex ground 平均 每日 包裹 量大增 25 達到 1320萬 件 每 包裹 營 收成 長 11 為 972 美元 在 所有 事業 部門 利潤 同步 增長 的 假設 下 聯邦快遞 預期 全年 經 調整 後 每股 盈 餘 將 介於 1760 美元 1820 美元 優於 市場 預估 的 1740 美元 展望未來 聯邦快遞 行銷 部門 主管 brie carere 表示 隨 著 已 接種 新冠肺炎 疫苗 的 購物 者 重返 商店 電子 商務 包裹 運送 量 可能 短暫 減少 但 我們 深信 電 商占 零售業 比重 仍 有 相當 大 的 成長 空間</t>
  </si>
  <si>
    <t>聯邦快遞 運費 新冠肺炎 fedex frederick smith</t>
  </si>
  <si>
    <t>新冠肺炎 臺灣 接種 omicron 莫德納</t>
  </si>
  <si>
    <t>美國 福斯 電視新聞 台 主 播 要求 大陸 應該 對 新冠肺炎 疫情 向 全球 擴散 正式 道歉 大陸 外交部 發言人 趙立堅 回應 稱 美 媒 個別 主持人 的 言論 荒謬 可笑 充分 暴露出 他 對 中國 的 傲慢 偏見 和 無知 在 此次 疫情 防控 中 中國 力量</t>
  </si>
  <si>
    <t>美國 福斯 電視新聞 台 主 播 要求 大陸 應該 對 新冠肺炎 疫情 向 全球 擴散 正式 道歉 大陸 外交部 發言人 趙立堅 回應 稱 美 媒 個別 主持人 的 言論 荒謬 可笑 充分 暴露出 他 對 中國 的 傲慢 偏見 和 無知 在 此次 疫情 防控 中 中國 力量 中國 效率 中國 速度 受到 了 國際 社會 的 廣泛 讚譽 為了 世界 各國 健康 和 安全 中國 人民 也 付出 了 巨大 犧牲 作出 了 重大貢獻 福斯新聞台 主持人 傑西 沃特斯 日前 在 節目 上 公開 要求 大陸 為 新冠肺炎 疫情 擴散 向 全世界 道歉 這 位 主持人 還 表示 中共 當局 喂 不 飽 人民 老百姓 因 饑餓 才 會 生 吃 蝙蝠 以致 釀成 嚴重 的 疫情 而 此 一 中國 道歉 論 最近 也 在 社 群 媒體 上 被 廣為 討論 在 5 日 的 大陸 外交部 例行 記者會 上 則 有 媒體 就此 提問 稱 近期 美國 福斯新聞台 主持人 在 播出 節目 時稱 中國人 應該 就 新冠肺炎 疫情 正式 道歉 我們 注意 到 一些 社交 媒體 上 也 有 類似 論調 你對 此 有 何 評論 發言人 趙立堅 答 稱 你 提到 的 個別 主持人 的 言論 荒謬 可笑 充分 暴露出 他 對 中國 的 傲慢 偏見 和 無知 痛 批 個別 主持人 的 言論 荒謬 可笑 充分 暴露出 他 對 中國 大陸 的 傲慢 偏見 和 無知 趙立 堅強 調 第一 疫病 是 人類 的 公敵 各國 患病 的 人 都 是 受害者 不 知道 道歉 論 從何說起 當前 世界 各國 人民 正 在 攜手 努力 共同 抗擊 新冠肺炎 疫情 世界衛生組織 多次 表示 汙名 化 比 病毒 本身 更 危險 在 這個 時候 個別 人 散 佈 這種 毫無 邏輯 的 言論 居心 何在 第二 中國 道歉 論 毫無根據 也 毫無道理 目前 病毒 源自 何處 尚無 定論 無論 病毒 源自 哪裡 中國 同 其他 出現 疫情 的 國家 一樣 都 是 病毒 的 受害者 都 面臨 阻擊 疫情 蔓延 的 挑戰 2009 年 美國 爆發 的 h 1 n 1 流感 蔓延到 214 個 國家 和 地區 當年 就 導致 至少 18449 人 死亡 誰 要求 美國 道歉 了 嗎 第 三 中國 抗 疫 體現 了 一個 負責任 大國 的 應有 擔當 在 此次 疫情 防控 中 中國 力量 中國 效率 中國 速度 受到 了 國際 社會 的 廣泛 讚譽 為了 世界 各國 人民 的 健康 和 安全 中國 人民 也 付出 了 巨大 犧牲 作出 了 重大貢獻 全球 170 多 個 國家 領導人 和 40 多 個 國際 地區 組織 負責人 向 中國 領導人 來函 致電 發表 聲明 表示慰問 支持 對 中國 抗 疫 舉措 及 其 積極 成效 以及 為 阻止 疫情 蔓延 作出 的 巨大 犧牲 和 貢獻 予以 高度肯定 世界衛生組織 總 幹事 譚 德塞 指出 中國 強有力 的 舉措 既 控制 了 疫情 在 中國 境內 擴散 也 阻止 了 疫情 向 其他 國家 蔓延 為 世界 各國 抗擊 疫情 樹立 了 新 標杆</t>
  </si>
  <si>
    <t>目前 正在 與 白血病 對抗 的 日本 游泳 名將 池江 璃 花子 今天 在 個人 網站 上 呼籲 日本 民眾 不要 瘋狂 囤 貨 按照 日常生活 即可 新冠肺炎 在 日本 持續 蔓延 尤其 是 東京都 的 疫情 更加 嚴峻 日本首相 安倍晉三 有 可能 在 今天 有 重大 宣佈</t>
  </si>
  <si>
    <t>目前 正在 與 白血病 對抗 的 日本 游泳 名將 池江 璃 花子 今天 在 個人 網站 上 呼籲 日本 民眾 不要 瘋狂 囤 貨 按照 日常生活 即可 新冠肺炎 在 日本 持續 蔓延 尤其 是 東京都 的 疫情 更加 嚴峻 日本首相 安倍晉三 有 可能 在 今天 有 重大 宣佈 有鑑於此 日本 民眾 開始 前 往 各 大 賣 場 搶購 物資 池江 璃 花子 非常 擔心 大家 不要 著 急 著 去 超市 別 驚慌 也 不 需要 囤積 物品 和 往常 一樣 買 必要 的 東西 就 可以 池江 璃 花子 寫 著 超市 的 物資 與 糧食 有 著 足夠 的 存量 但 同時 也 可能 有無 症狀 感染者 現在 一下子 湧 進 超市 感覺 非常 恐怖</t>
  </si>
  <si>
    <t>新冠肺炎 池江 璃 花子</t>
  </si>
  <si>
    <t>陳菊 肺炎 新冠 新冠肺炎 漁產</t>
  </si>
  <si>
    <t>新冠肺炎 臺灣 sop 環境 檢測</t>
  </si>
  <si>
    <t>行政院 發言人 kolas yotaka 今日 下午 接受 電 訪 表示 行政院 呼籲 雇主 不要 雇用 非法 移 工 並 已 指示 勞動部 衛福部 內政 部 加強 對 合法 非法 移 工 的 管理 處置 另外 也 會 對 全國 移 工 加強 宣導 防疫 措施 臺灣 第 32 例 新冠肺炎 確診 案</t>
  </si>
  <si>
    <t>行政院 發言人 kolas yotaka 今日 下午 接受 電 訪 表示 行政院 呼籲 雇主 不要 雇用 非法 移 工 並 已 指示 勞動部 衛福部 內政 部 加強 對 合法 非法 移 工 的 管理 處置 另外 也 會 對 全國 移 工 加強 宣導 防疫 措施 臺灣 第 32 例 新冠肺炎 確診 案例 是 一 名 30 多 歲 印尼 籍 非法 女 看護 上月 該 女 得知 確診 後 於臉書 直播 發佈 消息 當時 多 家 媒體 報導 並 痛斥 其 散 佈 染病 資訊 行徑 甚至 還用 在 鏡頭 前 微笑 搔首弄姿 等等 聳 動 標題 但 在 新聞 發 佈 後 許多 社會輿論 紛紛 對 相關 報導 做出 批評 並 認為 該 名 移 工 是 透過 直播 向 海外 親友 告知 訊息 並 故作 樂觀 希望 家人 不要 為 她 擔心 而後 新北市衛生局 對 此案 也 做出 不 罰 裁定 行政院 政務委員 林 萬億 今日 表示 在 抗 疫 期間 不宜 討論 移 工 到底 是 否 合法 而是 要 趕快 把 這些 移 工 都 先 納入 防疫 衛教 體系 否則 若 因此 出現 防疫 缺口 反而 得不償失 kolas 表示 有 許多 病 患 家屬 在 知情 或 不知情 的 情況 下 雇用 了 失 聯 移 工 做為 看護 希望 解決 照顧 病人 的 燃眉之急 這 是 真實 發生 在 醫院 裡 某些 家庭 的 現況 而 行政院 也 再次 呼籲 雇主 不要 雇用 失 聯 移 工 立場 並 沒有 改變</t>
  </si>
  <si>
    <t>移 工 行政院 防疫 缺口 新冠肺炎</t>
  </si>
  <si>
    <t>bnt 疫苗 客 制 化 標籤 新冠肺炎</t>
  </si>
  <si>
    <t>生 華科 6492 旗 下 被 視為 治療 新冠肺炎 潛力 新藥 silmitasertib 緊急 人體 臨床 試驗 eind 的 合作夥伴 美國 banner health 新冠 醫療 團隊 已 在 10 月 31 日 正式 向 美國 fda 送 件 申請 silmitasertib 用於 新冠肺炎 二期 人體 臨床 試驗 規</t>
  </si>
  <si>
    <t>生 華科 6492 旗 下 被 視為 治療 新冠肺炎 潛力 新藥 silmitasertib 緊急 人體 臨床 試驗 eind 的 合作夥伴 美國 banner health 新冠 醫療 團隊 已 在 10 月 31 日 正式 向 美國 fda 送 件 申請 silmitasertib 用於 新冠肺炎 二期 人體 臨床 試驗 規劃 收治 40 人 生 華科 指出 若 獲 核准 生 華科 新藥 旋即 可 用於 治療 新冠 患者 生 華科和 banner health 團隊 希望 silmitasertib 在 這項 較 大 規模 的 人體 臨床 試驗 中 同樣 能 在 短 時間 內 治癒 新冠 患者 同時 目標 將 爭取 美國 fda 授予 緊急 使用 授權 有機 會 成為 全球 治療 新冠肺炎 的 重磅 藥物 生 華科 總經理 宋台生 博士 表示 全球 首位 接受 silmitasertib 治療 的 新冠 患者 在 康復 出院 後 健康 情況 良好 banner health 也 持續 關心 進行 追蹤 接下來 在 由 banner health 主導 發起 的 二期 人體 臨床 試驗 希望 能 重現 eind 首位 患者 的 康復 經驗 收 治病 患 能 迅速 恢復健康 出院 生 華科 團隊 在 藥品 製備 和 運送 也 將 給予 全力 的 支持 美國 banner health 醫療機構 旗 下 亞利桑那州 鳳凰城 大學 醫學 中心 在 九月 三 日 成功 運用 生 華科 新藥 silmitasertib 治癒 第一 位 eind 新冠 重症 患者 康復 出院 從 開始 給 藥 治療 到 康復僅 五 天 時間 負責 主持 計畫 的 dr marilyn glassberg csete 醫療 團隊 相當 振奮 因為 這 位 患者 已經 接受 過 包括 瑞德西韋 類固醇 地 塞 米 松 兩 種 抗生素 和 抗 凝血劑 等 藥物 治療 都 沒有 療效 silmitasertib 卻 成功 把 患者 從 瀕死 的 鬼門關 前 救回來 因此 banner health 希望 盡 速 啟動 大型 臨床 收治 更 多 新冠 患者 能夠 有效率 進行 治療 同時 banner health 將 對 病 患 進行 病毒 載 量 血液 和 免疫 因數等 進行 分析 將 更 大量 且 完整 瞭解 silmitasertib 作 用於 人體 的 抗 病毒感染 和 抗 自體 免疫 風暴 機制 運作 近日 多 項 包括 新冠 疫苗 和 抗體 療法 的 大型 臨床 試驗 都 因為 出現 安全 疑慮 或 無 明顯 療效 喊停 在 這種 氛圍 下 美國 fda 對 不同 機制 的 新穎 藥物 皆 持 積極 開放 態度 生 華科 新藥 silmitasertib 已經 在 首例 病 患 取得 成效 法人 表示 接下來 若 能夠 在 大型 臨床 對 更 多 新冠 患者 有 正面 積極 療效 有利 獲得 以 爭取 緊急 使用 授權 eua 為 目標 的 國際 大型 臨床 合作 機會 將 是 silmitasertib 於 新冠 藥物 開發 的 下 一個 里程碑</t>
  </si>
  <si>
    <t>李德維 bnt 疫苗 永齡 基金會 台積電 新冠肺炎</t>
  </si>
  <si>
    <t>美國 郵輪 威士特丹 號 爆出 首例 新冠肺炎 個案 由於 2 月 4 日 曾 停靠 高雄 港 中央 及 地方 防疫 單位 聯手 追查 可能 的 接觸 者 共 215 位 包含 港務 公司 計程車 及 公車 司機 等 將 持續 健康 監控 直到 後天 正式 解除 目前 都未 出現 異</t>
  </si>
  <si>
    <t>台中 市 朝陽 科技 大學 因 學生 夜 唱 狂歡 成為 新冠肺炎 疫情 重災區 22 日 上午 環保局 出動 到 學校 清潔 消毒 目前 夜 唱 團 20 名 學生 已 全部 采 檢 完畢 其中 17 名 為 台中人 當中 有 6 人 確診 11 名 陰性 外縣市 有 3 人 其中 1 名 設 籍 南 投</t>
  </si>
  <si>
    <t>朝陽 科大 盧秀燕 新冠肺炎 臺灣 師生</t>
  </si>
  <si>
    <t>外 媒 報導 指出 2018 年 與 我國 斷交 的 薩爾瓦多 總統 布格 磊 宣佈 將 無償 把 大陸 捐助 的 50萬 劑 科興 新冠肺炎 疫苗 其中 至少 34萬 劑 提供 給 鄰近 的 我國 友邦 宏都拉斯 恐 影響 臺灣 與 宏都拉斯 的 邦交 關係 外交部 發言人 歐 江安表</t>
  </si>
  <si>
    <t>外 媒 報導 指出 2018 年 與 我國 斷交 的 薩爾瓦多 總統 布格 磊 宣佈 將 無償 把 大陸 捐助 的 50萬 劑 科興 新冠肺炎 疫苗 其中 至少 34萬 劑 提供 給 鄰近 的 我國 友邦 宏都拉斯 恐 影響 臺灣 與 宏都拉斯 的 邦交 關係 外交部 發言人 歐 江安 表示 宏都拉斯 政府 面對 嚴峻 的 新冠肺炎 疫情 正 全力 設法 透過 多元 管道 取得 疫苗 以 保護 宏都拉斯 人民 的 健康 另外 日前 宏都拉斯 七 個 地方 政府 洽 獲 薩爾瓦多 捐贈 的 三萬 多 劑 疫苗 其實 是 astrazeneca 疫苗 並非 大陸 疫苗 此外 報導 中 提及 中國 捐贈 並於 日前 運 抵 薩爾瓦多 的 大陸 科興 疫苗 事實上 該 批 疫苗 是 由 薩國 政府 自行 採購 而 不是 陸 中方 贈與 另 針對 報導 引述 路透社 文章 指出 美國國務院 將 中南美洲 17 名 重量級 政治 人物 納入 貪腐 收 賄 的 調查 清冊 其中 包括 宏都拉斯 現任 總統 葉 南德 茲 juan orlando hernandez 經 查 路透社 報導內容 薩爾瓦多 總統 親信 及 安全部長 被 列入 相關 名單 但 並未 提及 宏都拉斯 總統 歐 江安 強調 對於 部分 媒體 甘願 配合 大陸 的 宣傳 和 假 訊息 攻勢 進行 混淆 事實 的 錯誤 報導 外交部 表示 極為 遺憾 該 報導 未經 嚴謹 查證 企圖 製造 台巨集邦 誼 不 穩 的 假像 造成 臺灣 人民 與 民主 政府 之間 的 矛盾 並 蓄意 打擊 我國 政府 的 形象 此外 相關 報導 也 極 浮誇 聳 動 實 不 可取 外交部 特別 澄清 說明 外交部 在 維護 國人 健康 權益 的 前提 下 也 將 繼續 秉 持 同舟共濟 的 精神 結合 理念 相近 國家 的 力量 協助 友邦 設法 取得 所 需 疫苗 共同 渡過 公衛 危機 捍衛 民主 並 協助 保護 友邦 人民 的 健康 與 安全</t>
  </si>
  <si>
    <t>新冠肺炎 國際 宏都拉斯 薩爾瓦多 我國</t>
  </si>
  <si>
    <t>新冠肺炎 持續 延 燒 口罩 更 是 1 片 難 求 但 在 ptt 爆 掛 版 傳出 臺北市 八 德 路上 的 某 小兒科 診所 疑 似 私賣 口罩 且 每 片 以 10 元 價格 販 售 引發 網友 討論 北市 衛生局 食品 藥物 管理 科長 陳怡婷 指出 衛生局 將 會派 人員 前往 瞭解 會 評估</t>
  </si>
  <si>
    <t>新冠肺炎 持續 延 燒 口罩 更 是 1 片 難 求 但 在 ptt 爆 掛 版 傳出 臺北市 八 德 路上 的 某 小兒科 診所 疑 似 私賣 口罩 且 每 片 以 10 元 價格 販 售 引發 網友 討論 北市 衛生局 食品 藥物 管理 科長 陳怡婷 指出 衛生局 將 會派 人員 前往 瞭解 會 評估 販賣 的 口罩 來源 如 為 一般 醫療 級 口罩 就 會 以 市場機制 為 標準 但 如 為 進口貨 其他 來源 口罩 則 未 強制 規定 販 售 價格 ptt 網友 campbell 天堂 與 地獄 的 分界 今天下午 在 八 掛 版 提到 某 小兒科 診所 買 的 到 口罩 但 卻 以 合法 掩護 非法 診所 樓上 就是 藥局 大門 也 貼 著 要買 口罩 請 上樓 一 片 口罩 販 售 10 元 且 不 限 購買 次數 並 指出 當 我們 守法 排隊 買 口罩 的 人 都 是 時間 太 多 的 白癡 嗎 引發 不少 網友 熱 議 不過 也 有 不少 民眾 認為 診所 藥局 販賣 口罩 沒有 不對 因 規定 進入 診所 一定 要 戴 口罩 陳怡婷 指出 近日 衛生局 會派 人員 到 現場 瞭解 狀況 會 先 瞭解 口罩 來源 目前 雖然 沒有 硬性規定 口罩 要 賣 多少 錢 但 哄抬 價格 可能 違反 公平 交易法 如 為 一般 醫療 級 口罩 就 會 以 市場機制 價格 為 標準</t>
  </si>
  <si>
    <t>新冠肺炎 疫情 法文 歌 教 洗手 超 萌</t>
  </si>
  <si>
    <t>新冠肺炎 疫情 所 造成 的 恐慌 持續 在 本 周 擴大 道 瓊 指數 週三 18 日 終場 大 跌 133846 點 或 630 報收 1989892 點 為 2017 年 2 月 以來 首次 道 瓊 指數 跌破 2萬 點 大關 投資者 悲觀 情緒 籠罩 道 瓊 指數 期貨 週四 19 日 開盤 下挫 超過 300</t>
  </si>
  <si>
    <t>新冠肺炎 疫情 所 造成 的 恐慌 持續 在 本 周 擴大 道 瓊 指數 週三 18 日 終場 大 跌 133846 點 或 630 報收 1989892 點 為 2017 年 2 月 以來 首次 道 瓊 指數 跌破 2萬 點 大關 投資者 悲觀 情緒 籠罩 道 瓊 指數 期貨 週四 19 日 開盤 下挫 超過 300 點 隨後 跌勢 擴大 到 500 點 代表 道 瓊 指數 開盤 恐怕 也 有 200 點 以上 的 跌勢 截至 美東 時間 上午 7 點 道 瓊 指數 期貨 下跌 超過 300 點 標 普 500 指數 期貨 微幅 下跌 納斯達克 100 期貨 指數 表現 持平 就 在 前 一 晚 美 股 指數 期貨 一度 翻紅 上漲 但 隨 著 恐慌 情緒 仍未 消散 美 股 指數 期貨 再度 翻 黑 平盤 震盪 vital knowledge 創辦 人 adam crisafulli 表示 市場 顯然 仍 處於 恐慌 以及 斷頭 賣壓 狀態 風險 處於 高 水位 一旦 解決 部分 清償 問題 情況 將 更加 明顯 市場 還 在 等待 上午 8 點 30 分 即將 發佈的 每週 失業 申請 藉 此 評估 新冠肺炎 疫情 對 美國 經濟 造成 的 經濟損失 截至 臺北 時間 晚間 7 點 40 分 道 瓊 指數 期貨 下跌 524 點 或 264 暫收 19329 點 標 普 500 指數 期貨 下跌 61 點 或 254 暫收 23405 點 那斯 達克 100 指數 期貨 下跌 11625 點 或 161 暫收 708925 點</t>
  </si>
  <si>
    <t>道 瓊 指數 期貨 美 股 新冠肺炎 下跌</t>
  </si>
  <si>
    <t>疫苗 突破性 感染 臺灣 新冠肺炎 習性</t>
  </si>
  <si>
    <t>南 投 縣 23 日 新增 例 確診 個案 1 例 為 陽性 個案 皆 為 在 台中 市 工作 的 南 投 埔裡 鎮 民 案 14356 為 30 歲 男性 於 桃園 發病 就地 就醫 23 日 確診 為 新冠肺炎 22 日 開車 回 埔裡 後 已 送 集中 檢疫所 收治 治療 中 另 其 同 住 朋友 為 31 歲 男性</t>
  </si>
  <si>
    <t>新冠肺炎 臺灣 陽性 南 投 台中</t>
  </si>
  <si>
    <t>新冠肺炎 臺灣 防疫 旅館 機場 桃園</t>
  </si>
  <si>
    <t>北京市委宣傳部 市政府 新聞辦 2 月 19 日 聯合 多 部門 召開 新聞 發佈會 宣佈 北京市 文化 改革 和 發展 領導小組辦公室 出臺 關於 應對新冠肺炎 疫情 影響 促進 文化 企業 健康 發展 的 若干 措施 其中 包括 緩解 當前 企業 經營 壓力 的 措施 11</t>
  </si>
  <si>
    <t>北京市委宣傳部 市政府 新聞辦 2 月 19 日 聯合 多 部門 召開 新聞 發佈會 宣佈 北京市 文化 改革 和 發展 領導小組辦公室 出臺 關於 應對新冠肺炎 疫情 影響 促進 文化 企業 健康 發展 的 若干 措施 其中 包括 緩解 當前 企業 經營 壓力 的 措施 11 條 保障 精品 內容 創作 生產 的 措施 3 條 培育 產業 發展 全新 動能 的 措施 4 條 加大 金融服務 支援 力度 的 措施 6 條 優化 提升 政務 服務 水準 的 措施 4 條 新冠肺炎 疫情 發生 後 大陸 電影院 文藝演出 場所 文博 單位 娛樂場所 均 暫停營業 很多 文化 企業 因 疫情 影響 陷入 經營 困境 文化 企業 普遍 反映 當前 最 需要 的 是 延 繳 社保 減免 房租 貸款 延期 和 融資 補貼 等 資金 政策 支援 北京日報 客戶 端 指出 北京市委宣傳部 會同 市發展改革委 市 科委 市財政局 市 人力 社保 局 市 文化 和 旅遊 局 市 廣播電視局 市 地方 金融監管 局 人民 銀行 營業 管理 部 等 16 個 部門 及 各 區 有關 單位 對 北京3000 多 家 文化 企業 進行 深入 調研 找 准 疫情 期間 文化 企業 的 難點 痛點 有 針對性 地 提出 地 解決 措施 其中 針對 影視 行業 對 今年春節 期間 受 疫情 影響 未 能 如期 上映 的 北京 企業 生產 的 影片 給予 一次性 宣傳 發行 補貼 今年春節 前後 處於 集中 創作 期 受 疫情 影響 而 暫停 的 重點 專案 給予 創作 製作 特殊 補貼 對於 出版 行業 則 鼓勵 北京地區 數位 出版 企業 及 相關 文化 機構 在 疫情 期間 免費 對 公眾 開放 優質 內容 資源 及 公益性 線 上 演出 等 數位 文化 內容 服務 調查 顯示 疫情 期間 網路 遊戲 網路 影音 數位 音樂 網路 教育 知識 付費 有聲 讀物 等 新興 業態 使用者 規模 有 了 較 快 增長 若干 措施 也 特別強調 未來 要 著 力 深化 文化 科技 融合 大力發展 文化 互聯網 明確 新興 業態 場景 應用 的 主攻 方向 為 文化 企業 更 好 地 抓住 發展 機遇 提供 指引</t>
  </si>
  <si>
    <t>近日 科學 雜誌 發表 一 項 在 大陸 所 做 的 研究 被 新冠肺炎 感染 的 獼猴 在 28 天內 會 產生 抗體 不 會 再 受 到 2 次 感染 不過 研究 人員 表示 目前 尚不 清楚 抗體 能 在 體內 維持 多久 可能 需要 等到 數 年 後 才能 得知 在 疫情 大 流行 期間</t>
  </si>
  <si>
    <t>獼猴 抗體 新冠肺炎 產生 研究 人員</t>
  </si>
  <si>
    <t>新冠肺炎 兩岸 四 地 嚴防死守 之下 大陸 的 疫情 已經 趨 緩 現在 面臨 的 是 倒灌 回來 的 境外 輸入 病例 臺灣 香港 也 一樣 連守 得 最好 的 澳門 也 都 因 境外 輸入 破 了 一個 多 月 來 0 新增 的 防禦 罩 在 病毒 無所 不入 的 侵襲 之下 防疫 堵漏</t>
  </si>
  <si>
    <t>新冠肺炎 兩岸 四 地 嚴防死守 之下 大陸 的 疫情 已經 趨 緩 現在 面臨 的 是 倒灌 回來 的 境外 輸入 病例 臺灣 香港 也 一樣 連守 得 最好 的 澳門 也 都 因 境外 輸入 破 了 一個 多 月 來 0 新增 的 防禦 罩 在 病毒 無所 不入 的 侵襲 之下 防疫 堵漏 稍 有 疏忽 就 會 破 口 絲毫 無法 鬆懈 大陸 在 全面 封城 之下 總算 新增 病例 到 了 個 位數 與 疫情 盛行 時期 每日 數 千 新增 確診 相比 非常 不容易 也 可以 看出 大陸 的 全面 封城 發揮 了 阻擋 疫情 擴散 的 極大 功效 但是 這 幾 天 除了 境外 輸入 病例 之外 又 新增 門診 確診 病例 令 專家 再度 擔心 有 不 明確 的 防疫 漏洞 存在 從 中外 專家 共同 發表 的 論文 指出 大陸 在 疫情 初期 記錄 到 的 確診 病例 只 有 14 高達 86 未 被 記錄 到 這些 未 被 記錄 到 的 除了 無 症狀 或 症狀 輕微 之外 也 有 可能 是 潛伏期 出乎 目前 醫學界 的 認知 之外 這 也 使得 新冠肺炎 這個 新出現 的 流行 疾病 更 難 捉摸 一切 有 可能 的 防疫 手段 都 要 再 審視 是否 有 漏洞 未 堵住 對於 前所未見 的 新 疾病 尤其 是 像 新冠肺炎 這種 凶 猛 的 傳染 疾病 防疫 工作 本來 就 是 極大 的 挑戰 相較 於 兩岸 四 地 的 嚴陣以待 歐美各國 初期 的 輕忽 造成 目前 的 全面 大 流行 顯見 一點 疏忽 都 會 造成 大 災難 堵漏 工作 全世界 都 要 共同努力</t>
  </si>
  <si>
    <t>歐美新冠肺炎 疫情 再起 一方面 市場 擔憂 經濟 復蘇 遭 拖累 然 另一方面 卻 因而 加快 ai 在 各 產業 的 進展 速度 成為 後 疫情 時代 下 科技產業 最 火紅 的 創新 技術 法人 表示 5 g 與 ai 將 是 推動 未來 十 年 的 新 成長 引擎 預估 到 2035 年 5 g 結</t>
  </si>
  <si>
    <t>墾 丁 大街 週末 管制 連 假 新冠肺炎</t>
  </si>
  <si>
    <t>葉毓蘭 呼籲 公佈 新冠肺炎 確診 者 足跡</t>
  </si>
  <si>
    <t>臺灣地區 新冠肺炎 確診 者 持續 增加 但 政府 不 公佈 新冠肺炎 確診 者 足跡 令 許多 民眾 無所適從 不 曉得 自己 是否 曾 與 患者 同時 間 出現 在 同 場合 是否 需要 自主 健康 管理 台大 也 因為 中研院 已經 有 群 聚 感染 所以 請 衛福部 提供 確診</t>
  </si>
  <si>
    <t>全國 新冠肺炎 疫情 嚴峻 三級 警戒 再 延長 至 6 月 28 日 移民署 北 區 事務 大隊 新北 市 服務站 為 讓 移 工 落實 防疫 措施 利用 多國 語言 公佈 移 工 工作 生活 及 外出 管理 注意事項 以利 雇主 私立 就業 服務 機構 及 移 工 有所 依循 同時</t>
  </si>
  <si>
    <t>新冠肺炎 臺灣 移 工 服務站 相關</t>
  </si>
  <si>
    <t>新冠 疫情 持續 蔓延 美國 洛杉磯 地方法院 26 日 裁定 移民 家庭 拘留所 必須 釋放 100 多 名 移民 兒童 以 避免 他們 感染 新冠肺炎 外 媒 報導 美國 的 3 個 移民 家庭 拘留所 中 有 2 個 已經 出現 確診 病例 目前 在 美國移民 及 海關 執法 局 ice</t>
  </si>
  <si>
    <t>足跡 全聯 好 市 多 家樂福 新冠肺炎</t>
  </si>
  <si>
    <t>眼見 最近 自己 跟 米契爾 不和 謠言 越 傳 越 誇張 爵士 中鋒 戈貝爾 終於 首次 跳出 來 回應 他 在 電 玩 太空 戰士 7 複刻版 直播間 放 話 媒體 有時候 說 的 並非 事實 不僅 是 在 籃球 方面 也 在 生活 方面 他們 有時候 獲取 的 新聞 跟 事實 並 不 相符 戈貝爾 的 這 番話 無疑 是 指責 最近 盛傳 他 跟 米契爾 不和 是 假新聞 畢竟 兩 人 都 在 爵士 當了 兩 年 多 的 隊友 私下 關係 也 很 密切 卻 因 戈貝爾 成為 首位 確定 感染 新冠肺炎 的 nba 球員 米契爾 也 變 第 2 位 確診 球員 兩 人 不 和 的 傳言 才會 亂 傳 畢竟 戈貝爾 在 確診 之前 做出 相當 多 的 脫序 舉止 像是 在 賽後 記者會 刻意 亂 摸 麥克風 或是 在 休息室 亂 摸 隊友 東西 儘管 他 隨即 公開 道歉 且 呼籲 大眾 重視 這次 新冠肺炎 疫情 卻 讓 外界 仍然 難以 原諒 甚至 開始 謠傳 他 跟 米契爾 已經 翻臉 如今 隨 著 戈貝爾 公開 澄清 自己 跟 米契爾 並 無 不和 一切 只 是 媒體 惡意 炒作 卻 還 需 等 到 兩 人 公開 見面 或是 真正 有所 對話 才 有 辦法 說服 外界 相信 戈貝爾 的 個 人 說詞 否則 目前 兩 人 關係 越 說 越 誇張 甚至 到 了 爵士 必須 趕緊 交易 戈貝爾 程度</t>
  </si>
  <si>
    <t>海軍 敦睦 艦隊 爆發 新冠肺炎 群 聚 感染 至 昨天 4 19 為止 共 爆出 24 例 確診 都 是 在 磐石 軍艦 上 的 官兵 目前 共有 基隆 北市 桃園 台中 雲林 嘉義 台南 高雄 屏 東 共 9 縣 市 公佈 這些 海軍 確診 者 足跡 最 北 到 過 淡水 最 南</t>
  </si>
  <si>
    <t>1 政府 抗 疫 作為 54 英國 人 不 買 單 皮尤 中心 調查 14 個 已 開發 國家 其中 英國 和 美國 民眾 對 自己 政府 應對新冠 疫情 的 認同度 排名 墊 底 有 52 美國 民眾 和 54 英國 受訪者 認為 政府 的 防疫 措施 不 到位 只 有 不 到 18 的 美國 受訪者 表示 現在 的 美國 比 疫情 前 更加 團結 這 一 資料 遠 低於 46 的 平均值 也 是 受訪 14 個 國家 中的 最後 一 名 值得注意 的 是 58 的 美國 受訪者 認為 更 多 的 國際 合作 會 對 減少 本國 確診 病例 有所 幫助 2 提 領 公積金 永久 離 港 3 季達 41億 港幣 2020 年 首季 以 永久 離 港 為由 提取 強制 積金 高 達 7600 件 年 增 10 金額 年 增 32 自 2019 年 反修 例 事件 以來 的 9 個 月 永久 離 港 領取 強制 積金 累計 約 24萬 餘 件 提取 金額 約 41億 港幣 創 史上新 高 3 美國 52 年輕人 住 爸 媽 家 在 新冠肺炎 疫情 和 反 種族主義 運動 等 因素 影響 下 校園 被迫 關閉 失業率 居高不下 美國 年輕人 的 生活 也 受到 影響 皮尤 調查 顯示 52 的 美國 年輕人 選擇 和 父母 同 住 達到 大 蕭條 以來 最高 水準 大 蕭條 時有 48 的 美國 年輕人 與 父母 住在一起 與 父母 同 住 的 年輕人 比例 白人 和 少數 族 裔 的 差異 也 在 縮小 4 戴 口罩 可能性 民主黨 比 共和黨 高 1 倍 疫情 與 政治立場 碰撞 造成 美國 兩 党在 戴 口罩 問題 上 的 分裂 民主黨人 和親 民主黨 人士 始終 戴 口罩 的 可能性 63 比 川普 為 代表 的 共和黨人 和親 共和黨人 士 29 多 1 倍 而 共和黨人 比 民主黨人 更 可能 很 少或 永遠 不 戴 口罩 23 比 4 5 疫情 全球 燒 69億 人 恐 挨餓 新冠肺炎 疫情 可能 導致 全球 饑餓 人數 大幅 增加 世界 將 迎來 50 年 來 最 嚴重 的 糧食 危機 全世界 將 有 69億 人 處於 饑餓 狀態 2019 年 處於 嚴重 糧食 缺乏 狀態 的 人口 波及 55 個 國家 和 地區 全球 135億人口 受到 影響 其中 超過 一半 的 受 影響 人口 聚集 在 非洲 中國 大陸 國家 糧食 和 物資 儲備局 統計 截至 今年 8 月 主產區 小麥 收購 42857萬 噸 年 減 9383萬 噸 6 城市 奢華 排名 臺北 第 15 2020 年 全球 奢華 展望 報告 根據 各 城市 資產 超過 3000萬 美元 富豪 的 財富 水準 奢侈品 零售 市場 發展 等 指標 計算 奢華 城市 指數 排行 全球 前 15 大 奢華 城市 排行 紐約 居冠 上海 排名 擠 進前 10 北京 排名 第 12 臺北 則 排名 第 15</t>
  </si>
  <si>
    <t>美國 英國 新冠肺炎 糧食 危機 奢華 排名</t>
  </si>
  <si>
    <t>引發 全美 示威抗議 的 非裔 男子 佛洛伊德 george floyd 官方 完整 驗屍 報告 週三 出爐 顯示 他 罹 患 新冠肺炎 並 死於 心 肺 驟 停 綜合 外電報導 明尼蘇達州 漢尼 本 郡 hennepin county 的 驗屍 報導 顯示 44 歲 的 佛洛伊德 早 在 4 月</t>
  </si>
  <si>
    <t>引發 全美 示威抗議 的 非裔 男子 佛洛伊德 george floyd 官方 完整 驗屍 報告 週三 出爐 顯示 他 罹 患 新冠肺炎 並 死於 心 肺 驟 停 綜合 外電報導 明尼蘇達州 漢尼 本 郡 hennepin county 的 驗屍 報導 顯示 44 歲 的 佛洛伊德 早 在 4 月 3 日 時 新冠肺炎 檢測 就 呈 陽性 而 這種 病毒 可以 潛伏 在 體內 長 達 數 周 報告 指出 雖然 後來 他 沒有 症狀 但 驗屍 時 仍 呈現 陽性 官方 的 驗屍 報告 最後 歸納 在 警方 執法 時 佛洛伊德 死於 心 肺 停止 首席 醫 檢 師 貝克 andrew baker 在 報告 中 指出 雖然 佛洛伊德 的 肺部 看似 正常 但 心臟 的 部 份 動脈 狹窄 然而 佛洛伊德 家庭 律師 委 讬 的 獨立 專家 驗屍 後 卻 發現 他 死於 機械性 窒息 mechanical asphyxia 也 就 是 窒息 此外 獨立 驗屍 報告 指出 佛洛伊德 沒有 病史 這 份 長 達 20 頁 的 報告 在 家屬 同意 後 公開 而 驗屍 官 辦公室 週一 已 公佈 總結 說 他 在 遭 警方 壓制 時 心臟病發 並 將 白人 員警 蕭 文 derek chauvin 以 膝蓋 壓 頸 導致 他 5 月 25 日 的 死亡 歸類 為 殺人罪 此外 先前 的 報告 指出 他 有 芬太尼 fentanyl 中毒 跡象 最近 也 用 過 甲基 安非他命 methamphetamine 但 這 並非 致死 原因 而 據 約翰霍普金斯大學 johns hopkins university 的 統計 顯示 明尼蘇達州 至今 有 超過 1000 人 死於 新冠肺炎 中 時 新聞網 關心 您 保護 自己 遠離 毒品</t>
  </si>
  <si>
    <t>美國 暴動 非裔 男 驗屍 佛洛伊德 新冠肺炎</t>
  </si>
  <si>
    <t>國內 疫情 嚴峻 外交部 今天 表示 為 維護 國內 防疫 安全 及 確保 國人 健康 除了 緊急 或 人道 考量 等 經 專案 許可 者 之外 我國 將 自 5 月 19 日 零 時 起至 6 月 18 日 止 暫緩 未 持有 我國 有效 居留證 的 非本 國籍 人士 入境 國內 新冠肺炎 確診 人數</t>
  </si>
  <si>
    <t>臺灣 新冠肺炎 入境 暫緩 居留證</t>
  </si>
  <si>
    <t>新冠肺炎 臺灣 大陸 方 艙 醫院 一般 旅館</t>
  </si>
  <si>
    <t>33 歲 港 星 李美慧 是 選美 佳麗 出身 2006 年 在 港 姐 比賽 中 落選 然 她 出道 當了 演員 同年 演出 宮 心計 2 深 宮計 中 太平公主 身旁 的 宮女 秦槐 一角 意外 爆 紅 廣為人知 成 了 御用 宮女 前年 更 在 感情 上有 重大進展 帶球 閃 嫁 大 25 歲 百億 富商 曾文豪 翻身 成 了 豪門 太太 李 美 慧 結婚 不 到 半 年 給 富 尪 曾 文豪 添 了 千金 她 也 經常 在 ig 上 曬 生活 照 足 見 老公 對 她 非常 疼愛 經常 帶 著 妻女 周遊列國 日子 過 得 富足 幸福 而 近期 新冠肺炎 疫情 全球 告急 李美慧 也 受到 重大 影響 一家 三 口 因此 滯留 異國 如今 還 在 南法 的 家中 避難 而 雖然 歐洲 疫情 嚴峻 李美慧 昨 7 4 在 ig 更新 了 新 照 寫下 happy birthday 老公 大人 仍 堅持 幫 富 尪 慶祝 59 歲 生日 照 片中 曾文豪 面前 擺 著 鋪 滿 草莓 的 鄉 村風 大 蛋糕 懷裡 則 抱 著 寶貝 女兒 一起 吹 蠟燭 收到 老婆 準備 的 手 寫 卡片 dear papa happy birthday love you 還 細心 印著 掌上明珠 的 小 手印 讓 曾文豪 笑 得 合不攏嘴 不 吝嗇 展現 有 女 萬事足 的 幸福感 讓 人 直 呼 疫情 期間 還 能 如此 真的 是 讓 人 羡慕</t>
  </si>
  <si>
    <t>何柏良 新冠肺炎 大陸 香港 回港 易</t>
  </si>
  <si>
    <t>金管會 公佈 保險業 匯兌 損 益 最新 統計 受 新冠肺炎 疫情 致使 資本 市場 波動 加劇 壽險業 淨值 2020 年 3 月 驟降 至 146 兆 元 月 減 達 5337億 元 4 月 隨 著 資本 市場 回穩而 回升 至 177 兆 元 月 增 3152億 元 仍 較 2 月底 新高 減少 2185億 元</t>
  </si>
  <si>
    <t>金管會 公佈 保險業 匯兌 損 益 最新 統計 受 新冠肺炎 疫情 致使 資本 市場 波動 加劇 壽險業 淨值 2020 年 3 月 驟降 至 146 兆 元 月 減 達 5337億 元 4 月 隨 著 資本 市場 回穩而 回升 至 177 兆 元 月 增 3152億 元 仍 較 2 月底 新高 減少 2185億 元 亦 較 去年底 減少 1519億 元 金管會 統計 新 台幣 前 4 月 升值 1 壽險業 前 4 月 出現 1265億 元 匯 損 不過 避險 工具 評價 增加 644億 元 扣除 換匯 成本 560億 元 後 整體 避險 成本 降 至 84億 元 加計 外匯 價格 變動 準備金 回沖 202億 元 合計 為 淨 匯 損 979億 元 在 積極 處分 股票 及 債券 實現 利得 挹注 下 壽險業 2020 年 首季 稅 前 獲利 633億 元 年 增 達 936 但 4 月 受 新 台幣 強 升 產生 匯 損 636億 元 影響 單月 稅 前 獲利 僅 67億 元 累計 前 4 月 稅 前 獲利 700億 元 年增率 降 至 471 至於 產險 業 前 4 月 實現 淨 匯兌 收益 5億 元 但 稅 前 獲利 44億 元 較 去年同期 58億 元 減少 達 241 淨值 1305億 元 合計 保險業 前 4 月 稅 前 獲利 744億 元 較 去年同期 534億 元 增加 393</t>
  </si>
  <si>
    <t>亞洲 羽球 總會 今天 確認 原定 今年 在 中國 大陸 武漢 舉行 的 亞洲 羽球 錦標賽 因為 新冠肺炎 疫情 移師 菲律賓 馬尼拉 比賽 日期 4 月 21 日 到 26 而 上個月 同樣 在 馬尼拉 舉行 的 亞洲 羽球 團體 錦標賽 因為 菲律賓政府 規定 來自 中國 大陸</t>
  </si>
  <si>
    <t>亞洲 羽球 總會 今天 確認 原定 今年 在 中國 大陸 武漢 舉行 的 亞洲 羽球 錦標賽 因為 新冠肺炎 疫情 移師 菲律賓 馬尼拉 比賽 日期 4 月 21 日 到 26 而 上個月 同樣 在 馬尼拉 舉行 的 亞洲 羽球 團體 錦標賽 因為 菲律賓政府 規定 來自 中國 大陸 香港 及 澳門 的 運動員 抵達 菲國 後 必須 隔離 14 天才 能 參賽 因此 大陸 香港 都 缺席 亞洲 羽球 團體 錦標賽 亞洲 羽總 表示 目前 和 菲律賓 羽球 協會 密切 聯繫 會 確保 個人 運動員 的 簽證 可以 順利 核發 2020 東京 奧運 參賽 資格 積分 排名 將 於 今年 4 月 26 日 截止 因 此 4 月 的 亞錦賽 會 是 奧運 積分 截止 前 最後 一 站 賽事</t>
  </si>
  <si>
    <t>新冠肺炎 臺灣 嘉義 幼稚園 停課</t>
  </si>
  <si>
    <t>因應 新冠肺炎 疫情 對 民眾 生計 的 衝擊 政府 擴大 紓困 方案 適用 物件 但 因為 適用 物件 為 沒有 勞 軍 公 較 農保 等 各種 保險 的 民眾 實際收入 難以 查核 引發 地方 審理 時 的 困難 因此 新北 市 一口氣 將 9千 多 件 案件 送交 中央 請</t>
  </si>
  <si>
    <t>大陸 河南省政府 新聞辦 21 日 下午 召開 河南省 新冠肺炎 疫情 防控 新聞 發 佈 會 回應 工業 企業 復工 複產 等 問題 據 新浪 財經 引述 河南省 工業 和 資訊化 廳 副 廳長 郝敬紅 表示 統計 截至 3 月 20 日 河南省 規模 以上 工業 企業 的 2萬664 家數 中</t>
  </si>
  <si>
    <t>大陸 河南省政府 新聞辦 21 日 下午 召開 河南省 新冠肺炎 疫情 防控 新聞 發 佈 會 回應 工業 企業 復工 複產 等 問題 據 新浪 財經 引述 河南省 工業 和 資訊化 廳 副 廳長 郝敬紅 表示 統計 截至 3 月 20 日 河南省 規模 以上 工業 企業 的 2萬664 家數 中 已 有 1萬9425 家 企業 復工 換算 復工 率 為 94 同時 200 戶 重點 企業 已 全部 復工</t>
  </si>
  <si>
    <t>日本 omicron 變種 病毒 新冠肺炎 疫苗</t>
  </si>
  <si>
    <t>新冠肺炎 疫情 禍及 全球 而 臺灣 多虧 超前 部署 確保 防疫 物資 與 醫療 量 能 才 擋住 一 波 波 危機 然 疫情 初期 大 s 夫妻 四處 買 口罩 捐 武漢 小 s 力挺 姊 姊 寫下 恨 比 病毒 更 可怕 引發 議論 不但 影響 工作 社 群 部分 也 停止 更</t>
  </si>
  <si>
    <t>新冠肺炎 疫情 禍及 全球 而 臺灣 多虧 超前 部署 確保 防疫 物資 與 醫療 量 能 才 擋住 一 波 波 危機 然 疫情 初期 大 s 夫妻 四處 買 口罩 捐 武漢 小 s 力挺 姊 姊 寫下 恨 比 病毒 更 可怕 引發 議論 不但 影響 工作 社 群 部分 也 停止 更新 一 停 就 是 3 個 月 之久 直到 日前 低調 解禁 大 歎 總 算 可以 跟 大家 聊天 了 今天 的 菜 可 都 是 我 親手做 的 沒 使用 魔杖 哦 而且 沒 化妝 世上 能 讓 我 胖 的 只 有 我 自己 做 的 菜 和 酒類 dee @elephantdee 分享 的 貼 文 於 pdt 2020 年 4 月 月 23 日 上午 4 01 張貼 小 s 因 口罩 之 亂 議論 而 低調 神 隱 連 ig 都 停止 更新 直到 3 個 月 後 的 現在 她 終於 分享 新 照片 赫見 女神 頂 著 大 素 顏入鏡 神情 略顯 憔悴 然 物資 卻是 相當 豐盛 因為 她 同時 貼出 了 滿 桌子 的 美食 表示 這些 菜 都 是 她 親手做 的 沒 使用 魔杖 哦 而且 沒 化妝 世上 能 讓 我 胖 的 只 有 我 自己 做 的 菜 和 酒類 更 直 呼 總 算 可以 跟 大家 聊天 了 而 粉絲 們 也 激動 留言 大 呼 仙女 回歸 讓 小 s 看 了 笑 回 不然 我會 悶 死 氣氛 超 嗨</t>
  </si>
  <si>
    <t>美國 參議員 藍德 保羅 的 辦公室 今天 宣佈 藍德 保羅 rand paul 確診 感染 新冠肺炎 成為 首位 感染 新冠肺炎 的 參議員 同時 也 是 第 3 位 確診 的 美國國會 議員 根據 路透社 報導 藍德 保羅 在 接受 病毒 測試 呈現 陽性反應 之後 表</t>
  </si>
  <si>
    <t>美國 參議員 藍德 保羅 的 辦公室 今天 宣佈 藍德 保羅 rand paul 確診 感染 新冠肺炎 成為 首位 感染 新冠肺炎 的 參議員 同時 也 是 第 3 位 確診 的 美國國會 議員 根據 路透社 報導 藍德 保羅 在 接受 病毒 測試 呈現 陽性反應 之後 表示 自己 正 被 隔離 檢疫 中 但 他 沒有 出現 症狀 而且 感覺 身體 很 好 藍 德 保羅 宣佈 感染 新冠肺炎 之後 目前 美國國會 已經 累計 有 3 名 議員 確診 第一 位 是 共和黨 籍 聯邦 眾議員 狄亞士 巴拉特 mario diaz-balart 在 18 日 宣佈 感染 新冠肺炎 第二 位 是 民主 黨籍 眾議員 麥克亞當斯 ben mcadams 在 同一 日 晚間 也 確診 新冠肺炎 有鑒於 參議院 及 眾議院 都 出現 確診 案例 許多 國會議員 都 已 接受 隔離 並 檢測 已經 大幅 影響 到 法案 推動 的 進度 美國 參議員 約翰·圖恩 john thune 表示 我們 別無選擇 這 場 疫情 也 不 會 在 明天 結束 我們 只能 耐心 面對 這 場 戰役</t>
  </si>
  <si>
    <t>由於 庫存 水位 偏 低 訂單 能見度 延長 加上 缺 工 問題 的 不 確定 因素 2021 年 農曆年 被動 元件廠 將 加班 應戰 替 年 後 的 需求 拉高 庫存 水位 景氣 能見度 優於 前 一 季 且 已經 延伸 至 農曆年 以後 包含 mlcc 廠 鋁 電廠 晶 片 電阻 供應 鏈 均 傳出 今年 產 線 要 加班 的 消息 尤其 是 晶 片 電阻 供應 鏈 因 交 期 再次 延長 從 8 10 周 延伸 至 12 周 以上 等 於 現在 下單 要 三 個 月 以後 才能 交貨 隨 著 手機 車市 需求 回升 加上 各國 應 對 新冠肺炎 的 疫苗 已經 箭在弦上 終端 需求 即將 恢復 尋常 性 成長 的 預期 心理 之下 下游 客戶 釋單 動作 轉 趨 積極 能見度 則 已經 延伸 至 農曆年 以後 並且 有 不少 客戶 向 電阻 廠 要求 插隊 生產 奇 力新 2456 旗 下 旺 詮 2020 年 並未 加班 2021 年 農曆年 預計 僅 休息 1 2 個 工作日 而 晶 片 電阻 上游 氧化鋁 基 板 廠商 九 豪 6127 是 國內 唯一 一家 氧化鋁 基 板 供應商 該 公司 昆山 廠 維持 產能 滿載 狀態 訂單 能見度 達 三 個 月 九 豪 表示 昆山 廠 今年 農曆年 也 會 啟動 加班 機制 減少 休假 天數 持續 維持 爐子 的 運轉 而 龍頭 大廠 國 巨 2327 蘇州 廠 將 留下 至少 三 分之一 的 人力 加班 生產 並 會 視 訂單 狀況 決定 是否 再 加碼 留守 的 規模 國巨 董事長 陳泰銘 在 日前 的 記者會 中 已經 表明 國巨 農曆 年前 的 訂單 無 虞 稼 動 率 礙於 缺 工 問題 將 緩步 爬升 鋁質 電容 廠 2020 年 成為 今年 被動 元件 行業 的 黑馬 在 汽車 太陽能 兩 大 應用 的 終端 需求 同步 拉升 之下 日本 三大 鋁 電廠 nippon chemicon nichcon rubycon 接 單 已經 排 滿至 明年 第二 季 國內 廠商 凱 美 2375 立 隆 2472 今 年前 三 季財報 繳 出 亮麗 成績單 其中 凱 美 2020 年 十一 黃金周 僅 休 1 2 個 工作日 今年 農曆 過 年產 線 也 將 罕見 加班 生產 以 應付 客戶 需求 業 界 指出 過年 加班 的 工資 是 平常 的 好幾 倍 除了 擔心 農曆年 後 缺 工 問題 利用 加班 留住 產 線 員工 之外 訂單 無法 消化 是 主因 目前 生產 排 程 至少 三 個 月 即使 12 月 不 接 單 都 要 生產 到 農曆年 之後 客戶 頻頻 插隊 生產 也 反映 出 庫存 踩 刹車 的 狀況 不 複 見</t>
  </si>
  <si>
    <t>新北 開放 幼稚園 新冠肺炎 臺灣</t>
  </si>
  <si>
    <t>董智森 綠 營 臺灣 世衛 新冠肺炎</t>
  </si>
  <si>
    <t>疫情 警戒 在 5 月中 下旬 後 拉高 到 三級 但 4 月 醞釀 的 保單 5 月 陸續 成交 壽險業 5 月 新 契約 保費 還 能 保住 800億 元 以上 比 去年同期 成長 逾 25 但 人際 管制 目前 持續 到 6 月底 壽險業 者 擔心 6 月 及 7 月 業績 可能 大 受 影響 預估 全年 新 契約 保費 恐 陷 9000億 元 保衛 戰 壽險業 者 估算 5 月 新 契約 保費 約 840 850億 元 累計 前 五月 已 破 4500億 元 年 增 19 左右 2020 年 全年 新 契約 保費 9168億 元 年 衰退 28 創 歷年 最 大 衰退 原本 業 界 預估 今年 應可比 2020 年 成長 估計 可 挑戰 回到 兆 元 規模 但 在 新冠肺炎 衝擊 下 今年 可能 必須 先 站穩 9000億 元 的 業務量 5 月 依舊 是 投資型 保單 的 天下 估計 全月 有 460 480 多 億 元 即 占新 契約 保費 53 以上 如 國泰人壽 臺灣 人壽 安聯 人壽 富 邦 人壽 元大 人壽 法國巴黎 人壽 等 都 是 投資型 保單 主力 美元 利 變 壽險 亦 是 主力 保單 但 今年 因 宣 告 利率 不如 去年初 相對 銷量 也 受 影響 壽險業 者 表示 6 月 持續 管制 業務員 都 不能 像 過去 一樣 四處 拜訪 客戶 6 月 推 展 不易 加上 疫情 影響 民眾 也 會 減少 去 銀行 銀行 通路 賣 保單 亦 會 受 衝擊 去年 4 月 新冠肺炎 全球 流行 時 當月 新 契約 保費 為 583億 元 今年 臺灣 管制 比 去年 更 嚴格 估計 6 月 業績 堪 慮 7 月 因為 第 六 回合 生命表 上路 所有 保單 改 款 各 銷售 通路 又 要 重視 醞釀 新 保單 原本 就 不 預期 新 契約 保費 會 大幅 成長 但 若 7 月 仍 無 法 完全 解封 業績 亦 將 持續 衰退 同比 可能 衰退 逾 20 30 以上</t>
  </si>
  <si>
    <t>張穎 新冠肺炎 大陸 天津市 福爾摩斯</t>
  </si>
  <si>
    <t>信義 區 北市 確診 數 分 租 套房 新冠肺炎</t>
  </si>
  <si>
    <t>國內 新冠肺炎 疫情 目前 仍 是 相當 嚴峻 今天 3 日 本土 新增 364 例 教育部 體育 署 所在 的 體育 聯合 辦公大樓 也 有 保全 同仁 確診 屬於 輕 症 無 症狀 目前 已 居家 隔離 體育 署 秘書 室主任 王浩祿 表示 該 保全 同仁 去 過 市場 所以 有</t>
  </si>
  <si>
    <t>國內 新冠肺炎 疫情 目前 仍 是 相當 嚴峻 今天 3 日 本土 新增 364 例 教育部 體育 署 所在 的 體育 聯合 辦公大樓 也 有 保全 同仁 確診 屬於 輕 症 無 症狀 目前 已 居家 隔離 體育 署 秘書 室主任 王浩祿 表示 該 保全 同仁 去 過 市場 所以 有 警覺性 週一 5 月 31 日 有 進行 快 篩 當時 結果 是 陰性 今天上午 接到 通知 pcr 檢驗 為 陽性 沒有 發燒 咳嗽 等 症狀 因為 屬於 無 症狀 輕 症 的 確診 者 衛生 單位 請 該 名 保全 同仁 先 自主 在家 隔離 全國 進入 三級 警戒 後 體育 大樓 也 採取 分流 居家 上班 每天 到 署 裡 的 人員 大約 80 到 90 位 體育 大樓 每日 上 下午 都有 定期 消毒 確診 的 保全 同仁 工作 內容 相對 單純 活動 範圍 也 很 固定 第一時間 知道 群 診 訊息 之後 體育 署 馬上 針對 保全 同仁 的 工作 範圍 進行 加強 的 消毒 王浩祿 補充 至於 該 名 確診 保全 的 接觸 狀況 我們 有 去 詢問 疾 管署 所謂 一定 程度 的 接觸 的 定義 是 指 有 在 一起 共同 地 用餐 共同 居住 面對面 接觸 15 分鐘 以上 依照 這 位 保全 同仁 的 工作 性質 來看 應該 是 暫時 不 會 有 這樣 一定 程度 接觸 的 疑慮 也 提醒 大樓 所有 的 單位 跟 同仁 這 段 時間 也 多 注意 自己 的 健康狀況 口罩 戴 好 戴 滿 勤洗手 如有 身體 不適 情形 請 在家 休息 不要 到 大樓 上班 體育 大樓 今天 也 請 所有 人員 6 點 半 前 離開 整 棟 大樓 會 再 進行 全面 消毒 努力 保護 所有 辦公 人員 的 健康</t>
  </si>
  <si>
    <t>近年 街頭 藝人 表演 興起 全台 各地 人潮 聚集 商圈 捷 運 廣場 或 地下街 知名 遊樂 景點 都 是 申請表 演 的 熱門 地點 甚至 表演 場地 一 位 難 求 但 今年初 爆發 新冠肺炎 疫情 後 許多 室內 表演 場地 暫停 開放 就 連 戶外 地點 也 因 遊客 雪崩 式</t>
  </si>
  <si>
    <t>生 華科 6492 治療 新冠 新藥 臨床 再 報喜 美國 合作夥伴 banner health 醫療機構 26 日 宣佈 向 美國 fda 申請 silmitasertib 用於 新冠肺炎 二期 人體 臨床 試驗 iit 已經 正式 接 獲 通知 核准 執行 該 臨床 規劃 收 案 40 位 新冠肺炎 重症</t>
  </si>
  <si>
    <t>生 華科 6492 治療 新冠 新藥 臨床 再 報喜 美國 合作夥伴 banner health 醫療機構 26 日 宣佈 向 美國 fda 申請 silmitasertib 用於 新冠肺炎 二期 人體 臨床 試驗 iit 已經 正式 接 獲 通知 核准 執行 該 臨床 規劃 收 案 40 位 新冠肺炎 重症 患者 以 標準 療法 或 支援性 療法 為 對照組</t>
  </si>
  <si>
    <t>青海 新冠肺炎 患者 出院 間隔 縮短 13 天 治癒 80 患者</t>
  </si>
  <si>
    <t>18 日 下午 青海省 又 1 例 新冠肺炎 確診 患者 從 青海省 第 四 人民醫院 治癒 出 院 截至 目前 青海省 確診 的 18 個 病例 已 治癒 出 院 15 例 尚有 3 例 正 在 住院治療 目前 患者 病情 穩定 該 患者 1 月 31 日 確診 入院 經過 18 天 治療 各項 指標 符</t>
  </si>
  <si>
    <t>新冠肺炎 臺灣 鄭文燦 球 框 公園</t>
  </si>
  <si>
    <t>新冠肺炎 臺灣 劉耕宏 王婉霏</t>
  </si>
  <si>
    <t>新冠肺炎 中國 大陸 全球 血液 樣本 武漢 檢測 捐 血</t>
  </si>
  <si>
    <t>美國 已 有 超過 41萬 人 死於 新冠肺炎 總統 拜登 上任 後 立刻 快馬加鞭 展開 抗 疫 行動 21 日 揭 櫫 長達 198 頁 的 抗 疫 國家 戰略 訂 定 疫苗 接種 擴大 檢測 複學 復工 國際 合作 等 七大 目標 當天 簽署 10 道 行政命令 包括 實施 更 嚴格 的 戴</t>
  </si>
  <si>
    <t>新冠肺炎 疫情 全球 持續 延 燒 台 大公共 衛生 學院 教授 陳 秀 熙 今 3 日 線 上 說明 對於 各國 對 疫苗 需求 若 渴 目前 預估 疫苗 生產量 至 2021 年底 約 為 10億 劑 尚 無法 達到 特定 族群 免疫 若以 每人 施打 2 劑 疫苗 計算 達 群體 免疫 需要</t>
  </si>
  <si>
    <t>疫苗 施打 群體 免疫 新冠肺炎 病毒 陳秀熙</t>
  </si>
  <si>
    <t>義 大利 新冠肺炎 疫情 持續 升溫 過去 24 小時 增加 18 人 喪命 確診 數 也 飆 破 2000 人 大關 旅遊 重鎮 羅馬 也 首度 淪陷 一 名 警官 一家 4 口 全部 中 鏢 綜合 路透社 當地 媒體 the local 報導 義 大利 疫情 急速 升溫 衛生 官員 昨 2 日 晚</t>
  </si>
  <si>
    <t>新冠肺炎 升溫 目前 國內 累積 確診 人數 已 超過 200 例 配合 北 市政府 疫情 小組 應變 會議 決議 提升 密閉 近 距離 接觸 性質 的 場館 防疫 應變 措施 臺北 小 巨蛋 冰上 樂園 及 北 投 會館 才剛 宣佈 采 實 名 制 北 捷 今 宣佈 自 明 25 日 起 暫停</t>
  </si>
  <si>
    <t>新冠肺炎 升溫 目前 國內 累積 確診 人數 已 超過 200 例 配合 北 市政府 疫情 小組 應變 會議 決議 提升 密閉 近 距離 接觸 性質 的 場館 防疫 應變 措施 臺北 小 巨蛋 冰上 樂園 及 北 投 會館 才剛 宣佈 采 實 名 制 北 捷 今 宣佈 自 明 25 日 起 暫停營業 未來 視 疫情 緩和 情形 再 決定 開放 營運 時間</t>
  </si>
  <si>
    <t>新冠肺炎 臺灣 omicron 變種 病毒 邱臣遠</t>
  </si>
  <si>
    <t>今 健康 新冠肺炎 臺灣 低 血 氧 快樂 缺氧</t>
  </si>
  <si>
    <t>now 健康 新冠肺炎 臺灣 清冠 一 號 中藥</t>
  </si>
  <si>
    <t>新冠肺炎 肆虐 全球 疫情 在 日本 仍 不 斷 擴散 日本傑尼斯 天 團 嵐 多 場 演唱會 受阻 原定 下月 15 至 16 日 在 容納 至少 8萬 人 的 東京 新 國立 競技場 舉行 的 演唱會 14 日 已 決定 延期 5 位 成員 也 分別 回應 櫻 井 翔 表示 為了 防止 疫情 擴散 取</t>
  </si>
  <si>
    <t>新冠肺炎 肆虐 全球 疫情 在 日本 仍 不 斷 擴散 日本傑尼斯 天 團 嵐 多 場 演唱會 受阻 原定 下月 15 至 16 日 在 容納 至少 8萬 人 的 東京 新 國立 競技場 舉行 的 演唱會 14 日 已 決定 延期 5 位 成員 也 分別 回應 櫻 井 翔 表示 為了 防止 疫情 擴散 取消 演唱會 是 痛苦 的 決定 但 唯有 延期 才能 保障 歌迷 的 安全 其 餘 成員 也 呼籲 歌迷 要 勤洗手 嗽口 抗 疫 而 嵐 在 大 阪 愛 知 福岡 舉行 的 arashi exibition journey 展覽 則 中止 他們 早 前 也 已 取消 4 月 的 首次 北京 演唱會 嵐 將 在 今年底 休 團 可惜 今年 度 安排 的 多 項 大型 演出 都因新冠肺炎 疫情 而 被迫 喊 卡 包括 已 延至 下年 的 東京 奧運 嵐 本來 應 無法 為 nhk電視臺 擔任 大使 但 nhk 方面 上月 卻 表示 計畫 未有 變動 有望 5 人 明年 休 團 後 合體 為 奧運 任 特別報導 員 受 影響 的 不只 如此 朝日電視臺 新聞節目 報導 station 的 43 歲 男 主 播 富川 悠 太 日前 確診 武 肺 同台 於 17 日 現場直播 的 音樂節目 music station 15 日 取消 本月 所有 直播 免得 74 歲 主持 森 田 一義 tamori 與 女主播 並 木萬里 菜 受 感染 風險 屆時 節目 將 播出 以前 片段</t>
  </si>
  <si>
    <t>嵐 新冠肺炎</t>
  </si>
  <si>
    <t>新冠肺炎 疫情 重創 好萊塢 除了 娛樂活動 及 影視 產業 停 擺 觀眾 上 戲院 觀影 的 意願 低 導致 北美 週末 電影票房 創 20 年 來 新低 紀錄 僅 收 逾 5530萬 美元 166億 台幣 即使 唐 老大 馮迪 索 vin diesel 不畏 疫情 端 出 科幻 钜</t>
  </si>
  <si>
    <t>新冠肺炎 疫情 重創 好萊塢 除了 娛樂活動 及 影視 產業 停 擺 觀眾 上 戲院 觀影 的 意願 低 導致 北美 週末 電影票房 創 20 年 來 新低 紀錄 僅 收 逾 5530萬 美元 166億 台幣 即使 唐 老大 馮迪 索 vin diesel 不畏 疫情 端 出 科幻 钜 片 血 衛 仍 抵擋 不了 來勢洶洶 的 疫情 北美 週末 總 票房 較 上週末 下跌 44 紐約時報 更 寫道 在 週末 票房 上 上帝 打敗 了 超級 英雄 新冠肺炎 病毒 大 流行 打亂 美國 人 原來 生活 步調 政府 為了 避免 群 聚 傳染 美國 的 電影院 也 陸續 被迫 關閉 除了 賓州 和 紐澤西 州 的 影院 率先 停業 外 15 日 晚間 紐約市 長 比爾 白思豪 bill de blasio 下令 該市 所有 電影院 夜 店 小型 劇院 和 音樂會 場所 從 17 日 開始 關閉 在 此 同時 洛杉磯 市長 艾瑞克 賈 西迪 eric garcetti 也 宣佈 即刻起 至 月底 關閉 影院 酒吧 餐廳 等 娛樂場所 這 對 美國 可說是 空前 舉動 馮迪 索 在 血 衛 扮演 超級 英雄 該片 北美票房 僅 收 逾 930萬 美元 28億 台幣 比起 預估 票房 數位 少 了 30 不過 該 片 12 日 在 臺灣 倒 是 為 市場 增添 來客 數 上映 4 天全 台 累計 逾 3170萬 元 為 臺灣 低迷 的 觀影 市場 注入 一 股 活水</t>
  </si>
  <si>
    <t>有 媒體 報導 累計 至 6 月 3 日 雙 北 統計 確診 火化 數 臺北市 155 例 新北 市 106 例 與 中央 統計 明顯 不符 讓 不少 人 質疑 死亡 人數 也 要 校正 回歸 對此 新北 市長 侯友宜 今 受訪 表示 確診 者 死亡 原因 必須 由 中央 判定 地方 會 透過 法 傳 系統 上傳 呈報 中央 中間 難免會 有 時間差 希望 愈 快 縮短 愈 好 根據 平面媒體 報導 累計 至 6 月 3 日 為止 雙 北 統計 確診 火化 數 北市 155 例 新北 市 106 例 共 261 例 但 根據 cdc 統計 1 至 4 月 確診 死亡數 僅 有 3 例 即便 加上 其他 縣 市 中央 公佈 的 新冠肺炎 死亡 累積 至 6 月 5 日 和 應該 公佈 人數 足足 短少 破百 例 讓 不少 人 質疑 要 校正 回歸 嗎</t>
  </si>
  <si>
    <t>確診 新冠肺炎 雙北 臺灣 死亡</t>
  </si>
  <si>
    <t>新冠肺炎 期間 屏 東 美術館 仍 集結 縣 內 23 名 原 住 民 藝術家 舉辦 歷年來 最 大型 展覽 未來 潮 大山 地 門 當代 藝術展 17 日 開展 不過 受 疫情 影響 逾 百 件 平面 立體 作品 從 5 個展 間 延伸 到 戶外 廣場 並 推出 線 上 導覽 及 講座 希望</t>
  </si>
  <si>
    <t>新冠肺炎 期間 屏 東 美術館 仍 集結 縣 內 23 名 原 住 民 藝術家 舉辦 歷年來 最 大型 展覽 未來 潮 大山 地 門 當代 藝術展 17 日 開展 不過 受 疫情 影響 逾 百 件 平面 立體 作品 從 5 個展 間 延伸 到 戶外 廣場 並 推出 線 上 導覽 及 講座 希望 更 多 人 不受 疫情 影響 來 認識 原住民 藝術 這 場 藝術展 籌備 超過 1 年 不巧 碰上 新冠肺炎 疫情 因此 不 舉辦 開幕 儀式 並 加強 防疫 參展 藝術家 及 協同 策 展 人 伊誕 巴瓦瓦隆 表示 藝術 的 力量 可以 超越 一切 的 恐懼 藝術 是 進行式 疫情 也 可說 成 了 展覽 呈現 的 一部分 這次 的 展覽 聚焦 在 三 地 門 霧台 瑪家鄉 等 地 藝術家 的 斜坡 文化 作品 媒材 從 木雕 石雕 金屬 創作 編織 琉璃 珠 陶 壺 複合 媒材 繪畫 錄影 到 多 媒 材 裝置 等 伊誕 表示 展覽 試圖 探討 從 1900 年 來 的 120 年 原住民 當代藝術 如何 連結 祖先 的 智慧 及 現在 的 知識 及 技術 創造 未來 的 潛在力量 不過 受到 疫情 影響 除了 將 部分 作品 延伸 到 戶外 廣場 並 管制 入 館 人數 加大 室內 展覽 間隔 另外 也 規 畫 了 線 上 導覽 及 線 上 藝術 座談 讓 民眾 不用 冒群聚 風險 就 能 線 上 欣賞 藝術 有 興趣 民眾 可上 大山 地 門 當代藝術 粉 專 查詢</t>
  </si>
  <si>
    <t>綠 委 提 新冠肺炎 扣除額 財長 暫不 考慮</t>
  </si>
  <si>
    <t>立 法院 財政 內政 經濟 教育 及 文化 交通 社會福利 及 衛生 環境 委員會 聯席會議 5 日 審查 中央政府 嚴重 特殊 傳染性 肺炎 防治 及 紓困 振興 特別 預算案 綠 委 陳素月 質詢 時 提議 新冠肺炎 疫情 持續 蔓延 財政部 會 不 會 考慮 設</t>
  </si>
  <si>
    <t>立 法院 財政 內政 經濟 教育 及 文化 交通 社會福利 及 衛生 環境 委員會 聯席會議 5 日 審查 中央政府 嚴重 特殊 傳染性 肺炎 防治 及 紓困 振興 特別 預算案 綠 委 陳素月 質詢 時 提議 新冠肺炎 疫情 持續 蔓延 財政部 會 不 會 考慮 設立 特殊 病情 的 扣除額 給 民眾 減稅 財長 蘇建榮 備 詢 時 回應 扣除額 部分 涉及 修法 可說是 緩不濟急 因此 暫不 考慮 不過 他 也 強調 財政部 仍 會 採取 三大 措施 第一 是 提供 民眾 企業 分期 繳稅 只要 有 財務 困難 可 依照 稅捐稽征 法 第 26 條 規定 最 多 可 分 36 期 即為 三 年 繳納 第二 是 延緩 繳稅 期限 若 民眾 企業 因 被 隔離 而 錯過 繳稅 期限 可 依照 稅捐稽征 法 第 10 條 規定 最 多 可延長 繳稅 期限 一個 月 包括 4 月 的 使用 牌照稅 以及 5 月 的 房屋 稅 綜 所 稅 及 營 所 稅 等 都 包含 在內 只要 是 有 延期 繳納 需求 所有 民眾 公司 行號 都 可 提出 申請 國稅局 將 從寬 認定 第 三 則是 受 疫情 影響 而 休業 的 商家 在 暫停營業 的 期間 也 可以 免繳 營業稅</t>
  </si>
  <si>
    <t>新冠肺炎 臺灣 紓困 勞工 生活 補貼</t>
  </si>
  <si>
    <t>面對 一 波 波 持續 不斷 的 新冠肺炎 疫情 美國 烈焰紅唇 the flaming lips 樂團 仍 在 樂迷 簇擁 下 舉行 了 嗨 翻天 的 現場 演唱會 據 cnn 新聞網 18 日 報導 在 別出心裁 的 演唱會 裡 不僅 是 這 群 來自 奧克拉荷馬 市 oklahoma city</t>
  </si>
  <si>
    <t>新冠肺炎 the flaming lips 烈焰紅唇 泡泡 演唱會</t>
  </si>
  <si>
    <t>針對 未來 各種 類似 新冠肺炎 病毒 隨時 有 爆發 可能 海巡署 今天 動工 建造 的 第 2 艘 4000 噸級 專業 醫療 巡 防 艦 除 首創 負 壓 隔離病房 及 醫療 手術 室外 另于 普通 病床 增設 負 壓 隔離 罩 降低 交叉 感染 風險 保護 執勤 隊員 與 隨 艦 醫療 人員</t>
  </si>
  <si>
    <t>新冠肺炎 新冠 病毒 海巡署 新建 4000 噸</t>
  </si>
  <si>
    <t>臺灣 新冠肺炎 疫情 日益 嚴峻 染病 人數 破百 引發 民眾 恐慌 到 大 賣 場 搶購 囤 貨 加上 每天 新聞 不間斷 報導 疫情 新聞 有人 因 擔憂 而 身心 失調 心 悅 診所 院長 林宏彥 呼籲 只 要 做好 個人 防護 適度 轉移 注意力 即可 若 真的 太 過 恐慌 可</t>
  </si>
  <si>
    <t>臺灣 新冠肺炎 疫情 日益 嚴峻 染病 人數 破百 引發 民眾 恐慌 到 大 賣 場 搶購 囤 貨 加上 每天 新聞 不間斷 報導 疫情 新聞 有人 因 擔憂 而 身心 失調 心 悅 診所 院長 林宏彥 呼籲 只 要 做好 個人 防護 適度 轉移 注意力 即可 若 真的 太 過 恐慌 可向 身心 科 醫師 求助 林 宏 彥 說 人類 是 群體 動物 看到 大家 緊張 跟 著 緊 體 是 很 正常 的 不過 臺灣 目前 還 未 到 社區 傳染 政府 也 一直 在 調整 防疫 政策 雖然 仍 面臨 嚴重 挑戰 但 還 沒有 失控 所以 不 需 恐慌 囤 貨 購物 前 能 想想 哪些 是 自己 需要 的 物品 而非 因 恐慌 而 想要 的 現在 網路 電視 每天 鋪天蓋地 關於 疫情 的 資訊 及 新聞 轟炸 有人 因此 焦慮 沒 辦法 控制 自己 反 覆 思考 引發 失眠 胸 悶 心悸 等 狀況 影響 生活 林宏彥 建議 關掉 手機 電視 適當 喊 個 暫停 做 其他 事情 轉移 注意力 或 做 腹 式 呼吸 肌肉 放鬆 練習 來 讓 身心 放鬆 日常生活 也 儘量 維持 規律 不要 做 太 大 改變 也 可 試 著 訂 下 短期 目標 讓 自己 跳 脫 另外 網路上 很 多 關於 疫情 的 謠言 假 訊息 要 試 著 分辨 真偽 不 要 一 看到 就 轉 傳 除了 會 造成 社會 恐慌 也 可能 吃 上刑 責 他 建議 現在 只 要 做好 個人 防護 勤洗手 載 口罩 少 到 公共場所 或 參加 聚會 就 是 最好 的 防疫 若 有 親朋好友 被 居家 檢疫 或 隔離 可為 他們 加油打氣 適時 給與 關心 如果 還 是 很 憂慮 緊張 可到 身心 科 診所 就診 尋求 醫師 協助</t>
  </si>
  <si>
    <t>新冠肺炎 大 賣 場 搶購 囤 貨 身心 失調</t>
  </si>
  <si>
    <t>金管會 公佈 國銀 最新 獲利 狀況 由於 新冠肺炎 疫情 影響 全球 資本 市場 信心 及 波動 國銀 2020 年 5 月 稅 前 獲利 2723億 元 月 減 32億 元 或 105 年 減 591億 元 或 178 累計 1 5 月 稅 前 獲利 13862億 元 年 減 222億 元 或 138 衰</t>
  </si>
  <si>
    <t>金管會 公佈 國銀 最新 獲利 狀況 由於 新冠肺炎 疫情 影響 全球 資本 市場 信心 及 波動 國銀 2020 年 5 月 稅 前 獲利 2723億 元 月 減 32億 元 或 105 年 減 591億 元 或 178 累計 1 5 月 稅 前 獲利 13862億 元 年 減 222億 元 或 138 衰退 幅度 較 前 4 月 128 擴大 國 銀 2020 年 5 月 國內 總 分行 稅 前 獲利 1478億 元 月 減 達 184 年 減 達 237 國際金融 業務 分行 obu 985億 元 月 減 61 年 增 34 海外 分行 222億 元 月 增 達 589 但 年 減 達 442 中國 大陸 分行 38億 元 月 減 134 但 年 增 達 356 銀行局 副 局長 黃 光熙 分析 5 月 國 銀 獲利 再度 明顯 衰退 主因 新冠肺炎 對 市場 及 經濟 影響 加上 各國 疫情 變化 是否 爆發 第二 波 疫情 等 牽動 心理 及 景氣 致使 金融資產 帳面價值 及 投資 收益 雙雙 減少 而 國內 總 分行 及 海外 分行 增 提 備抵 呆帳 增加 亦 加大 獲利 衰退 幅度 累計 國銀 2020 年 1 5 月 國內 總 分行 稅 前 獲利 8054億 元 年 減 達 178 obu 為 4392億 元 年 增 22 海外 分行 1178億 元 年 減 達 342 衰退 幅度 最高 中國 大陸 分行 238億 元 年 增 達 192 成長 幅度 稱 冠各 分行 黃 光熙 表示 國銀前 5 月 獲利 衰退 主因 新冠肺炎 疫情 致使 國內外 資本 市場 劇烈 波動 導致 國銀 金融資產 帳面價值 減少 海外 分行 衰退 最 多 主因 利息 收益 減少 備抵 呆帳 增加 中國 大陸 則 受惠 投資 收益 增加 備抵 呆帳 提 列 減少 以及 比較 基期 較 低 所 致 國 銀 截至 5 月底 總 放款 餘 額 3062 兆 元 月 增 2421億 元 逾 放 金額 749億 元 月 增 12億 元 逾 放 比 024 持平 4 月 及 去年同期 備抵 呆帳 覆蓋率 56314 月 減 87 個 百分點 年 減 985 個 百分比 但 整體 備抵 呆帳 提 列 情形仍 屬 穩健</t>
  </si>
  <si>
    <t>新冠肺炎 疫情 擴散 衝擊 生產 與 買氣 3 月 4 月 面板廠 陸續 看到 客戶 縮減 訂單 其中 又 以 車載 面板 手機 面板 電視 面板 受到 的 影響 最 大 市場 預估 這 三大 應用 面板 今年 出 貨 都 將 有 5 10 的 衰退 幅度 先前 友達 董事長 彭雙浪</t>
  </si>
  <si>
    <t>新冠肺炎 疫情 擴散 衝擊 生產 與 買氣 3 月 4 月 面板廠 陸續 看到 客戶 縮減 訂單 其中 又 以 車載 面板 手機 面板 電視 面板 受到 的 影響 最 大 市場 預估 這 三大 應用 面板 今年 出 貨 都 將 有 5 10 的 衰退 幅度 先前 友達 董事長 彭雙浪 就 透露 目前 觀察 到 新冠肺炎 疫情 對於 市場 看到 明確 影響 的 就 是 汽車 2 月 大陸 汽車 銷售 只有 過去 的 10 分之 1 而且 汽車 產業鏈 長 牽涉 的 供應 鏈 管理 複雜 復工 需要 的 時間 也 比較 長 先前 大陸 車廠 關閉 接 著 3 月份 看 到 歐洲 車廠 也 關閉 各地 車廠 生產 喊停 也 影響 到 零 組件 需求 衝擊 車載 面板 依照 車廠 復工 的 變化 omdia 預估 今年 車載 面板 將 出現 83 甚至 是 13 的 衰退 幅度 封閉 管理 同樣 影響 電視 的 製造 和 銷售 歐洲 電視 生產 重鎮 斯洛伐克 波蘭 和 土耳其 等 地 以及 馬來西亞 泰國 電視 製造 都 減產 甚至 停產 特別 是 終端 市場 的 買氣 急凍 大部分 消費者 選擇 購買 糧食 和 衛生紙 等 民生 用品 使得 這些 消費性 電子產品 大幅 衰退 omdia 預估 今年 全球 電視 市場 相比 去年同期 將 衰退 87 此外 東京 奧運 等 大型 運動 賽事 延期 也 讓 備 貨 期待 落空 再 加上 韓國 面板廠 關 廠 出 貨 減少 今年 電視 面板 將 會 出現 兩位數 的 衰退 幅度 史 上 最高 智慧 型 手機 則 是 另 一個 重災區 市場 預估 第一 季 銷售 衰退 幅度 高 達 30 以上 omdia 顯示器 研究 總監 謝勤益 表示 今年 整體 手機 面板 出 貨 預估 會 有 兩位數 的 衰退 幅度 不過 oled 面板 還是 成長 主要 因為 越來越 多 手機 廠商 採用 越來越 多 oled 面板 而 lcd 手機 面板 會 有 很 大 幅度 的 衰退 謝勤益 強調 包括 筆 電 監視器 平板 電腦 等 it 面板 第二 季 需求 強勁 尤其 是 在 教育 與 企業 市場 因為 線 上 教學 work from home 使得 需求 增加 目前 面板 供不應求 預期 這 將 是 短期 需求 整 年度來看 it 產品 需求 受 消費市場 疲弱 影響 仍 比 原本 預期 少 5 左右 但 相較 於 電視 受 負面影響 程度較 少</t>
  </si>
  <si>
    <t>周玉蔻 好 心肝 診所 特權 新冠肺炎 遊淑慧</t>
  </si>
  <si>
    <t>醫護 防疫 新冠肺炎 護理 師 皺褶</t>
  </si>
  <si>
    <t>新冠肺炎 臺灣 副 機師 訪友 80萬</t>
  </si>
  <si>
    <t>疫苗 孫大千 陳時中 新冠肺炎 衛福部</t>
  </si>
  <si>
    <t>新冠肺炎 出現 變形 種 病毒 專家 提醒 季節 越 冷 容易 發生 病毒感染 民眾 務必 做好 勤洗手 戴好 口罩 等 5 重點 自主 防疫 新竹縣政府 也 加強 社區 防疫 宣 導 並 在 住宿 型 老人 福利 機構 啟動 示範 演練 及 觀摩 新 竹馬 偕 醫院 去年 3 月 投入 百</t>
  </si>
  <si>
    <t>新冠肺炎 疫情 來勢洶洶 北美 四大 職業 賽會 嚴陣以待 除了 宣佈 諸多 措施 外 正 在 賽季 期間 的 nba 有 可能 決定 閉門 比賽 也 就 是 兩 隊 在 沒有 觀眾 與 球迷 的 狀態 下 開 打 湖 人 當家 球星 詹姆斯 在 得知 消息 後 直言 如果 閉門 比賽 那 他</t>
  </si>
  <si>
    <t>新冠肺炎 疫情 來勢洶洶 北美 四大 職業 賽會 嚴陣以待 除了 宣佈 諸多 措施 外 正 在 賽季 期間 的 nba 有 可能 決定 閉門 比賽 也 就 是 兩 隊 在 沒有 觀眾 與 球迷 的 狀態 下 開 打 湖 人 當家 球星 詹姆斯 在 得知 消息 後 直言 如果 閉門 比賽 那 他 將 拒絕 上場 即便 被 開 罰 也 不 後悔 nba 有 可能 會 在 美國 當地 週三 下午 舉行 球 團 會議 討論 如何 對抗 疫情 部分 球 團 認為 疫情 愈來愈 嚴峻 聯盟 有 可能 做出 極端 決定 那 就 是 清 場 閉門 比賽 某 球 團 高層 透露 這項 決定 不是 針對 詹姆斯 而是 新冠肺炎 疫情 是 全美 重大 公共 衛生事件 在 人民 生命安全 的 前提 下 一切 必要 的 決定 都 是 可行 的 另 一 位 球 團 高層 表示 目前 看來 短 時間 內 是 無法控制 好 新冠肺炎 疫情 的 擴散 這次 疫情 的 影響 有 可能 延續 到 下 一個 賽季 詹姆斯 強調 我 是 為了 球迷 而 比賽 如果 整場 比賽 沒有 觀眾 入場 的話 那 我 也不 會 出現 在 球場上 拓荒者 球星 利 拉德 說 沒有 球迷 的 比賽 乾脆 在 訓練場 進行 就 可以 了 何必 大費周章 還要 到 比賽場 去 呢 詹姆斯 的 話 很 有 道理 如果 閉門 比賽 還 有 什麼 意義 啊</t>
  </si>
  <si>
    <t>閉門 比賽 新冠肺炎 詹姆斯</t>
  </si>
  <si>
    <t>世衛組織 將 在 日內瓦 舉辦 新冠肺炎 專家 會議 臺灣 將 以 taipei 臺北 名義 參與 視 訊 會議 引發 外界 議論 擔憂 是否 有 矮 化 之 嫌 對此 外交部 發言人 歐 江安 表示 由於 有 簽訂 保密 協定 政府 不能 透露 臺灣 要以 何種 名稱 參與</t>
  </si>
  <si>
    <t>趕在 新冠肺炎 國產 疫苗 高端 二期 解 盲 前 幾 個 小時 衛福部 食 藥 署 10 日 上午 首度 公佈 國產 疫苗 緊急 使用 授權 eua 2 項 技術 準則 不過 台大醫院 臨床 試驗 中心 主任 陳建煒 對 本報 表示 我 只能 說 這 絕對 不是 國際標準 其他 讓 衛</t>
  </si>
  <si>
    <t>趕在 新冠肺炎 國產 疫苗 高端 二期 解 盲 前 幾 個 小時 衛福部 食 藥 署 10 日 上午 首度 公佈 國產 疫苗 緊急 使用 授權 eua 2 項 技術 準則 不過 台大醫院 臨床 試驗 中心 主任 陳建煒 對 本報 表示 我 只能 說 這 絕對 不是 國際標準 其他 讓 衛福部 自己 向 國人 解釋 他 表示 如果 是 去年 10 月 全球 都 沒有 疫苗 人心惶惶 之際 訂 出 這樣 的 標準 他 沒 話說 但 今年 2 月 全球 已經 有 4 支 有效 的 疫苗 那 食 藥 署 遲至 6 月 才 訂 出 的 技術 準則 是不是 應該 要 有 新 的 思考 去年 10 月 食 藥 署 宣佈 將 比照 美國 訂 出 緊急 授權 條件 只要 藥廠 第二 期 臨床 試驗 受試者 達 3千 人 且 追蹤 1 個 月 確認 安全性 和 有效性 後 就 可先 量 產 100萬 劑 給 國內 高風險 族群 使用 今年 3 月 陳建煒 寫 了 一 篇文章 臺灣 疫苗 進度 落後 沒面子 國產 疫苗 不要 急 著 上路 表示 食 藥 署 沒 說 清 何謂 有效性 因為 產生 中和抗體 不 等於 有 療效 疫苗 更 重要 的 是 能 預防 感染 尤其 是 感染 重症 因此 英美 及 歐盟 核准 eua 的 條件 都 不是 看 中和 抗體 而是 看 保護 力 陳建煒 說 去年 10 月 臺灣 根本 沒有 社區 感染 打 疫苗 的 沒有 重症 不 打 疫苗 的 也 沒有 重症 合理 的 推測 只 能 以 中和 抗體 做為 有效性 指標 且 當時 全球 沒有 任何 疫苗 被 證實 能 預防 重症 各國 人心惶惶 他 對 食 藥 署 的 準則 雖 抱 持 懷疑 但 仍 予以 尊重 不過 今年 3 月 時空 背景 已經 完全 不同 全球 至少 已 有 4 支 疫苗 有 療效 實證 但 食 藥 署 一直 沒有 進一步 訂 定 eua 技術 準則 此次 高端雙 盲 試驗 是 有 打 疫苗 跟 只 打 安慰 劑 的 比較 食 藥 署 10 日 宣佈 的 eua 技術 準則 是 看 國產 疫苗 組 跟 az 疫苗 組 的 血清 中和 抗體 如何 看 這項 標準 陳建 煒 笑 說 他 只能 說 這個 絕對 不是 國際標準 這樣 講 很 清楚 了 吧 而且 這不 是 我 一個 人的 意見 專長 是 疫苗 上市 後 評估 的 陳建煒 說 臨床 二期 是 做 安全性 三期 是 做 保護 力 醫學 文獻 及 醫療 產品 發展 過程 中 理論 上 有效 初期 人體 試驗 有效 但 大規模 臨床 試驗 發現 是 無效 或 有害 的 案例 太 多 了 再 具有吸引力 的 理論 還 是 需要 大規模 臨床 試驗 加以 驗證 這 才是 近代 實證 醫學 的 精神 陳建煒 說 為何 看中 和 抗體 效價 就 足夠 這 是 衛福部 決定 的 標準 要 由 衛福部 跟 全體 國人 解釋 他 強調 去年 10 月 訂 下 的 標準 到 今年 就 應該 修正 因為 面對 的 情況 大不相同 國產 疫苗 想要 進軍 國際 就 應該 做 第 三期 試驗 身 為 一個 長期 規劃 的 疫苗 公司 都 應該 這樣 想 這 是 產業 發展 的 合理 方向</t>
  </si>
  <si>
    <t>疫情 新冠肺炎 經濟 衝擊 問題</t>
  </si>
  <si>
    <t>陳建仁 新冠肺炎 接觸 史 隔離 cnn</t>
  </si>
  <si>
    <t>自從 新冠肺炎 爆發 以來 北 韓 1 月 23 日 宣佈 封鎖 朝鮮 與 大陸 邊境 由於 長 時間 受到 世界 的 經濟制裁 民生 物資 短缺 3 月 時 曾 短暫 開放 邊境 從 大陸 進口 醫療 物資 口罩 等 資源 有 位 北 韓 官員 太 想 吃 辛 拉麵 私下 闖 關 卻 被 海關 攔截</t>
  </si>
  <si>
    <t>新冠肺炎 nba 複賽 拉斯維加斯 迪士尼</t>
  </si>
  <si>
    <t>資本 市場 因 新冠肺炎 疫情 變更 得 更 難 預測 再 加上 全球 降息 金管會 落實 新一輪 監理 壽險業 今年 不是 拼 獲利 多 而是 拼 淨值 蒸發 不 多 經常性 收益率 recurring yield 減少 不 多 及 避險 成本 不 多 只有 做到 這 三不 多 才</t>
  </si>
  <si>
    <t>資本 市場 因 新冠肺炎 疫情 變更 得 更 難 預測 再 加上 全球 降息 金管會 落實 新一輪 監理 壽險業 今年 不是 拼 獲利 多 而是 拼 淨值 蒸發 不 多 經常性 收益率 recurring yield 減少 不 多 及 避險 成本 不 多 只有 做到 這 三不 多 才能 穩住 今年 的 獲利 表現 去年 股 債 多頭 壽險業 獲利 創 歷史 新高 有 1535億 元 且 帳 上 金融資產 未 實現 亦 達 歷史 高點 淨值 項下 有 3300 多 億 元 攤 銷 後 成本 項下 亦 有 9千 多 億 元 債券 評價 利益 壽險業 去年底 亦 保留 大量 現金 及 類 現金 部位 共 1 兆 8778億 元 比 前年 底 增加 近 7300億 元 就是 為了 在 年初 等待 新一輪 投資 機會 壽險業 者 坦言 大家 都 預期 資本 市場 走 太 久 多頭 遲早 會 回檔 整理 但 沒有 預料到 新冠肺炎 肆虐 造成 資本 市場 波動 壽險 手中 股 債 價格 都比 去年底 大幅 減少 到 6 月底 就 看 誰 淨值 掉 的 最少 誰 的 資本 適足 率 及 淨值 比 能 維持 在 安全 水位 影響 後續 保單 競爭力 其次 各國 央行 競相 降息 國際 板 債券 出現 贖 回潮 若 如 預期 今年 贖回 12 兆 元 左右 再 投資 新 的 債券 利率 下降 則 代表 壽險業 克服 利差 損 的 重要 指標 經常性 收益率 在 今年 可能 下降 即 又 出現 利差 損 問題 所以 各 壽險 公司 現在 想 辦法 抓住機會 要 投資 較 高 利率 的 債券 如 3 月中 信用風險 升高 部分 公司 債 利率 攀 高 壽險業 者 即 進場 加碼 力求 今年 經常性 收益率 不要 掉 太 多 甚至 持平 或 微幅 成長 第 三 是 經常性 收益率 可能 減少 各 壽險 公司 就 拼 避險 成本 哪家 公司 能 維持 愈 低 的 避險 成本 則 避險 後 經常 收益率 還 是 可能 比 去年 高 那 獲利 依舊 能 成長 依舊 可望 有 利差 益 金管會 今年 多 項 政策 上路 並 將 嚴格要求 保單 不得 虧損 各 壽險 公司 必須 穩住 投資 報酬率 才能 穩住 保單 競爭力 所以 淨值 掉 不 多 經常性 收益率 減得 不 多避險 成本 不 多 必須 達到 三不 多 新 契約 保費 才能 衰退 得 不 多</t>
  </si>
  <si>
    <t>新冠肺炎 臺灣 嘉義 警 消 施打</t>
  </si>
  <si>
    <t>新冠肺炎 疫情 蔓延 全球 建 商 卻 逆勢 購 地 據 最新 統計 光是 興富 發 集團 首季 就 大手筆 掃 貨 147億 囊括 單季 土地 市場 交易 總額 478億 元 的 三 成 預期 第一 季 封關 之際 下 周 30 日 登場 的 世貿 三 館 地上權 標售 案 脫標 氛圍 濃厚 屆</t>
  </si>
  <si>
    <t>新冠肺炎 疫情 蔓延 全球 建 商 卻 逆勢 購 地 據 最新 統計 光是 興富 發 集團 首季 就 大手筆 掃 貨 147億 囊括 單季 土地 市場 交易 總額 478億 元 的 三 成 預期 第一 季 封關 之際 下 周 30 日 登場 的 世貿 三 館 地上權 標售 案 脫標 氛圍 濃厚 屆時 單季 成交 金額 可望 突破 700億 元 大關 第一 太平 大衛斯 董事長 黃瑞楠 表示 儘管 新冠肺炎 疫情 升溫 但 建 商 對 房市 還 是 抱 持 高度 信心 買 地 毫不手軟 第一 太平 大衛斯 24 日 公佈 最新 調查 指出 不少 建 商 預期 疫情 獲得 控制 之後 住宅 市場 的 遞 延 買氣 將 迅速 回流 因此 積極 補 進 土地 庫存 目前 全台 累計 土地交易 金額 已 達 478億 元 季增 率 3 年 減 率 25 其中 建 商 購 地 就 占 431億 元 本 季 獵 地王 非 興富 發 集團 莫屬 今年 迄今 購 地 金額 已 達 147億 遙遙領先 同業 占 478億 元 比例 高達三 成 其中 興富 發 以 8376億 標 得 達 新 工業 的 台中 七 期 土地 改寫 台中 土地 最高 總價 紀錄 另 遠 雄 建設 新 潤 建設 分別 斥資 47億37億 元 購入 臺北市 土地 值得 關注 的 是 興富 發 大手筆 搶 地 又 埋 下 伏筆 日前 董事會 已 決議 授權 董事長 在 全台 六都 基隆 新竹 進行 個案 投標 開發 授權 總額度 達 100億 元 預期 將 再度 展開 攻城掠地 至於 首季 兩 大 土地 熱門 熱區 為 台中 市 及 臺北市 土地交易 金額 分別 為 162億 元 154億 元 另外 首季 商用 不動產 市場 交易 總額 為 68億 元 比 去年同期 大幅 萎縮 七 成 黃瑞楠 表示 新冠肺炎 疫情 延 燒 至今 企業 專心 於 防疫 部署 及 調派 供應 鏈 原 物料 和 產能 影響 不動產 購置 計 畫 的 評估 速度 若 全球 疫情 獲得 控制 科技 及 製造業 為 求 穩定 營運 及 分散 風險 預期 將 加速 佈局 回台 投資 商 辦 及 工業 土地 廠房 類型 的 硬 需求 資產 可望 在 2020 年 下半年 逐步 回溫</t>
  </si>
  <si>
    <t>前 總統 馬英九 近日 針對 蔡 政府 以 防疫 為由 一直 未能 接回 滯留 在 大陸 的 臺胞 提出 批評 認為 違反 人權 但 除了 綠 營 不 買 單 連藍 營 自家人 馬英九 自家 老 部屬 前 衛生 署長 葉 金川 認為 防疫 是 專業 馬 非此 方面 專家 不應 多 談 對此 馬 回應 他 談 的 是 兒童 人權 該 講 的 還是 要 講 中 時 新聞網 特 舉辦 ivoting 網路 投票 請問 網友 針對 新冠肺炎 防疫 馬英九 是否 應 發表意見 截至 29 日 晚間 8 30 許 共計 有 2268 人 投票 仍 有 高 達 1535 票 占 投票 數 將近 68 的 人 認為 蔡 政府 罔 顧 臺胞 權益 當然 可以 發表意見 只 有 720 票 占 投票 數 31 的 人 認為 防疫 是 專業 馬英九 不 應該 發表意見</t>
  </si>
  <si>
    <t>死亡 個案 慢性病 確診 新冠肺炎 臺灣</t>
  </si>
  <si>
    <t>用 新冠肺炎 表述 陸委會 扮 兩岸 安全閥</t>
  </si>
  <si>
    <t>新冠肺炎 疫情 發生 後 我方 經常 因 防疫 問題 與 大陸 發生 不少 口 水戰 但 期間 陸委會 卻 始終 扮演 著 安全閥 的 角色 從 陸委會 主委 陳明 通 小 明 的 故事 到 近日 陸委會 發言人 邱垂正 在 記者會 上 直接 使用 新冠肺炎 一 詞</t>
  </si>
  <si>
    <t>歐陽娜 娜 大陸 人 對岸 國慶 新冠肺炎</t>
  </si>
  <si>
    <t>新冠肺炎 疫情 衝擊 企業 獲利 2020 年 全球 企業 派息 料 將 萎縮 15 以上</t>
  </si>
  <si>
    <t>最新 公佈 的 駿利 亨德森 全球 股利 指數 新冠肺炎 疫情 幾乎 未 對 今年 第一 季 的 企業 派息 表現 造成 任何 影響 但是 今年 剩 餘 的 時間 裡 將 面臨 顯著 的 衝擊 故此 第一 季高 水準 的 指數 表現 只 是 暫時 的 現象 以 整體 派息 而言 第一 季 全球</t>
  </si>
  <si>
    <t>最新 公佈 的 駿利 亨德森 全球 股利 指數 新冠肺炎 疫情 幾乎 未 對 今年 第一 季 的 企業 派息 表現 造成 任何 影響 但是 今年 剩 餘 的 時間 裡 將 面臨 顯著 的 衝擊 故此 第一 季高 水準 的 指數 表現 只 是 暫時 的 現象 以 整體 派息 而言 第一 季 全球 企業 派息 規模 成 長 36 至 2754億 美元 同 時間 基礎 派息 成長率 為 43 美國 與 加拿大 的 派息 規模 均 寫下 史上 單季 新高 日本 香港 與 俄羅斯 則 打破 歷年來 第一 季 的 最高 紀錄 第一 季 駿利 亨德森 全球 股利 指數 上升 至 1963 點 並 寫 下 歷史 新 高 駿 利 亨德森 評估 在 樂觀 的 情況 下 2020 年 全球 企業 派息 規模 預估 下滑 15 至 121 兆 美元 派息 金額 較 去年 減少 2130億 美元 在 悲觀 的 情況 下 今年 全球 企業 派息 將 減少 35 派息 金額 僅剩 9330億 美元 為了 評估 新冠肺炎 疫情 對於 2020 年 企業 派息 的 影響 程度 駿利 亨德森 針對 全球 四 分之三 的 派息 企業 依據 派息 金額 計算 深度 分析 研究 團隊 將 這些 派息 企業 分成 三大 類 已經 取消 或是 暫停 發放 股息 的 企業 派息 易 受 影響 的 企業 以及 派息 最 不容易 受到 影響 的 企業 新冠肺炎 疫情 對於 各個 區域 與 各個 產業 的 派息 影響 程度 大不相同 但是 所有 企業 的 派息 都 受到 以下 主要 因素 的 考驗 疫情 的 嚴重 程度 疫情 會 擴散 到 什麼 程度 禁 足 令 的 影響 程度 對於 經濟 活動 的 傷害 有多深 刺激 政策 政府 與 央行 對 企業 與 經濟 活動 祭出 哪些 刺激 政策 法規 層面 主管機關 對於 企業 的 要求 例如 對 銀行 產業 有 多 嚴格 產業 組成 股市 當中 易受 疫情 影響 的 產業 占比 有 多少 不易 受 影響 的 占比 為 何? 派息 的 季節性 派息 的 季節性 有 多 明顯 季節性 的 影響 是否 無可避免 派息 政策 派息 占 企業 獲利 的 比例 有 多 高 企業 傾向 固定 的 派息 比例 還是 漸進 成長 的 派息 政策 北美 與 亞洲 企業 派息 受到 的 影響 料 將 最小 但是 背後 原因 各不相同 北美地區 的 產業 組成 較為 有利 科技產業 占 大宗 且 企業 為了 保留 現金 通常 傾向 選擇 減少 買 回 庫藏 股 而 不是 刪減 股息 在 大陸 與其 他 亞洲 國家 2020 年 的 派息 取決 於 2019 年 的 獲利 表現 因此 疫情 對於 派息 造成 的 影響 料 將 在 2021 年 變 得 更加 顯著 另一方面 英國 與 歐洲 企業 派息 受到 的 影響 最深 政府 主管機關 強制 要求 銀行 停 發 股息 且 大型 石油 企業 與 各 大 企業 亦 已 減少 派息 以 各個 產業 而言 銀行 非核心 消費 與 特定 工業 類 企業 例如 航 太 的 派息 面臨 最 大 的 威脅 儘管 原油 採礦 金融 與 營建 產業 的 派息 普遍 容易 受到 衝擊 但是 投資人 仍 可 在 科技產業 之中 發掘 相對 安穩 的 派息 來源 此外 防禦 性 產業 例如 健康 照 護 食品 與 多數 基本 消費 產業 其 派息 亦 相對 較為 穩健 但是 不含 極度 仰賴 餐廳 與 酒吧 的 飲料業 者 面對 如此 龐大 的 不 確定性 任何 派息 的 預測 並 沒有 太 大 的 實質 意義 因此 駿利 亨德森 決定 撤回 其 對 2020 年 的 預估 儘管如此 研究 團隊 仍 針對 最好 及 最壞 的 情境 評估 協助 投資人 一 窺 2020 年 的 派息 前景 在 樂觀 的 情況 下 僅 有 那些 已 宣佈 刪減 股息 或是 極 可能 刪減 股息 的 企業 會 在 今年 調 降 股息 在 此 情況 下 今年 全球 企業 派息 將 下降 15 至 121 兆 美元 減少 的 派息 金額 約 2130億 美元 在 悲觀 的 情況 下 所有 體質 脆弱 的 企業 都 會 刪減 派息 屆時 今年 全球 企業 派息 將 下降 35 至 9330億 美元 從 上述 這 兩 種 情境 的 顯著 差異 可知 眼前 這 場 疫情 危機 仍 在 快速 變化 中 但是 整體而言 企業 應該 只 會 調 降 派息 的 金額 不至於 完全 停 發 股息 因為 它們 希望 節省 現金 並 加強 資產負債表 此外 今年 疫情 帶來 的 部分 影響 將 延續 至 2021 年 屆時 企業 派息 規模 料 將 低於 疫情 發生 前 的 預估 結果 儘管 部分 債臺高築 的 企業 可能 無力 因應 如此 突然 且 劇烈 的 經濟衰退 但是 考量 目前 企業 整體 的 負債 程度 接下來 只要 全球 確診 案例 過 了 高峰期 各種 封城 令 與 禁 足 令 告一段落 且 全球 經濟 活動 開始 回復 正常 並 復蘇 多 個 產業 應可 在 2021 年 回復 派息 部分 企業 為了 保留 現金 並 強化 資產負債表 可能 會 選擇 刪減 股息 停 發 股息 以及 發行股票 增資 駿 利 亨德森 亞洲 股息 收益 策略 的 共同 經理 人 sat duhra 表示 儘管 面臨 史 上 最為 艱钜 的 企業 經營 環境 但是 亞洲 企業 的 派息 持續 展現 韌性 儘管 前所未見 的 市場 壓力 迫使 其他 國家 調整 派息 政策 但是 亞洲 企業 似乎 正 進入 復蘇 的 階段 派息 表現 受到 的 影響 相對 較 小 值得注意 的 是 北亞 的 派息 表現 顯著 改善 多數 國家 在 第二 季 宣佈 亮 眼 的 派息 數位 且 部分 國家 的 派息 甚至 名列 亞洲 前茅 因此 我們 預期 派息 的 波動 幅度 相對 較 低 儘管 企業 獲利 前景 走 下坡 全球 經濟 充滿 不 確定性 導致 大 企業 壓低 派息 比例 但是 整體 企業 的 營運 前景 似乎 比 原先 預期 地 更 有 韌性 儘管 可能 還 是 會 有 些 意料 之外 的 負面 事件 因此 未來 企業 派息 應有 進一步 的 成長 空間</t>
  </si>
  <si>
    <t>香港 紙 鈔 新冠肺炎 新冠 病毒 全球</t>
  </si>
  <si>
    <t>相較 于 歐美國家 印度 新冠 疫情 算是 輕微 但 一 段 在 網路上 瘋 傳 的 影像 卻 令 印度 人 又 驚惶 又 憤怒 孟買 sion 醫院 的 新冠肺炎 病人 病床 附近 赫然 擺 著 多 具 無人認領 的 新冠 死者 遺體 輿論 大 嘩 憂慮 醫療 體系 一旦 無法 負荷 而 崩 盤</t>
  </si>
  <si>
    <t>相較 于 歐美國家 印度 新冠 疫情 算是 輕微 但 一 段 在 網路上 瘋 傳 的 影像 卻 令 印度 人 又 驚惶 又 憤怒 孟買 sion 醫院 的 新冠肺炎 病人 病床 附近 赫然 擺 著 多 具 無人認領 的 新冠 死者 遺體 輿論 大 嘩 憂慮 醫療 體系 一旦 無法 負荷 而 崩 盤 疫情 將 難以 收 十 而 該院 院長 已經 遭到 降職 outraged to see corpses laid beside the sick at sion hospital why isn t @mybmc following @who-prescribed protocols when disposing of #covid 19 corpses public hospital staff are doing their best with limited resources at hand mumbai s administration needs to step up now pic twitter com murunsiyfc 影片 顯示 屍體 被 以 黑色 塑膠包 覆 就 擺在 正在 接受 治療 的 病人 鄰 床 而 病人 家屬 也 在 病房 裡 走來走去 屍體 就 在 旁邊 相當 驚 悚 畫面 曝光 後 大眾 怒火中燒 許多 民眾 更 擔心 萬一 確診 不斷 升高 地方 政府 恐怕 無法 負荷 這家 醫院 的 慘狀 就 可能 上演 最後 醫療 體系 勢必 崩 盤 院長 印格裡 怒 批 都 是 家屬 的 錯 因為 法律 規定 新冠肺炎 病人 在 宣 告 死亡 30 分鐘 內 必須 被 移 走 他 解釋 屍體 還 在 病房 是因為 停 屍 間 已 滿 他 坦言 法律 沒有 明確 規範 醫院 該 怎麼 處置 無人認領 的 遺體 印 格裡 遭 降職 後 新任 院長 巴爾瑪爾 告訴 英國 衛報 這種 事 不 會 再 發生 問題 的 癥結 在 教育 人們 都 必須 瞭解 新冠肺炎 的 真相</t>
  </si>
  <si>
    <t>印度 新冠肺炎 疫情 孟買</t>
  </si>
  <si>
    <t>蘇貞昌 新冠肺炎 打 第二 劑 臺灣 疫苗</t>
  </si>
  <si>
    <t>藥 商 測試 血漿 療法 抗 新冠肺炎</t>
  </si>
  <si>
    <t>美國 衛生 研究院 nih 轄下 國家 過敏 和 傳染病 研究所 niaid 表示 包含 日本 武田 製藥 等 多 家 藥 商 已 開始 對 住院 的 新冠肺炎 病 患 測試 一 套 臨床 實驗性 的 血漿 療法 即 從 康復者 身上 抽取 愈 後 血漿 利 用 血 中 抗體 製成 治療 藥物</t>
  </si>
  <si>
    <t>美國 衛生 研究院 nih 轄下 國家 過敏 和 傳染病 研究所 niaid 表示 包含 日本 武田 製藥 等 多 家 藥 商 已 開始 對 住院 的 新冠肺炎 病 患 測試 一 套 臨床 實驗性 的 血漿 療法 即 從 康復者 身上 抽取 愈 後 血漿 利 用 血 中 抗體 製成 治療 藥物 niaid 週四 表示 正 資助 這 套 療法 研究 向 500 名 來自 非洲 亞洲 歐洲 北美 和 南美洲 等 18 個 國家 的 住院 病 患 進行 測試 研究員 希望 康復者 的 血 中 抗體 能 加強 病 患 免疫系統 和 協助 消滅 病毒 傳染 力 測試方法 是 用 愈 後 血漿 所 制 藥物 跟 吉立亞 醫藥 gilead sciences 的 抗 病毒 藥物 瑞德西韋 remdesivir 合併 使用 然後 拿 來 與 瑞德 西德 和 安慰 劑 的 使用 結果 做 比較 參與 這次 研究 的 藥 商 組成 名 為 covig 血漿 聯盟 包括 武田 製藥 西班牙 基 立 福 grifols 美國 emergent biosolutions 和 csl behring 等 負責 收集 愈 後 血漿 和 提供 抗 病毒 的 抗體 來 製造 測試 藥 聯盟 內 的 德國 biotest 和 octapharma 等 負責 從 愈 後 血漿 中 製造 超級 免疫 球蛋白 niaid 強調 其 研究 跟 之前 的 愈 後 血漿 療法 不同之處 是 其 測試 藥 內含 抗 新冠肺炎 的 抗體 量 為 一般 血漿 療法 的 好幾 倍 研究員 把 藥 商 收集 來源 不同 的 愈 後 血漿 淨化 濃縮 血 中 抗體 來 製造 超級 免疫 球蛋白 csl 首席 醫藥 長 梅茲紮洛 堤 bill mezzanotte 希望 在 年底 前 能 透過 這次 臨床實驗 取得 所 需要 資料 武田 製藥 表示 有 跡象 顯示 像 超級 免疫 球蛋白 等 療法 有效 治療 嚴重 的 病毒 性 呼吸道 感染 美國 主管機關 8 月 也 授權 可 緊急 使用 愈 後 血漿 來 治療 重症 病 患 但 世界衛生組織 who 對此 療法 態度 謹慎 因為 證據 顯示 其 治療 效果 低品質 由於 愈 後 血漿 很 稀少 covig 不斷 呼籲 康復者 考慮 捐 出 自己 的 血漿</t>
  </si>
  <si>
    <t>受到 新冠肺炎 疫情 升溫 與 企業 延期 復工 影響 大陸 249 家 赴美 上市 的 中 概 股 在 1 月 24 日 至 3 月 12 日 期間 共有 219 家 公司 總 市值 下滑 其中 因 大陸 汽車產業 重鎮 湖北省 為 疫情 重災區 拖累 中 概 股 汽車 股 重跌 二手車 電 商 平臺 優 信</t>
  </si>
  <si>
    <t>受到 新冠肺炎 疫情 升溫 與 企業 延期 復工 影響 大陸 249 家 赴美 上市 的 中 概 股 在 1 月 24 日 至 3 月 12 日 期間 共有 219 家 公司 總 市值 下滑 其中 因 大陸 汽車產業 重鎮 湖北省 為 疫情 重災區 拖累 中 概 股 汽車 股 重跌 二手車 電 商 平臺 優 信 電動車 廠商 蔚來 汽車 雙雙 重創 2018 年 2019 年 大陸 汽車 產銷量 連續 兩 年 衰退 2020 年初 的 肺炎 疫情 更 造成 湖北省 汽車 產業鏈 停 擺 出現 斷 鏈 危機 中國汽車工業協會 日前 公佈 2 月份 大陸 汽車 工業 資料 顯示 該 月 產銷量 雙雙 下滑 分別 為 285萬 輛 31萬 輛 年 減 798 791 大陸 汽車業 遭 疫情 痛擊 影響 美 股 的 汽車 中 概 股 優 信 13 日 美 股 收盤報 172 美元 大 漲 683 但 受到 疫情 影響 該 股 自 1 月 24 日 以來 市值 累計 暴跌 298 蔚來 汽車 13 日 收 報 311 美元 下跌 064 疫情 期間 累計 重 挫 更 達 35 騰訊 財經 14 日 報導 指出 除了 汽車業 之外 另 一 重災區 為 互聯網 金融業 近 兩 年 大陸 互聯網 金融業 歷經 官方 整頓 政策 環境 的 不 確定 多 家 網 貸 機構 經營 滯緩 疫情 期間 以 消費 金融業務 為主 的 大陸 互聯網 金融 公司 短期 放貸 規模 減少 業績 普遍 下滑 除了 中 概 股 玖 富 外 1 月 24 日 至 3 月 12 日 在 美 上市 的 多 家 大陸 互聯網 金融 公司 累計 跌幅 均 在 20 以上 至於 期間 跌幅 最 大 的 美 股 中 概 股 為 臨床 前 階段 製藥 公司 知 臨 集團 該 公司 自 1 月 24 日 以來 累計 重 挫 817 另一方面 受到 大陸政府 停課 不 停學 政策 帶動 中 概 股 線 上 教育 股 業績 持續 高漲 市值 增幅 前 20 大中 概 股 中 教育 公司 占四家 其中 51 talk 網易 有道 跟 誰 學是線 上 教育 公司 另 一 企業 安博 教育 則 涉及 基礎教育 職業教育 與 企業 培訓</t>
  </si>
  <si>
    <t>新冠肺炎 疫情 肆虐 全球 根據 美國 約翰霍普金斯大學 johns hopkins university 統計 隨 著 歐美 疫情 肆虐 全球 新冠肺炎 確診 人數 今天 正式 突破 百萬 人 臺灣 時間 今天 清晨 4 點 15 分 為止 全球 確診 1百萬2159 人 全球 新冠 病故</t>
  </si>
  <si>
    <t>新冠肺炎 疫情 肆虐 全球 根據 美國 約翰霍普金斯大學 johns hopkins university 統計 隨 著 歐美 疫情 肆虐 全球 新冠肺炎 確診 人數 今天 正式 突破 百萬 人 臺灣 時間 今天 清晨 4 點 15 分 為止 全球 確診 1百萬2159 人 全球 新冠 病故 人數 也 突破 5萬 來到 5萬1485 人 根據 美國 約翰霍普金斯大學 官 網 美國 是 全球 確診 個案 最 多 的 國家 已 確診 23萬6339 人 其次 是 義 大利 11萬5242 人 西班牙 及 德國 分別 以 11萬0238 及 8萬4600 人 緊隨其後 中國 大陸 8萬2432 人 名列 第 5 新冠 死亡 人數 統計 義 大利 1萬3915 人 排名 第一 其次 依 序 為 西班牙 1萬0096 人 美國 5648 人 法國 4514 人 中國 大陸 3322 人 美國 新冠 疫情 嚴峻 美國 副 總統 彭斯 更 稱 美國 的 疫情 走勢 將 與 重災區 義 大利 類似 川普 政府 正 準備 面對 大量 平民 死亡 局面 五角大廈 已 著 手 籌備 10萬個 軍用 屍 袋 供 死者 之用</t>
  </si>
  <si>
    <t>貝克漢 隔離 臺灣人 求援 新冠肺炎</t>
  </si>
  <si>
    <t>新冠肺炎 疫情 在 全台 大 爆發 全民 防疫 不能 出門 金融業 力推 數位 金融服務 但 政治 大學 風險管理 與 保險學 系 教授 林建 智 提醒 疫情 造就 兩 大新 弱勢 包括 因 疫情 影響 財務 工作 收入 受到 衝擊 的 人 it 小 白 沒 手機 電腦 不 愛 上</t>
  </si>
  <si>
    <t>新冠肺炎 肆虐 臺灣 連續 2 天 新增 個案 零 確診 除了 有賴 中央 統籌 指揮 外 各縣市 首長 更 扮演 起 防疫 的 關鍵 角色 根據 媒體 最 新民 調 顯示 六都 首長 防疫 措施 新北 市長 侯友宜 以 883 的 超高 滿意度 拿下 第一 獲得 最 多 民眾</t>
  </si>
  <si>
    <t>新冠肺炎 av 產業 也 跟風 新型 態 災難 片 誕生</t>
  </si>
  <si>
    <t>新冠肺炎 讓 許多 產業 出現 新 變革 連 av 業 界 也 得 順應時勢 引發 一 串 新 流行 的 跟風 網站 decider 顯示 在 3 月 4 日 左右 人氣 a 片 網站 pornhub 以 新冠肺炎 coronavirus 做為 關鍵字 的 影片 就 有 115 件 而 影片 的 內容</t>
  </si>
  <si>
    <t>av 新冠肺炎 產業 跟風 災難 片</t>
  </si>
  <si>
    <t>外籍 看護 北港鎮 雲 林縣 臺灣 新冠肺炎</t>
  </si>
  <si>
    <t>新冠肺炎 臺灣 實驗室 中研院 老鼠</t>
  </si>
  <si>
    <t>新冠肺炎 臺灣 勞動部 安心 即時 上工 鍾 佳 濱</t>
  </si>
  <si>
    <t>新冠肺炎 臺灣 預約 系統 疫苗 預約 資格</t>
  </si>
  <si>
    <t>臺灣 美國政府 捐贈 莫德納 新冠肺炎</t>
  </si>
  <si>
    <t>疫苗 第 三 劑 臺灣 新冠肺炎 以色列</t>
  </si>
  <si>
    <t>黃宥嘉 眼科醫生 捷 運 新冠肺炎 臺灣</t>
  </si>
  <si>
    <t>新冠肺炎 嚴重 肆虐 全球 疫情 接連 在 歐美各國 迅速 擴散 開來 傳出 包含 美國 和澳洲 等 國家 許多 民眾 都 到 大 賣 場 瘋 搶 民生 物資 尤其 衛生紙 被 搶 得 最 徹底 為 何明明 這些 國家 衛生紙 產量 無 虞 民眾 仍要 瘋狂 囤積 衛生紙 呢 根據</t>
  </si>
  <si>
    <t>新冠肺炎 嚴重 肆虐 全球 疫情 接連 在 歐美各國 迅速 擴散 開來 傳出 包含 美國 和澳洲 等 國家 許多 民眾 都 到 大 賣 場 瘋 搶 民生 物資 尤其 衛生紙 被 搶 得 最 徹底 為 何明明 這些 國家 衛生紙 產量 無 虞 民眾 仍要 瘋狂 囤積 衛生紙 呢 根據 康健 雜誌 報導 從 美國 東岸 到 西岸 的 賣 場 民眾 排隊 等候 結 帳 的 購物 車內 堆滿 食物 清潔用品 一 包又一 包 的 衛生紙 而 澳洲 布利斯本 的 好 市 多 costco 賣 場 員工 都還 沒 來得及 拆封 剛 到 貨 的 衛生紙 採買 民眾 就 蜂擁而上 互相 推 擠 場面 相當 混亂 危險 疫情 嚴峻 之際 囤積 清潔 消毒 用品 尚可 理解 然而 搶 衛生紙 實在 令 人 匪夷所思 根據 華盛頓郵報 報導 大型 連鎖 賣 場 的 衛生紙 和 廚房 紙巾 幾乎 銷售一空 網 購 價格 被 哄抬 有錢 還 不見得 買 得 到 更 有 人 為了 搶 最後 一 包 衛生紙 大打出手 對於 民眾 恐慌 因而 瘋 搶 物資 的 行為 澳洲 墨爾本大學 災難 危機 處理 計畫 主持人 庫克 brian cook 表示 當 人類 面對 未知 的 威脅 會 有 我 應該 做 些 什麼 以 拿 回掌 控 權 的 本能 反應 喬治城大學 心理學 教授 愛 爾 佛 德 mary alvord 指出 人 是 社會性 生物 別人 的 行為 會 影響 我們 的 思考 尤其 對於 威脅 一無所知 的 情況 下 美國 經濟學家 查 格爾斯基 jay l zagorsky 也 說 人們 無法 預見 疫情 會 如何 發展 下去 但 能 確定 的 是 萬一 被 居家 隔離 至少 我 的 衛生紙 是 夠 用 的 康健 雜誌 報導 中 提到 美國 卡內基 美 隆 大學 心理學 家 費許 霍夫 baruch fischhoff 直言 美國 對 這次 疫情 反應 太 慢 多數 民眾 還 處在 新冠 病毒 沒什麼 大不了 的 心態 但 沒多久 世界衛生組織 就 宣佈 疫情 進入 大 流行 階段 美 股 更 連日 暴跌 連 一向 悠 哉 的 總統 川普 都 改口 美國 進入 緊急狀態 要 投入 5百億 美元 防疫 美國 民眾 這時 才警覺 再不 囤積 物資 生活 恐怕 出 問題 研究 流行病 學 的 臨床 心理學 家 泰勒 steven taylor 也 說 當 疫情 資訊 不夠 公開 透明 或 沒有 及時 更新 進展 時 會 加深 民眾 的 恐慌 與 猜忌 盲目 的 恐懼 是 會 擴散 的 人心惶惶 的 瘋 買 行為 很 難用 理性 冷靜 阻止 美國 經濟學家 查 格爾斯基 jay l zagorsky 表示 政府 的 強制 規範 與 企業 的 限 購 策略 相對 有效 阻止 民眾 瘋 搶 行為 造成 的 社會 問題 以 臺灣 的 口罩 政策 為 例 當 政府 已經 正視 疫情 並 建議 民眾 儲備 2 周 的 物資 相當程度 可以 讓 民眾 慢慢 接受 現狀 無須再 盲目 囤積</t>
  </si>
  <si>
    <t>新冠肺炎 在 日本 肆虐 各 產業 深受 重創 就 連情色 產業 也 難 逃 這 波 疫情 影響 這 也 讓 不少 從 事情 色 產業 的 女子 收入 遞減 不過 日本 搞 笑 男 星 岡村 隆 史 日前 居然 在 深夜 電臺節目 中 公開 呼籲 聽眾 等候 疫情 過去 努力 存 錢 去 嫖妓</t>
  </si>
  <si>
    <t>新冠肺炎 在 日本 肆虐 各 產業 深受 重創 就 連情色 產業 也 難 逃 這 波 疫情 影響 這 也 讓 不少 從 事情 色 產業 的 女子 收入 遞減 不過 日本 搞 笑 男 星 岡村 隆 史 日前 居然 在 深夜 電臺節目 中 公開 呼籲 聽眾 等候 疫情 過去 努力 存 錢 去 嫖妓 引發 網友 和 學者 等 批 他 太 噁 心 岡村 隆 史 23 日 淩晨 在 他 主持 的 節目 中 回答 聽眾 的 提問 像是 新冠肺炎 肆虐 日本 是否 暫時 不 應該 光顧 色情 場所 沒 想到 岡村 居然 是 這樣 回答 他 表示 現在 只能 忍耐 套用 一 句 老話 神 是 不 會 留給 大眾 無法 通過 的 考驗 他 相信 疫情 一定 會 過去 屆時 就 會 有 好事 發生 岡村 隆 所謂 的 好事 是 指 部分 女性 可能 因 疫情 影響 生計 被迫 加入 情 色 產業鏈 岡村 隆 史更 加碼 表示 我 估計 未來 3 個 月 有 很多 可愛 的 正 妹 會 轉行 所以 大家 請 忍耐 一下 努力 存 錢 岡村 毫不掩飾 的 言論 果然 引發 熱 議 有 網友 就 批評 很 噁 心 根本 是 歧視 女性 就 連 前文 部 省 官員 前 川 喜 平 還有 大學教授 藤田孝 典 等 也 痛 批 斥 岡村 的 言論 可恥 同時 難以 接受 岡村 隆 史 的 言論 引發 輿論 熱 議 後 日本 放 送 電臺 也 立即 透過 聲明 公開 道歉 表示 岡村 在 節目 中的 言論 是 對 新冠肺炎 災情 認知 不足 對 女性 尊嚴 和 職業 缺乏 考慮 如果 有 聽眾 感到 不安 我們 深表歉意 並 對 節目 製作人員 重新 教育 希望 能夠 藉 此 趕緊 讓 這 場 風波 平息 不過 日本 放 送 電臺 並未 提到 是否 對 岡村 隆 史進行 處分 更 多 ctwant 報導</t>
  </si>
  <si>
    <t>岡村 隆 史 引發 言論 新冠肺炎 疫情</t>
  </si>
  <si>
    <t>新冠肺炎 疫苗 陸續 問世 其中 az 疫苗 在 歐洲 開 打 後 卻 傳出 副作用 法國 與 瑞典 部分 地區 均 暫緩 施打 計畫 我國 政府 表示 會 持續 觀察 世界 各國 接種 情形 也 緊急 授權 讓 az 疫苗 來 台 然而 民眾 究竟 能否 放心 接種 az 疫苗 是 牛津大學</t>
  </si>
  <si>
    <t>康健 雜誌 az 疫苗 新冠肺炎 輝瑞 疫苗 默德納</t>
  </si>
  <si>
    <t>新北 環狀 線板 新 站 坐落 板橋 區 精華 地段 與 板橋 站 只 有 一 站 之 隔 新北 市 捷運局 24 日 舉辦 新北 環狀 線板 新 站 土地 開發 案 線 上 招商 說明會 介紹 基地 面積 與 招商 條件 預計 9 月 公告 徵求 投資人 將 興建 地上 29 層 地下 6 層 面積 1萬8700 坪 的 捷 運 商 辦 大樓 最 快 2024 年 動工 板 新 站 坐落 板橋 區 中山路 板 新 路口 西南側 鄰近 新 板 特區 精華 地段 基地 總面積 約 1392 坪 目前 為 地上 6 層 樓 的 捷 運 大樓 新北 市 捷運局 預計 辦理 土地 開發 興建 為 地上 29 層 地下 6 層 總 樓 地板 面積 達 1萬8700 坪 的 捷 運 商 辦 大樓 因應 新冠肺炎 疫情 嚴峻 新北 市 捷運局 昨 下午 舉辦 板 新 站 首場 招商 說明會 改 采 線 上 直播 方式 吸引 近百 位 廠商 代表 上線 觀看 新北 市 捷運局 副 局長 林耀長 表示 預估 投資 金額 約 39億 元 預計 9 月 公告 徵求 投資人 符合 資格 的 申請人 將在 2022 年 3 月 就 產品 規 畫 亮點 營造 等 開發 建議書 內容 及 承諾 地主 最低 分配比例 展開 綜合 評選 作業 選 出 最 優 申請人 簽約 後 成為 正式 投資人 林 耀 長 說 目前 建物 除了 捷 運 設施 也 預留 未來 大樓 興建 空間 若 投資人 徵求 狀況 順利 最 快 2024 年 動工 開發 完成 後 可 挹注 捷 運建設 自 償 性 經費 約 40億 元 外 也 帶動 捷 運 站 周邊 商機 發展 創造 地主 市府 及 投資人 三 贏 新北 市 捷運局 補充 新北 環狀 線板 新 站 等 7 處 原委 讬 臺北市政府 代辦 開發 場站 去年底 辦理 移 還 作業 由 新北 市政府 自行 招商 目前 共有 10 處 基地 正 推動 招商 作業 其中 秀朗 橋 站 景平 站 中和 站 及 中原 站 4 站 已 征得 投資人 正 在 建築設計 階段 其 餘 包括 板 新 站 等 6 處 場站 也 陸續 規 畫 興建</t>
  </si>
  <si>
    <t>新冠肺炎 臺灣 百貨 業 零 業績</t>
  </si>
  <si>
    <t>受 新冠肺炎 疫情 影響 許多 國家 改用 視 訊 工作 教學 上課 阿根廷 一 名 大學 女 教授 感染 新冠肺炎 仍然 透過 視 訊 為 學生上課 卻 在 課程 途中 倒地 學生 透過 螢 幕 焦急 問 女 教授 地址 以便 找 人 救援 但 女 教授 只 掙扎 吐 出 我 不</t>
  </si>
  <si>
    <t>新冠肺炎 印尼 零 確診 超猛 真相 竟是 這</t>
  </si>
  <si>
    <t>新冠肺炎 疫情 持續 延 燒 印尼 至今 仍 是 零 確診 案例 結果 不是 防疫 做 太 好 而是 因為 采 檢 費用 太 貴 所以 不 采 驗 印尼 衛生部 官員 溫德拉 表示 不會 采 驗 從 湖北 接回 的 238 位 學生 因為 標準 沒 規定 且 將 全部 的 人 都采檢 的 費用 太</t>
  </si>
  <si>
    <t>新冠肺炎 全球 美國 突破性 感染 cdc 住院</t>
  </si>
  <si>
    <t>日本 在 週四 稍晚 新 報 新冠肺炎 每日 新增 確診 人數 來到 歷史 新 高 的 1305 人 而 前 一 日 週三 亦 為 破 紀錄 的 1260 人 為 連續 兩 日 突破 紀錄 週三 的 紀錄 亦 為 日增 確診 首次 破 千 人 東京 地區 週四 新 報 367 人 之後 市政府 隨即 要 求 酒吧 和</t>
  </si>
  <si>
    <t>日本 在 週四 稍晚 新 報 新冠肺炎 每日 新增 確診 人數 來到 歷史 新 高 的 1305 人 而 前 一 日 週三 亦 為 破 紀錄 的 1260 人 為 連續 兩 日 突破 紀錄 週三 的 紀錄 亦 為 日增 確診 首次 破 千 人 東京 地區 週四 新 報 367 人 之後 市政府 隨即 要 求 酒吧 和 卡拉 ok 等 營業 場所 再次 停業 據 日本 公同社 報導 東京都 知事 表示 營業時間 在 上午 五 點 到 晚上 十 點 的 商業 按照 防疫 方針 每個 企業 將 可 獲得 20萬 日圓 補助 而 一 項 規定 將 在 週六 生效 要求 商店 和 商業 經營者 必須 執行 相關 防疫 措施 東京都 知事 已 要求 民眾 勿 前往 餐廳 用餐 以及 勿 參與 夜生活 消費 小池並 在 記者會 指出 不 排除 東京 成為 唯一 宣佈 緊急 事態 地區 東京 在 週四 新 報 病例 中 有 64 為 20 和 30 歲 兩 個 年齡層 的 年輕人</t>
  </si>
  <si>
    <t>英國 變種 病毒 發燒 少年 新冠肺炎</t>
  </si>
  <si>
    <t>新冠肺炎 全球 omicron 聖誕禮物 終結 疫情</t>
  </si>
  <si>
    <t>新冠肺炎 臺灣 護目鏡 結膜 揉 眼睛</t>
  </si>
  <si>
    <t>患者 疾病 心臟 心血管 新冠肺炎</t>
  </si>
  <si>
    <t>金管會 公佈 國銀 最新 獲利 狀況 2020 年 1 2 月 稅 前 獲利 6275億 元 年 減 218億 元 或 34 各類 分行 中 僅 國際金融 業務 分行 obu 獨守 成長 銀行局 副 局長 黃 光熙 表示 主因 新冠肺炎 疫情 重創 全球 資本 市場 使 國銀 投資 金融 資</t>
  </si>
  <si>
    <t>金管會 公佈 國銀 最新 獲利 狀況 2020 年 1 2 月 稅 前 獲利 6275億 元 年 減 218億 元 或 34 各類 分行 中 僅 國際金融 業務 分行 obu 獨守 成長 銀行局 副 局長 黃 光熙 表示 主因 新冠肺炎 疫情 重創 全球 資本 市場 使 國銀 投資 金融資產 評價 收益 減少 所 致 據 金管會 統計 國銀 2020 年 1 2 月 各類 分行 中 僅 obu 稅 前 獲利 1876億 元 年 增 108 國內 總 分行 稅 前 獲利 3721億 元 年 減 68 海外 分行 稅 前 獲利 589億 元 年 減 178 中國 大陸 分行 稅 前 獲利 89億 元 年 減 03 黃 光熙 表示 國銀前 2 月 獲利 出現 衰退 主因 受 新冠肺炎 疫情 影響 全球 資本 市場 波動 加劇 使 國銀 投資 金融資產 評價 收益 減少 其中 國內 總 分行 投資 及 其他 淨 收益 年 減 達 128億 元 所幸 利息 及 手續費 收益 分別 年 增 32億 元 28億 元 呆帳 提 列 準備金 亦 年 減 63億 元 而 obu 前 2 月 獲利 維持 成長 主要 受惠 投資 金融資產 評價 利益 增加 年 增 達 27億 元 海外 分行 及 中國 大陸 分行 獲利 衰退 主因 呆帳 提 列 準備金 增加 其中 海外 分行 年 增 達 11億 元 中國 大陸 分行 則 在 2 月 增 提 3億 元 國 銀 截至 2 月底 總 放款 餘 額 3002 兆 元 月 增 1232億 元 逾 放 金額 706億 元 月 增 11億 元 逾 放 比 024 月 增 001 個 百分點 年 減 001 個 百分點 備抵 呆帳 覆蓋率 59024 月 減 649 個 百分點 仍 年 增 達 4361 個 百分點 提 列 狀況 維持 較 高 水準 應屬 穩健</t>
  </si>
  <si>
    <t>新冠肺炎 臺灣 經濟部 辦公 分區</t>
  </si>
  <si>
    <t>新冠肺炎 肆虐 紐西蘭 航空 本月 30 日 起 暫停 臺北 航線 直到 6 月底</t>
  </si>
  <si>
    <t>受到 新冠肺炎 疫情 影響 紐西蘭 航空 air new zealand 宣佈 3 月 20 日 起 將 陸續 暫停 包含 奧克蘭 往返 臺北 等 多 條 國際 航線 直到 6 月 30 日 根據 路透 報導 紐西蘭 航空 預計 最終 將 削減 85 的 國際 運能 往返 澳洲 及 紐西蘭 國內 航</t>
  </si>
  <si>
    <t>受到 新冠肺炎 疫情 影響 紐西蘭 航空 air new zealand 宣佈 3 月 20 日 起 將 陸續 暫停 包含 奧克蘭 往返 臺北 等 多 條 國際 航線 直到 6 月 30 日 根據 路透 報導 紐西蘭 航空 預計 最終 將 削減 85 的 國際 運能 往返 澳洲 及 紐西蘭 國內航線 的 運能 也 會 削減 30 左右 紐西蘭 航空 於官網 公告 繼 原本 就 已 暫停 的 上海 和 首 爾 航線 後 3 月 20 日 起 將 再 暫停 倫敦 及 洛杉磯 航線 至 6 月 30 日 另外 臺北 阿根廷 印尼 日本 及 其他 美 加 航線 則 從 3 月 30 日 起 暫停 直到 6 月 30 日 為止 14 日 紐西蘭 政府 宣佈 實行 全球 最 嚴格 邊境 管制 所有 入境 訪 客 都 要 自主 隔離 14 天 因此 重創 紐西蘭 航空 業 紐西蘭 航空 預期 運能 大 減 股票 在 18 日前 暫停 交易 紐西蘭 航空 執行長 福蘭 greg foran 坦言 紐西蘭 航空 在 未來 幾 個 月 將 成為 1 間 小型 航空 公司 而 這 波 影響 恐怕 包含 人力 因此 正 考慮 是否 要 裁員 30 為了 儘量減少 裁員 他 也 鼓勵 大家 排 休 年假 或 無 薪 假 更 多 ctwant 報導</t>
  </si>
  <si>
    <t>新冠肺炎 全球 omicron 感冒 病毒 傳染</t>
  </si>
  <si>
    <t>全院 采 檢 清零 計 畫 新冠肺炎 部 立 桃園 醫院</t>
  </si>
  <si>
    <t>國際 穿戴 裝置 大廠 garmin 林 口 廠 區 9 日 傳出 有 1 名 員工 確診 新冠肺炎 該 名 個案 居住 在 新北 市 桃園 市長 鄭文燦 呼籲 新北 市政府 要 充分 分享 疫 調 資訊 桃園 市 衛生 局 7 日 中午 就 入 廠采 檢 當晚 才接 獲 新北市衛生局 通報 確診 據 了</t>
  </si>
  <si>
    <t>國際 穿戴 裝置 大廠 garmin 林 口 廠 區 9 日 傳出 有 1 名 員工 確診 新冠肺炎 該 名 個案 居住 在 新北 市 桃園 市長 鄭文燦 呼籲 新北 市政府 要 充分 分享 疫 調 資訊 桃園 市 衛生 局 7 日 中午 就 入 廠采 檢 當晚 才接 獲 新北市衛生局 通報 確診 據 瞭解 7 日 早上 桃園 市 衛生局 聽 聞龜 山有 工業區 員工 確診 隨即 一家 一家 工廠 詢問 並 透過 中央 系統 發現 是 garmin 林 口 廠 有 員工 確診 趕緊 入 廠采 檢 不過 桃園 市 衛生局 到 當天 傍晚 才 接 獲 新北市衛生局 通知 緊急 采 檢 該廠 532 名 員工 都 是 陰性 鄭文燦 9 日 說明 疫情 該案 最 早 是 1 名 婦人 在 臺北市 確診 後 北 市府 未 匡列 她 丈夫 後來 這 名 丈夫 到 新竹 縣 工作 確診 又 傳給 3 名 同事 其中 1 名 住 桃園 的 同事 又 傳染給 在 garmin 林 口 廠 上班 住 新北 的 女兒 鄭文燦 批 桃園 市 衛生局 事先 掌握 消息 7 日 中午 趕緊 入 廠采 檢 但 桃園 一直 到 晚上 才接 到 新北市衛生局 通知 有 確診 者 在 garmin 工作 呼籲 要 充分 分享 疫 調資 訊 新北 市 衛生局長 陳 潤 秋 表示 個案 在 父親 確診 後 被 匡列采 檢 陽性 根據 疫 調 父親 發病 在 前 認定 屬於 家戶 感染 新北市衛生局 指出 該 名 確診 個案 居住 在 桃園 的 父親 6 日 確診 個案 因 此 被 匡 居家 隔離 7 日 采 檢 陽性 8 日 確診 目前 已 匡列 接觸 者 人數 共 19 人 包含 家 人 3 人 職 場 16 人 衛生局 除 已對 其 生活 足跡 進行 疫 調 第一時間 也 立即 通知 職 場 所在地 的 桃園 市 衛生局 進行 工作 職 場 疫 調 以 確實 阻斷 傳播 鏈</t>
  </si>
  <si>
    <t>新冠肺炎 臺灣 新竹 石門水庫 供 5 停 2</t>
  </si>
  <si>
    <t>新聞 透視 新冠肺炎 2 0 恐 再 爆 新 一 波 疫情</t>
  </si>
  <si>
    <t>新冠肺炎 散播 的 震央 目前 從 大陸 轉移 到 歐洲 由於 歐洲 國家 如 英國 和 瑞典 採取 和 wto 不同 的 防疫 模式 群體 免疫 概念 浮 上 檯面 儘管 在 反彈 下 緊急 採取措施 彌補 但 可能 為時已晚 歐美 嚴防 亞洲 的 局面 出現 倒轉 如果 防疫 不力</t>
  </si>
  <si>
    <t>菲律賓 針對 臺灣 加碼 的 旅遊 禁令 會 否 解除 14 日 就要 攤牌 不管 結果 如何 政府 應該 要 有 心理準備 菲律賓 可能 不 會 是 最後 一個 針對 臺灣 祭出 旅遊 限制 的 國家 往後 若 再 出現 類 次 案例 我們 該 怎麼 回 應 義 大利 以及 菲律賓 都 聲稱 基於 who 的 一中 政策 將 臺灣 視作 中國 大陸 的 一部分 因此 自然 與 陸 港澳 同為 新冠肺炎 疫區 進而 喊 卡 雙邊 直航 甚至 禁止 入境 事實上 義 大利 與 菲律賓 怎麼 可能 會 不 知道 臺灣 不 屬 於 中華人民共和國 的 一部分 菲律賓國會 議員 阿班 特 質詢 衛生部 官員 臺灣 只 有 18 例 新加坡 卻 有 43 例 為什麼 不 禁 新加坡 卻 要 禁 臺灣 語 畢 衛生部 官員 語塞 全場 哄堂大笑 很 明顯 大家 都 知道 這項 禁令 就是 政治 決定 根本 不是 從 科學 角度 出發 的 防疫 決定 義 大利 開出 第一 槍 之後 外交部 便 有所 警覺 通令 全球 駐外 館 處 向 駐在國 積極 溝通 務必 不能 被 who 的 錯誤 認知 誤導 然而 who 的 立場 其實 也 只不過 是 各國 向 北京 示好 的 保護傘 把 不 公平 對待 臺灣 的 愧疚 感 推 給 who 來 扛 面對 菲律賓 吃 人 夠 夠 外交部 之所以 沒有 在 第一時間 就 硬 起來 嗆 出 反 制 措施 一來 是 不 希望 把 事情 搞 到 沒有 轉 圜 的 餘 地 導致 兩國關係 更進一步 惡化 二來 就算 菲律賓 的 禁令 成 了 定局 我方 也 反 制裁 之後 再 有 國家 對 臺灣 做出 限制 我們 是否 也 該 比照 菲律賓 模式 辦理 制裁 是 要 讓 對方 感覺 到 痛 但是 自己 難免 也 會 失血 不論是 取消 菲律賓 免簽 或是 限 縮 菲律賓 移 工 配額 臺灣 都 不可能 不 受到 影響 東協 各國 與 臺灣 關係 緊密 但是 受到 中國 大陸 的 影響 更 深 制裁 菲律賓 一 國 臺灣 還 承受 得 起 但要 是 有 更 多 東協 國家 跟進 菲律賓 的 作法 臺灣 受得了 一口氣 制裁 這些 鄰居 嗎</t>
  </si>
  <si>
    <t>新冠肺炎 臺灣 江啟臣 應該 民眾</t>
  </si>
  <si>
    <t>面試 求職 新冠肺炎 應屆 畢業生 緊張</t>
  </si>
  <si>
    <t>新冠肺炎 臺北市 柯文哲 臺灣 日本</t>
  </si>
  <si>
    <t>大陸 湖北省 武漢 2 名 在 第一線 對抗 新冠肺炎 的 醫生 不幸 感染 並 演變 為 重症 患者 經過 2 個 多 月 的 治療 2 人 保住 性命 但 驚人 的 是 他們 全身 皮膚 發 黑 其中 一 名 醫師 帶 著 眼鏡 竟 神似 who 秘書長 譚 德塞 綜合 陸媒 報導 武漢市 中</t>
  </si>
  <si>
    <t>大陸 湖北省 武漢 2 名 在 第一線 對抗 新冠肺炎 的 醫生 不幸 感染 並 演變 為 重症 患者 經過 2 個 多 月 的 治療 2 人 保住 性命 但 驚人 的 是 他們 全身 皮膚 發 黑 其中 一 名 醫師 帶 著 眼鏡 竟 神似 who 秘書長 譚 德塞 綜合 陸媒 報導 武漢市中心醫院 泌 尿 外科 副 主任 胡衛鋒 心臟 外科 副 主任 易凡 一度 是 新冠肺炎 的 重症 患者 經由 專家 不 斷 搶救 終於 保住 性命 並 接受 媒體 採訪 不過 在 鏡頭 前 曝光 他們 全身 黝黑 的 模樣 讓 人 大吃一驚 染 科 專家 宋 建新 表示 新冠肺炎 的 重症 患者 治療 過程 可說是 殺敵 一萬 自 損 八千 雖然 這 2 名 醫生 保住 一 命 但 全身 多 個 器官 包括 肺 腎 心 肝 都 已 受到 損害 至於 皮膚 發 黑 則 是 因為 色素 沉澱 宋 建新 表示 只 要命 救回來 2 名 醫生 的 身體 機能 就 會 一點 點 恢復 受損 的 器官 除 了 不 可逆 的 傷害 外 還是 可以 逐漸 恢復 的</t>
  </si>
  <si>
    <t>三級 警戒 解除 雙北 解封 新冠肺炎</t>
  </si>
  <si>
    <t>新冠肺炎 拜登 川普 疫苗 接種</t>
  </si>
  <si>
    <t>新冠肺炎 肆虐 經濟部 次長 王 美 花 今日 在 行政院 會後 記者會 宣佈 口罩 徵用 與 禁止 出口 延長 到 四月 相關 公文 已經 發出 了 但 這 主要 以 疫情 作 指標 也 並非 無 提早 解除 之 可能 新冠肺炎 肆虐 行政院長 蘇貞昌 第一時間 下令 向 民間</t>
  </si>
  <si>
    <t>新冠肺炎 肆虐 經濟部 次長 王 美 花 今日 在 行政院 會後 記者會 宣佈 口罩 徵用 與 禁止 出口 延長 到 四月 相關 公文 已經 發出 了 但 這 主要 以 疫情 作 指標 也 並非 無 提早 解除 之 可能 新冠肺炎 肆虐 行政院長 蘇貞昌 第一時間 下令 向 民間 徵用 口罩 禁止 口罩 出口 造成 民眾 恐慌 引爆 口罩 之 亂 政府 隨後 也 開始 宣導 口罩 不必 隨時 戴 觀念 口罩 彷 佛 當前 最 珍貴 物資 口罩 出口 禁令 原先 只 到 2 月 23 日 止 王美花 今 宣佈 禁止 口罩 出口 與 徵用 口罩 延長 到 4 月底</t>
  </si>
  <si>
    <t>三級 警戒 延長 陳時中 死亡 個案 新冠肺炎</t>
  </si>
  <si>
    <t>北京 新冠肺炎 疫情 死灰復燃 一發不可收 十6 月 11 日 到 6 月 14 日 短短 4 日 北京 新增 新冠肺炎 確診 者 達 79 例 就 在 大陸 副 總理 孫春蘭 表示 疫情 擴散 的 風險 很 高 下令 採取 堅決 果斷 措施 防止 疫情 擴散 後 北京 全市 社區 防控</t>
  </si>
  <si>
    <t>陳時中 哭 了 新冠肺炎 臺灣 萬惡 源頭 3 11</t>
  </si>
  <si>
    <t>新冠肺炎 疫情 蔓延 全球 2020 金門 馬拉松 停辦 縣府 回 應 熱情 跑 友 的 支持 與 期待 今 12 日 推出 2021 金門 馬 回 饋 方案 歡迎 大家 重返 金門 馬拉松 賽道 一起 在 戰地 風情 中 馳騁 追逐 榮耀 縣府 指出 回 饋 方案 一 今年 度</t>
  </si>
  <si>
    <t>新冠肺炎 疫情 蔓延 全球 2020 金門 馬拉松 停辦 縣府 回 應 熱情 跑 友 的 支持 與 期待 今 12 日 推出 2021 金門 馬 回 饋 方案 歡迎 大家 重返 金門 馬拉松 賽道 一起 在 戰地 風情 中 馳騁 追逐 榮耀 縣府 指出 回 饋 方案 一 今年 度 2020 已 報名 但因 停辦 無法 至 金門 跑 馬拉松 的 跑 友 在 明年 度 2021 優先 報名 回 饋 二 原 報名 2020 金門 馬拉松 跑 友 在 2021 金門 馬拉松 優先 報名者 可加 購 2020 完 賽 紀念 酒 再 贈 大 浴巾 與 獎牌 詳細 報名 與 加 購 紀念 酒 細節 將 於 2021 金門 馬拉松 競賽 規程 公告 周知 2021 金門 馬拉松 目前 暫定為 1 月中 旬 辦理 確切 時間 尚 待 年中 過後 再行 公佈 迎接 跑 友 相約 重返 金門 2 瓶 紀念 酒 1 次 實現 相關 訊息 可 持續 關注 金門 馬拉松 -facebook 粉絲 專 頁 與 金門 教育 fun 學 趣 -facebook 粉絲 專 頁</t>
  </si>
  <si>
    <t>新北 美濃 高雄 新冠肺炎 臺灣</t>
  </si>
  <si>
    <t>新冠肺炎 肆虐 臺灣 民眾 若 做 pcr 采 檢 3 天內 沒 接到 通知 就是 陰性 但 近日 一 名 李姓 男子 因 有 發燒 咳嗽 等 症狀 去 醫院 pcr 檢測 3 天內 都 未接 獲 通知 結果 自行 打開 健 保 快易通 app 才 發現 采 檢 結果 為 陽性 確診 打電話 給 192</t>
  </si>
  <si>
    <t>新冠肺炎 肆虐 臺灣 民眾 若 做 pcr 采 檢 3 天內 沒 接到 通知 就是 陰性 但 近日 一 名 李姓 男子 因 有 發燒 咳嗽 等 症狀 去 醫院 pcr 檢測 3 天內 都 未接 獲 通知 結果 自行 打開 健 保 快易通 app 才 發現 采 檢 結果 為 陽性 確診 打電話 給 1922 及 衛生局 都 是 要 他 再 等候 通知 令 他 擔心 若 其他 確診 者 沒有 像 他 有 警覺 社區 恐 不斷 有 破 口 出現 據 東森 新聞 報導 李姓 男子 從事 餐飲 服務業 每天 往返 三 重 及 板橋 5 月 19 日 開始 出現 咳嗽 發燒 等 症狀 5 月 22 日 快 篩 陰性 但 仍 持續 發燒 腹瀉 5 月 26 日 再次 去 醫院 做 pcr 采 檢 5 月 28 日 仍未 收到 通知 主動 打開 健 保 快易通 app 查看 才 發現 采 檢 結果 為 陽性 確診 李先生 趕緊 撥 打電話 給 1922 及 衛生局 對方 要 他 繼續 等候 通知 直至 6 月 2 日 才 接 獲 確診 電話 通知 6 月 5 日 安排 至 集中 檢疫所 治療 采 檢 到 通知 確診 有 6 天 的 時間 李先生 忍不住 懷疑 若是 發生 在 其他 民眾 身上 沒有 警覺而 到處 趴 趴 走 就 會 成為 防疫 破 口 李先生 說 能 體諒 疫情 是 非常 時期 人力資源 都 很 緊 繃 但 采 檢 過後 每天 都怕 漏接電話 對此 新北市衛生局 則 回應 現在 采 檢 量 大 確實 有 延遲 通知 的 情況 提醒 民眾 自律 留意 自身 身體狀況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采 檢 pcr 陽性 確診</t>
  </si>
  <si>
    <t>新冠肺炎 疫情 期間 新興 市場 股市 表現 承壓 但 部分 產業 或 國家 表現 已 漸 走 出 新冠 疫情 陰霾 股市 走勢 和 防疫 成效 呈現 明顯 正 相關 法人 表示 在 新興 市場 股 中 目前 相對 看好 中台 韓印 等 亞洲 國家 疫情 期間 在 投資人 轉 進 安全</t>
  </si>
  <si>
    <t>新冠肺炎 疫情 期間 新興 市場 股市 表現 承壓 但 部分 產業 或 國家 表現 已 漸 走 出 新冠 疫情 陰霾 股市 走勢 和 防疫 成效 呈現 明顯 正 相關 法人 表示 在 新興 市場 股 中 目前 相對 看好 中台 韓印 等 亞洲 國家 疫情 期間 在 投資人 轉 進 安全 資產 與 美元 走 強 的 背景 下 新興 市場 股市 年初 以來 表現 受挫 然而 msci 新興 市場 指數 在 6 月 已 有 部 份 收復失土 7 月 新興 市場 股 的 跌幅 更加 縮小 也 縮小 新興 市場 與 成熟 市場 的 差距 根據 晨星 基金 統計 截至 7 月 28 日 為止 部分 新興 市場 股 基金 在 經近 三 個 月 漲 升 後 今年 來 報酬率 已 由 負 轉正 聯 博 表示 因 臺灣 與 波蘭 等 部分 新興 市場 國家 股市 防疫 有成 甚至 優於 部 份 成熟 國家 股市 隨 著 防疫 政策 改變 消費者 與 企業 行為 部 份 新興 市場 投資 機會 逐漸 浮現 投資 吸引力 可望 延續 至 後 疫情 時代 綜觀 全球 新增 確診 病例 最 多 的 十 個 國家 當中 有 九 個 是 新興 市場 國家 美國 是 唯一 的 成熟 國家 幾 個 南亞 大國 如 印度 菲律賓 與 印尼 目前 疫情 狀況 仍 不 見 好轉 而 巴西 墨西哥 智利 與 秘魯 等 拉丁美洲 國家 新增 病例 依舊 快速 增加 占 新興 市場 指數 逾 60 的 大陸 臺灣 與 南韓 是 防疫 成果 最佳 的 三 個 新興 市場 國家 另 馬來西亞 與 泰國 的 病例 數 已 降 至 個別 國家 高峰 時 的 10 以下 防疫 成果 有目共睹 這些 國家 若 能 維持 這樣 的 防疫 成績 日常生活 將 可 逐漸 恢復 常態 比 美國 更 快 重 十 經濟 成長 力 道 面對 這 波 資金 行情 在 新興 市場 股市 中 國泰 投 顧 認為 短線 股市 可能 呈現 高檔 震盪 投資 難度 提高 如有 拉回 建議 把握 加碼 機會 除了 美 股 大陸 及 印度 亦 具備 投資 題材 像是 大陸 已經 逐漸 走 出 疫情 陰霾 第二 季 gdp 較 去年 成長 32 較 第一 季 的 負 68 大幅 改善 6 月 進出口 年 比 資料 均 轉正 顯示 經濟 重 回 成長 軌道 而 大陸 擁有 龐 大 內需 市場 智慧 手機 及 網路 滲透 率 高 即時 串流 媒體 在 線 上 銷售 的 成長 速度 驚人 未來 的 投資 潛力 亦 值得 留意</t>
  </si>
  <si>
    <t>韓國 衛生部 8 日 表示 該國 新冠肺炎 第 31 例 確診 病 患 目前 仍 在 接受 治療 中 成為 韓國 感染 肺炎 最 長 時間 的 病人 這 位 61 歲 女性 於 2 月 18 日 檢驗 為 陽性 目前 已 入 院 51 天 輕 症 病 患 平均 兩 周內 便 可 康復 她 被 視為 大 邱 新 天地 耶穌教 會</t>
  </si>
  <si>
    <t>韓國 衛生部 8 日 表示 該國 新冠肺炎 第 31 例 確診 病 患 目前 仍 在 接受 治療 中 成為 韓國 感染 肺炎 最 長 時間 的 病人 這 位 61 歲 女性 於 2 月 18 日 檢驗 為 陽性 目前 已 入 院 51 天 輕 症 病 患 平均 兩 周內 便 可 康復 她 被 視為 大 邱 新 天地 耶穌 教會 的 超級 傳播 者 導致 當時 疫情 一發不可收 十</t>
  </si>
  <si>
    <t>好 消息 台鐵 車長二 采 陰性 未感染 新冠肺炎</t>
  </si>
  <si>
    <t>印度政府 5 月 宣佈 總額 20 兆 盧比 的 經濟 刺激 政策 約 占 印度 gdp 10 以 支撐 新冠肺炎 對 印度 帶來 的 衝擊 根據 icici-pru 資料 顯示 印度 股 債 評價 指數 溫度計 為 888 已經 連續 三 個 月 處於 買進 股票 區間 建議 投資人 觀察 印</t>
  </si>
  <si>
    <t>印度政府 5 月 宣佈 總額 20 兆 盧比 的 經濟 刺激 政策 約 占 印度 gdp 10 以 支撐 新冠肺炎 對 印度 帶來 的 衝擊 根據 icici-pru 資料 顯示 印度 股 債 評價 指數 溫度計 為 888 已經 連續 三 個 月 處於 買進 股票 區間 建議 投資人 觀察 印度 疫情 發展 短時期 仍以 分批 入場 方式 減低 投資 風險 待 稍後 疫情 平穩 後 印度 的 補 漲 行情 重 啟 經濟 穩定 金融 已是 印度 刻不容緩 的 要務 印度 也 在 5 月 分 階段 解除 部分 區域 管制 儘管 疫情 尚未 結束 但是 本次 經濟 計畫 除了 加強 農業 礦業 及 工業 改革 外 也 計畫 吸引 更 多 海外投資 來 恢復 經濟 成長 力 道 另一方面 印度 央行 於 5 月 22 日 臨時 宣佈 降息 40 個 基點 寬鬆 的 貨幣政策 有利 印度 債券 中長線 表現 市場 看法 印度 niffty 50 指數 在 4 月 上漲 147 後 5 月 因 國內 疫情 仍 嚴峻 股市 出現 橫盤 整理 雖然 2020 年 印度 企業 獲利 因此 受到 衝擊 不過 看好 2021 年 將 出現 大幅度 回升 且 目前 偏 低 的 本益比 亦 提供 投資人 逢 低 佈局 機會 國際貨幣基金組織 imf 表示 受到 疫情 影響 全球 經濟 正 面臨 自 1930 年代 大 蕭條 以來 最 嚴重 的 衰退 imf 預估 由於 一些 國家 為 抑制 新冠肺炎 傳播 而 實施 封鎖 措施 使得 今年 全球 國內生產總值 gdp 將 會 萎縮 3 預計 2021 年 全球 經濟 將 成長 58 由於 病毒 的 大 流行 預計 亞洲 2020 年 的 增長 為 0 表現 為 近 60 年 來 最差 但是 就 經濟 活動 而言 亞洲 的 表現 可能 會 優於 其他 地區 惠譽 國際 信用 評級 fitch ratings 表示 由於 以 中國 和 印度 為首 的 亞洲 經濟體 大幅 下滑 預計 到 2020 年 世界 經濟 將 萎縮 39 今年 的 成長 將 不 到 1 聯合國 表示 由於 病毒 大 流行 全球 經濟 可能 在 2020 年 萎縮 1 與 先前 預測 的 增長 25 有 一段落 差 觀察 資金 動向 近期 國際 資金流出 壓力 仍 大 外國 機構 投資者 fiis 于 4 月 出售 6884億 盧比 的 股票 高於 3 月 的 61973億 盧比 共同 基 金也 於 4 月 出售 股票 為 去年 11 月 以來 首次 轉賣 後市 展望 為了 對抗 新冠肺炎 導致 的 經濟 趨 緩 印度政府 以及 印度 央行 採取 一系列 刺激 措施 跟 寬鬆 政策 皆 符合 市場 預期 同時 預計 在 通 膨 穩定 原 物料 價格 處於 低檔 的 環境 下 預計 印度 央行 在 未來 幾 個 季度 有 機會 採取 更 強而有力 的 措施 在 股市 方面 由於 環境 變化 快速 市場 波動 是 難免 的 我們 認為 成長性 股票 及 價值型 股票 各 有 優勢 近期 看好 當前 基本 面 合理 的 價值型 股 不僅 能 提供 良好 股息 收益 同時 也 具備 更 好 的 盈利 能見度 至於 債券市場 部分 隨 著 印度 經濟 成長 跟 通 膨 率 的 下滑 央行 有 更 多 降息 空間 近期 較 看好 短期 公債 表現 然而 觀察 到 現階段 印度 公債 跟 印度 企業 債利 差 依舊 處於 高點 未來有 很 大 的 收斂 空間 中長線 投 組 佈局 重點 仍 在 增加 存 續期 間 以 增加 資本 利得 空間 資訊 僅供參考 不 代表 未來 市場 投資 績效 指標 僅供參考 之用 請勿 視為 基金 買賣 邀 約 瀚 亞 投 信 獨立 經營 管理</t>
  </si>
  <si>
    <t>西安市教育局 表示 按照 陝西省教育廳 2020 年 春季 學期 開學 工作 安排 3 月 30 日 西安市 高三 年級 開學 4 月 7 日 初三 和 中職 學校 畢業班 開學 以上 為 西安市 首批 開 學學 段 西安市 將 採取 多 項 措施 積極 做好 開學 準備 工作 西安市 首批 開學 共 涉及 學校 529 所 其中 高三 年級 學校 167 所 初三 年級 學校 302 所 中等職業 學校 60 所 共 涉及 學生 156萬 人 其中 高三 年級 學生 512萬 人 初三 年級 學生 885萬 人 中等職業 學校 畢業 班 學生 163萬 人 共 涉及 教師 508萬 人 其中 中學教師 47萬 人 中等職業 學校 教師 038萬 人 西安市 要求 開學 報到 後 各 學校 嚴格執行 校園 封閉 化 管理 在 師生 入校 教學 活動 就餐 放學 住宿 等 方面 合理 管 控 實行 全 過程 分段 錯時 統籌 教室 資源 擴大 班級 間隔 等 措施 最 大限度 減少 人員 聚集 各 學校 在 開學 前 對 教室 宿舍 食堂 等 重點 區域 和 校 車 電梯 鍋爐 等 設施 設備 進行 全 覆蓋 拉網式 排查 在 衛健 部門 指導 下 開展 校園環境 清潔 消 殺 工作 按照 衛生 疾 控 工作 要求 每 校 設置 臨時 觀察 區 設置 有 水源 相應 藥品 的 隔離 觀察室 對 校園 洗手 設施 供餐 設施 進行 修繕 和 完備 在 高三 初三 中職 畢業班 開學 之前 西安市政府 將 按照 每人每天 2 只 至少 10 天 的 數量 為 首 批 進入 開學 的 學生 和 老師 免費 提供 400萬 只 口罩 新冠肺炎 西安市教育局 陝西省教育廳 春季 學期 開學 工作 安排 開學 教室 宿舍 食堂 西安市政府 口罩</t>
  </si>
  <si>
    <t>新冠肺炎 臺灣 7 7 同 住 家人 侯友宜</t>
  </si>
  <si>
    <t>新冠肺炎 臺灣 上傳 app 確診 者</t>
  </si>
  <si>
    <t>新冠肺炎 臺灣 確診 1 人 足跡</t>
  </si>
  <si>
    <t>新冠肺炎 臺灣 死亡率 個案 原因</t>
  </si>
  <si>
    <t>美 吾 華 懷特 安 克 生 技 集團 24 日 舉辦 聯合 法 說 會 三 家 公司 紛紛 報佳音 懷特 旗 下 新藥 今年 3 月 納 健 保 帶動 自費 市場 並 已 規劃 向美 fda 申請 緊急 人體 臨床 試驗 擴大 適應症 治療 新冠肺炎 患者 安克健 檢 市場 佈局 完成 包括 台大</t>
  </si>
  <si>
    <t>美 吾 華 懷特 安 克 生 技 集團 24 日 舉辦 聯合 法 說 會 三 家 公司 紛紛 報佳音 懷特 旗 下 新藥 今年 3 月 納 健 保 帶動 自費 市場 並 已 規劃 向美 fda 申請 緊急 人體 臨床 試驗 擴大 適應症 治療 新冠肺炎 患者 安克健 檢 市場 佈局 完成 包括 台大健 檢 等 多 家 大型 健檢 中心 醫院 均 已 啟動 營運 更 被 納入 多 家 科技 大廠 的 員工 健檢 方案 成果 豐碩 懷特 新藥 4108 已 獲 70 多 家 醫療 院所 進 藥 含 近 20 家 醫學 中心 今年 3 月 獲准 納入 健 保 給付 嘉惠 乳 癌 患者 同步 帶動 自費 市場 今 年前 八月 業績 年 增 超過 一 倍 而 除了 癌 因 性 疲憊 症 懷特 新藥 也 致力 擴大 適應症 包括 新冠肺炎 與 癌症 合併 療法 懷特生 技 總經理 李伊伶 表示 看 准 後 疫情 時代 的 健檢 商 機 安克生 醫 4188 已 完成 各 大 健 診 相關 單位 佈局 包括 多 家 大型 健檢 中心 與 醫院 今年 更 與 台大健 檢 中心 完成 簽約 並 已 啟動 營運 此外 更 獲 宏棋 友達 等 科技 大廠 納入 員工 健檢 方案 另 有 多 家 大型 企業 接洽 中 安 克 生 醫 總經理 李伊俐 指出 國外 方面 清醒 狀態 下 十分 鐘 完成 睡眠 呼吸 中止 風險 評估 的 安 克 呼 止 偵 r 與 美國 史丹佛 睡眠 中心 的 國際 臨床 合作 進展 順利 近期 已 共同完成 論文 發表 於 國際 權威 學會 有助 擴大 產品 價值 創造 更 大 市場 價值 安 克 旗艦 產品 安克甲 狀 偵 r 已 獲 全球 上百 家 醫院 醫師 使用 其 新增 甲狀腺 結節 ai 自動 圈選 功能 的 深度 學習 版 今年 9 月 取得 美 fda 510 k 核准 能 更 精准 輔助 醫師 揪 出 惡性 結節 安克 聲波 散射 成像 平臺 amcad usr 已 完成 用於 脂肪肝 的 檢測 開發 臨床 驗證 結果 將 發表 於 2021 年 rsna 北美 放射 學會 大會 並 已向 美 fda 送 件 申請 搶攻 數 百億 美元 的 肝臟 疾病 檢測 市場</t>
  </si>
  <si>
    <t>亞太經濟 合作 會議 apec 21 個 會員 日前 發表 共同聲明 呼籲 各 經濟體 致力 建構 一個 具 包容 性 的 亞太 社 群 降低 新冠肺炎 帶來 的 負面影響 加速 區域 經濟 復蘇 與 安全 成長 外交部 今天 對 此 表示 歡迎 強調 將 配合 相關 部會 就 未來</t>
  </si>
  <si>
    <t>亞太經濟 合作 會議 apec 21 個 會員 日前 發表 共同聲明 呼籲 各 經濟體 致力 建構 一個 具 包容 性 的 亞太 社 群 降低 新冠肺炎 帶來 的 負面影響 加速 區域 經濟 復蘇 與 安全 成長 外交部 今天 對 此 表示 歡迎 強調 將 配合 相關 部會 就 未來 經濟 復蘇 等 疫 後 振興 議題 加強 與 經濟體 進行 交流 與 合作 亞太經濟 合作 會議 apec 21 個 會員 于 5 月 5 日 共同 發佈 apec 貿易部長 有 關新冠肺炎 聲明 關注 疫情 對 全球 經濟 與 健康 造成 的 危機 呼籲 各 經濟體 應 即刻 展開 全面 合作 外交部 發言人 歐 江安 表示 該 聲明 充分反映 各 會員 經濟體 對 此次 疫情 的 高度 關注 及 應處 政策 立場 包含 支持 apec 加強 公 私 部門 如 apec 企業 諮 詢 委員會 abac 及 國際 社 群 的 合作 掌握 並 善用 數位 與 創新 科技 帶來 的 契機 促進 完善 的 跨境 貿易 與 數位 經濟 呼籲 各 經濟體 致力 建構 一個 健康 具有 韌性 和 包容 性 的 亞太 社 群 降低 肺炎 帶來 的 負面影響 加速 區域 經濟 復蘇 與 安全 成長 聲明 亦 強調 確保 市場 開放 創造 自由 公平 非歧視 透明 可 預測 及 穩定 的 貿易 投資 環境 的 重要性 呼籲 各 經濟體 逐步 恢復 必要 防疫 物資 服務 及 人員 的 跨境 移動 另 主張 各國 對於 防疫 所 採取 的 緊急措施 應為 暫時性 特 定性 透明 且 符合 比例 原則 聲明 中 也 特別 關注 各 經濟體 的 產業 及 勞工 深受 疫情 影響 導致 經濟 低迷 貿易部長 們 呼籲 各 經濟體 採取 包容 性 政策 提供 產業 及 勞工 經濟 支援 並 加速 經濟 復蘇 她 說 在 新冠肺炎 疫情 急遽 擴散 對 全 人類 健康 造成 嚴峻 威脅 之際 我國 除 持續 透過 雙邊 管道 提供 抗 疫 人道 援助 並 分享 經驗 之外 也 積極參與 apec 等 國際 組織 的 多邊 會議 將 我們 成功 防疫 的 經驗 與 國際 社會 分享 並 就 未來 經濟 復蘇 等 疫 後 振興 議題 進行 交流 以期 共同 打造 健康 安全 有 韌性 的 亞太 區域 apec 成立 於 1989 年 是 亞太 區域 最 重要 的 經貿合作 論壇 我國 於 1991 年 加入 成為 正式 會員 apec 每年 均 舉辦 多 場 專業 部長會議 其中 貿易 部長會議 旨在 推動 亞 太 貿易 暨 投資 自由化 與 便捷化 支持 多邊貿易 體系 推動 區域 經濟 整合 及 加強 數位 經濟 的 永續 成長 所 產出 的 聲明 對於 當年 apec 推動 相關 工作 的 目標 與 方向 具 關鍵 影響</t>
  </si>
  <si>
    <t>宣昶 有 臍帶 間 質 幹細胞 新藥 拼 治 新冠肺炎</t>
  </si>
  <si>
    <t>新冠肺炎 疫情 持續 擴大 死亡 人數 不斷 攀升 新藥 治療 不容 緩 宣捷 藥 董事長 宣昶 有 表示 旗 下 由 臍帶 間 質 幹細胞 所 研發 的 新藥 umc 119 06 用於 治療 急性 呼吸 窘迫 症候 群 acute respiratory distress syndrome ards 可望</t>
  </si>
  <si>
    <t>新冠肺炎 疫情 持續 擴大 死亡 人數 不斷 攀升 新藥 治療 不容 緩 宣捷 藥 董事長 宣昶 有 表示 旗 下 由 臍帶 間 質 幹細胞 所 研發 的 新藥 umc 119 06 用於 治療 急性 呼吸 窘迫 症候 群 acute respiratory distress syndrome ards 可望 成為 抗 新型 肺炎 療法 若 衛福部 需要 該 新藥 將 全力 配合 提供 宣 昶 有 表示 umc 119 06 已 先後 通過 衛福部 及 美國 fda 核准 可 進行 臨床 一期 試驗 成為 全台 唯一 研發 中 新藥 被 核准 執行 治療 急性 和 慢性 肺病 臨床 一期 試驗 的 細胞 新藥 公司 不但 為 目前 新冠肺炎 患者 帶來 治療 新希望 也 等於 替 臺灣 抗 疫 增添 一道 防線 根據 中國 2 月 11 日 統計 新冠肺炎 確診 病例 高達 42708 例 死亡 病例 1017 例 重症 病例 7333 例 患者 之 病程 會 因 免疫系統 受到 病毒感染 傷害 淋巴細胞 減少 免疫力 失調 抵抗力 下降 而 引發 肺炎 是 新冠肺炎 造成 患者 死亡 的 主要 原因 之一 由於 臍帶 間 質 幹細胞 具有 增進 內源 幹細胞 生長 與 分化 以及 免疫 調節 的 藥物 作用 機制 宣捷 藥 於 動物 功效 性 試驗 發現 umc 119 06 注射 至 慢性 發炎 小 鼠 結果 證實 能 改善 肺臟 發炎 降低 全身性 發炎 因數 組織 切片 顯示 具有 改善 肺泡 結構 和 肺氣腫 之 功效 另外 注射 至 急性 肺 損傷 小鼠 不僅 能 改 善 小 鼠 肺臟 的 過度 炎症 對於 受損 的 肺泡 組織 及 肺水腫 具有 顯著 的 修復 作用 隨 著 中國 新冠肺炎 確診 病例 和 死亡 人數 急遽 上升 宣昶 有 表示 umc 119 06 具有 治療 急慢性 肺病 的 潛力</t>
  </si>
  <si>
    <t>新藥 新冠肺炎 宣昶 有 治療 umc</t>
  </si>
  <si>
    <t>新冠肺炎 肆虐 全球 不少 健康 的 運動員 都 傳出 確診 消息 香港 也 傳出 有 運動員 確診 的 消息 28 歲 的 空 少 道 帥 哥 運動員 李振豪 也 確診 為 陽性 他 2 月中 旬 曾 和 幾 名 搏擊 隊員 出發 到 歐洲 準備 參加 5 月 在 法國巴黎 舉行 的 奧運 空手 道 週邊</t>
  </si>
  <si>
    <t>新冠肺炎 肆虐 全球 不少 健康 的 運動員 都 傳出 確診 消息 香港 也 傳出 有 運動員 確診 的 消息 28 歲 的 空 少 道 帥 哥 運動員 李振豪 也 確診 為 陽性 他 2 月中 旬 曾 和 幾 名 搏擊 隊員 出發 到 歐洲 準備 參加 5 月 在 法國巴黎 舉行 的 奧運 空手 道 週邊賽 他 在 2 月底 到 奧地利 參加 比賽 後 到 法國巴黎 參加 國際 訓練營 因 新冠肺炎 疫情 臨時 改 機票 在 3 月 15 日 回到 香港 在 今 18 日 確診 染 上 新冠肺炎</t>
  </si>
  <si>
    <t>全球 新冠肺炎 疫情 升溫 臺灣 目前 維持 1 死 個案 各縣市 莫不 嚴陣以待 台南 本月 初 傳出 疑 似 感染 新冠肺炎 死者 被 送 到 台南 市立 殯儀館 相關 單位 第一時間 即 高 規格 因應 所幸 檢驗 陰性 排除 但 已 讓 經手 各 單位 捏 一 把 冷汗 台南</t>
  </si>
  <si>
    <t>全球 新冠肺炎 疫情 升溫 臺灣 目前 維持 1 死 個案 各縣市 莫不 嚴陣以待 台南 本月 初 傳出 疑 似 感染 新冠肺炎 死者 被 送 到 台南 市立 殯儀館 相關 單位 第一時間 即 高 規格 因應 所幸 檢驗 陰性 排除 但 已 讓 經手 各 單位 捏 一 把 冷汗 台 南市 政府 11 日 召集 民政局 衛生局 演練 遺體 處理 應變 現場 搬 出 屍 袋 演練 強調 希望 備而不用 台 南市 政府 制定 sop 標準 作業 流程 處理 措施 防治 疫情 擴散 也 維護 醫院 社區 殯葬 管理所 人員 健康 昨天 公佈 新冠肺炎 確診 死亡 遺體 處理 流程 現場 更 展示 屍 袋 一度 遭 質疑 是否 太 超前 市府 強調 公佈 流程 是 希望 民眾 知道 市府 高 規格 謹慎 處理 不必 無謂 恐慌 台南 市 殯葬 管理 所長 郭輝 信 表示 接 獲 確診 死亡 案例 會 在 進 館 1 至 3 小時 前 啟動 防疫 措施 執行 火化 的 工作人員 和 禮儀 師需 穿戴 防護 裝備 入殮 時 需 包裝 雙層 防水 屍 袋 依 特定 時間 及 路線 進行火化 以 30 分鐘 1000 度 高溫 火化 一般 850 度 至 1050 度 火化 完成 後 骨灰 交由 家屬 殘留 灰燼 由 環保局 處理 此外 台南 現 仍 有 30 多 位 學生 滯留 大陸 市長 黃偉哲 表示 將 比對 此次 武漢 班機 返台 名單 有無 台南 學生 除 保障 學習 權也會 要求 學校 關心 避免 被 貼 標籤 針對 疫情 仍未 趨 緩 黃偉哲 直言 目前 是 救 發展 接下來 可能 變成 救 經濟 救生 存 中央 600億 元 紓困 方案 如果 不夠 就 必須 追加 sars 從 被 公告 疫區 到 解除 共 46 天 這 波 疫情 若 持續 到 下半年 政府 應 站 出來 幫助 中小企業 或 微型 企業 讓 他們 能 撐下去 避免 造成 倒閉 潮 或 無 薪 假 保障 受 薪 階級</t>
  </si>
  <si>
    <t>新冠肺炎 在 全球 急速 擴散 就 連 醫療 進步 的 日本 韓國和 歐洲 多國 都 已 淪陷 不過 擁有 13 多 億 人口 的 印度 卻 只 傳出 有 3 名 確診 病例 而且 全部 都已 康復 一 名 住 在 印度 的 網友 表示 印度 境內 疫情 沒有 蔓延 全因 政府 的 一 招</t>
  </si>
  <si>
    <t>新冠肺炎 在 全球 急速 擴散 就 連 醫療 進步 的 日本 韓國和 歐洲 多國 都 已 淪陷 不過 擁有 13 多 億 人口 的 印度 卻 只 傳出 有 3 名 確診 病例 而且 全部 都已 康復 一 名 住 在 印度 的 網友 表示 印度 境內 疫情 沒有 蔓延 全因 政府 的 一 招 強勢 政策 有 網友 在 ptt 八卦 版 發問 印度 近 134億 人口 竟然 只 傳出 3 例 確診 而且 都已 康復 出院 對比 亞洲 歐洲 其他 國家 隔壁鄰居 都 爆炸 的 情況 下 印度 還 是 沒有 新增 確診 案例 怎麼 做到 的 啊 許多 鄉民 紛紛 提供 不同 意見 恒河 水 啊 平時 喝 還 被 你們 笑 恒 河水 你 敢 嘴 不 驗 就 不 會 確診 通過 恒河 的 考驗 已經 百毒不侵 不 驗 就 不 會 確診 只 驗 3 個 就 辦得到 飲食 吃 薑黃 咖 哩 恒河 有 噬菌體 不過 此文 也 引出 一 位 住 在 印度 的 網友 回文 表示 觀察 自己 周 遭 狀況 認為 印度政府 的 隔離 措施 非常 強勢 只要 是 大陸 籍 人士 一律 不准 入境 就 連已經 辦 好 的 電子 簽證 也 直接 取消 這 名 網友 說 拿 紙本 簽證 的 航空 公司 也 不 給 上 飛機 沒有 說 不能 重新 申請 但是 重新 申請 不 受理 簽證 要 過期 了 那 你家 的 事情 他 表示 新加坡政府 的 策略 是 不讓 大陸 人 轉機 入境 印度 也 差不多 這種 疾病 問題 就是 要 把 會 帶來 疾病 的 人 擋 在 國家 外面 對內 則 是 預防 人 傳 人 更 多 ctwant 報導</t>
  </si>
  <si>
    <t>新冠肺炎 臺灣 林士峰 疫苗 柯文哲</t>
  </si>
  <si>
    <t>新冠肺炎 疫情 持續 重創 金融市場 美國 華爾街 股市 一度 停止 交易 更 讓 已經 跌 深 的 英國倫敦 金融時報 指數 一路 下 探 暴跌 9 來到 5330 點 的 8 年 新低 也就是說 將近 8 年 來 的 增幅 在 不 到 3 星期 內 全部 都 被 回吐 英國天空電視臺</t>
  </si>
  <si>
    <t>新冠肺炎 疫情 持續 重創 金融市場 美國 華爾街 股市 一度 停止 交易 更 讓 已經 跌 深 的 英國倫敦 金融時報 指數 一路 下 探 暴跌 9 來到 5330 點 的 8 年 新低 也就是說 將近 8 年 來 的 增幅 在 不 到 3 星期 內 全部 都 被 回吐 英國天空電視臺 的 經濟 編輯 康威 預期 如果 金融時報 指數 在 當下 臺北 時間 晚間 10 點 英國 時間 下午 2 點 收盤 不但 比 金融危機 期間 的 任何 單日 跌幅 更 深 也 將 是 自從 1987 年 的 黑色 星期一 以來 英國 股市 的 最 慘烈 單日 跌幅</t>
  </si>
  <si>
    <t>英國 金融時報 指數 英 股 新冠肺炎</t>
  </si>
  <si>
    <t>德國總理 梅克爾 22 日 周日 宣佈 將 自主 居家 隔離 因為 上週五 曾 為 她 施打 疫苗 的 醫師 後來 確診 新冠肺炎 德國政府 預計 週一 將 祭出 規模 5000億 歐元 的 財政 紓困 措施 協助 這個 歐洲 最 大 經濟體 減緩 疫情 帶來 的 經濟 衝擊 梅克</t>
  </si>
  <si>
    <t>疫情 民進 党 孫大千 疫苗 新冠肺炎</t>
  </si>
  <si>
    <t>秋冬 流感 季節 即將 到來 加上 有 新冠肺炎 伺機而動 專家 擔憂 當 兩者 混合 流行 將 考驗 第一線 醫療 人員 如何 去 鑒別 疾病 不僅 新冠肺炎 確診 難度 加高 病人 也 恐 因 診斷 錯誤 未 予以 正確 治療 呼籲 政府 應 提供 前線 人員 快 篩 試劑</t>
  </si>
  <si>
    <t>秋冬 流感 季節 即將 到來 加上 有 新冠肺炎 伺機而動 專家 擔憂 當 兩者 混合 流行 將 考驗 第一線 醫療 人員 如何 去 鑒別 疾病 不僅 新冠肺炎 確診 難度 加高 病人 也 恐 因 診斷 錯誤 未 予以 正確 治療 呼籲 政府 應 提供 前線 人員 快 篩 試劑 降低 醫療 負擔 臺灣 感染症 醫學會 理事長 黃立民 指出 新冠肺炎 與 流感 不同之處 為 新冠肺炎 在 一些 病 患 身上 會 出疹子 也 會 有 嗅覺 味覺 異常 的 問題 若要 在 臨床 上 做 區別 快 篩 工具 相當 重要 病 患 一旦 被 診 出新冠肺炎 陽性 就 能 及時 安排 隔離 莫 忘 澳洲 前車之鑒 黃立民 表示 若 新冠肺炎 與 流感 混合 流行 第一線 醫療 人員 將 沒有 辦法 做 判斷 目前 國內 環境 就是 采 檢 體 去 做 pcr 他 建議 要 有 快 篩 最好 兩者 都 篩 降低 臨床 壓力 也 有助 正確 判斷 黃立民 說 需要 儘快 判定 的 原因 隔離 是 一大 因素 流感 病人 不 需要 隔離 但 新冠肺炎 患者 不 只要 隔離 還要 到 負 壓 病房 如果 醫療 量 能 用到 錯誤 的 地方 就 容易 拖垮 醫療 體系 因此 能 越 快 診斷 出 結果 越 好 台大醫院 感染 科 主任 陳 宜君 表示 流感 疫情 若 嚴重 床位 的 調度 就 非常 困擾 過去 這個 問題 很 少 被 關心 到 以 2009 年 h 1 n 1 為 例 澳洲 疫情 慘烈 加 護 病房 都 被 流感 重症 占滿 排擠 了 其他 病 患 的 需求 也 因 如此 這 幾 個 月 以來 各 家 醫院 都 在 做 整備 3 方式 協助 前線 醫護 中華民國 防疫 學會 榮譽 理事長 王任賢 表示 依照 目前 的 政策 未 提供 新冠 快 篩 有 3 種 方式 可以 協助 到 第一 線 醫護 首先 是 在 新冠 快 篩 機會 不 大 的 情況 下 至少 給 前線 流感 快 篩 再來 是 要 仰賴 臨床 醫師 的 判斷 例如 新冠肺炎 沒有 鼻 塞 流 鼻 水 喉嚨 痛 等 上呼吸道感染 症狀 有的是 嗅覺 與 味覺 失常 最後 則 是 透過 旅遊 史 接觸 者 來 判斷 是否 有 風險</t>
  </si>
  <si>
    <t>治療 死亡 風險 患者 新冠肺炎 疫情</t>
  </si>
  <si>
    <t>受 確診 新冠肺炎 的 澳洲 音樂家 影響 原訂 於 8 日 自 澳洲 返台 的 歌仔戲 國寶 廖 瓊枝 決定 搭乘 另 一 班機 廖 瓊枝 歌仔戲 文教 基金會 董事 紀慧玲 表示 含 廖 瓊枝 在內 薪傳 歌仔戲 劇團 39 人 將 在 今 11 晚 搭乘 十 點 多 的 班機 返台 預估</t>
  </si>
  <si>
    <t>受 確診 新冠肺炎 的 澳洲 音樂家 影響 原訂 於 8 日 自 澳洲 返台 的 歌仔戲 國寶 廖 瓊枝 決定 搭乘 另 一 班機 廖 瓊枝 歌仔戲 文教 基金會 董事 紀慧玲 表示 含 廖 瓊枝 在內 薪傳 歌仔戲 劇團 39 人 將 在 今 11 晚 搭乘 十 點 多 的 班機 返台 預估 抵 台 時間 已是 明 12 日 清晨 董事 柯銘峰 也 表示 一行 人 現況 都 很 好 歌仔戲 團 抵 台後 將 會 發 佈 落地 聲明 讓 戲迷 放心 紀 慧 玲 表示 在 長 榮 航空 協助 下 39 人 將 搭乘 同一 班機 返台 據 團長 張孟逸 轉述 團隊 在 澳洲 多 停留 的 幾 天 也 不 太 敢 出門 趴 趴 走 現在 各地 都 會 緊張 他們 大多 待 在 旅館 廖 瓊枝 老師 擔心 團員 團員 也 擔心 老師 才 決定 一起 回來 不要 錯開 團隊 成員 現年 85 歲 的 廖 瓊枝 為 薪傳 歌仔戲 劇團 的 創辦 人 長期 致力 於 傳承 歌仔戲 文化 在 舞臺 也 依舊 活躍 有 臺灣 第一 苦 旦 之 稱 此 回 她 與 薪傳 歌仔戲 劇團 受 邀 參與2020 澳洲 布里斯本 國際 藝術節 6 日 7 日 都 有 表演 原本 預定 8 日 返國 但 正巧在 7 日 演出 前 得知 返台 的 同班 機上 有 曾 與 確診 澳洲 音樂家 2 日 赴 澳 時 同 班機 的 旅行團 團員 引起 外界 關注 雖 經 防疫 中心 澄清 音樂家 坐在 商務 艙 旅行團 坐在 經濟艙 有 一定 距離 但 薪傳 歌仔戲 團 考量 廖 瓊枝 已 85 歲 高齡 為 避免 萬一 在 廖 瓊枝 歌仔戲 文教 基金會 董事 討論 後 還是 決議 延期 三 天 返台 在 立 委 何志偉 及 航空 幫忙 下 國立 傳統 藝術 中心 將 負擔 團隊 在 澳洲 的 三 天 食宿 劇團 團員 改 機票 的 費用 則 由 基金會 負擔 紀 慧 玲 表示 廖 瓊枝 很 感謝 外界 的 關心 但 也 因 引起 注目 而 感到 不好意思 希望 大眾 不要 擔心 柯銘峰 也 說 廖 瓊枝 與 團員 一切 均 安 回台 後會 繼續 準備 月底 將 在 戲曲 藝術節 上 演 的 節目 謝謝 外界 的 關心 與 幫忙</t>
  </si>
  <si>
    <t>新冠肺炎 疫情 擴 及 全球 截至 目前為止 新加坡 確診 病例 已 達 58 起 扣 掉 鑽石 公主 號 的 確診 病例 不算 新加坡 全球 確診 數 僅次於 大陸 日前 就 有 網友 好奇 政府 目前 對 新加坡 入境 的 人 有 類似 居家 檢疫 的 措施 嗎 擔心 恐 成為</t>
  </si>
  <si>
    <t>新冠肺炎 ncp 新加坡 日本 確診</t>
  </si>
  <si>
    <t>長 聖 6172 挾 著 腦 中風 與 新冠肺炎 等 三 個 適應症 新藥 與 國 藥廠 洽談 合作 授權 可望 在 第一 季 敲定 加上 特 管 辦法 推出 該 公司 治療 項目 核准 案 均 為 臺灣 之 冠 法人 預期 2021 年 營運 有 機會 虧 轉 盈 以 首 家 專攻 細胞 治療 上櫃 的 長</t>
  </si>
  <si>
    <t>長 聖 6172 挾 著 腦 中風 與 新冠肺炎 等 三 個 適應症 新藥 與 國 藥廠 洽談 合作 授權 可望 在 第一 季 敲定 加上 特 管 辦法 推出 該 公司 治療 項目 核准 案 均 為 臺灣 之 冠 法人 預期 2021 年 營運 有 機會 虧 轉 盈 以 首 家 專攻 細胞 治療 上櫃 的 長 聖 8 日 以 每股 138 元 掛牌 由於 今年 營運 將 見 轉機 激勵 股價 開高 走 高 終場 以 1725 元 作 收 漲幅 25 出現 蜜月 行情 長 聖 目前 新藥 異體 臍帶 間 質 幹細胞 umsc 01 用 來 治療 急性 心肌梗塞 完成 一期 臨床 試驗 收 案 預計 2021 年 向 美國 fda 提出 二期 臨床 試驗 申請 新 一代 car-t 藥物 car 001 因 治療 實體 瘤 異體 移植 有機 會 成為 突破性 car-t 療法 已 申請 美國 專利 並 規劃 申請 美國 與 臺灣 臨床 一期 試驗 董事長 劉 銖 淇 表示 長 聖 有 五 個 產品 申請 特 管 辦法 已 通過 四 項 最後 一 項 預計 年底 取得 審查 該 公司 已 與 四 家 醫學 中心 三 家 區域 醫院 與 一家 區 醫院 合作 共 取得 18 項核 可 取得 核准 件數 為 廠商 最高 長 聖已 啟動 急性 心肌梗塞 急性 缺血性 腦 中風 與 新冠肺炎 三 項 臨床 的 臍帶 間 質 幹細胞 umsc 01 已 在 2020 年 8 月 通過 美國 fda 核准 啟用 臨床 一 二期 試驗 但 目前 尚未 啟動 收 案 而是 與 國際 藥廠 洽談 合作 目標 本 季 有望 定案 也 不 排除 成立 合資 公司 由 合作夥伴 負責 美國 臨床 試驗 長 聖 負責 臺灣 臨床 試驗</t>
  </si>
  <si>
    <t>從 防疫 到 紓困 為 因應 新冠肺炎 的 一連串 作戰 黃偉哲 回頭 看 讓 他 感到 最 痛苦 的 是 假貨 太 多 怎麼 說 呢 原來 市民 居家 檢疫 時 亂跑 曾 遭 罰 70萬 還有 發放 紓困 金 一直 看到 有人 重複 請領 造成 不公 義 和 行政 成本 浪費 讓 黃</t>
  </si>
  <si>
    <t>從 防疫 到 紓困 為 因應 新冠肺炎 的 一連串 作戰 黃偉哲 回頭 看 讓 他 感到 最 痛苦 的 是 假貨 太 多 怎麼 說 呢 原來 市民 居家 檢疫 時 亂跑 曾 遭 罰 70萬 還有 發放 紓困 金 一直 看到 有人 重複 請領 造成 不公 義 和 行政 成本 浪費 讓 黃偉哲 心痛 了 中 時 新聞網 專訪 黃偉哲 市長 的 前 一 天 他 才 考察 將 申請 開放 營業 的 酒店 營業 場所 台南 也 成為 第 一個 開放 八大 行業 申請 恢復 營業 的 直轄市 他 認為 任何人 在 病毒 面前 都是平 等 阿中 部長 說 可 開始 防疫 新 生活 台 南市 就 依阿中 同樣 標準 在 一 遍 解 封聲中 讓 八大 行業 也 有 新 思考 其實 之前 被 封 的 只 有 酒店 ktv 有 實 名 就 沒 限制 pub 等 也 都 沒有 封到 閉 絕 雖然 當初 酒店 也 是 一 紙 命令 就 封 但 他 認為 解封 要 有 一致性 必須 符合 相關 規定 更 不 希望 變成 中央 地方 互 踢 互 甩 鍋 既然 中央 已 授權 地方 地方 政府 就 依 sop走 程式 雖 也 可 一 紙 命令 即 解封 黃偉哲 認為 還 是 要 謹慎 而為 讓 業者 依 規定 申請 合格 就 解封 市長 不是 國王 說 封 就 封說 解就 解 所以 提供 公文 請 他們 申請 那天 他 去 看 業者 申請 前 的 演練 把 舞池 封 住 座位 排 好 距離 這些 都 做 好 了 實質 防疫 準則 也 就 符合 只要 完成 行政 流程 即可 開放 再 談到 搶 第一 的 紓困 金髮 放 黃偉哲 說 台南 所 核定 的 人數 和 錢 的 百分比 是 第一 名 台南 市 對 申請 紓困 的 每 一 筆 都 自己 審 只要 資料完整 就 審 的 快 目前 大約 7 成多 還 沒過 有的 先用 身份證 切結 申請 通過 有 3000 多 件 也 有 1000 多 件 被 抓到 重 複審 請 等 沒 通過 假貨 多 讓 黃 市長 心寒 他 說 居家 檢疫 台 南市 就 有 10 多 人 趴 趴 走 還 欺騙 負責 通知 的 人 直 到 住 隔壁 人 看 不下 才 揭發 防疫 政策 執行 時 造假 太 多 連來領 上課 補助 的 計程車 司機 也 重複 造假 資料 而 紓困 金 是 對 沒 保險 的 人 卻 也 有 保險 的 人 也 要來 領 這些 都 很 為難 公務人員 讓 大家 覺得 有 挫折感 最後 都是依 阿中 部長 說 寧可 錯 發 也 不放過 黃偉哲 說真的 錯 發 部 份 等 以後 再 想 辦法 補 回</t>
  </si>
  <si>
    <t>高雄市 一 名 65 歲 蔡姓 男子 昨 15 日 上午 接種 莫德納 疫苗 傍晚 在 家中 暈倒 送醫 搶救 不治 蔡男 妻子 悲痛 表示 丈夫 身體狀況 良好 兩 人 曾 聊到 有人 打 疫苗 後 死亡 她 勸 那 你 不要 打 但 丈夫 堅持 要 打 豈料 打完 疫苗 就 發生 憾事 面對 突 來 的 變故 蔡妻 無助 那 我 怎麼辦 高雄 65 歲 的 蔡姓 男子 15 日 上午 接種 完 疫苗 後 下午 卻 在 家中 突然 倒地 家屬 緊急 將 他 送醫 後 不治 這 是 高雄 第二 起 施 打完 莫德納 疫苗 的 死亡 案例 目前 衛生局 正 在 進一步 調查 死因 是否 與 疫苗 有關 仍 待 厘 清 蔡男 的 妻子 是 外籍 配偶 她 表示 丈夫 平時 很 少 就醫 也 沒有 特殊 的 運動 嗜好 身材 適中 沒有 肥胖 的 狀況 但 最近 爬樓梯 時會 很 喘 她 透露 丈夫 曾 聊到 有人 打 疫苗 會 死 掉 她 就 說 那 你 不要 打 為什麼 要 打 一定 要 打 嗎 但 丈夫 堅持 要 打 疫苗 如今 發生 憾事 她 相當 無助 據 瞭解 蔡男 在 碼頭擔任 領班 15 日 上午 在 高雄 展覽館 打 疫苗 就 去 上班 不過 家屬 表示 因為 下雨 沒什麼 工作 應 不 會 有 勞累 的 問題 蔡男 下班 回家 後 在 脫 衣服 的 過程 中 忽然 昏倒 意識 不 清 家屬 見狀 緊急 撥 打 119 尋求 協助 在 6 時 15 分 被 送 到 阮 綜合 醫院 的 急診 搶救 卻 不幸 在 7 時 11 分 宣佈 急救 無效 仍然 回天乏術 高 市府 衛生局 表示 蔡男 有 慢性 病史 於 15 日 上午 接種 疫苗 後 無 特別 不適 反應 將 全力 協助 家屬 後事 及 相關 救濟 並 進一步 厘 清 真相 死因 是否 與 施打 疫苗 相關 將 向 中央 疫苗 接種 嚴重 不良反應 事件 通報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河南省 鄭州市 新冠肺炎 應急 處置 聯合 指揮部 4 日 晚間 召開 新聞 發佈會 鄭州市 人民政府 副 秘書長 李慧芳 指出 鄭州 此 輪 疫情 自 7 月 30 日 爆發 院內 感染 發現 首例 無 症狀 感染者 以來 至 4 日 下午 6 時 累計 感染 101 人 其中 確診 16 人</t>
  </si>
  <si>
    <t>河南省 鄭州市 新冠肺炎 應急 處置 聯合 指揮部 4 日 晚間 召開 新聞 發佈會 鄭州市 人民政府 副 秘書長 李慧芳 指出 鄭州 此 輪 疫情 自 7 月 30 日 爆發 院內 感染 發現 首例 無 症狀 感染者 以來 至 4 日 下午 6 時 累計 感染 101 人 其中 確診 16 人 管城區 1 人 二七區 15 人 輕型 13 人 普通型 3 人 無 症狀 感染 85 人 管城區 1 人 惠濟區 1 人 滎陽市 2 人 新鄭市 6 人 二七區 73 人 金水區 2 人 男性 57 人 女性 44 人 年齡 最小 7 歲 65 歲 以上 16 人 其中 最 大 77 歲 李慧芳 還 通報 了 相關 處置 情況 一 封控 區域 動態 調整 情況 在 7 月 31 日 劃分 封閉 區 封控區 防控 區 的 基礎 上 於 8 月 2 日 8 月 3 日 8 月 4 日 根據 新 發現 病例 分佈 情況 三 次 調整 擴大 封控區 範圍 共 涉及 二七區 12 個 街道辦事處 108 個 社區 6618萬 人 管城區 4 個 街道辦事處 22 個 社區 1229萬 人 兩 區 合計 7847萬 人 二 市 六 院 病 患 及 醫護人員 分流 轉運 情況 為 徹底消除 院內 傳播 隱患 按照 大陸 國家 和 省 聯防 聯控 機制 專家建議 對 市 六 院 封閉 管理 的 人員 實施 分流 目前 已 分流 患者 447 人 工作人員 和 陪 護 人員 1137 人 對 分流 人員 嚴格 按照 院 感 防控 標準 實施 單人 單間 隔離 治療 或 隔離 醫學觀察 三 原市 六 院 特殊 患者 救治 情況 市 六 院 封閉 管理 時 共收 治 136 名 尿毒癥 患者 其中 住院治療 28 名 門診 治療 108 名 疫情 發生 後 12 名 患者 繼續 住院 進行 單人 單間 隔離 治療 轉移 至 市 岐伯 山 醫院 市 三 院 隔離 治療 16 名 省直 第 三 人民醫院 隔離 治療 3 名 將 二七區 鑫 隆 溫泉 酒店 整體 租賃 作為 隔離 治療 點 採取 點 對 點 一 站 式 密閉式 運輸 方式 轉運 85 名 患者 20 名 正在 居家 隔離 的 門診 治療 患者 將 視 病情 及時 收治 隔離 治療 通過 分類 救治 充分 滿足 特殊 患者 的 治療 需求 確保 疫情 有效 防控 四 隔離 酒店 籌備 使用 情況 按照 寧可 備而不用 不可 用時 無 備 原則 選定 隔離 酒店 53 家 可用 床位 7609 個 目前 已 啟用 27 家 可用 床位 4694 個 隔離 1989 人</t>
  </si>
  <si>
    <t>隨機 殺人 新冠肺炎 疫情 發生 許福生</t>
  </si>
  <si>
    <t>新冠肺炎 臺灣 國產 疫苗 羅智強 蔡英文</t>
  </si>
  <si>
    <t>新冠肺炎 臺灣 確診 陽性 新竹 縣</t>
  </si>
  <si>
    <t>昨天 12 日 曾一度 誤傳 跟 爵士 中鋒 戈貝爾 一起 成為 新冠肺炎 確診 者 的 爵士 替補 後衛 穆迪埃 在 爵士 全 隊 都 接受 新冠 檢測 之後 確定 呈現 陰性反應 也 就 代表 他 並未 罹 患 新冠肺炎 一切 只是 烏龍 一 場 他 也 隨即 發 推 感謝上帝 保佑 且 暫</t>
  </si>
  <si>
    <t>穆迪埃 戈貝爾 米契爾 新冠肺炎 爵士</t>
  </si>
  <si>
    <t>一 名 愛爾蘭 年輕 男子 日前 在 社 群 媒體 上 分享 自己 感染 新冠肺炎 後 出現 的 極端 症狀 他 描述 自己 不僅 頭痛 全身 痛 失去 嗅覺 味覺 更 曾 咳 出 大量 血液 他 自嘲 量 多 到 就 像 捐 血 新冠 病毒 蔓延 全世界 至今 全球 超過 9 000萬</t>
  </si>
  <si>
    <t>愛爾蘭 新冠肺炎 極端 咳 血 捐 血</t>
  </si>
  <si>
    <t>大 聯大 新冠肺炎 5 g 電子 商路 數位 商務</t>
  </si>
  <si>
    <t>新冠肺炎 疫情 升溫 民眾 不只 瘋 搶 口罩 網上 又 謠傳 衛生紙 將 缺貨 造成 新 一 波 搶購潮 而 散佈 謠言 的 網友 也 陸續 遭 調查 儘管如此 這 波 衛生紙 之 亂 仍 沒 平息 本土 劇 女星 兵家 綺 就 跑 了 3 家 店 都 買不到 讓 她 相當 傻眼 兵家 綺</t>
  </si>
  <si>
    <t>新冠肺炎 疫情 升溫 民眾 不只 瘋 搶 口罩 網上 又 謠傳 衛生紙 將 缺貨 造成 新 一 波 搶購潮 而 散佈 謠言 的 網友 也 陸續 遭 調查 儘管如此 這 波 衛生紙 之 亂 仍 沒 平息 本土 劇 女星 兵家 綺 就 跑 了 3 家 店 都 買不到 讓 她 相當 傻眼 兵家 綺 透露 家裡 衛生紙 剛好 用 完 出門 跑 了 兩 家 店 都 沒 買到 最後 只好 到 大 賣 場 採買 沒 想到 架上 也 被 搶購一空 所幸 她 還 眼尖 發現 另 一 區還 有 稍微 貴 一點 的 衛生紙 只好 先 拿 再說 讓 她 傻眼 直 呼 拜 讬 請 不要 聽信 謠言 大家 不要 亂 搶 物資 留給 真 的 需要 的 人 用 吧</t>
  </si>
  <si>
    <t>新冠肺炎 大陸 瑞麗 雲南 疫情</t>
  </si>
  <si>
    <t>新冠肺炎 臺灣 確診 匡列 84</t>
  </si>
  <si>
    <t>不僅 新冠肺炎 防疫 有成 臺灣 在 口 蹄 疫 上 近日 也 傳來 好 消息 農委會 副 主委 黃金城 昨天 表示 世界 動物 衛生組織 oie 最 快於 下週一 宣佈 我國 為 口 蹄 疫 的 非 疫區 臺灣 豬肉 將 可以 外銷 了 新加坡 可望 成為 第 一個 輸出 國 黃金城</t>
  </si>
  <si>
    <t>不僅 新冠肺炎 防疫 有成 臺灣 在 口 蹄 疫 上 近日 也 傳來 好 消息 農委會 副 主委 黃金城 昨天 表示 世界 動物 衛生組織 oie 最 快於 下週一 宣佈 我國 為 口 蹄 疫 的 非 疫區 臺灣 豬肉 將 可以 外銷 了 新加坡 可望 成為 第 一個 輸出 國 黃金城 表示 oie 原本 要 在 昨天 完成 各 會員國 的 通訊 問卷 只要 各國 同意 臺灣 就 可 脫離 口 蹄 疫區 但 由於 oie 臨時 更改 議程 審查 俄羅斯 的 動物 疫情 因此 臺灣 被 列為 非 疫區 還要 再 等等 最 快下 週一 會 有 答案 以前 臺灣 農村 幾乎 家家戶戶 養豬 一 年 光靠 豬肉 外銷 就 突破 新 台幣 600億 每年 約 有 600萬 頭 毛豬 銷 日 1997 年 口 蹄 疫 爆發 後 養豬 產業 一 夕 腰斬 政府 撲 殺 400萬 頭 豬 防疫 養 頭數 也 從 破 千萬 降 至 600萬 且 不得 外銷 多年 前 政府 便 試圖 為 口 蹄 疫 拔 針 但 最終 仍然 破 功 直到 2018 年 7 月 拔 針 計 畫 重 啟 至 2019 年 6 月底 國內 才 首度 一 整年 未 爆發 口 蹄 疫 取得 申請 oie 非 口 蹄 疫區 的 門票 農委會 也 於 2019 下半年 提出 申請 終於 即將 成功 對於 豬肉 重 啟 外銷 農委會 主委 陳吉仲 日前 曾 表示 新加坡 將 為首 波 國產 豬 外銷 地區 且 最 快 7 月 可 成行 不過 黃金城 昨 表示 由於 新加坡 還 要 派 員來台 查 場 巡視 我國 屠宰 檢疫 流程 等 是否 確實 符合規定 但因 新冠肺炎 影響 星國 官員 暫 無法 來 台 因此 實際 外銷 時間 勢必 將 延後 臺灣 養豬 業 還 有 沒有 辦法 重返 過往 榮景 黃金城 說 現在 時空 背景 不同 環保 意識 也 抬頭 要 再 增設 養豬場 恐怕 會 有 困難 但 樂見 未來 解禁 後 國內 養豬戶 在 現有 豬舍 內 增 養 目前 國內 豬只 在 養 頭數 約 為 550萬 因此 可 預期 在 口 蹄 疫 拔 針 後 在 養 頭數 有望 達 650萬 但 應 不 會 超過 此 上限</t>
  </si>
  <si>
    <t>新冠肺炎 疫情 延 燒 為 避免 群 聚 感染 澎 湖 縣政府 及 白沙 西嶼 湖西 七 美 望安鄉 公所 都 取消 清明 聯合 法會 唯獨 馬公市 所 如期 舉辦 澎 湖 縣長 賴峰偉 17 日 呼籲 馬公 市長 葉竹林 從善如流 應 取消 法會 否則 將 依 傳染病 防治法</t>
  </si>
  <si>
    <t>新冠肺炎 延 燒 但 大陸 對 臺灣 外交 打 壓 仍 持續 外交部長 吳釗燮 今天 表示 最近 值得注意 的 是 中國 外交部長 與 教廷 外交部長 見面 並 透過 商界 與 我國 邦交國 接觸 不過 我國 各 邦交國 目前 還是 處於 穩定 狀況 立 法院 外交 及 國防委員</t>
  </si>
  <si>
    <t>數 千 前線 醫務人員 恐 染 新冠肺炎 陸 疫情 面臨 新 危機</t>
  </si>
  <si>
    <t>在 這次 新冠肺炎 疫情 中 由於 醫療 資源 嚴重 短缺 加上 初期 疫情 不透明 讓 大陸 抗 疫 前線 的 醫療 人員 暴露 在 高度 風險 中 外 媒 估計 大陸 醫療 人員 感染 新冠肺炎 數量 恐 達 數 千 人 將 成為 疫情 防控 新 的 危機 中央 社 報導 說 武</t>
  </si>
  <si>
    <t>台 帛 邦交 歷經 21 載 帛 琉 至今 能夠 維持 零 確診 的 傲人 防疫 成績 除 早 在 疫情 剛 開始 爆發 就 下達 鎖國 令 外 臺灣 派駐 當地 的 新光 醫院 醫療 團隊 更是 居功厥偉 可說是 協助 帛 琉 防疫 的 無名英雄 新光 醫院 上周 在 2020 醫療 科技展 完整 揭露 今年 協助 帛 琉 執行 防疫 任務 的 成果 新光 感染 科 主任 黃建賢 指出 新光 醫院 早 在 2007 年 就 與 帛 琉 國家 醫院 締結 為 姊妹 醫院 2008 年 更 與 帛 琉 衛生部 簽訂 臺灣 醫療 合作 備忘錄 為 長期 提供 醫療 協助 打下 良好基礎 今年 3 月初 帛 琉 出現 首例 新冠肺炎 疑 似 感染者 但 當時 帛 琉 欠缺 采 檢 人才 新光 醫院 特地 用 視 訊 方式 指導 當地 醫護 采 檢 要點 以及 運送 檢 體 的 方法 最後 透過 空運 方式 將 檢 體 送至 新光 醫院 進行 檢驗 排除 可疑 個案 隨 國際 疫情 逐漸 升溫 外交部 請求 新光 在 帛 琉 設置 病毒 檢驗 實驗室 並 提供 當地 足夠 的 新冠肺炎 防疫 資源 當時 新光 醫院 準備 總 重量 高 達 540 公斤 的 防疫 物資 包含 rt-pcr 試劑 紅外線 檢測 儀 呼吸 機 等 除 硬體 物資 援助 外 黃建賢 指出 最 重要 的 是 將 檢測 技術 器材 操作 等 技術 傳承 給 帛 琉 當地 醫護 還 在 當地 舉辦 多 場 示範 教學 指導 當地 醫護 如 何萃 取 病毒 rna 組裝 呼吸器 管路 等 目前 帛 琉 與 臺灣 定期 航班 全面 停 飛 每月 僅 有約 9 個 醫療 包機 直航 新光 醫院 目前 也 收治 約 48 名 帛 琉 病 患 治療 新光 醫院 副 院長 洪子仁 曾 透露 目前 的 航班 完全 無法 應付 當地 急 重症 需要 治療 的 病 患 期盼 台 帛 之間 能 持續 洽談 旅遊 泡泡 的 可能 讓 台 帛 間 的 交流 能 更加 緊密</t>
  </si>
  <si>
    <t>群 益 證 新冠肺炎 臺灣 群 益 陽性</t>
  </si>
  <si>
    <t>吳佩慈 紀曉波 疫苗 新冠肺炎 臺灣</t>
  </si>
  <si>
    <t>阪神 虎 追求 復活 之路 的 投手 藤 浪 晉太郎 出現 疑 似 新冠肺炎 症狀 阪神 26 日 宣佈 他 有 嗅覺 失靈 狀況 雖 沒有 其他 感冒 症狀 不過 仍 進行 新冠肺炎 的 pcr 檢測 聚合 酶 連鎖反應 原定 今日 與 軟 銀 的 二 軍 賽事 也 將 取消 這 也 是 日 職 首 位</t>
  </si>
  <si>
    <t>新北 市 新莊 警 分局 昨 29 日 下午 辦理 新莊 民防 中隊 幹部 常年 訓練 由 警察局長 黃宗仁 親自 主持 副 局長 溫枝發 民防 大隊長 吳建亨 及 分局長 林 溫柔 出席 參與 此次 訓練 除了 表揚 9 位 110 年 民防 績優 暨 熱心 服務 幹部 之外 局長 黃宗仁 更 於 視 訊 中 勉勵 及 感謝 全體 民防 人員 的 無私奉獻 黃宗仁 表示 新北 警 歷經 非洲 豬瘟 新冠肺炎 等 重大事件 仍 依舊 堅忍 不懈 地 維護 治安 發揮 堅強 的 團隊精神 克服 種種 危機 與 難關 惟 詐騙 集團 利用 疫情 期間 人心浮動 的 機會 伺機而動 從 統計數字 可以 看出 今 年度 的 詐騙 案件 較往年 成長 局長 強調 此種 危害 社會 騙取 人民 辛苦 血汗錢 的 惡質 行為 相當 可惡 必定 提升 打擊 詐騙 集團 強度 守護 人民 的 生命財產 安全 黃宗仁 表示 犯罪 手法 瞬息萬變 防制 犯罪 也 得 時刻 更新 如今 的 治安工作 決戰 在 空中 利用 網路 無遠弗屆 的 特性 來 傳達 反 詐騙 及 各項 治安 宣導 訊息 全民 共同 防制 才能 達到 事半功倍 的 成效 新莊 警 分局 表示 這次 課程 針對 協 勤 專業知識 協 勤 技能 及 災害 防 救 工作 因應 疫情 關係 室內 集會 人數 受限 故 利用 視 訊 設備 打破 地域 限制 讓 各 所 的 民防 隊員 仍 能 同步 受訓 相當 感謝 新莊 民力 平日 協助 員警 執行 各項 勤務 長期 默默 付出 於社會 替 地方 治安 貢獻 一己 之 心 強化 社區 治安 執行 力 未來 將 持續 與 各 民力 合作</t>
  </si>
  <si>
    <t>紐約 聯邦 準備 銀行 表示 聯 准會 fed 自 週二 12 起 開始 買進 公司 債 etf 以 協助 支撐 受 新冠肺炎 打擊 的 美國 經濟 與 金融市場 這項 措施 對 fed 堪稱 是 一大 歷史 里程碑 因為 它 在 過去 從未 有 購買 etf 的 舉動 fed 將 透過 次級 市場</t>
  </si>
  <si>
    <t>紐約 聯邦 準備 銀行 表示 聯 准會 fed 自 週二 12 起 開始 買進 公司 債 etf 以 協助 支撐 受 新冠肺炎 打擊 的 美國 經濟 與 金融市場 這項 措施 對 fed 堪稱 是 一大 歷史 里程碑 因為 它 在 過去 從未 有 購買 etf 的 舉動 fed 將 透過 次級 市場 企業 信貸 機制 買進 債券 etf 其 購買 首選 標的 將 是 投資 級 公司 債 其次 是 高 收益 公司 債 貝萊德 集團 被 聘請 負責 這次 公司 債 etf 的 購買 計畫 由於 fed 在 以往 從未 買進 etf 這次 突然 改變 作法 根據 內情 人士 透露 是 因為 它 認為 購買 etf 是 直接 將 資金 導向 信貸 市場 的 最 快 方式 之一 此外 fed 還 將 在 近期 透過 初期 市場 企業 信貸 機制 直接 買進 公司 債 該 機制 目前 還 未 正式 推出 fed 在 聲明 中 提及 購買 etf 的 參考 標準 包括 投資 級 與非 投資 級 公債 的 所 占 比重 管理 方式 在 存款 機構 持有 的 債券 數量 管理 資產 規模 與 每日 平均 交易量 等 購買 公司 債 etf 以及 fed 先前 推出 的 多 項 救 市 措施 都 是 協助 受 疫情 重創 的 金融市場 能 儘早 恢復正常 運作 先前 受 新冠肺炎 快速 擴散 導致 美國 經濟 許多 領域 陷入 停 擺 經濟 資料 也 出現 大幅 惡化 在 同時 fed 還 把 短期 基準利率 降 至 近 零 水準 並 擴大 公債 與 抵押 債券 的 購買 規模 使得 其 資產負債表 從 去年 9 月 的 3 8 兆 美元 急遽 膨脹 到 67 兆 美元 fed 主席 鮑爾 曾 在 4 月底 記者會 上 表示 藉 由 提供 不易 取得 的 融資 能 讓 這些 紓困 計 畫 對 美國 經濟 帶來 提 振 效果 他 還 指出 當中 許多 計畫 必須 仰賴 緊急 融資 許可權 然而 這些 許可權 只有 在 罕見 情境 下 動用 就 如同 今日 遭遇 的 環境 才會 使用</t>
  </si>
  <si>
    <t>我國 自主 研發 新冠肺炎 疫苗 再度 出現 曙光 國衛院 今天 發佈 的 最新 研究 結果 指出 已 找到 一 株 候選 疫苗 讓 施打 該 疫苗 的 倉鼠 能夠 有效 抑制 新冠 病毒 的 複製 肺臟 病毒 量 降為 原本 的 1 發揮 非常 好 的 保護 效果 預計 今年 第 四季</t>
  </si>
  <si>
    <t>我國 自主 研發 新冠肺炎 疫苗 再度 出現 曙光 國衛院 今天 發佈 的 最新 研究 結果 指出 已 找到 一 株 候選 疫苗 讓 施打 該 疫苗 的 倉鼠 能夠 有效 抑制 新冠 病毒 的 複製 肺臟 病毒 量 降為 原本 的 1 發揮 非常 好 的 保護 效果 預計 今年 第 四季 將 展開 第一 期 臨床 試驗 若 順利 明年 第 三 第 四季 第 三期 臨床 試驗 通 過後 2021 年底 就 可 量 產 上市 國家衛生研究院 的 最新 研究 結果顯示 沒有 接受 dna 候選 疫苗 免疫 的 倉鼠 體重 明顯 減輕 活動力 跟 著 下降 肺臟 也 有 很 高 的 病毒 量 施打 dna 疫苗 的 倉鼠 再 去 感染 新冠 病毒 時 倉鼠 不僅 體重 與 活動力 沒有 受到 明顯 影響 更 重要 的 是 肺臟 病毒 量 亦 大幅 下降 降為 原本 的 1 顯示 倉鼠 在 施打 疫苗 之後 疫苗 產生 的 保護 效果 令 人 驚 豔 目前 全世界 針對 新冠 病毒 疫苗 開發 共有 四 個 技術 平臺 分別 為 勝 肽 疫苗 dna 疫苗 重組 病毒 疫苗 次 單位 疫苗 國衛院 這次 所 找 到 的 候選 疫苗 株 則 是 dna 疫苗 是 所有 平臺 中 可 誘發 中和 性 抗體 效價 最高 的 疫苗 同時 更具 快速 量 產 的 優勢 國 衛 院 在 今年 7 月 前 分別 針對 勝 肽 疫苗 重組 病毒 疫苗 及 次 單位 疫苗 進行 研究 但 在 32 個 標的 中 並未 發現 中和 抗體 效價 夠 高 的 疫苗 7 月 後 國衛院 將 研究 主力 導向 dna 疫苗 終於 在 6 個 標的 中 找到 一 株 候選 疫苗 能 有效 對 倉鼠 產生 保護 力 國 衛 院 感 疫 所 所長 廖經倫 表示 這次 疫苗 的 發現 是 透過 擷取 新冠 病毒 棘 蛋白 s 2 基因 的 方式 來 植入 倉鼠 肌肉 細胞 內 不僅 能 成功 製造 抗 棘 蛋白 抗體 阻擋 病毒 進入 細胞 內 增生 同時 還 能 有效 避免 病毒 變異 廖經倫 說 目前 發現 新冠 病毒 的 變異 都 是 發生 在 棘 蛋白 s 1 的 基因 上 s 2 基因 則 未 發現 先前 國衛院 與 國防 醫學院 合作 從 sars 抗體 庫 中 曾 幸運 找到 一個 單株 抗體 能 攻克 整個 新冠 病毒 家族 就 是 建立 在 s 2 基因 的 基礎 但 今天 發表 的 這款 疫苗 是否 也 能 對 新冠 病毒 家族 同樣 有效 還 需 經 進一步 的 實驗 證實 實驗 過程 中 研究 人員 分別 針對 有 施 打 疫苗 的 倉鼠 以及 未 施打 疫苗 的 倉鼠 注射 105 的 病毒 量 發現 打 疫苗 的 倉鼠 病毒 量 只 會 上升 到 106 未 施 打的 則 產生 108 的 病毒 量 兩者 差距 100 倍 且 未 施 打的 倉鼠 體重 會 下滑 10 活動力 也 明顯 下降 但有 施 打的 倉鼠 則 未有 明顯 改變 安全性 方面 廖經倫 指出 施打 dna 疫苗 後 的 免疫 小 鼠 能 誘發 分泌 高 量 的 th 1 細胞 激素 根據 who 先前 的 報告 指出 誘發 th 1 細胞 激素 越 高 量 顯示 疫苗 安全性 越 高 可 佐證 這款 疫苗 的 安全性</t>
  </si>
  <si>
    <t>胡宇威 演出 的 陸 劇 我 在 北京 等 你 正 在 愛 奇 藝 臺灣 站 熱播 受 新冠肺炎 疫情 影響 該劇 上 檔 時 取消 大陸 宣傳 行程 他 10 日 現身 接受 臺灣 媒體 訪問 見到 記者 各個 都 戴 口罩 讓 認真 防疫 的 他 數度 笑 說 我 也 滿想 戴 口罩 原本 他</t>
  </si>
  <si>
    <t>新 一 波 的 新冠肺炎 疫情 已 在 蠢蠢欲動 但 臺灣 仍 處於 疫苗 嚴重不足 的 危險 處境 中 宜蘭 縣 目前 第一 劑 疫苗 的 接種 率 已 接近 一半 縣府 表示 9 日 起 已 開始 發送 第二 劑 疫苗 的 注射 通知 物件 是 在 7 月 2 日 以前 完成 第一 劑 az 疫苗 接種 年</t>
  </si>
  <si>
    <t>新 一 波 的 新冠肺炎 疫情 已 在 蠢蠢欲動 但 臺灣 仍 處於 疫苗 嚴重不足 的 危險 處境 中 宜蘭 縣 目前 第一 劑 疫苗 的 接種 率 已 接近 一半 縣府 表示 9 日 起 已 開始 發送 第二 劑 疫苗 的 注射 通知 物件 是 在 7 月 2 日 以前 完成 第一 劑 az 疫苗 接種 年滿 75 歲 以上 的 民眾 根據 統計 累計 到 本月 8 日 宜蘭 縣 疫苗 接種 全年齡 涵蓋 率 為 494 如以 年齡層 區分 75 歲 以上 為 741 65 至 74 歲 為 778 完成 第一 劑 疫苗 接種 的 比例 最高 50 至 64 歲 為 633 30 至 49 歲 54 18 至 29 歲 則 是 325 縣府 在 10 日 的 防疫 會議 中 表示 9 日 起 已 開始 發送 第二 劑 疫苗 施打 通知單 對象 是 在 7 月 2 日前 完成 第一 劑 az 疫苗 接種 且 年滿 75 歲 以上 的 民眾 長 照 機構 及 洗 腎 機構 則 是從 9 月 15 日 起 由 各 院所 規 畫 到 指定 機構 施打 已 接種 完 第一 劑 的 員警 消防 環保 村裡 鄰長 及 村裡 幹事 則 自行 至 疫苗 預約 平臺 預約 至於 65 歲 以下 的 縣民 同樣 請 透過 預約 平臺 進行 意願 登記 待 中央 發 簡訊 通知 可以 施打 第二 劑 時 再 進行 預約 施打 受到 新 一 波 疫情 的 影響 縣長 林姿 妙 也 在 防疫 會議 中指 示 為了 保障 縣民 及 學生 健康 只要 學校 有 1 位 學生 確診 便 啟動 全校 停課 14 天 的 嚴格 防疫 措施 中秋節 將 至 林姿 妙 也 再次 提醒 說 宜蘭 縣 不 開放 公共場所 社團 及 社區 的 烤肉 活動 但 民眾 自行 在家 烤肉 則 不在 限制 之列 不過 參與 的 對象 仍 須以 同 住家 人為 原則 並且 落實 防疫 相關 規定 同時 請 民眾 配合 暫時 避免 不 必要 的 跨縣 市 移動</t>
  </si>
  <si>
    <t>新冠肺炎 臺灣 宜蘭 縣 確診 疫苗 接種</t>
  </si>
  <si>
    <t>國產 疫苗 新冠肺炎 高端 聯 亞 臺灣</t>
  </si>
  <si>
    <t>行政院長 蘇貞昌 23 日 召集 各部 會 盤點 新冠肺炎 紓困 經費 加碼 400億 元 部分 將 包含 延緩 繳稅 融資 貸款 以及 勞工 薪資 補助 等 專案 行政院 預估 本 周 內 就 會 對 外 公佈 內容 行政院 發言人 kolas yotaka 指出 為 因應 新冠肺炎 對 經</t>
  </si>
  <si>
    <t>行政院長 蘇貞昌 23 日 召集 各部 會 盤點 新冠肺炎 紓困 經費 加碼 400億 元 部分 將 包含 延緩 繳稅 融資 貸款 以及 勞工 薪資 補助 等 專案 行政院 預估 本 周 內 就 會 對 外 公佈 內容 行政院 發言人 kolas yotaka 指出 為 因應 新冠肺炎 對 經濟 航空 旅 宿 產業 的 衝擊 總統 蔡英文 已 指示 政府 要用 1000億億 元 紓困 振興 除了 特別 預算 600億 元 之外 再以 400億 元 預算 擴大 紓困 23 日 經濟部 財政部 金管會 央行 交通部 等 相關 部會 向 蘇揆 報告 盤點 進度 蘇揆 23 日 聽取 後 指示 加快 加速 推出 相關 方案 必須 兼顧 周延 由 各部 會 再 清楚 盤點 統計數字 與 預算 儘快 擇日 再議 拍板 後 盡 速 對外 宣佈 目前 400億 元 加碼 紓困 內容 包括 延緩 繳稅 融資 貸款 勞工 薪資 補助 等 項目 據悉 400億 元 加碼 將 在 這 兩 做 最後 匯 整 討論 不必 經由 行政院 會 通過 即可 宣佈 實施</t>
  </si>
  <si>
    <t>新冠肺炎 臺灣 侯友宜 發病 日 新北 市</t>
  </si>
  <si>
    <t>大甲 媽 繞 境 外界 質疑 會 引發 新冠肺炎 群 聚 感染 效應 內政部長 徐國勇 上午 表示 此事 關係 重大 他 會 向 行政院長 蘇貞昌 請示 目前 未定 案 內政 部 也 會 持續 與 宗教團體 溝通 也 希望 宗教團體 依照 疾 管署 管制 規定 來 做 新冠肺炎</t>
  </si>
  <si>
    <t>大甲 媽 繞 境 外界 質疑 會 引發 新冠肺炎 群 聚 感染 效應 內政部長 徐國勇 上午 表示 此事 關係 重大 他 會 向 行政院長 蘇貞昌 請示 目前 未定 案 內政 部 也 會 持續 與 宗教團體 溝通 也 希望 宗教團體 依照 疾 管署 管制 規定 來 做 新冠肺炎 疫情 持續 發展 大甲 媽 姐 繞 境 卻 將 在 3 月 19 日 起 駕 外界 關切 屆時 疫情 難料 萬一 產生 群 聚 感染 將 一發不可收 十 徐國勇 今 被 問到 相關 問題 時說 疾 管署 有 相關 管制 規定 也 就 是 公眾 集會 因應 指引 內政 部 也 會 持續 跟 宗教團體 溝通 相關 問題 他 會 向 蘇揆 報告 目前 停辦 與否 還 未定 案 大甲 媽 繞 境 新冠肺炎 內政 部 徐國勇 蘇貞昌 行政院</t>
  </si>
  <si>
    <t>徐國勇 大甲 媽 新冠肺炎 內政 部 肺炎</t>
  </si>
  <si>
    <t>高雄 市長 韓國瑜 近 期 全力 防 新冠肺炎 疫情 擴散 努力 抑制 逐漸 升溫 的 溫度 所 引起 的 登革熱 但 近期 雜誌 公佈 民 調 卻 墊 底 也 讓 名 嘴 陳揮文 大 感 不滿 直言 他 就 問 大家 一 句 話 就 好 民 調 那麼 高 高雄 之前 一樣 淹 大水 綠 營 執政 那</t>
  </si>
  <si>
    <t>32 歲 大馬 歌手 傅健穎 為 創作 專輯 一半 太陽 一半 月亮 首度來台 宣 傳 26 日 出席 媒體 見面會 她 談到 出道 12 年 終於 有 機會 來 台 發片 卻 遇上新冠肺炎 疫情 全球 肆虐 日前 入境 時有 特別 被 檢查 海關 有 檢查 我 的 護照 詢問 我 有 沒</t>
  </si>
  <si>
    <t>32 歲 大馬 歌手 傅健穎 為 創作 專輯 一半 太陽 一半 月亮 首度來台 宣 傳 26 日 出席 媒體 見面會 她 談到 出道 12 年 終於 有 機會 來 台 發片 卻 遇上新冠肺炎 疫情 全球 肆虐 日前 入境 時有 特別 被 檢查 海關 有 檢查 我 的 護照 詢問 我 有 沒有 去 過 中 港澳 也 有 跟 我 留下 了 手機 的 聯絡 號碼 傅健穎 說 自己 跟 臺灣 頗 有 淵源 學生 時期 就 曾來台 環島 自助 旅行 2 年 前 還 來 過 臺灣 參加 創作 營 寫 下 不少 歌曲 更 促成 這次 來 台 發片 的 契機 以前 的 我 沒有 準備 好 當時 也 沒有 那個 機會 這次 發片 有 向 一些 歌手 請 益 談及 好友 潘嘉麗 自 爆 婚 訊 閃 婚 成 了 臺灣 媳 單身 又 適 婚 的 傅健穎 也 被 工作人員 鼓吹 可 考慮 嫁 來 臺灣 她 笑 回 可以 啊 如果 有 這個 姻緣 首先 要 先 來 發片 讓 大家 認識 我 可以 找到 物件 也 不錯 更 多 ctwant 報導</t>
  </si>
  <si>
    <t>傅健 穎 歌手 大馬 新冠肺炎 全球</t>
  </si>
  <si>
    <t>新冠肺炎 臺灣 匡列 接觸 者 醫師</t>
  </si>
  <si>
    <t>新冠肺炎 疫情 在 亞洲 蔓延 北 韓 宣稱 該國 沒有 任何 確診 案例 而 據 南韓 東亞 日報 報導 一 名 近日 從 大陸 回 國 貿易 官員 在 遭 隔離 期間 趴 趴 走 偷偷 前往 大眾 澡堂 違反 隔離 規定 結果 慘遭 槍決 處死 東亞 日報 指出 這 名</t>
  </si>
  <si>
    <t>隔離 北 韓 新冠肺炎</t>
  </si>
  <si>
    <t>新冠肺炎 臺灣 疫苗 賴士葆 編 列</t>
  </si>
  <si>
    <t>新冠肺炎 康復者 複 陽性 並非 再 感染</t>
  </si>
  <si>
    <t>裡長 們 辛苦 了 新北 市政府 13 日 于 新莊 舉行 109 年 特 優 裡長 及 績優 民政 人員 表揚大會 表揚 特 優 裡長 民政 人員 新北 市長 侯友宜 親自 致贈 獎牌 其中 最 高齡 裡長 為 81 歲 雙溪 區 新 基裡 李 添 貴 表示 裡 內 民風純樸 他 把 每 位 裡民 的 事 當作 自己 的 事 只要 還有 體力 他 就 會 持續 為民服務 侯友宜 13 日 出席 頒獎 表示 全新 北 共有 1032 位 裡長 每 一 位 裡長 不僅 是 市府 溝通 的 橋樑 也 是 市政 推動 的 重要 力量 尤其 今年 新冠肺炎 疫情 嚴峻 裡長 們 加重 業務 配合 公所 執行 居家 檢疫 作業 發送 居家 防疫 關懷 包 及 裡 鄰 防疫 宣 導 等 是 市府 最 堅實 的 夥伴 侯友宜 頒獎 給 最 高齡 獲獎 裡長 李 添 貴 時 相當 訝異 李 添 貴 絲毫 不 見 老態 在場 裡長 得知 他 已 81 歲 也 都 非常 驚訝 李添 貴在 臺上 透漏 保養 技巧 他 說 雙溪 空氣 好 沒什麼 污染 平日 他 注重 環境 整潔 將 打掃 視為 生活習慣 飲食 清淡 外 也 要 維持 運動 習慣 就 可 常保 青春 李 添 貴 說 46 年 前 他 裡 內 的 裡長 因故 過世 他 之後 參加 補選 擔任 裡長 3 年 後 未再 出 選 裡長 而 此 屆 裡長 選舉 他 抱 著 仍 想為 民 服務 的 心情 當選 強力 爭取 重新 鋪路 保護 裡 內 安全 他 也 重視 環境 衛生 另外 也 常帶 裡民 參加 生態 研習 強化 社區 認同 此外 最 年輕 獲獎 裡長 是 31 歲 的 三峽 區 安溪 裡 王曼甄 說 她 25 歲 就 當選 裡長 目前 已 連任 2 屆 她 說 其實 年輕 資深 裡長 沒有 太 多 差別 而 她 最 注重 裡 內 獨居 長者 安全 與 健康 常常 到訪 和 關懷 長者 希望 給 長者 社區 愛 的 感覺 讓 裡民 擁有 更 好 的 生活 環境</t>
  </si>
  <si>
    <t>為 避免 大型活動 造成 新冠肺炎 防治 破 口 總統 蔡英文 帶頭 宣佈 今年 520 就職 活動 暫停 籌辦 工作 保持 最 大 彈性 因應 疫情 變化 另 衛福部 26 日 宣佈 即日起 醫院 探病 限 兩 位 陪 病 限 一 位 並 要求 134 家 醫院 擴大 設置 新冠肺炎 專責 病房</t>
  </si>
  <si>
    <t>新北 幼稚園 停課 擴大 羅致 政 新冠肺炎</t>
  </si>
  <si>
    <t>高端 猝 逝 死因 臺灣 新冠肺炎</t>
  </si>
  <si>
    <t>因應 新冠肺炎 嚴峻 為 讓 民眾 方便 在家 自我 檢測 食 藥 署 于 上周 六 核准 5 款 居家 快 篩 試劑 今 起 於 四大 超 商 藥 妝 店 藥局 等 通路 販 售 分為 抗原 快 篩 及 核酸 檢驗 快 篩 兩 種 其中 以 核酸 檢 快 篩 最 准 民眾 可 自由選擇 單 劑 至 盒 裝</t>
  </si>
  <si>
    <t>新冠肺炎 快 篩 試劑 四大 超 商 居家 快 篩 抗原 快 篩</t>
  </si>
  <si>
    <t>疫苗 長 照 新冠肺炎 鄭正鈐 臺灣</t>
  </si>
  <si>
    <t>大規模 接種 疫苗 副作用 臺灣 新冠肺炎</t>
  </si>
  <si>
    <t>英 37 歲 駐 匈牙利 副 大使 感染 新冠肺炎 病逝</t>
  </si>
  <si>
    <t>英國 年 僅 37 歲 的 駐 匈牙利 副 大使 史蒂芬 迪克 steven dick 感染 新冠肺炎 週三 25 日 驚 傳 病逝 路透社 報導 迪克 去年 12 月 被 派 任 到 英國 駐 匈牙利 大使館 擔任 副 大 使 一 職 匈牙利 衛生 當局 當天 僅 對外 宣佈 累計 死亡 案例 為 10 例</t>
  </si>
  <si>
    <t>英國 年 僅 37 歲 的 駐 匈牙利 副 大使 史蒂芬 迪克 steven dick 感染 新冠肺炎 週三 25 日 驚 傳 病逝 路透社 報導 迪克 去年 12 月 被 派 任 到 英國 駐 匈牙利 大使館 擔任 副 大 使 一 職 匈牙利 衛生 當局 當天 僅 對外 宣佈 累計 死亡 案例 為 10 例 其中 包含 一 名 英國 公民 沒 想到 這 名 英國 公民 就 是 副 大使 迪克 此 消息 一 出 英國 外交 及 聯邦 事務 大臣 多明尼克·拉布 dominic raab 深表遺憾 表示 英國外交部 的 全體同仁 都會 緬懷 這 位 年輕有為 的 外交官</t>
  </si>
  <si>
    <t>新冠肺炎 臺灣 民眾 確診 假 訊息</t>
  </si>
  <si>
    <t>新冠肺炎 臺灣 接種 心肌炎 心包 膜 炎</t>
  </si>
  <si>
    <t>陸媒 環球時報 24 日 刊登 專訪 美國 外交關係 委員會 全球 衛生 問題 高級 研究員 黃嚴忠 指出 經過 3 個 月 抗 疫 行動 輿論 普遍認為 新冠肺炎 疫情 在 大陸 的 高峰 已經 過去 另 一個 問題 這 幾 天 擺上 桌面 隨 著 世界 多國 疫情 發展 愈 演 愈</t>
  </si>
  <si>
    <t>陸媒 環球時報 24 日 刊登 專訪 美國 外交關係 委員會 全球 衛生 問題 高級 研究員 黃嚴忠 指出 經過 3 個 月 抗 疫 行動 輿論 普遍認為 新冠肺炎 疫情 在 大陸 的 高峰 已經 過去 另 一個 問題 這 幾 天 擺上 桌面 隨 著 世界 多國 疫情 發展 愈演愈烈 大陸 該 如何 應對 境外 輸入 性病 例 可能 造成 的 疫情 反撲 黃嚴忠 說 大陸 預防 和 應對 二 次 暴發 最 理想 的 解決 方法 還是 儘快 研製 並 量 產 疫苗 使 大部分 人口 藉 由 疫苗 形成 群體 免疫 同時 研製 並 量 產 有效 的 抗 病毒 藥物 不過 一般 認為 考慮 到 必須 有 的 安全 和 有效性 疫苗 研製成功 和 量 產 至少 要 一 年 時間 第二 條 路 是 高 築 牆 也 就 是 建立 起 保護 屏障 除 機場 海關 的 體溫 檢測 和 入境 後 的 隔離 醫學觀察 期 等 防控 措施 外 國內 的 一部分 社會 阻隔 和 防控 措施 可能 也 不得不 在 一段時間 內 繼續 維持下去 至於 一般 民眾 大方向 應該 是 逐漸 恢復正常 生活 畢竟 像 此前 兩 個 月 的 生活 狀態 難以 持續 長期 下去 也 會 對 大陸 的 經濟社會 造成 傷害 黃嚴忠 稱 在 1918 至 1919 年 的 大 流感 期間 曾 出現 過 第二 波 第 三 波 疫情 且 後 兩 波 中 病毒 的 致死 率 都變 得 比 第一 波 更 高 但 新冠肺炎 疫情 的 二 次 暴發 或許 不能 簡單 用 人類 歷史 上 流感 大 流行 的 經驗 來 理解 也 沒有 可以 參照 的 現成 範例 他 說 當前 說 新冠肺炎 疫情 二 次 暴發 一般 是 指 由於 大部分 人口 並未 獲得 免疫力 加上 境外 病例 大量 增加 等 因素 已 被 控制 的 局勢 可能 再度 死灰復燃 這 並非 完全 不可能 黃嚴忠 表示 毫無疑問 首要 因素 是 疫情 全球 大 流行 導致 的 境外 病例 輸入 風險 倍增 所在國 疫情 嚴重 或 當地政府 應 對 不足 以及 社會 疏離 措施 帶來 的 困擾 都會 給 更 多 境外 人群 帶來 壓力 進而 影響 他們 的 選擇 第二 個 影響 因素 是 新冠肺炎 的 病毒 源頭 始終 未 能 找到 中間宿主 也 一直 沒有 定論 雖然 現在 有 說法 認為 蝙蝠 是 病毒 的 源頭 中間 宿主 可能 是 穿山甲 但 這 都 不是 公認 確定 的 科學 結論 這個 病毒 到底 是 如何 傳播 到 人 身上 的 也 還 是 未知 之 數 如果 這些 問題 遲遲 沒有 答案 也 不能 排除 病毒 從 源頭 開始 再一 次 形成 反撲 有人 認為 氣溫 也 是 一個 影響 因素 不過 這 一點 目前 還 沒有 確切 答案 一般來說 病毒 在 氣溫 較 高 時 傳播 力和 活性 會 下降 流感 及 此前 的 sars 也 都曾 呈現出 類似 特點 但 這 並 不 意味著 此次 新冠 病毒 也 會 如此 而且 還 需要 考慮 到 目前 疫情 已 在 非洲 拉美 等 正 處在 夏秋 季節 的 南半球 國家 傳播 這些 國家 不久 後 將 迎來 冬季 如果 冬季 疫情 在 這些 地方 大規模 暴發 依然 有 可能 輸入 大陸</t>
  </si>
  <si>
    <t>新冠肺炎 疫情 高峰 境外 輸入 反撲 大 流感 二 次 暴發 社會 疏 離 源頭 宿主</t>
  </si>
  <si>
    <t>新冠肺炎 臺灣 辦公室 清潔 人員 游錫堃</t>
  </si>
  <si>
    <t>繼 日本 之後 臺灣 又 被 歐盟 摒 於 門外 新冠肺炎 疫情 已 在 歐洲趨 緩 歐盟 日前 公佈 外 開放 邊境 的 國家 名單 草案 臺灣 竟 未列 其中 讓 大家 非常 失望 對於 歐盟 的 決定 台 大公共 衛生 學院院長 詹 長 權 表示遺憾 也 坦言 這 事件 值得 政</t>
  </si>
  <si>
    <t>紐約 郵報 new york post 日前 引 據 nbc 報導 臺灣 在 新冠肺炎 下 的 情景 卻 在 內容 中 描述 臺灣 是 中國 一 省 且 以 專制 囤積 防疫 物資 追蹤 監控 全民 等 用詞 形容 臺灣 防疫 對此 外交部 北美 司 司長 姚金</t>
  </si>
  <si>
    <t>謝金 燕 新冠肺炎 演唱會</t>
  </si>
  <si>
    <t>全面 普 篩 普 篩 黃創 夏 醫護人員 新冠肺炎</t>
  </si>
  <si>
    <t>孫春蘭 大陸 甘肅 內蒙古 新冠肺炎</t>
  </si>
  <si>
    <t>新冠肺炎 全球 az t 細胞 訓練營 終生</t>
  </si>
  <si>
    <t>新冠肺炎 臺灣 確診 確診 者 特殊 交友 圈</t>
  </si>
  <si>
    <t>生 醫 族群 個股 各 擁 題材 發燒 智擎 4162 pep 503 用於 治療 頭頸 癌 獲 美國 fda 快速 審查 資格 盤中 鎖 在 漲 停板 605 元 買 盤 超過 700 張 排隊 等 著 要買 雙美 4728 膠 原 蛋白 植入 劑 出 貨 旺 1 月 營 收 年 增 15264 強調 市場需求 仍 在 疫情 衝擊 營運 不如 外界 想像 這麼 嚴重 股價 鎖 在 漲 停 75 元 商之器 8409 環 瑞醫 4198 也 連袂 鎖 在 漲 停板 上市 櫃 生 醫 指數 漲幅 都 超過 1 成為 盤面 上 人氣 焦點 智 擎 生 技 授權 夥伴 法國 nanobiotix 公司 宣佈 pep 0503 nbtxr 3 獲得 美國 fda 適用 在 頭頸 癌 的 快速 審查 資格 nanobiotix 公司 與 智擎 公司 針對 pep 503 正 擴大 開發 其他 適應症 應用 包括 頭頸 癌 肝癌 直腸癌 攝護腺 癌 以及 並用 pd- 1 抗體 於 頭頸 癌 及 非 小 細胞 肺癌 皆 在 進行 臨床 試驗 中 雙 美 指出 雖然 短期 部分 學術 分享 與 行銷 活動 等 相關 群 聚 型 活動 因 新冠肺炎 疫情 延 燒 而 暫時 延期 且 外出 消費 的 人潮 也 有 減緩 情況 但 觀察 多數 愛美 的 消費者 對於 醫 美 保養 的 需求 仍 存在 評估 對 營運 影響 並 無 外界 想像 來 的 大 雙美 挾 著 膠 原 蛋白 植入 劑 出 貨 表現 暢旺 1 月 營 收 年 增 15264</t>
  </si>
  <si>
    <t>新冠肺炎 疫情 生 醫 智擎 雙美</t>
  </si>
  <si>
    <t>陳玉珍 物流 口罩 政策 新冠肺炎</t>
  </si>
  <si>
    <t>臺灣 疫情 近日 持續 升溫 大陸 抗 疫 時 的 醫療 應對 或許 有 可 借 鏡 之處 包含 像 兩岸 共通 的 中醫 療法 大陸 也 在 對抗 新冠肺炎 疫情 過程 做為 醫療 方式 之一 武漢大學 人民醫院 中 醫科 副 主任 胡家 才 指出 輕 症 患者 結合 中西醫 治療</t>
  </si>
  <si>
    <t>臺灣 疫情 近日 持續 升溫 大陸 抗 疫 時 的 醫療 應對 或許 有 可 借 鏡 之處 包含 像 兩岸 共通 的 中醫 療法 大陸 也 在 對抗 新冠肺炎 疫情 過程 做為 醫療 方式 之一 武漢大學 人民醫院 中 醫科 副 主任 胡家 才 指出 輕 症 患者 結合 中西醫 治療 對 提高 療效 縮短 病程 非常 有 幫助 據 大陸 官方 先前 發佈 抗擊 新冠肺炎 疫情 的 中國 行動 白皮書 顯示 中醫藥 參與 救治 確診 病例 的 占比 達到 92 湖北省 確診 病例 中醫藥 使用率 和 總 有 效率 超過 90 實際上 在 大陸 去年 召開 的 中醫藥 在 新冠肺炎 防治 中的 作用 與 傳承 創新 發展 研討會 上 復旦大學附屬華山醫院 感染 科 主任 張文宏 也 指出 中醫 的 治 未 病 思想 在 新冠肺炎 的 預防 常態 化 將 有 重要 作用 同時 在 中西醫 融合 思想 現代化 科學化 的 支持 下 可以 走 得 更 好 更 遠 針對 輕 症 患者 如何 採取 中西醫 結合 治療 胡家 才 曾 說明 西醫 用藥 主要 是 抗 病毒 比如 奧 司 他 韋和 阿比 多爾 同時 也 使用 中醫藥 治療 廣譜抗 病毒 來 調節 免疫力 整體 來說 使用 中藥 後 的 療效 相當 好 一方面 可 調節 身體 另一方面 讓 患者 心裡 有 種 安全感 同時 中醫 參與 治療 對 提高 療效 縮短 病程 很 有 幫助 並 配合 傳統 的 非 藥物 療法 如 八段 錦 來 疏通 經脈 緩解 精神緊張 疾病 的 嚴重 化 高 死亡率 是 對 大家 造成 恐慌 的 重要 原因 張文宏 認為 基於 零 重症 的 治療 思想 中醫 是 以 預防為主 阻止 輕 症 病人 變成 重症 病人 把 病 控制 在 早期 階段 不要 發生 重症 化 降低 致死 率 張文宏 更 指出 中 醫學 已 開始 充分 地 進行 機制 面 的 研究 引入 如 資訊 化 分子生物學 等 西醫 常用 的 現代科學 機制 成為 可以 共同 談論 的 科學 語言 此外 很多 中醫藥 科學家 也 開始 做 有效 成分 的 分離 純化 包括 電腦 輔助 分析 對 有效 小 分子 化合物 提純 等</t>
  </si>
  <si>
    <t>愚人節 疫情 蔡英文 新冠肺炎 新冠 病毒</t>
  </si>
  <si>
    <t>新冠肺炎 疫情 持續 延 燒 全 香港 的 學校 自 2 月初 開始 停課 香港 教育 局 20 日 宣佈 將 會 提供 中小學 幼稚園 以及 其 學生 額外 津貼 以 協助 減輕 學校 和 家長 在 防疫 停課 時間 的 負擔 目前 第一 批 學生 津貼 將 發放 港幣 3500 元 約 新 台</t>
  </si>
  <si>
    <t>馬來西亞 央行 週二 宣佈 調 降 基準利率 2 碼 50 基點 至 200 創下 2009 年 來 新低 以 協助 經濟 度過 新冠肺炎 大 流行 與 能源 出口 價格 崩 跌 的 衝擊 馬來西亞 政府 已 在 週一 放寬 歷時 6 周 的 行動 與 企業 限制 措施 這 是 該國 央行 第 三 度</t>
  </si>
  <si>
    <t>馬來西亞 央行 降息 經濟 新冠肺炎</t>
  </si>
  <si>
    <t>新冠肺炎 疫情 台積電 大 立 光 鴻 海</t>
  </si>
  <si>
    <t>新冠肺炎 大 立 光 鴻 海 台積電 聯發 科</t>
  </si>
  <si>
    <t>新冠肺炎 臺灣 長 照 機構 順位 救護 人員</t>
  </si>
  <si>
    <t>新冠肺炎 高雄 觀光 住宿 飯店</t>
  </si>
  <si>
    <t>新冠肺炎 疫情 嚴峻 前線 防疫 警 消 醫護 清潔 等 人員 的 安全 不容 漠視 立 委 馬文君 彙集 志 工 們 愛心 製作 超過 8000 個 頭戴式 防護罩 希望 防疫 英雄 們 除 戴 口罩 外 能 多 加 一 層 防護罩 減少 飛 沫 接觸 眼 耳 口 鼻 機會 放心 值勤</t>
  </si>
  <si>
    <t>新冠肺炎 臺灣 前線 防護罩 防疫</t>
  </si>
  <si>
    <t>包括 摩根 大通 在內 的 美國 八 家 大型 銀行 15 日 晚間 宣佈 基於 新冠肺炎 帶來 前所未見 的 挑戰 銀行 將 暫緩 實施 庫藏 股 計 畫 至少 7 月 前 都 不 會 買 回 自家 股票 以 保留 資金 對抗 肺炎 疫情 代表 美國 大型 銀行 的 金融服務 論壇 finan</t>
  </si>
  <si>
    <t>包括 摩根 大通 在內 的 美國 八 家 大型 銀行 15 日 晚間 宣佈 基於 新冠肺炎 帶來 前所未見 的 挑戰 銀行 將 暫緩 實施 庫藏 股 計 畫 至少 7 月 前 都 不 會 買 回 自家 股票 以 保留 資金 對抗 肺炎 疫情 代表 美國 大型 銀行 的 金融服務 論壇 financial services forum 宣佈 摩根 大通 美國銀行 boa 花旗集團 高盛 摩根士丹利 富國銀行 道 富 銀行 state street 和 紐約 梅隆 銀行 這項 決定 數 小時 前 美國 聯 准會 fed 一口氣 將 利率 調 降 4 碼 並 公佈 一連串 強化 經濟 和 銀行 流動性 措施 上述 美國 八大 銀行 被 巴塞爾銀行監管委員會 視為 是 全球 系統 重要性 銀行 美國 八 家 大 銀行 暫緩 實施 庫藏 股 主要 為了 證明 在 全球 經濟 高度 不 確定 的 時刻 銀行 保有 充足 的 資本 和 流動性 金融服務 論壇 在 聲明 稿 中 表示 新冠肺炎 對 全球 和 經濟 都 是 前所未見 的 挑戰 暫緩 實施 庫藏 股 計 畫 符合 銀行 的 共同 目標 也 就 是 運用 龐大 的 資本 和 流動性 藉 由 放款 和 其他 重要 服務 為 個人 小型企業 和 整體 經濟 提供 最 大 的 支援 布蘭迪 brandywine 全球 投資 管理 公司 投資 組合 經理 人 凱瑟 patrick kaser 表示 這項 計 畫 看似 由 摩根 大通 執行長 迪蒙 jamie dimon 主導 目的 在 強化 銀行 信心 美國 最 大 銀行 摩根 大通 在 聲明 稿 中 指出 即使 市況 大幅 惡化 摩根 大通 擁有 充足 的 能力 和 穩健 的 資產負債表 以 支撐 金融體系 和 所有 客戶 摩根 大通 的 股利 政策 維持 不 變 美國 八大 銀行 在 2019 年 總計 買 回 1080億 美元 股票 其中 以 美國銀行 規模 最 大 高達 280億 美元 銀行 的 股利 與 庫藏 股 水準 每年 由 聯 准會 核定 規模 依據 7 月 的 壓力 測試 結果 而 定</t>
  </si>
  <si>
    <t>新冠肺炎 臺灣 新莊 體育館 口罩 日光浴</t>
  </si>
  <si>
    <t>新冠肺炎 社區 傳播 首例 口罩 之 亂 恐 愈演愈烈</t>
  </si>
  <si>
    <t>防 新冠肺炎 擴散 好 市 多 做 這 件 事 讓 網友 崩潰</t>
  </si>
  <si>
    <t>新冠肺炎 持續 在 全球 肆虐 就 連美 式 賣 場 好 市 多 也 不得不 祭出 防疫 措施 美國 好 市 多 就 宣佈 暫停 供應 商品 免費 試 吃 讓 不少 聽 聞 這項 消息 的 消費者 哀號 由於 新冠肺炎 確診 病例 不斷 攀升 美國 近日 有 部分 的 州 宣佈 進入 緊急狀態</t>
  </si>
  <si>
    <t>莫德納 疫苗 台南 火車站 台南 文化 中心 新冠肺炎</t>
  </si>
  <si>
    <t>新冠肺炎 未成年 確診 病例 激增 南韓 政府 2 度 延 後 開學 時間</t>
  </si>
  <si>
    <t>新冠肺炎 在 南韓 大 爆發 當地 中央 防疫 對策 本部 2 日 證實 新增 599 起 新冠肺炎 確診 病例 讓 南韓 的 確診 數 來到 了 4355 例 其中 有 200 多 名 的 未成年 病 患 使得 副 總理 兼 教育部長 俞銀惠 yoo eun-hae 在 記者會 上 宣佈 南韓 全國 高中</t>
  </si>
  <si>
    <t>新冠肺炎 在 南韓 大 爆發 當地 中央 防疫 對策 本部 2 日 證實 新增 599 起 新冠肺炎 確診 病例 讓 南韓 的 確診 數 來到 了 4355 例 其中 有 200 多 名 的 未成年 病 患 使得 副 總理 兼 教育部長 俞銀惠 yoo eun-hae 在 記者會 上 宣佈 南韓 全國 高中 以下 的 所有 學校 再延 2 周 開學 為 的 就 是 阻止 肺炎 疫情 擴大 出去 由於 南韓 疫情 十分 嚴峻 這 使得 青瓦台 2 周內 再次 宣佈 延後 開學 時間 上 一 次 宣佈 延後 開學 是 在 2 月 23 號 此次 再延 2 周 南韓 全國 學校 將 會 到 3 月 23 日 才 會 開學 之後 仍 可 以 依各 地區 學校 自行 調整 俞銀惠 在 會上 表示 由於 未成年 新冠肺炎 病 患 人數 激增 可能 會 讓 學校 防疫 出現 困難 必須 要 有 更 多 時間 來 確保 學生 的 安全 環境 南韓 教育部 也 將 會 提供 學生 線 上 課程 以及 數位 教科書 不讓 學童 的 受教 權益 因為 新冠肺炎 而 蒙 損 至於 延後 開學 少 上 的 課程 也 將 會 縮短 暑假 時間 來 彌補 更 多 ctwant 報導</t>
  </si>
  <si>
    <t>南韓 新冠肺炎 延後 開學 時間 學校</t>
  </si>
  <si>
    <t>羅大佑 有感於 新冠肺炎 疫情 重創 世界 而 重新 改編 演唱 歌曲 伴侶 希望 以 這 首歌 來 陪伴 鼓舞 大家 平安 正向 面對 疫情 他 特別 帶 著 7 歲 多 的 女兒 一同 入 鏡 mv 中 可見 他 幫 女兒 噴 酒精 牽 女兒 的 手 過 馬路 等 慈父 的 一面 他 透過</t>
  </si>
  <si>
    <t>經費 防疫 童玩節 宜蘭 縣 新冠肺炎</t>
  </si>
  <si>
    <t>西班牙衛生部 4 日 表示 西班牙 累計 確診 病例 已 超過 12萬 例 西班牙 也 成為 確診 病例 第二 多 的 國家 僅次於 美國 的 28萬 例 不過 該國 單日 新增 死亡 人數 有所 下降 總理 桑切斯 透過 電視講話 宣佈 政府 將 要求 國會 把 國家 緊急狀態 延至 4 月 25 日 午夜 據 統計 截至 當地 時間 3 日 晚 21 時 西班牙 新增 7026 病例 累計 確診 病例 124736 例 單日 新增 死亡 病例 809 例 累計 死亡 11744 例 病亡 率 達到 約 94 新增 治癒 3706 例 累計 治癒 34219 例 目前 仍 有 6532 人 在 重症 病房 接受 治療 比 一 天 前 增加 116 人 西班牙衛生部 應急 與 預警 協調 中心 稱 資料 證明 當局 近日 所 觀察 到 的 疫情 緩和 趨勢 截至 目前 西班牙 一直 重點 確診 具有 基礎 病史 的 患者 重症 患者 以及 醫護人員 但 全國 肯定 還有 許多 未 確診 的 輕 症 患者 這 就 是 為什麼 西班牙 有 如此 高 的 病亡 率 西班牙 新冠肺炎累計 死亡 病例 達 1萬1744 人 僅 次 義 大利 專家 還 表示 受 感染 比率 雖 已 放慢 但 首都 馬德里 附近 疫情 嚴重 已 有 4723 人 死亡 占 西班牙 整體 死亡 人數 的 4 成 西班牙 東北部 的 加泰隆尼亞 疫情 第 2 嚴重 共 2508 人 死亡 另外 歐洲另 一個 疫情 嚴重 的 國家 法國 過去 兩 天 確診 或 疑似病例 暴 增 44 至 8萬2165 起 成為 第 5 個 通報 病例 數 超過 中國 大陸 的 國家 死亡 人數 也 暴 增 61 至 6507 死</t>
  </si>
  <si>
    <t>新冠肺炎 臺灣 變異 株 印度</t>
  </si>
  <si>
    <t>快 篩 新冠肺炎 臺灣 北市 校正 回歸</t>
  </si>
  <si>
    <t>新冠肺炎 疫情 解封 嘉義 市政府 新北 市政府 合 推 觀光 雙城記 嘉義 市長 黃敏惠 穿 上 母校 宏仁 女中 制服 新北 市長 侯友宜 穿 嘉中 制服 2 人 重 回 17 歲 青春 young 熱情 揪 大家 南下 北上 好 好玩 並 pk 嘉義 新北 的 伴 手 禮 好吃 好玩 都</t>
  </si>
  <si>
    <t>新冠肺炎 疫情 解封 嘉義 市政府 新北 市政府 合 推 觀光 雙城記 嘉義 市長 黃敏惠 穿 上 母校 宏仁 女中 制服 新北 市長 侯友宜 穿 嘉中 制服 2 人 重 回 17 歲 青春 young 熱情 揪 大家 南下 北上 好 好玩 並 pk 嘉義 新北 的 伴 手 禮 好吃 好玩 都 抵 嘉 黃敏惠 侯友宜 合體 在 新北 市政府 32 樓拍 遊客 來 我 新 嘉 玩 的 影片 行銷 雙 城 的 觀光 同時 歡迎 更 多 的 遊客 來 我 新 嘉 玩 黃敏惠 力推 檜 意 森 活 村 嘉義 制 材 所 嘉義 公園 蘭潭 及 文化路 夜市 等 觀光 景點 侯友宜 主 打 青春 山海 線 淡 蘭 古道 新北 大都會 公園 十分 景點 特定 區 烏來 風景區 2 人 國台語 雙聲帶 卯足 全力 介紹 城市 特色 勇 媽 黃敏惠 帶 了 噴水 雞肉飯 阿娥 豆花 讓 侯 sir 嚷 著 要 帶回去 孝敬 老婆 黃敏惠 說 阿娥 豆花 相傳 約 60 年 軟 嫩 滑 順 用 豆漿 代替 糖水 外表 樸質 好吃 又 平價 1 碗 才 30 元 就 是 嘉義 人 的 氣味 實實在在又 有情有義 侯友宜 也 準備 永和 豆漿 大王 的 豆漿 燒餅油條 讓 黃敏惠 嘗 鮮 他 說 永和 豆漿 大王 也 有約 60 年 歷史 24 小時 營業 賣 中式 燒餅油條 蘿蔔 絲 蛋 餅 馬來 糕 等 30 多 種 點心 是 在 地 人 及 遊客 都愛 的 美食 小吃 黃敏惠 並 邀請 侯 sir 回 嘉 搭乘 嘉義 市區 電動 公車 到 年底 前 皆 免費 12 月 嘉義 市 國際 管樂 節 是 城市 品牌 的 音樂 盛會 侯友宜 則 介紹 新北 市 環狀 線 大眾 運輸系統 遊 新北 市 十分 便利 新北 歡樂 耶誕 城 也 是 名氣 響叮噹 的 節慶 活動</t>
  </si>
  <si>
    <t>國光 生 技 4142 宣佈 2021 年 一月 起 將 聘請 曾任 輝瑞 全球 創新 暨 腫瘤 事務 集團 臨床 開發 總負責人 的 陳 純誠 醫師 擔任 醫務 長 除 借重 其 在 國際 藥廠 主持 大型 臨床 試驗 計 畫 的 豐富 經驗 同時 也 是 國光 生 在 新 的 一 年 積極 國際化 佈 局 的 起 手 式 此外 國光 生 新冠肺炎 疫苗 開發 於 11 月 20 日 送 件 申請 二期 臨床 試驗 但 恐無 法 趕在 12 月底 前 完成 第一 例 收 案 國光 生 表示 一期 臨床 主要 是 安全性 實驗 目前 看起來 安全性 沒 問題 免疫 反應 也 有 產生 抗體 量 沒有 預期 的 高 二期 臨床 就 會 針對 此 部分 進行 調整 整體 時程 不致 重大 影響 有無 補助 都會 做 到底 國光 生 技 認為 目前 看來 12 月底 來不及 進入 二期 希望 1 月 上旬 可 啟動 預計 整體 時程 不會 遞 延 太 久 規劃 二期 臨床 試驗 將 在 臺灣 與 東南亞 某國 同時 進行 海外 臨床 試驗 部分 已 談 妥 但 還 不能 透露 地點 陳 純誠 醫師 畢業 於 中國 醫藥 大學 醫學 系 曾任 台南 成大 醫院 精神 部 主任 兼 臨床 試驗 中心 主任 為 國內 第一 位 任職 國際 藥廠 的 精神 專科 醫師 于 國際 大廠 輝瑞 總部 研發 中心 任職 超過 十 年 曾任 輝瑞 美國 西岸 十三 州 臨床 試驗 負責人 及 亞洲 區 臨床 試驗 中心 總負責人 主持 過失 智 症 新藥 開發 計畫 國際 臨床 試驗 經驗豐富 國光 生 表示 陳 純誠 醫師 熟悉 國際 法規 及 大型 臨床 試驗 規劃 及 執行 將 借重 其 專長 積極 推進 包括 新冠 疫苗 及 各 項 產品 國際化 加速 國際 合作 及 全球 市場 佈 局 繼 成功 佈局 大陸 歐洲 美國 等 市場 後 國光 生 明年 除 強化 耕耘 臺灣 四 價 流感疫苗 東南亞 四 價 流感疫苗 銷售量 sanofi 專業分工 生產 北半球 大陸 天道 醫藥 專業分工 生產 歐洲 新冠 疫苗 檢驗 試劑 銷售 安特羅 外 還 將 新增 新冠 疫苗 銷售 大陸 四 價 流感疫苗 銷售 sanofi 專業分工 生產 南半球 另 與 日本 sumitomo 集團 合作開發 新 一代 流感疫苗 蓄 勢 切入 日本 市場 國際 佈局 更上層樓</t>
  </si>
  <si>
    <t>資料 分析 廠商 sas 與 國際 數位 金融 調查 機構 javelin 攜手 探討 新冠肺炎 前 到 各國 封鎖 重 啟 經濟 活動 期間 全球 商業 詐欺 手法 的 變化 調查 顯示 疫情 確實 加速 數位 詐欺 的 演進 速度 線 上 購買 及 到 店 取 貨 成為 主要 攻擊 目標 手法</t>
  </si>
  <si>
    <t>近來 新冠肺炎 肆虐 陳雷原 訂 11 日 在 馬來西亞 雲 頂 開 唱 因為 疫情 已 延期 他 近來 約 8 場 演出 邀 約 取消 延期 粗估 損失 300萬 元 雖然 工作 皆 暫緩 不過 陳雷 卻 多 了 時間 與 家人 相處 住 在 台中 的 他 最近 沒事 就 去 兒子 家 陪 5 歲 的</t>
  </si>
  <si>
    <t>近來 新冠肺炎 肆虐 陳雷原 訂 11 日 在 馬來西亞 雲 頂 開 唱 因為 疫情 已 延期 他 近來 約 8 場 演出 邀 約 取消 延期 粗估 損失 300萬 元 雖然 工作 皆 暫緩 不過 陳雷 卻 多 了 時間 與 家人 相處 住 在 台中 的 他 最近 沒事 就 去 兒子 家 陪 5 歲 的 孫子 玩 除了 載 孫子 上下學 樂當 孫子 的 專屬 司機 還 當起 孫子 的 家教 教 起 簡單 的 含飴弄孫 而 他 的 女兒 嫁 去 美國 加州 當地 疫情 嚴重 很 擔心 女兒 在 當地 生活 起居 每天 早上 都會 固定 跟 女兒 視 訊 關心 狀況 他 與 年邁 母親 感情 深厚 現 也 常回彰 化 老家 陪 母親 還 親自 下田 種菜 插秧 他 笑 說 最近 因為 疫情 嚴重 也 不 上 健身房 所以 乾脆 跑 農 地下 田兼當 運動 一舉兩得 此外 陳雷 先前 因 藝人 廖本興 在 前年 及 去年 分別 以 程雷 廖雷 藝名 在 商演 模仿 並 演唱 陳雷 的 歌 造成 社會 大眾 視聽 混淆 讓 陳雷 不堪 其 擾 以 侵權 為由 控告 廖男 歷經 新北 地院 裁定 判賠 45萬 並 達成 雙方 和解 協定 陳雷 日前 收到 判決 賠償金 後 透過 經紀人 全部 捐 給 關懷 弱勢 族群 癌症 病童 及 流浪 動物 希望 透過 自己 的 抛磚引玉 呼籲 大家 除了 關心 疫情 之 餘 也 多 關懷 需要 説明 的 人</t>
  </si>
  <si>
    <t>威潤 6465 跨入 防疫 領域 成立 新 品牌 滅菌 者 聯盟 uvengers 規劃 開發 一系列 搭載 深 紫外線 uv-c 殺菌 技術 的 消毒 產品 並 首度 於 日本 lifestyle week tokyo 的 防疫 新 生活 展區 展出 因 新冠肺炎 疫情 持續 延 燒 導致 市場 對</t>
  </si>
  <si>
    <t>威潤 6465 跨入 防疫 領域 成立 新 品牌 滅菌 者 聯盟 uvengers 規劃 開發 一系列 搭載 深 紫外線 uv-c 殺菌 技術 的 消毒 產品 並 首度 於 日本 lifestyle week tokyo 的 防疫 新 生活 展區 展出 因 新冠肺炎 疫情 持續 延 燒 導致 市場 對於 消毒 產品 需求 提升 首日 即 吸引 超過 60 家 買家 洽 詢 今年 因應 新冠肺炎 疫情 大會 特別 設立 防疫 新 生活 展區 展出 防疫 相關 產品 而 威潤 也 在 該 專區 中 以 實體 及 線 上 虛擬 方式 展示 新 品牌 滅菌 者 聯盟 uvengers 旗 下首 款 消毒 新品 uv 1 隨身 消毒 棒 uv 1 全程 在 臺灣 設計 開發 和 生產 製造 威 潤 表示 展會 期間 除了 有 包括 日本 運送 公司 通信公司 郵政局 等 多 家 企業 對 uv 1 表達 高度 興趣 外 威潤 也 邀請 到 日本 知名 領導 大廠 旭 化成 深 紫外線 事業 本部 本部長 親臨 月臺 宣示 雙方 密切 的 合作 關係 威 潤 指出 深 紫外線 燈 珠 的 功率 是 決定 消毒 棒 除 菌 效果 的 關鍵 而 uv 1 即是 採用 旭 化成 高 品質 高 功率 的 60 mw 和 最佳 除 菌 265 nm 波長 的 深 紫外線 燈 珠 旭 化成 相當 認可 威潤 於 防疫 產品 線 的 投入 與 行銷 推廣 能力 已將 威 潤 列為 旭 化成 全力 輔導 的 模範 製造商 未來 也 會 陸續 介紹 客戶 給 威潤 雙方 攜手 搶攻 防疫 市場 商機 威潤 此次 出展 備受 關注 包括 威潤 配合 的 深 紫外線 燈 珠 uv-c led 廠商 日本 知名 領導 大廠 旭 化成 深 紫外線 事業 本部 本部長 及 日本 大型 商社 伯 東 株式會社 電子 零 元件 事業 本部 本部長 也 親自 蒞臨 威潤 展位 月臺 日本 lifestyle week tokyo 是 全球 極具 領導 性 的 禮品 及 家居用品 專業 b 2 b 展 每年 都 吸引 近 5萬 名 的 專業 買家 前往 觀展 採購</t>
  </si>
  <si>
    <t>新冠肺炎 臺灣 確診 采 檢 抗原 快 篩</t>
  </si>
  <si>
    <t>新冠肺炎 疫情 升溫 新北 市長 侯友宜 2 日前 往 新 店 央 北 青年 社會 住宅 時 強調 新北 市政府 防疫 超前 部署 未來 如有 大量 病 患 新北 聯 醫 應變 醫院 立即 清 空 收治 央 北 青年 社會 住宅 也 將 提供 1076 間 醫療 人員 暫 住所 北市 副 市長</t>
  </si>
  <si>
    <t>新冠肺炎 疫情 升溫 新北 市長 侯友宜 2 日前 往 新 店 央 北 青年 社會 住宅 時 強調 新北 市政府 防疫 超前 部署 未來 如有 大量 病 患 新北 聯 醫 應變 醫院 立即 清 空 收治 央 北 青年 社會 住宅 也 將 提供 1076 間 醫療 人員 暫 住所 北市 副 市長 黃珊珊 跟進 表示 有些 達到 完工 程度 尚未 對外 招租 的 社 宅 會 保留 下來 給 醫護人員 當 休息 或 居家 檢疫 的 集中 檢疫所 侯友宜 表示 新冠肺炎 確診 個案 持續 增加 新北 市 自 2 月 16 日 確診 第 19 例 起 即 以 視同 社區 感染 的 方式 改變 策略 超前 部署 以 一級 開設 方式 全力 備戰 醫護人員 是 防疫 的 第一線 讓 他們 安心 才 能夠 提供 最好 的 醫療 讓 防疫 能 做到 更 好 侯友宜 指出 只要 新北 市 出現 大量 病 患 應變 醫院 將 清 空 全院 進行 收治 同時 央 北社 宅 並行 啟用 由 市府 提供 醫護人員 免費 住宿 及 垃圾 收運 交通 接送 等 服務 讓 醫護人員 能 安心 全力 醫治 病患 未來 視 疫情 發展 若 啟動 其他 醫院 時 擴大 提供 給 健康 的 防疫 醫護人員 央 北社 宅 預計 8 月份 會 交給 使用者 因 疫情 尚未 辦理 抽籤 但 一切 以 防疫 為 最 大 優先 若 8 月份 疫情 沒有 舒緩 沒有 降下來 還是 以 防疫 為 優先 使用 央 北社 宅 位於 新 店 央 北重 劃 區 第一 階段 預先 規 畫 b 棟 224 戶 計 301 床 最 多 可 供 至 1076 間 臺北市 副 市長 黃珊珊 表示 有些 達到 完工 尚未 對外 招租 的 社 宅 會 保留 下來 給 醫護人員 當 休息 或 居家 檢疫 的 集中 檢疫所 黃珊珊 表示 市長 柯文哲 1 月 下旬 就 交代 過 市府 也 一直 在 找尋 盤整 各 單位 空間 必須 設備 完善 接好 衛 工 管 做 好動 線 及 鄰 避 會 請示 中央 可否 徵用 外部 單位 或 北 市府 自己 的 單位 未 對外 招租 公 宅 希望 都 列入 考慮 另 針對 臺北市 更是 率先 推出 防疫 旅館 服務 做為 居無定 所 者 的 居家 檢疫 場所 但 卻 因 未公開 地點 遭 議員痛 批 對此 衛福 部長 陳時中 為 北 市府 的 做法 背書 表示 確實 沒有 公佈 地 點 的 必要性 桃園 市長 鄭文燦 2 日 指示 觀 旅 局 協調 設置 關懷 旅館 與 民間 業者 合作 提供 客房 給 無 發燒 無 呼吸道 症狀 國內 無 住所 的 民眾 自費 入住 采 分層 單間 設置 管理 但 全市 符合規定 的 26 家 旅館 僅 1 家 負責人 有 意願</t>
  </si>
  <si>
    <t>新北 市 恩 主公 醫院 近期 與 新冠肺炎 專責 病房 合作 用 包括 國人 研發 的 清 冠一號 等 中西醫 合併 方式 治療 新冠肺炎 重症 防止 病情 繼續 惡化 並 加速 病 患 采 陰解 隔離 的 時間 目前 已 治療 超過 10 位 確診 者 其中 9 位 已 出院 返家 自</t>
  </si>
  <si>
    <t>新北 市 恩 主公 醫院 近期 與 新冠肺炎 專責 病房 合作 用 包括 國人 研發 的 清 冠一號 等 中西醫 合併 方式 治療 新冠肺炎 重症 防止 病情 繼續 惡化 並 加速 病 患 采 陰解 隔離 的 時間 目前 已 治療 超過 10 位 確診 者 其中 9 位 已 出院 返家 自主 隔離 恩 主公 醫院 中醫 會診 團隊 主任 廖唯宇 指出 除了 用 常規 西醫 治療 外 中醫 團隊 也 利用 舌 診 望診 電話 問診 與 臨床 資料資料 調配 符合 患者 體質 的 處方 用 清 冠一號 加 減 藿香 正氣 散 五苓散 或 千金 葦 莖 湯隨證 治療 發現 患者 服 藥 後 咳嗽 喘 鳴 的 症狀 明顯 改善 新冠肺炎 治療 沒有 特效藥 藥物 只能 緩解 不適 症狀 患者 必須 增強 免疫力 擊退 病毒 中西醫 治療 合併 下 除了 能 加強 療效 爭取 免疫力 提升 時間 外 患者 血 氧 濃度 體溫 也 明顯 改善 新冠肺炎 引起 的 發炎 等 症狀 獲得 明顯 控制 各地 新冠 疫苗 陸續 開 打 臺北 慈濟 醫院 自 15 日 起 支援 新 店雙和 三 重 板橋 蘆洲 等 5 處 靜思 堂 疫苗 接種 站 施打 作業 共獲 配 4310 劑 疫苗 為 協助 長者 快速 施打 仿效 日本 宇美町 式 病人 不動 醫護 動 的 方式 進行 力拼 3 天內 施打 完畢 新 店 靜思 堂 指揮官 護理部 督導 蔡碧雀 說 考慮 到 長者 年紀 大 行動 較 不便 從 報到 資料 填寫 施打 作業 等 都以 移動 最少 為 原則 由 醫師 護理 師 走動 式 看 診 看 完 診 後 直接 注射 疫苗 亞東 醫院 這次 分配 到 1110 疫苗 針對 85 歲 以上 長者 規 畫分為 3 天 每天 700 人 施打 顧及 高齡 長者 不便 頻繁 移動 同樣 採用 宇 美 町 式 打法 昨天 施打 效率 及 秩序 良好</t>
  </si>
  <si>
    <t>新冠肺炎 教會 我們 的 一 課 病毒 不是故意 的 述 如何 與 病毒 共處</t>
  </si>
  <si>
    <t>新冠肺炎 肆虐 全球 但 回顧歷史 人類 不乏 與 各種 流行病 交戰 特有 生物 研究 保育 中心 助理 研究員 林 大利 攜手 漫畫家 玉子 共同 創作 病毒 不是故意 的 認識 傳染病 大小事 細數 歷史 知名 傳染病 至 新冠肺炎 透過 生態 保育 角</t>
  </si>
  <si>
    <t>嘉義 基督教 醫院 首創 適合 0 至 3 個 月 新生兒 戴 的 防護 面罩 24 日 由 院長 姚維仁 代表 捐贈 1000 個 給 嘉義 市政府 將 送給 嘉義 市 的 新生兒 由 市長 黃敏惠 代表 接受 嘉基 兒童 醫學 部 暨 創新 育 成 中心 主任 周信 旭 醫師 說 新生兒 不 適合 戴 口罩 戴 防護 面罩 可以 防護 7 至 9 成飛 沫 傳染 周 信 旭 說 去年 新冠肺炎 開始 肆虐 約 有 2 至 3 成 新生兒 沒有 按時 到 醫療 院所 打預防針 預防針 沒有 依 時程 注射 會 影響 小孩 的 防護力 但 新生兒 戴 口罩 可能 影響 呼吸 而 造成 窒息 因而 設計 透明 防護 面罩 周 信 旭 說 據 文獻資料 指出 這種 面罩 防護 對 飛沫傳染 有 7 至 9 成 效用 醫院 將 面罩 免費 送給 在 嘉基 出生 的 新生兒 受到 國內外 民眾 很 大 迴響 都 想買 這款 防護 面罩 當時 用 3 d 列印 製作 數量 有限 後來 開 模量 產 醫院 樂捐 給 市府 送給 嘉義 市 更 多 新生兒 加強 防護力 周 信 旭 說 目前 這款 防護 面罩 尺寸 是 提供 0 至 3 個 月 新生兒 以後 將 推出 1 歲 以前 都 適用 的 防護 面罩 材質 上 選用 無毒 的 塑膠片 硬度 及 柔軟度 適中 皇冠 造型 的 頭 圈 加 軟 墊 還有 鬆緊帶 及 可 調節 式 的 設計 皇冠 也 有 多種 顏色 實用 又 有 美感 黃敏惠 表示 面對 疫情 幼 嬰 仔 戴 不了 口罩 感謝 嘉基 醫院 首創 新生兒 防護 面罩 並 捐贈 1000 個 給 市府 推出 後 廣受 新生兒 父母 和 臺北 醫師 的 歡迎 和 詢問 嘉義 市 新生兒 戴 上 面罩 外出 或 進出 醫療 院所 多 一 層 保護 嘉義 市 衛生局 表示 新生兒 父母 任何一方 設 籍在 嘉義 市 已 委 讬 本市 接生 醫療 院所 免費 贈與 在外 縣 市 出生 的 寶貝 家長 可于 上班時間 洽 詢 電話 05 2338042 醫政科</t>
  </si>
  <si>
    <t>川普 強森 美國 民 調 新冠肺炎</t>
  </si>
  <si>
    <t>席爾佛 複賽 新冠肺炎 nba</t>
  </si>
  <si>
    <t>新冠肺炎 若 造成 永久性 嗅覺 喪失 失 能 險 有 賠</t>
  </si>
  <si>
    <t>新冠肺炎 症狀 難以捉摸 有人 可能 出現 永久性 嗅覺 喪失 壽險業 者 表示 若 不幸 有此 症狀 失 能 險 可 依 失 能 等級 11 級 理賠 但 可能 只 有 一次性 失 能 保險金 的 5 並 沒有 觸及 月月 或 年年 給 付 的 失 能 扶助金 理賠 至於 新冠肺炎 可能</t>
  </si>
  <si>
    <t>新冠肺炎 症狀 難以捉摸 有人 可能 出現 永久性 嗅覺 喪失 壽險業 者 表示 若 不幸 有此 症狀 失 能 險 可 依 失 能 等級 11 級 理賠 但 可能 只 有 一次性 失 能 保險金 的 5 並 沒有 觸及 月月 或 年年 給 付 的 失 能 扶助金 理賠 至於 新冠肺炎 可能 造成 肺部 纖維 化 算不算 失 能 壽險業 者 則 說 必須 要 看 實際 狀況 即 肺部 損壞 的 程度 及 可否 工作 自理 生活 因為 胸 腹部 臟器 機能 遺存 極度 障 害 終身 不能 從事 任何 工作 需要 專人 周密 照 護 者 是 第一 級 失 能 就 是 會 啟動 每月 或 每年 給 付 的 失 能 扶助金 100 僅 是 不能 工作 生活 需 人 扶助 是 給 付 90 若 是 還 能 自理 生活 是 80 能 從事 輕便 工作者 是 給 付 40 這些 理賠 都 必須 看 各 公司 保單 條款 及 理賠 部門 的 判定 因為 容易 存 有 爭議 因此 壽險 公司 也 不敢 以此 為 號召 在 疫情 期間 推薦 失 能 險 同時 有些 公司 的 失 能 險 沒有 等待 期 恐 造成 損 率 難以 預估 大部分 壽險 公司 都 建議 保戶 若 擔心 不幸 罹 患 新冠肺炎 要 提高 相關 醫療保障 建議 優先 考慮 住院 醫療 險 實支 實 付險 支應 相關 住院費用 若 額度 充足 甚至 可以 支應 因 住院 無 法 工作 的 經濟損失 國泰人壽 指出 若 失 能 險 保戶 不幸 罹 患 新冠肺炎 而有 永久性 兩側 嗅覺 完全 喪失 的 情形 時 屬於 因 疾病 所 致 的 第 11 級 失 能 是否 能 理賠 給付 應依 各別 商品 條款 約定 例如 投保 含 有失 能 給 付 專案 的 傷害 險 因 新冠肺炎 非 屬 意外事故 所以 無法 給付 但 如果 是 投保 含 有失 能 給 付 項目 的 健康 險 時 則 須再檢 視 保障 範圍 若 保障 範圍 包括 11 級 失 能 時 則 可 理賠 富 邦 人壽 則 表示 2020 年 1 月 1 日前 所 銷售 的 失 能 險 針對 鼻 部 失 能 條款 約定 僅 有 鼻 部 缺損 致 其 機能 永久 遺存 顯著 障 害 者 的 失 能 等級 但 從 今年 1 月 1 日 起 才新增 鼻 未 缺損 而 鼻 機能 永久 遺存 顯著 障 害 者 也 就 是 以前 是 鼻子 一定 要 有 缺損 才能 算 11 級 失 能 現在 是 嗅覺 喪失 即 可 視為 11 級 失 能 同時 基於 從新 從優 理賠 原則 即便 是 今年 1 月 1 日前 投保 失 能 險 的 保戶 若 事故 發生 日 是 在 今年 1 月 1 日後 且 經 6 個 月 治療 後 症狀 固定 即可 申 領 失 能 保險金</t>
  </si>
  <si>
    <t>理賠 失 能 險 新冠肺炎 給付 級 失 能</t>
  </si>
  <si>
    <t>藥廠 對抗 新冠肺炎 邁 大 步</t>
  </si>
  <si>
    <t>全球 生 技 和 製藥 公司 正 卯足 全力 對抗 新冠肺炎 危機 近期 多 家 大型 藥廠 在 新冠肺炎 檢測 治療 和 疫苗 研發 方面 皆 出現 重大進展 瑞士 製藥 大廠 羅 氏 roche 的 新冠肺炎 抗體 檢測 技術 3 日 獲得 美國 食品藥品 管理局 fda 緊急</t>
  </si>
  <si>
    <t>新冠肺炎 臺灣 新北 侯友宜 永和</t>
  </si>
  <si>
    <t>香港 新冠肺炎 疫情 近日 已 確定 爆發 第 3 波 疫情 社區 群 聚 感染 近 數日 皆 呈 倍數 上升 衛生防護 中心 傳染病 處 主任 張 竹君 公佈 9 日 新增 42 宗 確診 個案 當中 34 宗是 本地 感染 8 宗 輸入 個案 港 府 今天 決定 重新 實施 較 嚴格 的 防疫 措</t>
  </si>
  <si>
    <t>國內 新冠肺炎 疫情 隨 著 磐石 艦 海軍 群 聚 感染 再 拉 警報 24 名 確診 官兵 全台 趴 趴 走 足跡 曝光 引起 人心惶惶 專家 提醒 食物 最 容易 沾染 病毒 選擇 外 食 時前 應 先 看 2 件 事 包括 餐廳 座位 間距 以及 位子 排列 方式 為 防止 疫情 擴</t>
  </si>
  <si>
    <t>新冠肺炎 趨 緩 歐元 疲軟 歐 股 創 新高</t>
  </si>
  <si>
    <t>在 歐元 疲軟 的 支撐 下 歐洲 股市 週三 創出 新高 而 新冠肺炎 病例 數量 下降 使 人們 寄希望於 這種 流行病 對 全球 供應 鏈 的 影響 將 是 短暫 的 新 的 資料 顯示 大陸 的 新冠肺炎 病例 數 連續 第二 天下 降 這 有助於 預測 到 4 月份 這種 流行病</t>
  </si>
  <si>
    <t>在 歐元 疲軟 的 支撐 下 歐洲 股市 週三 創出 新高 而 新冠肺炎 病例 數量 下降 使 人們 寄希望於 這種 流行病 對 全球 供應 鏈 的 影響 將 是 短暫 的 新 的 資料 顯示 大陸 的 新冠肺炎 病例 數 連續 第二 天下 降 這 有助於 預測 到 4 月份 這種 流行病 可能 會 消退 泛歐 的 stoxx 600 指數 上 漲 了 05 大陸 人行 已 採取 多 項 措施 幫助 度過 自 2002 03 年 sars 疫情 以來 最 大 的 公衛 危機 這 不僅 提 振 了 全球 人氣 並 使 全球股市 處於 自 2019 年 6 月 以來 的 最佳 月份 科技 股 上漲 帶動 米蘭 股票指數 ftmib 升至 2008 年 以來 最高 水準 蘋果 供應商 意 法 半導體 stmicroelectronics nv 漲幅 居 前 在 義大利 銀行業 期待已久 的 合併 的 希望 的 推動 下 該 指數 週二 收 於 十 年 來 的 最高點 現在 歐洲 投資人 關注 的 目標 都 放在 即將 公佈 的 經濟 資料 主要 是 法國 和 德國 的 採購 經理 人 指數 pmi 法蘭克福 的 主要 指數 gdaxi 上漲 約 04</t>
  </si>
  <si>
    <t>新冠肺炎 全球 延 燒 目前 總 確診 數 正 逼近 400萬 由於 最初 是 疫情 在 大陸 武漢 爆發 但 在 毫無 證據 之下 由 川普 率領 的 美國政府 直指 病毒 來自 大陸 美國 知名 時事 評論員 法裡德 fareed zakaria 卻 認為 這 一切都是 為了 掩</t>
  </si>
  <si>
    <t>新冠肺炎 全球 延 燒 目前 總 確診 數 正 逼近 400萬 由於 最初 是 疫情 在 大陸 武漢 爆發 但 在 毫無 證據 之下 由 川普 率領 的 美國政府 直指 病毒 來自 大陸 美國 知名 時事 評論員 法裡德 fareed zakaria 卻 認為 這 一切都是 為了 掩飾 他 對 美國 疫情 無能 管控 下 所 拋出來 的 煙霧 彈 據 央 視 新聞 指出 美國 著名 印度 裔記 者 時事 評論家 和 作家 法裡德 5 日 在 cnn 的 節目 提到 川普 以 及其 率領 的 政府部門 正 在 替 他們 為 美國 疫情 白白浪費 6 周 的 無能 作為 找尋 代罪羔羊 而 大陸 疫情 正是 他們 瞄準 的 攻擊 目標 法裡德 表示 其實 對 我們 來說 新冠 病毒 到底 是 來自 於 實驗室 或者 海鮮 市場 這 都並 不 重要 他 相信 每個 人 都會 同意 疫情 是 屬於 偶然 傳播 幾乎 沒人 會 認為 大陸 是 蓄意 傳播 的 為什麼 他們 要 作出 傷 即 全球 經濟 這麼 多 人 死亡 的 事件 呢 回到 重點 法裡德 指出 至於 為何 白宮 要 把病毒 是否 偶然 自大 陸 傳出 來 當作 目前 關鍵 議題 這 正是 因為 他們 想要 轉移 注意力 這 也 讓 法裡德 想起 美國 之前 對 伊拉克 戰爭 的 態度 也 就 是 白宮 現在 正在 做 的 法裡德 說 他們 白宮 正 在 逼迫 情報部門 試圖 做出 病毒 源自 於 大陸 的 結論 透過 不斷 施加壓力 來 換取 政治化 的 情報 這 正是 當初 伊拉克 戰爭 失敗 的 原因</t>
  </si>
  <si>
    <t>新冠肺炎 臺灣 六輕 高雄 雲林</t>
  </si>
  <si>
    <t>奔騰 思潮 劉大年 新冠肺炎 下 的 美國</t>
  </si>
  <si>
    <t>新冠肺炎 影響 愈來愈 烈 原先 疫情 相對 輕微 的 美國 情況 轉 趨 嚴峻 確 疹 人數 呈 跳躍式 增加 當初 不在意 的 川普 政府 也 感受 到 嚴重性 陸續 採取 一些 應變 措施 特別 是 美國 目前 正是 職業 運動 熱季 nba 因 有 球員 確診 而 無限期 停賽</t>
  </si>
  <si>
    <t>新冠肺炎 影響 愈來愈 烈 原先 疫情 相對 輕微 的 美國 情況 轉 趨 嚴峻 確 疹 人數 呈 跳躍式 增加 當初 不在意 的 川普 政府 也 感受 到 嚴重性 陸續 採取 一些 應變 措施 特別 是 美國 目前 正是 職業 運動 熱季 nba 因 有 球員 確診 而 無限期 停賽 正在 進行 大學 運動 賽事 也 取消 美國 過去 因 勞資糾紛 而 罷工 停賽 時有所聞 但 因為 傳染病 而 停賽 則 屬 空前 美國 人 熱愛 運動 職業 賽事 早已 成為 生活 的 一部分 但是 目前 紛紛 延後 或 取消 可見 疫情 已經 不易控制 對於 職業 球隊 而言 停賽 不只 帶來 經濟損失 對於 一些 積極 補強 爭 冠 的 球隊 更是 情 何以 堪 以 nba 為 例 今年 戰績 最好 的 密 爾瓦基 公鹿 隊 距離 前次 奪冠 已 有 49 年 未來 若 是 整個 賽季 取消 十年磨一劍 卻 無可 發揮 只能 怪 時運不濟 此 可 回想 1994 年 職業 棒球 季 中 罷工 停賽 當時 戰績 最好 的 蒙特 婁 博覽會 隊 無從 施展 從此 一蹶不振 而後 遷到 華盛頓改名 國民 隊 直到 去年 才一圓 冠軍 之 夢 也 只能 說 是 造化弄人 美國 疫情 之所以 惡化 主要 是 因為 美國政府 輕忽 以及 世界衛生組織 who 未 扮演 協助 角色 川普 總統 上月 由 印度 訪問 回美 還 信誓旦旦 認為 疫情 可以 控制 世界衛生組織 也 一再 忽略 疫情 嚴重性 竟然 直到 近日 才 宣佈 新冠肺炎 為 全球 大 流行 並 將 會 進一步 擴散 更是 後知後覺 美國 目前 經濟 仍 表現 不錯 但是 在 未來 疫情 擴大 國內 諸多 活動 停止 下 直接 會 影響 到 占 gdp 近 7 成 的 民間 消費 對 美國 經濟 影響 會 很 大 新冠肺炎 疫情 由 中國 向外 擴大 對 全球 經濟 已 產生 重大 衝擊 目前 更 波及 全 世界 最 大 消費市場 美國 若是 疫情 無法 有效 控制 全球 經濟 受 影響 幅度 將 遠 高於 第一 波 各國 要 有 長期 因應 不景氣 寒冬 的 準備 在 美國 疫情 大幅 爆發 之前 川普 總統 聲望 達到 新高 主要 是 美國 經濟 表現 強勁 美國 人民 對於 未來 經濟 前景 樂觀但 若 是 未來 美國 經濟 因 疫情 而 疲弱 川普 政府 防治 疫情 工作 不 到位 會 影響 到 川普 總統 聲望 及 連任 之路 由於 今年 是 美中 貿易協定 第 1 年 中國 大陸 必須 履行 對 美國 承諾 特別 是 增加 購買 兩千億 美元 的 商品 未來 不僅 是 中國 大陸 執行 的 問題 美國 國內 生產 若 是 因 疫情 而 停 擺 能否 有能力 供應 也 不無 疑問 今年 美國 還要 與 中國 進行 第二 階段 經貿 協定 談判 以 目前 的 情勢 來看 可能 美中 兩 國先 把 疫情 控制 才是 優先 的 選項 川普 總統 上任 後 一直 鼓吹 美中 製造 脫鉤 分道揚鑣 以 確保 美國 優勢 在 美國 的 強力 主導 下 中 美 製造 某種程度 的 脫鉤 了 許多 跨國企業 紛紛 撤離 中國 大陸 但是 川普 始料未及 的 是 製造 與 中國 脫鉤 了 但 美國 卻 被 中國 疫情 拖累 現在 如何 使 美中 疫情 脫鉤 才 是 川普 總統 的 當務之急 作者 為 中華經濟 研究院 區域 發展研究中心 主任</t>
  </si>
  <si>
    <t>新冠肺炎 臺灣 全球 疫苗 eua 菲律賓 國產 疫苗</t>
  </si>
  <si>
    <t>新北 市 22 日 再 傳 出 1 起 確診 者 死亡 案例 1 名 66 歲 婦女 20 日 因 不明 原因 喘氣 異常 送醫 救治 後 仍 在 今日 逝世 院方 進一步 采 驗 驗 出 死者 為 新冠肺炎 陽性 患者 死者 女兒 也 隨之 被 要求 居家 隔離 連見 媽媽 最後 一面 都 不行 令人 鼻酸</t>
  </si>
  <si>
    <t>新冠肺炎 臺灣 新北 采 檢 女兒</t>
  </si>
  <si>
    <t>新冠肺炎 在 美國 肆虐 醫療 設施 和 病床 都 告急 之際 美國海軍 派出 兩 艘 醫療 艦 舒適 號 comfort 前往 紐約 和 仁慈號 mercy 前往 洛杉磯 雖然 都 號稱 有 1000 個 以上 的 病床 床位 都 事實上 兩 艘 醫療 艦 都 只 收納 了 兩位數 的 病人</t>
  </si>
  <si>
    <t>新冠肺炎 延 燒 副 總統 陳建仁 流感</t>
  </si>
  <si>
    <t>疫苗 庫 存量 緊 繃 新冠肺炎 臺灣</t>
  </si>
  <si>
    <t>大陸 部分 地區 的 市級 兩會 於 近日 相繼 召開 25 日 內蒙古 烏海市 進入 2020 年 兩會 時間 當天 召開 烏海市 政協 九 屆 三 次 會議 次日 烏海市 人大 會議 開幕 22 日 政協 青海 玉樹 州 委員會 十四 屆 五 次 會議 開幕 23 日 下午 玉樹 州 十三 屆 人大 六 次 會議 也 拉開帷幕 在 政協 和 人大 會議 開幕會 現場 主席臺 和 台下 的 與會 人員 都 摘 下 口罩 據 內蒙古 日報 報導 烏海市 是 今年 全 自治區 首 個 召開 兩會 的 盟 市 表明 烏海市 統籌 推進 疫情 防控 和 經濟社會 發展 工作 取得 積極 成效 生活 生產秩序 正在 加快 恢復 烏海 日報 照片 顯示 25 日 26 日 兩 天 烏海市 政協 人大 的 全體會議 上 主席臺 成員 均 摘 下 了 口罩 台下 人大代表 政協委員 都 是 隔 位 而 坐 保持 了 一定 的 間距 青海省 的 海西州 也 在 3 月 召開 了 兩會 據 報導 24 日 上午 中國人民政治協商會議 海西蒙古族藏族自治州 第 十三 屆 委員會 第 五 次 會議 在 海西 會議 中心 大會堂 隆重 開幕 隔日 上午 海西 蒙古族 自治州 第 十四 屆 人民代表大會 第 六 次 會議 在 海西 會議 中心 開幕 211 名 人大代表 出席 了 當天 的 會議 人大代表 們 也 摘 去 了 口罩 此前 全 大陸 已 有 29 個 省份 在 1 月份 召開 了 省級 兩會 四川 雲南省兩會 原定 2 月初 召開 因 新冠肺炎 疫情 延期 目前 尚未 確定 召開 時間 據 不 完全 統計 雲南昆明 安徽 合肥 亳州 河南 鄭州 山東 濟南 青島 濱州 陝西 西安 榆林 內蒙古 呼和浩特 等 地 已 在 此前 宣佈 延期 舉行 兩會</t>
  </si>
  <si>
    <t>內蒙 兩會 人大 青海 新冠肺炎</t>
  </si>
  <si>
    <t>酒 駕 新冠肺炎 肺炎 新冠 警方</t>
  </si>
  <si>
    <t>特殊 交友 圈 新冠肺炎 臺灣 桃園 確診</t>
  </si>
  <si>
    <t>新冠肺炎 臺灣 施打 莫德納 盧秀燕</t>
  </si>
  <si>
    <t>新冠肺炎 或 長期 流行 有如 流感</t>
  </si>
  <si>
    <t>新冠肺炎 與 sars 有 何 不同 大陸 醫學 專家 指出 相較 sars 集中 攻擊 肺部 新冠肺炎 還 會 波及 心臟 腎臟 等 器官 造成 多重 器官 衰竭 救治 難度 比 sars 大 不過 目前 看來 病亡 率 低於 sars 此外 新冠肺炎 還有 可能 轉成 慢性 疾病 像</t>
  </si>
  <si>
    <t>美國之音 報導 指出 正在 美國 國會 審議 中的 2021 財年 國防 授權 法 2021 ndaa 草案 其中 就 有 條文 呼籲 美國國防部 讓 海軍 醫療 船 安慰 號 及 仁慈號 停靠 臺灣 以便 延續 美 台 應 對 新冠肺炎 的 協作 草案 還 支持 與 臺灣 進行</t>
  </si>
  <si>
    <t>新冠肺炎 臺灣 疫苗 外交 75萬 劑 疫苗 軍機 擾 台</t>
  </si>
  <si>
    <t>受到 全台 新冠肺炎 疫情 延 燒 多數 產業 彷 佛 被 按 下 暫停 鍵 也 讓 果農 擔憂 4 月 鳳梨 盛產期 外銷 恐 會 受阻 所幸 一 年 多 前 與 日本 大型 連鎖 超市 seiyu 西友 洽談 合作 如今 傳來 捷報 14 日 正式 啟動 封 櫃 儀式 約 1 周後 就 能 在 日本 3</t>
  </si>
  <si>
    <t>受到 全台 新冠肺炎 疫情 延 燒 多數 產業 彷 佛 被 按 下 暫停 鍵 也 讓 果農 擔憂 4 月 鳳梨 盛產期 外銷 恐 會 受阻 所幸 一 年 多 前 與 日本 大型 連鎖 超市 seiyu 西友 洽談 合作 如今 傳來 捷報 14 日 正式 啟動 封 櫃 儀式 約 1 周後 就 能 在 日本 300 多 家 超市 品嘗 來自 屏 東 的 好 味道 根據 統計 臺灣 鳳梨 去年 外銷 5萬1476 公噸 其中 出口 大陸 約 占 總量 97 在 受到 疫情 影響 對岸 傳統 市場 及 大型 超 商 通路 買氣 都 顯 疲軟 屏 東 是 全台 重要 產區 之一 讓 農民 不免 憂心 屏 東 縣長 潘孟安 表示 農曆 年前 就 持續 關注 疫情 發展 也 的確 發現 一 到 鳳梨 盛產期 可能 會 遇到 的 銷售 問題 便 試 著 接觸 全球 各國 可能 的 農產 買家 總算 盼 來 好 消息 從 屏 東 出產 的 金鑽 鳳梨 將 直接 進到 seiyu 超市 通路 銷售 期盼 首航 櫃 可 帶來 強大 後續 訂單 目標 上 看 600 公噸 潘孟安 手 拿 氣 笛 聲響震天 如同 船運 航行 時 的 鳴笛 象徵 外銷 鳳梨 貨櫃 首航 正式 啟動 他 臉上 始終 掛 著 笑容 期盼 為 屏 東農 產 再 開 新 局 真的 吃 下 一 顆 定心丸 高樹銀 獅 農場 理事 主席 洪銘聰 坦言 過去 日本 鳳梨 主要 來自 菲律賓 及 泰國 而 日 國 出產 的 沖繩 鳳梨 則 穩 居 高端 市場 首位 如今 屏 東 鳳梨 順利 打 進 市場 相信 高 品質 的 果品 一定 能 站穩 一席之地 洪銘聰 表示 日本 檢疫 嚴格 必須 從 種植 採收 便 導入 安全 用藥 的 病蟲害 防治 手法 及 採收 時 工序 繁雜 的 切 柄 讓 切口 平整 都 是 為了 後續 鳳梨 鮮果 的 保鮮 延長 及 維持 最佳 品質 不過 他 拍 胸脯 保證 一切 都 沒 問題 就 待 一 周 後 的 船運 時間 屏 東 鳳梨 將 在 日本 大放 光芒</t>
  </si>
  <si>
    <t>大陸 國家 衛健 委 高級別 專家組 組長 鍾 南山 12 日 表示 若 有 一些 國家 不 把 疫情 的 危害性 傳染性 結束 時間 不太好 說 一般 情況 下 在 溫度 比較 高 的 夏天 新冠 病毒 是 不 太 活躍 的 但 還是 要 取決 於 各個 國家 的 重視 程度 隨 著 疫情 嚴重 的 國家 的 重視 程度 提高 6 月份 結束 疫情 是 可以 期待 的 鐘南山 呼籲 各國 響應 世衛組織 號召 對 新冠肺炎 疫情 進行 國家 層面 干預 此外 鐘南山 強調 世界 應對新冠肺炎 疫情 加強 溝通 與 交流 很 重要 不過 兩 個 月 內 研發 出 特效藥 或 找到 特殊 的 辦法 是 不太可能 的</t>
  </si>
  <si>
    <t>美國國防部 傳出 有 37 人 感染 新冠肺炎 為 預防 病毒 擴散 五角大廈 昨 16 日 宣佈 美國 國防部長 艾斯 培 mark esper 及 副 部長 諾 奎斯特 david norquist 已 緊急 隔離 綜合 美 媒 cnbc 美國有線電視新聞網 cnn 報導 美</t>
  </si>
  <si>
    <t>屏 東 陳時中 delta 群 聚 新冠肺炎</t>
  </si>
  <si>
    <t>新冠肺炎 臺灣 台中 京元 電子 移 工</t>
  </si>
  <si>
    <t>英國廣播公司 bbc 報導 刊登 於 病毒學 期刊 的 最新 研究 指出 新冠 病毒 可以 在 特定 環境 下 存活 長達 28 天 包括 鈔票 手機 螢 幕 及 不銹鋼 等 表面 都 比 原先 所想 的 更 髒 澳洲 最 大 國家級 科研機構 澳洲 聯邦 科學 與 工業 研究 組織 研究 顯示 新冠 病毒 大多 在 咳嗽 打噴嚏 及 說話 時 傳播 但 也 有 證據 顯示 可 經由 懸浮 空中 的 粒子 傳播 根據 美國 疾病 管制 暨 預防 中心 cdc 的 說法 可能 因 接觸 金屬 或 塑膠 等 物體 表面 的 病毒 而 罹 患 新冠肺炎 經過 實驗室 測試 發現 新冠 病毒 可以 在 鈔票 和 玻璃 表面 存活 2 到 3 天 在 塑膠 和 不銹鋼 表面 則 可 存活 到 6 天 澳洲 聯邦 科學 與 工業 研究 組織 研究 更 發現 這種 病毒 極度 頑強 可於 攝氏 20 度 或 室溫 及 黑暗 環境 下 在 手機 螢 幕 等 光滑 表面 及 塑膠 鈔票 與 紙 鈔 上 存活 28 天 而 流感 病毒 在 同樣 環境 下 只能 存活 17 天 這項 研究 的作者 認為 由於 研究 顯示 新冠 病毒 可 在 較 低 溫度 下 的 不銹鋼 表面 存活 這 或許 有 於 解釋 病毒 可 在 新鮮 和 冷凍 食品 上 存活 以及 為何 肉類 加工 和 冷藏 設施 會 爆發 新冠 疫情</t>
  </si>
  <si>
    <t>新冠肺炎 疫情 擴散 儘管 臺灣 防疫 成效 非常 不錯 但 各 大 行業 尤其 是 觀光業 依舊 受到 重創 政府 也 推出 一系列 紓困 方案 因應 卻 出現 各種 亂象 連 基層 公務員 自己 都 搞不懂 民怨 四起 就 有 網友 在 ptt 發問 為何 政府 防疫 做 這麼</t>
  </si>
  <si>
    <t>防疫 紓困 蘇貞昌 陳時中 新冠肺炎</t>
  </si>
  <si>
    <t>企業 快 篩 竹科 新冠肺炎 臺灣</t>
  </si>
  <si>
    <t>新冠肺炎 機師 航空 業 確診 華航 貨機</t>
  </si>
  <si>
    <t>勞動部 26 日 公佈 最新 的 無 薪 假 統計 目前 總計有 3679 家 企業 4萬4973 人 正在 實施 無 薪 假 家數 續 創 歷史 新高 人數 也 再次 突破 新冠肺炎 疫情 以來 的 巔峰 其中 住宿 及 餐飲業 為 仍 是 這次 的 重災區 總計有 1004 家 2萬1240 人 實施 無</t>
  </si>
  <si>
    <t>勞動部 26 日 公佈 最新 的 無 薪 假 統計 目前 總計有 3679 家 企業 4萬4973 人 正在 實施 無 薪 假 家數 續 創 歷史 新高 人數 也 再次 突破 新冠肺炎 疫情 以來 的 巔峰 其中 住宿 及 餐飲業 為 仍 是 這次 的 重災區 總計有 1004 家 2萬1240 人 實施 無 薪 假 家數 與 人數 續 創新 高 勞動部 上周 公佈 的 無 薪 假 統計 實施 事業 單位 計 2704 家 實施 人數 3萬1980 人 相隔 一 周 增加 975 家 人數 增加 1萬2993 人 家數 持續 創 高 人數 更是 突破 因 疫情 在 去年 6 月底 的 高峰 勞動部 表示 多數 事業 單位 之 實施 人數 在 50 人 以下 實施 期間 多數 未 超過 3 個 月 實施 態 樣 較 多 的 是 每月 休 9 至 12 日 從 行業 別 來看 前三名 的 家數 主要 仍 是 與 疫情 管制 相關 最 多 的 是 住宿 及 餐飲業 有 1004 家 2萬1240 人 正在 實施 無 薪 假 其次 為 批發 及 零售業 為 919 家 7328 人 第三 則 為 支援 服務業 489 家 3011 人 內需 終端 疲弱 也 連帶 影響 到 上游 製造業 的 民生 工業 與 化學工業 民生 工業 增至 79 家 882 人 而 化學工業 也 增至 42 家 319 人 運輸 及 倉儲業 的 部分 除了 因應 防疫 實施 邊境 管制 導致 航空 公司 實施 無 薪 假 外 部分 國道 客運 市區 公車 配合 減班 大幅 減少 司機員 與 相關 作業 人員 的 工作 時數 也 讓 本 周 無 薪 假 的 情況 提高 至 141 家 3331 人 醫療保健 及 社會 工作 服務業 的 無 薪 假 資料 仍 持續上升 實施 家數 273 家 2423 人</t>
  </si>
  <si>
    <t>新冠肺炎 臺灣 家數 實施 住宿 及 餐飲業</t>
  </si>
  <si>
    <t>北市 黑 數 新冠肺炎 柯文哲 臺灣</t>
  </si>
  <si>
    <t>日本 和歌 山縣 再 增 3 例 新冠肺炎</t>
  </si>
  <si>
    <t>和歌 山縣 新冠肺炎 病例 鑽石 公主 號</t>
  </si>
  <si>
    <t>2020 臺灣 國際 蘭展 受 新冠肺炎 疫情 衝擊 而 延期 海外 國際 蘭展 也 喊 卡 為 減少 蘭農 損失 臺灣 蘭花 產業 聯盟 發展 協會 邀 業者 推出 各家 奇 珍異 花 即日起 至 4 月 5 日 于台 南山 上區 臺灣 蘭科 植物園 自辦 蘭 展 200 多 種 2000 多 株 罕見 蘭花</t>
  </si>
  <si>
    <t>2020 臺灣 國際 蘭展 受 新冠肺炎 疫情 衝擊 而 延期 海外 國際 蘭展 也 喊 卡 為 減少 蘭農 損失 臺灣 蘭花 產業 聯盟 發展 協會 邀 業者 推出 各家 奇 珍異 花 即日起 至 4 月 5 日 于台 南山 上區 臺灣 蘭科 植物園 自辦 蘭 展 200 多 種 2000 多 株 罕見 蘭花爭 豔 國際 蘭展 得獎 名花 300 元 即可 帶回家 還有 平價 買 1 送 1 區 藉 此 推廣 蘭花 買氣 臺灣 蘭花 產業 聯盟 發展 協會 成立 於 2002 年 目前 有 200 多 家業 者 加入 平日 協會 主要 是 前進 國外 大 小 蘭展 參展 推廣 臺灣 業者 的 蘭花 力拼 外銷 訂單 再 媒 合 各 蘭花 業者 供貨 由 協會 統一 出 貨 得獎 花 300 元 帶回家 協會 理事長 吳柏昌 說 協會 往年 外銷 數量 約 300萬 株 受 新冠肺炎 疫情 影響 花農 少 了 一個 銷售 管道 已 開 的 花 賣不出去 外銷 訂單 幾乎 腰斬 而且 飛機 航班 不 斷 取消 花運 不 出去 運費 也 不斷 調 漲 吳 柏昌 表示 臺灣 蘭花業者 實力雄厚 跟 上 國際 潮流 也 培育 許多 得獎 品種 目前 國外 流行 的 蘭花 分為 3 大類 一 是 有 香味 的 蘭花 例如 有 牛奶 香味 的 腋 唇 蘭 巧克力 香味 的 蝴蝶 蘭 還 有 最 夯 的 大 唇瓣 蝴蝶 蘭 以及 色彩鮮豔 獨特 的 嘉德 麗亞 蘭 等 此次 都有 展出 盆栽 diy 適合 親 子遊 新冠肺炎 疫情 蔓延 吳柏昌 為了 幫 花農 找 商機 協會 邀 10 多 家業 者 于 蘭科 植物園 舉辦 蘭展 不僅 有 平時 少見 外銷 品種 多種 國際 蘭展 得獎 名花 甚至 300 元 就 能 入手 蘭科 植物園 自辦 蘭 展采 免費 入 園 方式 園裡 除了 有 許多 稀有 的 蘭花植 栽 以外 現場 也 有 餐廳 可 用餐 喝 咖啡 除了 單純 賞 花 外 還 可 預約 盆栽 diy 押花 體驗 非常適合 親 子 出遊</t>
  </si>
  <si>
    <t>國防部 今天 在 線 上 記者 會首 度 透露 國防 醫學院 預 醫 所 將 規劃 興建 新 的 p 4 實驗室 為 因應 如 新冠肺炎 等 傳染病 的 威脅 國防 醫學院 預 醫 所在 國防部 各級 單位 全力支援 下 已 規劃 新建 生物安全 第 四 等級 實驗室 p 4 新 p 4 實驗室</t>
  </si>
  <si>
    <t>國防部 今天 在 線 上 記者 會首 度 透露 國防 醫學院 預 醫 所 將 規劃 興建 新 的 p 4 實驗室 為 因應 如 新冠肺炎 等 傳染病 的 威脅 國防 醫學院 預 醫 所在 國防部 各級 單位 全力支援 下 已 規劃 新建 生物安全 第 四 等級 實驗室 p 4 新 p 4 實驗室 的 安全 規範 將 符合國際 上 最 嚴格 的 加拿大 標準 興建 完成 後 將 成為 亞太地區 對抗 新興 及 再現 性 傳染病 的 領先 指標 設施 作為 國軍 及 全國 防疫 研發 工作 最 堅實 的 後盾 國防部 表示 國防 醫學院 預 醫 所為 因應 快 篩 試劑 治療 藥物 及 疫苗 開發 的 測試 需求 從 109 年 迄今已 進行 7 場次 不同 類型 的 人員培訓 及 演練 為 國內 唯一 具備 完整 生物安全 第 2 3 4 等級 實驗室 之 人員培訓 場 域 另 有關 這次 新冠 疫情 肆虐 國防 醫學院 在 高 防護 實驗室 方面 有 哪些 貢獻 國防部 說 針對 本 次 新冠肺炎 疫情 國防 醫學院 在 生物安全 第 四 等級 實驗室 bsl 4 中 執行 病毒 培養 鑒定 及 分析 工作 並 在 動物 生物安全 第三等級 實驗室 absl 3 中 以 動物 模式 驗證 藥物 及 疫苗 的 有效性 于 生物安全 第二 等級 實驗室 bsl 2 精准 偵 檢 實驗室 中 檢驗 臨床 檢 體 遵循 生物安全 法規 且 分工 明確 提升 執行 任務 的 工作效率</t>
  </si>
  <si>
    <t>p 4 實驗室 生物安全 國防 醫學院 新冠肺炎 預 醫 所</t>
  </si>
  <si>
    <t>中秋節 三級 警戒 疫苗 覆蓋率 新冠肺炎 臺灣</t>
  </si>
  <si>
    <t>新冠肺炎 臺灣 防疫 旅館 鄭文燦 防線</t>
  </si>
  <si>
    <t>生產 蘋果 西打 飲料 的 大西洋 股份有限公司 前 總經理 孫幼英 涉嫌 為 挽救 旗 下 企業 的 財務危機 掏空 大西洋 公司 逾 億 一審 將 孫 徒刑 9 年 6 月 上訴 後 臺灣高等法院 審理 中 她 說 自己 年紀 逾 70 歲 有 罹 患 新冠肺炎 之 風險 求 免 到</t>
  </si>
  <si>
    <t>生產 蘋果 西打 飲料 的 大西洋 股份有限公司 前 總經理 孫幼英 涉嫌 為 挽救 旗 下 企業 的 財務危機 掏空 大西洋 公司 逾 億 一審 將 孫 徒刑 9 年 6 月 上訴 後 臺灣高等法院 審理 中 她 說 自己 年紀 逾 70 歲 有 罹 患 新冠肺炎 之 風險 求 免 到 派出所 報到 高院 駁回 可 抗 告 孫 幼 英 說 她 年 逾 70 歲 如今 臺灣 新冠肺炎 疫情 嚴峻 她 年事已高 屬於 罹 患 新冠肺炎 之 高 危險 族群 倘 仍 需 於 每週 二五 至 派出所 報到 不僅 徒 增 罹 患 新冠肺炎 之 風險 且 對於 本案 迅速 終結 亦 無助 益 爰 請求 免除 報到 之 處分 高院 認為 孫幼英 涉 非常規 交易 罪 特別 背信 罪 等 罪 遭 判刑 9 年 6 月 並 應 沒收 及 追征 犯罪 所 得 新 台幣 1億852萬 多元 且 經 原審 法院 裁定 限制 出境 出海 並 命 每週 二五 至 派出所 報到 高院 也 在 今年 7 月 16 日 裁定 延長 她 出境 出海 8 月 合議庭 認為 孫幼英 犯罪 名 法定 刑非 輕 且 經 原審 判處 重刑 及 沒收 高額 犯罪 所 得 如上 衡諸 人情之常 堪 認 被告 主觀 上有 甚 強之 畏罪 逃亡 動機 為 能 定時 掌握 被告 行蹤 確保 被告 並未 逃亡 有命 她 告 定期 至 派出所 報到 之 原因 及 必要 駁回 她 的 聲 請</t>
  </si>
  <si>
    <t>報到 派出所 新冠肺炎 蘋果 西 打 求 免</t>
  </si>
  <si>
    <t>空中巴士 宣佈 在 對 廠 區 進行 嚴格 的 健康 與 安全 檢查 之後 該 公司 在 法國 與 西班牙 的 廠 區 已 從 23 日 起 部 份 復工 進行 生產 與 組裝 工作 此外 空中巴士 將 支援 全球 對抗 新冠肺炎 危機 的 努力 空中巴士 與 夥伴 密切合作 在 維持 業務 進</t>
  </si>
  <si>
    <t>空中巴士 宣佈 在 對 廠 區 進行 嚴格 的 健康 與 安全 檢查 之後 該 公司 在 法國 與 西班牙 的 廠 區 已 從 23 日 起 部 份 復工 進行 生產 與 組裝 工作 此外 空中巴士 將 支援 全球 對抗 新冠肺炎 危機 的 努力 空中巴士 與 夥伴 密切合作 在 維持 業務 進行 的 同時 確保 員工 健康 與 安全 為了 執行 這些 措施 空中巴士 在 法國 與 西班牙 的 生產 與 組裝 廠房 需要 暫時 停工 四 日 只有 在 符合衛生 清潔 以及 自我 保持 距離 的 新 健康 與 安全 規定 同時 保持 營運 效率 的 條件 之下 這些 工作 場所 才能 重新 開放 空中巴士 將 在 不 全面 停工 之下 在 所有 設施 執行 以上 規定 關於 全球 的 非生產性 工作 空中巴士 將 繼續 支援 員工 在家 工作 執行 以上 規定 之後 部 份 員工 將 被 要求 返回 辦公室 執行 業務 在 2 月 間 空中巴士 位於 天津 的 飛機 組裝線 曾 因 新冠肺炎 暫時 停工 現 已 復工 運作 空中巴士 指出 將 支援 各國 衛生 緊急 與 公共服務 單位 運用 空中巴士 飛機 直升機 衛星 與 服務 達成 重要 任務 近日以來 該 公司 已向 歐洲 多國 醫院 與 公共服務 單位 捐贈 數 千 個 口罩 並且 派出 試飛 用 機 從 中國 大陸 供應商 載運 大量 物資 上週末 空中巴士 派出 a 330 800 試飛 用 機 從 天津 載運 約 200萬 個 口罩 前往 歐洲 大部 份 將 捐贈 法國 與 西班牙 當局 空中巴士 未來 將 執行 更 多 類似 班機</t>
  </si>
  <si>
    <t>空中巴士 復工 衛星 新冠肺炎</t>
  </si>
  <si>
    <t>兒童 及 青少年 在 全球 這 波 新冠肺炎 疫情 中 相較 于 成人 或 老人 在 感染 率 及 嚴重性 都 較 低 但 沒有 控制 穩定 的 過敏 氣喘 會 增加 新冠肺炎 發展 成重 症 的 機會 振興 醫院 兒童 醫學 部 主治醫師 羅玉芳 呼籲 過敏 及 氣喘 除了 藥物 治療 建</t>
  </si>
  <si>
    <t>兒童 及 青少年 在 全球 這 波 新冠肺炎 疫情 中 相較 于 成人 或 老人 在 感染 率 及 嚴重性 都 較 低 但 沒有 控制 穩定 的 過敏 氣喘 會 增加 新冠肺炎 發展 成重 症 的 機會 振興 醫院 兒童 醫學 部 主治醫師 羅玉芳 呼籲 過敏 及 氣喘 除了 藥物 治療 建構 孩子 的 免疫力 也 相當 重要 均衡 營養 適度 曬太陽 都 是 重要 的 一 環 新冠肺炎 的 危險 因數 包含 肥胖 慢性病 及 抽煙 而 在 孩童 及 青少年 族群 最 常見 的 慢性病 則 是 過敏性 鼻炎 及 氣喘 由於 新冠肺炎 在 免疫 上 的 諸多 新 的 醫學 表現 國際 兒童 過敏 協會 針對 兒童 過敏 的 治療 提供 了 一些 治療 的 原則 羅玉芳 說 過敏性 鼻炎 孩童 原來 用於 治療 鼻子 過敏 的 類固醇 鼻 噴劑 及 第二 代 的 抗 組織胺 都 建議 繼續 使用 控制 好 過敏性 鼻炎 減少 呼吸道 黏膜 的 腫脹 減少 打噴嚏 可以 減少 被 感染 及 傳播 病菌 的 可能 但 這些 藥物 並 不 會 降低 孩子 的 免疫力 即使 在孩子 被 感染 新冠肺炎 也 是 必須 要 繼續 使用 的 藥物 此外 同時 存在 的 過敏性 結膜炎 也 要 規律 使用 抗過敏 眼 藥水 減少 孩子 因為 過敏 發癢 揉 眼睛 搓 鼻子 才能 減少 病毒 侵入 的 機會 氣喘 孩童 的 治療 不要 因為 疫情 就醫 不便 就 停藥 沒有 控制 好 的 氣喘 孩童 造成 急性 發作 反而 增加 新冠肺炎 發展 出 重症 的 機會 羅玉芳 表示 強化 平衡 孩子 的 免疫力 相當 重要 這 可以 從 環境 及 營養 2 方面 著 手 環境因素 包含 減少 過敏 pm 25 及 二手煙 營養 因素 則 要 讓 孩子 有 足量 且 優質 的 蛋白質 促成 足夠 的 抗體 生成 微量元素 包含 維他命 d 及 鋅 可以 減少 感染 維他命 d 與 吞噬細胞 上 的 接受器 結合 後 會 提升 吞噬細胞 殺菌 的 能力 維他命 c 維他命 e 及 多 酚 提升 孩子 身體 抗 發炎 及 抗 氧化 的 能力 羅玉芳 強調 只要 每日 均衡 的 營養 以及 適度 的 曬 曬太陽 就 能 建構 家中 寶貝 均衡 的 免疫力 父母 也 要 注意 3 級 警戒 居家 防疫 的 期間 孩子 的 運動 時間 幾乎 沒有 不然 就 是 大幅 地 減少 避免 孩子 體重 過重 也 是 防疫 很 重要 的 一 環 針對 戴 口罩 與 不 戴 口罩 的 比較 統計 也 發現 摸臉 的 次數 大約 分別 是 每 小時 5 次 及 20 次 差異 挺 驚人 的 另外 也 有 統計 不 戴 口罩 摸臉 次數 是 戴著 口罩 的 39 至 67 倍 接觸 眼 口 鼻 是 86 至 29 倍 而為 了 要 讓 孩子 能 乖乖 地 戴 好 口罩 控制 好 孩子 的 鼻子 結膜 過敏 也 是 十分 重要 的</t>
  </si>
  <si>
    <t>免疫力 過敏 氣喘 新冠肺炎 氣喘</t>
  </si>
  <si>
    <t>由於 美國 海軍 羅斯福 號 uss theodore roosevelt cvn- 71 航母 上有 近 100 名 人員 新冠肺炎 確診 在 指揮官 向 高層 示 警 下 部 份 美軍 將 下船 在 關島 的 旅館 隔離 據 cnn 新聞網 1 日 報導 美國 代理 海軍 部長 莫德里 thomas mo</t>
  </si>
  <si>
    <t>台中 市 26 日 新增 11 例 新冠肺炎 本土 確診 個案 其中 一 名 確診 者 24 日 曾 到 健 保 署 中區 辦公室 辦 健 保 卡 其 足跡 公佈 後 健 保 署 中區 業務組 也 發出 聲明 指稱 個案 全程 配戴 口罩 且 經 酒精 消毒 後 才入 內 洽 公 櫃檯 服務 同仁 也 戴 口罩 及</t>
  </si>
  <si>
    <t>新 媒體 暨 影視 音 發展 協會 nmea 主辦 第二 屆 亞洲 新 媒體 高 峰會 22 日 圓滿 落幕 為期 二 日共 舉行 了 20 場 專題 演講 與 對談 62 位 頂尖 產業 領袖 及 臺灣 致力 於泛 娛樂 產業 的 專業人士 以 change the world 為 主題 聚焦 資本 化 數位化 全球化 在 地 化 4 大方向 吸引 超過 上千人 參與 其中 國片 起飛 大 聯盟 主題 發起人 之一 威秀 影城 董事長 吳明憲 臺灣 首 部 iphone 拍攝 的 電影 怪胎 製片 牽 猴子 整合 行銷 副總經理 陳怡樺 今年 國片 票房 冠軍 孤 味 製片人 劉宛 玲 一致同意 新冠肺炎 對 臺灣 電影 整體 市場 的 影響 較為 正面 除了 國片 整體 票房 較 去年 成長 30 外 每部 電影 的 平均 票房 也 比 去年 來得 高 顯見 臺灣 今年 電影 的 水準 與 口碑 有 逐漸 重 十 國人 看 國片 的 信心 後 疫情 時代 面對 ott 與 好萊塢 國際 資本 大片 的 挑戰 國片 需要 的 是 完整 故事 敘述 與 臺灣 在 地 元素 並且搭配 充足 的 行銷 準備 與 時間 發酵 就 有 機會 得到 肯定 善用 觀影者 的 資料 分析 與 最新 科技 拍攝 也 能夠 將 目標 觀眾 的 喜好 提前 分享 給 影視 創作者 參考 也 能 得到 科技產業 跨 領域 的 關注 與 宣傳 加上 多 元 投資 與共 創 雙贏 ip 鍊 金術 的 最後 一 哩 路 文 創 資本 的 投資 原則 等 主題 針對 內容 產業 投資 建議 與 效益 評估 廣泛 收集 資深 會計師 財務 投 顧 投資 影業 財務 長 等 人 的 專業 意見 期待 資源 的 整合 與 整 並 擴大 內容 產業 的 經濟 規模 積極 串聯 跨 領域 的 產業 合作 另外 今年 金馬獎 最佳 動畫 長片 廢棄 之城 不僅 是 導演 易智言 與 監製 李烈 耗費 10 年 的 築 夢 作品 更 是 臺灣 動畫 的 冒險 歷程 易智言 表示 臺灣 的 動畫 一直 做 代工 技術 是 沒 問題 的 但 一直 以來 並 沒有 代表性 的 文本 除了 王小 隸 導演 的 魔法 阿嬤 似乎 沒有 令人 印象 深刻 的 作品 易導 期待 廢棄 之城 帶 給 臺灣 動畫 新 的 里程 正 因為 動畫 本身 的 複雜 度 產業 動輒 牽涉到 五六百 人 以上 不是 單一 個人 工作室 可以 單靠 創意 完成 的 不只 需要 資金 的 投 注 更是 需要 整個 電影 產業 或 內容 產業 的 陸續 投入 甚至 希望 政府 的 資源整合 與 挹注 監製 李烈 呼應 導演 的 看法 鼓勵 電影 人 跨 足 動畫 產業 因為 臺灣 的 動畫 人才 尚未 瞭 解 電影 長片 的 表現 方式 對 演員 表演 沒有 概念 如何 能夠 把 說 故事 的 方式 理解 吸收 與 呈現 將 對 電影 與 動畫 產業 兩者 皆 有 助益 就 像是 現在 的 電影 已經 都 脫 離不了 特效 了 臺灣 仍 有 很多 電影 對 特效 的 運用 概念 薄弱 如果 兩者 互相 串流 將 大 有 幫助</t>
  </si>
  <si>
    <t>繼 pcb 被動 元件 接連 端 出 族群 性 上漲 表現 後 兩 大 投 顧欽點 下 一 波 由 金屬 機殼 雙 雄 接 棒 凱基 富 邦 投 顧 接連 升 評 鎧勝 -ky 5264 至 買進 同時 看好 可 成 2474 穀底 已 過 同樣 喊 買 凱基 投 顧 科技產業 分析 師向子 慧 指出 隨 大陸 生產線 復工 鎧勝 -ky 的 3 月 營 收 大幅 回升 受惠 筆 電 與 平板 需求增 溫 鎧勝 -ky 經營 管理 階層 預估 第二 季營 收 將 明顯 優於 上 季 並 有 機會 重返 年 成長 軌道 本 季 因 新冠肺炎 大 流行 居家 工作 與 線 上 教育 需求 推 升 筆 電 與 平板 需求增 加上 蘋果 發表 macbook air ipad pro 新機 凱基 預期 鎧勝 -ky 第二 季營 收 將 季增 75 年 增 3 超乎 預期 且 因 營 收 向上 帶動 毛利率 營業 利益 率 反彈 第二 季 營運 將 轉 虧 為 盈 鎧勝 -ky 過去 二 年 都 因 生產 蘋果 iphone 金屬 機殼 造成 虧損 然 根據 富 邦 投 顧 最新 調查 鎧勝 -ky 今年 很 可能 不 再生產 iphone 金屬 機殼 新 產品 將 聚焦 在 apple watch 機械零件 上 少 了 虧損 業務 拖累 鎧勝 -ky 全年 將 轉 盈 終結 連 兩 年 虧損 可 成 3 月 營 收 優於 預期 帶動 首季 營 收 年 增 115 也 超越 市場 期望 法人 說明 放眼 第二 季 ipad macbook nb 等 需求 主要 受到 新冠肺炎 驅動 的 在家 工作 趨勢 看好 這些 產品 的 銷量 帶動 整體 營運 成長 再 將 時間 拉長 到 下半年 受惠 新 iphone 拉 貨 以及 5 g 智慧 機 設計 複雜 推 升 金屬 機殼 單位 售價 提升 營運 動能 可望 續強</t>
  </si>
  <si>
    <t>19 29 更新 新北 市 某 間 幼稚園 爆發 群 聚 感染 一 名 幼稚園 老師 確診 感染 給 8 名 學生 1 名 家長 臺北市 長 柯文哲 6 日 表示 北市 也 有 一 名 學童 在 該 家 新北 幼稚園 上課 此外 北市 預防 性 停課 的 幼稚園 不只 一 間 目前 已 掌握 北市 中正區 中山區 有 3 家 受到 影響 在 柯文哲 召開 完 防疫 記者 會後 臺北市政府 接 獲 不只 1 間 與 新北 幼稚園 群 聚 案 有關 正 在 緊急 統 整 資料 派 教育局 人員 到場 視察 北市 中正區 某 幼稚園 表示 確實 有 接到 教育局 通知 總計有 226 名 學童 受到 影響 分別 是 2 歲 至 6 歲 學童 共有 8 個 班級 老師 部分 則 不 只 一 名 以上 與 該 學童 有 接觸 所以 已 讓 這些 老師 7 日 請 防疫 假 在 家 幼稚園 指出 園內 已 消毒 也 有 緊急 發 通知書 給 孩童 家長 並 由 老師 通知 家長 接 走 孩童 對 此 消息 感到 有 點 驚訝 教育局 傍晚 指出 該 中正區 幼稚園 樓上 有 另 間 國小 附設幼稚園 因此 另 一 所 附設 幼稚園 明天 也 將 預防 性 停課 安排 清 消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彰 化 消毒 王 惠美</t>
  </si>
  <si>
    <t>日 厚 勞省 公佈 13 項新冠肺炎 輕 症 患者 高度 緊急 症狀</t>
  </si>
  <si>
    <t>日本 新冠肺炎 輕 症 患者 突然 暴 斃 的 案例 增加 厚生 勞動 省 28 日 公佈 患者 應 留意 的 13 種 項 緊急 性 高 的 症狀 讓 輕 症 患者 可以 更 容易 掌握 自己 的 病況 從 表情 等 身邊 人 觀察 得到 的 症狀 包括 臉色 明顯 變 差 狀態 與 平時 不 同 嘴唇 發 紫</t>
  </si>
  <si>
    <t>日本 新冠肺炎 輕 症 患者 突然 暴 斃 的 案例 增加 厚生 勞動 省 28 日 公佈 患者 應 留意 的 13 種 項 緊急 性 高 的 症狀 讓 輕 症 患者 可以 更 容易 掌握 自己 的 病況 從 表情 等 身邊 人 觀察 得到 的 症狀 包括 臉色 明顯 變 差 狀態 與 平時 不 同 嘴唇 發 紫 呼吸 方面 的 症狀 包括 呼吸 急促 突然 喘 不 過氣 稍微 活動 就 呼吸困難 胸口 疼痛 無法 躺 下 不 坐 著 就 無法 呼吸 用 肩膀 大力 呼吸 意識 方面 則 有 反應 遲頓 神情恍惚 神智不清 感覺 脈 博 不 穩定 日本 因 新冠肺炎 患者 急速 增加 醫院 病房 不敷 使用 故 以 醫治 重症 患者 為 優先 讓 輕 症 患者 先 在 自家 或 由 地方 政府 準備 的 飯店 等 設施 自我 隔離 休養 但 有些 人 病情 突然 惡化 甚至 突然 死亡 厚 勞省 呼籲 輕 症 患者 若 出現 高度 緊急 症狀 時 要 儘早 請 醫師 診斷</t>
  </si>
  <si>
    <t>輕 症 患者 日本 患者 新冠肺炎 緊急</t>
  </si>
  <si>
    <t>流感 症狀 與 新冠肺炎 雷同 專家 提醒 施打 公費 流感疫苗 開 打</t>
  </si>
  <si>
    <t>季節性 流感 秋天 報到 台南 市立 安南 醫院 提醒 流行性 感冒 症狀 與 新冠肺炎 雷同 今年 公費 流感疫苗 分成 10 月 1 日 與 11 月 15 日 兩 階段 開 打 符合 資格 民眾 只 要 與 新冠 疫苗 相隔 7 天 即可 接種 台南 市立 安南 醫院 家 醫科 陳 泓 毓 表示</t>
  </si>
  <si>
    <t>日 韓 職棒 都 已 宣佈 例行 賽 開幕 戰延 後 開 打 體育 署長 高俊雄 今 於立 法院 備詢 時 提到 如果 新冠肺炎 疫情 持續 且 沒有 減緩 將 建議 中華 職棒 延 後 開幕 戰 中職 會長 吳志揚 則 說 閉門 打 是 最 不得已 的 做法 如果 明天 防疫 計 畫 無</t>
  </si>
  <si>
    <t>日 韓 職棒 都 已 宣佈 例行 賽 開幕 戰延 後 開 打 體育 署長 高俊雄 今 於立 法院 備詢 時 提到 如果 新冠肺炎 疫情 持續 且 沒有 減緩 將 建議 中華 職棒 延 後 開幕 戰 中職 會長 吳志揚 則 說 閉門 打 是 最 不得已 的 做法 如果 明天 防疫 計 畫 無法 說服 主管機關 可能 延到 清明節 之後 開 打 吳志揚 強調 中職 是 有 延續性 的 比賽 一定 要 打完 全部 場次 相關 紀錄 才能 延續 因此 即使 要 延後 開 打 也 要 盡力 打完 各隊 120 場 例行 賽 不 考慮 減少 場次 衛福部 上周 宣佈 超過 千 人 戶外 大型 集會 的 防疫 評估 共有 6 大 指標 中職 在 明天 召開 的 第 2 次 防疫 諮 詢 會議 也 要 端 出 他們 擬定 的 防疫 計 畫 看 能否 說服 主管機關 及 防疫 專家 讓 新 球季 如期 在 28 日 開 打 並 照常 售票 吳志揚 表示 如果 主管機關 對 中職 的 防疫 計 畫 仍 有 疑慮 不 排除 延賽 畢竟 開 打 前 2 周 要 展開 售票 延 不 延也 不能 再 拖 了 而 衛福部 認為 清明節 會 是 另 一 波 感染 的 高峰 吳志揚 說 若要 延賽 可能 就 是 4 月中 才 開 打</t>
  </si>
  <si>
    <t>中華 職棒 新冠肺炎 中職 吳志揚 中職 開幕 戰</t>
  </si>
  <si>
    <t>全台 新冠肺炎 死亡 人數 不斷 攀增 新北 市長 侯友宜 今 主持 防疫 會議 宣佈 新北 市 的 長 照 機構 洗 腎 患者 75 歲 以上 長者 將 優先 納入 第 三類 的 疫苗 接種 名單 盡 速 讓 可能 併發 重症 的 物件 施打 疫苗 並 增加 保護 力 侯友宜 說 新北</t>
  </si>
  <si>
    <t>全台 新冠肺炎 死亡 人數 不斷 攀增 新北 市長 侯友宜 今 主持 防疫 會議 宣佈 新北 市 的 長 照 機構 洗 腎 患者 75 歲 以上 長者 將 優先 納入 第 三類 的 疫苗 接種 名單 盡 速 讓 可能 併發 重症 的 物件 施打 疫苗 並 增加 保護 力 侯友宜 說 新北 市 的 長 照 機構 太 多 了 被 照顧 者 有 22萬 人 照顧 者 有 12萬 人 長 照 機構 是 最 大 的 群 聚 感染 源 另外 頻繁 出入 醫院 的 洗 腎 患者 75 歲 以上 長者 都 是 可能 併發 重症 的確 診病 患 新北 市 針對 這 三 種 弱勢 的 族群 納入 第 三類 施打 名單 新北 市 副 市長 劉和然 補充 新北 市長 照 機構 照顧 者 與 被 照顧 者 共 34萬 人 再 加上 約 5000 名 送 餐 等 機構 工作人員 共有 39萬 人 75 歲 以上 約 有 21萬 人 洗 腎 人數 仍 在 統計 中</t>
  </si>
  <si>
    <t>長 照 機構 洗 腎 新冠肺炎 新冠 疫苗 臺灣</t>
  </si>
  <si>
    <t>新冠肺炎 蔓延 呂秀蓮 總統 應 全權 授權 陳建仁 帶領 抗 疫情</t>
  </si>
  <si>
    <t>英國 遠 距 上班 在家 工作 wfh 新冠肺炎</t>
  </si>
  <si>
    <t>北市 中正區 萬華 確診 新冠肺炎</t>
  </si>
  <si>
    <t>因應 疫情 布 口罩 成為 防疫 夯 品 新北 市 三 重 碧華 布 街 湧現 人潮 挑選 抗 菌 棉布 內 襯 二 重 砂 製作 口罩 也 有 許多 店家 自製 口罩 套 販賣 商家 保守 估計 生意 好 一兩 成 三 重 布 業 促進會 總 幹事 洪 國林 表示 年 後 生意 變 好 希望 推出 主題 式 活動 振興 碧華 布 街 生意 三 重 碧華 布 街 超過 50 年 歷史 過去 是 大臺北 地區 重要 的 布料 集散地 近年來 隨 著 產業 轉型 紡織業 多數 外移 碧華 布 街 榮景 不再 近來 新冠肺炎 疫情 不止 卻 意外 活絡 布 街 許多 家長 學校 到 布街 挑 布 回去 diy 店家 高 掛 口罩 材料 招牌 重現 榮景 家長 表示 兒童 口罩 不易 購得 口罩 套 可延長 口罩 使用 期限 開學 數日 來 小朋友 常 弄 丟 口罩 小朋友 對 自己 挑選 製作 的 口罩 套 比較 珍惜 因此 特別 帶 他們 到 布街 選 布 製作 布 口罩 民眾 表示 布街 布料 選擇 多 但 缺乏 規 畫 這邊 買 完 布料 卻 買不到 棉 繩 希望 可以 主題規 畫 任職 三 重 布 業 促進會 總 幹事 三 重 仁 華里長 洪 國林 表示 今年 年 後 因 疫情 商家 生意 開始 變 好 希望 有 機會 舉行 碧華 布 街 活動 振興社區 目前 還 在 和 商家 協商 希望 政府 能 幫忙 支持 拼 布 教室 指出 很多 人 指名 要 學 口罩 套 業績 成 長 約 一 成 除 教學 外 也 提供 材料 包給 學校 使用 蘆荻 社區 大學 也 表示 社區 大學 因應 疫情 延後 至 4 月 13 日 開學 但 最近 也 在 籌備 口罩 套 肥皂 等 diy 免費 課程 希望 學習 不間斷</t>
  </si>
  <si>
    <t>封 測 廠頎 邦 6147 2020 年 第 四季 稅 後 淨利 雙 升 至 1016億 元 改寫 歷史 第 三高 每股 盈 餘 eps 156 元 累計 全年 稅 後 淨利 3661億 元 年 減 1048 每股 盈 餘 561 元 仍 雙創 歷史 第 三高 公司 尚未 公佈 股利 政策 將 於 6 月 16 日 召開 股東 常會 頎 邦 股價 1 月底 觸及 77 元 的 7 年 半 高點 隨後 回 測 70 元 止跌回升 今 3 日 開高 後 在 買 盤 敲 進 下放 量 穩 揚 最高 上漲 445 至 774 元 截至 10 點 40 分 維持 逾 3 漲幅 位居 封 測 族群 漲勢 前段 班 三大 法人 上周 持續 偏 多 操作 合計 買超 1633 張 頎 邦 去年 第 四季 合併 營 收 創 616億 元 新高 季增 67 年 增 達 172 但 毛利率 營益 率 2924 營益 率 2301 低於 第 三 季及 去年同期 不過 稅 後 淨利 1016億 元 季增 011 年 增 達 116 仍 創 歷史 第 三高 每股 盈 餘 156元 累計 頎 邦 去年 合併 營 收 創 22275億 元 新高 年 增 909 但 毛利率 2819 營益 率 217 低於 前年 332 2649 加上 業外 虧損 跳 增 稅 後 淨利 3661億 元 年 減 1048 每股 盈 餘 561 元 低於 前年 628 元 仍 雙創 歷史 第 三高 頎 邦 受 新冠肺炎 及 貿易戰 影響 市場需求 影響 去年 上半年 營運 動能 較 弱 不過 隨 著 面板 驅動 ic ddi 需求 自 下半年 起急 增 5 g 應用 帶動 射 頻 rf 元件 等 非 驅動 ic 業務 同步 回升 使 營運 於 第二 季落底 下半年 營運 逐 季 成長 投 顧 法人 認為 頎 邦 去年 第 四季 毛利率 低於 預期 主因 受 材料 成本 上漲 及 匯率 強 升 干擾 使 第 四季 及 全年 獲利 表現 低於 預期 不過 由於 第 四季 測試 價格 已 調 漲 5 10 今年 首季 再 調 漲 測試 薄膜 覆 晶 cof 玻璃 覆 晶 cog 封裝 價格 5 10 營運 朝正 向 發展 頎 邦 董事長 吳非艱 先前 指出 驅動ic 及 非 驅動 ic 業務 稼 動 率 目前 均 逼近 滿載 需求 持續 強勁 至 上半年 頎 邦 對此 同步 積極 擴產 因應 對 上半年 營運 維持 樂觀 看待 預期 首季 營運 可望 顯著 優於 去年同期 資本 支出 占 比 估 約 30 40億 元 頎 邦 2021 年 1 月 自 結合 並 營 收 2125億 元 月 減 011 年 增 達 1765 創 同期 新高 歷史 次高 表現 略 優於 預期 由於 短期 面板 驅動 ic 供應 鏈 供需 吃緊 加上 上游 材料價格 壓力 得以 轉嫁 法人 看好 頎 邦 首季 營運 有望 持平 於 去年 第 四季 表現 淡季 不 淡 吳 非艱 表示 未來 驅動 ic 封 測 仍 是 頎 邦 主要 業務 隨 著 報價 調整 回 合理 狀態 認為 對 產業 將 帶來 正向 健康 影響 而非 驅動 ic 業務 今年 估 貢獻 營 收 約 近 30 未來 將 持續 提升 目標 2022 年 提升 至 35 進一步 優化 產品組合 歐系 外資 認為 頎 邦 受惠 面板 解析 度 升級 觸 控 面板 感應 晶 片 tddi 及 oled 面板 驅動 ic 需求 激增 平均價格 asp 改善 及 非 驅動 ic 業務 新 契機 將 成為 驅動 營運 成長 主 動能 看好 今年 營 收成 長 10 15 毛利率 同步 改善 給予 優於 大盤 評等 目標價 78 元</t>
  </si>
  <si>
    <t>新冠肺炎 陳秀熙 台 大公 衛學院 彰 化 萬人 檢驗</t>
  </si>
  <si>
    <t>garmin 新冠肺炎 鄭文燦 新北 臺灣</t>
  </si>
  <si>
    <t>新冠肺炎 疫情 持續 在 美國 擴散 幾乎 所有 運動 賽會 都 受到 影響 nba 首當其衝 聯盟 預計 週五 召開 球 團 視 訊 會議 最 有 可能 施行 的 就是 閉門 比賽 湖 人 當家 球星 詹姆斯 原本 揚言 不 會 在 空無一人 的 場館 上 出賽 但 隨即 改口 表示</t>
  </si>
  <si>
    <t>新冠肺炎 疫情 持續 在 美國 擴散 幾乎 所有 運動 賽會 都 受到 影響 nba 首當其衝 聯盟 預計 週五 召開 球 團 視 訊 會議 最 有 可能 施行 的 就是 閉門 比賽 湖 人 當家 球星 詹姆斯 原本 揚言 不 會 在 空無一人 的 場館 上 出賽 但 隨即 改口 表示 願意 配合 上場 但 仍 會 很 失望 北美 四大 職業 賽會 先後 針對 新冠肺炎 疫情 宣佈 防疫 措施 目前 正 在 賽季 期間 的 nba 面臨 著 嚴峻考驗 畢竟 每場 比賽 球迷 動輒 上萬 人 發生 群 聚 感染 的 可能性 極 高 因此 nba 正在 考慮 閉門 比賽 美國 專家 預估 高 達 95 機 率 會 在 本 周 某些 場次 正式 執行 球員 時期 以 剽悍 球風 聞名 的 惡漢 巴克利 退役 後 轉任 球 評 不 改 犀利 風格 炮轟 nba 可能 閉門 比賽 是 愚蠢 的 作法 認為 球員 就是 為了 球迷 而 比賽 難道 關門 比賽 球迷 就 不 會 到處 趴 趴 走 嗎 這 是 本末倒置 的 防疫 方法 詹姆斯 本來 宣 告 如果 閉門 比賽 的 話 他 將選擇 缺席 不 上陣 但 他 再次 受訪 時 話鋒一轉 我 是 為了 家人 球迷 而 打球 然而 這個 病毒 新冠肺炎 看 起來 很 難 防範 我們 必須 遵守 專家 們 建議 以及 聯盟 作法 我 也 願意 配合 只不過 面對 沒有 觀眾 的 情況 下 比賽 確實 會 很 失望 獨行俠 教頭 卡萊爾 表示 相信 聯盟 會 在 深思熟慮 後 做出 正確 抉擇 各隊 都 得 嚴格執行 唯有 如此 才能 做 好 防疫 保護 好 所有人 的 健康 與 安全</t>
  </si>
  <si>
    <t>大陸 監獄 爆 新冠肺炎 劉樂 妍 不 舍 醫護人員 營救</t>
  </si>
  <si>
    <t>新冠肺炎 疫情 持續 攀升 大陸 多 間 監獄 陸續 爆出 病例 大陸 山東 任城 監獄 更 傳出 207 人 感染 對 此 近年 將 演藝 重心 移 至 大陸 的 藝人 劉樂 妍 表示 對 監獄 陸續 爆出 病例 感到 訝異 更 表示 不 舍讓 醫護人員 前往 營救 立刻 引起 網友 議論</t>
  </si>
  <si>
    <t>新冠肺炎 疫情 持續 攀升 大陸 多 間 監獄 陸續 爆出 病例 大陸 山東 任城 監獄 更 傳出 207 人 感染 對 此 近年 將 演藝 重心 移 至 大陸 的 藝人 劉樂 妍 表示 對 監獄 陸續 爆出 病例 感到 訝異 更 表示 不 舍讓 醫護人員 前往 營救 立刻 引起 網友 議論 大陸 山東 任城 監獄 爆出 百 人 罹 患 新冠肺炎 對 此 劉樂妍 表示 擔心 所有 人員 狀況 但 也 好奇 監獄 與 外界 隔離 究竟 如何 爆發 出 疫情 不過 得知 一線 醫護人員 要 進 監獄 診斷 病 患 讓 她 直 呼 要 我 怎麼 捨得 讓 身心健康 行為 頭腦 正常 的 醫護人員 去 救 這些 人 呢 得知 言論 可能 引起 反彈 立刻 緩 頰 我 知道 他們 很 無辜 但 問題 是 現在 怎麼 辦 呢 蒼天 哪 大地 呀 快 救救 我 的 國家 吧 不過 一 開始 劉樂妍 得知 多 處 監獄 爆發 新冠肺炎 她 第一時間 跳出 來 表示 未來 大陸 監獄 需要 我 的話 其實 也 是 可以 叫 我 我 也 很 願意 去 的 此外 也 祈求 大陸 山東 監獄 疫情 能夠 趕快 控制 住 希望 不 會 有 傷亡 事件 發生</t>
  </si>
  <si>
    <t>游淑慧 陳時中 美國 高端 新冠肺炎</t>
  </si>
  <si>
    <t>新冠肺炎 肆虐 港 600 位 明星 失業 部分 被 爆 靠 救濟金 過 活</t>
  </si>
  <si>
    <t>新冠肺炎 疫情 肆虐 全球 香港 疫情 持續 升溫 確診 病例 高達 9386 例 累計 死亡 病例 達 161 例 不僅 嚴重 衝擊 香港 景氣 如今 就 連 演藝圈 也 難以 倖免 在 娛樂 產業 寒冬 影響 之下 就 有 資深 香港 娛樂 記者 爆 料 已經 有 多 達 600 多 位 明星</t>
  </si>
  <si>
    <t>新冠肺炎 疫情 肆虐 全球 香港 疫情 持續 升溫 確診 病例 高達 9386 例 累計 死亡 病例 達 161 例 不僅 嚴重 衝擊 香港 景氣 如今 就 連 演藝圈 也 難以 倖免 在 娛樂 產業 寒冬 影響 之下 就 有 資深 香港 娛樂 記者 爆 料 已經 有 多 達 600 多 位 明星 陷入 失業 危機 還有 部分 人 得 靠 領 救濟金 維持 生活 根據 網易娛樂 報導 有名 資深 娛樂 記者 透露 香港 受到 新冠肺炎 疫情 衝擊 下 許多 藝人 演藝 工作 紛紛 停 擺 據悉 目前 多 達 600 多 位 藝人 失業 有 些 在 接 不 到 工作 的 情況 下 一直 處於 零 收入 的 狀態 只能靠 領 救濟金 維持 生計 外傳 古天樂 擔任 香港演藝協會 會長 期間 從 去年 4 月 發起 香港電影 工作者 疫 境 支援 計畫 為 香港 演員 們 籌募 援助 資金 只要 受到 疫情 波及 的 藝人 每 位 都 能 領到 33600 元 台幣 救濟金 慘 澹 狀況 令 人 不勝唏噓 此外 近期 有 一 張 tvb 明星 收入 清單 在 網路上 瘋 傳 只 見 就 連 a 咖 等級 的 佘詩曼 即便 出席 剪綵 活動 費用 也 被 砍 到 只 剩下 2萬 港幣 其他 叫 不 出名 跑龍套 的 三線 演員 工資 更是 少 的 可憐 平均 居然 連 500 元都 不到 只能靠 領 救濟金 維持 基本 開銷 讓 網友 感歎 連洗碗 工 都還 賺 的 比較 多 雖然 古天樂 的 善舉 讓 許多 藝人 感謝 不已 但 事 隔 9 個 多 月 香港 疫情 不僅 未獲 控制 反而 持續 升溫 看來 藝人 想要 改善 經濟 狀況 恢復 以往 輝煌 光景 並非 短期 內 所能 好轉 的 事</t>
  </si>
  <si>
    <t>揭新冠肺炎 未來 專家 提 三聯體 防疫 策略 與 病毒 共存</t>
  </si>
  <si>
    <t>試驗 疫苗 莫德納 陳時中 新冠肺炎</t>
  </si>
  <si>
    <t>鍾 南山 新冠肺炎 對 患者 中樞神經 傷害 不 明顯</t>
  </si>
  <si>
    <t>針對 新冠肺炎 是否 只 會 影響 感染者 肺部 健康 的 問題 大陸 工程院 院士 鍾 南山 16 日 表示 新冠肺炎 一般 會 導致 患者 肺部 受損 至於 是否 有 其他 器官 受損 則 與 患者 本身 的 併發症 有關 合併症 很多 的 患者 會 發現 其他 器官 受損 的 情況</t>
  </si>
  <si>
    <t>針對 新冠肺炎 是否 只 會 影響 感染者 肺部 健康 的 問題 大陸 工程院 院士 鍾 南山 16 日 表示 新冠肺炎 一般 會 導致 患者 肺部 受損 至於 是否 有 其他 器官 受損 則 與 患者 本身 的 併發症 有關 合併症 很多 的 患者 會 發現 其他 器官 受損 的 情況 不過 他 說 對於 中樞神經 的 受損 不 明顯 據 新 京 報 報導 大陸 工程院 院士 鍾 南山 16 日 攜 廣州 呼吸 健康 研究院 院長 何 建行 副 院長 李時悅 進行 視 訊 直播 鐘南山 指出 在 屍檢 的 過程 中 並 沒有 看到 明確 的 基於 病毒 的 其他 器官 受損 鐘南山 說 是否 有 其他 器官 受損 與 患者 本身 的 併發症 有關 合併症 很多 的 患者 會 發現 其他 器官 受損 的 情況 目前 觀察 到 患者 出現 腎 小 管 的 一些 問題 如 受損 壞死 還 有 其他 研究 團隊 也 發現 有 25 到 30 的 患者 會 出現 非常 明顯 的 腎 受損 不過 鐘南山 強調 除了 心臟 腦 部 腎臟 受損 之外 中樞神經 的 受損 並 沒有 很 明顯</t>
  </si>
  <si>
    <t>患者 器官 神經 鐘南山 新冠肺炎</t>
  </si>
  <si>
    <t>63 歲 影帝 中標 新冠肺炎 湯姆漢克 被 爆 最 大 隱憂</t>
  </si>
  <si>
    <t>63 歲 奧斯卡 影帝 湯姆漢克 tom hanks 與 演員 妻子 麗塔威爾遜 rita wilson 日前 宣佈 在 澳洲 確診 新冠肺炎 檢測 湯姆漢克 成為 首例 感染 新冠 病毒 的 演藝圈 夫妻 不過 湯姆漢克 卻 因 患 有 第二 型 糖尿病 而 遭 外界 擔心 會 引發 併發</t>
  </si>
  <si>
    <t>63 歲 奧斯卡 影帝 湯姆漢克 tom hanks 與 演員 妻子 麗塔威爾遜 rita wilson 日前 宣佈 在 澳洲 確診 新冠肺炎 檢測 湯姆漢克 成為 首例 感染 新冠 病毒 的 演藝圈 夫妻 不過 湯姆漢克 卻 因 患 有 第二 型 糖尿病 而 遭 外界 擔心 會 引發 併發症 湯姆漢克 遠 赴 澳洲 拍攝 貓 王 傳記 電影 夫妻 陸續 出現 身體 疼痛 感冒 症狀 經檢測 後 確診 染 上 新冠肺炎 而 湯姆漢克 13 日 也 在 網上 曬 自 拍 報平安 透露 跟 妻子 正 接受 隔離 治療 強調 不 會 傳染給 任何人 並 感謝 澳洲 醫護人員 的 照顧 湯姆漢克 確診 不只 震撼 演藝圈 根據 鏡 週刊 報導 63 歲 的 湯姆漢克因 患 有 第二 型 糖尿病 因此 遭 美國疾控中心 擔心 恐 會 有 併發症 不過 湯姆漢克 以 樂觀 和 正 能量 對抗 病況 也 期望 影帝 能 早日康復</t>
  </si>
  <si>
    <t>湯姆漢克 影帝 新冠肺炎 確診 新冠肺炎</t>
  </si>
  <si>
    <t>趙 少康 拍 桌 黃宥嘉 眼科醫生 新冠肺炎</t>
  </si>
  <si>
    <t>新冠肺炎 臺灣 洗 腎 光 田 綜合 醫院 看 診</t>
  </si>
  <si>
    <t>因應 新冠肺炎 疫情 延 燒 新北 市府 首 辦 線 上 國際 閱讀 節 新北 市長 侯友宜 昨日 23 日 出席 啟動 記者會 侯友宜 表示 因為 疫情 的 關係 很多 學習 的 地方 像是 公立 圖書館 暫時 不 開放 因此 鼓勵 孩子 們 在 家 透過 網路 使用 國小 教</t>
  </si>
  <si>
    <t>因應 新冠肺炎 疫情 延 燒 新北 市府 首 辦 線 上 國際 閱讀 節 新北 市長 侯友宜 昨日 23 日 出席 啟動 記者會 侯友宜 表示 因為 疫情 的 關係 很多 學習 的 地方 像是 公立 圖書館 暫時 不 開放 因此 鼓勵 孩子 們 在 家 透過 網路 使用 國小 教育資源 網 平臺 學習 新 知識 他 也 感謝 funpark 童書夢 工廠 pagamo 素養 品 學堂 兩 家 公司 共 捐贈 2000萬 元 的 資源 讓 孩子 們 能 無限 學習 新北 市 教育局 表示 平臺 嚴選 國內外 線 上 閱讀 網站 同時 整合 教育局 文化局 民間 等 電子 資源 經由 親 師生 平臺 與 新北 市民 卡 系統 介 接 提供 40萬 冊 電 子書 提供 全市 的 國 小生 市民 借用 暢遊 書海</t>
  </si>
  <si>
    <t>美國 的 新冠 疫情 日益 嚴峻 各 大 醫療 院所 也 處於 負荷 極 重 的 狀態 在 疫情 震央 紐約市 曼哈頓 1 座 大型 教堂 的 教長 6 日 表示 疫情 期間 將 把 教堂 改造 為 野戰醫院 以 支援 抗 疫 紐約時報 等外 媒 報導 聖約翰大 教堂 the cathedral church of st john the divine 教長 丹尼爾 clifton daniel 表示 教堂 的 中 殿 及 地下室 共 可 容納 9 個 醫療 帳篷 並 安置 至少 200 名 患者 這 座 教堂 號稱 全球 最 大 的 哥德式 教堂 丹尼爾 指出 在 數 百年 前 比如 在 黑 死 病 時期 教堂 經常 收容 病 患 所以 不是 沒有 這樣 的 經驗 只是 對 我們 來說 前所未見 這 座 教堂 醫院 預計 1 周內 就 會 正式 開始 收容 患者 醫護人員 則 將來 自 教堂 隔壁 的 西奈 山 晨 邊 醫院 mount sinai morningside hospital 據 約翰霍普金斯大學 johns hopkins university 統計 美國 確診人數 已 超過 368萬 人 破 萬 人 死於 新冠肺炎</t>
  </si>
  <si>
    <t>新冠肺炎 疫苗 az 莫德納 林俊嘉</t>
  </si>
  <si>
    <t>蕭敬騰 疫苗 新冠肺炎 臺灣</t>
  </si>
  <si>
    <t>印度 外交人員 美國 新冠肺炎 疫情</t>
  </si>
  <si>
    <t>張家界 大連 傳播 鏈 新冠肺炎 大陸</t>
  </si>
  <si>
    <t>美國 國會 週一 同時 推動 全面 性 的 聯邦 政府 支出 法案 與 新 紓困 措施 盼 雙重 任務 能 同時 達 陣 暨 達成 一 項 大規模 的 政府 支出 協議 避免 政府 重演 關門 戲碼 亦 為 受到 疫情 重創 的 國家 提供 新一輪 援助 兩 党 領導人 似乎 對 4 月 以來 首次 推出 新冠 紓困 法案 的 前景 感到 樂觀 而 一個 由 兩 党 議員 組成 的 團體 亦 提出 9080億 美元 的 紓困 方案 新一輪 援助 措施 可能 附加 在 重要 的 聯邦 支出 法案 中 該 法案 必須 在 週五 前 通過 以 避免 聯邦 政府 因 經費 用 罄 而 關門 美國眾議院 議長 佩洛西 發言人 哈米爾 表示 佩洛西 與 財政部長 穆努欽 週一 討論 了 政府 支出 法案 與 新一輪 新冠 援助 措施 佩洛西 重申 民主黨 對 共和黨 主張 提供 企業 新冠肺炎 訴訟 之 免責 保護 的 擔憂 並 表示 支出 法案 中 其 餘 懸而未決 的 事項 可以 輕鬆 解決 參議院 撥款 委員會 主席 richard shelby 表示 政府 支出 法案 最 快 可能 週二 提出 他 希望 該 法案 納入 了 新冠 援助 措施 參議院 多數 党 領袖 麥 康諾 表示 共和黨 準備 好 就 新冠肺炎 疫情 通 過 一些 東西 並 呼籲 民主黨 也 這麼 做 他 表示 未來 幾 天將 實現 兩 個 成果 中的 其中 一個</t>
  </si>
  <si>
    <t>生活 中 多 來點 綠色 會 帶來 更 多 活力 和 精采 在 全球 新冠肺炎 疫情 燒 不停 金門 一 場 以 千 篇 一 綠 生活 中的 綠色 療 愈 力 為 主題 的 活動 讓 人 在 緊 繃 的 日常 中 感受 到 一 種 另 類 免疫力 獲得 頓時 紓 壓 放鬆 的 快感 這 場 由 金門</t>
  </si>
  <si>
    <t>生活 中 多 來點 綠色 會 帶來 更 多 活力 和 精采 在 全球 新冠肺炎 疫情 燒 不停 金門 一 場 以 千 篇 一 綠 生活 中的 綠色 療 愈 力 為 主題 的 活動 讓 人 在 緊 繃 的 日常 中 感受 到 一 種 另 類 免疫力 獲得 頓時 紓 壓 放鬆 的 快感 這 場 由 金門縣 身心 障礙者 福利 服務 中心 主辦 社團 法人 金門縣 康復 之友 協會 承辦 運用 公益 彩 券 盈 餘 的 補助 舉辦 以 平日 較 少 有 社交活動 的 身心 障礙者 和 家屬 為 物件 的 活動 期待 透過 自己 動手做 園藝 與 大自然 植 栽 做 朋友 紓 解 生活 中的 壓力 也 讓 照顧 者 在 一 盆 盆 的 綠色 小 世界 中 獲得 喘息 和 重 十 能量 的 機會 主辦單位 邀請 擁有 中華 國際 人才 培訓 與 發展 協會 園藝 治療師 證照 在 植物 與 媒材 的 結合 領域 有 專業 研究 的 植創 美學 設計 工作室 負責人 蔡宜宸 老師 與 大家 開講 悉心 指導 如何 在 綠色 小 世界 裡 成為 一個 稱職 的 園丁 蔡宜宸 示範 運用 繽紛色彩 在 枯燥 的 塑膠 盆 畫 上 各種 討 喜 逗趣 的 笑臉 透過 簡單 的 穿 綁 小 手 小腳 搭配 觀葉 植物 與 多 肉 植物 釋放出 一 種 來自 大自然 讓 人 賞心悅目 又 充滿 療 愈 力 的 情調 蔡宜宸 說明 她 希望 透過 傳遞 手 作 樂趣 給 愛 植物 的 人 讓 大家 在 一 盆 盆 綠色 小 世界 中 灌溉 和 梳理 一 畝 畝 心田 的 過程 得到 一 種 心靈 的 靜謐 和 安寧 也 讓 更 多 人 理解 和 建立 雅致 的 生活 美學 讓 每天 的 日常 從 一成不變 的 枯燥乏味 進入 更加 多彩 繽紛 的 境界</t>
  </si>
  <si>
    <t>臺灣版 新冠肺炎 地圖 上線 即刻 掌握 第一 手 疫情</t>
  </si>
  <si>
    <t>大陸 知名 的 外 賣 平臺 美 團 點評 30 日 公佈 最新 財 報 顯示 2019 年 營 收 為 人民幣 下同 97529億 元 年 增 4952 淨利潤 為 4657億 元 較 2018 年 同期 扭虧為盈 不過 受 新冠肺炎 疫情 影響 預期 2020 年 第一 季 業績 表現 恐 將 面臨 衰</t>
  </si>
  <si>
    <t>日本政府 於 週四 稍晚 公佈 全國 每日 新增 新冠肺炎 感染 病例 人數 高達 980 多 起 病例 為 日本政府 兩 個 月 前 解除 緊急 事態 宣言 以來 連續 第二 天 創下 高位 紀錄 據 日本共同社 報導 日本 在 週三 新增 795 名 病例 亦 超越 自 四月 以來 每日</t>
  </si>
  <si>
    <t>日本政府 於 週四 稍晚 公佈 全國 每日 新增 新冠肺炎 感染 病例 人數 高達 980 多 起 病例 為 日本政府 兩 個 月 前 解除 緊急 事態 宣言 以來 連續 第二 天 創下 高位 紀錄 據 日本共同社 報導 日本 在 週三 新增 795 名 病例 亦 超越 自 四月 以來 每日 新增 紀錄 日本 在 週四 開始 連續 四 天 的 假期 政府 並 在 週四 同步 開始 施行 東京 等 大城 以外 的 國內 旅遊 補貼 計畫 希望 能 帶動 偏 鄉 地區 知名 旅遊景點 的 內需 經濟 復蘇 週四 在 東京 地區 新 報 366 名 新冠 病例 在 西 日本 大 阪 地區 則 新增 104 名 病例 稍 好 於前 一 日 的 121 名 東京 並且 在 截至 本 週三 為止 累計 新增 人數 超過 一萬 人 占 日本 全國 高達 三 分之一 在 東京 有 高 達 60 的 感染 病 患 為 20 歲 和 30 歲 兩 類 青年人 然而 衛生 專家 指出 年齡 有 向上 蔓延 的 趨勢 40 歲 和 50 歲 兩 類 的 人數 正 在 增加 在 國內 旅遊 此 機 計畫 正式 上路 之際 衛生 專家 要求 民眾 儘量減少 前往 人數 激增 的 地區 旅遊 例如 愛知縣 和 福岡 縣 而 無 旅遊 補貼 的 東京 和 大 阪 市 也 儘量避免</t>
  </si>
  <si>
    <t>nba 停賽 之後 衍生 了 一個 罕見 的 協議 聯盟 與 球員 工會 已經 同意 這 段 期間 不 進行 藥檢 依照 規定 球員 每季 接受 6 次 尿 檢 如果 被 驗 出 大麻 類固醇 體能 強化 藥物 毒品 處罰 將 從 禁賽 25 場 到 兩 個 球季 不 等 美 媒 雅 虎 體育 報導 這項 協議 只 是 暫時 的 估計 此舉 是 減少 外界 人員 與 球員 的 接觸 畢竟 在 新冠肺炎 疫情 蔓延 時 採取 體液 樣本 可能 是 較 敏感 的 舉動 nba 最近 一 次 2019 年 遭 逮 的 是 前 溜 馬 後衛 伊凡斯 tyreke evans 他 被 禁賽 兩 季 這項 協議 是 為 防疫 著 想 而 不是 讓 球員 趁機 享受 大麻 的 美 媒 nbc 估計 聯盟 至少 50 球員 使用 過 大麻 不過 聯盟 在 球員 前 兩 次 被 抓到 都 不 會 公佈 私下 處罰 第 3 次 雖然 會 公佈 但 不 會 講明 是 使用 何種 藥物 例如 伊凡斯 被 禁賽 時 就 沒有 說明 是 用 了 哪 種 藥 中 時 新聞網 提醒您 遠離 毒品 保護 自己</t>
  </si>
  <si>
    <t>黃暐瀚 公祭 家 祭 新冠肺炎 母親</t>
  </si>
  <si>
    <t>聯發 科 2454 3 月 營 收 重 回 200億 元 大關 相較 2 月 大幅 成長 2527 也 帶動 第一 季營 收 沖 上 60863億 元 一舉 超越 財 測 聯發 科 3 月 營 收 22824億 元 月 成 長 2527 年成 長 227 累計 第一 季營 收 60863億 元 年 增加 1544 超越 財 測 目標 聯發 科 第一 季財 測 以 美 金 對 台幣 匯率 1 比 30 計算 第一 季營 收 預估 在 550億 602億 元 間 季 下降 7 到 15 年 增加 4 到 14 營業 毛利率 預估 為 42 正負 15 含 員工 分紅 之 營業費用 率 預估 為 345 正負 2 聯發 科 第一 季 儘管 受到 新冠肺炎 疫情 衝擊 大陸 農曆年 後 延遲 復工 加上 終端 市場 緊縮 但 聯發 科 營 收 依舊 繳 出 不錯 的 成績單 也 超越 財 測 目標 展望 後市 目前 大陸 市場 大舉 復工 有望 支撐 聯發 科 第二 季 營運 表現 惟 其 餘 新興 市場 依舊 多 處於 鎖國 封城 狀況 未來 整體 市場 的 回溫 速度 仍 需 視 疫情 的 變化 另外 由於 美國 加大 對 華為 的 禁令 這 也 使 的 華為 將 降低 與 高通 的 採購 市場 看好 聯發 科 將 可望 成為 當中 受益者 也 更 有利於 聯發 科 在 大陸 行動 晶 片 市場 的 市 占 率</t>
  </si>
  <si>
    <t>聯發 科 新冠肺炎 鎖國 封城 華為</t>
  </si>
  <si>
    <t>新冠肺炎 臺灣 萬華 老闆娘 居酒 屋</t>
  </si>
  <si>
    <t>在 新冠肺炎 疫情 方面 過去 臺灣 因為 超前 佈署 並 落實 防疫 規定 而 讓 民眾 保有 高度 自由 的 生活 不料 近期 本土 疫情 連環 爆 昨 甚至 一口氣 增加 7 名 本土 個案 其中 6 例 感染 源 不明 足跡 涉及 之處 包含 新北 與 宜蘭 讓 臺灣 從 零 確診 優</t>
  </si>
  <si>
    <t>孫協志 臺灣 新冠肺炎 確診 本土 個案</t>
  </si>
  <si>
    <t>新冠肺炎 疫情 持續 蔓延 先後 傳出 無 症狀 病例 引發 民眾 憂慮 台 大公 衛學院 副 院長 陳秀熙 表示 之前 從 大陸 武漢 來 台 的 人中 恐 有 111 名 潛 在 感染者 是 無法 從 發燒 檢疫 出來 這些 人 過去 在 台 期間 是否 有 傳染給 他人 需要 關注 並 認</t>
  </si>
  <si>
    <t>情人節 排除 感染 新冠肺炎 基隆醫院 送 巧克力</t>
  </si>
  <si>
    <t>新冠肺炎 臺灣 北市 疫苗 醫療 量 能</t>
  </si>
  <si>
    <t>台中 紓困 九 箭 第一 箭 針對 公有 市場 公有 民營 市場 攤販 集中區 祭出 3 至 5 月租金 使用費 8 折 優惠 總計 減免 攤 商 近 1200萬 元 支出 台中市政府 經 發 局 向 34 個 轄 管 公有 零售 市場 自治 會 展開 滿意度 調查 多數 皆 表達 非常 滿意 或 滿意 經 發 局 將 持續 加強 環境 消毒 宣導 民眾 做好 健康 管理 放心 出外 購物 市府 日前 祭出 紓困 九 箭 全力 協助 受 疫情 影響 的 民間 產業 經發局 調查 第一 箭 市場 攤 商 租金 8 折 滿意度 22 個 市場 自治 會 除 表示 非常 滿意 也 提供 市府 許多 回 饋 如 大雅 第一 市場 就 說 這次 疫情 感受 到 市府 的 關心 攤 商都 非常感謝 另外 11 個 表示 滿意 的 市場 自治 會 中 神岡 市場 也 認為 紓困 九 箭 是 很 好 的 措施 8 處 攤販 集中區 中 則 有 2 處 表示 非常 滿意 6 處 滿意 公有 民營 市場 則 大致 滿意 經 發 局 指出 儘管 滿意度 高 但 仍 有 一 處 市場 打 了 不 滿意 分數 原因 是因為 自治 會 認為 租金 雖然 打 8 折 但 受 疫情 擴大 影響 到 現在 消費 的 顧客 並未 增多 對 攤 商 營業 仍 有 影響 經 發 局 強調 針對 新冠肺炎 各 市場 皆 定期 由 專業 廠商 及 現場 清潔 人員 進行 環境 清潔 及 消毒 市場 出入口 放置 酒精 消毒 雙手 廁所 放置 肥皂 或 洗手 乳 並 持續 督導 攤 商 進行 攤位 清潔 把 不必要 的 物品 撤出 市場</t>
  </si>
  <si>
    <t>紓困 九 箭 新冠肺炎 疫情 經發局 8 折</t>
  </si>
  <si>
    <t>新冠肺炎 疫情 蔓延 德國政府 決定 自 3 月 16 日 早 8 時起 關閉 與 法國 瑞士 和 奧地利 的 邊境 這 也 是 自 德國 頒佈 口罩 與 防護 服 禁止 出口 禁令 梅克爾 拋 出有 5800萬 左右 德國 人 可能 感染 新冠肺炎 之 驚人 預測 數字 之後 再次 有 新 的 防</t>
  </si>
  <si>
    <t>前 女 f 4 成員 劉樂 妍 近年 將 事業 重心 與 生活 移 往 中國 大陸 之後 常在社 群 發表 兩岸 相關 意見 與 評論 且 不吝 公開 喊話 熱愛祖國 引發 兩岸 網友 議論 而 自新冠肺炎 爆出 後 劉樂妍 經常 針對 防疫 發表 看法 日前 貼 文 讚歎 大陸 超</t>
  </si>
  <si>
    <t>全球 新冠 病毒 持續 肆虐 防疫 成為 全民運動 尤其 新冠肺炎 是 屬於 呼吸系統 問題 在 疫苗 發明 之前 防疫 措施 不可 少 呼吸系統 保養 千萬 要 做好 天華 生 技 金 百合 滋潤 軟糖 及 參 蕺 茶 是 自體 空氣 清淨機 的 最好 幫手</t>
  </si>
  <si>
    <t>全球 新冠 病毒 持續 肆虐 防疫 成為 全民運動 尤其 新冠肺炎 是 屬於 呼吸系統 問題 在 疫苗 發明 之前 防疫 措施 不可 少 呼吸系統 保養 千萬 要 做好 天華 生 技 金 百合 滋潤 軟糖 及 參 蕺 茶 是 自體 空氣 清淨機 的 最好 幫手 滋補 強身 潤 喉 保養 讓 大家 從 預防 開始 做好 身體 保健 致力 中草藥 研發 已 40 年 柏 諦 集團 關注 肺 腺 癌 與 霧 霾 25 問題 斥資 推動 lacure 計 畫 透過 現代醫學 的 細胞 蛋白 檢 定 技術 成功 從 傳統 中草藥 中標 靶 出 能 抑制 肺 腺 癌 腫瘤 細胞 生長 的 有效 成分 並 獲得 可 用於 治療 肺 腺 癌 之 中藥 萃 取 物 chinese medicine extracts for treat lung adenocarcinoma 發明專利 天華 生 技 的 金 百合 滋潤 軟糖 含 lacure 配方 技術 專利 生 津 潤 喉 清新 舒暢 溫和 抵擋 pm 25 遠離 壞 空氣 飲用 調 身 可 使用 參 蕺 茶 內含 魚腥草 刺 五加 可 生津止渴 調節 身體 機能 天華 生 技 承襲 柏 諦 集團 40 年 來 中草藥 草本 研發 經驗 生產 一系列 對 人體 有益 之 產品 並且 堅持 全 素食 天華 生 技 獨創 優質 創新 服 的 共 好 平臺 消費 即 創業 期望 更 多 人 與 天華 一起 經營 事業 同時 也 做 公益 幫助 弱勢團體 讓 世界 更 美好 滿足 身 心 靈 事業 人際 與 財富 全方位 健康 平臺 天華 生 技 天華 生 技 客 服 專線 0800 200 982 天華 官方 line id @tenhua</t>
  </si>
  <si>
    <t>劉 心語 最美 魚販 阿澎 新冠肺炎 臺灣</t>
  </si>
  <si>
    <t>新冠肺炎 流感 流感疫苗 施打 秋冬</t>
  </si>
  <si>
    <t>新冠肺炎 病毒 讓 巴西 傷亡慘重 但 巴西 總統 波索納洛 的 支持率 不減 反 增 全拜 緊急 現金 補助 計畫 所 賜 this emergency funding which launched in april has also boosted the popularity of president jair bolsonaro</t>
  </si>
  <si>
    <t>新冠肺炎 病毒 讓 巴西 傷亡慘重 但 巴西 總統 波索納洛 的 支持率 不減 反 增 全拜 緊急 現金 補助 計畫 所 賜 this emergency funding which launched in april has also boosted the popularity of president jair bolsonaro to new heights 儘管 新冠肺炎 疫情 奪 走 巴西 十 多 萬 條 人命 總統 波索納洛 jair bolsonaro 的 支持率 卻 不降反升 巴西政府 每個 月 發放 600 裡 耳 約 3190 台幣 緊急 援助款 幫助 人民 度過 經濟 難關 一併 讓 波索納洛 的 人氣 躥 升至 新高 紀錄 單親 媽媽 布拉嘉 ana valeria braga 在 疫情 期間 丟掉 工作 每個 月 600 裡 耳 成為 她 的 救命 錢 她 表示 這筆 錢 就 像是 隧道 盡頭 的 光 讓 我 能夠 支付 房租 讓 我 的 兒子 不必 挨餓 月 發 600 裡 耳 現金 給 貧民 巴西 聯邦 政府 4 月 開始 向 貧民 發放 600 裡 耳 現金 金額 大約 是 基本 月 薪 的 一半 這項 計 畫 不僅 拯救 了 巴西 數 千萬 名 生計 因 疫情 影響 的 民眾 也 連帶 將 波索納洛 的 支持率 推 升至 新高 水準 根據 datafolha 的 7 月 民 調 顯示 波索納洛 的 支持率 由 6 月 的 32 上升 至 37 創下 他 上任 20 個 月 來 最高 水準 不 支持率 則 由 44 大 降 至 34 雖然 波索納洛 曾 把 新冠肺炎 稱作 小 流感 但 將近 半 數 的 民眾 表示 巴西 新冠肺炎 疫情 嚴峻 不應 怪罪 波索納洛 巴西 為 全球 新冠肺炎 疫情 第 三 嚴重 的 國家 確診 人數 超過 454萬 位居 全球 第 三高 死亡 人數 多 達 136萬 人 為 全球 第二 高 僅次於 美國 根據 巴西 研究 機構 getulio vargas 基金會 經濟學家 奈 裡 marcelo neri 表示 巴西 超過 6700萬 人 每月 獲得 金額 介於 113 至 226 美元 補助 約 占 總人口 的 32 這項 援助 計 畫 推行 至 8 月 將 花 掉國庫 380億 美元 政府 發放 現金 讓 2020 年 巴西 貧民 減少 21 或 1310萬 人 現年 35 歲 住 在 裡約 最 大 貧民窟 的 西裡 諾 elaine cirino 表示 政府 的 援助款 讓 她 和 四 個 孩子 活 下來 如果 波索納洛 持續 發放 現金 我會 投票 給 他 我們 這 條 街 的 人 都 支持 他 50 歲 的 荷西 luis jose 表示 疫情 重創 巴西 但 他 不怪 波索納洛 如果 要 怪罪 任何人 那只 能 怪 自己 新冠肺炎 病毒 來 襲 還要 去 人 多 的 地方 他 表示 上次 大選 沒有 投 給 波索納洛 如果 波索 納 洛能著 手 解決 社會 問題 我會 支持 他 外界 擔心 經濟 進一步 惡化 波索納洛 發現 金也 不是 人人 都 買 帳 50 歲 的 費雷拉 catia maria pontes ferreira 就 不 相信 政府 她 認為 波索納洛 是 為了 選票 才 幫助 窮人 她 說 波索納洛 政府 讓 我 感到 很 擔心 我們 的 生命 都 握 在 他 的 手中 他 不 會 免費 為 我們 做 任何事 波索納洛 支持率 躥 揚 的 代價 高昂 緊急 援助 計 畫 讓 巴西 的 公共 支出 急速 膨脹 巴西 正 努力 由 2015 年 至 2016 年 的 經濟衰退 複 元 外界 擔心 政府 支出 激增 恐 讓 經濟 進一步 惡化 專家 警告 巴西 可能 瀕臨 財政危機 邊緣 巴西政府 9 月 將 緊急 援助 計 畫 延長 至 2020 年底 但 規模 縮水 一半 可能 讓 波索納洛 的 支持 度 下滑 巴西 伯南布哥 聯邦 大學 經濟學 教授 科斯塔 ecio costa 表示 發放 現金 肯定 能 創造 政治 效益 凡是 能 讓 人民 脫離 苦難 的 人 就 能 獲得 民眾 支持 但 背後 的 財政 成本 不容忽視</t>
  </si>
  <si>
    <t>林右昌 新冠肺炎 全國 三級 臺灣 警戒</t>
  </si>
  <si>
    <t>新冠肺炎 疫情 升溫 高雄市 議會 27 日 宣佈 為 加強 防疫 取消 歲末 聯誼 元宵 與 新春 團拜 等 活動 議長 曾麗燕 和 副 議長 陸淑美 要求 市府 落實 防疫 措施 並 呼籲 市民 加強 春節 防疫 高雄市 議會 原 訂 2 月 1 日 舉辦 歲末 聯誼 向來 是 議員</t>
  </si>
  <si>
    <t>新北 市 22 日 再 傳 出 1 起 確診 者 死亡 案例 1 名 66 歲 婦人 20 日 因 不明 原因 喘 不 過氣 送醫 救治 後 仍 在 昨日 中午 逝世 院方 進一步 采 驗 驗 出 死者 是 新冠肺炎 陽性 患者 死者 女兒 也 隨之 被 要求 居家 隔離 連見 媽媽 最後 一面 都 不行 令人</t>
  </si>
  <si>
    <t>新冠肺炎 俄羅斯 總理 證實 確診 其 職務 由 第一 副 總理 暫 代</t>
  </si>
  <si>
    <t>又 一 名 人 染 上 新冠肺炎 俄羅斯 總理 米舒斯 京 mikhail mishustin 30 日 證實 自己 罹 患 新冠肺炎 他 已將 此事 報告 總統 普丁 他 將 自我 隔離 以 保護 其他 內閣 成員 目前 俄羅斯 副 總理 職務 由 第一 副 總理 代理 綜合 媒體 報導 俄 羅</t>
  </si>
  <si>
    <t>又 一 名 人 染 上 新冠肺炎 俄羅斯 總理 米舒斯 京 mikhail mishustin 30 日 證實 自己 罹 患 新冠肺炎 他 已將 此事 報告 總統 普丁 他 將 自我 隔離 以 保護 其他 內閣 成員 目前 俄羅斯 副 總理 職務 由 第一 副 總理 代理 綜合 媒體 報導 俄羅斯 總理 米舒斯 京染上 新冠肺炎 他 將 自我 隔離 另 米 舒斯京 建議 委任 俄羅斯 第一 副 總理 別 洛 烏索夫 andrey belousov 暫時 代理 總理 職務 此事 也 獲得 普丁 同意 目前 俄羅斯 境內 通報 10萬6498 起 新冠肺炎 確診 病例 有 1073 人 因而 死亡 其中 首都 莫斯科市 累計 確診 病例 達 53739 例 為 全 俄羅斯 疫情 最 嚴重 的 地區</t>
  </si>
  <si>
    <t>居家 檢疫 新冠肺炎 移民署 限制 出境</t>
  </si>
  <si>
    <t>delta 王任賢 新冠肺炎 屏 東 疫苗</t>
  </si>
  <si>
    <t>三級 警戒 幼稚園 新冠肺炎 臺灣 幼稚園</t>
  </si>
  <si>
    <t>高雄 科工 館 生活 圈 躍升 房市 戰區 包括 城揚 建設 隆 大營 建 遠雄 永信 集團 等 建 商都 積極 搶 進 使得 該區 周邊 新 成 屋 和 預售 建 案 至少 16 個 每坪 售價 約 25 到 30萬 元 此次 皇普 建設 加入 戰局 推出 摩 天 100 建 案 成為 重返 高雄首 案 皇普 建設 董事長 蘇永平 27 日 南下 主持 摩 天 100 公開 儀式 對於 此次 新冠肺炎 疫情 與 房市 變化 蘇永平 認為 跟 sars 的 時空 背景 完全 不同 sars 發生 的 2003 年 是 建 商 歷經 金融風暴 後 的 沈 澱 階段 而 新冠肺炎 爆發 之 際 正是 建 商 歷經 10 年 房市 多頭 口袋 滿滿的 時候 不太可能 出現 殺價 競爭 更何況 未來 的 房市 台商 將 是 最 大 的 希望 族群 之一 蘇永平 表示 疫情 將 更加 深 百萬 台商 返台 投資 和 購屋 的 決心 如果 加上 越來越 多 的 香港 消費者 國內 房市 將 是 樂觀 的 他 說 摩 天 100 是 皇普 重返 高雄 房市 的 第 一個 建 案 今年 3月 將 動工 預定 2022 年 第 3 季 完工 交 屋 目前 正在 尋找 適合 的 建地 未來 將 繼續 耕耘 高雄 房地產 市場 上揚 國際 建築 團隊 總經理 施棟 瀝 指出 根據 市 調 資料 顯示 高雄 科工 館 生活 圈 已 躍 升 高雄 房市 熱區 包括 新 成 屋 預售 案 及 準備 進場 的 個案 至少 16 個 平均 每坪 售價 在 25萬 元 到 30萬 元 之間 他 表示 高雄 鐵路 地下 化 後 科工 館 站 成為 台鐵 科工 館 站 輕軌 科工 館 站 及 高雄捷 運 橘 線 o 8五 塊 厝 站 的 三 捷 交會 處 交通 機能 吸引 購屋 族 青睞 蘇永平 表示 新 經營 團隊 在 接手 兩 年 多 內 推出 六 案 共 220億 今年 可望 虧 轉 盈 昨天 皇普 也 公佈 2019 年 財 報 全年 淨損 9424萬 每股 稅 後 虧損 038 元</t>
  </si>
  <si>
    <t>根據 國際 半導體 產業 協會 semi 最新 統計 2020 年 全球 半 導體 製造 設備 市場 大幅 成長 19 銷售總額 由 2019 年 的 5975億 美元 攀 至 2020 年 的 7119億 美元 並 創下 歷史 新 高 紀錄 今年 受惠 於 全球 半導體廠 大舉 拉高 資本 支出 並 擴大 投資 業 界 預估 2021 年 全球 半 導體 製造 設備 市場 將 挑戰 800億 美元 續 創 新高 semi 預期 臺灣 今年 將 重 回 全球 最 大 半導體 設備 市場 semi 認為 在 半 導體 產能 嚴重 供不應求 且 業者 大 動作 投資 擴產 的 情況 下 未來 幾 年 將 是 半 導體 設備 市場 的 超級 迴圈 週期 super cycle 法人 表示 包括 極 紫外光 euv 光罩 載 具 供應商 家 登 廠務 工程 及 euv 設備 模 組 代工廠 帆 宣 廠務 工程業 者 漢唐 及 信 紘 科 封裝 及 濕 制程 設備廠 弘塑 蝕刻 及 薄膜 設備 代工廠 京 鼎 等 資本 支出 概念 股 將 直接 受惠 而且 疫情 將 讓 台積電 加快 採用 在 地 供應 鏈 資本 支出 概念 股 營運 一路 看 旺 到 明年 根據 semi 統計 中國 首次 成為 半 導體 設備 年度 銷售 金額 最 大 市場 銷售額 年 增 39 達 1872億 美元 臺灣 則 以 1715億 美元 市場 規模 緊 追 在後 並 位居 第二 銷售額 在 2019 年 大幅 增長 後 2020 年 約略 持平 韓國 大幅 成長 61 達 1608億 美元 繼續 位居 第 三大 市場 日本 和 歐洲 兩 大 地區 走 出 2019 年 頹勢 持續 復蘇 年度 支出 各 有 21 及 16 的 增長 北美 則 是 連 3 年 正 成長 後 2020 年 銷售 首度 出現 下滑 20 達 653億 美元 semi 表示 2020 年 全球 晶圓 制程 設備 銷售額 上升 19 其他 前段 設備 銷售額 則 有 4 的 小幅 增長 封裝 設備 在 各 地區 均 出現 強勁 增長 的 推波助瀾 下 2020 年 市場 躍升 幅度 達 34 測試 設備 總 銷售 也 有 20 的 成長 semi 全球 行銷 長 暨 臺灣區 總裁 曹世綸 表示 展望 2021 年 隨 著 許多 半 導體 製造商 在 今年初 陸續 發佈 的 新 計 畫 持續 強化 投資 看好 全球 半 導體 設備 市場 將 在 未來 持續 創下 新 高 新冠肺炎 疫情 帶動 數位 轉型 持續 加速 曹世綸 看好 5 g 資料 中心 人工智慧 ai 及 高效能 運算 hpc 等 應用 將 持續 為 半導體 產業 注入 成長 動能 業 界 預估 全球 半 導體 設備 市場 2021 年 有 機會 加速 成長 並 突破 800億 美元 再創 歷史 新 高 紀錄 且 因為 台積電 資本 支出 創下 新高 semi 預期 臺灣 今年 將 重 回 全球 最 大 半導體 設備 市場</t>
  </si>
  <si>
    <t>疫苗 新冠肺炎 臺灣 covax 宅 神</t>
  </si>
  <si>
    <t>新冠肺炎 臺灣 加強版 60 歲 以上 血 氧</t>
  </si>
  <si>
    <t>在 新冠肺炎 擾亂 全球 經濟 後 美國 聯 准會 fed 近期 突然 降息 二 碼 讓 全球 股 債 匯 市場 震盪 不已 看 到 今年 來 有 多國 陸續 降息 以 資金 提供 市場 支撐 然 經濟 發展 受到 新冠 疫情 的 波折 未定 施羅德 投 信 預期 今年 第一 季 甚或 至 第</t>
  </si>
  <si>
    <t>在 新冠肺炎 擾亂 全球 經濟 後 美國 聯 准會 fed 近期 突然 降息 二 碼 讓 全球 股 債 匯 市場 震盪 不已 看 到 今年 來 有 多國 陸續 降息 以 資金 提供 市場 支撐 然 經濟 發展 受到 新冠 疫情 的 波折 未定 施羅德 投 信 預期 今年 第一 季 甚或 至 第二 季 投資人 都 應該 為 逆風 環境 作 準備 不妨 以 主要 投資 于高 評級 債券 的 環球 型 收 息 債券 基金 為 投資 組合 的 核心 不管 是 追求 收益 或者 是 因應 風險 相信 會 是 不錯 的 投資 策略 美國 聯 准會 fed 於 3 月 3 日 緊急 降息 二 碼 使得 聯邦 基金 利率 已 降 至 1 125 區間 美國 10 年 期 公債 殖 利率 首次 低於 1 創下 歷史 新 低 的 0906 但 之後 美 股 指數 先 漲 後 跌 上 沖 下 洗 也 影響 其他 國家 市場 震盪 加劇 不只 美國 回顧 年初 至今 全球 主要 國家 的 利率政策 多國 紛紛 降息 在 3 月 3 日 同一天 即有 澳洲 馬來西亞 同樣 降息 一 碼 而 在 二月 也 有 多國 新興 市場 如 巴西 俄羅斯 等 也 都 降息 一 碼 原因 雖 與 新冠 疫情 無關 但 顯見 許多 國家 持續 采 寬鬆 政策 以此 支撐 經濟 表現 針對 美國 施羅德 首席 經濟學家 keith wade 認為 就 目前 的 經濟 商業 調查結果 顯示 由於 大陸 需求 疲弱 和 供應 鏈 中斷 引發 經濟 活動 減緩 但 美國 的 經濟 活動 尚未 因此 而 崩潰 然而 美國 聯 准會 fed 採取 緊急 降息 行動 雖然 有助於 支撐 經濟 但 也 可能 會 加劇 人們 對 疫情 的 恐慌 情緒 至於 其他 新興國家 施羅德 新興 市場 經濟學家 craig botham 分析 過去 2 年 對 新興 市場 而言 相當 重要 的 關鍵因素 便是 通 膨 下滑 且 幾乎 降 至 已 開發 市場 的 水準 也 讓 許多 新興國家 在 2019 年 可以 大幅度 降息 且 持續 至 今 從 過去 經驗 看到 當 通 膨 開始 走跌 時 將 有助於 新興 市場 央行 取得 更 大 的 政策 空間 並能 刺激 新興 市場 固定 收益 資產 出現 更 好 的 報酬施羅德 投 信 表示 整體而言 市場 的 動盪 和 通 膨 維持 低點 都讓 許多 國家 依舊 採取 寬鬆 政策 而 在 目前 環境 中 是 佈局 高 評級 債券 的 良機 施羅德 環球 收 息 債券 基金 經理 人 patrick vogel 表示 信用 市場 對 新冠 疫情 的 反應 相對 股市 投資人 而言 已 冷靜 許多 但 仍 有 負面 反應 信用 市場 上 目前 看到 統計 至 二月 底 對 利差 較 敏感 的 債券 種類 表現 較 差 例如 信 評 較 低 的 高 收益 債 表現 落後 投資 等級 債 bbb 級 表現 也 較 aa 級 為 差 迴圈性 產業 的 債券 表現 表現 也 落後 於 與 景氣 波動 關聯 性 較 低 的 防禦 性 產業 次 順位 債 的 表現 也 不如 擁有 優先 償債 權 和 擔保 品 特性 的 主 順位 債券 且 除了 疫情 可能 擴散 和 惡化 的 影響 外 patrick vogel 認為 整體 信用 市場 在 全球 景氣 迴圈 處於 末 升 段下 景氣 敏感 型 產業 的 債 信 較 難以 出現 持續性 的 強勁 漲勢 因此 建議 投資人 在 當前 市場 波動 加大 下 投資 組合 配置 持續 採取 高 防禦 性 的 調整 以 施羅德 環球 收 息 債券 基金 為 例 大幅 降低 高 收益 債 和 景氣 敏感 產業 的 部位 偏好 主 順位 金融債 也 認為 新興 市場 債 仍 有 許多 潛在 的 投資 機會 另外 在 此 波動 環境 中 經理 團隊 將 利用 目前 市場 的 錯 價 來 逐漸 調整 投資 部位 積極 尋求 成長 契機</t>
  </si>
  <si>
    <t>在 新冠肺炎 疫情 的 侵襲 下 北市 許多 餐廳 陸續 傳出 暫停營業 但 在 臺北市 屹立不搖 33 年 的 頂上 魚翅 卻 也 吹 起 熄燈號 本刊 記者 前往 位元 在 新生南路 仁愛 路口 的 店面 卻 看到 曾經 門庭若市 的 頂上 魚翅 拉下 大門 門口 貼 了 顯</t>
  </si>
  <si>
    <t>在 新冠肺炎 疫情 的 侵襲 下 北市 許多 餐廳 陸續 傳出 暫停營業 但 在 臺北市 屹立不搖 33 年 的 頂上 魚翅 卻 也 吹 起 熄燈號 本刊 記者 前往 位元 在 新生南路 仁愛 路口 的 店面 卻 看到 曾經 門庭若市 的 頂上 魚翅 拉下 大門 門口 貼 了 顯眼 的 字條 本 公司 因 物料 短缺 自即日起 結束 營業 在 臺北市 有 三大 魚翅 餐廳 頂上 魚翅 新 同樂 吉品 其中 新 同樂 的 名氣 以及 歷史 最 悠久 許多 演藝圈 建築業 以及 金融 圈 人士 都會 到 此 用餐 但 在 2005 年 時 卻 驚 傳 歇業 老 員工 找到 金主 又 另起爐灶 創立 吉品 魚翅 海鮮 餐廳 不過 其中 最 有 故事 的 還是 創立 於 1987 年 頂上 魚翅 在 當年 每 到 入夜 頂上 魚翅 的 附近 就 停 滿 了 雙 b 黑頭 車 以及 許多 小弟 在 門口 等 著 用餐 的 大哥 除了 黑 道外 前 立法 院長 王金平 以及 退居幕後 的 前 國民黨 主席 吳伯雄 前 副 總統 連戰 等 都曾 是 頂上 魚翅 的 座上賓 甚至 黑白兩道 喬 事情 都會來 到 頂上 魚翅 而 創立 頂上 魚翅 的 正是 人稱 三 哥 的 林輝雄 以及 四 哥 林文斌 而 頂上 單人 份 的 魚翅 就 要價 3000 多元 即使 是 炒飯 每份 也 要 900 元 在 當年 頂上 每天 的 收入 就 將近 200萬 元 不過 林輝雄 後來 移民 新加坡 後 頂上 就 由 侄子 李明憲 經營 也 因 臺灣人 的 環保 意識 崛起 生意 慢慢 下滑 而 在 14 日 頂上 魚翅 卻 在 門口 貼出 結束 營業 的 公告 寫道 本 公司 因 物料 短缺 自即日起 結束 營業 見證 臺灣 錢 淹 腳 目的 頂上 魚翅 正式 走 入 歷史</t>
  </si>
  <si>
    <t>靠 精 油 防 新冠肺炎 還要 加上 這 一物</t>
  </si>
  <si>
    <t>隨 著 新冠肺炎 疫情 延 燒 消毒 抗 菌 等 防疫 產品 也 變 得 炙手可熱 人人 搶購 最近 有 不少 新聞 指出 部分 精 油 似乎 也 有 消毒 抗 菌 的 效果 甚至 有人 將 精 油 與 紅 標 米酒 混合 製成 酒精 噴 霧 來 使用 但 也 有 皮膚科 醫師 表示 這個 方法 不僅</t>
  </si>
  <si>
    <t>全台 今日 再 增 15 例 新冠肺炎 死亡 案例 新北 市長 侯友宜 昨 批 中央 不要 再 刁難 了 趕快 讓 疫苗 進來 最 重要 侯今 受訪 時 再次 疾呼 中央 若要 等 到 8 月 才 打 國產 疫苗 先 不論 品質 好壞 我們 還 能 再 等 2 個 月 嗎 2 個 月 有 多少 人 會</t>
  </si>
  <si>
    <t>新冠肺炎 臺灣 侯友宜 中央 國產 疫苗</t>
  </si>
  <si>
    <t>新冠肺炎 臺灣 南 投 縣 疫苗 接種 衛生局</t>
  </si>
  <si>
    <t>新冠肺炎 臺灣 新北 侯友宜 az</t>
  </si>
  <si>
    <t>動力 科技 6591 受到 新冠肺炎 影響 2 月 營 收 急降 只 餘 下 3556萬 元 一舉 創下 掛牌 以來 的 新低 在 基期 夠 低下 帶動 3 月 營 收回 神 來到 136億 元 以 歷年 同期 新高 開出 月 增 率 28167 的 佳績 惟 因 12 月 營 收 不振 今年 首</t>
  </si>
  <si>
    <t>動力 科技 6591 受到 新冠肺炎 影響 2 月 營 收 急降 只 餘 下 3556萬 元 一舉 創下 掛牌 以來 的 新低 在 基期 夠 低下 帶動 3 月 營 收回 神 來到 136億 元 以 歷年 同期 新高 開出 月 增 率 28167 的 佳績 惟 因 12 月 營 收 不振 今年 首季 營 收 仍 創下 掛牌 以來 的 次 低 動力 科技 3 月 營 收回 神 重 回 億 元 關卡 來到 136億 元 較 去年同期 的 113億 元 年 增 1971 惟 因 2 月 受到 新冠肺炎 影響 再 加上 工作 天數 較 少 單月 營 收 僅 3556萬 元 月 增 率 急 升至 28167 雖然 動力 科技 3 月 營 收 月 增 率 大增 主要 是 因為 2 月 基期 較 低 所 致 但因 增幅 夠 大 市場 預期 其 營運 已 脫離 疫情 的 干擾 帶動 動力 科技 10 日 股價 以 跳 空 開高 開出 一度 逼近 40 元 關卡 終場 以 384 元 作 收 上漲 463 續創 反彈 以來 的 高點 動力 科技 指出 3 月 營 收 月增 率 激增 原因 有 很多 包括 三大 廠 區 均 於 3 月份 完成 人員 復工 及 產 線 配置 更新 作業 出 貨 天數 恢復正常 此外 下游 系統 廠商 客戶 回補 庫存 需求 回 溫 客戶 拉 貨 力 道 明顯 增加 大陸 各地 交通運輸 障礙 逐漸 排除 以及 上游 零 元件 供應 鏈 恢復正常 整體 出貨量 較 上個月 大幅 增加 都 是 3 月份 營 收回 神 的 原因 展望 第二 季 動力 表示 第二 季 英特爾 將 推出 新 款 的 第 10 代 comet lake 桌 機 處理器 下半年 超 微 及 輝 達 nvidia 也 規 畫 推出 7 奈 米制 程 的 新款 繪圖 晶 片 均 具備 低 功 耗 及 高效能 的 優化 性能 滿足 遠 端 會議 辦公 線 上 學習 遊戲 等 高速 運算 及 傳輸 需求 可望 迎來 新 一 波 的 硬體 升級 需求 亦 帶動 高效能 散熱 風扇 需求 成長 預估 隨 疫情 穩定 控制 後 今年 整體 出貨量 可望 逐步 增加 動力 表示 近期 部 份 出 貨 受 新冠肺炎 疫情 擴散 出現 遞 延 惟 下游 需求 目前 仍 維持 不 變 對 今年 整體 營運 展望 維持 審慎 樂觀 態度 除了 預期 高階 pc 相關 散熱 產品 出貨量 可望 持續 增加 動力 與 下游 客戶 積極 開發 的 5 g 通訊 用 路由器 及 伺服器 等 散熱 產品 也 預計 在 下半年 進入 測試 認證 階段 此外 ai 智慧 風扇 將 切入 利基 型 散熱 產品 市場 再 加上 江西 新廠 現 已 完成 試 產 下半年 隨 著 旺季 來臨 可望 進入 量 產 階段 今年 總產 能 可望 增加 二 成 以上</t>
  </si>
  <si>
    <t>新冠 疫苗 意願 登記 第 三輪 已 陸續 發送 預約 簡訊 給 符合 資格 的 民眾 截 自 昨日 17 時 已 有 逾 95萬 人 預約 一 名 人 妻 收到 簡訊 後 又驚又喜 更 直 呼 婆婆 還 沒 收到 我 先 收到 她 急 忙 到 疫苗 登記 平臺 預約 但 過程 中 卻 頻頻 失敗 查詢 後 才 發現 竟然 是 有人 填寫 聯絡 電話 填成 她 的 號碼 令 她 崩潰 直 呼 這麼 重要 的 資料 也 能 打 錯 啦 到底 是 誰 原 po 昨 20 日 於臉書 社團 爆 廢 公社 指出 中午 收到 1922 簡訊 內容 告知 需 於 20 至 22 日 中午 12 時前 至 預約 平臺 完成 疫苗 接種 預約 她 既 驚訝 又 納悶 怎麼 這麼 快 就 輪到 我 我 前 天才 登記 且 婆婆 都 還 沒 收到 我 就 先 收到 了 更 透露 當初 填寫 意願 登記 時 僅 勾選 莫德納 但 現在 卻是 收到 az 預約 簡訊 原 po 抱 著 既然 已 收到 簡訊 就 去 打的 想法 開心 地 至 預約 登記 平臺 填 選 接種 時段 及 接種 站 豈 知 無論她 怎麼 按 都 出現 錯誤 訊息 便 上網 查詢 可能 錯誤 原因 赫然 發現 可能 是 他人 填寫 意願 登記 時 誤 輸入 她 的 電話號碼 令 她 崩潰 說 這麼 重要 的 資料 怎麼 會 打 錯 啦 到底 是 誰 害 我 高興 了 001 秒 這 段 經歷 曝光 後 意外 釣 出 相似 經驗 的 網友 留言 我 也 被騙 了 2 次 我 也 是 苦主 之一 你 不 孤單 怎麼 會 有 天兵 輸 錯 資料 啦 繼續 和 婆婆 等 通知 吧 我 也 是 登 入 很 多 次 都 進不去 才 發現自己 被 耍 了 等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公費 疫苗 疫苗 通知 az 莫德納</t>
  </si>
  <si>
    <t>近日 傳出 美國紐約 一家 動物園 中 一 只 老虎 被 檢測 出新冠肺炎 陽性 農委會 防 檢 局 表示 由於 不 知道 檢測 方法 檢 體 來源 所以 仍 有 可能 是 確診 的 飼 育 員 飛 抹 污染 老虎 目前 國內 動物 檢測 還是 依 新冠肺炎 確診 個案 飼養 之 共居 犬 貓</t>
  </si>
  <si>
    <t>臺灣 醫師 召開 線 上 跨國 會議 對 俄國 分享 防治 新冠肺炎 經驗</t>
  </si>
  <si>
    <t>今日 中 華長 照 暨 偏 鄉 醫療 基金會 舉辦 了 一 場 由 台 俄 雙方 醫師 參與 的 線 上 醫學論壇 由 榮民總 醫院 神經 醫學 部 主任 鄭 宏志 醫師 發起 結合 三軍 總 醫院 臨床 醫療 團隊 分享 臺灣 新冠肺炎 的 醫療 經驗 為 將來 可能 的 醫學 研究 與 防疫 工作 建</t>
  </si>
  <si>
    <t>醫師 臺灣 新冠肺炎 新冠肺炎</t>
  </si>
  <si>
    <t>柯林斯 nba 新冠肺炎 同性戀</t>
  </si>
  <si>
    <t>大陸 正 在 追蹤 新冠肺炎 的 源 起 0 號 病人 還 沒 確定 仍 在 追查 確切 傳染 過程 不過 中國科技部 社會 發展 科技 司 司長 吳遠彬 在 今天 28 日 舉行 的 國務院 聯防 聯控 機制 發佈會 表示 以 目前 的 研究 結論 顯示 呼吸道 飛 沫 和 密切接觸</t>
  </si>
  <si>
    <t>因應 新冠肺炎 在 臺灣 造成 口罩 之 亂 行政院 訂 案 開放 健 保 藥局 配合 政府 發售 實 名 制 口罩 為 讓 更 多 民眾 能夠 買到 17 日 更 宣佈 加倍 銷售 口罩 卻 讓 基層 藥師 怒火 四起 批 人力 沒 加倍 工作量 卻 加倍 中央 疫情 指揮</t>
  </si>
  <si>
    <t>陳時中 po 賴男 確診 新冠肺炎</t>
  </si>
  <si>
    <t>蔡英文 賈永婕 新冠肺炎 臺灣</t>
  </si>
  <si>
    <t>自 新型 冠狀 肺炎 爆發 以來 大眾 避 之 唯恐 不及 卻 有 一 群 人 願意 挺身 站 在 第 一線 為 防疫 貢獻 對此 世新大學 公共關係 暨 廣告學系 畢業 籌備 團隊 開始 尋找 社會 上 那些 默默 付出 不求 回報 的 人們 其中 就 有 從 基層 醫護人員 的 角度 出發 透過 鏡頭 瞭解 他們 面對 工作 的 心路歷程 世新 公 廣畢籌 團隊 近日 在 粉 專上 發起 溫暖 的 大人 企 劃 找尋 社會 上 默默 堅守崗位 而 不求 回報 的 人們 同時 也 在 粉 專上 募集 網友 意見 探訪 了 動 保 專員 員警 清潔 人員 等等 各自 在 工作崗位 上 努力 的 溫暖 大人 並 藉 由此 次 機會 說出 對 他們 的 感謝 其中 世新 公 廣畢籌 訪問 一 名 在 醫院 任職 護理 師 四 年 多 的 楊姓 小姐 她 表示 醫護人員 之于 病 患 的 關係 不僅 止於 個人 與 個人 而是 個人 與 一 整個 家庭 的 對話 訪談 過程 中 提到 了 最近 熱 議 的 新冠肺炎 楊小姐 特別 分享 了 被選為 照 護 染病 者 或是 可能 染病 者 的 同事 更換 隔離 衣 的 影片 言談之間 透露 了 醫護人員 其實 和 一般 人 一樣 也 會 恐懼 不過 就 如同 所有 受訪者 一樣 使 他們 毅然 堅持 的 理由 便 是 那 使命感 世新 公 廣系畢 籌 期望 透過 這次 企 劃 讓 大眾 能夠 反思 到 自己 正 享受 著 的 一切 都 是 靠 許多 人 的 無私奉獻 換來 的 同時 世新 公 廣也 藉 由 這次 機會 邀請 這些 溫暖 大人 參加 將 在 今年 5 月 于松山 文創 園區 舉辦 的 畢業 展 無恒 模式</t>
  </si>
  <si>
    <t>瑞德西韋 可望 成為 治療 新冠肺炎 的 藥物 桃園 蘆竹 的 原料 藥廠 台 耀 化學 宣佈 已 能 開發 10 公克級 的 瑞德西韋 很快 就 能到 公斤 級 但 需要 的 原料 量 大 且 大部分 在 大陸 希望 政府 協助 桃園 市長 鄭文燦 26 日 允 做 後盾 向 中央 部會</t>
  </si>
  <si>
    <t>瑞德西韋 可望 成為 治療 新冠肺炎 的 藥物 桃園 蘆竹 的 原料 藥廠 台 耀 化學 宣佈 已 能 開發 10 公克級 的 瑞德西韋 很快 就 能到 公斤 級 但 需要 的 原料 量 大 且 大部分 在 大陸 希望 政府 協助 桃園 市長 鄭文燦 26 日 允 做 後盾 向 中央 部會 反映 支持 台耀 完成 技術 鄭文燦 昨天 上午 也 針對 第 3 批 武漢 包機 將 於 2930 日 晚間 返台 前往 桃園 機場 視察 防疫 車隊 強調 站 在 防疫 優先 的 角度 必要 的 采 檢 或 隔離 措施 都 必須 符合規範 他 也 宣佈 清明節 連 假 後 機場 捷 運 直達車 將 減班 離 峰 時間 減為 每 30 分鐘 一 班 等 疫情 過 後 再 恢復正常 鄭文燦 說 台耀 化學 是 國內 少數 擁有 超低溫 設備 的 原料藥 公司 具有 短 時間 內 量 產 藥物 的 潛力 目前 已 可 生產 瑞德西韋 高純度 藥物 正在 與 時間 賽跑 希望 至少 能夠 合成 1 公斤 以上 的 純化 原料藥 提供 給 新冠肺炎 病 患 治療 使用 中央研究院 已 能夠 在 實驗室 內 做出 純化 程度 很 高 的 藥物 但 若要 量 產 仍 需 仰賴 民間 藥廠 配合 台 耀 化學 執行長 楊志平 表示 目前 台耀 化學 已經 開發 10 公克級 的 瑞德西韋 很快 就 能 提升 至 100 公克 再 下 一 步 就 能 到達 公斤 級 量 能 楊志平 進一步 解釋 台耀 化學 擁有 低溫 可 控制 到 零下 80 度 的 生產 設備 最 大 生產量 可 達 2 公斤 根據 估算 1 公斤 可 治療 1000 名 病 患 強調 將 以 戰備 存 糧 的 概念 投入 製藥 也 呼籲 中央政府 儘快 專利 授權 讓 他們 生產 製造 使用</t>
  </si>
  <si>
    <t>波蘭 新冠肺炎 確診 數 英國 變種 病毒</t>
  </si>
  <si>
    <t>疫 調 接觸 者 酒店 女 公關 酒客 新冠肺炎</t>
  </si>
  <si>
    <t>歐陽靖 因為 新冠肺炎 肆虐 從 日本 回到 臺灣 待產 兒子 新 醬 出生 後 更 與 母親 譚艾 珍 島內 移民 到 台南 不過 如今 卻 傳出 她 與 分隔 兩地 的 老公 rk 不僅 ig 彼此 取消 關注 還 疑 似 為了 育 兒 問題 起 了 爭吵 婚姻 似乎 亮起 紅燈 根</t>
  </si>
  <si>
    <t>歐陽靖 因為 新冠肺炎 肆虐 從 日本 回到 臺灣 待產 兒子 新 醬 出生 後 更 與 母親 譚艾 珍 島內 移民 到 台南 不過 如今 卻 傳出 她 與 分隔 兩地 的 老公 rk 不僅 ig 彼此 取消 關注 還 疑 似 為了 育 兒 問題 起 了 爭吵 婚姻 似乎 亮起 紅燈 根據 鏡 週刊 報導 歐陽靖 10 月初 還 常在 老公 的 每 張 作品 上面 按 贊 甚至 還 會 在 臺灣 替 他 宣傳 作品 rk 也 幾乎 會 在 歐陽靖 每 則 貼 文 留言 表示 意見 如今 夫妻倆 卻 被 爆 料 退 了 彼此 追蹤 相較 過往 熱情 的 公開 互動 如今 似乎 冷卻 許多 也 讓 外界 推測 夫妻倆 感情 疑 似 出現 摩擦 歐陽靖 @imginoy 分享 的 貼 文 歐陽靖 曾 在 ig 分享 一則 育 兒 貼 文 她 提到 我 仍 很 慶倖 自己 當初 選擇 回 臺灣 新 醬 的 爸爸 將 從此 留在 日本 專心 工作 新 醬 不 知道 要 等到 幾 歲 才 見得 到 爸爸 更 感歎 或許 這個 孩子 存 在 對 老公 而言 似乎 太 虛幻 更 爆 料 老公 甚至 連 自己 大肚子 的 樣子 都 沒看 過 直言 也 決定 不來 臺灣 探望 我們 了 聽 起來 讓 人 為 之 鼻酸 似乎 也 嗅 出 感情 出現 裂痕 此外 歐陽靖 曾 透露 與 老公 相識 過程 一 開始 兩 人 語言不通 連 溝通 都 有 難度 後來 正式 交 往後 她 更 為 失 婚 過 一 次 的 老公 搬 到 東京 並且 以 結婚 為 前提 交往 不過 交往 期間 一度 吵到 離家出走 中間 更 經歷 一 次 流產 和 兩 度 懷孕 兩 人才 正式 辦理 登記</t>
  </si>
  <si>
    <t>歐陽靖 新 醬 rk 新冠肺炎 譚艾 珍</t>
  </si>
  <si>
    <t>受到 國內外 新冠肺炎 疫情 衝擊 航空 業 及 機場 各 服務業 者 損失慘重 交通部 今 25 日 下 邀集 相關 單位 討論 紓困 方案 據 與會 的 官員 表示 預估 2020 年 較 2019 年度 的 全年 客運量 平均 將 減少 25 估算 後 擬 補貼 業者 各項 費用 共約 42</t>
  </si>
  <si>
    <t>受到 國內外 新冠肺炎 疫情 衝擊 航空 業 及 機場 各 服務業 者 損失慘重 交通部 今 25 日 下 邀集 相關 單位 討論 紓困 方案 據 與會 的 官員 表示 預估 2020 年 較 2019 年度 的 全年 客運量 平均 將 減少 25 估算 後 擬 補貼 業者 各項 費用 共約 4285億 元 再 加上 防疫 用具 578億 元 合計 4863億 元 交通部 官員 並 表示 對於 航空 公司 要求 的 紓困 貸款 亦 已 納入 經濟 部 對 產業 融資 貸款 利息 補貼 的 通 案 處理 並 擬 向 經濟部 提出 200億 元 擔保 額度 需求 交通部 在 航空業者 提出 各項 訴 求 後 即 加以 匯 整 協商 最後 推出 的 紓困 措施 要 比 2003 年 sars 期間 更加 優惠 會議 中 羅列 的 補貼 項目 也 不少 包括 房屋 使用費 土地 使用費 權利 金 航空 公司 還 補貼 降落費 維護 機庫 使用費 等 為期 都 是 1 年 此外 飛 航 國 內線 的 航空 公司 和 直升機 業者 交通部 也 打算 緩 收 4 個 月 今年 2 6 月 場站 使用費 噪音 補償 金 土地 使用費 房屋 使用費 和 維護 機庫 使用費 並且 向 經濟部 爭取 振興 抵 用 券 可 用於 航空 業 民眾 可 購買 機票 在 機場 內 從事 各項 消費 以期 幫助 業者 渡過難關 交通部 官員 評估 上半年 受到 新冠肺炎 疫情 影響 航空 業 觀光業 受 創 最 大 下半年 如果 疫情 趨 緩 應可 迅速 回升</t>
  </si>
  <si>
    <t>新冠肺炎 臺灣 疫情 高峰期 6 月中 旬</t>
  </si>
  <si>
    <t>受到 新冠肺炎 疫情 衝擊 不少 勞工 被迫 放 無 薪 假 甚至 面臨 失業 命運 高市 勞工 局 今 13 日 宣佈 推出 安心 即時 上工 計 畫 釋出 1073 個 公 部門 防疫 相關 職 缺 時薪 158 元 1 個 月 時數 最高 80 小時 即 起至 12 月 31 日 受理 報名 勞</t>
  </si>
  <si>
    <t>新冠肺炎 臺灣 南 投 縣 接種 疫苗</t>
  </si>
  <si>
    <t>新冠肺炎 疫情 致使 國際 客 斷炊 以 銷售 鳳梨 酥 等 伴 手 禮 的 維格 餅 家 2733 受 此 衝擊 2020 年 上半年 每股 虧損 達 505 元 對此 研 擬 結束 3 家 分公司 瘦 身 調整 體質 致力 度過 產業 寒冬 興 櫃 交易 的 維格 今 28 日 股價 一度 下跌 3</t>
  </si>
  <si>
    <t>新冠肺炎 疫情 致使 國際 客 斷炊 以 銷售 鳳梨 酥 等 伴 手 禮 的 維格 餅 家 2733 受 此 衝擊 2020 年 上半年 每股 虧損 達 505 元 對此 研 擬 結束 3 家 分公司 瘦 身 調整 體質 致力 度過 產業 寒冬 興 櫃 交易 的 維格 今 28 日 股價 一度 下跌 3 但 盤中 跌幅 收斂 現 約 196 反應 淡 定 維格 餅 家 2012 年底 登錄 興 櫃 交易 2014 年 合併 營 收 達 1335億 元 稅 後 淨利 184億 元 每股 盈 餘 8 元 全數 改寫 新 高 不過 隨 著 來 台陸客 銳減 衝擊 維格 餅 家 營運 受 此 影響 一路 衰退 2017 年 爆發 竄改 保存 期限 事件 亦 重創 品牌 商譽 維格 餅 家 對 此 轉型 爭取 東南亞 及 韓國 客源 近 3 年 營運 已 見 打 底 回升 2019 年 合併 營 收 781億 元 年 增 1126 站上 近 3 年高 點 毛利率 6453 營益 率 06 本業 轉 虧 為 盈 稅 後 淨利 約 777萬 元 每股 盈 餘 047 元 較前年 顯著 由 虧 轉 盈 亦 登 近 3 年高 點 不過 受 新冠肺炎 疫情 衝擊 受 國外 旅客 斷炊 衝擊 維格 餅 家 2020 年 上半年 合併 營 收 僅 086億 元 年 減 達 7881 營業 虧損 達 088億 元 稅 後 虧損 083億 元 每股 虧損 達 505 元 已 賠掉 半 個 股本 均 創 同期 新低 維格 餅 家 昨晚 公告 將 授權 董事長 在 適當 時間 向 主管機關 辦理 廢止 臺北 成都路 二 店 復興 分公司 與 台中 分 公司 登記 董事 長孫 國華 對 此 表示 公司 迄今 並未 裁員 預計 待 合約 結束 後 結束 3 處 據點 營運 盼 能 度過 觀光 產業 寒冬 維格 餅 家 表示 疫情 對 國內 入境 觀光 市場 造成 巨大 衝擊 關閉 門市 瘦 身 調整 體質 是 許多 公司 面臨 營運 衝擊 時 必然 會 做 的 措施 隨 著 疫情 受 控 目前 五 股 高雄 2 座 觀光 工廠 已 恢復 接待 國旅 團 假日 人潮 充沛 面對 疫情 造成 的 產業 寒冬 維格 餅 家 除 透過 樽 節 開支 階段性 縮編 人事與 門市 規模 盼 維持 營運 延續 外 也 聚焦 國旅 市場 積極 朝 各方 向 突圍 其中 去年 第 四季 推出 新 品牌 hou toast coffee 品牌 插 旗 輕 食 市場 目前 全台 已 開出 3 家 店 以 拓展 市場 應戰</t>
  </si>
  <si>
    <t>維格 餅 家 股價 分公司 新冠肺炎 虧損</t>
  </si>
  <si>
    <t>因應 新冠肺炎 世盟 呼籲 不 可以 政治立場 淩駕 大眾 健康</t>
  </si>
  <si>
    <t>因應 新冠肺炎 疫情 各國 紛紛 管控 邊境 限制 民間 活動 為 避免 人權 遭 忽視 世界 自由民主聯盟 世盟 一方面 呼籲 疫情 緩和 後 各國 應 使 人民 生活 恢復正常 使 自由 與 人權 獲得 充分 保障 民主 機制 正常 運作 另一方面 更 呼籲 全球</t>
  </si>
  <si>
    <t>抗 新冠肺炎 胸腔 內科 醫師 籲 民眾 戒煙</t>
  </si>
  <si>
    <t>新冠肺炎 大陸 確診 張家界 北京</t>
  </si>
  <si>
    <t>日 系 外資 針對 台塑 1301 出具 最新 報告 指出 新冠肺炎 衝擊 台塑 今年 營運 動能 但 隨 著 今年 第二 季高 成本 庫存 耗盡 之後 低 油價 優勢 將 從 第 三 季 逐漸 顯現 預計 2021 年 起 台塑 營運 將 出現 明顯 增 動能 故 將 台塑 評等 由 減 碼 到 買進</t>
  </si>
  <si>
    <t>日 系 外資 針對 台塑 1301 出具 最新 報告 指出 新冠肺炎 衝擊 台塑 今年 營運 動能 但 隨 著 今年 第二 季高 成本 庫存 耗盡 之後 低 油價 優勢 將 從 第 三 季 逐漸 顯現 預計 2021 年 起 台塑 營運 將 出現 明顯 增 動能 故 將 台塑 評等 由 減 碼 到 買進 目標價 從 60 元 調升 到 97 元 日 系 外資 表示 近期 原油價格 下跌 加上 新冠肺炎 疫情 大 流行 傷害 石化 產品 的 需求 和 價差 預估 台塑 在 油價 下跌 的 負面影響 下 2020 年 的 收益 將 削減 25 但 預計 隨 著 原油價格 從 低點 拉升 將 出現 低 油價 收益 台塑 2021 年 的 收益 上調 3 加上 台塑 有 轉投資 持 股 台塑 石化 6505 在 台 塑化 帶來 更 好 的 營業 利潤 和 投資 收益 下 有 將 有利於 台塑 故 將 台塑 評等 由 減 碼 到 買進 目標價 從 60 元 調升 到 97 元 日 系 外資 表示 受 周 msci 下調 台塑 在 權重 從 190 降 至 163 自 5 月 29日 收盤 後 生效 恐 導致 股價 疲軟 但 就 長線 來看 預計 台塑 2021 年 的 營 收 將 恢復 強勁 增長 在 低 油 價 的 優勢 下 有利於 pvc pe 價差 該 兩 項 產品 也 是 台塑 最 有 優勢 的 產品 預計 在 今年 第二 季高 成本 庫存 耗盡 之後 低 油價 優勢 將 從 第 三 季 逐漸 顯現 預測 台塑 2021 年 2020 年 獲利 將 分別 成長 47 21</t>
  </si>
  <si>
    <t>根據 大陸 各地 衛健 委 通報 訊息 大陸 已 有 多 地 出現 大連市 輸入 病例 或 大連市 疫情 關聯 病例 自 7 月 22 日 遼寧大連 確診 此 輪 疫情 首例 新冠肺炎 病例 以來 已向 外 傳播 至 遼寧 吉林 黑龍江 福建 北京 5 地 鐵嶺 鞍山 四平 長春</t>
  </si>
  <si>
    <t>根據 大陸 各地 衛健 委 通報 訊息 大陸 已 有 多 地 出現 大連市 輸入 病例 或 大連市 疫情 關聯 病例 自 7 月 22 日 遼寧大連 確診 此 輪 疫情 首例 新冠肺炎 病例 以來 已向 外 傳播 至 遼寧 吉林 黑龍江 福建 北京 5 地 鐵嶺 鞍山 四平 長春 白城 鶴崗 綏化 福州 北京 9 個 城市 大連市 衛生 健康 委 副 主任 趙連 表示 大連 26 日 新增 14 例 新冠肺炎 本土 確診 病例 中 凱 洋 海鮮 公司 員工 及 家屬 8 例 大連灣街道 居民 4 例 凱 洋 海鮮 公司 員工 家屬 密接 者 2 例 累計 確診 病例 38 例 冷鮮 員工 返鄉 須 隔離 趙連 表示 鑒於 目前 確診 病例 中 大部分 為 大連 凱 洋 世界 海鮮 股份有限公司 員工 及 家屬 為此 從即日起 在 解除 隔離 前 對 該 公司 所 有 員工 實施 血清 抗體 檢測 和 每 3 天一 次 的 核酸 檢測 通過 進一步 強化 該 企業 員工 檢測 降低 疫情 傳播 風險 隱患 遼寧省 27 日 新增 6 例 本土 新冠肺炎 確診 病例 均 為大連市 報告 的 無 症狀 感染者 轉歸 確診 病例 新增 無 症狀 感染者 12 例 均 為 大連市 報告 病例 全省 累計 報告 確診 病例 209 例 含 境外 輸入 33 例 治癒 出 院 160 例 死亡 2 例 在 院 治療 47 例 目前 尚有 42 例 無 症狀 感染者 在 定點醫院 隔離 治療 受 大連 疫情 影響 在 大連 冷鮮 行業 工作 的 返回 四平 人 員 必須 第一時間 向 所在 社區 村屯 報告 並 集中 隔離 14 天 落實 3 次 核酸 檢測 此外 四平 宣佈 停止 採購 銷售 進口 海產品 和 大連 海產品 對 現有 產品 立即 下 架 封存 對 所有 海產品 和 從業人員 進行 採樣 檢測 待 檢測 合格 後 再 啟封 銷售 新疆 新增 確診 達 57 例 與此同時 大陸 31 個 省 自治區 直轄市 和 新疆生產建設兵團 27 日 報告 新增 確診 病例 68 例 其中 境外 輸入 病例 4 例 上海 2 例 北京 1 例 雲南 1 例 本土 病例 64 例 新疆 57 例 遼寧 6 例 北京 1 例 無 新 增 死亡 病例 無 新 增 疑似病例 此外 北京市 27 日 新增 2 例 確診 包括 境外 輸入 病例 1 例 大連市 疫情 關聯 病例 1 例 無 新 增 疑似病例 和 無 症狀 感染者 吉林省 白城市 新增 1 例 輸入 性 無 症狀 感染者 系 大連 凱 洋 世界 海鮮 股份有限公司 員工 通過 對 大連 返 吉 人員 開展 主動 篩查 發現 已對 其 密切接觸 者 及 相關 人員 全部 採取 隔離 管 控 措施 此外 黑龍江省 27 日 無 新冠肺炎 確診 病例 疑似病例 報告 新增 無 症狀 感染者 2 例 為 夫妻關係 妻子 近期 有 大連 旅居 史 截至 27 日 現 有無 症狀 感染者 4 例 尚有 326 人 正在 接受 醫學觀察 至於 福建 福州 影響 範圍 較 大 1 名 大連 輸入 無 症狀 感染者 接觸 超 千 人 福州市 迅速 追蹤 密切接觸 人群 並 檢驗 核酸 但 已經 出爐 的 報告 幸好 都 是 陰性 尚有 檢 體 待 驗 中</t>
  </si>
  <si>
    <t>新冠肺炎 致 訂貨 量 減 十 荒 長者 日 收入 減半</t>
  </si>
  <si>
    <t>全球 重要 財經 資料 聚焦 在 美國 勞動 市場 相關 報告 又 以 8 日 出爐 的 4 月 非農業 就業 報告 和 失業率 最 受 矚目 美國 為 全球 新冠肺炎 疫情 重災區 封鎖 令 造成 失業 人口 激增 經濟學家 預估 4 月 非農業 就業人口 恐 銳減 2000萬 人 失業率</t>
  </si>
  <si>
    <t>全球 重要 財經 資料 聚焦 在 美國 勞動 市場 相關 報告 又 以 8 日 出爐 的 4 月 非農業 就業 報告 和 失業率 最 受 矚目 美國 為 全球 新冠肺炎 疫情 重災區 封鎖 令 造成 失業 人口 激增 經濟學家 預估 4 月 非農業 就業人口 恐 銳減 2000萬 人 失業率 飆 升至 16 美國 本 周 將 公佈 多 項 就業 相關 資料 包括 4 月 adp 民間 就業人數 challenger 企業 裁員 報告 以及 8 日 的 重頭戲 非農業 就業 報告 和 失業率 為 防止 疫情 擴散 美國政府 宣佈 封城 使得 失業 和 無 薪 假 的 人口 激增 3 月 非農業 就業人口 減少 701萬 人 創下 11 年 來 最 大 降幅 財經 網站 investing com 預估 4 月 資料 恐 銳減 2000萬 人 美國 3 月 失業率 升至 44 後 白宮經濟顧問委員會 主席 哈 塞特 kevin hassett 指出 美國 4 月 失業率 可能 躥 升至 16 或 更 高 美國 可能 重現 1930 年代 大 蕭條 時期 的 失業率 數字 在新冠肺炎 肆虐 全球 之前 美國 的 失業率 維持 在 35 的 50 年 低點 在 2010 年 9 月 至 2020 年 2 月 之間 美國 增加 2200萬 份 工作 創下 史 上 最 長 就業 榮 景 在 4 月 18 日 止 的 五 周 之間 美國 首次 請領 失業 救濟金 人口 飆 升至 2650萬 的 新 高 紀錄 短短 五 周 便 消 去 美國 長達 11 年 勞動 市場 榮景 所 創造 的 工作</t>
  </si>
  <si>
    <t>敦睦 艦隊 磐石 艦 名 官兵 確診 新冠肺炎 高雄 意外 成 重災區 高雄 市長 韓國瑜 今天下午 4 點將 召開 記者會 說明 高雄 的 最新 疫 期 狀況 韓國瑜 指出 對於 海軍 敦睦 艦隊 744 位 軍人 的 疫 調 未 能 獲得 真實 答 覆 始終 有 缺口 因此 希望 中</t>
  </si>
  <si>
    <t>敦睦 艦隊 磐石 艦 名 官兵 確診 新冠肺炎 高雄 意外 成 重災區 高雄 市長 韓國瑜 今天下午 4 點將 召開 記者會 說明 高雄 的 最新 疫 期 狀況 韓國 瑜 指出 對於 海軍 敦睦 艦隊 744 位 軍人 的 疫 調 未 能 獲得 真實 答 覆 始終 有 缺口 因此 希望 中央 全力 協助 高雄 市 衛生局長 林立人 也 表示 由於 744 位 官 士兵 是 由 高雄 下船 相關 活動 地點 也 在 高雄 且 居住 在 高雄市 的 官 士兵 部分 人員 無法 在 電話 中 表述 無法 確認 身分 也 不能 提供 訊息 因此 高雄 市政府 已經 以 最速 件 發出 電子 公文 請 中央 或 各縣 市政府 協助 7 個 檢疫 中心 進行 疫 調</t>
  </si>
  <si>
    <t>花蓮縣 衛生局 接 獲 通報 有 1 名 新冠肺炎 防疫 須 居家 隔離 自 檢 的 荷蘭 人 至 27 日 才能 解除 卻 擅自 離開 簡易 住所 駕車 往 台 8 線 中橫 公路 途經 太 魯 閣 國家公園 要到 花 蓮 警方 今 下午 在 台 8 線 1698 k 稚暉 橋 攔 查 到 他 連同 同行 日本籍</t>
  </si>
  <si>
    <t>新冠肺炎 德國 梅克爾 疫苗</t>
  </si>
  <si>
    <t>針對 外界 指控 中國 大陸 正 在 囤積 防疫 醫療 物資 的 說法 大陸 外交部 發言人 華春瑩 予以 反駁 稱 完全 不 同意 這種 說法 目前 中國 疫情 並未 結束 對 醫療 物資 需求 也 很 大 此外 中國 還 積極 為 有 需要 的 國家 提供 防疫 物資 至少 有 120 個 國家 和 4 個 國際 組織 接受 了 中國 的 醫療 物資 援助 在 大陸 外交部 31 日 例行 記者會 上有 記者 問 稱 新冠肺炎 疫情 在 全球 迅速 蔓延 各國 對 n 95 口罩 等 防疫 物資 需求 很 大 有人 認為 中國 正 在 囤積 防疫 醫療 物資 沒有 為 其他 國家 提供 及時 幫助 請問 中方 對 此 有 何 評論 華春瑩 說 這個 說法 我 完全 不 同意 當前 中國 的 疫情 並 沒有 結束 外防 輸入 內防 反彈 的 壓力 很 大 對 相關 醫療 物資 的 需求 也 很 大 做好 國內 防控 保護 人民 群眾 身體健康 是 中國政府 的 首要 責任 把 14億 中國 人民 保護 好 本身 就是 對 全球 公共 衛生 安全 巨大 的 貢獻 華春瑩 還 說中國 也 積極 為 有 需要 的 國家 提供 防疫 物資 已向 120 個 國家 和 4 個 國際 組織 提供 了 包括 普通 醫用 口罩 n 95 口罩 防護 服 核酸 檢測 試劑 呼吸 機 等 在內 的 物資 援助 另外 地方 政府 也 通過 國際 友好城市 等 管道 向 50 多 個 國家 捐贈 醫療 物資 中國 企業 向 100 多 個 國家 和 國際 組織 捐贈 醫療 物資 她 表示 有些 國家 通過 外交 管道 向 中方 提出 了 商業 採購 協助 請求 中方 向 他們 推薦 了 有 資質 的 出口商 隨 著 中國 企業 復工 複產 中國 企業 將 為 國際 社會 應 對 疫情 提供 更 多 的 物資 支持 中國政府 也 會 繼續 為 各國 來華 採購 提供 支援 和 必要 便利 中方 也 希望 和 歡迎 各國 企業 加強 合作 共同 維護 全球 醫療 物資 產業鏈 的 穩定 華春瑩 還 提醒 各國 對於 n 95 口罩 的 需求 都 很 大 中國 的 做法 是 把 n 95 口罩 留給 那些 身 處 最 危險 的 崗位 最 容易 受到 感染 的 廣大 醫護人員</t>
  </si>
  <si>
    <t>臺灣 重症 率 5 莊人祥 呼吸器 新冠肺炎</t>
  </si>
  <si>
    <t>敦睦 艦隊 28 名 官兵 確診 新冠肺炎 敦睦 艦隊 支隊長 陳道輝 上午 在 立院 視 訊 時 強調 絕 無 隱瞞 疫情 針對 敦睦 支隊長 陳道輝 將 被 調離 現職 前 海軍 艦長 戰略 研究員 張競 霸氣 說 陳道輝 是 他 的 學生 他 選擇 跟 他 站 在 一起 究 責 算</t>
  </si>
  <si>
    <t>美 早期 新冠肺炎 首例 死亡 紀錄 提前 與 中國 首例 竟 湊巧 為 同一天</t>
  </si>
  <si>
    <t>新冠肺炎 臺灣 開學 確診 停課 14 天</t>
  </si>
  <si>
    <t>新冠肺炎 臺灣 父親 確診 案 號</t>
  </si>
  <si>
    <t>海軍 敦睦 艦隊 爆發 新冠肺炎 群 聚 感染 高雄 市府 今 再 公佈 14 個 須 注意 的 地點 網友 眼尖 發現 汽車 旅館 赫然 上榜 笑 言 案情 果然 不 單純 海軍 染 新冠肺炎 確診 高雄 市府 日前 初步 疫 調 停留 超過 半 小時 以上 有 漢神 巨蛋 海港 餐廳 添</t>
  </si>
  <si>
    <t>海軍 敦睦 艦隊 爆發 新冠肺炎 群 聚 感染 高雄 市府 今 再 公佈 14 個 須 注意 的 地點 網友 眼尖 發現 汽車 旅館 赫然 上榜 笑 言 案情 果然 不 單純 海軍 染 新冠肺炎 確診 高雄 市府 日前 初步 疫 調 停留 超過 半 小時 以上 有 漢神 巨蛋 海港 餐廳 添 好運 caf del sol 瑞豐 夜市 義大 商城 家樂福 鼎 山店 好 市 多 大順 店 四 維 羽 球場 及 小港 郵局 其中 漢神 巨蛋 義大 商城 都 停留 超過 2 小時 以上 而今 天 高雄 衛生局 再 增 14 地點 包括 麗 馨 商旅 七 賢 館 玫瑰 汽車 旅館 赤鬼 牛排 新光 三越 高雄 左營店 等 地方 不過 眼尖 的 批 踢踢 網友 發現 一個 很 有意思 的 地點 就是 汽車 旅館 停留時間 約 為 兩 個 半 小時 網友 紛紛表示 尷尬 了 汽車 旅館 內行 的 都 知道 吧 放假 一定 瘋狂 作愛 的 一 樓 可以 含蓄 點 嗎 是 瘋狂 做菜 以前 收假 都 要 聽 小 兵 講 幹 炮 的 事 商旅 一定 是 單純 睡覺 der 單純 去 休息 3 小時 而已 啦</t>
  </si>
  <si>
    <t>行政院長 蘇貞昌 今 9 日 在 行政院 會 表示 全球 新冠肺炎 疫情 尚未 趨 緩 預計 全球 經濟 將 續受 衝擊 請 副 院長 沈榮津 秘書長 李孟 諺 協同 主 計 長 朱 澤民 協調 各部 會 即刻 盤點 受 創 產業 需求 務實 籌 編 追加 紓困 特別 預算 於 2 周後</t>
  </si>
  <si>
    <t>行政院長 蘇貞昌 今 9 日 在 行政院 會 表示 全球 新冠肺炎 疫情 尚未 趨 緩 預計 全球 經濟 將 續受 衝擊 請 副 院長 沈榮津 秘書長 李孟 諺 協同 主 計 長 朱 澤民 協調 各部 會 即刻 盤點 受 創 產業 需求 務實 籌 編 追加 紓困 特別 預算 於 2 周後 在 院會 中 提出 送 請 立 法院 審議 蘇貞昌 聽取 國發 會 國內外 經濟 情勢 報告 後 表示 臺灣 自 6 月 7 日 擴大 鬆綁 防疫 措施 以來 已 滿月 連 87 天 本土 零 確診 但 全球 疫情 持續 升溫 截至 昨 8 日 確診 人數 突破 1100萬 人 逾 54萬 人 死亡 近期 許多 國家 甚至 出現 第二 波 疫情 整體 國外 疫情 仍 相當 嚴峻 在 疫情 未 趨 緩 情況 下 全球 經濟 續受 衝擊 多數 國家 陷入 負 成長 貿易 動能 持續 低迷 各國 為 挽救 經濟 與 失業問題 紛紛 再 擴大 追加預算 救 經濟 蘇貞昌 表示 臺灣 因 超前 部署 紓困 措施 及時 到位 解封 後 許多 內需 產業 逐漸 回溫 但 製造業 及 觀光 運輸 等 產業 仍受 影響 蘇貞昌 指出 在 新冠肺炎 疫苗 開發 出來 前 國際 人流 往來 仍 具 相當 風險 經貿 情勢 也 充滿 高度 不 確定性 臺灣 是 高度 倚賴 出口國 家 製造業 等 以 出口 導向 產業 受 國際 經濟 景氣 連動 密切 人流 往來 受限 亦 使 觀光 運輸 等 產業 持續 遭受 衝擊 蘇貞昌 表示 政府 在 此 艱 困 時期 仍要 顧 產業 撐 廠商 守 就業 協助 產業 保有 基礎 度過難關 對 仍 受 衝擊 產業 持續 進行 紓困 與 協助 除 持續 納 編 艱 困 產業 的 員工 薪資 及 營運 資金 補貼 防疫 方面 亦 不可 鬆懈 防疫 物資 疫苗 採購 及 研發 等 經費 請 一併 納入 蘇貞昌 強調 國家 經費有限 各部 會 態度 非常 積極 但 政府 需 把 錢用 在 刀口 上 請 各部 會 共 體 時艱 將 預算 籌 編 完善 政府 會 扛起 責任 協助 已 逐漸 好轉 的 產業 轉 骨 升級 並 持續 協助 仍 陷 困境 的 產業 度過難關 國發 會 表示 政府 紓困 措施 有效 減緩 疫情 衝擊 發揮 支持 經濟 穩定 就業 效果 截至1 日共 發放 922億 元 紓困 現金 嘉惠 近 467萬 人 融資 貸款 已 核准 132 兆 元 紓困 約 116萬 戶 並 協助 約 579萬 個 個人 家庭 業者 減輕負擔 受 疫情 影響 國內外 主要 機構 下 修 臺灣 今年 經濟 展望 介於 4 18 間 不過 主 計 總 處 預估 臺灣 今年 首季 經濟 成長率 為 159 且 防疫 規範 擴大 鬆綁 已 國內 需求 逐漸 回穩 預期 臺灣 經濟 可望 在 第二 季落底 下半年 起 逐步 回升</t>
  </si>
  <si>
    <t>行政院 蘇貞昌 新冠肺炎 疫情 全球</t>
  </si>
  <si>
    <t>獨 5566 首 攻 雄 蛋 完 售 破 功 新冠肺炎 疫情 引爆 退票 潮</t>
  </si>
  <si>
    <t>5566 退票 演唱會 新冠肺炎 大陸</t>
  </si>
  <si>
    <t>新冠肺炎 臺灣 板橋 侯友宜 大眾 運輸系統</t>
  </si>
  <si>
    <t>高端 與 美國 nih 合作開發 新冠肺炎 疫苗 拼 下半年 進入 人體 臨床實驗</t>
  </si>
  <si>
    <t>新冠肺炎 自從 去年底 在 大陸 武漢 爆發 以來 已經 感染 了 超過 4萬2千 人 造成 超過 1千 人 死亡 各項 數字 都 超過 了 2002 2003 年 間 的 sars 雖然 99 的 病例 都 出現 在 大陸 地區 但 病毒 的 擴散 範圍 和 速度 都 超乎 專家 的 預估 世衛 在 1 月 30</t>
  </si>
  <si>
    <t>新冠肺炎 自從 去年底 在 大陸 武漢 爆發 以來 已經 感染 了 超過 4萬2千 人 造成 超過 1千 人 死亡 各項 數字 都 超過 了 2002 2003 年 間 的 sars 雖然 99 的 病例 都 出現 在 大陸 地區 但 病毒 的 擴散 範圍 和 速度 都 超乎 專家 的 預估 世衛 在 1 月 30 日 宣佈 新冠肺炎 已 構成 國際 關注 公共 衛生 緊急事件 新冠肺炎 的 疫情 嚴峻 造成 各國 不斷 祭出 旅遊 禁令 也 因為 越來越 多 航班 取消 亞洲 各地 已 有 超過 20 場 大型 商展 和 研討會 被迫 取消 或 延期 經濟損失 上 看 數 十億 美元 世衛 總 幹事 譚 德塞 表示 我們 對於 新冠 病毒 的 認識 有限 必須 仰賴 各國 繼續 提供 病毒 樣本 才能 研發 疫苗 和 藥物 如果 是 對抗 恐怖份子 我們 都 有 周全 的 準備 但 比 起 恐怖 攻擊 新冠 病毒 對於 政治 經濟 和 文化 造成 的 威脅 更 大 我們 需要 將 之 視為 頭號敵人 合力 研發 能 與 之 對抗 的 武器 隨 著 超級 傳播 者 的 案例 傳出 許多 沒有 大陸 旅遊 史 的 外國 民眾 也 遭 感染 新冠 病毒 譚 德塞 用 星火 可以 燎原 來 比喻 認為 全球 的 公共 衛生 安全 確實 已經 受到 極大 的 威脅 呼籲 各國 必須 醒過來 一起 對抗 頭號敵人</t>
  </si>
  <si>
    <t>不畏 新冠肺炎 疫情 七 年級 生 開 火鍋 店 拼 轉機</t>
  </si>
  <si>
    <t>新冠肺炎 疫情 延 燒 不退 衝擊 餐飲業 景氣 低迷 之際 白手起家 的 7 年級 生 鄭 加成 拿出 求學 當 從 打工仔 的 拼勁 勇闖 疫 關 在 嘉義 市 新 開 一家 火鍋 店 他 說 朋友 都說 他 很 有勇氣 他 只 是 相信 一分耕耘一分收穫 危機 也 會 是 轉</t>
  </si>
  <si>
    <t>nba 體育賽事 新冠肺炎 疫情 停賽</t>
  </si>
  <si>
    <t>雲朗 觀光 集團 旗 下 雲品 2748 受 新冠肺炎 疫情 影響 住房 宴會 訂單 遞 延 2020 年 3 月 自 結合 並 營 收 092億 元 月 減 242 年 減 5554 為 近 19 月 低點 累計 首季 合併 營 收 499億 元 季 減 2541 年 減 2371 亦 為 近 1 年 半</t>
  </si>
  <si>
    <t>雲朗 觀光 集團 旗 下 雲品 2748 受 新冠肺炎 疫情 影響 住房 宴會 訂單 遞 延 2020 年 3 月 自 結合 並 營 收 092億 元 月 減 242 年 減 5554 為 近 19 月 低點 累計 首季 合併 營 收 499億 元 季 減 2541 年 減 2371 亦 為 近 1 年 半 低點 雲 品 表示 短期 營運 雖 見 住房 館 外 餐飲 業務 訂單 遞 延 情形 但 首季 合併 營 收 仍 有 499億 元 水準 再 加上 公司 現金流量 充足 穩定 評估 短期 受 疫情 影響 幅度 仍 在 可 控制 範圍 因此 公司 亦 決定 現階段 不減 薪 不放 無 薪 假 在 非常 時期 建立 優質 團隊 雲 品 指出 觀光 飯店 及 宴會 業務 受 疫情 影響 首當其衝 考驗 公司 體質 及 應變能力 公司 去年 淨現金 流入 達 693億 元 年 增 8646 帳 上 現金 及 約 當 現金 水位 達 12億 元 且 日月 潭 雲品 不 需承擔 租金 費用 公司 具備 良好 財務 體質 健全 度 能 面對 新冠肺炎 疫情 挑戰 展望 本 季 營運 雲品 維持 審慎 保守 態度 4 月 受惠 清明連 假 帶動 國旅 需求增 溫 日月 潭 雲品 住房 率 維持 8 成 水準 並 與 臺北 君 品 同步 祭出 促銷 措施 挹注 住房 及 餐飲 表現 公司 也 透過 母公司 雲 朗 統一 行銷 採購 人力 調配 等 資源整合 持續 強化 營業費用 管 控 雲 朗 老爺 及 凱撒 3 大 連鎖 飯店 集團 近期 首次 跨 品牌 合作 聯合推出 clr 聯合 通用 券 給予 旗 下 共 1萬 名 飯店 同仁 和 關係 企業 員工 平均 每人 約 1萬 元 可 在 三大 集團 旗 下 30 家 飯店 住宿 抵 用 並 針對 企業 公司 行號 大量 銷售 通用 券 期待 能 挹注 未來 營運 動能</t>
  </si>
  <si>
    <t>雲品 營 收 低點 新冠肺炎 疫情</t>
  </si>
  <si>
    <t>新冠肺炎 疫情 升溫 全台 累計 確診 達 40 例 口罩 實 名 制 上路 後 仍 是 無法 滿足 民眾 需求 對此 新北 市長 侯友宜 今 2 日 上午 表示 1 周 2 片 口罩 事實上 是 不夠 的 中央 如果 量 足 希望 也 能 儘量 滿足 民眾 的 需求 侯友宜 提到 中</t>
  </si>
  <si>
    <t>新冠肺炎 疫情 升溫 全台 累計 確診 達 40 例 口罩 實 名 制 上路 後 仍 是 無法 滿足 民眾 需求 對此 新北 市長 侯友宜 今 2 日 上午 表示 1 周 2 片 口罩 事實上 是 不夠 的 中央 如果 量 足 希望 也 能 儘量 滿足 民眾 的 需求 侯友宜 提到 中央 慢慢 在 整個 口罩 的 生產線 已經 大幅度 提升 如果 提升 夠 的話 相信 中央 也 會 做好 調整 步伐 希望 大家 都能 配合 中央 一起 來 共 體 時艱 當然 數量 就 儘快 提供 給 很多 需要 口罩 的 民眾 這 也 是 很 重要 的 一 環</t>
  </si>
  <si>
    <t>口罩 中央 侯友宜 民眾 新冠肺炎</t>
  </si>
  <si>
    <t>新冠肺炎 仍 持續 在 全球 各地 肆虐 甚至 連 足球明星 c 羅 也 慘遭 毒手 為 防止 疫情 進一步 擴散 世界銀行 宣佈 已 批准 120億 美元 約 新 台幣 35028億 元 的 融資 協助 全球 111 個 發展中國家 購買 並 分配 安全而 可靠 的 疫苗 半島 電</t>
  </si>
  <si>
    <t>世銀 新冠肺炎 疫苗 發展中國家 大 流行</t>
  </si>
  <si>
    <t>新冠肺炎 全球 美國 fda 加強 針 第 3 劑</t>
  </si>
  <si>
    <t>新冠肺炎 疫情 持續 全球 大 爆發 全民 積極 防疫 同時 詐騙 集團 卻 搶 搭 防疫 便車 持續 詐欺 犯罪 得逞 根據 165 反 詐騙 諮 詢 專線 統計 自 1 月底 政府 徵用 口罩 後 即 大量 出現 民眾 因 網 購 口罩 遭 假 網 拍 詐騙 案件 而 僅 今年 3 月</t>
  </si>
  <si>
    <t>新冠肺炎 臺灣 刑事 局 詐騙 165</t>
  </si>
  <si>
    <t>疫苗 新冠肺炎 疫苗 接種 假 副作用 az</t>
  </si>
  <si>
    <t>官方 上海 發佈 微信 公眾 號 消息 上海 新增 3 例 本土 確診 病例 加上 之前 2 例 5 例 都 是 浦東機場 境外 貨機 作業 人員 上海市 衛生 健康 委 21 日 在 市 疫情 防控 工作 新聞 發佈會 通報 上海 8 月 2 日 確診 的 本土 病例 20 日 已 治癒 出 院 8 月 20 日 0 24 時 上海市 報告 2 例 本土 新冠肺炎 確診 病例 目前 在 市 公共 衛生 臨床中心 隔離 治療 病情 平穩 對 20 日 2 例 確診 病例 已 實施 集中 隔離 觀察 的 密切接觸 者 連夜 排查 21 日 發現 3 例 新冠肺炎 病毒 核酸 檢測 陽性 經 市 專家組 會診 結合 流行病 學 史 臨床 症狀 影像 學 表現 和 實驗室 核酸 檢測 結果 3 例 均 被 診斷 為 新冠肺炎 確診 病例 輕型 目前 已 轉運 至 上海市公共衛生臨床中心 隔離 治療 也就是說 昨天 報告 的 和 今天 報告 的 一共 5 例 涉及 浦東機場 的 確診 病例 均 已 在 市 公共 衛生 臨床中心 隔離 治療 今天 3 例 病例 的 具體情況 如下病例 3 為 浦東機場 境外 貨機 作業 人員 男 45 歲 居住 於 浦東新區 鹽朝公路 798 號 錦江 之 星 東海鎮 店 是 8 月 20 日 確診 病例 2 的 同事 該 病例 已 全程 接種 新冠 疫苗 病例 4 為 浦東機場 境外 貨機 作業 人員 男 45 歲 家庭 地址 為 浦東新區 祝橋鎮 千匯路 280 弄 千 匯 苑 一 村 社區 居住 於 浦東新區 鹽朝公路 798 號 錦江 之 星 東海鎮 店 是 8 月 20 日 確診 病例 2 的 同事 該 病例 已 全程 接種 新冠 疫苗 病例 5 為 浦東機場 境外 貨機 作業 人員 男 45 歲 居住 地址 為 浦東新區 祝橋鎮 千匯路 1000 弄 祝和苑 北 區 是 確診 病例 4 的 密切接觸 者 該 病例 已 全程 接種 新冠 疫苗 上海市 區 相關 部門 立即行動 對 上述 病例 居住地 和 相關 場所 及 人員 全面 開展 流行病 學 調查 人員 排查 採樣 檢測 和 隔離 管 控 截至 今天 10 時 此次 浦東 本地 疫情 已 累計 排查 到 在 上海市 的 密切接觸 者 120 人 均 已 落實 集中 隔離 其中 3 人 核酸 檢測 陽性 就是 前面 介紹 的 病例 345 其 餘 117 人 核酸 檢測 結果 為 陰性 累計 排查 到 在 上海市 的 密接 的 密接 729 人 均 已 落實 集中 隔離 核酸 檢測 結果 均 為 陰性 累計 排查 到 在 本市 的 篩查 對象 74879 人 其中 74639 人 核酸 檢測 結果 為 陰性 其 餘 正 在 檢測 中 目前 已 完成 相關 場所 的 物品 環境 樣本 檢測 939 份 其中 14 份 樣本 核酸 檢測 結果 為 陽性 8 份 為 機場 集中 居住 點 房間內 的 環境 樣本 這 8 份 樣本 中 7 份 在 一 名 確診 者 房間 1 份 在 一 名 密接 者 房間 其 餘 6 份 陽性 樣本 為 一 名 確診 者 家中 的 環境 樣本 除 上述 陽性 樣本 外 其 餘 檢測 結果 均 為 陰性 根據 大陸 國務院 聯防 聯控 機制 有關 要求 經 上海市 新冠肺炎 疫情 防控 工作領導小組辦公室 研究 決定 將 浦東新區 祝橋鎮 千匯路 280 弄 千 匯 苑 一 村社 區 和 浦東新區 祝橋鎮 千匯路 1000 弄 祝和苑 北 區 列為 中 風險 地區 上海市 其他 區域 風險 等級 不 變 近期 發生 的 本土 疫情 再次 表明 疫情 防控 不能 有 絲毫 麻痹 懈怠 和 僥倖 鬆勁 下 一 步 將 毫不放鬆 抓緊 抓 實 抓細 外防 輸入 內防 反彈 各項措施 發揚 事 不 過夜 精神 全力 做好 流 調 溯源 隔離 管 控 核酸 檢測 醫療 救治 等 工作 進一步 發揮 發熱 門診 和 發熱 哨 點 診室 等 監測 哨 作用 嚴格 落實 四 早 要求 使 應急 處置 跑 在 病毒傳播 擴散 前面</t>
  </si>
  <si>
    <t>新冠肺炎 大陸 確診 樣本 浦東機場</t>
  </si>
  <si>
    <t>新冠肺炎 江啟臣 金門縣 苗栗縣</t>
  </si>
  <si>
    <t>曾 參演 美 劇 超 少女 海濱 帝國 的 21 歲 美國 女星 奧利維亞尼卡甯 olivia nikkanen 於 美國 時間 31 日 宣佈 自己 確診 患上 新冠肺炎 奧利維亞 表示 自己 曾 要 使用 吸 入 器 幫助 呼吸 我 現在 感覺 好 一點 了 我 的 胸口 仍 有 點</t>
  </si>
  <si>
    <t>曾 參演 美 劇 超 少女 海濱 帝國 的 21 歲 美國 女星 奧利維亞尼卡甯 olivia nikkanen 於 美國 時間 31 日 宣佈 自己 確診 患上 新冠肺炎 奧利維亞 表示 自己 曾 要 使用 吸 入 器 幫助 呼吸 我 現在 感覺 好 一點 了 我 的 胸口 仍 有 點 緊 這 真是很 可怕 奧利維亞 表示 自己 曾 發高燒 到 攝氏 391 度 之後 就 失去 了 味覺 和 嗅覺 又 感到 喉嚨 痛 我 覺得 自己 很 幸運 可以 留在 家中 完全 康復 此外 近日 在 直播 節目 中 和 紐約州 長 哥哥 鬥嘴 的 49 歲 cnn 新聞節目 主持人 克裡斯古莫 chris cuomo 宣佈 確診 新冠肺炎 表示 已 自我 隔離 節目 都 在 家中 的 地下室 錄製 曾 為 音樂 愛情喜劇 k 歌 情人 製作 配樂 的 亞當史萊辛格 adam schlesinger 也 確診 52 歲 的 他 才華洋溢 曾 入圍 奧斯卡金像獎 及 10 度 入圍 艾美獎 並 曾獲 艾美獎 及 葛萊美獎 的 肯定 他 的 律師 向 綜藝 報 證實 他 病 重 且 服用大量 鎮定 劑 和 大部分 的 病人 一樣 使用 呼吸器 但 沒有 人 跟 我 說 過 是 昏迷 狀態 他 至今 已 住院 一個 多星期 並 接受 完備 的 治療 律師 透露 醫生 不 願 做出 預測 因為 關於 這種 疾病 的 很多 事情 仍然 未知</t>
  </si>
  <si>
    <t>k 歌 情人 美國 新冠 新冠肺炎</t>
  </si>
  <si>
    <t>風雲 雄 霸 天下 千 葉 真 一 不 敵 新冠肺炎 逝世 享壽 82 歲</t>
  </si>
  <si>
    <t>日本 資深 演員 千 葉 真 一 出道 超過 50 年 演出 古惑 仔 6 勝者為王 追 殺 比爾 玩命 關頭 3 東京 甩 尾 等 多 部 作品 1998 年 更 憑 藉 風雲 雄 霸 天下 中的 雄 霸 一角 榮獲 香港 金像獎 最佳 男 主角 提名 據 日本 媒體 最新報導 千 葉 真 一 不幸 因 新冠肺炎 病逝 享壽 82 歲 令 大批 影迷 聞訊 震驚 不已 據 日 媒 報導 實力派 演員 千 葉 真 一 近日 因 感染 新冠肺炎 住院 並 在 今 19 日 下午 5 點 26 分 不幸 過世 享壽 82 歲 才華洋溢 的 他 不僅 身 兼 演員 導演 與 歌手 多 職 還 是 一 位 極 真派 空手 道家 兒子 新田 真 劍 佑 與 真榮田 鄉 敦 也 繼承 其 衣缽 以 演員 身分 活躍 於 日本 演藝圈 中 本名 前田 禎 穗 的 千 葉 真 一 出身 於 日本 福岡市 1959 年 進入 東映 公司 開啟 他 演員 生涯 憑 著 電影 柳生 家族 的 陰謀 奠定 他 一線 影星 地位 1998 年 更 受 邀 在 香港 武俠片 風雲 雄 霸 天下 飾演 大 反派 雄 霸 一角 成為 第一 位 獲 金像獎 提名 的 外國 影星 千 葉 真 一2007 年 在 拍攝 nkh 大河 劇 風林火山 完畢 後 宣佈 退出 演藝圈 2 個 兒子 則 繼承 他 的 衣缽 以 演員 身分 活躍 中 而 千 葉 真 一 情 史也 是 相當 精彩 與 前 主 播 野際 陽子 有 過 17 年 婚姻 生下 長 女真 瀨 樹 裡 之後 離婚 再 娶 圈 外 女性 生下 2 子 千 葉 真 一2015 年 更 爆出 與 22 歲 女 大生 爺 孫戀 雖然 他 當時 極力 否認 戀情 同時 也 表示 第二 段 婚姻 已 沒 救 坦言 與 妻子 分 居中 最終 走 上 離婚 一途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千 葉 真 一千 葉 真一 過世 風雲 雄 霸 天下 新冠肺炎 日本</t>
  </si>
  <si>
    <t>台塑 1301 第一 季 受到 新冠肺炎 疫情 衝擊 每股 虧損 006 元 但 虧損 幅度 依舊 低於 市場 預估 展望 第二 季 開工率 下調 到 84 恐 面臨 旺季 不 旺 但 因為 pvc 新 一 波 庫存 迴圈 中 銷量 及 利差 皆 季增 加上 轉投資 台 塑化 虧損 減少 單季 依</t>
  </si>
  <si>
    <t>台塑 pvc 新冠肺炎 歲修 開工率</t>
  </si>
  <si>
    <t>國內 新冠肺炎 本土 疫情 蔓延 新北 市 蘆洲 警 分局 今 18 日 上午 配合 蘆洲 五 股 八 裡 區公所 執行 聯合 取締 未戴 口罩 大 行動 69 歲 呂姓 婦人 在 湧蓮 寺 市場 買 菜 時 將 口罩 拿在手上 遭 警方 取締 通報 衛生局 依法 開 罰 3000 至 1萬500</t>
  </si>
  <si>
    <t>新冠肺炎 臺灣 戴 口罩 通報 衛生局</t>
  </si>
  <si>
    <t>網友 陳其邁 採購 行政院 新冠肺炎</t>
  </si>
  <si>
    <t>蔡琴 護 團隊 防 新冠肺炎 取消 上半年 演唱會</t>
  </si>
  <si>
    <t>蔡琴 的 風華絕代 演唱會 日前 在 馬來西亞 檳 城 開 唱 受到 新冠肺炎 影響 主辦單位 除了 事前 進行 場內 消毒 每 位 觀眾 進場 前 還 必須 測量體溫 蔡琴 的 胞弟 蔡 大正 20 日 受訪 表示 檳 城 場 可能 是 蔡琴 上半年 最後 一 場 演唱會 目前</t>
  </si>
  <si>
    <t>蔡琴 的 風華絕代 演唱會 日前 在 馬來西亞 檳 城 開 唱 受到 新冠肺炎 影響 主辦單位 除了 事前 進行 場內 消毒 每 位 觀眾 進場 前 還 必須 測量體溫 蔡琴 的 胞弟 蔡 大正 20 日 受訪 表示 檳 城 場 可能 是 蔡琴 上半年 最後 一 場 演唱會 目前 已 知 7 月 前 大陸 澳門 及 海外 各地 的 演唱會 都 取消 了 大概 10 場 活動 受 影響 商演 風險 更 大 不會 接 蔡 大正 透露 蔡琴 一向 注重 身邊 所有人 的 健康 今年 2 月 帶頭 打 流感疫苗 還 要求 團隊 所有 約 23 人 都 要 打完 疫苗 才能 跟 她 出國 工作 這次 遇上新冠肺炎 蔡琴 擔心 團隊 健康 受 影響 不惜 任何 損失 主動 要求 唱 完檳 城 後 取消 7 月 前 所有 演唱會 蔡 大正 說 蔡琴 這 陣子 除了 演唱會 等 工作 其他 時間 都 待 在 臺灣 家裡 也 要求 高齡 86 歲 的 蔡 媽媽 除了 到 醫院 拿藥 其 餘 時間 別 出門 不讓 團隊 冒 風險 蔡琴 第一 次 到 檳 城 開 演唱會 提起 近期 肆虐 的 疫情 她 坦言 關鍵時期 其實 應該 避免 搭 飛機 畢竟 密集 空間 更 容易 散播 病毒 坦白說 我 真 捨不得 讓 團隊 冒 這個 險 但 聽 聞之前 有 歌手 取消 檳 城 演唱會 擔心 影響 這邊 歌迷 信心 於是 我 跟 團隊 開會討論 還 是 決定 來 唱 演出 照常 舉行 蔡琴 以 經典 歌 恰似 你 的 溫柔 感謝 觀眾 她 表示 這 首歌 自 已 唱 了 快 8萬 次 希望 大家 戰勝 這次 疫情 讓 我 繼續 把 這 首歌 唱到 9萬 次</t>
  </si>
  <si>
    <t>新冠肺炎 臺灣 台南 高雄 疫苗</t>
  </si>
  <si>
    <t>金管會 公佈 國銀 對 中小企業 放款 最新 狀況 面對 新冠肺炎 疫情 衝擊 經濟 及 產業 經營 國銀全 力拼 紓困 力 挺 截至 2020 年 5 月底 國銀 對 中小企業 放款 餘 額達 712 兆 元 月 增 71153億 元 累計 1 5 月 對 中小企業 新增 放款 達 2298 7億</t>
  </si>
  <si>
    <t>金管會 公佈 國銀 對 中小企業 放款 最新 狀況 面對 新冠肺炎 疫情 衝擊 經濟 及 產業 經營 國銀全 力拼 紓困 力 挺 截至 2020 年 5 月底 國銀 對 中小企業 放款 餘 額達 712 兆 元 月 增 71153億 元 累計 1 5 月 對 中小企業 新增 放款 達 22987億 元 已 達 3000億 元 目標 的 766 金管會 表示 截至 5 月底 中小企業 放款 餘 額 占 全體 企業 放款 餘 額 6311 月 增 038 個 百分點 占 民營企業 放款 餘 額 6548 月 增 031 個 百分點 中小企業 放款 平均 逾 放 率 04 月 減 001 個 百分點 銀行局 統計 截至 2020 年 5 月底 國銀 對 中小企業 放款 餘 額達 712 兆 元 月 增 71153億 元 銀行局 副 局長 黃 光熙 表示 今 年前 5 月 對 中小企業 新增 放款 較 多 的 前 3 強國 銀 依序 為 合 庫 銀 增加 3398億 元 永豐 銀 增加 2304億 元 土銀 增加 2266億 元 金管會 在 每年 舉辦 的國銀 總經理 業務聯繫 會議 中 訂 定 對 中小企業 全年 新增 放款 目標 2017 2019 年 分別 新增 3670億 元 3355億 元 4599億 元 分別 超標 5292 2428 7034 其中 去年 新增 金額 創下 歷年 次高 今年 考量 因應 新冠肺炎 疫情 衝擊 政府 祭出 多 項 紓困 措施 要求 國銀力 挺 企業 金管會 對 此 訂 定 今年 國銀 對 中小企業 新增 放款 目標 達 3000億 元 但 前 5 月 目標 達成 率 便 已 達 近 8 成 預期 今年 國銀 對 中小企業 新增 放款 應 可 順利 超標 改寫 新 高</t>
  </si>
  <si>
    <t>新冠肺炎 來勢洶洶 除了 在 防疫 上 做 好 自我 防護 準備 外 也 可以 藉 此 機會 好好 檢 視 自己 手上 的 保單 是否 保障 足夠 全面 防護 抗 肺炎 壽險業 者 表示 民眾 投保 規劃 應以 一個 長遠 的 醫療保障 需求 來 進行 考量 而 不是 針對 單一 事件 但</t>
  </si>
  <si>
    <t>新冠肺炎 來勢洶洶 除了 在 防疫 上 做 好 自我 防護 準備 外 也 可以 藉 此 機會 好好 檢 視 自己 手上 的 保單 是否 保障 足夠 全面 防護 抗 肺炎 壽險業 者 表示 民眾 投保 規劃 應以 一個 長遠 的 醫療保障 需求 來 進行 考量 而 不是 針對 單一 事件 但 若 就 新冠肺炎 單一 事件 就 來講 如果 比較嚴重 住 進 負 壓 病房 所 需 醫療 費用 可 能 較 高 可 透過 日 額 型 或 實支 實 付型 醫療 險 來 補足 這 部分 的 缺口 全球 人壽 商品部 副總經理 鄭中 安 指出 一般 醫療 險 包括 日 額 型 跟 實支 實 付型 這 兩 大 面向 日 額 型 是 只要 有 住院 基本上 就 會 理賠 如果 以 確診 新冠肺炎 為 例 通常 會 直接 在 醫院 裡 接受 相關 治療 或 隔離 只要 有 住院 基本上 就 會 有 一般 住院費用 的 理賠 但 若是 住 進 負 壓 病房 就 是 會 配合 主管機關 政策 從寬 認定 同業 大致 上 都 是 視同 加 護 病房 的 理賠 目前 業 界 加 護 病房 的 理賠 大都 以 一般 病房 費用 的 兩 倍 或 三 倍 來 加倍 給付 以 全球 人壽 為 例 就 是 三 倍 所以 如果 有 買 一般 日 額 型 醫療 險 或者 是 日 額 型 加 實支 實 付型 醫療 險 基本上 用 在 新冠肺炎 這個 例子 上 的 理賠 應該 是 足夠 的 至於 一般 民眾 在 購買 醫療 險 時 該 投保 多少 額度 鄭中 安 建議 日 額 型 至少 買 日 額 2千 元 到 3千 元 再 搭配 實支 實 付險 以 新冠肺炎 來看 就 可以 算是 一個 比較 足夠 的 保障 若是 實支 實 付險 的話 通常 會 分成 兩 塊 一塊 是 住院 病房 費用 的 限額 一塊 是 雜費 的 限額 若是 病房 費用 的 限額 一般 會 建議 買 2千 元 到 3千 元 左右 的 限額 另 一塊 雜費 的 限額 主要 提供 健 保 不 給 付 的 專案 建議 至少 10萬 元 到 15萬 元 左右 但 不 會 跟 住 加 護 病房 一樣 有 加倍 給 付 鄭中 安 表示 不管 日 額 型 或 實支 實 付型 即使 只 買 日 額 2千 元 那加 護 病房 的 加倍給付 如果 是 三 倍 就 有 6千 塊 其實 對於 每日 住 負 壓 病房 來講 是 很 足夠 的 但 有些 醫院 的 負 壓 病房 若 是 以 健 保 身分 入住 則 不 需要 支付 額外 自付 費用 因此 這時候 的 日 額 型 醫療 險 就 會 發揮 功能 國泰人壽 指出 針對 住院 醫療保障 建議 至少 規劃 3000 元 日 額 才能 享有 較 好 的 住院 醫療 品質 以 投保 國泰人壽 兼具 住院 手術 保障 的 安安 醫療 終身 保險 3000 元 日 額 為 例 一旦 因 新冠肺炎 入住 負 壓 隔離病房 即可 等同 加 護 病房 每日 給 付 12000 元 另外 還有 1500 元 的 出院 療養 金 總計 每日 13500 元 的 給付 金額 可 安心 養病 不怕 收入 中斷</t>
  </si>
  <si>
    <t>一 名 醫大 男 學生 昨 上網 po 文 稱 打 第二 劑 莫德納 後 的 第一 天 僅 不斷 發燒 沒想 到 第二 天 卻 開始 出現 心肌炎 最 常見 的 胸 悶 症狀 一連 吞 了 8 顆 止痛藥 仍 不 見 改善 家 人 將 他 緊急 送醫 目前 已 沒有 大礙 他 提醒 大家 打完 mrna 疫苗 後 若 出現 胸 悶 心臟 疼痛 狀況 一定 要 盡 速 去 急診 原 po 昨 22 日 於 論壇 dcard 透露 目前 就讀 醫藥 大學 本身 沒有 任何 藥物 過敏 史 及 心臟 疾病 施打 第一 劑 莫德納 時 除了 接種 處 腫 痛 以外 沒有 其他 副作用 也 未 出現 莫德納 手臂 沒 想到 打 第二 劑 莫德納 後 隔 天 發高燒 到 他 全身 熱 得 醒過來 用 完 早餐 後 吞 了 一 顆 止痛藥 又 繼續 睡 一整天 下來 除了 發燒 並 沒有 其他 有關 心肌炎 的 症狀 出現 原 po 說 接種 後 的 第二 天 他 回到 學校 安排 的 實習 單位 實習 除了 仍 有 輕微 發燒 外 竟 伴隨 胸 悶 症狀 尤其 是 起立 蹲 下 時 心臟 還 會 陣陣 抽 痛 讓 他 一 天 下來 共 吞 了 8 顆 止痛藥 總共 500 mg 已是 一 天 的 最 大 劑量 但 仍 不 見 改善 一下 班 他 馬 上至 內科 診所 看 診 醫生 替 他 監測 心音 及 量 血壓 僅 表示 是 疫苗 副作用 過 幾 天 應該 就 會 好轉 並 開立 止痛藥 要 他 返家 休息 但 他 返家 後 午餐 及 晚餐 幾乎 吞 不 下去 他 只好 又 再 吞 一 顆 止痛藥 睡 了 4 個 小時 卻 又 因 胸 劇痛 醒來 家人 趕緊 將 他 送至 急診 原 po 接 著 說 做 了 x 光 檢查 抽血 及 心電圖 等 檢查 後 發現 心肌 酵素 高於 正常值 很多 接 著 就 被 送 到 內科 加 護 病房 裡 的 負 壓 隔離病房 透過 支持性 治療 及 一些 降低 心臟 負荷 要 物 等待 心臟 自行 修復 期間 每 6 小時 抽 一 次 血 確保 心肌 酵素 回到 正常值 整 只 手臂 被 抽 到 沒 地方 抽血 要 從 腳跟 手背 抽 目前 已 出院 好轉 最後 原 po 提醒 接種 mrna 莫德納 及 輝瑞 bnt 若 出現 胸 悶心臟 疼痛 狀況 一定 要 去 醫院 或是 能 抽血 檢查 的 醫療 院所 因為 光靠 一般 診所 聽 心音 及 量 測血壓 幾乎 不能 診斷 心肌炎 這樣 會 延誤 治療 恐 讓 病情 更加 嚴重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彰 化 縣 足跡 員林</t>
  </si>
  <si>
    <t>常春 月刊 呼吸道 融合 病毒 新冠肺炎 疫情 氣喘</t>
  </si>
  <si>
    <t>新冠肺炎 臺灣 廚 餘 蘇貞昌 非洲 豬瘟</t>
  </si>
  <si>
    <t>臺灣 民意 基金會 26 日 發佈 520 後 首份 民 調 調查結果 指出 總統 蔡英文 聲望 達 712 創 歷史 新高 另外 此次 受 疫情 影響 認為 大陸 應對新冠肺炎 大 流行 負起 最 大 責任 的 民眾 也 高 達 761 也 因此 某種程度 導致 認為 自己 是 臺灣</t>
  </si>
  <si>
    <t>臺灣 民意 基金會 26 日 發佈 520 後 首份 民 調 調查結果 指出 總統 蔡英文 聲望 達 712 創 歷史 新高 另外 此次 受 疫情 影響 認為 大陸 應對新冠肺炎 大 流行 負起 最 大 責任 的 民眾 也 高 達 761 也 因此 某種程度 導致 認為 自己 是 臺灣人 並 感到 驕傲 的 認同 比例 高達 777 前 立 委 林濁水 表示 當 國家 面臨 重大 災害 如此 次 疫情 是 會 產生 聚 旗 現象 民眾 會 去 擁戴 領導者 川普 就 是 最好 例子 他 原本 的 支持 度 因 疫情 而 反彈 但 是否 維持 仍 有待 觀察 民 調 指出 總統 蔡英文 第二 任 任期 已經 開始 目前為止 贊成 她 處理 國事 的 方式 包含 人事安排 與 政策 非常 贊同 的 有 261 還算 贊同 的 有 451 獲得 超過 7 成 臺灣 人民 的 肯定 與 支持 是 蔡在 總統 任內 歷史 新 高 與 上次 相比 結果 相去不遠 臺灣 民意 基金會 董事長 游盈隆 稱 這樣 高 支持 度 的 結果 主因 仍 是 就職 後 蜜月 期 的 效應 兩岸部分 認為 大陸 必須 針對 新冠肺炎 疫情 負起 最 大 責任 的 臺灣 民眾 多 達 546 認為 非常 同意 有 215 的 民眾 認為 還算 同意 僅 有 165 的 民眾 表示 大陸 不應 負責 另外 認為 自己 是 臺灣人 不是 中國人 並 感到 驕傲 的 比例 高達 777 遊盈隆 認為 新冠肺炎 在 大陸 大 流行 一定 程度 的 導致 了 臺灣 民眾 向 對岸 切割 大家 情感 上 不 會 將 自己 歸到 大陸 而 一 國兩區 的 民意基礎 在 二十 歲 以上 臺灣 成年 人中 有約 21 支持 一 國兩區 未來 統一 但有 66 的 人 不 支持 也就是說 一 國兩區 未來 統一 的 政治 主張 和 法令 規定 缺乏 臺灣 民意基礎 違反 社會 主流 民意 這 無疑 是 一個 嚴重 的 問題 國家 政策研究中心 研究 委員 林嘉誠 指出 未來 蔡英文 仍 面臨 很 大 挑戰 美中 對抗 以及 接下來 的 渤海 演習 要 如何 因應 以及 全球 治理 體系 已 發生 重大 改變 臺灣 身處 其中 的 挑戰 將 更加 巨大 而 大陸 除 對 香港 出重 手 預料 也 將 會 對 台出重 手 這 是 蔡 政府 首當其衝 要因 應 的 問題</t>
  </si>
  <si>
    <t>新冠肺炎 疫情 延 燒 臺灣 西部 剩下 嘉義 縣 沒有 確診 病例 有 網友 開玩笑 地 說 是 因為 嘉義 有 三寶 火雞 肉 飯 美 乃 滋 世界 偉人 財神 總統 臺灣 阿成 資深 媒體 人 王瑞德 驚 爆 還有 第 4 個 原因 那 就 是 北回歸線 王瑞德 在 談話 性 節</t>
  </si>
  <si>
    <t>新冠肺炎 疫情 延 燒 臺灣 西部 剩下 嘉義 縣 沒有 確診 病例 有 網友 開玩笑 地 說 是 因為 嘉義 有 三寶 火雞 肉 飯 美 乃 滋 世界 偉人 財神 總統 臺灣 阿成 資深 媒體 人 王瑞德 驚 爆 還有 第 4 個 原因 那 就 是 北回歸線 王瑞德 在 談話 性 節目 驚 爆 新聞 線 表示 網友 在 ptt 問 為何 西部 僅剩 嘉義 縣 仍 零 確診 居然 有 網友 回說 是不是 因為 太 窮 了 沒有 錢 出國 等等 甚至 有 人 開玩笑 地 說 是 因為 嘉義 有 三寶 分別 為 火雞 肉 飯 吃飯 都 常會 加 的 美 乃 滋 還有 世界 偉人 財神 總統 臺灣 阿成 王瑞德 在 驚 爆 新聞 線 節目 中 表示 其實 還 有 第 4 個 原因 那 就 是 北回歸線 北回歸線 通過 臺灣 花蓮 澎 湖 嘉 義縣 這 3 個 縣 市 都 是 零 確診 不知 是 不是 跟 這 一 條 線 有 關係 他們 發現 一 件 事 從 緯度 來看 像 在 不同 的 緯度 比如 在 北緯 40 度 災情 特別 慘 但 同屬 另外 一 條 緯度 可能 都 沒有 災情他 不 知道 是 不是 巧合</t>
  </si>
  <si>
    <t>漢來 美食 1268 受 新冠肺炎 衝擊 宴會 訂單 及 消費者 來 店 消費 意願 2020 年 首季 稅 後 淨利 驟降 至 023億 元 每股 盈 餘 eps 064 元 雙創 歷史 新低 不過 隨 著 疫情 趨 緩 公司 表示 5 月 餐廳 業績 已 漸 回 溫 推出 的 冷凍 商品 反應</t>
  </si>
  <si>
    <t>漢來 美食 1268 受 新冠肺炎 衝擊 宴會 訂單 及 消費者 來 店 消費 意願 2020 年 首季 稅 後 淨利 驟降 至 023億 元 每股 盈 餘 eps 064 元 雙創 歷史 新低 不過 隨 著 疫情 趨 緩 公司 表示 5 月 餐廳 業績 已 漸 回 溫 推出 的 冷凍 商品 反應 亦佳 對 未來 發展 宅 經濟 商機 充滿信心 漢 來 美食 2020 年 首季 合併 營 收 839億 元 季 減 1068 年 減 1852 為 近 5 季 低點 毛利率 4221 營益 率 356 分 創 近 2 年 半 及 歷史 低點 稅 後 淨利 023億 元 季 減 5527 年 減 7585 每股 盈 餘 eps 064 元 雙創 歷史 新低 漢 來 美食 亦 公佈 2020 年 4 月 自 結合 並 營 收 114億 元 較 3 月 14億 元 減少 1668 較 去年同期 249億 元 減少 達 5419 續創 歷史 新低 累計 1 4 月 合併 營 收 953億 元 較 去年同期 1279億 元 減少 2547 亦 續 創 同期 新低 受 新冠肺炎 疫情 衝擊 消費者 來 店 消費 意願 漢來 美食 除了 宴會 訂單 首 遭 衝擊 主力 的 漢 來 海港 自助餐 廳 3 月初 後 來客 數 亦 隨 著 境外 病例 大 爆發 而 銳減 致使 首季 各項 營運 績效 指標 均 出現 明顯 衰退 海軍 敦睦 艦隊 事件 亦 使 2 據點 休館 消毒 影響 4 月 營 收 表現 不過 隨 著 國內 已 連 26 天 未 出現 本土 確診 新增 案例 久 悶 在家 防疫 的 民眾 開始 放心 出門 透氣 消費 漢來 美食 表示 餐廳 業績 自 五 一連 假 起 即有 回 溫 現象 母親節 訂位元 情況 亦 自 3 日 起 明顯 拉升 營運 動能 可望 逐步 回溫 而 疫情 亦 連帶 提升 大眾 對 外帶 餐 食 及 宅 配 需求 漢來 美食 除 強化 既有 外帶 服務 推出 便當 積極 突圍 也 抓准 消費 形態 改變 的 宅 經濟 商 機 於官 網網 購 平臺 上 推出 宅 美食 系列 將 餐廳 受 歡迎 的 臺式 鹵肉 豆腐 和 家鄉 獅子頭 2 道 菜色 研製 成 冷凍 商品 上架 同時 因應 臺灣 民間 閏 四月 出嫁 女兒 要 送 娘家 父母 豬腳 的 習俗 漢來 美食 亦 與 電 商 平臺 聯手 推出 冷凍 豬腳面線 禮盒 公司 指出 推出 短短 不 到 2 個 月 已 售出 近 2000 組 對於 未來 發展 宅 經濟 市場 充滿信心</t>
  </si>
  <si>
    <t>日本 厚生 勞動 大臣 加藤勝 信 等 3 位 眾議院 議員 的 辦公室 3 月 23 日 收到 裝 著 刮胡刀 刀片 等 的 威脅 郵件 富士電視臺 等 日 媒 報導 厚 勞相 加藤 眾議院 議員 武井俊 輔 首相 輔佐官 也 是 眾議員 的 秋葉賢 等 3 名 自民党 議員 3 月 23 日 都 收到 可疑 郵件 郵件 中放 了 1 片約 45 公分 長 的 刮胡刀 刀片 和 1 張 抗議信 加藤 收到 的 內容 是 有關 疫情 中 讓 外國遊客 入境 之事 武井 的 信 中 寫 著 有 關前 秘書 酒 醉 駕車 事故 秋葉 的 信 則 指出 政府 要求 民眾 避免 宴會 的 當天 秋葉 自己 卻 辦 派對 警 視 廳 指出 信 中 內容 主要 是 批評 日本政府 的 新冠肺炎 對策 有 可能 是 同 1 人 所為 麴 町 警署 已 以 威脅 罪嫌 搜查 中</t>
  </si>
  <si>
    <t>日 職 首位 確診 藤 浪 新冠肺炎 檢測 陽性</t>
  </si>
  <si>
    <t>阪神 虎 投手 藤 浪 晉太郎 因為 近日 出現 嗅覺 失靈 症狀 因此 在 醫生 建議 下 在 今日 接受 新冠肺炎 的 pcr 檢測 結果 出爐 為 陽性 是 日 職 首位 確診 的 球員 藤 浪 晉太郎 並 沒有 咳嗽 發燒 等 症狀 不過 因為 無法 聞到 酒 和 咖啡 的 氣味 而</t>
  </si>
  <si>
    <t>阪神 虎 投手 藤 浪 晉太郎 因為 近日 出現 嗅覺 失靈 症狀 因此 在 醫生 建議 下 在 今日 接受 新冠肺炎 的 pcr 檢測 結果 出爐 為 陽性 是 日 職 首位 確診 的 球員 藤 浪 晉太郎 並 沒有 咳嗽 發燒 等 症狀 不過 因為 無法 聞到 酒 和 咖啡 的 氣味 而 去 了 耳鼻科 一 開始 醫生 診斷 是 季節性 過敏 隔 天 仍 無 法 聞到 味道 再 去 另 一 間 醫院 才 被 認為 有 感染 新冠肺炎 的 可能性 因此 在 今日 做 了 pcr 檢測 檢測 結果 晚間 出爐 確定 為 陽性 除了 藤 浪 之外 還 有 2 名 隊友 出現 味覺 失靈 症狀 不過 尚未 有 結果 在 藤 浪 傳出 有 染 上 新冠肺炎 風險 時 阪神 虎 球 團 就 已 要求 一二 軍 球員 及 職員 先 回家 隔離 一 周 也 先 取消 與 軟 銀 的 二 軍 比賽 並 消毒 甲子 園 及 二 軍 球場 日 職 受到 新冠肺炎 影響 開幕 戰二度 延期 原本 目標 4 月 24 日 開 打 如今 隨 著 藤 浪 確診 是否 能 順利 開幕 再度 不明朗</t>
  </si>
  <si>
    <t>受惠 於 大陸 新冠肺炎 疫情 趨 緩 來自 自有 品牌 emc 及 線路 保護 元件 emi 認證 測試 等 業務 營 收 占比 明顯 提升 挹注 穩 得 實業 6761 自 結 3 月 營 收 134億 元 創下 單月 歷史 新 高 紀錄 月 增 411 年 增 2871 累計 第一 季營 收 3 24</t>
  </si>
  <si>
    <t>東奧 即時 報導 日本 新冠肺炎 確診</t>
  </si>
  <si>
    <t>新冠肺炎 臺灣 台中 市 台中 嘉玲</t>
  </si>
  <si>
    <t>雲林 pcr 確診 無 症狀 新冠肺炎</t>
  </si>
  <si>
    <t>一年一度 的 大甲 媽祖 繞 境 3 月 將 登場 預計 3 月 22 日 抵達 嘉義 縣 新港鄉 外界 擔憂 可能 成為 新冠肺炎 防疫 破 口 新 港 奉 天宮 24 日 舉行 大甲 媽祖 繞 境 進香 臨時 籌備會 邀集 相關 單位 開會 研 擬 防疫 措施 並 表示 今年 大甲 媽祖 繞 境 照</t>
  </si>
  <si>
    <t>一年一度 的 大甲 媽祖 繞 境 3 月 將 登場 預計 3 月 22 日 抵達 嘉義 縣 新港鄉 外界 擔憂 可能 成為 新冠肺炎 防疫 破 口 新 港 奉 天宮 24 日 舉行 大甲 媽祖 繞 境 進香 臨時 籌備會 邀集 相關 單位 開會 研 擬 防疫 措施 並 表示 今年 大甲 媽祖 繞 境 照常 舉行 廟 方 會 提供 酒精 消毒 液 請 民眾 自主 戴 口罩 多 注意 自己 的 身體狀況 繞 境 照常 召開 防疫 會議 奉 天宮 昨 于 香客 大樓 召開 防疫 會議 並 邀集 新 港 鄉長 林 茂盛 大甲鎮 瀾 宮 副董事長 鄭 銘 坤 等 人 參加 新 港 文教 基金會 創辦 人 陳錦煌 醫師 也 出席 他 擔憂 臺灣 發生 計程車 司機 因 載客 受 感染 屆時 新 港 將 有 十幾 萬 名 信徒 加上 大量 鞭炮 會 產生 細 懸浮 微粒 破壞 呼吸道 黏膜 抵抗力 因此 建議 廟 方應 停辦 各 出入口 設置 消毒 門架 奉 天宮 董事長 何達煌 說明 大甲 媽祖 繞 境 今年 已 邁 入 第 33 年 在 人心惶惶 之際 更 需要 宗教信仰 的 力量 來 安定 民心 廟 方 人員 會 全力 配合 中央 及 縣府 的 防疫 政策 以 迎接 信 眾 嘉義 縣政府 民政 處 宗教 禮俗 科長 林長連 說 縣長 翁章梁 已 指示 將 全力 協助 新港鄉 進行 防疫 擬 於各大 出入口 設置 消毒 門架 噴灑 二氧化 氯 進行 消毒 關於 設置 數量 地點 及 形式 將 與 專家 做 進一步 研議 確定 奉 天宮 表示 街上 20 多 處 的 供餐 區 會 由 志 工 幫忙 打菜 請 民眾 自備 環保 餐具 廟 方則會 準備 紙 碗 等 餐具 另外 新港鄉 公所 將 提供 次氯酸 水 解決 民眾 防疫 需求 信徒 如 身體 不適 不 建議 參加 繞 境 應 待 在家 休養 至 康復</t>
  </si>
  <si>
    <t>新冠肺炎 衝擊 陸企 安永 台商 應 建立 供應 鏈 彈性</t>
  </si>
  <si>
    <t>新冠肺炎 持續 蔓延 目前 相關 疫情 已經 對 中國 大陸 各 產業 造成 不同 程度 影響 在 充滿 挑戰 的 情況 下 現在 也 是 陸企 快速 評估 恢復 和 應對 的 時候 安永 ey 會計師 事務所 指出 在 陸 台商 建立 有 彈性 的 供應 鏈 將 是 未來 幾 年 的 重點</t>
  </si>
  <si>
    <t>新冠肺炎 持續 蔓延 目前 相關 疫情 已經 對 中國 大陸 各 產業 造成 不同 程度 影響 在 充滿 挑戰 的 情況 下 現在 也 是 陸企 快速 評估 恢復 和 應對 的 時候 安永 ey 會計師 事務所 指出 在 陸 台商 建立 有 彈性 的 供應 鏈 將 是 未來 幾 年 的 重點 安永 聯合 會計師 事務所 所長 傅文芳 也 建議 陸企 可 採取 積極 作法 並 建議 在 陸相 關 領域 經營 的 台商 應 密切 留意 陸 產業 情況 並 積極 建立 並 保持 供應 鏈 彈性 以 因應 未來 發展</t>
  </si>
  <si>
    <t>陸企 供應 鏈 彈性 新冠肺炎 情況</t>
  </si>
  <si>
    <t>新冠肺炎 臺灣 集中 檢疫所 桃園 侯友宜</t>
  </si>
  <si>
    <t>nba 賈霸 球員 黑人 新冠肺炎</t>
  </si>
  <si>
    <t>劉沛 美國 美 根 新冠肺炎 臺灣</t>
  </si>
  <si>
    <t>新冠肺炎 臺灣 確診 新北 發病 日</t>
  </si>
  <si>
    <t>變異 病毒 澳門 新冠肺炎 越南 delta</t>
  </si>
  <si>
    <t>新冠肺炎 疫情 嚴峻 為了 讓 心智 障礙者 長者 兒童 外籍人士 容易 獲取 防疫 資訊 屏 東 縣政府 製作 防疫 易讀 版 手冊 明 瞭 大 圖 配上 簡易 文字 讓 人 一 看 就 懂 目前 電 子書 版 已 上線 本 周 實體 書本 亦 將 出爐 縣長 潘孟安 也 在</t>
  </si>
  <si>
    <t>上市 櫃 指數 上周 連袂 走 強後 興 櫃 市場 也 不遑 多 讓 全周 成交 值 雖 較 前 周大 減 逾 三 成 僅 3448億 元 但 盤面 個股 卻 一 掃 陰霾 股價 紛紛 出現 旱地 拔 蔥 之 姿 尤以生 技 族群 最為 亮 眼 包括 法 德 藥 4191 等 5 檔 個股 周 漲幅 皆 逾 三 成 根據 統計 興 櫃 市場 上周 漲幅 逾 一 成 的 個股 高 達 45 檔 占比 1779 前 十 大個 股 的 周 漲幅 更 介於 三 至 四 成 左右 而 生 技 族群 囊括 其中 7 檔 可謂 最 大 贏 家 包括 法 德 藥 翔宇 安特羅 景凱 瑩 碩 長 聖 華安 等 新冠肺炎 全球 確診 案例 已 突破 60萬 人 大關 且 疫情 持續 擴大 新藥 及 疫苗 的 研發 緩不濟急 也 使得 老 藥 新用 的 商機 得以 引爆 特殊 學名 藥廠 法 德 藥 旗 下 代理 的 利巴韋林 吸 入 劑 原先 是 用 來 治療 下 呼吸道 病毒感染 是 美國 食品 藥物 管理局 fda 唯一 核准 的 學 名藥 吸 入 劑型 目前 轉 而 用 來 作為 新冠肺炎 的 診療 用途 法 德 藥 目前 已向 大陸 國家藥品監督管理局 nmpa 申請 緊急 註冊 同時 也 已 找 好 大陸 代理商 希望 能 盡 速 滿足 新冠肺炎 的 治療 需求 利多消息 加 持 下 法 德 藥 上周 獲 買 盤 大舉 湧入 周 漲幅 高 達 3981 榮登 上周 興 櫃 漲幅 王 寶座 老 藥 新用 題材 上 近期 也 傳出 使用 奎寧 及 日 舒 對 治療 新冠肺炎 成效 良好 帶動 相關 供應 鏈 強勢 表態 瑩 碩 為 國內 唯一 取得 日 舒 口服 懸 液 的 藥 證 業者 利多 激勵 下 上周 均 價 強 彈 2985 此外 擁有 保健食品 保養品 及 美容 美體 三大 產品 線 的 翔宇 以及 國光 生 子公司 安特羅 肝炎 新藥 傳出 利多消息 的 景凱 上周 也 皆 有 逾 三 成 漲幅 生 技 股長 聖及華 安 上周 均 價 則 分別 大 漲 2868 2825 除 生 技 族群 外 航 太 概念 股長 亨 表現 同樣 不俗 董事會 通過 7 元 的 現金 股利 發放 案 以 27 日均 價 78 元 計算 殖 利率 高達897 激勵 上周 漲幅 高 達 3178 至於 股 後 穎崴 受惠 半導體 測試 介面 需求 強勁 訂單 滿載 帶動 股價 自 穀底 反彈 亞洲 藏 壽司 也 因 通過 上櫃 申請 案 上演 慶祝 行情 兩 檔 個股 分別 勁揚 2951 2939</t>
  </si>
  <si>
    <t>新冠肺炎 臺灣 飲食 場站 開放</t>
  </si>
  <si>
    <t>新冠 疫苗 南韓 新冠肺炎 疫情</t>
  </si>
  <si>
    <t>武漢 夫妻 患 新冠肺炎 12 天 痊癒 哭 感謝 上 海</t>
  </si>
  <si>
    <t>今天 上海市公共衛生臨床中心 有 16 例 新冠肺炎 患者 痊癒 出院 其中 一 名 27 歲 的 韓先生 與 其 妻子 也 是 痊癒 的 病人 之一 夫妻倆 是 武漢人 於 2 月 4 日 確診 被 送至 上海市 公衛 中心 接受 治療 感謝 這裡 的 醫護人員 也 感謝 上海市 政</t>
  </si>
  <si>
    <t>今天 上海市公共衛生臨床中心 有 16 例 新冠肺炎 患者 痊癒 出院 其中 一 名 27 歲 的 韓先生 與 其 妻子 也 是 痊癒 的 病人 之一 夫妻倆 是 武漢人 於 2 月 4 日 確診 被 送至 上海市 公衛 中心 接受 治療 感謝 這裡 的 醫護人員 也 感謝 上海市政府 和 上海 人民 身處 異鄉 卻 在 上海 得到 了 很 好 的 照顧 妻子 昨天 出院 他 也 在 今天 2 16 痊癒 了 讓 他們 非常 感恩 大陸 澎湃 新聞 報導 這 對 夫妻 1 20 去 日本 度 蜜月 原定 1 31 搭機回 武漢 但 航班 取消 機票 被 改到 上海 男子 先是 在 1 30 突然 出現 乾咳 妻子 則 毫無 症狀 男子 說 飛機 一 落地 就 有人 來 檢查 了 我 通報 自己 有點 乾咳 他們 就 安排 了 救護車 把 我們 送 到 了 上海浦東 人民醫院 並 在 發熱 門診 做 了 x 光 和 抽血 檢查 發現自己 的 左 肺 已經 被 感染 了 他 的 妻子 沒有 任何 症狀 但 x 光 卻 顯示 她 是 雙 肺 感染 2 月 4 日 兩 人 核酸 檢查 結果 均 為 陽性 便 被 移送 治療 12 天 後 男子 於 2 16 痊癒 出院 妻子 則 提早 一 天 男子 說 出院 最 想 做 的 事 就 是 去 酒店 找 老婆 一起 去 吃 好吃 的 東西 並 打算 在 酒店 繼續 自行 隔離 一段時間 為了 別人 健康 也 為 了 自己 的 健康</t>
  </si>
  <si>
    <t>痊癒 武漢 感謝 妻子 新冠肺炎</t>
  </si>
  <si>
    <t>花博 陳時中 接種 站 疫苗 新冠肺炎</t>
  </si>
  <si>
    <t>新冠肺炎 臺灣 莫德納 施打 屏 東</t>
  </si>
  <si>
    <t>新冠肺炎 臺灣 接種 臺灣 斯洛伐克</t>
  </si>
  <si>
    <t>新冠肺炎 疫情 影響 東吳 超 馬 決定 停辦</t>
  </si>
  <si>
    <t>新冠肺炎 疫情 燒 不停 各行各業 均 遭受 嚴重 衝擊 金門 縣府 今 6 日 成立 失業 及 無 薪 假 勞工 諮 詢 櫃檯 希望 協助 勞工 朋友 度過難關 這 也 是 金門 縣府 繼 日前 成立 觀光 產業 紓困 諮 詢 辦公室 吸引 相關 業者 前往 連 酒店業</t>
  </si>
  <si>
    <t>新冠肺炎 疫情 燒 不停 各行各業 均 遭受 嚴重 衝擊 金門 縣府 今 6 日 成立 失業 及 無 薪 假 勞工 諮 詢 櫃檯 希望 協助 勞工 朋友 度過難關 這 也 是 金門 縣府 繼 日前 成立 觀光 產業 紓困 諮 詢 辦公室 吸引 相關 業者 前往 連 酒店業 者 也 登門 諮 詢 後 基於 擴大 服務 層面 再 成立 具 針對性 的 服務 櫃檯 縣府 指出 在 這 波 延 燒 不斷 的 疫情 中 相關 產業 如 觀光 旅遊業 營運 已 受 明顯 影響 外 已 有 業者 已 透過 勞 雇 協商 採取 減少 工時 方式 因應 衝擊 楊鎮 浯 縣長 指示 社會 處 設立 失業 及 無 薪 假 勞工 諮 詢 櫃檯 針對 各項 勞工 權益 資訊 與 諮 詢 服務 提供 失業 或 放 無 薪 假 勞 勞工 適時 協助 失業 及 無 薪 假 勞工 諮 詢 櫃檯 設置 于 金門縣政府 社會 處 服務 時間 為 每週 一 至 週五 上班時間 專線 082 373291 社會處長 董 燊 表示 勞工 權益 法令 複雜 若無 特別 研究 往往 無 法 主張 攸 關 自身 之 權益 尤其現階段 受 疫情 影響 之 勞工 人數 眾多 為 維護 其 權益 及 協助 失業者 度過難關 特別 設置 失業 及 無 薪 假 勞工 諮 詢 櫃檯 若 有 疑問 也 可 電洽 082 318823 62537 方 先生</t>
  </si>
  <si>
    <t>就 在 美國 面臨 新冠肺炎 疫情 反撲 之際 美國 媒體 報導 白宮 已 開始 對 首席 傳染病 專家 佛 奇 anthony fauci 發動 攻擊 白宮 內部 流傳 一長串 清單 上頭 羅列 佛 奇 對 疫情 的 各項 錯誤判斷 及 評論 民主黨 議員 痛 批 佛 奇 是 說 真話 的</t>
  </si>
  <si>
    <t>新冠肺炎 疫情 趨 緩 今 本土 新增 55 例 其 中北 市 新增 22 例 對此 臺北市 長 柯文哲 表示 現在 有 70 的 感染 是 家戶 感染 像是 北投區 昨 4 例 感染 全都 是 家戶 感染 呼籲 民眾 在家 吃飯 的 時間 空間 都 錯開 柯文哲 表示 北市 今 新增 2</t>
  </si>
  <si>
    <t>新冠肺炎 疫情 使得 國際金融 市場行情 波動 帶動 期權 市場 交易 熱絡 元大期 6023 啟動 人才 招募 計畫 提供 專業訓練 課程 及 輪調 實習 讓 年輕 學子 快速 進入 企業 掌握業務 核心 此外 也 進行 業務 前鋒 與 後勤 人才 擴大 招募 相較 去年</t>
  </si>
  <si>
    <t>新冠肺炎 疫情 使得 國際金融 市場行情 波動 帶動 期權 市場 交易 熱絡 元大期 6023 啟動 人才 招募 計畫 提供 專業訓練 課程 及 輪調 實習 讓 年輕 學子 快速 進入 企業 掌握業務 核心 此外 也 進行 業務 前鋒 與 後勤 人才 擴大 招募 相較 去年 增加 了 四 成 比重 針對 轉 職 的 跨 領域 人才 也 提供 了 完整 的 金融 專業培訓 輔導 機制 讓 多 元 人才 的 職 涯 發展 順利 接軌 元 大 期貨 總經理 周筱玲 表示 身 為 臺灣 期貨業 龍頭 培育 期權 產業 人才 是 公司 重要 使命 2019 年 獲得 有 金融業 奧斯卡獎 之 稱 的 金 彝 獎 傑出 人才 培育 期貨 人才 大獎 公司 相信 唯有 堅強 的 團隊 才能 引 領 公司 邁向 卓越 深知 培育 人才 鞏固 核心 人才 的 重要性 將 員工 視為 公司 最 重要 的 資產 提供 員工 定期 專業培訓 課程 學習 講座 鼓勵 同仁 在 主管 帶領 下 從實 務 中學 習 藉 由 專案 執行 累積 經驗 打 穩 基礎 並 建構 健全 的 升遷 與 輪調製 度 提高職 涯 能見度 及 格局 視野 以期 公司 與 員工 共存共榮 創造 多 贏 綜 效 此外 元大 期貨 也 提供 員工 海外 出差 參與 國際 論壇 金融 科技 考察 或 派駐 海外 據點 的 各項 機會 不僅 是 因應 公司 國際化 佈 局 更是 提升 員工 國際觀 與 國外 學習 經驗 除了 業務 人才 之外 今年 度 更 擴大 招募 儲備 菁英 及 後勤 單位 人才 透過 專業 扎實 的 實 務 操作 課程 建構 組織 接班 梯隊 師徒 制 的 帶領 下 將 經驗 完整 傳承 不僅 讓 工作 職能 發揮 更具 效率 也 讓 每 位 員工 清楚 自我 的 職 涯 發展 道路</t>
  </si>
  <si>
    <t>新冠肺炎 疫情 元大期 招募</t>
  </si>
  <si>
    <t>明明 是 放假 前 的 星期五 上午 十 點 到 達 九份 老 街 沒 想到 卻 一 片 冷清 許多 店家 沒 開門 觀光客 人潮 不 複 平日 比 以前 早上 七 點 來時 人 還要 少 只 要 一 有人 走 過去 有 開 的 店面 服務 人員 遞 茶 的 遞 茶 拿出 試 吃 品 的 一 堆 莫不 打起 萬分 精神 吸引 遊客 的 注意 在 伴 手 禮 店 打工 的 阿芳 迎來 工作 四 年 多 來 最 寒冷 的 春天 我 是 瑞芳人 每天 就坐 先生 的 車來 上班 之前 在 帶 小孩 一直 到 小孩 上學 後 才 出來 二 度 就業 在 九份 老 街 工作 也 四 年 多 了 工作 很 穩定 反正 每天 觀光客 都會 自己 上門來 農曆 春節 時 還好 雖然 陸客 減少 了 但 臺灣人 自己 很 捧場 可是 隨 著 新冠肺炎 的 疫情 愈來愈 嚴重 人潮 也 愈來愈少 最近 還有 一些 日本 人 過來 但 都 是 散客 比較 多 韓國 人和 香港 人 則 幾乎 沒有 從 2 月中 開始 常常 唱空城計 我們 的 業績 大概 剩 2 成 左右 所有 店 的 店員 人數 加起來 說不定 比 一個 早上 的 觀光客 還要 多 所以 很多 店 現在 中午 才 開門 以 減少 成本 支出 疫情 只能靠 政府 把關 我們 也 只能 一 天 過 一 天 不然 能 怎麼 辦 聽 在 百貨公司 上班 的 同事 說 他們 也 一樣 慘 因為 沒有 觀光客 去 買 就 算了 本國 人 也 不 去 買 因為 不能 出國 自然 減少 買 伴 手 禮 的 需求 真是 歹 年 冬 的 感覺 希望 疫情 趕快 過去 不然 說不定 就 得 休 無 薪 假 了 唉 更 多 ctwant 報導</t>
  </si>
  <si>
    <t>新冠肺炎 臺灣 劉和然 專案 製造</t>
  </si>
  <si>
    <t>新冠肺炎 肆虐 全世界 不少 賽事 或 產業 也 因此 中止 日前 臺灣 體育 電視臺 因 沒 賽事 因此 改 播 動 漫 灌籃高手 造成 熱 議 而 近日 香港旅遊 節目 原本 要 至 國外 拍攝 也 因 此次 疫情 延宕 選擇 在 境內 出外景 介紹 旅行 景點 豈料 由</t>
  </si>
  <si>
    <t>新冠肺炎 肆虐 全世界 不少 賽事 或 產業 也 因此 中止 日前 臺灣 體育 電視臺 因 沒 賽事 因此 改 播 動 漫 灌籃高手 造成 熱 議 而 近日 香港旅遊 節目 原本 要 至 國外 拍攝 也 因 此次 疫情 延宕 選擇 在 境內 出外景 介紹 旅行 景點 豈料 由於 女 主持人 僅 穿 泳衣 爬山 也 意外 吸引 觀眾 注意 香港 電視頻道 viutv 釋出 旅遊 節目 美女 郊遊 遊 預告 主 打 首 個 只 著 三 點式 行 山 節目 只見 兩 名 正 妹 主持人 紮 起 馬尾 穿 上 熱 褲 而 上衣 則 是 搭配 比基尼 露出 凹凸 有致 的 身材 曲線 露出 燦 笑 讓 人 忍不住 多 看 幾 眼 預告 推出 後 吸引 14萬 人 觀看 而 這 兩 位 正 妹 主持人 分 別是 shirley sham 沈殷怡 及 shirley chan 陳欣 妍 不少 人 看 完後 直 呼 這 旅遊 節目 好 兇狠 啊 山峰 好 美 讓 人 也 想 一起 爬 但 也 有人 認為 不妥 這樣 爬山 不怕 被 蚊子 叮 嗎 到底 是 做 旅遊 節目 還是 賣肉 的 啊 這樣 爬山 很 容易 曬 到 脫皮 喔 主持人 事 後 也 解釋 其實 這 一 支 預告 是 愚人節 企 劃 更 分享 最新 一 集 的 專業 爬山 節目</t>
  </si>
  <si>
    <t>許 書豪 今 12 日 迎接 33 歲 生日 暖 心 許願新冠肺炎 疫情 早日 結束 所有人 平安 健康 他 將 按 原訂 規劃 7 月 與 未婚妻 舉辦 海外 婚禮 不會 延期 並 選 在 婚禮 前後 完婚 結婚登記 好奇 另 一半 送 他 死會 前 的 最後 一個 生日禮物 許</t>
  </si>
  <si>
    <t>許 書豪 今 12 日 迎接 33 歲 生日 暖 心 許願新冠肺炎 疫情 早日 結束 所有人 平安 健康 他 將 按 原訂 規劃 7 月 與 未婚妻 舉辦 海外 婚禮 不會 延期 並 選 在 婚禮 前後 完婚 結婚登記 好奇 另 一半 送 他 死會 前 的 最後 一個 生日禮物 許 書豪 笑 說 兩 人 照 往年 慣例 簡單 吃 個 飯 且 他 日前 已 整修 錄音室 送 自己 除了 採購 木材 那些 時間 外 連續 三 天 日以繼夜 大 改造 許 書豪 與 圈 外 女友 amy 愛情 長跑 13 年 他 去年 在 夏威夷 包下 一 艘 帆船 向 amy 求婚 成功 對於 兩 人 維持 感情 秘訣 許 書豪 說 常常 很多 人 喜歡 去 評斷 一對 情侶 是 不 適合 在 一起 不管 是 長相 還是 事業 其實 只 有 正 在 戀愛 的 人 知道 彼此 最 適合 的 地方 在 哪 他 趁 14 日 白色 情人節 推出 新 單 曲 but she likes mv 刻意 用 對比 的 男 女 主角 來 呈現 希望 在 情人節 當天 祝福 每 一對 情侶 他 的 粉絲 近日 集資 包下 公車 廣告 為 他 慶 生 許 書豪 不 舍 大家 花錢 心疼 地 說 這個 禮物 太 張揚 了 吧 謝謝 你們 其實 我 很 容易 滿足 的 下次 錢包 留 著 吃 好吃 的 拍 給 我 看 就 好 體恤 粉絲 日前 有 媒體 指 他 的 海外 婚禮 將 延期 許 書豪 今 透過 經紀人 澄清 評估 婚禮 地 點 的 疫情 狀況 後 決定 一切照舊</t>
  </si>
  <si>
    <t>許 書豪 33 歲 海外 婚禮 婚禮 新冠肺炎</t>
  </si>
  <si>
    <t>新冠肺炎 臺灣 誘因 賴香伶 民眾黨 團</t>
  </si>
  <si>
    <t>主 播 許耀雲 快 篩 pcr 新冠肺炎</t>
  </si>
  <si>
    <t>茂綸 新冠肺炎 高效能 運算 系統 hpc 資料 中心</t>
  </si>
  <si>
    <t>混打 新冠肺炎 臺灣 零 本土 確診 個案</t>
  </si>
  <si>
    <t>新冠肺炎 第 12 輪 默德納 az bnt</t>
  </si>
  <si>
    <t>利機 3444 通 過 上半年 財 報 累計 上半年 稅 後 盈 餘 5877萬 元 每股 稅 後 盈 餘 15 元 較 去年同期 成 長 16 毛利率 達 31 已 連續 五 個 半年度 保持 成長 趨勢 再次 刷新 歷史 新 高點 表現 優於 市場 預期 利 機 第二 季 單季 營業毛利 6940萬 元 較 去年同期 成 長 11 相較 第一 季成長 4 第二 季 受到 台幣 升值 影響 評價 認 列 兌換 損失 884萬 元 單季 每股 稅 後 盈 餘 072 元 利 機 表示 今年 上半年 新冠肺炎 蔓延 全球 除了 對 全球 經濟 帶來 重大 衝擊 外 也 催化 醫療 宅 經濟 遠 距 辦公 等 商機 發酵 帶來 強勁 相關 零 組件 及 材料 需求 而 宅 經濟 商機 有助於 推 升 筆 電 伺服器 wifi 遊戲 網卡 等 需求 利機 的 記憶體 相關 產品 如 fccsp sip emmc emcp 封 測 相關 的 qfn 導線 架 散熱片 以及 驅動 ic 相關 的 chip tray 等 產品 下半年 如 穩定 出 貨 今年 逐 季 成長 的 趨勢 仍然 可期 利機 7 月 單月 合併 營 收 7603萬 元 月 增加 7 年 增加 6 利 機 指出 7 月 成長 動能 主要 來自 封 測 相關 產品 相較 去年同期 及 6 月 成 長 23 及 9 其中 散熱片 heat sink 成長 動能 最為 強勁 逐月 成長 跡象 明顯 利機 兩 年 前 開始 佈 局 散熱片 市場 憑 藉 原廠 擁有 精密 衝壓 電鍍 等 技術 正 積極 開發 較 高階 產品 可 廣泛 運用 3 c 個人 裝置 及 資料 中心 等 相關 產業</t>
  </si>
  <si>
    <t>為 分散 產能 擴大 全球 業務 接 單 佈局 石塑 地板廠 美 喆 -ky 8466 投資 25億 元 的 台南 新廠 12 日 舉行 動土 典禮 董事長 陳本源 指出 新廠 2021 年 第一 季可量 產 預估 每月 可 貢獻 營 收 超過 3億 元 並 有助 公司 強化 全球 接 單 佈局 美 喆 2019 年 合併 營 收 3468億 元 年 增 164 稅 後 淨利 402億 元 年 增 296 eps 609 元 董事會 已 在 日前 決議 2020 年 每股 將 配發 41 元 現金 股利 不過 由於 大陸 市場 的 營 收 占 比達 1197 受到 新冠肺炎 疫情 影響 美 喆 2020 年 累計 1 2 月 營 收 339億 元 年 減 3681 其中 2 月 營 收 僅 067億 元 大 減 714 美 喆 指出 2 月 雖 因 疫情 因素 導致 營 收 大 減 但 訂單 不但 沒有 縮減 還 在 增加 中 預期 3 月 出口 成長 幅度 會 很 大 全年 營 收 還 是 會 比 2019 年 成長 投資 台南 新廠 陳本源 指出 早 在 數 年前 美 喆 已 啟動 投資 大陸 以外 產能 的 評估 2018 年 中 美 貿易戰 開 打 後 高額 的 關稅 及 中 美 兩 強 角力 帶來 市場 高度 不 確定性 更加 堅定 美 喆 分散 產能 的 腳步 和 決心 2020 年初 新冠肺炎 疫情 蔓延 引發 大陸 供應 鏈 一 夕 間斷 鏈 之 風險 更 突顯 分散 產能 實 已 刻不容緩 陳 本源 表示 台南 新廠 量 產 之後 除了 可以 分散 產能 外 也 希望 能夠 分散 市場 目前 美 喆 的 市場 集中 在 歐洲 未來 希望 加 重力 道 在 北美 市場 因此 台南 新廠 很 大 的 功能 在於 強化 全球 接 單 佈局 美 喆 指出 未來 台南 新廠 量 產後 將 可 搭配 大陸 東莞 廠 調配 產能 及 彈性 接 單 有望 推 升 spc 石 塑 地磚 營 收 占比 也 將 同步 提升 進而 優化 產品銷售 結構 並 創造 整體 營運 獲利 的 提升</t>
  </si>
  <si>
    <t>南韓 新冠肺炎 疫情 升溫 首 爾 市政府 日前 宣佈 禁止 在 市區 內 舉辦 示威 集會 但 前 牧師 韓國 基督教 總 聯合會 代表 會長 全 光 勳 竟 無視 規定 在 光 化 門前 舉辦 集會 甚至 口出狂言 表示 我們 就算 參加 集會 而 被 感染 也 無所謂 有 病 都</t>
  </si>
  <si>
    <t>南韓 新冠肺炎 疫情 升溫 首 爾 市政府 日前 宣佈 禁止 在 市區 內 舉辦 示威 集會 但 前 牧師 韓國 基督教 總 聯合會 代表 會長 全 光 勳 竟 無視 規定 在 光 化 門前 舉辦 集會 甚至 口出狂言 表示 我們 就算 參加 集會 而 被 感染 也 無所謂 有 病 都會 痊癒 之後 在 24 日 被 逮捕 綜合 韓媒 報導 全光勳 在 2223 日 不 甩 首 爾市 市長 朴元淳 的 禁令 在 光 化 門 舉行 示威抗議 還 聲稱 到場 人數 達 8000 人 且 全光勳 甚至 在 舞臺 上 表示 感染 新冠肺炎 也 沒關係 參加 集會 的話 病 會 好 不過 首 爾 市政府 已向 警方 舉報 全光勳 24 日 全 光 勳 因為 違反 選舉法 而 遭到 逮捕 為了 防止 新冠肺炎 擴散 首 爾 市長 朴元淳 在 日前 才 宣佈 禁止 在 光 化 門 清溪 川 等 廣場 舉行 集會遊行 但 全光勳 卻 領導 文 在 寅 下臺 泛 國民 鬥爭 本部 強行 在 光 化 門 廣場 舉辦 集會 而 事實上 全光勳 過去 就 有 不當 言論 紀錄 早 在 韓國 引起 不少 爭議</t>
  </si>
  <si>
    <t>新冠肺炎 疫情 擴散 歐美 成為 重災區 影響 全球 經濟 甚 劇 為 因應 疫情 對 台各 產業 的 衝擊 政府 相關 部會 陸續 推出 紓困 振興 方案 華南銀行 為 落實 辦理 各項 紓困 振興 貸款 要求 各 分行 加強 研讀 相關 規定 更 對 各 分行 舉辦 測驗 以</t>
  </si>
  <si>
    <t>新冠肺炎 疫情 擴散 歐美 成為 重災區 影響 全球 經濟 甚 劇 為 因應 疫情 對 台各 產業 的 衝擊 政府 相關 部會 陸續 推出 紓困 振興 方案 華南銀行 為 落實 辦理 各項 紓困 振興 貸款 要求 各 分行 加強 研讀 相關 規定 更 對 各 分行 舉辦 測驗 以 瞭解 第一 線 同仁 是否 足 以 專業 妥善 應對 此外 該行 製作 貸款 措施 懶 人 包 置於 官 網 新冠肺炎 紓困 專區 詳列 總行 與 分行 諮 詢 視窗 以 即時 協助 客戶 辦理 相關 貸款 事宜 近日 已 接 到 不少 詢問 並以 同 理 心 誠懇 關懷 答 覆 客戶 協助 快速 申請 總行 企 金 部門 也 比照 主管機關 扮演 神秘 客 抽查 分行 是否 有 拒絕 受理 客戶 申請 紓困 貸款 之 情形 為了 落實 加速 辦理 各項 紓困 振興 貸款 該行 董事長 張雲 鵬 要求 各 分行 全力 配合 政府 各部 會 所 訂 紓困 振興 方案 並 遵循 從寬 從速 從簡 原則 辦理 相關 貸款 成立 因應 受 新冠 病毒 疫情 影響 之 企業 紓困 振興 貸款 處理 小組 由 總經理 張振芳 擔任 召集人 除了 研議 華南銀行 推動 企業 紓困 振興 貸款 業務 之 策略 方向 外 並 追蹤 檢 視 全行 辦理 相關 貸款 的 成效 以 有效 協助 受 疫情 影響 之 企業 及 民眾 及時 取得 資金 協助</t>
  </si>
  <si>
    <t>新冠肺炎 疫情 衝擊 各 產業 行政院 研 擬 待 疫情 趨 緩 後 發放 酷 碰 券 刺激 內需 消費 遭 外界 質疑 誘因 不足 立 法院 法制 局 研究 報告 提出 3 點 建議 包括 應 搭配 其他 補助 措施 或 提高 補助 比例 促進 消費 意願 同時 考慮 放寬 適用 店家 及</t>
  </si>
  <si>
    <t>新冠肺炎 疫情 衝擊 各 產業 行政院 研 擬 待 疫情 趨 緩 後 發放 酷 碰 券 刺激 內需 消費 遭 外界 質疑 誘因 不足 立 法院 法制 局 研究 報告 提出 3 點 建議 包括 應 搭配 其他 補助 措施 或 提高 補助 比例 促進 消費 意願 同時 考慮 放寬 適用 店家 及 產業 限制 並於 政策 實施 前 先 評估 現行 電子 支付 普及率 設計 對 消費者 較 友善 便利 的 使用 方式 經濟部 規 畫 酷 碰 券 將 以 行動 支付 為主 搭配 實體 之 敬老 卡 回 饋 鼓勵 民眾 使用 行動 支付 工具 至 特定 店家 消費 可 獲得 25 優惠 即 民眾 消費 4千 元 優惠 1千 元 每人 每月 在 每個 電子 支付 平臺 之 優惠 上限 1千 元 最 多 可 使用 4 個 電子 支付 平臺 不過 經濟部 方案 出爐 後 遭 質疑 受到 疫情 衝擊 民眾 及 店家 收入 縮減 卻 要 民眾 先 掏錢 才能 享有 折扣 與 民意 期待 發放 現金 有 落差 立院 法制 局 研究 報告 指出 消費者 使用 酷 碰 券 需要 自行 負擔 購物 金額 的四 分之三 如果 消費者 連 基本 費用 都 難以 支付 根本 無意 願 再 支付 額外 的 消費 費用 建議 酷 碰 券 設計 必須 適度 搭配 其他 補助 措施 或 考慮 針對 特殊 弱勢 民眾 提高 補助 比例 至 超過 四 分之一 促進 民眾 消費 意願 此外 酷 碰 券 需 以 電子 支付 工具 使用 越 多 不同 電子 支付 平臺 支付 優惠 金額 越 高 最高 每月 達 4千 元 但 對於 不 習慣 電子 支付 的 人 而言 折扣 優惠 看 的 到 吃 不到 法制 局 建議 政策 實施 前 應先 評估 現行 電子 支付 普及率 及 民眾 使用 習慣 以利 設計 對 消費者 較為 便利 的 使用 方式 強制 使用 電子 支付 是 酷 碰 券 令 人 詬病 之處 主要 是 因為 必須 要到 與 指定 行動 支付 平臺 簽約 合作 店家 消費 才能 使用 但 目前 許多 傳統 攤 商 店面 不 支援 行動 支付 而且 經濟部 規 畫 把 電 商 外 送 與 超市 賣 場 等 因 疫情 受惠 產業 排除 適用 酷 碰 券 導致 實際 可以 使用 酷 碰 券 店家 或 產業 有限 該 報告 認為 疫情 期間 經濟 低迷 消費 不振 此時 應 把 酷 碰 券 的 目的 反客為主 以 民眾 使用 的 便利性 為 出發點 至於 趁機 鼓勵 消費者 及 店家 使用 電子 支付 工具 是否 有 振興 電子 支付 產業 急迫性 有待 商榷</t>
  </si>
  <si>
    <t>新冠肺炎 疫情 紓困 振興 酷 碰 券 立 法院</t>
  </si>
  <si>
    <t>新冠肺炎 在 今年 重創 國際 體壇 為了 防疫 無法 出國 開會 旅行 代表 臺灣 運動 協會 和 國際 體育 單位 溝通 出國 比賽 事宜 的 中華 奧 會 克服 無法 面對面 交流 的 障礙 透過 開辦 線 上 會議 研討會 及 網路 線 上 課程 受到 國際 奧 會 ioc</t>
  </si>
  <si>
    <t>新冠肺炎 在 今年 重創 國際 體壇 為了 防疫 無法 出國 開會 旅行 代表 臺灣 運動 協會 和 國際 體育 單位 溝通 出國 比賽 事宜 的 中華 奧 會 克服 無法 面對面 交流 的 障礙 透過 開辦 線 上 會議 研討會 及 網路 線 上 課程 受到 國際 奧 會 ioc 肯定 未來 會 繼續 辦理 更 多 活動 增加 臺灣 在 國際 體壇 能見度 今年 4 月 1 日 上任 的 中 華奧 會 秘書長 李玉芳 表示 雖然 一 上任 就 碰到 新冠肺炎 大 流行 中華 奧 會 除了 發 函 國際 奧 會 亞奧 會 國家 奧 會 聯合會 及 全球 各 國家 奧 會 慰問 期待 團結 度過難關 也 持續 強化 與 國際 及 其他 國家 奧 會 的 聯結 例如 邀請 外賓 以 拍攝 致詞 影片 預 錄 課程 影片 及 邀請 參與 中 華奧 會 所 主辦 之 線 上 課程 等 不同 方式 參與 今年 國內 舉行 的 各項 研習 活動 鞏固 國際 友誼 及 關係 李玉芳 表示 中華 奧 會 辦理 奧林匹克 研討會 有成 收到 希臘 奧 會 邀請 獲 頒 對 奧運 教育 活動 有所 貢獻 的 雅典娜 獎 中 華奧 會 是 第 5 個 獲獎 的 國家 奧 會 也 是 第 4 個 成立 國家 奧林匹克 學院 的 奧 會 李玉芳 補充 中華 奧 會 也 協助 將 國內 體育 活動 訊息 例如 8 月初 的 模擬 東京 奧運 對抗賽 運動 產業 博覽會 等 成果 獲 各 國際 組織 刊登 相關 新聞 達 25 篇 增加 臺灣 能見度 今年 10 月 的 東京 奧運 籌委會 總領隊 線 上 會議 也 預計 邀請 更 多 國內 體育 人士 參與 繼續 為 臺灣 宣傳</t>
  </si>
  <si>
    <t>az 莫德納 疫苗 新冠肺炎 意願 登記</t>
  </si>
  <si>
    <t>新冠肺炎 疫苗 who 譚德 賽 發展中國家</t>
  </si>
  <si>
    <t>美 商 默沙東 藥廠 msd 週一 宣佈 停止 研發 兩 款 實驗 中的 新冠肺炎 疫苗 因為 初期 臨床實驗 顯示 其 防護力 不 佳 目前 全球 疫情 持續 擴散 但 已 被 批准 使用 的 疫苗 數量 仍 無 法 滿足 大量 接種 需求 因此 默沙東 退出 疫苗 研發 讓 人 擔心</t>
  </si>
  <si>
    <t>美 商 默沙東 藥廠 msd 週一 宣佈 停止 研發 兩 款 實驗 中的 新冠肺炎 疫苗 因為 初期 臨床實驗 顯示 其 防護力 不 佳 目前 全球 疫情 持續 擴散 但 已 被 批准 使用 的 疫苗 數量 仍 無 法 滿足 大量 接種 需求 因此 默沙東 退出 疫苗 研發 讓 人 擔心 疫苗 不足 問題 更 難 解決 默沙東 表示 該 兩 款 疫苗 注入 人體 後所 產生 的 免疫 反應 不如 新冠肺炎 的 康復者 或 已 被 多國 批准 使用 疫苗 的 接種 者 默沙東 是 全球 重要 疫苗 生產商 之一 因此 原先 有 許多 科學家 和 公共 衛生 專家 對 其 疫苗 寄予厚望 但 默沙東 退出 疫苗 研發 後 代表 能 合 符 使用 資格 的 潛 在 疫苗 更少 更 無法 解決目前 龐大 的 接種 需求 來 控制 疫情 根據 世界衛生組織 who 資料 目前 約 六十 款 新冠肺炎 疫苗 正 進行 人體實驗 但 只 有 包括 輝瑞 和 莫德納 等 研發 的 少數 疫苗 獲得 多國 主管機關 授權 使用 因此 令 疫苗 供應量 大 受 限制 輝瑞 和 莫德納 的 疫苗 在 後期 臨床 階段 實驗 結果顯示 防護力 逾 94 阿斯特 捷利康 的 疫苗 在 部 份 最後 階段 實驗 結果顯示 防護力 至少 62 默沙東 停止 研發 疫苗 後 未來 數 周將 等待 兩 款 治療 新冠肺炎 藥物 的 試驗 結果 若 結果 屬 正面 就 會 向 各國 主管機關 申請 使用 的 批准 默沙東 已 跟 美國政府 簽下 356億 美元 合約 只要 其 治療 藥物 被 批准 使用 就 會 向 美國政府 出 貨</t>
  </si>
  <si>
    <t>新冠肺炎 臺灣 確診 疾 管署 地圖</t>
  </si>
  <si>
    <t>美國勞工部 週五 公佈 2020 年 12 月 就業 資料 較 市場 預期 差 非農 就業人數 中止 連續 七 個 月 增加 走勢 顯示 就業 市場 仍然 疲弱 主要 是 嚴寒 氣候 新冠肺炎 疫情 嚴重 和 防疫 限制 等 傷害 商業活動 加上 政府 未 及時 推出 新 振興 措施 使 勞</t>
  </si>
  <si>
    <t>美國勞工部 週五 公佈 2020 年 12 月 就業 資料 較 市場 預期 差 非農 就業人數 中止 連續 七 個 月 增加 走勢 顯示 就業 市場 仍然 疲弱 主要 是 嚴寒 氣候 新冠肺炎 疫情 嚴重 和 防疫 限制 等 傷害 商業活動 加上 政府 未 及時 推出 新 振興 措施 使 勞動 市場 受 衝擊 12 月 失業率 跟 11 月 一樣 維持 於 67 不 變 中斷 連續 七 個 月 下降 走勢 雖 略低於 市場 預估 68 但 仍 高於 疫 前 的 約 35 12 月 非農業 就業人數 意外 減少 14萬 人 市場 原先 預估 增加 5萬 人 是 2020 年 5 月 以來 人數 首次 減少 12 月 整體 非農業 就業人數 跟 疫 前 的 2 月相 較 仍 低 約 980萬 人 11 月 非農業 就業人數 從 原先 公佈 增加 245萬 人 往 上 修正 為 增加 336萬 人 12 月 勞動 參與率 跟 11 月 一樣 維持 在 615 12 月 平均 每週 工時 從 11 月 348 個 小時 減少 至 347 個 小時 就業 資料 被 用來 觀察 美國 經濟 復蘇 情況 外界 認為 12 月 資料 不 佳 是 受 至少 三大 因素 影響 除 了 新冠肺炎 確診 人數 飆 高 引發 美國 各 地 實施 包括 宵禁 與 店家 停止 營業 等 新 防疫 限制 外 嚴寒 氣候 限制 商業活動 和 新 振興 措施 來不及 推出 娛樂 與 飯店業 最 受 衝擊 12 月 裁員 498萬 人 2020 年 全年 失業人數 940萬 人 是 1939 年 開始 記錄 以來 最差 外界 憂慮 美國 經濟 繼續 失去 復蘇 動能 但 專家 仍 樂觀 踏 入 2021 年 後 經濟 將 結束 停滯 局面 並 開始 出現 回升 巴克萊 經濟師 史 利蘭 pooja sriram 認為 有理由 寄 望 疫情 對 經濟 衝擊 只 是 一次性 只要 疫情 受 控制 美國 經濟 就 會 復蘇 外界 認為 疫苗 接種 人數 愈來愈多 能 令 疫情 受 控制 外 規模 約 9000億 美元 新 振興 措施 開始 產生 效果 和 拜登 上臺 後 可望 推出 更 多 振興 措施 等 將 增加 民眾 消費 有助 活絡 經濟 而 增加 就業人數</t>
  </si>
  <si>
    <t>川普 上臺 後 陸美 對峙 急遽 升高 加上 新冠肺炎 疫情 催化 維持 逾 70 年 的 陸美台 戰略 三角 結構 面臨 崩解 前 海基會 副董 長 馬紹 章 出書 提醒 大家 及早 正視 勿 視 兩岸 和平 為 理所當然 並 提出 5 種 崩潰 模式 希望 臺灣 能 在 大國 博 奕 的 環</t>
  </si>
  <si>
    <t>新冠肺炎 全球 美國 第 3 劑 追 打 疫苗 接種</t>
  </si>
  <si>
    <t>嘉 義縣 10 日 起 開放 65 至 70 歲 民眾 接種 新冠肺炎 疫苗 共 29 場 擴大 接種 站 應戰 縣府 指出 相較 1 至 5 波 逐 齡 調整 接種 第 6 波 人口 3萬8611 人 大幅 提升 因此 自 10 日 起 除 大埔 阿里山鄉 外 16 鄉鎮 市 有 29 場 疫苗 擴大 接種 站 提醒 民眾</t>
  </si>
  <si>
    <t>新冠肺炎 臺灣 接種 29 10 日</t>
  </si>
  <si>
    <t>新冠肺炎 疫情 讓 壽險 包租 公 快收 不 到 租金 新光人壽 決定 自救 已 啟動 以 物 易物 救 租戶 行動 即 向 承租 的 飯店 等 購買 餐券 或 預訂 大量 外 送 餐 點 協助 房客 度過 今年 的 難關 全台 擁有 數 百 棟 大樓 及 房產 的 壽險業 者 今年 要 跟 租</t>
  </si>
  <si>
    <t>新冠肺炎 疫情 讓 壽險 包租 公 快收 不 到 租金 新光人壽 決定 自救 已 啟動 以 物 易物 救 租戶 行動 即 向 承租 的 飯店 等 購買 餐券 或 預訂 大量 外 送 餐 點 協助 房客 度過 今年 的 難關 全台 擁有 數 百 棟 大樓 及 房產 的 壽險業 者 今年 要 跟 租 客 一起 共度 難關 據 壽險業 者 公佈 其 帳 上 投資性 不動產 到 去年底 共 達 1 兆 1793億 元 比 前年 增加 136 而 去年 全 年租金 收入 近 273億 元 增幅 僅 79 其中 還 含 去年 完工 出租 的 南山 廣場 及 新光人壽 幾 棟 大樓 今年 又 遇上新冠肺炎 不少 飯店 承租戶 快 承受不住 租金 收益 堪 慮 國泰人壽 富 邦 人壽 南山人壽 及 宏泰 人壽 透過 壽險 公會 向 金管會 建議 調整 不動產 租金 收益率 門檻 及 二 年 即時 利用 規定 以 降 租金 紓困 金管會 火速 討論 中 預計 清明 假期 後 即有 定論 全台 最 大 壽險 包租 公 依舊 是 國泰人壽 因為 其 不動產 已 採用 市價 開 帳 及 列 帳 即 真實 反應 其 大樓 房產 的 價值 所以 國壽 去年底 計算 租金 的 投資性 不動產 達 4513億 元 全 年租金 收入 104億 元 二 項 都 是 壽險業 最高 租金 收入 比 2018 年 增加 365億 元 去年 租金 增加 最 多 的 還 是 南山人壽 因為 其 信義 區 南山 廣場 啟用 租金 收入 比 2018 年 增加 1253億 元 南山人壽 計算 租金 的 投資性 不動產 有 1550億 元 排名 業 界 第 三高 全 年租金 收入 392億 元 則 是 業 界 第 四 名 租金 收入 第二 名 是 新光人壽 的 4226億 元 因為 新 壽 投資性 不動產 只 有 部分 以 市價 開 帳 很多 都用 投資 成本 列 帳 因此 新 壽 計算 租金 的 不動產 金額 僅 1330億 元 排名 市場 第 四 但 實際 棟 數 或 加計 市價 後 應可 排名 第二 且 近年 有 多 棟 陸續 完工 開始 收 租 去年 租金 即 增 295億 元 富 邦 人壽 計算 租金 的 投資性 不動產 有 1890億 元 排名 第二 大 去年 租金 收益 4055億 元 排名 第 三 富 邦 人壽 還有 許多 地上權 仍 在 開發 中 尚未 有 收益 金管會 正 在 評估 如 何調 降 壽險業 投資性 不動產 最低 收益率 要求 目前 是 中華 郵政 二 年 定 儲 機動 利率 加 5 碼 即 2095 壽險業 者 建議 降 2 碼 即 降到 1595 但 金管會 認為 不是 所有 租戶 都受新冠肺炎 影響 應 限制 範圍 新 壽 雖是 第二 大 地主 但 沒有 參與 紓困 建議 而 採取 自救 方式 以 向 承租戶 以 物 易物 訂餐 買 餐券 等 方式 變相 降 租</t>
  </si>
  <si>
    <t>為了 防疫 已 一段時間 無法 外出 的 大陸 民眾 快 被 憋 壞 紛紛 趁 著 清明連 假 出外 透氣 受到 免 門票 政策 刺激 安徽黃山風景區 出現 報復 性 旅遊 人潮 45兩 日 迅速 達到 2萬 人流 上限 當地 管委會 不得不 采 緊急 限流 措施 要求 民眾 擇期 再 訪 或 更改 行程 對此 有 多 位 民眾 表示 未 采 預約 制 將 大大降低 遊客 的 滿意度 未 能 達到 刺激 景區 觀光 消費 的 政策 美意 為了 儘快恢復 景區 的 熱度 大陸 多 地 在 三月 底 就 陸續 推出 了 一連串 的 觀光 刺激 政策 以 黃山市 來說 分別 於 3 月 21 日 至 4 月 3 日 和 4 月 1 日 至 14 日 分別 推出 了 大 徽州 串門 游 江淮 大地 串門 遊 兩 項 旅遊 方案 而 黃山風景區 剛好 重疊 於 兩 個 方案 中 因此 連 假期 間 前往 黃山 的 遊客 趨之若鶩 黃山風景區 管委會 原於 3 日 表示 安徽省 居民 均 享受 包含 黃山風景區 在內 的 黃山市 31 個 a 級 以上 景區 門票 免費 政策 省內 遊客 出行 意願 較 高 4 月 3 日進 山 遊客 數量 較 前期 有所 增長 不過 黃山風景區 全天 共 接待 遊客 1萬0708 人 未 達到 2萬 人 的 限制 量 不過 管委會 4 日 上午 9 時 30 分在 景區 網站 和 官方 微信 公眾 號 微博 即 發出 公告 稱 景區 進山 人數 已 達到 遊客 流量 限制 2萬 人 的 80 即 將 採取 限流 措施 隨後 在 10 時 30 分 公佈 景區 進山 人數 已 達到 遊客 流量 限制 兩萬 人 停止 售票 請 遊客 選擇 其他 旅遊 路線 或 改日 進山 而 這個 公告 一直 持續 到 5 日 黃山 導遊 焦先生 表示 免 門票 再 加上 天氣 好 吸引 了 不少 安徽省 內 遊客 自 駕 而來 黃山 以 前 五一十一 春節 等 高峰期 接待 4萬 至 5萬 人 都 沒 問題 而 疫情 已 讓 遊客 數 大幅 下滑 他 指出 主要 景點 如 迎客松 鼇 魚 峰 等 附近 確實 比較 擁擠 另外 就是 排隊 等 交通車 纜車 時間 相對 較 長 沒有 預約 制 黃山 景區 只 開放 了 一個 南 大門 這些 因素 使 遊客 得 排隊 兩三 小時 造成 很 多 遊客 滿意度 大大降低 不過 也 有 網友 認為 留得青山在 不怕沒柴燒 等 有空 還 可以 出去玩 還是 老實 待 在家 中 為 妙 別 自找 煩惱 另 有 網友 稱 雖然 清明 想來 是 踏青 好時節 但是 疫情 還 有 個 尾巴 沒 結束 希望 大家 不要 馬虎 提前 預訂 安排 好 日程 不要 一窩蜂 地 出去 遊玩 上海社會科學院 研究員 王泠 一 指出 四月 和 五月 是 最好 的 春遊 時節 目前 安徽省 境內 已 無 新冠肺炎 確診 人員 黃山 又 是 世界級 的 旅遊景點 在 缺乏 國際 遊客 的 前提 下 安徽 旅遊 部門 激發 消費 和 扶持 產業 的 心情 可以 理解 但是 人員 如此 高密度 集聚 疫情 傳播 的 風險 仍 高 當局 應 明確 預約 制 和 更 精確 的 限流 措施 來 兼顧 防疫 與 觀光</t>
  </si>
  <si>
    <t>一 場 新冠肺炎 年前 年 後 兩 樣 情 觀光 產業 從 航空 旅遊 到 飯店 等 都大 受 影響 飯店業 者 更 不得不 提早 備戰 因應 突如其來 的 變 局 位 于宜蘭 五結鄉 的 宜 蘭綠舞 觀光 飯店 剛 迎來 兩 周年 面對 疫情 帶來 的 衝擊 執行長 藍 心 瑩 表</t>
  </si>
  <si>
    <t>一 場 新冠肺炎 年前 年 後 兩 樣 情 觀光 產業 從 航空 旅遊 到 飯店 等 都大 受 影響 飯店業 者 更 不得不 提早 備戰 因應 突如其來 的 變 局 位 于宜蘭 五結鄉 的 宜 蘭綠舞 觀光 飯店 剛 迎來 兩 周年 面對 疫情 帶來 的 衝擊 執行長 藍 心 瑩 表示 2020 年 預估 比 2019 年 衰退 兩 成 政府 可 利用 這次 機會 正視 觀光業 稅負 及 利率 調 降 在 紓困 之 餘 也 幫助 地方 改造 推動 精緻 旅遊 文化 以 強化 旅遊 體質 3 月 一般 是 度假 飯店 的 淡季 碰上 疫情 影響 更 雪上加霜 綠 舞 的 年度 計畫 與 行銷 策略 是否 改變 目標 客 層 又 如何 調整 綠 舞 執行長 藍 心 瑩 表示 2020 年 遇到 疫情 後 主要 是 於 品牌 中 建立 安全意識 要 讓 旅客 知道 綠 舞 用心 做好 防範 新冠肺炎 的 基本功 務必 使 同仁 與 顧客 都 獲得 最 安全 保障 能 在 綠 舞 引以為傲 的 日式 庭園 區 感受 大口 深呼吸 的 暢 快感 這 點 是 與 city 飯店 完全 不同 並 藉 由 周年 慶 推出 2 周年 慶 有 你 真好 平日 最高 住房 專案 折 抵 2000 元 及 搭配 園區 暢銷商品 推 399 diy 自由 配 等 多 元 活動 強化 一日遊 市場 設計 更 多 適合 全家 大小 都 有 感 的 內容 藍 心 瑩 指出 目前 雖 無法 明確 預估 但 如果 疫情 能 在 2020 年 6 月 獲得 控制 相信 有助於 提升 第 三 季 暑假 及第 四季 itf 的 業績 另 也 因 上半年 民眾 受 疫情 影響 無法 出國 國旅 市場 成 了 此時 最好 的 選擇 不過 也 得 大家 跟 著 政府 腳步 用心 防疫 才 有 機會 漸入佳境 觀光業 受 新冠肺炎 疫情 影響 是 不 爭 的 現實 現在 影響 層面 更 擴 及 全球 臺灣 積極 抗 疫 目前 疫情 仍 控制 在 一定 範圍 藍 心 瑩 表示 基於 業者 的 一 分子 希望 政府 能 儘快 擬定 策略 以利 觀光 振興 可 提供 國內 飯店 旅行社 餐廳 遊覽 公司 等 營業稅 緩繳 或 減稅 等 優惠 補助 措施 等 紓困 以 減少 疫情 對 業者 的 衝擊 同時 在 此 非常 時期 業者 也 應團結 對內 國內 旅遊 啟動 市場 提 振 消費者 信心 也 鼓勵 民眾 多 走 出 戶外 接觸 大自然 綠 舞 飯店 也 會 持續 推 更 多 住房 及 餐飲 優惠 讓 我們 一起 養精蓄銳 迎接 除 疫 後 的 觀光 爆發 反彈 期</t>
  </si>
  <si>
    <t>台微 體 新冠肺炎 新 方案 tlc 19 臨床 試驗 納入 首位 受試者</t>
  </si>
  <si>
    <t>微 邦 台微 體 tlc 新冠肺炎 受試者</t>
  </si>
  <si>
    <t>侯友宜 柯文哲 新冠肺炎 臺灣 陳時中</t>
  </si>
  <si>
    <t>受到 新冠肺炎 衝擊 消息人士 表示 過去 一個 月 來 共用 辦公室 服務業 者 wework 數 千家 客戶 不是 停付 租金 就 是 有意 終止 合約 在 此 同時 wework 正 與 大型 房東 洽談 調 降 房租 最高 降低 三 成 試圖 減輕 財務 壓力 熟知 內情 人士 透</t>
  </si>
  <si>
    <t>受到 新冠肺炎 衝擊 消息人士 表示 過去 一個 月 來 共用 辦公室 服務業 者 wework 數 千家 客戶 不是 停付 租金 就 是 有意 終止 合約 在 此 同時 wework 正 與 大型 房東 洽談 調 降 房租 最高 降低 三 成 試圖 減輕 財務 壓力 熟知 內情 人士 透露 不分 大型 或 小型 客戶 要求 解約 或 停付 租金 的 電話 和 郵件 讓 wework 接到 手軟 新冠肺炎 疫情 造成 商業活動 停滯 wework 的 客戶 盡力 保留 現金 也 加重 該 公司 的 資金 壓力 受 此 影響 wework 的 辦公 空間 出租率 由 2019 年 9 月底 的 79 下滑 至 4 月初 的 64 消息人士 警告 出租率 資料 尚未 完全 反映 新冠肺炎 危機 wework 正 面臨 客戶 取消 租約 壓力 wework 允許 客戶 延後 繳 交 租金 或是 與 客戶 協商 租賃 條件 希望 儘量 留住 逾 66萬 名 會員 然而 許多 企業 無意 和 wework 協商 逕自 將 信用卡 資料 從 付款 系統 中 移除 或是 拒絕 匯款 消息人士 透露 wework 至少 流失 數 百萬 美元 租金 收入 舉例來說 皇家 加勒比 國際 郵輪 royal caribbean 是 近日 知會 wework 將 停付 邁阿密 辦公室 租金 的 客戶 之一 該 郵輪 業者 向 媒體 表示 公司 採取 果斷 的 行動 來 保護 財務 和 流動性 部位 另一方面 消息人士 表示 wework 執行長 馬斯拉尼 sandeep mathrani 與 該 公司 在 全球 各地 的 大型 房東 洽商 調 降 租金 並 提供 營 收 共用 等 交換 計畫 wework 以 分享 未來 的 成長 機會 為 號召 向 房東 表示 若是 願意 將 現行 的 租約 換成 合作 協議 未來 可望 獲得 更 高 的 收入 但 房東 對 wework 的 提議 意興闌珊 截至 2019 年 6 月底 wework 的 租賃 負債 至少 達 470億 美元 那時 wework 為了 上市 積極 擴張 業務 如今 新冠肺炎 病毒 來 襲 wework 陷入 營 收 萎縮 和 現金 短缺 難關</t>
  </si>
  <si>
    <t>美國 近期 經濟 資料 及 企業 財 報 表現 不俗 帶動 美 股 持續 走 高 s&amp;p 500 與 nasdaq 均 再創新高 今年 來 創新 高 次數 均 達到 兩位數 雖然 新冠肺炎 疫情 持續 延 燒 市場 陸續 反應 後 恐慌 情緒 趨 緩 美 股 基本 面 穩健 且 通 膨 平緩 聯 准會</t>
  </si>
  <si>
    <t>美國 近期 經濟 資料 及 企業 財 報 表現 不俗 帶動 美 股 持續 走 高 s&amp;p 500 與 nasdaq 均 再創新高 今年 來 創新 高 次數 均 達到 兩位數 雖然 新冠肺炎 疫情 持續 延 燒 市場 陸續 反應 後 恐慌 情緒 趨 緩 美 股 基本 面 穩健 且 通 膨 平緩 聯 准會 fed 維持 寬鬆 基調 資金 行情 續 提供 美 股 動能 美 股 基金 後市 表現 不 看淡 群 益 美國 新創 亮點 基金 經理 人 徐煒 庠 表示 美國 最新 1 月 ism 製造業 指數 上升 至 509 榮 枯 線 之上 製造業 新 訂單 及 新 出口 訂單 回升 1 月 非農 新增 就業 表現 優於 預期 顯示 市場 續穩 支持 內需 經濟 動能 至於 通 膨 表現 則 是 溫和 可 控 fed 鴿 派 貨幣政策 仍 有 空間 加上 去年 第 四季 企業 財 報 多 優於 預期 基本 面 政策 面 獲利 面 都 正向 為 美 股 提供 支撐 後市 不 看淡 台 新 智慧 生活 基 金經理 人 蘇聖峰 分析 美 股 後市 觀察 四大 重點 首先 若 疫情 若 得到 緩解 相對 穩健 的 美 股 將 快速 反彈 其次 為 中 美 貨幣政策 寬鬆 低利 環境 延續 股市 仍 具 強勁 支撐 再者 是 s&amp;p 500 獲利 營 收 表現 指標 股 多 優於 預期 且 展望 穩定 最後 即 受 疫情 影響 大 的 零售 餐飲 旅館 航空 等 消費 股 恐慌性 殺 盤後 將 有 顯著 反彈 機會 宏利 投資 管理 首席 經濟學家 唐納德 認為 目前 主要 央行 面對 不對 稱 的 政策 風險 fed 別無選擇 只 能 採取 溫和 立場 免 于 金融 轉向 緊縮 且 肺炎 疫情 影響 全球 復蘇 進程 短期投資 組合 佈 局 宜采 較 防守 性 策略 但 策略 性 投資 組合 卻 提供 進場 好 機會 預期 年底 美 股 續 收 高 的 機 率 仍 大 徐煒 庠 建議 美 股 產業佈局 重點 為 科技 醫藥 消費 股 以 軟 體 網路 fintech 消費 國防工業 等 可 持續 關注 尤其 看好 具 創新能力 和 關鍵 競爭力 同時 具 產業 影響力 個股 近期 財 報 公佈 獲利 表現 及 股價 趨勢 均 佳 個股 也 可 擇優 佈局</t>
  </si>
  <si>
    <t>新冠肺炎 萬華 茶室 童仲彥</t>
  </si>
  <si>
    <t>專注 以 黏膜 免疫 調節 技術 平臺 開發 新藥 的 昱 厚生 技 6709 今日 舉行 股東會 由 董事長 陳璧榮 主持 由於 旗 下 新藥 尚 處於 研發 與 臨床 試驗 階段 董事長 陳璧榮 在 股東會 上 感謝 董事 及 所有 股東 的 支持 承諾 各項 臨床 試驗 進度 將 依序 進行 並 積極 推動 商務 發展 爭取 與 國內外 大廠 洽談 授權 或 合作開發 盼 在 最 短 時間 內 將 目前 開發 藥品 推 上市 引 領 公司 營運 邁向 新 里程碑 陳 璧 榮 表示 在 商務 發展 策略 上 昱厚 採取 雙軌 策略 一則 與 具 銷售 通路 或 擁有 豐沛 資金 的 大 藥廠 結盟 以 最 有效 的 方式 將 藥品 開發 至 上市 一則 透過 技術 移 轉 將 尚在 開發 中的 產品 進行 授權 收取 授權 金 與 權利 金 等 由於 昱厚 專注 藥物 開發 與 臨床 試驗 相關 生產 事宜 則 采 與 符合 供貨 地區 法規 代工廠 進行 合作 以 完善 供應 鏈 總經理 徐悠深 進一步 說明 昱厚 自行 開發 的 黏膜 免疫 治療 技術 平臺 擁有 11 國的 專利 佈局 保護 並 可 廣泛 用於 多 項 適應症 具有 龐大 的 開發 潛力 與 商化 價值 是 公司 的 核心 競爭力 目前 以此 平臺 開發 出 的 流感疫苗 ad 07030 過敏性 鼻炎 ad 17002 -ai 新冠 免疫 治療 藥 ad 17002 -sc 等 三大 主力 產品 皆 獲 cde 納入 專案 指標性 案件 取得 政策 支持 與 肯定 近 一 年 並 取得 重大 臨床 進展 其中 鼻 噴 劑型 流感疫苗 在 向 cde 及 tfda 諮 詢 與 規劃 iii 期 臨床 設計 後 獲得 tfda 的 鼓勵 發展 包括 協助 轉為 四 價 抗原 受 試 物件 擴展 到 全年齡 層 以及 臨床 試驗 終點 疫苗 保護率 不須 與 現行 疫苗 對照 等 接下來 將 伺機 啟動 三期 臨床 試驗 過敏性 鼻炎 黏膜 免疫 調節 蛋白 藥 ib iia 期 臨床 試驗 亦 獲 tfda 同意 結案 備查 將 繼續 推進 下一階段 呼吸道 過敏 治療 臨床 試驗 規劃 據 統計 臺灣 有 四 分之一 成 人 與 三 分之一 孩童 有 過敏性 鼻炎 而 過敏性 鼻炎 患者 罹 患 氣喘 的 風險 又 比 常人 高出 3 4 倍 流感 則 因 傳染 力 強又易 突變 造成 每年 的 反 覆 性 流行 這 二 項 疾病 皆 具有 長期 且 季節性 的 的 藥物 需求 昱厚 開發 的 產品 皆 為 鼻 噴 劑型 提升 給 藥方 便 性 且 無須 處理 廢棄 針頭 特別是在 鼻腔 投 予 藥物 後 能 有效 提升 人體 血清 和 黏膜 免疫 反應 在 口 鼻腔 或 眼睛 上 形成 保護 可 有效 阻擋 病毒 在 人體 的 進一步 發展 針對 新冠 病毒 的 預防 感染 更是如此 具有 龐大 的 藥物 發展 競爭力 目前 鼻 噴 新冠肺炎 治療 藥 的 動物 攻 毒 試驗 之 組織 切片 結果顯示 可 明顯 改善 受 新冠 病毒感染 動物 之 肺炎 狀況 並於 7 月 獲 tfda 核准 執行 ad 17002 -sc 用於 治療 新冠 病毒感染 輕 症 患者 iia 期 人體 臨床 試驗 預計 收治 30 位 新冠 病毒感染 輕 症 患者 以 噴 鼻 方式 內 給予 3 次 或 5 次 劑量 的 藥物 治療 而後 進行 五 周 的 追蹤 觀察 另 也 提供 ad 17002 -sc 予 教學醫院 進行 新冠肺炎 輕 中 症 患者 之 恩 慈 治療</t>
  </si>
  <si>
    <t>大陸 本輪 疫情 進入 清零 收尾 階段 北京 已經 連續 8 天 無 本土 病例 上海 河北 黑龍江 也 傳 好 消息 疫情 最 嚴重 的 黑龍江省 6 日 宣告 無 新冠肺炎 確診 病例 無 症狀 感染者 也 無 新 增 情況 首度 實現 雙 零 之 餘 專家 也 預告 本輪 黑</t>
  </si>
  <si>
    <t>大陸 本輪 疫情 進入 清零 收尾 階段 北京 已經 連續 8 天 無 本土 病例 上海 河北 黑龍江 也 傳 好 消息 疫情 最 嚴重 的 黑龍江省 6 日 宣告 無 新冠肺炎 確診 病例 無 症狀 感染者 也 無 新 增 情況 首度 實現 雙 零 之 餘 專家 也 預告 本輪 黑龍江 疫情 處於 一個 收尾 的 階段 吉林省 疾 控 中心 副 主任 姚來順 更 表示 目前 當地 疫情 已 進入 收尾 清 零 階段 大陸 31 省區市 6 日 新增 確診 病例 11 例 其中 境外 輸入 病例 10 例 上海 3 例 北京 2 例 江蘇 2 例 廣東 2 例 湖南 1 例 本土 病例 1 例 在 吉林 無 新 增 死亡 病例 新增 疑似病例 2 例 均 為 境外 輸入 病例 均 在 上海 作為 大陸 首都 北京 疫情 備受 關注 據 健康 北京 微信 公眾 號 7 日 消息 6 日 北京 無 新 增 本地 確診 疑似病例 和 無 症狀 感染者 新增 2 例 境外 輸入 確診 病例 無 新 增 疑似病例 治癒 出 院 3 例 上海 河北 黑龍江 6 日均 無 本土 新 增 黑龍江省 新冠肺炎 救治 中心 6 日 也 將 最後 4 名 新冠肺炎 重型 患者 轉為 普通型 目前 該省 重症 患者 全部 清零 黑龍江 本輪 疫情 從 1 月 10 日 第 1 個 病例 出現 截至 目前 確診 病例 和 無 症狀 感染者 總數 超過 千 人 到 目前為止 沒有 一 例 死亡 的 病例 黑龍江省 疫情 防控 救治 組組長 哈爾濱醫科大學 附屬 第一 院 院長 于凱江 表示 按照 流行病 學 的 發展 和 一般 的 新冠肺炎 疫情 局部 散發 的 特點 來看 本輪 黑龍江 疫情 處於 一個 收尾 的 階段 如果說 沒有 一些 其他 的 新 的 變化 應該 在 未來 一 周 左右 有 可能 就 會 沒有 新增 的 病例 出現 目前 河北省 在 院 治療 的 192 名 確診 病例 中 普通型 156 例 輕型 36 例 也 已經 沒有 危重 型 和 重型 病例 雖然 各地 相繼 傳出 無 新 增 本土 確診 好 消息 但 截至 7 日 15 時 大陸 現有 高風險 等級 地區 還 有 10 個 中 風險 地區 也 有 40 個 高風險 地區 中 北京 1 個河北 1 個 吉林 1 個 黑龍江 7 個 中 風險 地區 中 河北 4 個 吉林 1 個 黑龍江 34 個 及 上海 1 個</t>
  </si>
  <si>
    <t>新冠肺炎 疫情 延 燒 旅 宿 餐飲業 一 片 愁雲慘霧 桃園 28 家 觀光 工廠 來客 數 和 營業額 平均 少 3 成 以上 僅 有 桃園 酒廠 受惠 於 酒精 營業額 幾乎 翻倍 成長 市府 除 會 向 中央 反映 將 觀光 工廠 納入 紓困 方案 也 輔導 籌備 疫情 後 的 千 人</t>
  </si>
  <si>
    <t>新冠肺炎 疫情 延 燒 旅 宿 餐飲業 一 片 愁雲慘霧 桃園 28 家 觀光 工廠 來客 數 和 營業額 平均 少 3 成 以上 僅 有 桃園 酒廠 受惠 於 酒精 營業額 幾乎 翻倍 成長 市府 除 會 向 中央 反映 將 觀光 工廠 納入 紓困 方案 也 輔導 籌備 疫情 後 的 千 人手 作 萬人 diy 等 行銷 活動 吸引 遊客 再度 上 門 經 發 局長 郭裕信 指出 工研院 推 估 全台 已 有 97 家 觀光 工廠 8 成 以上 團體 參觀 被 取消 桃園 現有 28 家 觀光 工廠 和 產業 文化館 去年 共有 250萬 人次 參訪 創造 近 7億 元 產值 但 受 疫情 衝擊 桃園 前 5 大 觀光 工廠 桃園 酒廠 雅 聞 魅力 博覽 館 義美 食品 觀光 工廠 宏 亞 巧克力 共和國 以及 郭元益 糕餅 博物館 來客 數 普遍 少 3 至 4 成 營業額 減少 1 至 3 成 唯一 僅 有 桃園 酒廠 受惠 疫情 增產 酒精 雖然 來客 數 較 去年同期 少 4 成 但 營 收 卻 幾乎 翻倍 成長 增加 99 約 850萬 元 義美 食品 則 有 餐廳 維持 營業額 僅 略為 下滑 8 郭裕信 說 目前 業者 多 將 觀光 工廠 員工 業務 調整 如 從 導覽 員 轉為 生產線 作業 並 改善 設備 設施 等 因應 各 觀光 工廠 也 加強 環境 消毒 員工 配戴 口罩 工作人員 與 遊客 體溫 管 控 郭裕信 提到 經濟部 振興 抵 用 券 政策 和 交通部 的 紓困 方案 都未 將 觀光 工廠 納入 將 函 請 中央 補助 經發局 將 在 疫情 後 與 桃園 市 觀光 工廠 協會 各家 觀光 工廠 研 擬 促銷 方案 如 千 人手 作 萬人 diy 等 體驗 活動 並 請 各級 學校 戶外 參觀 教學 社區 團體 觀摩 活動 多多 選擇 到 觀光 工廠 參訪 振興 觀光 工廠 營運</t>
  </si>
  <si>
    <t>新冠肺炎 疫情 持續 在 全球 肆虐 中國 宣稱 已 掌握 疫情 且 確診 人數 不斷 在下 修 世界衛生組織 who 還 曾 讚美 中國政府 的 處理方式 還要 其他 國家 多 學習 對此 南韓 傳染病 專家 高麗大學九老醫院 內科 教授 金宇周 音譯 卻</t>
  </si>
  <si>
    <t>新冠肺炎 疫情 持續 在 全球 肆虐 中國 宣稱 已 掌握 疫情 且 確診 人數 不斷 在下 修 世界衛生組織 who 還 曾 讚美 中國政府 的 處理方式 還要 其他 國家 多 學習 對此 南韓 傳染病 專家 高麗大學九老醫院 內科 教授 金宇周 音譯 卻 直言 從 南韓 和 其他 國家 的 資料 看來 who 的 舔 中 資訊 完全 不 可信 根據 醫師 新聞 報導 日前 金宇周 利用 網路 影像 發表 對 新冠肺炎 疫情 的 看法 他 指出 南韓 地區 的 確診 病例 是 直線 往 上 攀升 平均 每天 都 以 500 例 以上 的 數字 在 增加 如果 按照 這個 增長率 持續 發展 下去 的話 金宇周 預估 到 了 3 月 時 南韓 的 確診 人數 恐 將 突破 1萬 人 話鋒一轉 金宇周 在 另外 一 段 影片 中 不 諱言 批評 起 who 為 中國 背書 的 行為 先前 who 大贊 中國 處理 疫情 的 方式 且 中國 也 宣稱 疫情 已 進入 安 定期 但 放眼 全球 多國 都 還 在 預防 新冠肺炎 大 流行 且 南韓 的 確診 數字 仍 持續 增長 這 讓 金宇周 直 呼 根本 不能 相信 who 的 說法 金宇周 認為 南韓 無法 像 中國 一樣 選擇 封城 因 此 目前 保護國 人 最 有效 的 方法 就 是 徹底 落實 衛生條件 人 與 人 之間 保持 2 公尺 以上 的 距離 儘量 不 要 參加 大型 集會 此外 南韓 中央 事故 處理 本部 副本 部長 金剛立 也 表示 在 未來 這 幾 天內 大 邱 地區 的 確診 病例 應該 會 持續 增加 更 多 ctwant 報導</t>
  </si>
  <si>
    <t>新冠肺炎 臺灣 嘉義 市 無 症狀 確診</t>
  </si>
  <si>
    <t>新冠肺炎 紓困 振興 特別 條例 通過 傅昆萁 提案 優先 300億 元 疫苗 採購</t>
  </si>
  <si>
    <t>立 法院 今 31 日 修正 新冠肺炎 紓困 振興 特別 條例 提高 預算 上限 至 8400億 元 及 延長 時限 至 明年 6 月 30 日 立法委員 傅昆萁 於 朝野 協商 時 提案 爭取 政府 編 列 300億 元 採購 bnt 輝瑞 疫苗 及 莫德納 疫苗 並於 一個 月 內 完成 獲 協商 通</t>
  </si>
  <si>
    <t>立 法院 今 31 日 修正 新冠肺炎 紓困 振興 特別 條例 提高 預算 上限 至 8400億 元 及 延長 時限 至 明年 6 月 30 日 立法委員 傅昆萁 於 朝野 協商 時 提案 爭取 政府 編 列 300億 元 採購 bnt 輝瑞 疫苗 及 莫德納 疫苗 並於 一個 月 內 完成 獲 協商 通過 並於 今日 下午 與 特別 條例 修正 一起 完成 三 讀 立 委 傅昆萁 表示 近日 國內 疫情 嚴重 每日 都有數 百 例 確診 並 有 十 數位 國人 同胞 罹 病 死去 累積 已 有 一百二十 餘 同胞 死于 新冠肺炎 全國 民眾 都 在 殷殷 期盼 有 who 認證 的 國外 優良 疫苗 施打 政府 雖 對外 宣稱 已 購買 將近 3000萬 劑 新冠肺炎 疫苗 然 迄今 僅 有 87萬 餘 劑 到貨 眼看 疫苗 嚴重不足 到貨 進度緩慢 加上 疫苗 品質 疑慮 百姓 已經 快 對 政府 疫苗 採購 失去 耐心 及 信心 民怨 已 達 沸騰 傅昆萁 強調 目前 國際 上 最 優秀 的 新冠肺炎 疫苗 德國 bnt 輝瑞 疫苗 及 美國 莫德納 疫苗保護 力 分別 達 95 及 941 遠勝 其他 廠 牌 疫苗 政府 為 了 民眾 健康 及 戰勝 疫情 本 應 優先 採購 但 因為 政治 考量 及 種種 因素 造成 先前 採購 bnt 輝瑞 疫苗 破 局 而 莫德納 疫苗 又 採購 數量 不夠 現 covax 因 印度 供應商 被 限制 出口 加上 國產 疫苗 尚未 完成 二期 實驗 且 不 進行 三期 實驗 短期 內 我國 將 面臨 無 疫苗 可 施 打的 窘境 民眾 每天 活 在 病毒 威脅 的 恐懼 之下 傅昆萁 指出 現政府 要 追加 紓困 特別 預算 至 8400億 他 於 朝野 協商 時 具體 提案 爭取 政府 在 一個 月 內 編 列 300億 並 完成 採購 4000萬 劑 保護 力 最佳 的 莫德納 與 輝瑞 疫苗 將 可 盡 速 解決 疫情 保障 民眾 健康 更 將 帶動 國內 上 兆 元 經濟 成長 及 經濟效益 收入 很 高興 得 到 朝野 黨團 支持 並於 今日 隨 著 特別 條例 修正 三讀通過 他 將 持續 監督 政府 落實 期盼 讓 民眾 能 有 最佳 疫苗 施打 免於 病毒 恐懼 盡 速回歸 正常 生活</t>
  </si>
  <si>
    <t>特別 條例 傅昆萁 採購 新冠肺炎 300億</t>
  </si>
  <si>
    <t>西班牙 是 歐洲 遭 新冠肺炎 蹂躪 最慘 的 國家 之一 但因 執行 3 個 多 月 的 嚴格 封鎖 令 疫情 終於 緩和 下來 該國 也 在 上月 21 日 解 封 不過 隨 著 解封 疫情 也 蠢蠢欲動 近 1 個 月 來 西班牙 已 爆發 170 起 群 聚 感染 16 日 更 通報 新增 580 確診</t>
  </si>
  <si>
    <t>西班牙 是 歐洲 遭 新冠肺炎 蹂躪 最慘 的 國家 之一 但因 執行 3 個 多 月 的 嚴格 封鎖 令 疫情 終於 緩和 下來 該國 也 在 上月 21 日 解 封 不過 隨 著 解封 疫情 也 蠢蠢欲動 近 1 個 月 來 西班牙 已 爆發 170 起 群 聚 感染 16 日 更 通報 新增 580 確診 創下 2 個 多 月 以來 新高 令 人 憂心 是否 第二 波 疫情 將 捲土重來 該國 迄今已有 超過 2萬8千 人 死於 新冠肺炎 人口 160萬 的 西國 第二 大城 巴塞隆納 上周 起 確診 案例 持續上升 為 避免 病毒 擴散 在 不 執行 強制 封城 的 情況 下 加泰隆尼亞 自治區 的 衛生部長 維加斯 呼籲 民眾 最好 待在家裡 若無 必要 不要 到處 趴 趴 走 政府 也 將 禁止 10 人 以上 的 群 聚 這 是 避免 封城 最好 的 方式 政府 也 呼籲 民眾 儘量 透過 線 上 購物 另外 文化 與 體育 活動 也 將 受限</t>
  </si>
  <si>
    <t>解封 疫情 巴塞隆納 新冠肺炎 西班牙</t>
  </si>
  <si>
    <t>新冠肺炎 入境 7 7 黃珊珊 防疫</t>
  </si>
  <si>
    <t>世界衛生組織 who 最近 派員 前往 中國 調查 新冠 病毒 起源 且 已 結束 在 中國 的 查訪 該 調查 小組 發現 2019 年 12 月 於 武漢 爆發 的 新冠肺炎 其 疫情 範圍 恐 較 先前 想像 得 更 為 廣泛 傳播 時間 也 可能 更 早 目前 who 調查 團隊 正急 著 尋</t>
  </si>
  <si>
    <t>新冠肺炎 本土 病例 在 宜蘭 縣 至 昨天 已 累計 有 16 例 也 讓 采 檢 量 倍增 宜蘭 企業家 郭子成 捐贈 10萬 元 給 宜蘭 市公所 由 公所 協助 慰勞 醫護人員 今天 17 日 宜蘭 市長 江聰淵 表示 感謝 郭子成 的 善款 10萬 元 將 用 來 購買 飲品 等 餐 點</t>
  </si>
  <si>
    <t>新冠肺炎 本土 病例 在 宜蘭 縣 至 昨天 已 累計 有 16 例 也 讓 采 檢 量 倍增 宜蘭 企業家 郭子成 捐贈 10萬 元 給 宜蘭 市公所 由 公所 協助 慰勞 醫護人員 今天 17 日 宜蘭 市長 江聰淵 表示 感謝 郭子成 的 善款 10萬 元 將 用 來 購買 飲品 等 餐 點 分送 給 3 家 醫院 的 醫護人員 感謝 他們 對 城市 對 國家 的 付出 江 聰 淵 表示 醫護人員 冒 著 風險 守護 國家 看到 有 其他 縣 市 的 醫護人員 在 訂購 飲料 餐 點 時 有 被 拒絕 的 情形 對 此 感到 相當 不 舍 郭子 成因 此 與 市公所 接洽 轉交 10萬 元 盼 能 鼓勵 縣 內 3 家 醫護人員 3 家 醫院 分別 是 陽明 交通大學 附設 醫院 羅東 博愛醫院 羅東 聖母 醫院 將 由 3 家業 者 與 醫院 連系 配合 院方 的 時間 再 送 餐 負責 陽明 交通大學 附設 醫院 的 85 度 c 新月 店 也 回應 市公所 再 加碼 5000 元 等值 餐 點 贈送給 醫院 盼 能 給 醫護人員 最 直接 的 肯定 與 支持</t>
  </si>
  <si>
    <t>醫護人員 10萬 元 新冠肺炎 餐 點 市公所</t>
  </si>
  <si>
    <t>新冠肺炎 疫情 一直 燒 不停 國民黨 金門縣 議會黨團 在 今 16 日 的 紓困 發 現金 防疫 要 口罩 記者會 中 呼籲 執政黨 不要 再 打腫臉充胖子 應先 讓 國內 人人 有 口罩 可用 再 去 搞 口罩 外交 並 主張 直接 發放 現金 才能 紓 解 各行 各</t>
  </si>
  <si>
    <t>特斯拉 美 股 新冠肺炎 目標價</t>
  </si>
  <si>
    <t>臺灣 新冠肺炎 疫情 17 日 一口氣 新增 10 例 國內 累積 達 77 例 其中 到 德國 拜訪 教授 8 日 返台 的 第 75 例 南部 某 國立 大學 大 四 男 大生 自動 向 校方 報告 旅遊 史後 在 家 自主 健康 管理 13 日 嗅覺 喪失 曾 3 度 到 診所 就醫 校方 17 日 晚間 於臉書 粉</t>
  </si>
  <si>
    <t>頂級 手套 的 馬來西亞 廠 因 大量 工人 感染 新冠肺炎 而 影響 生產 公司 預期 供應 短缺 可能 推 升 醫用 手套 價格上漲 top glove expects some supply shortages that could push up prices of medical rubber gloves 全球 最 大 醫用</t>
  </si>
  <si>
    <t>頂級 手套 的 馬來西亞 廠 因 大量 工人 感染 新冠肺炎 而 影響 生產 公司 預期 供應 短缺 可能 推 升 醫用 手套 價格上漲 top glove expects some supply shortages that could push up prices of medical rubber gloves 全球 最 大 醫用 手套 製造商 頂級 手套 top glove 11 月中 因 馬來西亞 工廠 出現 數 千 工人 感染 新冠肺炎 而 被迫 關閉 部分 廠房 儘管 這 導致 手套 供應 受 影響 但 由於 其 占 全球 供應量 約 四 分之一 而 難 被 取代 不但 訂單 沒有 被 取消 甚至 手套 價格 可能 因 供應 減少 而 上漲 馬來西亞 的 頂級 手套 自 11 月 17 日 來 在 吉隆玻 週邊地區 巴 生 的 20 座 工廠 因 將近 3000 名 工人 接受 檢驗 結果 為 陽性 而 分 階段 暫時 關閉 同 地區 的 另外 八 座 廠房 仍然 運作 但 產 能 持續 低於 20 工人 被 嚴密 監控 和 隔離 頂級 手套 在 馬國 泰國越南 和 中國 合計 有 47 座 工廠 雇用 約 16萬 名 工人 其中 36 座 工廠 專門 生產 橡膠 手套 每年 共 生產 約 900億 雙 供應 195 個 國家 逾 2000 個 客戶 這次 在 巴生 受 影響 的 28 座 廠房 占 頂級 手套 整體 橡膠 手套 產量 約 一半 公司 表示 約 6000 名 工人 受 監控 並 有 數 千 工人 持續 接受 檢驗 頂級 手套 在 巴生 的 廠房 和 工人 宿舍 所在地 是 馬國新冠肺炎 疫情 重災區 之一 頂級 手套 在 11 月 25 日 透過 視 訊 會議 方式 舉行 記者會 當天 巴生 累計 確診 4036 例 當中 大部分 病例 為 頂級 手套 的 工人 當天 全國 累計 確診 5萬9817 例 馬國 疫情 持續 擴散 馬國 單日 新增 確診 數 在 11 月 24 日 達 2188 例 創 新高 雖然 到 25 日 時 已 大 減至 970 例 但 接下來 馬國 疫情 仍 持續 擴散 迄 12 月 6 日 止 累計 確診 數 已 上升 至 7萬2694 例 累計 死亡 382 人 頂級 手套執行 董事長 林偉財 在 25 日 記者會 上 表示 其 公司 做為 全球 重大 醫用 手套 供應商 供應 情況 將 肯定 會 受到 一定 影響 但 這 也 可能 令 手套 價格 因 供應 減少 而 上漲 該 公司 總經理 李金謀 在 同一 記者會 上 強調 迄 11 月 25 日 止 沒有 客戶 取消 訂單 在 這 段 供應 短缺 的 期間 內 公司 會 優先 出 貨 給 醫院 和 必須 運作 的 政府部門 他 有 信心 供應 短缺 問題 將 很快 得到 解決 公司 估計 其 部分 訂單 的 出 貨 時間 會 延 後 兩 周到 四周 之間 其 迄 2021 年 8 月底 止 會計年度 銷售 目標 會 因 此 減少 3 林偉財 強調 就算 有 客戶 取消 訂單 占 公司 整體 訂單 量 也 只 會 是 很 少數 之前 在 全球 需求 持續 增加 的 帶動 下 該 公司 的 橡膠 手套 出口 金額 過去 十 年 來 複合 年均 增長率 94 由於 巴生 疫情 嚴重 讓 人 擔心 該 公司 的 當地 廠房 持續 運作 下 所 生產 的 醫用 手套 可能 有 污染 問題 對於 外界 的憂慮 林偉財 強調 當地 廠房 的 生產線 完全 自動化 手套 會 經過 高溫 殺死 新冠 病毒 而且 工廠 裡 的 工人 不 會 直接 接觸 到 所 生產 的 手套 頂級 手套 股價 自 高檔 重摔 儘管 頂級 手套 高層 不斷 對外 信心 喊話 但 市場 對 其 前景 仍 有 疑慮 其 股價 在 12 月 7 日 收 66 馬幣 從 10 月 19 日 收 96 馬幣 創新 高後 開始 拉回 到 現在 已 累計 下跌 逾 三 成 光 11 月份 就 下跌 約 17 由於 輝瑞 等 多 家 藥廠 陸續 宣佈 其 新冠肺炎 疫苗 有效性 達 九 成 或 以上 並 可望 短期 內 就 能 陸續 上市 讓 外界 看好 能 控制 疫情 使 各國 醫療系統 壓力 將 持續 下降 從而 減少 包括 橡膠 手套 等 醫療 物資 需求 勢必 影響 頂級 手套 的 業績 表現 專家 認為 頂級 手套 迄 明年 8 月底 的 本 年度 業績 表現 是 好 是 壞 全 視乎 疫情 的 變化 而 定</t>
  </si>
  <si>
    <t>普生 4117 受惠 陸續 完成 印度 印尼 等 地區 訂單 出 貨 貢獻 帶動 旗 下 pcr 核酸 試劑 vtm 病毒 採集 組 核酸 萃 取 劑 檢測 產品 需求 1 月 營 收 54208萬 元 改寫 歷史 同期 新高 水準 並 較 2020 年 的 13301萬 元 大幅 年 增 逾 三 倍 此外 普 生於 新冠肺炎 試劑 產品 線 佈局 再 下 一 城 可 同時 檢測 新冠肺炎 與 a b 型 流感 病毒 之 三合一 pcr 核酸 檢測 試劑 gb sars-cov- 2 influenza a b multiplex pcr 產品 已 順利 獲得 歐盟 體 外 診斷 醫療 器材 ce-ivd 認證 有助 加速 于 歐盟 ce 認證 之 國家 中 展開 銷售 推廣 並 持續 積極 進行 臺灣 美國 等 地 相關 認證 申請 普 生 表示 全球 受 新冠肺炎 疫情 肆虐 各國 加大 疫情 監管 新冠肺炎 系列產品 出 貨 保持良好 動能 目前 各國 已 陸續 施打新冠肺炎 疫苗 為 追蹤 抗體 保護 強弱 程度 勢必 帶動 抗體 試劑 檢測 需求 旗 下 gb sars-cov- 2 ab elisa 新冠肺炎 抗體 試劑 已於 1 月 取得 臺灣 衛福部 食 藥 署 tfda 專案 製造 許可 並 已 著 手 進行 量 產 階段 有助於 創造 新 一 波 銷售 動能 普 生 強調 新竹 科學園區 廠房 面積 約 1100 坪 已 開發 完成 80 多種產品 目前 銷售 至 全球 40 多國 將 持續 投入 新款 試劑 產品 研發 強化 新冠肺炎 試劑 多 元 產品 線 之 競爭 優勢 並 積極 針對 旗 下 肺炎 試劑 產品 完善 多國 國際 相關 認證 申請 拉 升旗 下 竹科廠 生產 產能</t>
  </si>
  <si>
    <t>普生 全球 新冠肺炎 認證 pcr</t>
  </si>
  <si>
    <t>新冠肺炎 臺灣 高雄市 教育局 校長 大 岡山</t>
  </si>
  <si>
    <t>新冠肺炎 疫情 瑞基 檢測 試劑 1 月 營 數</t>
  </si>
  <si>
    <t>臺灣 新冠肺炎 耶誕節 入境 民眾</t>
  </si>
  <si>
    <t>日本 沖繩 美軍基地 爆 群 聚 感染 超過 60 人 確診 新冠肺炎</t>
  </si>
  <si>
    <t>日 韓新冠肺炎 疫情 擴散 山東 各地 今 公佈 嚴格 防疫 措施</t>
  </si>
  <si>
    <t>南韓 新冠肺炎 疫情 不斷 擴散 南韓 總統 文在寅 將 預警 級別 提升 至 最高 的 嚴重 距離 南韓 最近 的 山東省 威海 青島 煙臺 等 地 政府 今天 2 月 25 日 都 公佈 最 嚴格 的 防疫 措施 距 南韓 直航 僅 534 公里 的 威海市 透過 公眾 號</t>
  </si>
  <si>
    <t>南韓 新冠肺炎 疫情 不斷 擴散 南韓 總統 文在寅 將 預警 級別 提升 至 最高 的 嚴重 距離 南韓 最近 的 山東省 威海 青島 煙臺 等 地 政府 今天 2 月 25 日 都 公佈 最 嚴格 的 防疫 措施 距 南韓 直航 僅 534 公里 的 威海市 透過 公眾 號 威海 發佈 宣佈 即日起 對於 從 日本 南韓 等 國家 來 威海 的 入境 人員 包括 外籍 人員 和 中方 人員 全部 統一 接到 賓館 免費 集中 居住 隔離 14 天 後 才能 自由 活動 在 機場 港口 車站 以及 進出 威海 的 交通卡 口 也 要 嚴格 落實 來 威 人員 體溫 檢測 登記 等 措施 發現 發熱 人員 一律 由 疾 控 人員 送 專門 的 發熱 門診 進行 專業 處置 另外 針對 2 月 10 日 至今 已 從 日 韓 入境 的 人員 全部 進行 電話 隨訪 瞭解 每個 人 的 身體狀況 對 發熱 人員 和 密切接觸 者 迅速 進行 專業 處置 煙臺 部署 防控 境外 疫情 輸入 工作 煙臺市 更為 嚴格 除了 針對 入境 人員 的 檢疫 隔離 外 對 貨物 行李 等 也 要求 進行 嚴格 規範 的 消毒 殺菌 檢疫 新冠肺炎 疫情 山東 檢疫 隔離 青島 威海 煙臺</t>
  </si>
  <si>
    <t>新冠肺炎 疫情 肆虐 不少 公司 行號 受到 牽連 職 場 健康 更加 受到 重視 高 市府 與 經濟部 工業 局 合作 結合 民生 醫院 國軍 總 醫院 左營 分院 及 企業 力量 以 高雄 加工區 為 示範場 域 提供 勞工 企業 醫療 三 方 完整 健康 方案 打造出</t>
  </si>
  <si>
    <t>新冠肺炎 高雄 職 場 健康 健檢</t>
  </si>
  <si>
    <t>新冠肺炎 爆發 以來 政府 一連串 的 防疫 措施 備受 爭議 從 針對 陸生 與 大陸 旅客 採取 關門 措施 到 武漢 包機 問題 等 仇陸 氣氛 到達 了 高峰 為了 減緩 仇恨 臺灣 各界 學者 發起 救 無 別 類 應物 無 傷 連 署 呼籲 社會 對抗 歧視 不該</t>
  </si>
  <si>
    <t>不受 新冠肺炎 疫情 影響 2020 古都 國際 半程 馬拉松 如期舉行</t>
  </si>
  <si>
    <t>新冠肺炎 疫情 連帶 使得 許多 活動 行程 紛紛 取消 每年 吸引 上萬 人 報名 的 國際 古都 馬 則 宣佈 如期舉行 台南 市政府 指出 臺灣 目前 尚無 社區 群 聚 感染 經 徵詢 衛生 專業 單位 意見 後 3 日 1 日 如期 辦理 古都 馬 鼓勵 全民 走 出 戶外 強身</t>
  </si>
  <si>
    <t>新冠肺炎 臺灣 劉寶傑 蘇貞昌 吳子嘉</t>
  </si>
  <si>
    <t>柯文哲 公文 新冠肺炎 病毒 陳時中</t>
  </si>
  <si>
    <t>受到 二 次 疫情 擔憂 經濟 前景 仍 不明朗 美國 各州 延 後 復工 密西 根 大學 消費者 信心 指數 自 高點 滑落 且 市場 情緒 受到 財 報 陸續 公佈 所 牽引 消費 信心 疲軟 不 確定性 支撐 黃金 站上 1810 美元 從 已 公佈 部分 資料 來看 全球 經濟 似乎 開始 復蘇 但 很 明顯 的 是 受 新冠肺炎 疫情 影響 第二 季 全球 經濟 大幅 衰退 經濟 復蘇 力 道 取決 於 各國 控制 疫情 的 成效 在 疫苗 研發 成功 普及 之前 國際 經濟 復蘇 之路 仍 充滿 變數 歐洲央行 利率 決策 會議 維持 目前 利率 不 變 歐洲 經濟 研究 中心 公佈 專家 預測 經濟 成長 由 前期 的 586 上升 至 7 月份 的 596 另外 在 南海 及 香港 問題 上 美國 展開 行動 大陸 也 祭出 相關 反 制 措施 中美關係 再度 緊張 升溫 然而 疫情 在 全球 尚未 受到 控制 全球 新冠肺炎 延 燒 不斷 依據 美國 約翰霍普金斯大學 即時 統計資料 顯示 全球 確診 數 已 飆 破 1229萬 例 死亡數 突破 555萬 例 美國 單日 確診 超過 63萬 迄今 累計 確診 數 超過 311萬 死亡 人數 至少 133萬 佛州 德州 加州 亞利桑那州 死亡數 增加 牽動 市場 悲觀 情緒 走 揚 需要 疫苗 研發 傳出 好 消息 激勵 市場 信心 美元 指數 持續 震盪 走弱 來到 96 元 下方 臺灣期貨交易所 的 人民幣 期貨 在 699 元 附近 震盪 歐元 期貨 走 強 走 揚 來到 1 453 相對 走 強 後市 外匯市場 關注 焦點 在於 新冠肺炎 感染 人數 續領 失業 救濟金 人數 歐洲 及 日本央行 利率 決議 當前 變數 未定 宜 小 部位 操作 分批 佈局 不宜 冒然 追 價 或 加碼 放大 部位 建議 謹慎 操作 注意 適度 避險 富 邦 期貨 提供 李娟萍 整理</t>
  </si>
  <si>
    <t>仿冒 口罩 橋頭 地 檢 署 高雄 台南 新冠肺炎</t>
  </si>
  <si>
    <t>新冠肺炎 蔓延 全球 歐洲各國 相繼 祭出 封 城 令 此 一 措施 也 催生出 大批 逃難 潮 當中 一部分 是 城市 好 野人 他們 趕在 封 城 令 生效 前 打包 行李 驅車 前往 郊區 別墅 不過 他們 不待 在 家中 行徑 猶如 渡假 甚至 無意間 將 病毒 帶至 當地</t>
  </si>
  <si>
    <t>新冠肺炎 蔓延 全球 歐洲各國 相繼 祭出 封 城 令 此 一 措施 也 催生出 大批 逃難 潮 當中 一部分 是 城市 好 野人 他們 趕在 封 城 令 生效 前 打包 行李 驅車 前往 郊區 別墅 不過 他們 不待 在 家中 行徑 猶如 渡假 甚至 無意間 將 病毒 帶至 當地 惹 毛在地 人 痛駡 他們 自私 紐約時報 new york times 報導 歐洲各國 祭出 封 城 令 前夕 多 個 國家 都 出現 了 城市 人 湧入 郊區 渡假 別墅 的 情形 由於 政府 呼籲 在家 辦公 甚至 頒 出 禁 足 令 城市 好 野人 受不了 被 關在 自家 狹窄 的 空間 才 決定 連夜 打包 行李 坐上 末 班 火車 或 自行 開車 往 山邊 海邊 渡假 勝地 逃難 去 以 距離 巴黎 5 小時 車程 的 大西洋 小島 努 瓦爾穆蒂耶 島 noirmoutier 為 例 法國 封城 前夕 大批 巴黎人 擠 上 火車 使 的 小島 總人口 一 夜 倍增 成長至 2萬 人 不過 就 在 封城 後 2 周 努 瓦爾穆蒂耶 島 的 新冠 疑似病例 也 激 增至 70 例 來到 這裡 的 部分 巴黎人 更 被 目擊 沒 有待 在 家中 反而 直奔 海邊 他們 野餐 放 風箏 慢 跑 騎 腳踏車 行徑 猶如 渡假 當地 居民 氣炸 了 47 歲 的 布夏 fr d ric boucard 表示 無法 接受 他們 的 行徑 看 起來 就 好像 來 渡假 一樣 島上 醫生 瓦塔尼 dr cyrille vartanian 痛 批 巴黎人 不負責任 和 自私 當地 努 瓦爾穆蒂耶 島 市長 佛 謝 no l faucher 則 指 被 入侵 了 當地 居民 的 擔憂 是 有 道理 的 除了 可能 帶來 病毒 島上 醫療 資源 相當 匱乏 僅 有 6 名 內科醫生 也 沒有 可以 處理 嚴重 情況 的 設施 最近 的 急診室 在 25 英里 約 40 公里 外 除了 法國 歐洲 其他 國家 也 都 有 類似 情形 義 大利 疫情 最 嚴峻 的 義北 地區 封城 前夕 大批 居民 逃往 南部 西西里島 議員 拉 劄 ruggero razza 日前 公開 表示 當地 病例 激增 主要 和 其他 城市 的 人 湧入 有關 在 希臘 數 千 城市 人 無視 政府 待 在 家中的 建議 紛紛 前往 鄉下 和 海島 逼得 總理 米佐塔基斯 kyriakos mitsotakis 宣佈 全國 封 城</t>
  </si>
  <si>
    <t>雖然 新冠肺炎 的 疫情 仍然 持續 肆虐 但 在 歐洲各國 似乎 已經 出現 了 疫情 趨 緩 的 情況 就 統計數字 來看 原本 疫情 最 嚴重 的 義 大利 死亡 人數 的 曲線 也 進入 高原期 也 就 是 累積 總數 雖 多 但 每天 增長 的 幅度 逐漸 趨 緩 美國 雖然</t>
  </si>
  <si>
    <t>疫情 防疫 經濟 新冠肺炎 國家</t>
  </si>
  <si>
    <t>新冠肺炎 臺灣 攤 商 仁愛 市場 基隆</t>
  </si>
  <si>
    <t>因應 新冠肺炎 行政院 會 27 日 將 通過 600億 元 特別 預算案 目前 規模 600億 元朝 野 多 數 支持 明天 24 日 將 在 立院 朝野 協商 可望 取得 共識 至於 振興 抵 用 券 會 外加 藝 文 展演 範疇 經費 逾 22億 元 而 防疫 隔離 假 補償 金額 衛福部 初步</t>
  </si>
  <si>
    <t>因應 新冠肺炎 行政院 會 27 日 將 通過 600億 元 特別 預算案 目前 規模 600億 元朝 野 多 數 支持 明天 24 日 將 在 立院 朝野 協商 可望 取得 共識 至於 振興 抵 用 券 會 外加 藝 文 展演 範疇 經費 逾 22億 元 而 防疫 隔離 假 補償 金額 衛福部 初步 構想 每人 每日 約 800 元 總 經費 不 到 10億 元 但 仍 待 蘇揆 最後 拍板 行政院 主 計長朱 澤民 表示 特別 預算 細目 將 待 25 日立 法院 通過 特別 條例 後 最後 盤點 27 日 院會 通過 後 才 對外 公佈 至於 防疫 隔離 假 補償 對象 金額 也 仍 待 特別 條例 通過 後 再 確認 但 會 溯 及 既 往 也 會 高於 sars 時 的 每日 500 元 知情 人士 說 以 基本工資 23800 元 換算 為 日 薪 每天 也 不 到 1000 元 因此 傾向 低於 千 元 並 與 勞保 脫 勾 不 限 身份 職業 及 年齡 衛福部 規劃 構想 每人 每日 約 給 800 元 防疫 隔離 補償 以 被 政府 認定 應 居家 或 集中 隔離 檢疫 者 為 對象 並 放寬 至 照顧 者 都 給予 防疫 隔離 補償 若 寬 列 7萬 人次 隔離 14 天 計 經費 不 到 10億 元 官員 說 補償 額度 人數 等 仍 有待 蘇揆 拍板 行政院 會 27 日 將 通過 600億 元 的 特別 預算案 至於 細節 經濟部 規劃 包含 服務業 製造業 20076億 元 交通部 規劃 觀光旅遊 業 1968億 元 農委會 規劃 農業 340億 元 另 文化部 提出 短期 電影 娛樂 藝 文 展演 等 紓困 振興 經費 20億 但 部分 將 改 列 中長期 計 畫 因此 政 院 核 給 紓困 及 振興 規模 約 10億 上下 而 衛福部 提出 防疫 採購 及 隔離 假 補償 經費 約 187億 知情 官員 說 這些 額度 已 逾 600億 元 屆時 經濟部 及 交通部 經費 動 支 特別 預算 經費 會 再 下 修 以 容納 文化部 及 衛福部 預算 至於 振興 抵 用 券 外加 文化 表演 範疇 逾 22億 元 至於 工商 團體 訴 求 減免 稅費 官員 說 特別 條例 已納 防疫 假 支 薪 寬 列 營 所 稅 加倍 減 除 其 餘 企業虧損 可 分 十 年 攤提 營 所 稅 虧損 營業稅 也 可 少 繳 據悉 財政部 擔心 明年 稅收 恐 受 疫情 衝擊 不小 不 贊成 特別 條例 再 新增 其他 稅費 減免 項目</t>
  </si>
  <si>
    <t>美國 疾病 管制 暨 預防 中心 u s centers for disease control and prevention cdc 及 全球 各 大學 專家 2 月 預估 若 新冠肺炎 疫情 席捲 美國 最慘 的 情況 是 超過 21億 美國 人 會 感染 當中 170萬 人 可能 病 死 紐約時報 n</t>
  </si>
  <si>
    <t>美國 疾病 管制 暨 預防 中心 u s centers for disease control and prevention cdc 及 全球 各 大學 專家 2 月 預估 若 新冠肺炎 疫情 席捲 美國 最慘 的 情況 是 超過 21億 美國 人 會 感染 當中 170萬 人 可能 病 死 紐約時報 new york times 報導 美國 cdc 及 全球 各 大學 專家 2 月 召開 視 訊 會議 預估 新冠肺炎 如果 席捲 美國 將 對 美國 造成 什麼樣 的 後果 cdc 流行病 學家 畢 格斯塔夫 matthew biggerstaff 在 會議 上 對 在 場 50 位 專家 展示 4 種 可能 的 疫情 發展 如果 美國 不 實施 任何 措施 減緩 病毒 擴散 綜合 這 4 種 發展 最慘 屆時 將 有 16億 至 214億 美國 人 感染 新冠肺炎 20萬 至 170萬 美國 人 可能 病 死 預估 模型 還 指出 感染 情況 恐 將 持續 數 月 甚至 超過 1 年 全美 不同 社區 將 在 短 時間 內 接連 爆發 疫情 此外 令人擔心 的是 上 億 患者 中 將 有 240萬 至 2100萬 人 需要 住院治療 恐 將 癱瘓 美國 醫療 體系 因為 全美 現階段 僅 有約 925萬 張 病床 配 有 足夠 醫療 人員 不過 專家 強調 如果 各級 政府 企業 個人 開始 採取措施 減緩 病毒傳播 未來 新冠肺炎 的 感染 人數 將 會 趨 緩 cdc 也 正在 研究 如果 將 防疫 措施 等 因素 考慮 在內 美國 最慘 的 疫情 預估 情形 將 為 如何 參與 製作 疫情 模型 的 約翰霍普金斯大學 土木 暨 系統工程 系 副教授 賈德納 lauren gardner 表示 如果 人們 開始 改變 行為 這些 模型 將 不再 適用 如果 我們 採取 適當 行動 情況 將 會 有 很 大 的 改善 空間 這些 能 減緩 疫情 的 行動 包含 檢測 病毒 追蹤 接觸 者 減少 人際 互動 等 cdc 的 這 份 預估 資料 並 對 對外 公告 同時 也 未 上 承 給 擔任 美國 防疫 防疫 指揮官 的 副 總統 彭斯 mike pence 同樣 參與 會議 的 佛羅里達大學 university of florida 專家 隆吉尼 ira longini 表示 該 份 研究 仍 有 幾 個 關鍵問題 存在 不 確定性 因此 並未 對外 公開 內容 包括 無 症狀 者 及 輕 症 者 的 病毒 傳染 程度</t>
  </si>
  <si>
    <t>大陸 國家 主席 習近平 於 21 日 晚上 在 北京 以 視 訊 方式 出席 全球 健康 峰會 並 發表 題 為 攜手 共建 人類 衛生 健康 共同體 的 講話 他 在 會上 強調 搞 政治 操 弄 絲毫 無助 抗 疫 只 會 給 世界 各國 人民 帶來 更 大 傷害 習近平 並 同時 宣佈 了 中方 繼續 支持 全球 團結 抗 疫 的 五 項 新 舉措 將 向 發展中國家 提供 30億 美元 的 國際 援助 及 疫苗 技術 移 轉 習近平 在 會上 表示 這 場 疫情 再次 昭示 人類 榮辱與共 命運 相連 我們 要 秉 持 人類 衛生 健康 共同體 理念 團結合作 共 克 時艱 堅決 反對 各種 政治化 標籤 化 汙名 化 的 企圖 搞 政治 操 弄 絲毫 無助于 本國 抗 疫 只 會 擾亂 國際 抗 疫 合作 給 世界 各國 人民 帶來 更 大 傷害 習近平 強調 要 堅持 公平合理 彌合 免疫 鴻溝 當前 疫苗 接種 不平 衡 問題 更加 突出 要 摒棄 疫苗 民族主義 增強 發展中國家 的 可及性 和 可 負擔 性 大國 要 負起 責任 多 提供 一些 疫苗 給 有 急需 的 發展中國家 習近平 宣佈 中方 繼續 支持 全球 團結 抗 疫 的 五 項 新 舉措 第一 中國 將 在 未來 3 年內 再 提供 30億 美元 國際 援助 用於 支持 發展中國家 抗 疫 和 恢復 經濟社會 發展 第二 中國 已向 全球 供應 3億 劑 疫苗 將 盡 己 所能 對外 提供 更 多 疫苗 第 三 中國 支持 本國 疫苗 企業 向 發展中國家 進行 技術轉讓 開展 合作 生產 第 四 中國 已 宣佈 支援 新冠肺炎 疫苗 知識 產權 豁免 也 支援 世界貿易組織 等 國際 機構 早日 就 此 作出 決定 第 五 中國 倡議 設立 疫苗 合作 國際 論壇 由 疫苗 生產 研發 國家 企業 利益 攸 關 方 一道 探討 如何 推進 全球 疫苗 公平合理 分配</t>
  </si>
  <si>
    <t>新冠肺炎 大陸 發展中國家 抗 疫 習近平</t>
  </si>
  <si>
    <t>新冠肺炎 臺灣 澎 湖 快 篩 離 島</t>
  </si>
  <si>
    <t>陸美 關係緊張 之際 美國國務院 週一 14 日 更新 對 大陸 及 香港 的 旅遊 警示 指 因應 新冠肺炎 疫情 和 肆意 執法 情況 將 兩地 同 列為 第 3 級 重新考慮 是否 前往 reconsider travel 據 報導 美國 對 上 一 次 對 香港 更新 旅遊 警示</t>
  </si>
  <si>
    <t>陸美 關係緊張 之際 美國國務院 週一 14 日 更新 對 大陸 及 香港 的 旅遊 警示 指 因應 新冠肺炎 疫情 和 肆意 執法 情況 將 兩地 同 列為 第 3 級 重新考慮 是否 前往 reconsider travel 據 報導 美國 對 上 一 次 對 香港 更新 旅遊 警示 為 今年 6 月初 當時 香港 被 列為 第 2 級 提高警惕 exercise increased caution 今 次 則 上調 至 第 3 級 警示 內容 提到 自 今年 7 月 1 日 實施 香港 國安法 以來 注 該 法 實際上 是 6 月 30 日 深夜 11 時 生效 大陸政府 單方面 及 任意 地 在 香港 行使 警方 和 國安 人員 的 權力 並 意圖 利用 這 權力 針對 一些 被 視為 分裂 國家 顛覆 國家 恐怖主義 及 勾結 外國 勢力 的 活動 涵蓋 範圍 包括 身 在 香港 以外 的 非 香港 居民 或 團體 增加 了 曾 公開 批評 大陸 的 美國 人 被 拘捕 拘留 驅逐 及 檢 控 的 風險 大陸 方面 就 由 原本 第 4 級 切 勿 前往 下調 至 第3 級 警示 內容 提到 中國 的 新冠肺炎 疫情 有所改善 因此 下調 級別 惟 亦 指 中國政府 會 任意 地利 用法 律令 美國 及 其他 國家 公民 不能 離境 或 被 錯誤 拘禁</t>
  </si>
  <si>
    <t>陸美 關係 旅遊 警示 新冠肺炎</t>
  </si>
  <si>
    <t>由 臺灣 管理 學會 主辦 及 崇越 科技 5434 贊助 的 崇 越 論文 大 賞 素有 管理 學界 奧斯卡 美譽 也 是 國內 管理 學界 最 具 公 信 力 及 規模 最 大 的 碩 博士論文 競賽 9 日 於 圓山大飯店 舉行 第 13 屆 頒獎典禮 副 總統 賴清德 也 受 邀 出席 賴清德 於 開幕 致詞 表示 人才 培育 是 臺灣 經濟 發展 的 基礎 崇越 論文 大 賞 功不可沒 尤其 在 政治 圈 近期 傳出 抄襲 風波 下 更 彌足珍貴 當 全球 環境 快速 變遷 無論 個人 或 企業 都 必須 唯 快 不 敗 唯 創新 不 敗 讓 創新 成為 臺灣 經濟 發展 的 動能 引擎 以 因應 新 時代 的 考驗 參賽 踴躍 量 質 皆 增 今年 參賽 論文 總數 達 832 件 較 去年 足足 多 出 75 件 參賽 比 往年 更加 熱烈 臺灣 管理 學會 秘書長 汪志堅 指出 今年 論文 在 數量 與 品質 上 同步 成長 832 位 同學 來自 19 個 國家 經過 四 輪 嚴謹 的 書面 與 口頭報告 審查 過五關斬六將 最終 篩選 出 107 篇 論文 再 自 其中 精選 6 篇 特 優 論文 而 特 優 組 同學 13 日 也 將 接受 總統府 接見 特 優 論文 呼應 產業 趨勢 崇 越 論文 大 賞 為 因應 快速 的 產業 變遷 歷年 皆 因應 時勢 調整 競賽 主題 讓 學術論文 更 貼近 實 務 成為 企業 營運 管理 的 解決 方案 今年 獲 頒 特 優 的 6 篇 論文 同樣 呼應 產業 趨勢 面向 包含 純 網 銀 直播 拍賣 線 上 評論 bank 40 等 其中 在 外籍 生 學位 論文 組裡 來自 印尼 的 依丁默 muhammad izharuddin 因 研究 環境 變動 及 輿論 對於 健康 資訊 系統 的 漸進 優化 模式 被 評審 團 一致 認為 在 新冠肺炎 尚未 獲得 有效 控制 之前 該 研究 極具 實 務 參考價值 最終 榮獲 特 優 殊榮 崇 越 集團 董事長 郭智輝 認為 崇越 集團 成立 至今 適逢 30 周年 恰好 遭 幾 十 年 難得 一 見 的 新冠肺炎 大 疫情 儘管 嚴重 衝擊 全球 景氣 但 在 全球 產經 情勢 快速 變動 下 也 為 臺灣 帶 來 發展 機遇 郭智輝 表示 透過 辦理 崇越 論文 大 賞 積極 鼓勵 產 學 合作 讓 碩 博士生 在 研究 期間 便 培養 獨立 思考 研究 的 能力 不僅 能 發現 問題 更 有 預防 問題 解決 問題 以及 問題 發生 後 的 處理 能力 在 快速 變遷 的 新 時代 裡 具有 舉足輕重 的 作用</t>
  </si>
  <si>
    <t>who 林靜 儀 臺灣 ihr 新冠肺炎</t>
  </si>
  <si>
    <t>施打 外勤 員 警 疫苗 苗栗縣 警 局 新冠肺炎</t>
  </si>
  <si>
    <t>儘管 新冠肺炎 肆虐 但 智邦 科技 首季 業績 卻 不受 影響 3 月 及 首季 營 收 同創 歷年 同期 新高 且 單季 營 收 也 再度 站上 百億 關卡 等於 連七季 營 收 守 穩 百億 水準 智邦 7 日 公佈 3 月 營 收 4652億 元 創下 歷年 同期 新高 除 較 去年同期 的 43</t>
  </si>
  <si>
    <t>儘管 新冠肺炎 肆虐 但 智邦 科技 首季 業績 卻 不受 影響 3 月 及 首季 營 收 同創 歷年 同期 新高 且 單季 營 收 也 再度 站上 百億 關卡 等於 連七季 營 收 守 穩 百億 水準 智 邦 7 日 公佈 3 月 營 收 4652億 元 創下 歷年 同期 新高 除 較 去年同期 的 436億 元 增加 669 也 較 2 月 的 3398億 元 上揚 369 合計 今年 首季 營 收 為 11724億 元 較 去年同期 的 1112億 元 成長 544 連七季 營 收 守 穩 百億 關卡 智邦 在 疫情 陰霾 罩 頂下 營運 步伐 顯得 相對 穩健 智 邦 成功 搭上 超大型 資料 中心 搶 蓋 的 特快車 去年 繳 出 亮麗 的 成績 全年 營 收 55401億 元 年 增 29 稅 後 純益 495億 元 年 增 68 每股 稅 後 淨利 eps 891 元 三 項 均 創下 歷史 新 高 由於 去年 的 成績 不錯 為了 讓 獲利 更上一層樓 智邦 決定 在 今年 投入 研發 測試 大樓 的 興建 及 做 相關 設備 的 投資 此外 由於 現有 的 竹南 廠 五 條 產 線 都已滿 為了 預備 產能 智邦 在 既 有 的 一 樓 及 五 樓 廠房 之外 又 新 租 了 四 樓 做 預備 至於 新 租 的 四 樓 要 規劃 多少 產 線 智邦 董事長 郭飛龍 在 年初 受訪 時 曾 提及 產 線 的 擴充 智邦 一直 都 在 做 準備 就 等 適當 時機 到來 由於 今年 有 資本 支出 需求 雖然 智邦 去年 eps 以 891 元 創下 歷史 新高 但 董事會 最終 決議 僅 配發 現金 股利 62 元 股利 派發 率 近 7 成 相較 於 前 一 年度 的 75 縮減 了 5 個 百分點 法人 指出 雖然 派發 率 不若 往年 但 62 元 的 現金 股利 仍 創下 歷史 新高 且 較 上 一 年度 的 4 元 增加 了 逾 5 成 市場 認為 如果 預留 的 現金 是 用 來 繼續 投資 只要 智邦 今年 業績 可以 維持 在 高檔 為了 公司 的 再 成長 近 7 成 的 股利 派發 率 仍 算是 可以 接受</t>
  </si>
  <si>
    <t>臺灣 新冠肺炎 疫情 控管 有成 國家 口罩 隊 功不可沒 一手 規劃 口罩 國家隊 的 經濟部長 沈榮津 今 29 日 表示 經濟部 將 會 編 列 5000萬 投入 重症 呼吸器 原型機 開發 可說是 打造 呼吸器 國家隊 的 第一 步 經濟部長 沈榮津 今 出席</t>
  </si>
  <si>
    <t>臺灣 新冠肺炎 疫情 控管 有成 國家 口罩 隊 功不可沒 一手 規劃 口罩 國家隊 的 經濟部長 沈榮津 今 29 日 表示 經濟部 將 會 編 列 5000萬 投入 重症 呼吸器 原型機 開發 可說是 打造 呼吸器 國家隊 的 第一 步 經濟部長 沈榮津 今 出席 立院 財委會 特別 預算 報告 他 表示 經濟部 將 編 列 5000萬 預算 投入 研發 重症 呼吸器 原型機 開發 也 會 整合 國內 相關 業者 預計 將 會 先 將 開發 100 台 原型機 進行 測試 可說是 打造 呼吸器 國家隊 的 第一 步 有鑒於 本次 新冠肺炎 爆發 全球 急 重症 呼吸器 告急 只是 因為 相關 重症 呼吸器 的 生產 多 由 歐美 大廠 所 掌握 故 經濟部 本次 特別 編 列 5000萬 預算 投入 研發 重症 呼吸器 原型機 開發 預計 先 開發 100 台 原型機</t>
  </si>
  <si>
    <t>沈榮津 新冠肺炎 重症 呼 氣 器 口罩 立 法院</t>
  </si>
  <si>
    <t>英國 新冠肺炎 疫情 趨 緩 原本 全面 關閉 的 麥當勞 近期 重新 開放 部分 店家 得來 速 服務 開 店 後 大 批 車潮 湧入 長長 排隊 車潮 看不到 盡頭 擾亂 當地 交通 路人 笑 稱為 了 區區 幾 個 雞 塊 排隊 2 小時 許多 網友 看到 畫面 後 直 呼太 可悲</t>
  </si>
  <si>
    <t>英國 新冠肺炎 疫情 趨 緩 原本 全面 關閉 的 麥當勞 近期 重新 開放 部分 店家 得來 速 服務 開 店 後 大 批 車潮 湧入 長長 排隊 車潮 看不到 盡頭 擾亂 當地 交通 路人 笑 稱為 了 區區 幾 個 雞 塊 排隊 2 小時 許多 網友 看到 畫面 後 直 呼太 可悲 也 有 網友 表示 難怪 英國 人 有 肥胖 問題 英國 太陽 報 the sun 報導 英國 疫情 趨 緩 開始 分 階段 解封 麥當勞 也 宣佈 重新 開放 部分 共 39 間 分店 的 得來 速 服務 重新 營業 後 英國 各地 麥當勞 湧入 大量 排隊 車潮 一 名 路人 就 提供 一 段 開車 經過 麥當勞 時 看到 的 驚人 畫面 長長的 車龍 自 麥當勞 得來 速 車道 綿延 下去 看不到 盡頭 這 名 路人 邊看 邊 驚呼 這 是 為了 幾 塊 雞 塊 排隊 2 小時 啊 排隊 車潮 甚至 影響 到 當地 交通 逼得 麥當勞 出面 表示 如果 車潮 繼續 他們 可能 會 考慮 重新 關閉 部分 分店 影片 曝光 後 也 引發 英國 網友 一面倒 回應 許多 人 評論 這些 人 真 可悲 真 是 個 笑話 真不 敢 相信 居然 還 有 人 吃 這 東西 也 有人 說 難怪 英國 人 有 肥胖 問題</t>
  </si>
  <si>
    <t>新冠肺炎 的 疫情 持續 升溫 讓 民眾 十分 憂心 許多 店家 也 有 積極 配合 戴 口罩 和 勤 消毒 洗手 等 防疫 措施 沒想 到 一 名 超 商店 員 日前 在 幫 客人 結 帳 的 時候 竟然 被 對 方嫌 手 髒 還 口氣 很 差 的 大喊 不要 碰 我 讓 該 名 店員 傻眼 之</t>
  </si>
  <si>
    <t>網友 客人 結 帳 新冠肺炎 死亡 之 握</t>
  </si>
  <si>
    <t>受到 新冠肺炎 疫情 不斷 惡化 的 影響 全球股市 一 片 恐慌 投資人 對 近期 經濟 回暖 失去 信心 繼 黑色 星期一 血洗 美 股 道 瓊 指數 單日 狂瀉 1000 多 點 之後 星期二 開盤 短暫 出現 了 一點 反彈力 道 卻 又 再次 墜入 深淵 週二 收盤 時 再 跌 3</t>
  </si>
  <si>
    <t>受到 新冠肺炎 疫情 不斷 惡化 的 影響 全球股市 一 片 恐慌 投資人 對 近期 經濟 回暖 失去 信心 繼 黑色 星期一 血洗 美 股 道 瓊 指數 單日 狂瀉 1000 多 點 之後 星期二 開盤 短暫 出現 了 一點 反彈力 道 卻 又 再次 墜入 深淵 週二 收盤 時 再 跌 315 以 27081 點 作 收 這 已經 是 連續 第 四 天 下跌 道 瓊 累計 跌幅 66 相較 上周 已經 跌 了 超過 1900 點 美 股 的 其他 指數 也 都 慘 綠 收場 s&amp;p 500 指數 以 3128 點 作 收 跌 了 97 點 跌幅 303 科技類 股 那 斯 達克 綜合 指數 收在 8965 點 相較 週一 跌 了 256 點 跌幅 277 本週一 的 全球 股災 中 市值 總共 蒸發 了 17 兆 美元 安聯 經濟 顧問 認為 這次 受到 全球 重大 疫情 的 影響 造成 的 經濟 停 擺 完全 復蘇 需要 很 長 一段時間 美 股 中 受 創 嚴重 的 個股 遍及 製造業 及 零售業 連 電子 商務 也 都受創 萬事達卡 master card 曾 警告 新冠 疫情 將 會 全面 影響 境內 及 境外 的 消費 週二 股價 重跌 676 損失慘重</t>
  </si>
  <si>
    <t>英國 首都 倫敦 12 日 出現 新冠肺炎 第一 起 確診 病例 也 是 全英第 9 起 這 名 患者 是 來自 大陸 的 女性 數 天 前 搭 機 抵達 倫敦 在 希斯羅 機場 降落 後 出現 症狀 隨後 確診 英格蘭 首席 醫療 官惠 提 表示 病 患 在 大陸 感染 目前 已經 被 送 往</t>
  </si>
  <si>
    <t>包含 大陸 與 南韓 的 軍方 部隊 近來 已經 傳出 多 起 新冠肺炎 群 聚 感染 事件 國防部長 嚴德發 已 做 好 做 壞 打算 下達 防疫 視同 作戰 命令 除了 要求 部隊 做好 區隔 管理 外 有 媒體 報導 也 將 比照 國 軍 sars 期間 做法 擬 全面 停止 官兵 休假</t>
  </si>
  <si>
    <t>包含 大陸 與 南韓 的 軍方 部隊 近來 已經 傳出 多 起 新冠肺炎 群 聚 感染 事件 國防部長 嚴德發 已 做 好 做 壞 打算 下達 防疫 視同 作戰 命令 除了 要求 部隊 做好 區隔 管理 外 有 媒體 報導 也 將 比照 國 軍 sars 期間 做法 擬 全面 停止 官兵 休假 避免 營 外 感染 後 造成 群 聚 感染 國防部 表示 目前 並 無 此 規劃 但 會 因應 疫情 發展 有 相關 作為 國防部 軍事 發言人 史順文 表示 防疫 視同 作戰 國防部 以 如臨深淵 如履薄冰 的 態度 以 最壞 的 打算 完成 最好 的 準備 維護 部隊 戰力 與 國防 安全 國軍 會 隨 著 疫情 的 發展 採取 相關 因應 措施 惟 目前 並 沒有 要求 官兵 全面 停止 休假 嚴 德 發表 示 周邊國家 已 有 肇 生 部隊 內 感染 案例 國軍 必須 引以為鑒 尤其 面對 疫情 可能 肇生 的 影響 戰備 任務 絕對 不能 有空 窗 與 罅隙 包括 高山 月臺 外 離 島 海軍 艦艇 等 各 部隊 戰備 任務 都 必須 進行 完善 的 規劃 用 最壞 的 打算 與 最好 的 準備 密切 分工 相互 支援 嚴德發 強調 國 軍 任何 單位 營區 絕對 不能 發生 群 聚 感染 事件 防疫 就是 作戰 面對 疫情 愈來愈 嚴峻 當前 最 重要 的 就 是 部隊 的 防疫 工作 因為 部隊 是 群 聚 的 團體 稍有不慎 就 可能 造成 群 聚 感染 傷害 部隊 整體 戰力 嚴德發 要求 各 部隊 應 事先 研 擬 肇 生 案例 後 的 營區 防疫 應變 辦法 除 針對 個案 進行 應處 區隔 管理 及 醫療 處置 等 措施 外 營區 內 也 必須 進行 區隔 管理 措施 包括 獨棟營 舍 獨立 樓層 的 安排 以及 部隊 生活 管理 動 線 安排 訓 場 分配 等 避免 交叉 感染 以 維繫 部隊 戰力 讓 民眾 放心 也 讓 國人 對 國軍 有 信心</t>
  </si>
  <si>
    <t>國防部 三軍 部隊 南韓 軍種 新冠肺炎</t>
  </si>
  <si>
    <t>八 貫 新冠肺炎 tpu 高端 醫療 機能 布料</t>
  </si>
  <si>
    <t>83 台 企 新冠肺炎 帶來 全球 經濟衰退</t>
  </si>
  <si>
    <t>聯發 科 2454 4 月 營 收受 到 新冠肺炎 衝擊 導致 終端 消費 減緩 4 月 合併 營 收 20546億 元 月 減少 998 年 減少 467 但 已經 連續 第 2 的 月 單月 營 收 站上 200億 元 大關 聯發 科 4 月 合併 營 收 20546億 元 月 減少 998 年 減少 4 67</t>
  </si>
  <si>
    <t>聯發 科 2454 4 月 營 收受 到 新冠肺炎 衝擊 導致 終端 消費 減緩 4 月 合併 營 收 20546億 元 月 減少 998 年 減少 467 但 已經 連續 第 2 的 月 單月 營 收 站上 200億 元 大關 聯發 科 4 月 合併 營 收 20546億 元 月 減少 998 年 減少 467 累計 前 4 月 營 收 81409億 元 月 增加 96 展望 第二 季 以 美元 對 新 台幣 匯率 1 比 30 計算 聯發 科 預估 第二 季營 收 預估 在 621億 元 669億 元 之間 與 前 一 季 相比 約 增加 2 到 10 與 去年 相比 增加 1 到 9 第二 季 營業 毛利率 預估 為 425 正負 15 個 百分點 含 員工 分紅 之 營業費用 率 預估 為 325 正負 2 個 百分點 聯發 科 先前 法 說 會 中 看好 儘管 在 新冠肺炎 疫情 衝擊 下 今年 整體 營運 還 是 會 力拼 合理 成長 且 維持 今年 全球 以及 大陸 市場 的 智慧 型 手機 出 貨 預估 全球 在 17億 至 2億 支之間 至於 大陸 市場 會 占 其中 的 1億 至 12億 支 的 預估 另外 聯發 科 也 在 昨日 發表 最新 5 g 旗艦 晶 片 升級 版 天璣 1000 盼 透過 完整 的 5 g 產品 佈局 搶下 更 多 市 占 率</t>
  </si>
  <si>
    <t>聯發 科 財 測 毛利率 新冠肺炎 5 g</t>
  </si>
  <si>
    <t>彰 化 縣 衛生局 27 日 上午 于 員林 演藝 廳 辦理 109 年 衛生保健 績優 志 工 與 團隊 暨 社區衛生 促進 委員會 績優 委員 表揚大會 彰 化 縣長 王 惠美 親自 頒獎 她 說 今年 新冠肺炎 來 襲 所 有志 工 委員 們 都 堅守崗位 為 彰 化 防疫 工作 盡心</t>
  </si>
  <si>
    <t>彰 化 縣 衛生局 27 日 上午 于 員林 演藝 廳 辦理 109 年 衛生保健 績優 志 工 與 團隊 暨 社區衛生 促進 委員會 績優 委員 表揚大會 彰 化 縣長 王 惠美 親自 頒獎 她 說 今年 新冠肺炎 來 襲 所 有志 工 委員 們 都 堅守崗位 為 彰 化 防疫 工作 盡心盡力 感謝 大家 的 認真 與 努力 一起 守護 彰化人 的 健康 彰 化 縣 衛 促 會 委員 有 7百 位 委員 超過 1700 位 的 衛生保健 志 工 長期 默默 守護 在 彰 化 各縣市 的 衛生局 及 醫療 院所 協助 推廣 衛生保健 工作 始終 保持 微笑 耐心 與 愛心 親切 的 為 民眾 來 解答 還 能 化身 成 患者 及 家屬 的 心靈 老師 不管 是 陪伴 或 照料 成為 他們 最 堅強 的 後盾 王 惠美 表示 今年 算是 相當 艱難 的 1 年 感謝 全縣 各 醫療 院所 及 衛生所 的 志 工 夥伴 今年 選出 15 個 績優 單位 表揚 134 位 績優 志 工 也 要 特別感謝 衛生局 衛生局 葉 局長 專業 的 判斷 與 領導 能力 攜手 讓 彰 化 能夠挺 過 這 波 疫情 王 惠美 說 今天 活動 可以 算是 醫護 一家 團聚 的 溫馨 時光 這 陣子 大家 戰戰競 競 的 面對 疫情 絲毫 沒有 喘息 的 時間 利用 表揚 的 機會 得以 稍微 喘息 希望 未來 能夠 有 更 多 的 志 工 夥伴 加入 這個 大家庭 一起 為 彰 化 的 健康 努力 讓 彰 化 更 美</t>
  </si>
  <si>
    <t>衛生 保健 志 工 王 惠美 新冠肺炎</t>
  </si>
  <si>
    <t>戈貝爾 黃奕 傑 爵士 新冠肺炎 nba</t>
  </si>
  <si>
    <t>新冠肺炎 臺灣 pcr 檢測 量 能 長庚醫院</t>
  </si>
  <si>
    <t>新冠肺炎 疫情 在 全球 升溫 許多 國內外 旅遊 團體 都 取消 首當其衝 的 觀光業 哀鴻遍野 有 旅行社 業者 號召 近百名 網 紅 進行 2 天 1 夜 的 台東 之 旅 24 日 下午 網 美 網 帥 們 穿 上 泳裝 參加 泳池 趴 用 他們 的 熱情 抵抗 景氣 寒冬</t>
  </si>
  <si>
    <t>新冠肺炎 疫情 在 全球 升溫 許多 國內外 旅遊 團體 都 取消 首當其衝 的 觀光業 哀鴻遍野 有 旅行社 業者 號召 近百名 網 紅 進行 2 天 1 夜 的 台東 之 旅 24 日 下午 網 美 網 帥 們 穿 上 泳裝 參加 泳池 趴 用 他們 的 熱情 抵抗 景氣 寒冬 網 紅帶 你 去 旅行 活動 2324 日 帶領 近百 位 網 紅 遊台東 除了 在 熱門 打 卡 景點 認 台東 的 人文 與 風光 以外 24 日 下午 在 娜 路 彎 大酒店 舉辦 泳池 趴 網 美 網 帥 換上 比基尼 及 泳裝 大方 秀 身材 不畏 景氣 寒冬 面對 新冠肺炎 疫情 的 威脅 直播 主 晨 琀 說 一 開始 有點 擔心 不 過來 了 以後 就 覺得 很 放心 網 帥 大師 林說 受 疫情 影響 沒什麼 人潮 反而 更 好玩 從事 保險業務 的 主持人 評 姐兒 說 現在 來 台東 玩 不會 人 擠 人 也 不必 擔心 受 感染 這次 在 台東 體驗 了 採茶 姑娘 騎單車 躺 在 馬路上 看 不 一樣 的 台東 還 到 了 黑 孩子 咖啡館 完全 是 1 場 知性 之旅 歡迎 大家 來 台東 另 一 位 直播 主 糖 小 q 則 對 超 熱情 的 原住民 留下 深刻 象 主辦 的 紅 牛 旅行社 總經理 李恩承 說 受 疫情 影響 旅遊業 氣氛 低迷 其實 在 臺灣 本島 防疫 做 得 非常 好 而且 台東 空氣 好 水質 好 根本 沒有 疫情 的 問題 網 紅 經濟 正 盛行 希望 藉 此 讓 大家 有 信心 走 到 戶外 把 台東 的 美好 當成 火車頭 帶動 臺灣 觀光 產業 他 說 去年 台東 出差 就 已經 感受 到 台東 被 邊緣化 的 無奈 這次 的 疫情 重創 整個 旅遊 產業 無疑 是 雪上加霜 因 此 便 火速 再度 召集 上百 位 網 紅 希望 能 在 低迷 的 氣氛 中 為 同業 打氣 更 能 幫助 地方 的 觀光 振興 台東 的 旅遊 市場 娜 路 彎 集團 則 表示 過完 年 後 散客 訂 房 比起 暑假 明顯 增加 推測 主要 原因 為 寒假 開學 延期 加上 各地 的 民眾 想 轉換 空間 消除 緊張 的 心情 及 蘇花 改 及 新南 回 開通 希望 透過 與 旅行社 的 活動 化 危機 為 轉機</t>
  </si>
  <si>
    <t>台東 網 紅 疫情 新冠肺炎 新冠肺炎</t>
  </si>
  <si>
    <t>新冠肺炎 延 燒 公平 會 聯合 哄抬 予 抬 懲處</t>
  </si>
  <si>
    <t>新冠肺炎 疫情 持續 延 燒 民眾 連 一般 的 口罩 酒精 等 也 難 買到 甚至 還有 價格上漲 等 問題 對此 公平 會 主委 黃美瑛 在 今天 業務 報告 時 表示 從 春節 前 就 派 人 至 各地 通路 訪查 口罩 市況 目前 也 受理 包括 口罩 耳 溫槍 酒精 等 檢舉</t>
  </si>
  <si>
    <t>大陸 研究 人員 利用 幹細胞 對抗 新冠肺炎</t>
  </si>
  <si>
    <t>新冠肺炎 衝擊 澳門 2 月 博 彩 收入 大 跌 878</t>
  </si>
  <si>
    <t>雖然 澳門 至今 沒有 新冠肺炎 的 病例 但是 依然 受到 巨大 衝擊 由於 防疫 管制 賭場 關閉 了 兩 個 星期 使得 澳門 在 2 月 的 博 彩 收入 比 以往 同 時期 大 跌 了 878 路透社 報導 澳門 是 世界 最 大 的 賭場 中心 澳門 的 收入 超過 80 也 來</t>
  </si>
  <si>
    <t>雖然 澳門 至今 沒有 新冠肺炎 的 病例 但是 依然 受到 巨大 衝擊 由於 防疫 管制 賭場 關閉 了 兩 個 星期 使得 澳門 在 2 月 的 博 彩 收入 比 以往 同 時期 大 跌 了 878 路透社 報導 澳門 是 世界 最 大 的 賭場 中心 澳門 的 收入 超過 80 也 來自 娛樂 場 但 當局 為了 防止 疫病 採取 了 一系列 措施 來 阻止 遊客 進入 澳門 2 月份 的 賭場 營 收 僅 有 3104億 澳門元 114億 新 台幣 跌幅 達到 878 比 不及 分析 師 預期 的 下降 約 80 儘管 澳門 當局 在 2 月 20 日 重新 開放 了 賭場 與 娛樂場所 但是 疫 期 還 未 結束 仍然 有 嚴格 的 遊客 入境 規定 與 健康 調查 使得 41 家 賭場 以及 依賴 它們 的 企業 的 收入 仍 將 受到 嚴重 影響</t>
  </si>
  <si>
    <t>澳門 賭場 新冠肺炎 大 跌</t>
  </si>
  <si>
    <t>大陸 昨天 11 月 1 日 0 24 時 31 個 省 自治區 直轄市 和 新疆生產建設兵團 報告 新增 新冠肺炎 確診 病例 71 例 其中 本土 病例 54 例 黑龍江 27 例 其中 黑河市 26 例 哈爾濱市 1 例 河北 8 例 其中 石家莊市 4 例 辛集市 4 例 甘肅 8 例</t>
  </si>
  <si>
    <t>大陸 昨天 11 月 1 日 0 24 時 31 個 省 自治區 直轄市 和 新疆生產建設兵團 報告 新增 新冠肺炎 確診 病例 71 例 其中 本土 病例 54 例 黑龍江 27 例 其中 黑河市 26 例 哈爾濱市 1 例 河北 8 例 其中 石家莊市 4 例 辛集市 4 例 甘肅 8 例 均 在 天水市 山東 3 例 均 在 日照市 內蒙古 2 例 均 在 阿拉善盟 江西 2 例 均 在 上饒市 青海 2 例 均 在 西寧市 北京 1 例 在 昌平區 寧夏 1 例 在 銀川市 含 5 例 由 無 症狀 感染者 轉為 確診 病例 山東 3 例 江西 2 例 上海 迪士尼 66460 人次 核酸 檢測 結果 均 陰性 另 據 上海市 新冠肺炎 疫情 防控 工作領導小組辦公室 消息 10 月 30 日 31 日 期間 進入 上海 迪士尼 樂園 和 迪士尼 小鎮 的 相關 人員 以及 場所 防疫 排查 工作 推進 順利 截至 今天 11 月 2 日 上午 8 時 共 篩查 相關 人員 66460 人次 採集 相關 環境 等 樣本 1016 份 核酸 檢測 結果 均 為 陰性 河北 晉州市 緊急 封城 全員 核酸 檢測 河北省 晉州市 疫情 防控 指揮部 辦公室 今天 11 月 2 日 通告 稱 現 已對 晉州 各 出 入市 口 實行 應急 交通 管控 措施 除 運輸 涉及 生產 生活 物資 車輛 及 因 病 外出 就醫 等 特殊 情況 外 其他 人員 和 車輛 予以 勸返 從 今天 11 月 2 日 起 晉州 公共 汽車 晉州 至 石家莊 定期 客運 城際 拼 車 暫停 運營 即日起 晉州市 將 進行 全員 核酸 檢測 官方 稱 此舉 是 為 有效 防範 疫情 傳播 風險 並 沒有 確診 病例 透露 目前 坊 間 流傳 尚未 經過 官方 證實 的 消息 稱 該市 田村 小焦 東西 曹 發現 疫情</t>
  </si>
  <si>
    <t>新冠肺炎 大陸 11 月 核酸 檢測 確診 病例</t>
  </si>
  <si>
    <t>隋棠 動怒 荒唐 自私 新冠肺炎</t>
  </si>
  <si>
    <t>新冠肺炎 臺灣 施打 疫苗 桃園 機場</t>
  </si>
  <si>
    <t>歐美新冠肺炎 疫情 大 爆發 亞 系 外資 保守 看待 軟板 廠 台郡 6269 前景 認為 台郡 將 是 此 波 疫情 主要 受害者 將 台郡 今年 及 明年 每股 盈 餘 預估 調 降 22 及 33 評等 降 至 劣於 大盤 表現 目標價 更 大 砍 至 94 元 致使 今天 台郡 股價</t>
  </si>
  <si>
    <t>歐美新冠肺炎 疫情 大 爆發 亞 系 外資 保守 看待 軟板 廠 台郡 6269 前景 認為 台郡 將 是 此 波 疫情 主要 受害者 將 台郡 今年 及 明年 每股 盈 餘 預估 調 降 22 及 33 評等 降 至 劣於 大盤 表現 目標價 更 大 砍 至 94 元 致使 今天 台郡 股價 逆勢 收 跌 新冠肺炎 持續 在 全球 延 燒 尤其 是 歐美地區 疫情 嚴重 重創 消費市場 外資 紛紛 下調 iphone 等 智慧 型 手機 今年 全球 銷售量 而 亞 系 外資 今天 在 最新 報告 更 指出 由於 高 利潤 的 nfc 天線 設計 改變 影響 到 台郡 的 訂單 因而 大 砍 台 郡 目標價 台 郡 前 2 月 合併 營 收 為 2457億 元 年 減 1457 儘管 智慧 型 手機 銷售 因 全球 新冠肺炎 疫情 延 燒 遭到 重創 但 蘋果 及 華為 等 各 大 手機 品牌 廠 持續 進行 5 g 手機 新機 開發 台郡 公司 自 2018 年 開始 用 mpi 跨入 天線 模 組 領域 2019 年 再 切入 多 層板 技術 今年 除 mpi 天線 外 亦 會 跨入 用於 更 高頻 傳輸 的 全新 lcp 材料 天線 領域 且 公司 與 客戶 在 手機 平板 及 nb 合作 都 有 天線 產品 也 成為 推 升 台郡 營運 成長 重要 動能 2018 年 天線 產品 占台郡 營 收 比重 約 4 到 8 2019 年 占比約 13 到 18 其中 2018 年 第 4 季 天線 產品 占比 已 達 25 至 30 台郡 在 日前 法 說 會 表示 如果 新冠肺炎 疫情 過去 市場需求 恢復 公司 可以 趕 產能 補 回來 今年 天線 營 收 占比 可望 達 20 到 30 亞 系 外資 在 最新 出爐 報告 中 表示 由於 需求 的 不 確定性 且 與 蘋果 相關 的 收入 將 進一步 下降 讓 台郡 成為 美國 及 歐洲地區 新冠肺炎 疫情 擴散 的 主要 受害者 加上 根據 我們 調查 台郡 因 高 利潤 的 nfc 天線 設計 改變 恐 失去 訂單 在 新 的 mmwave 天線 供應 鏈 中 亦 未 見到 公司 決定 下 修台郡 今年 及 明年 每股 盈 餘 預估 降幅 分別 為 22 及 33 將 台郡 評等 由 原先 的 買進 降 至 劣於 大盤 表現 目標價 由 155 元 大幅 下 修至 94 元</t>
  </si>
  <si>
    <t>台郡 天線 新冠肺炎 外資 5 g 手機</t>
  </si>
  <si>
    <t>新冠肺炎 疫情 大 爆發 餐飲業 首當其衝 也 間接 影響 到 藝人 經營 的 雞 排 店 唐從聖 投資 的 唐門潮 雞 排 2 月 透過 促銷 活動 讓 業績 不降反升 在 地 客人 成長 許多 然而 到 了 3 月 過路客 少 很多 企業 訂單 量 從 多 轉 少 他 表示 近 月</t>
  </si>
  <si>
    <t>新冠肺炎 疫情 大 爆發 餐飲業 首當其衝 也 間接 影響 到 藝人 經營 的 雞 排 店 唐從聖 投資 的 唐門潮 雞 排 2 月 透過 促銷 活動 讓 業績 不降反升 在 地 客人 成長 許多 然而 到 了 3 月 過路客 少 很多 企業 訂單 量 從 多 轉 少 他 表示 近 月底 時 餐飲店 基本上 營 收 都 較為 吃緊 加上 失業 潮 帶來 的 衝擊 長 庚店 業績 掉 了 5 成 信義 和 南港 店 則 是 少 1 成 他 誇讚 店 內 都 是 素質 優良 的 員工 大家 默契 十足 向心力 高 也 不能 亂 裁員 啦 員工 訓練 很 辛苦 的 目前 店家 也 與 2 家外 送 平臺 合作 可 打 知名度 但 外 送 利潤 低 平臺 抽 成近 30 至 40 他 表示 雞肉 供應商 也 是 股東 之一 米其林 等級 的 雞肉 目前 減產 原 物料 漲 近 30 光是 這周 就 漲 了 18 要是 不 漲價 扣 掉 員工 薪水 房租 等 固定成本 再 加上 外 送 利潤 低 根本 是 賣 一 片 賠 一 片 我們 會 在 4 月 1 日 愚人節 調整 售價 nono投資 的 連鎖店 艋 舺 雞 排 旗 下 的 正職 員工 工作 仍 安穩 總 不能 因為 生意 不好 就 把 人 fire 掉 呀 還有 外 送 和 發 傳單 可以 做 呢 他 笑 說好 險 有 跟 外 送 配合 能 補足 現場 營業額 算是 不幸 中的 大幸 他 在 這 段 時期 察覺 了 顧客 行為 的 轉變 台中 以北 的 民眾 多 以 手機 訂餐 若 現場 客人 較 少 台中 以南 的 員工 就 會 親自 上 府 送 餐 他 強調 國內 的 雞肉 採用 的 是 進口 原 物料 雞肉 成本 有 調 漲 店家 自行 吸收 成本 暫時 不 會 調整 售價 艋 舺 雞 排 的 董事長 劉明道 透露 位 在 菲律賓 的 雞 排 分店 生意 全面 暫停 員工 改作 便當 提供 給 第一 線 照 護 的 醫療 人員 至於 英國 加拿大 港澳 等 分店 營運 影響 其實 都蠻大 的 正 努力 將 臺灣 外 送 為主 的 模式 引進 當地</t>
  </si>
  <si>
    <t>國旅 新冠肺炎 高雄 花蓮 旅行社</t>
  </si>
  <si>
    <t>陳凱倫 王芷蕾 陳銳 新冠肺炎 臺灣</t>
  </si>
  <si>
    <t>據 北京市 衛生 健康 委 18 日 消息 指出 2 月 17 日 0 時至 24 時 北京市 新增 6 例 新冠肺炎 確診 病例 均 為 確診 病例 的 密切接觸 者 已 送至 定點 醫療機構 進行 救治 新增 疑似病例 49 例 現有 疑似病例 128 例 新增 密切接觸 者 47 例 累計 確定</t>
  </si>
  <si>
    <t>據 北京市 衛生 健康 委 18 日 消息 指出 2 月 17 日 0 時至 24 時 北京市 新增 6 例 新冠肺炎 確診 病例 均 為 確診 病例 的 密切接觸 者 已 送至 定點 醫療機構 進行 救治 新增 疑似病例 49 例 現有 疑似病例 128 例 新增 密切接觸 者 47 例 累計 確定 密切接觸 者 1967 例 其中 1273 例 已 解除 醫學觀察</t>
  </si>
  <si>
    <t>bnt 接種 臺灣 新冠肺炎 蘇貞昌</t>
  </si>
  <si>
    <t>新冠肺炎 感謝 防疫 有功 鑽石 公主 號 船員 將 獲 2 個 月 有 薪 假</t>
  </si>
  <si>
    <t>鑽石 公主 號 郵輪 因為 受到 新冠肺炎 疫情 影響 目前 正 停靠在 橫濱 港 進行 隔離 管制 船上 的 3700 人 中 有 218 人 確定 感染 新冠肺炎 而 鑽石 公主 號 的 母公司 嘉年華 郵輪 表示 為了 感謝 員工 在 危機 時刻 挺身而出 幫助 防疫 渡過 危機 後 將</t>
  </si>
  <si>
    <t>鑽石 公主 號 郵輪 因為 受到 新冠肺炎 疫情 影響 目前 正 停靠在 橫濱 港 進行 隔離 管制 船上 的 3700 人 中 有 218 人 確定 感染 新冠肺炎 而 鑽石 公主 號 的 母公司 嘉年華 郵輪 表示 為了 感謝 員工 在 危機 時刻 挺身而出 幫助 防疫 渡過 危機 後 將 給予 2 個 月 的 有 薪 假期 到 13 日 為止 鑽石 公主 號 上面 有 218 名 的 新冠肺炎 確診 病例 而 其中 包含 10 名 船員 及 1 名 檢疫 官 是 中國 大陸 之外 最 多 確診 病例 的 地方 日本 厚生 勞動 省 表示 現在 仍 在 繼續 擴大 檢驗 工程 接下來 預計 讓 80 歲 以上 長者 慢性 疾病 患者 和 住 在 無 窗 艙 房 的 旅客 優先 下船 而 鑽石 公主 號 的 擁有者 嘉年華 郵輪 公司 表示 將 會 退還 旅客 本次 航程 的 所有 費用 其中 還 包含 工作人員 的 小費 此外 還 會 贈送 一 次 免費 航程 而 對於 員工 站 在 第一線 幫助 防疫 公司 也 表示 很 感謝 會 在 渡過 危機 後 給予 2 個 月 的 有 薪 休假 嘉年華 郵輪 公司 發言人 roger frizzell 表示 第一線 的 船員 對於 防疫 作業 非常 重要 若 是 沒有 他們 防疫 絕對 不 會 成功 更 多 ctwant 報導</t>
  </si>
  <si>
    <t>防疫 鑽石 公主 號 新冠肺炎 感謝 船員</t>
  </si>
  <si>
    <t>新冠肺炎 臺灣 殘 劑 入校 bnt</t>
  </si>
  <si>
    <t>症狀 臺灣 新冠肺炎 過敏 感冒</t>
  </si>
  <si>
    <t>新冠肺炎 嚴重 衝擊 觀光 澎 湖 縣政府 展開 搶救 觀光 大 作戰 配合 今年 澎 湖 文旅 年 活動 主 打 軍事 古跡 文化 之 旅 帶領 遊客 揭開 澎 湖 神秘 軍事 面紗 四面 環 海 澎 湖 島 位於 東亞 航線 要衝 翻開 中外歷史 澎 湖 扮演 重要 戰略 據點 昔日 古</t>
  </si>
  <si>
    <t>新冠肺炎 嚴重 衝擊 觀光 澎 湖 縣政府 展開 搶救 觀光 大 作戰 配合 今年 澎 湖 文旅 年 活動 主 打 軍事 古跡 文化 之 旅 帶領 遊客 揭開 澎 湖 神秘 軍事 面紗 四面 環 海 澎 湖 島 位於 東亞 航線 要衝 翻開 中外歷史 澎 湖 扮演 重要 戰略 據點 昔日 古 戰場 歷經 歲月 變遷 遺留下 許多 珍貴 戰地 遺跡 深 具 觀光 發展潛力 縣府 明 定 2020 年 澎 湖 文旅 年 大力 行銷 文化 結合 觀光 新形態 相中 軍事 之 旅 新 亮點 詎 料 一 場 肺炎 疫情 席捲而來 打亂 了 澎 湖 觀光 行銷 步調 縣府 團隊 一級 主管 連袂 走讀 拱北 山 炮臺 金龜 頭 炮臺 等 澎 湖 軍事 古跡 號召 地方 旅遊業者 攜手 合作 殺出 疫情 困境 振興 觀光 文化局 指出 澎 湖 擁有 荷蘭 清末 及 現代 各式 炮臺 尤其 中法戰爭 後 臺灣 巡撫 劉銘傳 看中 臺灣 戰略 位置 重要 全台 各地 興建 10 座 炮臺 加強 軍備 防務 澎 湖 島 有 拱北 金 龜頭 東台 西台 4 座 炮臺 文化局 表示 拱北 炮臺 是 清光緒 年間 建築 的 新式 炮臺 內陸 炮臺 有 炮位 藏 兵 洞 大兵 房 小 彈藥庫 彈藥 總 庫 方池 等 空間 範圍 擴 及 拱北 山 第一 炮臺 第二 炮臺 等 軍事設施 目前 仍 是 軍事 管制區 未 對外開放 金龜 頭 炮臺 座落 於 澎 湖西 南 岬角 炮臺 門 額 題字 天南 鎖鑰 與 風 櫃 尾 蛇頭 山炮 台 隔海相望 共 扼 馬公灣 海口 這 是 座 城垛 式 外 型 堡壘 內 有 坑道 通達各 海岸 射 口</t>
  </si>
  <si>
    <t>大陸 幼稚園 新冠肺炎 面授 中小學</t>
  </si>
  <si>
    <t>高雄 長 照 機構 快 篩 pcr 新冠肺炎</t>
  </si>
  <si>
    <t>新冠 病毒 新冠肺炎 義 大利 武漢 德國 專家</t>
  </si>
  <si>
    <t>大陸 科學院 院士 新冠肺炎 一般 不 會 造成 後遺症</t>
  </si>
  <si>
    <t>大陸 科學院 院士 王福生 在 21 日 新聞 發佈會 上 表示 自限性 疾病 臨床 症狀 一般 一 周 消失 具體 到 新冠肺炎 輕型 和 普通型 患者 臨床 上 占比 超過 80 以上 輕 症 患者 如果 身體狀況 比較 好 休息 充裕 保持良好 心情 飲食 得當 發病 以</t>
  </si>
  <si>
    <t>大陸 科學院 院士 王福生 在 21 日 新聞 發佈會 上 表示 自限性 疾病 臨床 症狀 一般 一 周 消失 具體 到 新冠肺炎 輕型 和 普通型 患者 臨床 上 占比 超過 80 以上 輕 症 患者 如果 身體狀況 比較 好 休息 充裕 保持良好 心情 飲食 得當 發病 以後 人體 免疫 整體 上 佔有優勢 就 有 可能 逐漸 康復 即使 是 比較 重 的 病人 如果 能 得到 及時 專業 的 治療 適當 用 些 藥物 必要 時 吸 氧 就 能 維持 一個 好 的 人體 免疫 狀態 最 重要 的 是 縮短 發病 期 就 能 較 快 進入 到 康復期 病癒 後 一般 也 不 會 造成 後遺症</t>
  </si>
  <si>
    <t>中華 電 2412 轉投資 是 方 6561 1 月 營 收 23億 元 年 增 1511 創下 歷史 新高 全球 雲端 趨勢 未來 幾 年 持續 穩 成長 是 方 營運 動能 樂觀 法人 也 看好 是 方 今年 營利 將 挑戰 2 位 數 成長 是 方 2020 年 在 新冠肺炎 衝擊 全球 影響 帶動 宅</t>
  </si>
  <si>
    <t>是 方 雲端 新冠肺炎 是 方 i 健康 app 亞馬遜</t>
  </si>
  <si>
    <t>新冠肺炎 疫情 持續 延 燒 中央 公佈 28 例 新冠肺炎 病例 地理 分佈 確診 病例 數 中 臺北市 占 7 例 新北 市 5 例 桃園 市 1 例 大臺北 地區 目前 僅 有 基隆 市 未 傳出 確診 案例 基隆 市長 林右昌 於 24 日 指出 市府 團隊 隨時 都 緊 盯 疫情 發展</t>
  </si>
  <si>
    <t>新冠肺炎 疫情 持續 延 燒 中央 公佈 28 例 新冠肺炎 病例 地理 分佈 確診 病例 數 中 臺北市 占 7 例 新北 市 5 例 桃園 市 1 例 大臺北 地區 目前 僅 有 基隆 市 未 傳出 確診 案例 基隆 市長 林右昌 於 24 日 指出 市府 團隊 隨時 都 緊 盯 疫情 發展 隨時 回報 狀況 後續 防疫 工作會 繼續 努力 做好 請 市民 安心 林右昌 上午 赴 校園 視察 防疫 進度 時 指出 基隆 沒有 確診 個案 絕對 是 好事 在 地 所有 居家 隔離 和 居家 檢疫 人員 每天 都 要 向 自己 回報 狀況 如 出現 疑 似 案例 市府 也 依 中央 指令 進行 相關 處置 到 目前為止 基隆 零 確診 他 真的 感到 很 慶倖 針對 國 中小學 即 將 於 24 日 開學 林右昌 指出 戴 口罩 的 時機 已 有 清楚 的 指引 若 有 上呼吸道 征狀 等 建議 民眾 還 是 把 口罩 戴 著 若 是 健康 學童 不 一定 要 戴 口罩 他 也 特別 提醒 各 校 校長 學生 入校 時 若 發現 發燒 需 觀察 立即 請 家長 陪同 就醫 萬 一家 長 無法 及時 到校 經 徵求 家長 同意 後 由 校方 醫護人員 陪同 學生 盡 速 就醫</t>
  </si>
  <si>
    <t>歐盟 藥品 管理局 疫苗 部門 負責人 卡瓦列裡 marco cavaleri 昨 13 日 受訪 時 指稱 礙於 血栓 風險 建議 各國 避免 讓 60 歲 以上 長者 接種 阿斯特 捷利康 az 的 新冠 疫苗 不過 當天 稍晚 他 澄清 是 媒體 誤解 他 的話 強調 az 疫苗 對 所有 年齡層 的 險 益 評估 都 是 正面 的 特別 是 60 歲 以上 族群 義 大利 媒體 新聞 報 la stampa 昨日 引述 卡瓦列裡 的 說法 指出 全球 新冠肺炎 疫情 趨 緩 加上 考量 到 年輕人 染 新冠後 的 相關 風險 較 低 現在 也 有 了 以 mrna 為 技術 基礎 的 莫德納 輝瑞 bnt 新冠 疫苗 認為 讓 年輕人 施打 這些 疫苗 比較 恰當 卡瓦列裡 也 被 問及 是否 應該 避免 讓 60 歲 以上 長者 接種 az 疫苗 他 回答 是 指出 法國 德國 等 因為 能夠 取得 更 多 mrna 疫苗 因 此 都 在 考慮 這麼 做 這 篇 報導 引發 許多 外 媒 跟進 報導 以為 歐盟 將 對 az 疫苗 的 使用 年齡 新增 限制 不過 卡瓦列裡 後續 回應 路透社 的 詢問 時澄清 指出 自己 的 專訪 被 錯誤 解讀 強調 az 疫苗 對 所有 年齡 組 來說 險 益 評估 risk-benefit profile 都 是 正面 的 尤其 是 對 60 歲 以上 的 族群 目前 歐盟 藥品 管理局 ema 對 az 疫苗 的 立場 是 認定 az 疫苗 安全 適用於 18 歲 以上 族群 不過 考量 到 血栓 發生 在 年輕人 身上 的 風險 較 高 許多 歐盟 國家 已經 停止 讓 特定 年紀 以下 族群 接種 az 疫苗 多數 限制 只 讓 50 至 65 歲 以上 族群 接種</t>
  </si>
  <si>
    <t>新冠肺炎 全球 az 疫苗 60 歲 以上 停止</t>
  </si>
  <si>
    <t>8 成 5 社 福 團體 哀 新冠肺炎 比 金融 海嘯 sars 更 難 熬</t>
  </si>
  <si>
    <t>新竹 2 位 男性 民眾 因 新冠肺炎 疫情 壓力 及 心情 起伏 突然 無力 起身 緊急 送至 中醫大 新竹 附設 醫院 就醫 經過 急診 醫師 與 腎臟科 醫師 林信宏 診斷 發現 都 是 甲狀腺 機能 亢進 引起 低 血 鉀 惹 的 禍 林信宏 指出 正常人 的 血</t>
  </si>
  <si>
    <t>新竹 2 位 男性 民眾 因 新冠肺炎 疫情 壓力 及 心情 起伏 突然 無力 起身 緊急 送至 中醫大 新竹 附設 醫院 就醫 經過 急診 醫師 與 腎臟科 醫師 林信宏 診斷 發現 都 是 甲狀腺 機能 亢進 引起 低 血 鉀 惹 的 禍 林 信 宏 指出 正常人 的 血 中 鉀 離子 在 35 至 50 第 1 位 50 多 歲 男性 患者 從 大陸 返回 居家 檢疫 後 某日 清晨 突然 感到 四肢 無力 無法 起身 檢查 發現 血 中 鉀 離子 只 有 21 另 30 多 歲 將 升格 當 爸爸 的 患者 過去 從未 發生 肌 無力 也 突然 無力 不能 行走 檢查 發現 鉀 離子 只 有 19 林 信 宏 指 這 2 名 患者 都有 尚未 被 診斷 出 的 甲狀腺 機能 亢進 發現 都因新冠肺炎 疫情 的 壓力 與 情緒 起伏 誘發 了 低 血 鉀 的 週期性 肌 無力 2 人 經 補充 鉀 離子 並 服用 控制 甲狀腺 藥物 後 都已 恢復正常 生活 林 信 宏 指出 血 中 鉀 離子 過 低 會 引起 人體 肌肉 無力 或 心律不整 多數 低 血 鉀症 是 長期 未 進食 或 鉀 離子 從 腎臟 流失 所 致 但 少數 也 和 甲狀腺 疾病 有關 可 經由 尿 液 和 血液 檢查 找 出 原因 並 加以 治療 林 信 宏 並說 一般 甲狀腺 亢 進 以 女性 較 多 易有 失眠 焦慮 多 汗 體重減輕 心悸 大 脖子 眼球 突出 等 症狀 但 也 可能 週期性 使 血 中的 鉀 離子 急速 減少 造成 肌肉 無力 或 心律不整 這種 突發性 症狀 在 亞洲 年輕 男性 的 比例 特別 高 林 信 宏 提醒 甲狀腺 疾病 的 患者 一定 要 按時 服藥 及 門診 追蹤 維持 穩定 的 生活 作息 民眾 如 曾 無緣無故 突然 四肢 無力 也 要 小心 是否 為 潛 在 著 甲狀腺 疾病 造成 低 血 鉀 相關 的 週期性 肌 無力 症</t>
  </si>
  <si>
    <t>甲狀腺 鉀 離子 肌 無力 新冠肺炎</t>
  </si>
  <si>
    <t>中 澳 外交 僵局 不斷 加深 如今 又 在 新冠 疫情 肆虐 下 開闢 了 另 一個 戰場 據 cnn 新聞網 19 日 報導 北京 說 坎培拉 正 阻撓 它 在 太平洋 島國 巴布亞紐 幾內亞 papua new guinea 推出 中國 疫苗 而 澳洲 太平洋 事務部長 賽 索嘉 zed seselja 說 他們 支援 巴紐 根據 主權 做 決定 可是 北京 並 不 那麼 認為 7 月初 時 中方 官媒 環球時報 指控 澳洲 妨害 中國 疫苗 在 太平洋 推出 疫苗 1 名 中國外交部 發言人 痛 批 澳洲 說 它 破壞 亞太地區 的 疫苗 合作 多 年 來 中 澳 不斷 在 太平洋 較勁 而 相關 區域 對 兩 國都 有 戰略 優勢 的 重要性 而 巴紐 位於 美國 和 亞洲 之間 無論 對 澳洲 或 中國 來說 都 是 關鍵 軍事 集結地 也 是 未來 可能 的 防禦 設施 設置 點 澳洲 和 太平洋 有 長期 的 經濟 和 文化 關係 對 坎培拉 的 國家 安全來 說 確保 北京 不在 亞太 佔有 重要 地位 至關重要 而 對 北京 來說 相關 區域 則 象徵 擴張 影響力 的 機會 如今 種種 政治 運作 都 使 巴紐 的 新冠 疫情 成為 中 澳 另 一個 角力 場 雖然 巴紐 逃 過 了 2020 年 最 嚴重 的 新冠 疫情 但 今年 病例 卻 飆 升 至今 有 超過 17萬 人 確診 179 人 喪生 就 在 當地 病例 2 月 攀升 時 北京 宣佈 將 提供 疫苗 但 巴紐 直到 5 月 才 批准 而 環球時報 認為 這 是 澳洲 從中作梗 的 結果 報導 中 直指 澳洲 在 破壞 並 干擾 太平洋 島國 和 中方 在 疫苗 和 防控 措施 上 的 合作 不過 賽索嘉 說 儘管 澳洲 在 新冠肺炎 大 流行 時 有 派 衛生 專家 到 巴紐 以 加強 政府 相關 系統 並 提供 第 一線 的 後勤 支援 但 並未 就 中方 疫苗 的 效用 提供 建議 此外 他 強調 早 在 新冠 大流 行前 澳洲 就 對 巴紐 的 醫療衛生 專業 有 廣泛 貢獻 因此 任何 暗示 坎培拉 這麼 做 是 針對 其他 國家 的 說法 是 沒有 根據 的 事實上 自從 去年 澳洲政府 公開 要求 調查 新冠 病毒 起源 開始 中 澳 關係 就跌 入 穀底 隨 著 中 澳 在 太平洋 競相 爭取 影響力 北京 重新 聚焦 亞太 或許 意味著 更 多 金 援 也 將 賦予 太平洋 島國 更 大 的 談判 權</t>
  </si>
  <si>
    <t>新冠肺炎 疫苗 澳洲 中國 巴布亞紐 幾內亞</t>
  </si>
  <si>
    <t>大陸 昨 28 日 新增 新冠肺炎 確診 病例 101 例 其中 98 例 為 本土 病例 新疆 89 例 遼寧 8 例 北京 1 例 再 破 本輪 疫情 最高 記錄 也 是 自 4 月 中旬 以來 確診 數字 首次 破百 當中 新疆 新增 89 例 其中 43 例 為 無 症狀 感染者 轉 確診 病</t>
  </si>
  <si>
    <t>新冠肺炎 臺灣 兩 顆 桃子 背 後</t>
  </si>
  <si>
    <t>新冠肺炎 疫情 延 燒 衝擊 就業 市場 高盛 警告 美 國本 周 初領 失業 救濟金 人數 恐 突破 200萬 人 將 超越 1982 年 10 月 2 日 該 周 的 紀錄 經濟學家 警告 未來 情況 恐怕 更加 嚴峻 美國 失業率 恐 翻倍 至 8 勞工 部 19 日 報告 顯示 上周 迄至 3</t>
  </si>
  <si>
    <t>新冠肺炎 疫情 延 燒 衝擊 就業 市場 高盛 警告 美 國本 周 初領 失業 救濟金 人數 恐 突破 200萬 人 將 超越 1982 年 10 月 2 日 該 周 的 紀錄 經濟學家 警告 未來 情況 恐怕 更加 嚴峻 美國 失業率 恐 翻倍 至 8 勞工 部 19 日 報告 顯示 上周 迄至 3 月 14 日 初次 請領 失業 救濟金 人數 為 281萬 人 遠 高於 前 一 周 的 211萬 人 與 市場 預期 的 22萬 人 此 人數 為 2017 年 9 月 2 日 以來 最高 單周 增幅 33 則 超越 2008 年 金融危機 期間 的 14 但 高盛 銀行 經濟學家 警告 隨 著 美國 確診 病例 增加 全國 進入 緊急狀態 並 採取 封城 等 措施 運動 賽事 等 經濟 活動 紛紛 取消 就業 市場 恐 承受 更 大 衝擊 高盛 預估 本 周 初次 請領 失業 救濟金 人數 恐 暴 增至 225萬 人 這 將 是 上周 數量 八 倍 並 改寫 史上新 高 而 即使 是 最 保守 估計 也 會 超過 100萬 人 超越 1982 年 10 月 2 日 該 周的 紀錄 當時 申請 失業 救濟 人數 約 695萬 人 正大 聯合 會計師 事務所 grant thornton 首席 經濟學家 史旺克 diane swonk 如今 預測 美國 失業率 將 從 50 年 低 點 的 35 大幅 攀升 至 8 受到 新冠肺炎 疫情 影響 許多 民眾 擔憂 染病 足不出戶 航空 業 首當其衝 營 收 銳減 餐廳 旅館 與 零售 商店 生意 一落千丈 部分 商家 被迫 實施 裁員 或 直接 宣佈 歇業 以 俄亥俄州 為 例 光 本 周 前兩天 便 有 超過 48萬 人 申請 失業 救濟金 遠 高於 上周 同期 的 1825 人 賓夕 凡尼亞 的 情況 也 好 不 到哪去 週二 申請 失業 補助 高達 7萬 人 比起 三月 首 周 整個 禮拜 12萬 人 高出 許多 佛州 經濟 機會 部門 department of economic opportunity 表示 他們 本週一 至 週三 接 獲 76 萬通 詢問 就業 補助 的 電話 遠 高於 上周 整個 禮拜 總數 28 萬通 該 機構 計畫 增聘 逾 100 名 人手 藉 此 因應 如此 龐 大 需求</t>
  </si>
  <si>
    <t>新冠肺炎 臺灣 強制 實 聯 制 離 島 金門</t>
  </si>
  <si>
    <t>大陸 官方 健康 江蘇 微信 公眾 號 11 日 消息 大陸 10 日 0 24 時 新增 本土 確診 病例 83 例 其中 江蘇 占 54 例 全部 在 揚州 13 例 輕型 41 例 普通型 江蘇 省長 坦承 仍 有 感染者 是 透過 社會 篩查 發現 顯示 揚州 管控 還 存在 漏洞 揚州市 新冠肺炎 疫情 防控 工作 指揮部 已 自 11 日 清晨 6 30 起 展開 主城區 第 六 輪 大規模 核酸 檢測 大陸 國家 衛健 委 統計 10 日 0 24 時 新增 確診 本土 病例 83 例 江蘇 54 例 湖北 14 例 河南 7 例 湖南 5 例 雲南 2 例 北京 1 例 無 症狀 感染者 本土 7 例 湖北 5 例 河南 2 例 江蘇 7 月 20 日 至 昨 全省 累計 報告 本土 確診 病例 696 例 南京市 233 例 淮安市 12 例 揚州市 448 例 宿遷市 3 例 隔離 治療 中 確診 病例 685 例 其中 本土 確診 病例 666 例 輕型 122 例 普通型 509 例 重型 23 例 危重 型 12 例 無 症狀 感染者 8 例 其中 本土 無 症狀 感染者 1 例 江蘇 省長 吳政隆 10 日 下午 在 大陸 國家 省 揚州市 疫情 防控 三級 對接 會 說 從 核酸 檢測 情況 看 還有 部分 感染者 是 通過 社會 篩查 發現 的 表明 在 社區 和 城中村 管控 應隔盡 隔 應隔 快 隔上 還 存在 薄弱環節 和 漏洞 疫情 防控 形勢 非常 嚴峻 複雜 吳 政 隆 要求 進一步 研究 細化 形成 當天 的 任務 清單 工作 清單 加快 落地 見效 他 指出 隔離 管 控 必須 更加 徹底 更加 快速 必須 刻不容緩 將 密接 次 密接 以及 重點 人員 全部 轉運 隔離 到位 嚴格 隔離 點 安全 消防 防疫 的 管理 流 調 溯源 必須 更 全面 再 提速 在 做好 陽性 感染者 流 調 工作 的 同時 加強 前期 流 調 回頭 看 大規模 核酸 檢測 必須 更加 科學 高效 加強 全 流程 品質 控制 目標 人群 必須 應檢盡 檢 不漏 一 戶 不漏 一 人 加密 布點 就近 布點 精心組織 分 區分 時 實施 避免 人員 聚集 有序 快速 安全 採樣 不斷 提升 采 送 檢 的 匹配 度 切實 做到 一 天 出 結果 澎湃 新聞報導 揚州市 新冠肺炎 疫情 防控 工作 指揮部 已於 11 日 清晨 6 30 開展 主城區 第 六 輪 大規模 核酸 檢測</t>
  </si>
  <si>
    <t>新冠肺炎 大陸 江蘇 核酸 檢測 揚州</t>
  </si>
  <si>
    <t>新冠肺炎 臺灣 劉美芳 防疫 振興 金 民眾</t>
  </si>
  <si>
    <t>連鎖 餐飲 集團 瓦城 2729 受 新冠肺炎 疫情 衝擊 2020 年 首季 歸屬 母公司 稅 後 淨利 驟 減至 028億 元 新低 每股 盈 餘 eps 125 元 但 營運 仍 維持 獲利 表現 優於 市場 隨 著 疫情 逐漸 趨 緩 5 月 業績 已 見 回溫 曙光 公司 將 續 拼 維持</t>
  </si>
  <si>
    <t>新冠肺炎 疫情 延 燒 北 市府 近期 規 畫 裡 鄰 數位 建設 希望 透過 臺北 卡 敬老 卡 或 身分 證 在 裡 辦 嗶 一下 就 能 購買 額度 內 的 口罩 並 設置 智慧 販賣機 透過 學生 悠 遊卡 認證 還 可 在校 買 口罩 北市 副 市長 黃珊珊 說 資訊 局</t>
  </si>
  <si>
    <t>新冠肺炎 疫情 延 燒 北 市府 近期 規 畫 裡 鄰 數位 建設 希望 透過 臺北 卡 敬老 卡 或 身分 證 在 裡 辦 嗶 一下 就 能 購買 額度 內 的 口罩 並 設置 智慧 販賣機 透過 學生 悠 遊卡 認證 還 可 在校 買 口罩 北市 副 市長 黃珊珊 說 資訊 局 跟 中央 談 很 多次 現在 先 把 軟 體 弄 好 後面 最 重要 才是跟 中央 建置 相關 資料 黃珊珊 說 從 一 開始 有 疫情 時 口罩 就 很 難 購買 市長 柯文哲 希望 e 化 能 進步 且 臺灣 已是 科技 大國 但 發送 口罩 還 是 得 回到 健 保 卡 系統 由 藥局 執行 其實 區裡 鄰 的 系統 一直 都 很 健全 但 卻 缺乏 裡 鄰 的 資訊 設備 沒 電子化 建置 所以 柯 希望 落實 裡 鄰 黃說 以 發送 清冊 為 例 這 是 里幹事 去 挨家挨戶 簽名 造冊 很 浪費時間 未來 希望 用 電子化 方式 所 以北 市 6 月 有 臺北 卡 會上 線 還有 優 游付 會上 線 中央 身分 證 ic 卡 10 月 也 會 上線 北市 希望 整合 這些 東西 包括 健保 卡 統 整 裡 鄰 系統 相關 資訊 她 還 說 屆時 老人 或 身 障 者 可以 嗶 一下 拿走 該 拿 的 東西 當初 是 柯 看到 大家 都 在 排隊 想 說 怎麼 e 化 資訊 局 也 與 中央 談 很 多 次 怎麼 建置 規 畫 先 把 軟 體 弄 好 最 重要 是 後面 跟 中央 建置 相關 資料 北市 就 先 將 數位化 弄 好 至於 傳出 北市 衛生局 有 公文 流出 針對 防疫 旅館 硬體 措施 有 不 符合規定 因 此 產生 防疫 漏洞 希望 中央 協助 辦理 黃珊珊 回應 沒看 過 這 份 公文 北市 對 防疫 旅館 只是 媒 合 協助 收留 居家 檢疫 的 國際 客 並非 北市 核 不 核准 而 轉 介 的 防疫 旅館 需 經 北市 衛生局 觀 傳 局 確認 有 旅館 要 做成 防疫 旅館 她 也 予以 尊重 黃 強調 衛生局 不 會 說 誰 符合 誰 不 符合 因 這 是 民間 自主 行動 這不 是 公文 吧 看 起來 是 有人 發文 而已 跟 北市 合作 的 防疫 旅館 只 2 家 這 2 家 也 經 確認 符合規定 才 辦理 若 是 有 議員 覺得有 問題 的話 這 目前 也 不 屬 行政命令 的 規範 不能 說 不 符合 就 處罰</t>
  </si>
  <si>
    <t>新冠肺炎 北市 中央 買 口罩 黃珊珊</t>
  </si>
  <si>
    <t>川普 拜登 敗 選 新冠肺炎 美 大選</t>
  </si>
  <si>
    <t>新冠肺炎 陰謀論 甚囂塵上 曾經 來 過 臺灣 打 表演賽 的 前 網球 球王 沙 芬 marat safin 也 參 一 腳 語 出 驚 人稱 新冠 病毒 只 是 個 托詞 為的是 在 以後 對 人類 大規模 植入 晶 片 綽號 沙皇 的 沙芬 生涯 贏得 兩 屆 大 滿貫 賽事 現年 40 歲 的</t>
  </si>
  <si>
    <t>新冠肺炎 陰謀論 甚囂塵上 曾經 來 過 臺灣 打 表演賽 的 前 網球 球王 沙 芬 marat safin 也 參 一 腳 語 出 驚 人稱 新冠 病毒 只 是 個 托詞 為的是 在 以後 對 人類 大規模 植入 晶 片 綽號 沙皇 的 沙芬 生涯 贏得 兩 屆 大 滿貫 賽事 現年 40 歲 的 他 外 型俊 挺 在 全球 擁有 無數 球迷 沙芬 在 2009 年 退休 之後 轉換 跑道 投身 政壇 2011 年 第一 次 出馬 就 當選 俄羅斯 下議院 國會議員 沙 芬 透過 社 群 告訴 媒體 2015 年 微軟 創辦 人 比爾蓋茲 就 說 過 我們 將 會 遭遇 流行病 下 一個 敵人 是 病毒 不是 核 戰 他們 在 達沃斯 經濟 論壇 進行 了 模擬 之類 的 我 不 認為 蓋茲 會 預言 他 就 是 知道 會 有 病毒 沙 芬 說 他 認為 這次 病毒 造成 的 情況 和 過去 人們 的 認知 不 一樣 就 像 電視 上 播 的 恐怖 故事 大家 都會 相信 我 不 相信 人類文明 會 終結 我們 只 是 很快 就 會 植入 晶 片</t>
  </si>
  <si>
    <t>沙芬 俄羅斯 網球 陰謀論 新冠肺炎</t>
  </si>
  <si>
    <t>介文 汲 印度 大陸 疫情 新冠肺炎</t>
  </si>
  <si>
    <t>鄉 林 成都 青島 復工 新冠肺炎</t>
  </si>
  <si>
    <t>新冠肺炎 全球 南韓 bnt 疫苗 猝死</t>
  </si>
  <si>
    <t>目前 停泊 在 日本 橫濱 的 郵輪 鑽石 公主 號 全船 3700 多 人中 已經 有 218 人 確診 新冠肺炎 所有 乘客 都 必須 在 船上 隔離 不得 下船 宛如 海上 監獄 但 為何 鑽石 公主 號 三不 五 時就 離開 港口 出海 繞 圈 後 又 返 港 旅遊 達人 給出 了 專業</t>
  </si>
  <si>
    <t>郵輪 鑽石 公主 號 傑 水 輕 喃 出海 新冠肺炎</t>
  </si>
  <si>
    <t>新冠肺炎 疫情 不止 觀光業 生意 大 受 影響 尤其 傳出 確診 個案 第 268 例 曾 到 過 新北 市 金山老 街 和 烏來 老 街 2 地 業者 擔憂 雪上加霜 新北 市長 侯友宜 今 31 日 表示 一 開始 就 對 商圈 給予 補助 公有 租金 打 8 折 現在 則 已經 打 5 折</t>
  </si>
  <si>
    <t>新冠肺炎 疫情 不止 觀光業 生意 大 受 影響 尤其 傳出 確診 個案 第 268 例 曾 到 過 新北 市 金山老 街 和 烏來 老 街 2 地 業者 擔憂 雪上加霜 新北 市長 侯友宜 今 31 日 表示 一 開始 就 對 商圈 給予 補助 公有 租金 打 8 折 現在 則 已經 打 5 折 對 地上權 參與 bot 的 案子 地上 的 租金 全部 打 5 折 包括 權利 金 可以 最高 可以 短 縮 35 所以 這 部分 的 紓困 已 在 這個 月 公告 侯友宜 說 烏來 商 圈 也好 金山老 街 商圈 也好 其實 大家 不用 恐慌 因為 他們 每天 都 做 好 消毒 衛生 尤其 268 的 案子 已經 發生 1 個 多 月 了 所以 除了 再度 消毒 安民 心 以外 更 重要 的 是 期限 都 過 了 也 沒有 發生 商家 的 客人 或 商家 本身 有 發燒 的 情形 所以 民眾 大 可 不 用 恐慌 侯友宜 表示 預估 再一 段 時間 後 商圈 只 要 保持 好 整個 環境 的 衛生 相信 遊客 還 是 會 再 回來 的</t>
  </si>
  <si>
    <t>新冠肺炎 烏來 老 街 金山老 街 新北 市 侯友宜</t>
  </si>
  <si>
    <t>國際 經濟 情勢 新冠肺炎 二 次 疫情 風險 提高 不僅 美國 多 州 確診 人數 明顯 增加 原先 趨 緩 的 日 韓也 開始 生變 而 北京 更是 連環 爆出 感染 案例 進入 半 封城 狀態 讓 市場 相當 憂慮 疫情 恐 出現 大 爆發 狀況 於此 同時 全球 地緣 風</t>
  </si>
  <si>
    <t>新冠肺炎 臺灣 停課 延長 教育部</t>
  </si>
  <si>
    <t>新冠肺炎 全球 疫苗 第 3 劑 加強 針 科學家</t>
  </si>
  <si>
    <t>華視 內部 信 華視 總經理 莊豐嘉 新冠肺炎 臺灣</t>
  </si>
  <si>
    <t>分析 師 新冠肺炎 將 全球 推向 衰退 邊緣</t>
  </si>
  <si>
    <t>金融服務 公司 德維爾 devere group 的 執行長 奈 傑爾·格林 nigel green 週三 表示 新冠肺炎 對 主要 供應 鏈 和 支出 行為 的 打擊 正 將 世界 推向 今年 的 全球 衰退 邊緣 格林 補充 說 週一 和 週二 的 重大 拋售 以及 爆發 帶來 的 長期</t>
  </si>
  <si>
    <t>格林 新冠肺炎 風險 邊緣 德維爾</t>
  </si>
  <si>
    <t>日本 喜劇之王 志 村健 昨 30 日 因 罹 患 新冠肺炎 過世 享壽 70 歲 消息 一 出 引 各地 粉絲 哀悼 大 歎 童年 的 偶像 驟 逝 昨 鄭弘儀 則 在 節目 中 透露 有人 將 志 村 健 的 維琪百科 資料 惡意 竄改 死因 竟 被 寫 成 臺灣 肺炎 讓 鄭弘儀 氣 得 大</t>
  </si>
  <si>
    <t>新冠肺炎 疫情 持續 在 歐美 快速 擴散 美國 50 州 全數 淪陷 死亡 人數 破百 人 導致 民眾 開始 恐慌 瘋 搶 物資 美籍 youtuber 莫彩 曦 hailey 也 曝光 當地 情況 驚呼 超 誇張 好像 美國 末日 莫彩 曦 先 到 住家 附近 的 超市 她 透露 這</t>
  </si>
  <si>
    <t>新冠肺炎 疫情 持續 在 歐美 快速 擴散 美國 50 州 全數 淪陷 死亡 人數 破百 人 導致 民眾 開始 恐慌 瘋 搶 物資 美籍 youtuber 莫彩 曦 hailey 也 曝光 當地 情況 驚呼 超 誇張 好像 美國 末日 莫彩 曦 先 到 住家 附近 的 超市 她 透露 這裡 從來不 需要 排隊 現在 卻 出現 排隊 人潮 而且 架上 的 罐頭 衛生紙 泡 面 米 義 大利 面 都 賣 光 了 冰箱 的 牛奶 也 缺貨 要 下週一 才 會 補 貨 還 有 些 物資 貼出 限 購 公告 這 是 她 住 這麼久 第一 次 看到 限 購 而 她 到 好 市 多 也 發現 本來 平常 沒什麼 人 現在 竟 出現 長長的 排隊 人龍 比 整個 建築物 還 長 讓 她 相當 驚訝 很多 物資 也 全都 賣 光 另 一 間 超市 感冒藥 幹 洗手 衛生紙 等 也 都 沒了 讓 她 直 呼太 誇張 根本 是 美國 末日 而 她 也 點 出臺 美 大 不同 的 關鍵 是 臺灣政府 在 還 沒有 確診 者 之前 就 開始 防疫 但 美國 是 等到 很多 人 確診 後 才 開始 防疫 連彭博 新聞 都 稱讚 成果 就 是 人民 的 保守 而 不是 人民 的 恐慌 因此 臺灣人 是 保守 謹慎 狀態 但 美國 人 卻 落到 恐慌 狀態</t>
  </si>
  <si>
    <t>新冠肺炎 疫情 延 燒 臺灣 許多 產業 受到 衝擊 新竹 市政府 與 信 保 基金 臺灣 中小企業 銀行 合作 推出 的 便利 貸款 將 提供 受 疫情 影響 的 中小企業 不用 提供 擔保 品 即可 申請 貸款 截至 目前 可 貸 餘 額 尚有 13億 餘 元 市府 指出 因應 新</t>
  </si>
  <si>
    <t>新冠肺炎 疫情 延 燒 臺灣 許多 產業 受到 衝擊 新竹 市政府 與 信 保 基金 臺灣 中小企業 銀行 合作 推出 的 便利 貸款 將 提供 受 疫情 影響 的 中小企業 不用 提供 擔保 品 即可 申請 貸款 截至 目前 可 貸 餘 額 尚有 13億 餘 元 市府 指出 因應 新冠肺炎 ncp 疫情 延 燒 不少 產業 受到 影響 為 協助 營業 受 波及 的 中小企業 渡過難關 市府 已 與 信 保 基金 台企 銀 共同 研 商 紓困 方案 取得 共識 只要 是 因 這 波 疫情 造成 資金周轉 困難 的 中小企業 都 可向 市府 提出 申 貸 審查 小組 將 依 個案 紓困 需求 從優 審定 而 已經 核 貸 的 對象 也 可向 銀行 申請 放寬 償還 方式 與 展延 還款 期限 市府 將 會 盡 最 大 的 努力 來 幫忙 市府 表示 創業 便利 貸 共 提供 2億 元 資金 供 民眾 申請 其中 第 1 類 商業 第 4 類 個人 裝置 房地 型 太陽能 光電 設備 案件 合計 上限 6000萬 目前 尚 餘 5500萬 元 第 2 類 公司 第 3 類 從事 規 畫 設計 與 設置 太陽 光電 系統 之 公司 或 商業 案件 合計 上限 1億4000萬 目前 尚 餘 8325萬 元 有 資金 需求 的 企業 及 市民 可 把握 機會 提出 申請 此外 為 降低 中小企業 負擔 市府 更進一步 向信保 基金 爭取 信用 保證 手續費 的 放寬 措施 除了 每年 收取 核 貸 金額 05 的 保證 手續費 已 確認 調 降為 0375 外 針對 受 疫情 影響 而 申請 放寬 償還 及 展延 的 企業 市府 也 積極爭取 讓 這些 企業 在 展延 或 分期 還款 期間 可免 繳 保證 手續費 這項 措施 已 獲 信 保 基金 同意 支持 待 相關 規範 拍板 通過 後 即可 實施</t>
  </si>
  <si>
    <t>新冠肺炎 疫情 延 燒 疫苗 話題 近來 成為 民眾 關注 重點 日前 好 心肝 診所 被 踢 爆 深夜 違規 替 不符 資格 者 施打 az 疫苗 臺北市 9 日 開 罰 200萬 台幣 並 終止 合約 今 11 日 郭子幹 認 了 接種 疫苗 侯 昌明 夫妻 則 一 改 原本 說法 也 承認</t>
  </si>
  <si>
    <t>曾 雅蘭 侯 昌明 好 心肝 新冠肺炎 疫苗</t>
  </si>
  <si>
    <t>新冠肺炎 衝擊 勞動部 人力 需求 創 11 年 來 新低</t>
  </si>
  <si>
    <t>為 瞭解 今年 7 月底 就業 市場 人力 需求 情形 勞動部 在 4 月 20 日 至 5 月 8 日 針對 員工 規模 30 人 以上 的 事業 單位 辦理 人力 需求 調查 第 三 季 人力 需求 僅 有 2萬1101 人 為 近 11 年 來 同期 新低 其中 住宿 及 餐飲業 人力 需求 僅 有 931 人 也 是 近 11 年 來 同期 新低 109 年 第二 次 人力 需求 概況 有效 樣本 達 3051 家 此次 事業 單位 預計 7 月底 較 4 月底 人力 需求 達 2萬1100 人 為 近 11 年 來 最低 但 次於 金融 海嘯 同期 的 1萬9563 人 調查 發現 本期 需求 減少 較 多 主要 為 製造業 達 5635 人 支援 服務業 以 2542 人 次之 批發 及 零售業 以 1968 人 再 次之 住宿 及 餐飲業 也 減少 1738 人 需求 而 需求 減少 集中 在 員工 規模 在 99 人 以下 的 小規模 廠商 需求 減少 人數 達 7765 人 勞動部 統計 處處長 羅怡 玲 分析 受到 新冠肺炎 影響 民眾 減少 外出 及 消費但 宅 經濟 商機 升溫 5 g 通訊 及 人工智慧 等 新興 應用 科技 穩定 推 展 廠商 持續 擴 增 在 台 產能 及 電 商 平臺 蓬勃發展 加上 國內 疫情 控制 優於 各國 政府 推出 振興 經濟 措施 及 疫情 和緩 後 暑假 消費 旅遊 需求 事業 單位 仍 有 增 雇 員工 需求</t>
  </si>
  <si>
    <t>勞動部 新冠肺炎 衝擊 人力 需求 生活</t>
  </si>
  <si>
    <t>新冠 疫苗 疫苗 混打 新冠 疫苗 新冠肺炎 臺灣</t>
  </si>
  <si>
    <t>新冠肺炎 疫情 蔓延 臺灣 目前 累計 確診 數 達 24 例 其中 感染 源 還 在 調查 中 引發 人心惶惶 台大醫院 兒科 醫師 吳其穎 針對 許多 人 困惑 免疫力 越 強 越 好 做出 回應 並以 17 年 前 的 sars 疫情 為 例 指出 身體 強壯 的 青壯年 死亡</t>
  </si>
  <si>
    <t>大陸 央 視 新聞 用戶 端 14 日 報導 又 是 新 一 delta 毒 株 引發 本土 疫情 福建省 莆田市 仙游縣 縣長 應對新冠肺炎 疫情 工作 指揮部 指揮長 吳 海端 受訪 時 表示 目前 形勢嚴峻 大陸 國務院 專家 判斷 要 經過 三輪 以上 全程 核酸 檢測 根據</t>
  </si>
  <si>
    <t>大陸 央 視 新聞 用戶 端 14 日 報導 又 是 新 一 delta 毒 株 引發 本土 疫情 福建省 莆田市 仙游縣 縣長 應對新冠肺炎 疫情 工作 指揮部 指揮長 吳 海端 受訪 時 表示 目前 形勢嚴峻 大陸 國務院 專家 判斷 要 經過 三輪 以上 全程 核酸 檢測 根據 檢測 結果 再 做 初步判斷 相關 疫情 一 是 病毒傳播 速度 比較 快 二 是 感染 人群 主要 集中 在 小學 中老年人 最 大齡 84 歲 最小 5 歲 目前 主要 關注 三 個 鏈條 一 條 是 源頭 林 姓 男子 新加坡 回來 的 家族 第二 是 他 太太 的 工廠 第 三 是 他 小孩 所 在 學校 初步 判定 與 delta 病毒 序列 基因 相同 吳 海端 表示 隨 著 流 調 溯源 密接 者 現在 已經 找到 了 將近 1500 名 的 密接 者 還有 1600 多 名 的 次 密接 者 都已 管控 採取 幾 方面 措施 一 是 要 快 就是 要 切實 把 中 高風險 地區 把 人 給 按 下來 停止 流動 第二 個 要 溯源 就是 密接 者 跟 次 密接 者 均 進行 管控 第 三 請 專家 幫忙 做 很 好 的 指導 按照 大陸 國務院 疫情 防控 第 八 版 規定 進行 了 相關 一系列 處置 包括 後續 管 控 措施 等 都 按照 這個 預案 內容 進行 處置 吳 海端 稱 疫情 發生 在 小孩 群體 中 也 是 比較 大 的 難題 但是 一定 要 確保 去掉 這個 鏈條 的 傳播 在 安全為 前提 的 基礎 上 以 人 為 本 對於 如何 管控 大人 和 小孩 的 問題 作 了 研 判 也 請教 了 相關 專家 認為 還 是 根據 需要 考慮 兩 個 人 住 在 一個 房間 第二 個 同時 也 對 家長 心理 輔導 畢竟 進入 隔離病房 離開 了 家 他們 也 面臨 比較 大 的 壓力 給 他們 心理 輔導 對 小學生 特別 是 小 低齡 的 孩童 給 他 課外讀物 比如說 在 裡面 畫畫 讓 他 放鬆 如果 孩子 能 獨立 隔離 就 單獨 隔離 如果 需要 父母 在 旁邊 陪伴 那麼 就 把 他 的 父母 安排 在 另外 一個 房間 可以 聊天 當然 聊天 只能 在 隔壁 管控中 還 是 要 體現 人文 的 關懷 前提 是 要 做好 疫情 的 防控 防止 交叉 感染 吳 海端 說明 受 疫情 影響 很多 企業 停工 他們 特別 穿 上 防護 服 送 東西 上 工廠 都 做 了 預案 跟 安排 比如說 已 存 了 將近 40 噸 的 大米 還有 將近 1萬 斤 糧油 還有 5000 公斤 麵粉 還有 透過 網 購 跟 省內 大型 商超 聯繫 經由 網 購 和 專業 護送 按照 防疫 要求 全程 消 殺 確保 點 對 點 人 對 人 一對一 送貨上門 保障 工廠 正常 運轉</t>
  </si>
  <si>
    <t>新冠肺炎 福建 delta 工廠 管控</t>
  </si>
  <si>
    <t>人稱 國 師 的 星座 專家 唐綺陽 看 臺灣 新冠肺炎 疫情 她 認為 這次 清明 假期 完全 凸顯 大家 從 驚疑 害怕 恐慌 到 安全感 爆 棚 覺得 厄運 不 會 是 我 的 鬆懈 這樣 的 輕忽 自私 無疑 加大 了 撞車 翻車 的 機 率 疫情 是否</t>
  </si>
  <si>
    <t>人稱 國 師 的 星座 專家 唐綺陽 看 臺灣 新冠肺炎 疫情 她 認為 這次 清明 假期 完全 凸顯 大家 從 驚疑 害怕 恐慌 到 安全感 爆 棚 覺得 厄運 不 會 是 我 的 鬆懈 這樣 的 輕忽 自私 無疑 加大 了 撞車 翻車 的 機 率 疫情 是否 會 在 臺灣 造成 破 口 甚至 蔓延 的 這些 變數 唐綺陽 指出 兩 周後 才 見 真章 唐 綺 陽 表示 5 日 中午 是 今年 的 第一 波 木 冥 合 且 來到 合 相高峰 並 開始 出 相位 像是 沖 著 老人 來 引發 各界 高層 貴 冑 紛紛 中標 死亡 或 推動 疫情 進入 高峰 帶來 明確 的 死亡威脅 等 疫情 連 帶來 了 經濟 活動 停 擺 帶來 巨大損失 各國 政府 須 拿 出 巨大 金額 的 金錢 紓困 與 各種 企業 都 面臨 經營 困難 將 導致 倒閉 潮 失業 潮 她 指出 這樣 的 木 冥 合 相 今年 還有 兩 波 第 2 波 在 6 月 第 3 波 在 910 月 唐 綺 陽 觀測 星象 發現 火星 土星 持續 在 水 瓶 她 解釋 人多勢眾 群 聚 有毒 的 意象 四處 展現 輿論 風向 的 形成 若 來自 內在 陰暗 或 受害 發洩 就 會 造成 霸 淩 圍剿 肉 搜 公審 等 事件 頻發 尤其 在 網路上 更是 將 人性 之 惡 表露無遺 另外 因 見 臺灣人 怎麼 忽然 都 不怕 染病 紛紛 去 景點 玩 了 呢 唐 綺 陽 提出 警告 人 多 有毒 表現 在 人 擠 人 就 容易 中 鏢 她 認為 這 是 人性 最 被 考驗 的 時刻 苦勸 所有 臺灣人 真的 別 再 這樣 自我 下去 唐 綺 陽 表示 火 土 水 瓶 將 歷時 一個 半 月 群 聚 有毒 會 逼迫 大家 變 得 疏離 她 呼籲 我們 都 不 希望 成為 受害者 也 最好 不要 輸給 人性 成為 加害者 請 大家 對 此 星象 保持 警覺 並 時時 自省 勿 被 狂歡 誘惑 重要 星象 水 海雙魚 出 相位 第一 波 木 冥 合出 相位 水星 進 白羊 座 工作 注意 雙子 事情 別 只 看 表面 要 讀 懂 暗中 的 表達 獅子 有機 會 得到 員工 助力 工作 一飛沖天 天 蠍 別 一意孤行 免得 白 做工 射手 適合 和 熟人 有 默契者 互動 桃花 注意 處女 表達 愛意 時 要 懂得 浪漫 天 秤 適時 的 收斂 善意 以免 電 到 麻煩 桃花 水 瓶 好好 做 自己 保持 個人 本色 雙魚 有 失戀 之 感 或 考慮 放生 桃花 財運 注意 白羊 當心 情緒 性 的 揮霍 會 造成 破財 金 牛 好好 理財 會 獲得 回報 健康 注意 巨 蟹 注意 交通 問題 有 問題 就 趕緊 處理 魔羯 多 注意 身體 別 讓 小 問題 變成 老毛病</t>
  </si>
  <si>
    <t>張惇涵 蔡英文 新冠肺炎 志 工 臺灣</t>
  </si>
  <si>
    <t>清零 沈政男 三級 警戒 疫情 新冠肺炎</t>
  </si>
  <si>
    <t>新冠肺炎 自體 抗體 後遺症 嚴重 久</t>
  </si>
  <si>
    <t>臺北 農產 運銷 公司 爆發 新冠肺炎 群 聚 感染 確診 45 人 北 市府 除 安排 快 篩 外 市長 柯文哲 表示 要 讓 北農 員工 承包商 送貨員 等 約 4000 人 全面 施打 疫苗 用 打 疫苗 來 圍堵 疫情 第一 果菜 市場 22 日 淩晨 恢復 交易 在 門口 處 做好 量 體溫</t>
  </si>
  <si>
    <t>臺北 農產 運銷 公司 爆發 新冠肺炎 群 聚 感染 確診 45 人 北 市府 除 安排 快 篩 外 市長 柯文哲 表示 要 讓 北農 員工 承包商 送貨員 等 約 4000 人 全面 施打 疫苗 用 打 疫苗 來 圍堵 疫情 第一 果菜 市場 22 日 淩晨 恢復 交易 在 門口 處 做好 量 體溫 和 人流 控管 以防 疫情 持續 擴散</t>
  </si>
  <si>
    <t>新冠肺炎 臺灣 恢復 交易 疫情 控管</t>
  </si>
  <si>
    <t>疫情 邊境 管制 使 臺北市 國際 觀光 飯店 住房 業務 成為 重災區 全台 量 體 最 大 的 臺北 君悅酒店 也 撐不住 傳出 將 規 畫分 階段 精簡 人力 對此 臺北 君悅酒店 發表 聲明 坦言 因 國際 旅客 跨境 旅遊 短 時間 無法 回復 必須 迅速 調整 運行 策略 在 年前 實施 人力 調整 計畫 新冠肺炎 疫情 致使 臺灣 實施 邊境 管制 衝擊 全台 飯店 住房 業務 據 觀光局 統計 2020 年 前 三 季 全台 國際 觀光 飯店 平均 住房 率 自 6849 驟 減至 377 平均 房價 自 3895 元 降 至 3763 元 年 減 339 客房 平均 收益 revpar 自 2620 元 降 至 1419 元 年 減 4586 其中 以 接待 國際 旅客 為主 的 臺北市 國際 觀光 飯店 受 創 最重 前 三 季 平均 住房 率 自 7323 暴跌 至 2574 平均 房價 自 4524 元 降 至 3620 元 年 減 1998 客房 平均 收益 revpar 自 3313 元 驟 減至 932 元 年 減 達 7187 而設有 850 間 客房 9 間 餐廳 及 酒吧 的 臺北 君悅酒店 營運 自然 亦 難 逃 衝擊 據 觀光局 統計 臺北 君悅酒店 前 三 季 營 收 949億 元 年 減 達 5574 其中 因 客房 平均 收益 暴跌 7736 致使 住房 營 收 年 減 達 7732 餐飲 營 收 亦 年 減 3373 受 疫情 衝擊 影響 臺北 君悅酒店 傳出 決定 分 階段 啟動 人力 精簡 計畫 首 階段 采 宣 導 方式 鼓勵 同仁 優 退 或 申請 轉調 部門 強調 一切 比照 勞基法 規定 辦理 目標 精簡 約 80 人 約 占 員工 總數 700 名 的 1 成 出頭 對此 臺北 君悅酒店 發表 聲明 表示 由於 全球 疫情 持續 蔓延 國際 旅客 跨境 旅遊 短期 內 無法 回復 臺北 君悅酒店 與 大部分 旅遊 及 國際級 品牌 酒店 同業 一樣 今年 館內 營運 受到 極為 嚴重 影響 面對 疫情 挑戰 必須 迅速 調整 運行 策略 於 年前 實行 人力 調整 計畫 臺北 君悅酒店 總經理 陳 隆慶 表示 2020 年 是 前所未有 艱辛 的 一 年 由衷感謝 酒店 全心 貢獻 的 每 位 員工 實施 人力 調整 計畫 是 一 項 無比 艱難 的 決定 但 期盼 透過 資源 統 合 讓 館內 業務 持續 發展 並能 在 未來 繼續 為 各方 賓客 及 社 群 提供 服務 臺北 君悅酒店 由 豐隆 集團 旗 下 千禧 國際 酒店 集團 及 新加坡 城市 發展 公司 共同 出資 興建 委 由 凱悅酒店 集團 經營 管理 1990 年 9 月 以 臺北 凱 悅 大 飯店 名稱 開幕 隨後 配合 凱 悅 集團 統一 全球 品牌 中文名稱 策略 更名 今年 開業 邁 入 30 周年 日前 亦 與 完成 凱 悅 續約</t>
  </si>
  <si>
    <t>臺北 君悅酒店 員工 人力 調整 新冠肺炎</t>
  </si>
  <si>
    <t>中 時 電子 報 精選 5 件 不可不 知 的 國際 大事 帶 讀者 掌握 今 10 日 的 國際 新聞 重點 1 傳 台 美 討論 新 who 美國 衛生部長 阿劄爾 alex azar 9 日 抵 台 日本 產經新聞 報導 阿劄爾 本次 來訪 將 與 我 官員 討論 新 的 國際衛生組織 取代 世界衛生組織 who 的 可能性 並 交換意見 對此 總統府 指出 此次 台美 防疫 交流 未 涉及 所謂 成立 新 的 國際 組織 事宜 間接 否認 報導 2 美 2 周內 激增 近 10萬 兒童 確診 新冠 美國 新冠肺炎 感染 人數 突破 500萬 人 最新 報告 指出 才 短短 2 周 美國 就 新增 將近 10萬 名 兒童 確診 3 白宮 國安 顧問 陸 駭 客 攻擊 美 大選 設備 白宮 國家 安全 顧問 歐 布萊恩 robert o&amp;apos brien 9 日 表示 和 北京政府 有 關的 駭 客 正 在 攻擊 和 美國 總統大選 有關 的 網站 及 相關 設備 藉 此 干預 大選 讓 川普 輸 掉 選舉 他 告誡 俄羅斯 大陸 伊朗 不要 干預 選舉 否則 會 面臨 嚴重後果 4 貝魯特 奪 命大 爆炸 最新 畫面 曝光 黎巴嫩 首都 貝魯特 4 日 驚天動地 的 大 爆炸 至今 導致 超過 220 人 死亡 7000 多 人 受傷 新 公開 的 錄 影 畫面 顯示 事故 剛 開始 發生 時 伴隨 著 濃煙 有 一連串 煙火 閃現 5 104 年 來 最 大 美北 卡羅萊納州 發生 51 級 地震 美國 北卡羅萊納州 9 日 上午 發生 規模 51 級 地震 是 該州 104 年 來 最 大 地震 所幸 地震 只 造成 輕微 影響 部分 路面 出現 裂縫 超市貨架 上 貨物 掉落 地上</t>
  </si>
  <si>
    <t>新冠肺炎 臺灣 機組員 喊 卡 規劃</t>
  </si>
  <si>
    <t>新冠肺炎 臺灣 台大醫院 隔離 通知</t>
  </si>
  <si>
    <t>日前 飛往 米蘭 參加 2020 時裝周 的 韓流 女神 宋慧喬 隨 著 新冠肺炎 在 日 韓 歐美 等 地 陸續 爆發 疫情 宋慧喬 一 回到 韓國便 立即 進行 自主 隔離 但 人氣 依然 旺盛 的 她 近日 接受 泰國 雜誌 專訪 登 上 封面 穿 著 深 v 禮服 小露 性感 吸引 網</t>
  </si>
  <si>
    <t>日前 飛往 米蘭 參加 2020 時裝周 的 韓流 女神 宋慧喬 隨 著 新冠肺炎 在 日 韓 歐美 等 地 陸續 爆發 疫情 宋慧喬 一 回到 韓國便 立即 進行 自主 隔離 但 人氣 依然 旺盛 的 她 近日 接受 泰國 雜誌 專訪 登 上 封面 穿 著 深 v 禮服 小露 性感 吸引 網友 們 注意 近日 正逢 泰國 版 harper bazaar 15 周年紀念 找來 宋慧喬 擔任 這次 的 封面人物 只 見 她 換上 多 套 造型 露出 白皙 美 腿 擺 出 各種 帥氣 姿勢 其中 一 張 她 穿 著 v 到 肚臍 的 刺繡 洋裝 東西 半球 若隱若現 加上 冷豔 表情 讓 網友 們 看到 紛紛 留言 姊 姊 太 殺人 了 這 組 我 好 愛 造型 都 好 適合 她 songjoongki songhyekyo @song 0919 song 分享 的 貼 文 於 pst 2020 年 3 月 月 7 日 上午 9 46 張貼</t>
  </si>
  <si>
    <t>蔡英文 總統 9 日 在 桃園 市長 鄭文燦 陪同 下 到 龜 山區 易廷 企業 視察 她 感謝 口罩 國家隊 成員 日以繼夜 的 努力 強調 本 周 臺灣 口罩 產能 已 可 達 單日 出 貨 1000萬 片 加上 假日 平均 920萬 片 將 再 新增 30 條 產 線 3 月底 陸續 交 機 坦言 口罩 政策 一 開始 有異 音 隨 著 產量 上升 未來 配送 制度 會 更 彈性 所有 成績 都 證明 臺灣 是 全球 防疫 網 不可或缺 的 一 份子 不過 新冠肺炎 疫情 延 燒 全台 鬧 口罩 荒 政府 推 口罩 實 名 登記制 雖 獲 不少 人 支持 但 也 有 不少 民眾 抱怨 還 是 買不到 口罩 中 時 新聞網 特 舉行 ivoting 網路 投票 請問 網友 政府 推行 口罩 實 名 制 至今 你 覺得 成功 嗎 截至 3 月 9 日 晚間 9 時許 共有 1214 人 投票 竟 有 1005 票 認為 不 成功 占總 投票 數 近 83 只 有 181 票 認為 成功 僅 占 15 其他 28 票 無 意見</t>
  </si>
  <si>
    <t>新冠肺炎 疑 社區 感染 1 死 新增 2 例 確診 為 兄弟 無 旅遊 史</t>
  </si>
  <si>
    <t>根據 第一 財經 報導 因 疫情 防控 工作 需要 經 廈門市 應對新冠肺炎 疫情 工作 指揮部 同意 自 9 月 14 日 起 廈門市 屬 中小學 幼稚園 中職 學校 改為 線 上 教學 另 據 微信 公眾 號 廈門 長途汽車站 消息 指出 從 2021 年 9 月 14 日 零 時 起</t>
  </si>
  <si>
    <t>根據 第一 財經 報導 因 疫情 防控 工作 需要 經 廈門市 應對新冠肺炎 疫情 工作 指揮部 同意 自 9 月 14 日 起 廈門市 屬 中小學 幼稚園 中職 學校 改為 線 上 教學 另 據 微信 公眾 號 廈門 長途汽車站 消息 指出 從 2021 年 9 月 14 日 零 時 起 廈門 暫停 各 長途汽車站 發 往 省 內外 各地 的 所有 客運 班車 具體 恢復 營運 時間 另行通知 已 購買 9 月 14 日 零 時 後 車票 的 旅客 可 通過 相應 的 線 上 購票 平臺 或 各 汽車站 售票 視窗 辦理 免費 退票</t>
  </si>
  <si>
    <t>廈門 新冠肺炎 大陸 汽車 線 上 教學</t>
  </si>
  <si>
    <t>大舅 確診 花蓮 萬華 新冠肺炎</t>
  </si>
  <si>
    <t>新冠肺炎 大 智 公園 邱素真 陳 雅惠</t>
  </si>
  <si>
    <t>興 櫃 股 普生新冠肺炎 試劑 向 台 tfda 申請 上市</t>
  </si>
  <si>
    <t>普生 4117 宣佈 初步 已 完成 新冠肺炎 檢測 大宗 的 反 轉錄 聚合 酉 每 連鎖反應 rt-pcr 核酸 檢測 試劑 套 組 研發 生產 目前 已 小批量 出 貨 東南亞 中東地區 並 同步 向 臺灣 食 藥 署 tfda 和 歐盟 ce 認證 提出 許可 申請 普生 指出</t>
  </si>
  <si>
    <t>普生 新冠肺炎 試劑 臺灣 tfda 核酸 檢測 試劑</t>
  </si>
  <si>
    <t>新冠肺炎 疫情 不斷 升溫 精品 快 時尚 甚至 汽車 都 受到 影響 精品 品牌 像是 lv ralph lauren tory burch 選擇 關閉 某些 美國 零售店 並 另 有 多 家 品牌 取消 早春 大 秀 adidas 宣佈 即 起 關閉 北美 及 歐洲 店鋪 至 3 月 29 日 止 據 外 媒 報</t>
  </si>
  <si>
    <t>新冠肺炎 疫情 不斷 升溫 精品 快 時尚 甚至 汽車 都 受到 影響 精品 品牌 像是 lv ralph lauren tory burch 選擇 關閉 某些 美國 零售店 並 另 有 多 家 品牌 取消 早春 大 秀 adidas 宣佈 即 起 關閉 北美 及 歐洲 店鋪 至 3 月 29 日 止 據 外 媒 報導 adidas 總部 發出 電 郵 表示 我們 必須 維持 公司 運轉 確保 能 向 所有人 支付 薪資 要 在 健康 環境 下 維持 營運 需要 更 多 勇氣 與 毅力 讓 今年 下滑 的 業績 更 雪上加霜 此外 除 了 美國 加拿大 以外 h&amp;m 也 已 關閉 德國 比利時 義 大利 波蘭 捷克 澳洲 盧森堡 波士尼亞 等 國家 地區 所有 門市 與 希臘 部分 店鋪 統計 已 暫時 關閉 全球 近 上 千家 門市 戴姆勒 福斯 等 汽車 集團 都 宣佈 因應 疫情 的 發展 採取 暫停 歐洲 的 生產線 國內 相關 品牌 分公司 則 回應 目前 新車 供應 不受 影響 戴姆勒集團 宣佈 由於 新冠肺炎 病毒 大 流行 決定 暫 停 在 歐洲 的 多數 生產 及 部分 行政部門 的 工作 初期 先 停工 2 周 停工 生產線 主要 供應 歐洲 市場 的 乘用車 及 商 用車 同時 也 會 評估 全球 供應 鏈 的 狀態 福斯 集團 也 宣佈 考慮 到 疫情 的 惡化 及 零件 供應 的 不 確定性 暫停 西班牙 葡萄牙 及 斯洛伐克 等 工廠 集團 旗 下 lamborghini 及 ducati 兩 品牌 的 工廠 也 會 在 本 周 停工 至於 其他 在 德國 和 歐洲 的 工廠 也 準備 停工 可能 會 持續 2 周 另外 在 大陸 除了 長沙 和 烏魯木齊 的 工廠 外 已 恢復 生產 國內 包括 臺灣 賓士 臺灣 福斯 均 表示 由於 國內 銷售 及 訂購 的 車輛 大多 已 先 運 抵 臺灣 部分 也 在 海運 途 上 因此 近期 的 供應 不成問題</t>
  </si>
  <si>
    <t>自由 座 高鐵 新冠肺炎 臺灣 疫情</t>
  </si>
  <si>
    <t>新冠肺炎 臺灣 9 月 施打 75 歲</t>
  </si>
  <si>
    <t>立 法院 社會福利 及 衛生 環境 委員會 今天 審查 新冠肺炎 疫苗 採購 調閱 專案小組 運作 要點 草案 再度 爆發 藍 綠黨 團 舌戰 藍營 因 不滿 綠 營 排定 討論 時間 僅 有 1 小時 主張 先 依 原定 議程 讓 衛福 部長 陳時中 進行 業務 報告 但 遭 綠 營 壓倒 性</t>
  </si>
  <si>
    <t>討論 新冠肺炎 疫苗 採購 調閱 專案小組 運作</t>
  </si>
  <si>
    <t>上田晉 也 東奧 即時 報導 新冠肺炎 日本</t>
  </si>
  <si>
    <t>防範 新冠肺炎 超前 部署 新北 市 將 在 14 日 進行 號稱 國際 首 場 新冠肺炎 大規模 實兵演習 更 將 出動 化 學兵 對於 新 北大 動作 操演 北 市府 是否 跟進 臺北市 副 市長 黃珊珊 今 表示 災害 應變 中心 所有 局 處 已於 2 月 14 日 針對 社區 感染 做</t>
  </si>
  <si>
    <t>防範 新冠肺炎 超前 部署 新北 市 將 在 14 日 進行 號稱 國際 首 場 新冠肺炎 大規模 實兵演習 更 將 出動 化 學兵 對於 新 北大 動作 操演 北 市府 是否 跟進 臺北市 副 市長 黃珊珊 今 表示 災害 應變 中心 所有 局 處 已於 2 月 14 日 針對 社區 感染 做 兵 棋 演練 與 實兵演練 是 一樣 的 不會 特別 再 去 辦 實兵演練 黃珊珊 說 每個 城市 有 自己 的 方式啦 北市 聯合醫院 尤其 是 和平 院區 相關 的 演練 每年 都 在 做 已經 在 2 個 月 前 做 了 好幾 次 不會 特別 再 去 辦 一個 實兵演練</t>
  </si>
  <si>
    <t>新冠肺炎 臺灣 板橋 新北 侯友宜</t>
  </si>
  <si>
    <t>1 月 17 日 0 24 時 31 個 省 自治區 直轄市 和 新疆生產建設兵團 報告 新增 確診 病例 109 例 其中 境外 輸入 病例 16 例 上海 4 例 陝西 3 例 浙江 2 例 湖南 2 例 北京 1 例 天津 1 例 福建 1 例 廣東 1 例 四川 1 例 本土 病例 93 例 河北 54 例 吉林 30 例 黑龍江 7 例 北京 2 例 1 月 17 日 0 24 時 石家莊市 新增 新冠肺炎 確診 病例 52 例 其中 含 多 名 小學生 目前 對 所有 追蹤 到 的 密切接觸 者 已 全部 採取 集中 隔離 醫學觀察 措施 各項 防控 措施 有序 進行 此外 據 北京 衛健 委 微博 消息 1 月 17 日 0 時至 24 時 新增 2 例 本地 確診 病例 都 在 大興區 新增 1 例 境外 輸入 確診 病例 11 日 從 從 塞爾維亞 出發 經 丹麥 乘坐 國航 ca 878 航班 於 12 日 到達 北京首都機場 在 機場 做 的 核酸 檢測 結果 為 陰性 入住 隔離 酒店 後 17 日 核酸 檢測 結果 為 陽性 轉送 地壇醫院 後 當日 診斷 為 確診 病例 入 京 北京 最新 的 防疫 隔離政策 為 14 7 714 天 住 在 酒店 集中 隔離 第一 個 7 天 回到 家裡 居家 檢疫 儘量 不 要 外出 非必要 不要 外出 如果 必須 外出 儘量 不 去 人群 聚集 的 地方 各 社區 政策 不同 第二 個 7 天 如何 規範 還 在 等 北京市政府 的 通知 這周 應該 即將 公佈</t>
  </si>
  <si>
    <t>新冠肺炎 ncp 疫情 持續 升溫 口罩 之 亂 下有 熱心 網友 發起 我 ok 你 先 領 活動 ott 業者 則 是 因應 防疫 宅 在家 的 需求 號召 民眾 少 出門 多 看 劇 由 串流 電視 平臺 ovo 聯合 kktv 愛 奇 藝 四季 線 上 呼籲 大家 在 家 追 劇</t>
  </si>
  <si>
    <t>新冠肺炎 ncp 疫情 持續 升溫 口罩 之 亂 下有 熱心 網友 發起 我 ok 你 先 領 活動 ott 業者 則 是 因應 防疫 宅 在家 的 需求 號召 民眾 少 出門 多 看 劇 由 串流 電視 平臺 ovo 聯合 kktv 愛 奇 藝 四季 線 上 呼籲 大家 在 家 追 劇 降低 人群 接觸傳染 風險 同時 合 推 各 ott 免費 收 視 特 惠 組 現在 購買 ovo 尊爵 機 tv switch 享 特價 再 加 值 送 kktv 愛 奇 藝 180 天 50 頻道 自由 選 365 天 或 好 禮 三 選 一 藉 由 多元 優惠 讓 各 消費 族群 減少 出門 降低 疫情 傳播 的 風險 受 新冠肺炎 影響 今年春節 各 大 ott 流量 較 去年同期 有 兩 成 到 五 成 不等 的 成長 春節 後 宅 在家 追 劇 減少 外出 娛樂 的 需求 更是 創下 流量 創新 高 為 讓 觀眾 追 劇 無 負擔 ovo 聯合 三大 ott 服務 推出 免費 收 視 方案 讓 無論是 喜愛 日劇 陸 劇 電影 或 電視頻道 的 消費者 都能 找到 適合 自己 的 專屬 優惠 我們 呼籲 民眾 少 出門 多 看 劇 減少 疫情 傳播 風險 與 搶購 口罩 的 需求 ovo 創辦 人 暨 執行長 吳 有 順 表示 感謝 各 大 內容 夥伴 的 支援 能 在 非常 時期 提供 特別 優惠 讓 消費者 輕鬆 滿足 居家 影視 需求 ovo 平臺 內容 陣營 日益壯大 無論是 新 登場 的 kktv 長銷 型 的 愛 奇 藝 或 廣受 歡迎 的 四季 線 上 頻道 自由 選 都 擁有 為數不少 的 支持者 如 已 訂閱 內容 消費者 ovo 尊爵 機 tv switch 特價 再 祭出 好 禮 三 選 一 優惠 免費送 藍 牙 語音 遙控器 愛 奇 藝 季卡 或 音樂 隨行 杯 二 代 ovo 防疫 特 惠 尊爵 機 tv switch 特價 再 送 kktv 愛 奇 藝 180 天 或 50 頻道 自由 選 365 天 或 好 禮 三 選 一 都可 直接 上網 選購 讓 大家 少 出門 多 看 劇</t>
  </si>
  <si>
    <t>新冠肺炎 防疫 追 劇 ott ovo</t>
  </si>
  <si>
    <t>新冠肺炎 臺灣 谷關 停業 家 飯店</t>
  </si>
  <si>
    <t>鴻 海 旗 下 封 測 廠 訊 芯 -ky 6451 營運 生產 雖 受 新冠肺炎 疫情 衝擊 但 隨 著 產能 恢復 良好 2020 年 第二 季 獲利 自 2 年 低點 強 彈 雙 升 登 近 4 年 同期 高點 每股 盈 餘 142 元 累計 上半年 獲利 不減 反 增 年 增 1322 至 197億 元 每</t>
  </si>
  <si>
    <t>鴻 海 旗 下 封 測 廠 訊 芯 -ky 6451 營運 生產 雖 受 新冠肺炎 疫情 衝擊 但 隨 著 產能 恢復 良好 2020 年 第二 季 獲利 自 2 年 低點 強 彈 雙 升 登 近 4 年 同期 高點 每股 盈 餘 142 元 累計 上半年 獲利 不減 反 增 年 增 1322 至 197億 元 每股 盈 餘 188 元 亦 雙 創 近 4 年 同期 高點 訊 芯 2020 年 第二 季 合併 營 收 1112億 元 季增 1061 年 減 2759 不過 毛利率 265 營益 率 1469 優於 首季 2577 1129 及 去年同期 1886 687 雙創 近 4 年 同期 高點 在 營 收 規模 回升 本業 獲利 顯著 增加 配合 業外 顯著 由 虧 轉 盈 挹注 訊 芯 第二 季 歸屬 母公司 稅 後 淨利 達 149億 元 季增達 21 倍 年 增 2015 每股 盈 餘 eps 142 元 雙創 近 4 年 同期 高點 累計 訊 芯 上半年 合併 營 收 2117億 元 年 減 2852 但 毛利率 2615 營益 率 1307 雙創 近 4 年 同期 高點 雖然 業外 由 盈 轉 虧 歸屬 公司稅 後 淨利 仍 達 197億 元 年 增 1322 每股 盈 餘 eps 188 元 雙創 近 4 年 同期 高點 訊 芯 首季 營運 受 疫情 衝擊 中國 大陸 廠 區 延遲 復工 影響 營運 表現 第二 季營 收 隨 著 生產 狀況 恢復 回升 且 轉型 效益 顯現 帶動 毛利率 營益 率 同步 躍進 配合 補助 挹注 業外 由 虧 轉 盈 帶動 獲利 強 彈 成長 動能 顯著 優於 營 收 訊 芯 2020 年 7 月 自 結合 並 營 收 39億 元 較 6 月 383億 元 增加 174 站上 近 3 月 高點 仍 較 去年同期 416億 元 減少 625 累計 1 7 月 合併 營 收 2507億 元 較 去年同期 3378億 元 減少 2578 展望 後市 面對 疫情 貿易戰 等 直接 性 衝擊 訊 芯 將 維持 積極 穩健 態度 審慎 佈局 越南 子公司 及 中山 子公司 三期 廠房 本 季 產 能 將 開出 有望 使 集團 產 能 更 完善 規 畫 聚焦5 g 光通訊 感應 器 等 3 大 終端 市場 應用 有 信心 在 挑戰 中 締造 亮 眼 表現 訊 芯 認為 5 g 光通訊 感應 器 均 能 銜接 目前 及 未來 市場 產品 上升 趨勢 帶動 集團 系統 級 封裝 sip 產品 及 高速 光纖 收發 模 組 業務 成長 法人 則 認為 在 5 g 基地 台 建置 需求 續 強 配合 蘋果 新款 iphone 封 測 釋單 看好 訊 芯 下半年 營運 動能 有望 逐 季 走 強</t>
  </si>
  <si>
    <t>日本 nhk 報導 一 名 感染 新冠肺炎 的 孕婦 在 本月 上旬 順利 生產 新生 嬰兒 在 經過 檢查 後 確定 沒有 染 上 新冠肺炎 母子 平安 出 院 這 名 產婦 是 在 快 生 產前 染 上 新冠肺炎 而且 出現 肺炎 症狀 緊急 入院 住 進 日本 神 奈川 的 北裡 大</t>
  </si>
  <si>
    <t>生產 新冠肺炎 產婦 檢查 出院</t>
  </si>
  <si>
    <t>少 了 國外 刷 卡 信用卡 刷 卡 量 就 是 有差 儘管 國內 持續 有 報復 性 出遊 及 消費 但 8 月 信用卡 刷 卡 金額 近 2347億 元 仍 是 比 2019 年 8 月 少 刷 了 254億 元 衰退 977 前 8 月 累計 刷 卡 金額 1 兆 9750億 元 去年同期 則 是 破 21 兆 元 衰退 幅度 754 是 11 年 來 同期 首度 衰退 國內 33 家 髮卡 機構 8 月 刷 卡 金額 只 有 5 家 比 去年同期 成長 其中 又 以 玉山 銀行 聯邦 銀行 與 永豐 銀行 成長 10 12 以上 最為 顯著 三 家 銀行 都 是 有 高 回 饋 率 的 神 卡 如 玉 山 銀行 有 pi u bear only 三 張神 卡 聯邦 銀 則 有賴 點 卡 永豐 銀 則 是 dawho 卡 有效 吸走 其他 銀行 的 信用卡 客戶 玉 山 銀 不止 以 3906億 元 拿下 8 月 信用卡 刷 卡 量 第一 名 前 8 月 玉 山 銀行 信用卡 累計 刷 卡 金額 3167億 多元 以 不 到 3億 元 的 差距 成功 超越 國泰世 華銀 終於 坐上 累計 刷 卡 量 第一 名 的 寶座 已 蟬聯 五 年 年度 刷 卡 量 第一 名 的 國泰 世 華銀 8 月底 有 一 批次 的 保費 刷 卡 來不及 進帳 單月 刷 卡 量 僅 35274億 元 位居 市場 第二 前 8 月 累計 刷 卡 量 則 為 3164億 多元 還是 有 機會 翻 盤 超越 玉山 銀 拿 回 年度 刷 卡 王 的 地位 同時 8 月 國泰 世 華銀 的 流通 卡 數 正式 突破 700萬 卡 與 第一 名 的 中信 銀 只 差 11萬 多 張 而 近 半 年 有 使用 紀錄 的 有效 卡 數則 突破 500萬 卡 維持 市場 第一 大 前 8 月 累計 刷 卡 量 第 三大 是 中信 銀 以其 712萬 多 張總 流通 卡 數 及 每年 報稅 月 都是刷 卡 量 第一 名 累計 刷 卡 金額 2991億 多元 排名 市場 第 三大 第 四大 則 是 台新銀 的 2261億 元 臺北 富 邦 銀 則 是 1801億 元 排名 第 五 同時 信用卡 大 者 恒 大 態勢 已 確立 2019 年 前 8 月 信用卡 前 五大 刷卡 行 即 國泰 中信 玉山 台新 及 北 富 銀 刷 卡 市 占 率 合計 65 左右 今 年前 8 月 已 拉高 到 近 678 上升 逾 兩 個 百分點 若 加上 花旗 銀 則 六 家 銀行 刷 卡 量 囊括 近 74 的 市場 不過 因為 新冠肺炎 造成 國人 今年 出國 旅行 消費 大 減 儘管 國內 消費 及 旅遊 興起 但 各 銀行 信用卡 刷 卡 量 多 是 比 去年 衰退 只 要 少數 有 高回 饋 率 信用卡 的 銀行 如 玉 山銀才 有 較 顯著 的 成長</t>
  </si>
  <si>
    <t>回 饋 信用卡 刷 卡 新冠肺炎</t>
  </si>
  <si>
    <t>貴州 無 新 增 新冠肺炎 病例 累計 出 院 140 例</t>
  </si>
  <si>
    <t>累計 確診 國內 新冠肺炎 解 隔離</t>
  </si>
  <si>
    <t>新冠肺炎 口罩 實 聯 制 店員 賴爾富</t>
  </si>
  <si>
    <t>臺灣 近期 多 日 傳出 無 新 增 新冠肺炎 確診 捷報 即時 外 送 平臺 foodpanda 為 感謝 醫護人員 辛勞 3 月 宣佈 贊助 第一 線 防疫 人員 共 1萬 份 免費餐 點 優惠 盼 透過 熱騰騰 的 一 餐 為 防疫 人員 加油打氣 統計 1 個 月 來 優惠 使用率 已 達 6 成 f</t>
  </si>
  <si>
    <t>臺灣 近期 多 日 傳出 無 新 增 新冠肺炎 確診 捷報 即時 外 送 平臺 foodpanda 為 感謝 醫護人員 辛勞 3 月 宣佈 贊助 第一 線 防疫 人員 共 1萬 份 免費餐 點 優惠 盼 透過 熱騰騰 的 一 餐 為 防疫 人員 加油打氣 統計 1 個 月 來 優惠 使用率 已 達 6 成 foodpanda 此次 將 首 波 贊助 優惠 送給 臺北市 各 大 醫院 各 發出 1千 份 免費餐 點 優惠 碼 再 提供 給 全台 連鎖 藥局 同時 開放 各地 抗 疫 人員 線 上 領取 優惠 包括 醫生 護理 師 呼吸 治療師 臨床 心理 師 醫院 行政 人員 藥師 研究員 消防 員 防疫 專車 司機 等 抗 疫 人員 經過 1 個 月 的 申請 與 發送 foodpanda 共計 發出 1萬 份 優惠 碼 目前 使用率 已 達 6 成 foodpanda 也 收到 許多 來自 一線 醫護 同仁 回 饋 肯定 優惠 碼 幫助 並 感謝 外 送 員 協助 foodpanda 亦 將 醫護人員 的 致謝 分享 給 外 送 員 foodpanda 董事 總經理 方俊強 表示 臺灣 對 新冠肺炎 的 防疫 成效 有目共睹 與 社會 均 由衷感謝 所有 醫護人員 不辭辛勞 的 付出 希望 能 藉 此 讓 第一 線 抗 疫 人員 能 安心 快速 享用 美味 餐 點 並 將 全力 支援 合作 店家 外 送 員及 消費者 陪伴 大家 一同 度過 非常 時期</t>
  </si>
  <si>
    <t>foodpanda 新冠肺炎 防疫 醫護 人員</t>
  </si>
  <si>
    <t>立法 院 21 日 開議 行政院長 蘇貞昌 今 上午 例行 性 拜會 立法 院長 游錫堃 蘇貞昌 表示 新冠肺炎 疫情 險峻 國人 同心協力 防疫 一方面 產業 受到 衝擊 行政院 將 在 後天 通過 紓困 特別 條例 最 快 速度 送 請 立 法院 審議 請 游 院長 立 委</t>
  </si>
  <si>
    <t>立法 院 21 日 開議 行政院長 蘇貞昌 今 上午 例行 性 拜會 立法 院長 游錫堃 蘇貞昌 表示 新冠肺炎 疫情 險峻 國人 同心協力 防疫 一方面 產業 受到 衝擊 行政院 將 在 後天 通過 紓困 特別 條例 最 快 速度 送 請 立 法院 審議 請 游 院長 立 委 幫忙 快速 通過 一 通過 會 快速 提 特別 預算 送 立院 審議 希望 立院 支援 特別 條例 跟 預算 通過 遊錫堃 則 說 只要 行政 需要 對 國家 有 幫助 能 做到 的 一定 會 全力 配合 助 蘇 院長 團隊 得心應手 蘇貞昌 今 率 行政院 副 院長 陳其邁 等 人 拜會 遊錫堃 閉門 會談 約 20 分鐘 後 蘇貞昌 遊錫堃 共同 發表談話 遊錫堃 表示 跟 蘇 院長 是 超過 38 年 的 兄弟 蘇 院長 二 度 上任 後 績效 顯著 成績斐然 落實 有 政府 會 做事 由 其 抗 疫 防疫 這 點 先是 把 非洲 豬瘟 阻絕 在 境外 這次 新冠肺炎 防疫 檢測 方面 做 得 很 好 行政院 與 立 法院 雖然 分立 只要 行政 團隊 需要 身為 立法 院長 會 依法行政 全力 配合 蘇 院長 團隊 蘇貞昌 說 今天 專程 向游 院長 表示 恭喜 同時 立 法院 新 會期 將 展開 特別 要 請 游 院長 多多指教 支持 尤其 新冠肺炎 疫情 險峻 人民 及 產業 受到 衝擊 如何 防疫 振興 需要 立 法院 立法 及 預算 通過 支援 感謝 游 院長 允諾 大力 支持 讓 國人 期待 的 紓困 條例 及 預算 趕 過 通過 實施 福 國利民 蘇貞昌 強調 防疫 最 艱 困 的 時候 蔡 政府 團隊 快速 做出 和 人民 期待 福 國利民 的 事情 讓 臺灣 不但 度過 新冠肺炎 這 關 能夠 因此 更 茁壯成長 讓 臺灣 在 世界 有 一席之地 至於 企業 受 疫情 衝擊 放 無 薪 假 蘇貞昌 受訪 回應 現在 防疫 最 優先 我們 就 是 紓困 還要 振興 受 衝擊 產業 不論 人 或 產業 相關 對應 措施 未來 條例 裡面 規 畫 方向 跟 態度 預算 裡 各方 向 規劃會 很 詳細 希望 立 法院 通過 後 有效 施行 讓 受到 衝擊 困難 減 到 最小 化 危機 為 轉機 傳出 企業 不減 薪 不 裁員 才 符合 紓困 條件 蘇貞昌說 紓困 是 要 走 出 困境 希望 務實 做出 有效 紓困 方式 對應 解決 相關 施行 未來 每 一個 行業 衝擊 的 情況 各有不同 對應 措施 目前 都 是 一個 態度 就是 希望 最 快速 有效 雨露 均 霑 各行各業 都 能 周延 相關 規 畫 後續 會 陸續 提出</t>
  </si>
  <si>
    <t>李 來希 新北 地 檢 署 口罩 新冠肺炎 新冠 病毒</t>
  </si>
  <si>
    <t>新北 今 新增 3 例 確診 分別 是 永和 1 人 板橋 1 人 土 城 1 人 新北市衛生局 同時 公佈 確診 者 足跡 遍及 西門 町 誠 品 生活 武昌店 西門 萬年 大樓 及 永和 勵行 市場 新北市衛生局 同時 公佈 確診 者 足跡 板橋 個案 24 日 下午 曾至 北市 士 林區 國立 臺灣 科學 教育館 晚上 至 板橋 區 一 鍋 瘋 精緻 小 火鍋 26 日 下午 至 捷 運 江子翠 站 西門 站 誠 品 生活 武昌店 西門 萬年 商業 大樓 及 武昌街 雜誌 瘋 書店 永和 個案 於 25 日 上午 曾 到 永和 勵行 市場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西門 町 1 人 永和</t>
  </si>
  <si>
    <t>美國聯邦 準備 理事會 fed 於 臺北 時間 今 淩晨 3 時 公佈 最新 利率 決策 fed 決議 聯邦 基金 利率 目標 區間 維持 在 0 至 025 不 變 符合 市場 預期 這 也 是 美國 總統大選 後 fed 首場 決策 會議 會議 中指 出新冠 疫情 對 中期 經濟 前景 構成 相當 大 的 風險 經濟 成長 仍 遠 不及 疫情 前 水準 新冠肺炎 爆發 引發 全球 大 流行 美國 3 月 新冠 疫情 升溫 後 後 fed 快速 採取行動 2 度 緊急 降息 降幅 高 達 6 碼 之後 fed 利率 持續 按兵不動 聯 准會 週四 沒有 對 九月 的 提出 的 政策 做出 任何 改變 據 聯 准會 最新 的 政策 聲明 中 提到 將 持續 的 公共 衛生 危機 將 在短期內 繼續 對 經濟 活動 就業 和 通 膨 造成 壓力 會議 中 也 重申 利用 所有 工具 支持 美國 經濟 並 按 當前 速度 擴大 資產負債表 聯 准會 決議 利率 按兵不動 然 據 聯 准 今年 9 月利率 會議 上 暗示 會 將 維持 基準利率 逼近 於零 至少 到 2023 年</t>
  </si>
  <si>
    <t>伊朗 衛生部 10 日 公佈 境內 新增 54 件 新冠肺炎 死亡 個案 是 有 記錄 以來 單日 最高 全國 確診 人數 也 在 24 小時 內 增加 了 881 人 增加 至 8042 例 據 外電報導 伊朗 衛生部 發言人 賈漢 普爾 kianoush jahanpour 在 記者會 上 表示 全</t>
  </si>
  <si>
    <t>伊朗 衛生部 10 日 公佈 境內 新增 54 件 新冠肺炎 死亡 個案 是 有 記錄 以來 單日 最高 全國 確診 人數 也 在 24 小時 內 增加 了 881 人 增加 至 8042 例 據 外電報導 伊朗 衛生部 發言人 賈漢 普爾 kianoush jahanpour 在 記者會 上 表示 全國 死亡 人數 迄今已 攀升 至 291 人 此外 今日 又 新增 881 人 確診 此外 還有 2731 人 已經 康復 出 院</t>
  </si>
  <si>
    <t>確診 單日 死亡 人數 新冠肺炎 伊朗</t>
  </si>
  <si>
    <t>疫苗 加開 醫護 新冠肺炎 臺灣 冷清</t>
  </si>
  <si>
    <t>atp 男單 世界排名 第 7 點 的 德國 好手 小組 維 瑞 夫 alexander zverev 拖 著 發燒 生病 的 身體 昨天 硬是 打 了 2020 年 法國 網球 公開賽 男單 16 強戰 最後 他 3 比 63 比 66 比 43 比 6 落敗 但 還 要 等 新冠肺炎 病毒 檢驗 結果 如果 確診 可能</t>
  </si>
  <si>
    <t>atp 男單 世界排名 第 7 點 的 德國 好手 小組 維 瑞 夫 alexander zverev 拖 著 發燒 生病 的 身體 昨天 硬是 打 了 2020 年 法國 網球 公開賽 男單 16 強戰 最後 他 3 比 63 比 66 比 43 比 6 落敗 但 還 要 等 新冠肺炎 病毒 檢驗 結果 如果 確診 可能 還 會 影響 獲勝 的 對手 辛納 jannik sinner 的 法網 路 雖然 小 祖維瑞 夫 之前 的 新冠肺炎 病毒 檢驗 呈 陰性 不過 他 第 三輪 獲勝 後 從 巴黎 時間 上週五 晚間 開始 就 身體 很 不 舒服 體溫 超過 華氏 100 度 約 攝氏 378 度 也 諮 詢 過 大會 醫療 團隊 儘管 生病 他 還是 不 想 放棄 男單 16 強 但 賽後 坦言 自己 真的 病 得 很 重 不 應該 出賽 的 我 無法 呼吸 你們 可以 聽到 我 喘息 的 聲音 小 祖維瑞 夫 這麼 說 同時 我 也 有 點 發燒 身體狀況 確實 不在 最佳 我 應該 表明 情況 我 覺得 生病 影響 了 我 的 表現 小 祖維瑞 夫 並說 老實 說 我 參加 了 熱身 也 想 過 不 應該 出賽 但 我 還是 抱 著 可以 直 落 三 盤 勝出 之類 的 但 比賽 一 開 打 我 就 知道 沒 那麼 簡單 外 媒 指出 法國 網協 和 法網 官方 要求 選手 每 5 天 就 要 進行 一 次 新冠 病毒 檢驗 以及 選手 必須 坦白 任何 症狀 不過 小 祖維瑞 夫 周日 出賽 時 並未 跟 大會 醫生 說明 身體 不適 而 他 上 一 次 做 病毒 檢驗 是 上周 二 法國 網協 透過 聲明 表示 小 祖維瑞 夫 都有 準時 做 檢查 之前 的 結果 都 是 陰性 所以 可以 參賽 今天 法國巴黎 當地 時間 周日 他 收到 要 再 做 下 一 次 檢驗 的 通知 但 16 強 賽前 卻 沒有 向 大會 醫生 諮 詢</t>
  </si>
  <si>
    <t>北極星 藥業 6550 表示 收到 fda 認可 之 獨立 機構 資料 和 安全 監視 委員會 dsmb 主動 對 正 進行 之 肺 間 皮 癌 三期 臨床 試驗 來文 由於 整體 存活率 os 與 無 惡化 生存期 pfs 兩者 之 cp 值 均 已 超過 80 建議 提早 結束 肺 間 皮 癌 三期 試驗 直接 申請 藥 證 北極星 表示 近期 將 與 fda 進行 會議 考慮 依循 dsmb 之 建議 與 fda 協商 提早 結束 肺 間 皮 癌 三期 臨床 試驗 直接 申請 藥 證 北極星 藥業 試驗 是 以 adi-peg 20 聯合 化療藥 pemetrexed 及 cisplatin 治療 末期 肺 間 皮 癌 的 多國 多 中心 二 三期 雙 盲 臨床 試驗 預計 於 美國 英國 澳洲 臺灣 及 義 大利 等 五 個 國家 多 中心 進行 臨床 試驗 及 後續 於 臺灣 美國 歐盟 等 各 地區 申請 新藥 查驗 登記 審查 北極星 藥業 27 日 收到 fda 認可 之 獨立 機構 資料 和 安全 監視 委員會 dsmb 主動 來文 dsmb 對 正 進行 之 肺間 皮 癌 三期 臨床 試驗 作出 進一步 之 建議 由於 整體 存活率 os 與 無 惡化 生存期 pfs 兩者 之 cp 值 均 已 超過 80 考量 挑戰 競爭性 治療 與 新冠肺炎 之 衝擊 dsmb 建議 北極星 與 監管 機構 fda 聯繫 考慮 於 三 個 月 內 停止 繼續 收錄 病人 提早 結束 正 進行 之 臨床 試驗 並 對 受試者 持續 追蹤 一 年 北極星 藥業 指出 dsmb 並 在 文中說 明 決策 流程 每個 dsmb 成員 都 承認 有關 建議 的 決策 過程 是 基於 對 所 提供資料 的 全面 評估 dsmb 成員 根據 對 所 提供資料 的 審查 他們 的 醫學專業 知識 以及 他們 參加 dsmb 會議 提出 上述 建議 dsmb 成員 理解 這些 建議 是 基於 共識 投票 得出 的</t>
  </si>
  <si>
    <t>以色列 總理 納坦亞胡 周日 表示 將 建立 40億 謝克爾 12億 美元 的 基金 以 幫助 受 新冠肺炎 發 影響 的 以色列 公司 能夠 走 出 危機 路透社 報導 納坦亞胡 他 與 財政部長 卡隆 moshe kahlon 已經 制定 了 該 基金 的 計畫 並 將 在 內閣</t>
  </si>
  <si>
    <t>以色列 總理 納坦亞胡 周日 表示 將 建立 40億 謝克爾 12億 美元 的 基金 以 幫助 受 新冠肺炎 發 影響 的 以色列 公司 能夠 走 出 危機 路透社 報導 納坦亞胡 他 與 財政部長 卡隆 moshe kahlon 已經 制定 了 該 基金 的 計畫 並 將 在 內閣會議 上 提出 不過 他 透露 的 很 有限 沒有 提到 具體 的 做法 以色列 雖然 疫情 輕微 但是 經濟 仍 受 影響 以色列 航空 公司 elal ta 表示 新冠肺炎 導致 全球 航空運輸 的 衰退 幅度 比 想像 的 要 大 導致 今年 年初 的 收入 下跌 幅度 也 比 先前 的 預期 更 嚴重 以 航 已 請求 政府 援助 以色列 中央銀行 上周 曾 表示 病毒 的 爆發 還 未 對 經濟 產生 重大 影響 不過 當時 也 下 了 但書 表示 如果 情況嚴重 惡化 將 準備 相應 的 貨幣政策 來 穩定 經濟</t>
  </si>
  <si>
    <t>以色列 納坦亞胡 新冠肺炎</t>
  </si>
  <si>
    <t>臺灣 年度 觀光旅遊 盛事 itf 臺北 國際 旅 展 實體 展 將 於 10 30 至 11 2 在 臺北 南港 展覽館 展出 受 新冠肺炎 衝擊 本屆 旅 展 規模 大幅 縮水 且 航空 公司 沒有 參展 外國 觀光局 亦 只能 由 駐 台 辦事處 參加 攤位 數 由 去年 1 700 個 大 減為</t>
  </si>
  <si>
    <t>繼 高雄 市長 韓國瑜 遭 發起 罷免 昨 28 台中 市長 盧秀燕 也 被 公民 除鏽 工程 社團 發起 罷免 連署 新北 市長 侯友宜 今 29 至 捷 運 環狀 線 視察 時 表示 在 新冠肺炎 疫情 高張 的 時候 全國 民眾 一定 要 團結 齊心 齊力 面對 疫情 這 是 我</t>
  </si>
  <si>
    <t>繼 高雄 市長 韓國瑜 遭 發起 罷免 昨 28 台中 市長 盧秀燕 也 被 公民 除鏽 工程 社團 發起 罷免 連署 新北 市長 侯友宜 今 29 至 捷 運 環狀 線 視察 時 表示 在 新冠肺炎 疫情 高張 的 時候 全國 民眾 一定 要 團結 齊心 齊力 面對 疫情 這 是 我們 最 關心 最 重要 的 事情 我 一定 會 跟 中央 合作 把 防疫 工作 做好 這 是 我們 最 關心 的 一點 另 防疫 工作 表現 部分 臺北市 長 柯文哲 雖 整體 聲 量 高 但 正面 聲 量 卻 輸 給 侯友宜 對此 侯 表示 自己 全心 全力 在 防疫 工作 對 很多 事情 不 會用 太 多 心思 去 了 解 對 這 部分 沒有 特別 用心 去 分析</t>
  </si>
  <si>
    <t>若 新冠肺炎 疫情 持續 失控 陸 恐 裁員 450萬 人</t>
  </si>
  <si>
    <t>中國 大陸 新冠肺炎 疫情 持續 延 燒 許多 企業 都 無法 正常 開工 員工 被 減 薪 放 無 薪 假 是 常見 更慘 是 直接 被 裁員 許多 中小企業 甚至 開始 倒閉 有 分析 師 指出 若 是 這個 情況 持續 可能 會 讓 失業人數 上 看 450萬 人 對 中國 大陸 影響</t>
  </si>
  <si>
    <t>中國 大陸 新冠肺炎 疫情 持續 延 燒 許多 企業 都 無法 正常 開工 員工 被 減 薪 放 無 薪 假 是 常見 更慘 是 直接 被 裁員 許多 中小企業 甚至 開始 倒閉 有 分析 師 指出 若 是 這個 情況 持續 可能 會 讓 失業人數 上 看 450萬 人 對 中國 大陸 影響 甚 大 北京大學 及 北京 清華大學 針對 近 1 千家 的 中小企業 進行 聯合 調查 其中 有 34 表示 目前 的 現金 流 只 能 支撐 一個 月 的 時間 而 只 有 18 可以 支援 三 個 月 時間 這 對 眾多 勞工 來說 可不是 一 件 好事 若是 疫情 持續 可能 會 有 一 波 倒閉 潮 北京 中原 銀行 首席 經濟學家 王軍 認為 這次 的 情形 跟 2008 年 時 的 金融 海嘯 時期 有些 類似 當時 約 有 2千萬 移 工 失業 讓 中國 大陸 當局 使用 4 兆 人民幣 的 預算 來 保護 經濟 雖然 經濟 成長率 有所 提升 但 也 因此 背上 債務 而 英國 經濟 學人 智 庫 eiu 分析 師王丹 認為 目前 因為 新冠肺炎 疫情 影響 導致 服務業 遭到 重創 而 小型 製造業 幾乎 沒 辦法 獲利 若是 疫情 沒 辦法 再 3 月底 前 獲得 控制 接下來 就 有 可能 出現 大 波 裁員 潮 預計 人數 可能 高 達 450萬 人 雖然 中國 大陸 國務院 發出 承諾 避免 裁員 潮 並 要求 地方 政府 提高 失業 津貼 等等 來 降低 人民 恐慌 感 不過 依照 目前 疫情 來看 還是 有 些 危險 更 多 ctwant 報導</t>
  </si>
  <si>
    <t>中國 大陸 新冠肺炎 疫情 裁員 新冠肺炎</t>
  </si>
  <si>
    <t>近年 全球 受到 流行性 病毒 影響 繼 17 年 前 的 sars 之後 陸續 有 mers h 1 n 1 再 到 這 次 的 新冠肺炎 導致 全球 確診 人數 突破 400萬 人 死亡 人數 也 逾 30萬 讓 人類 不 得 不 重視 病毒 帶來 的 威脅 目前 最 有效 的 防疫 方式 就是 戴 口罩 勤</t>
  </si>
  <si>
    <t>逛 醫院 的 人 變 少 了 新冠肺炎 疫情 延 燒 近 半 年 健 保 署 統計 各 層級 醫療 院所 門 住診 1 3 月 基層 診所 較 去年同期 下降 74 是 各 層級 醫院 最高 的 而 在 各科 別 當中 以 耳鼻喉科 及 小兒科 門 住診 下降 最 多 但 精神 科 卻 逆勢 上升 健</t>
  </si>
  <si>
    <t>逛 醫院 的 人 變 少 了 新冠肺炎 疫情 延 燒 近 半 年 健 保 署 統計 各 層級 醫療 院所 門 住診 1 3 月 基層 診所 較 去年同期 下降 74 是 各 層級 醫院 最高 的 而 在 各科 別 當中 以 耳鼻喉科 及 小兒科 門 住診 下降 最 多 但 精神 科 卻 逆勢 上升 健 保 署 官員 表示 基層 診所 下降 最高 顯示 病 患 平時 小病 就 選擇 不 去 看 了 精神 科 不降反升 主要 為 民眾 對 疫情 的 心理 擔憂 引發 焦慮 等 身心 方面 問題 健 保 署 副 署長 蔡淑鈴 表示 以 下降 件數 來看 1 3 月 基層 診所 共 減少 512萬 件 門 住診 其中 3 月 即 占 了 81 而 4 月 更 明顯 以 健 保 ic 卡 上傳 門 住診 資料 來看 各 醫院 層 診 最低 也 下降 186 主要 與 疫情 發展 有關 34 月 是 新冠肺炎 疫情 較為 嚴峻 的 階段 3 月 有 歐 美 入境 潮 4 月 即是 磐石 艦隊 發生 群 聚 事件 分析 各科 別 之間 的 消長 蔡淑鈴 指出 其中 以 耳鼻喉科 小兒科 及 一般 內科 看 診 件數 減少 最 多 耳鼻喉科 主要 民眾 擔心 侵入 性 治療 造成 感染 小兒科 及 一般 內科 因 勤洗手 等 防疫 衛教 使 腸病毒 及 腹瀉 等 病例 數 減少 但 在 所有 科別 當中 看 診 數量 也 有 不降反升 的 其中 精神 科 及 皮膚科 呈上升 趨勢 主要 因 民眾 擔憂 疫情 引發 的 心理 焦慮 外 戴 口罩 及 勤洗手 也 讓 民眾 皮膚 起疹 及 過敏 的 機會 增加 看 診病 患 也 就 變 多 健 保 署 一直 推動 分級 醫療 蔡淑鈴 指出 雖然 基層 診所 在 新冠肺炎 疫情 期間 門 住診 下降 比例 最高 但 以 整體 占率來 看 基層 診所 病例 占率為 6739 仍 較 去年同期 上升 204 地區醫院 占 率 為 1041 較 去年 上升 078 區域 醫院 較 去年同期 下降 14 醫學 中心 較 去年 下降 142 顯然 民眾 就醫 行為 有 往 基層 診所 增加 醫學 中心 有 減少 情形 分級 醫療 未 因 疫情 受 干擾</t>
  </si>
  <si>
    <t>臺灣 新冠肺炎 疫情 嚴峻 全民 開始 關心 疫苗 施打 問題 59 歲 知名 主持人 鄭弘儀 昨晚 在 節目 新聞 挖 挖 哇 談論 疫苗 議題 好奇 問 現場 來賓 會 選擇 打 哪個 疫苗 同時 也 提到 自己 已 自費 打 了 az 疫苗 並 分享 接種 後 的 副作用 情況 鄭弘</t>
  </si>
  <si>
    <t>臺灣 新冠肺炎 疫情 嚴峻 全民 開始 關心 疫苗 施打 問題 59 歲 知名 主持人 鄭弘儀 昨晚 在 節目 新聞 挖 挖 哇 談論 疫苗 議題 好奇 問 現場 來賓 會 選擇 打 哪個 疫苗 同時 也 提到 自己 已 自費 打 了 az 疫苗 並 分享 接種 後 的 副作用 情況 鄭弘儀 昨晚 在 節目 中 表示 臺灣 現在 有 az 疫苗 按照 小英 總統 說法 7 月 還 會 有 台制 疫苗 之後 還 會 有 其他 國外 疫苗 而且 衛福部 部長 陳時中 也 說 可以 讓 大家 選 疫苗 因此 鄭弘儀 也 好奇 問 現場 來賓 若 能 自由選擇 會 選 打 哪個 疫苗 對此 資深 媒體 人 姚惠珍 的 答案 也 很 誠實 她 說 自己 尚未 施打 疫苗 但 如果 可以 選擇 她 首先 會 選 莫德納 因為 疫情 嚴重 的 美國 人 很 多 都 打 這個 疫苗 第二 選擇 會 是 台制 疫苗 因為 我 覺得 你 一定 要 有 國產 疫苗 如果 以後 是 流感 情況 的話 你 不可能 總是 仰人鼻息 所以 你 一定 要 設法 讓 國產 這個 部分 可 以 上來 而 醫藥 記者 出身 的 洪素卿 則 稱 女性 血栓 風險 比 男性 高 一點 所以 她 也 會 選 莫德納 鄭弘儀 更 自 爆 他 有 預約 自費 施打 疫苗 已經 去 施打 az 疫苗 同時 也 坦言 az 對 他 來說 是 有 一點 點 副作用 讓 他 出現 發燒 畏 寒 頭痛 情況 而且 是 打完 12 小時 後 才 出現 這些 副作用 我 是 有 一些 副作用 我 講 實在話 不過 呢 那個 副作用 差不多 也 經歷 了 半天 之久 但是 過 了 以後 大概 就 好 了 那 我 已經 打 了 1819 天 了 現在 應該 是 有 抗體 了</t>
  </si>
  <si>
    <t>鄭弘儀 姚惠珍 新聞 挖 挖 哇 疫苗 新冠肺炎</t>
  </si>
  <si>
    <t>疫苗 az 猝死 臺灣 新冠肺炎</t>
  </si>
  <si>
    <t>新冠肺炎 疫情 延 燒 全台 已 累計 429 人 確診 疫情 中心 專家 諮 詢 小組 召集人 張上淳 昨 分析 前 428 名 確診 病例 特徵 表示 臺灣 使用 到 呼吸器 的 患者 迄今 共 24 人 有 6 例 死亡 死亡率 約 25 較 紐約 高達 9 成 的 死亡率 低 許多 也 顯見 在 台</t>
  </si>
  <si>
    <t>第 12 輪 新冠 疫苗 az 輝瑞 bnt 新冠肺炎</t>
  </si>
  <si>
    <t>廣州市 荔灣區 新冠 病毒 變異 株 新冠肺炎</t>
  </si>
  <si>
    <t>新冠肺炎 全球 菲律賓 車禍 木乃伊</t>
  </si>
  <si>
    <t>新冠肺炎 臺灣 外籍 萬華 快 篩</t>
  </si>
  <si>
    <t>防疫 旅館 侯友宜 新冠肺炎 新北 delta</t>
  </si>
  <si>
    <t>川普 新冠肺炎 檢驗 呈 陰性 將 開跑 3 場 大型 造 勢 活動</t>
  </si>
  <si>
    <t>黃金 蝙蝠 生態館 澄清 蝙蝠 非 新冠肺炎 原罪</t>
  </si>
  <si>
    <t>近日 有 報導 引述 研究 論文 指 在 蝙蝠 糞便 驗 出 1 種 腦 心肌炎 病毒 雲 林縣 水 林鄉 黃金 蝙蝠 生態館 與 臺灣 蝙蝠 學會 23 日 強調 哺乳類 與 鳥類 都 可能 攜帶 腦 心肌炎 病毒 且 不會 人 畜 傳染 目前 沒有 任何 科學 證明 是 蝙蝠 導致 新冠肺炎 的</t>
  </si>
  <si>
    <t>新冠肺炎 的 疫情 在 全球 持續 延 燒 為了 降低 在 公共場合 中標 的 風險 口罩 也 成為 所有人 出門 必備 的 物品 一 名 女網友 日前 趕 著 上班 隨手 抓 了 2 個 黑色 口罩 就 沖 出 門 沒想 到 一 打開 卻 讓 她 超 傻眼 不禁 羞 喊 暈 怎麼 上 公車</t>
  </si>
  <si>
    <t>大陸 新冠肺炎 肆虐 日前 返台 的 首批 包機 台商 將 於 2 月 18 日 解除 隔離 但 第 2 批 包機 何時 返台 仍 尚未 定案 滯留 武漢 台人 自救 會 14 日 號召 50 多 人 向陸 委 會 遞交 陳 情書 沒 想到 過程 中 一 名 男性 家屬 脫口而出 防疫 不是 我們 的 事</t>
  </si>
  <si>
    <t>大陸 新冠肺炎 肆虐 日前 返台 的 首批 包機 台商 將 於 2 月 18 日 解除 隔離 但 第 2 批 包機 何時 返台 仍 尚未 定案 滯留 武漢 台人 自救 會 14 日 號召 50 多 人 向陸 委 會 遞交 陳 情書 沒 想到 過程 中 一 名 男性 家屬 脫口而出 防疫 不是 我們 的 事情 引起爭議 記者 在 現場 提問 如何 看待 行政院長 蘇貞昌 以 防疫 跟 弱勢 優先 的 政策 自救 會 成員 代表 表示 自己 家 人 不是 生化武器 而 防疫 的 事 原則 上 是 政府 主導 話 還 沒 說 完 旁邊 就 有 成員 歎氣 我 要 回家 就 好 了 防疫 的 事 不是 我們 的 事 接 著 一 名 婦女 大喊 疫情 會 過去 感情 怎麼 彌補 現場 開始 鼓噪 其他人 紛紛 附和 希望 政府 可以 重視 不過 此 番話 惹 怒 了 網友 大家 紛紛 在 相關 報導 留言 防疫 是 大家 的 事 不是 單單 政府 的 事 可以 體諒 家屬 的 心情 但 我 堅決 支持 陳時中 部長 對於 防疫 優先 的 做法 表示 肯定 沒有 防疫 意識 台商 回來 就會 變 疫情 破 口 針對 包機 部分 指揮官 陳時中 昨 14 日 表示 已 籌組 12 名 防疫 人員 隨機 協助 檢疫 目前 第 2 架 台商 包機 已 做 好 相關 規 畫 也 提供 121 名 急迫 國人 名單 一切 將 以 防疫 優先 弱勢 優先 為 最高 原則 更 多 ctwant 報導</t>
  </si>
  <si>
    <t>新冠肺炎 臺灣 確診 足跡 台南</t>
  </si>
  <si>
    <t>根據 espn 記者 溫 霍斯特 近日 報導 nba 目前 正在 積極 考慮 各種 複賽 方案 其中 一 種 選項 就是 參考 大陸 cba 做法 把 所有 球隊 集中 在 一個 地點 重新 開 打 目前 最 有 可能 的 地點 是 賭 城 拉斯維加斯 湖 人 前鋒 杜德利 隨即 公開 力挺 我 一直 聽說 不同 複賽 版本 畢竟 美國 當前 新冠 疫情 很 嚴重 在 這種 局面 下 或許 前往 拉斯維加斯 重新 開 打 是 最佳 選擇 杜德利 說 把 所有 球隊 集中 在 一 間 飯店 使用 同 個 球館 與 健身房 甚至 無須 離開 酒店 藉 以 保障 所有人 安全 除了 前往 拉斯維加斯 複賽 目前 也 傳出 聯盟 考慮 乾脆 前往 位處 海外 的 巴哈馬 群島 重新 開 打 或是 考慮 前往 美國 中西部 的 大學校園 球館 進行 因為 目前 這個 地區 傳出 新冠肺炎 案例 比較 少 只 是 這些 地點 都還 在 審慎 考核 當中 當前 仍 無 定案 只 是 選 在 拉斯維加斯 某 間 擁有 球館 健身房 等 設施 的 飯店 重新 開 打 卻 難以避免 出現 群 聚感染 的 可能性 除非 nba 真的 可以 做 好 相關 防疫 措施 不讓 球員 或 隊 職員 到處 亂跑 以及 管制 相關 人員 進出 否則 一旦 再次 爆發 後果 將 更加 嚴重</t>
  </si>
  <si>
    <t>澳洲 知名 音樂家 布萊特狄恩 確診 新冠肺炎 由於 他 曾 在 臺灣 逗留 10 天 期間 舉行 過 專訪 記者會 音樂會 接觸 範圍 大 除了 與 他 一同 演奏 的 國家 交響樂團 nso 團員 需 自主 隔離 14 天外 由於 nso 其中 有 3 人 為 東吳大學 音樂 系 兼任</t>
  </si>
  <si>
    <t>新冠肺炎 東吳大學 布萊特狄恩 brett dean 停課</t>
  </si>
  <si>
    <t>隨 著 安全 防護 措施 鬆懈 具 高度 傳染性 的 新冠 變種 病毒 趁 隙 而 入 美國 正 冒 著 失去 所有 抗擊 新冠肺炎 進展 的 風險 據 cnn 新聞網 1 日 報導 美國 疾病 管制 與 預防 中心 cdc 主任 瓦倫絲 姬 rochelle walensky 說 新冠 變種 擴散 的</t>
  </si>
  <si>
    <t>隨 著 安全 防護 措施 鬆懈 具 高度 傳染性 的 新冠 變種 病毒 趁 隙 而 入 美國 正 冒 著 失去 所有 抗擊 新冠肺炎 進展 的 風險 據 cnn 新聞網 1 日 報導 美國 疾病 管制 與 預防 中心 cdc 主任 瓦倫絲 姬 rochelle walensky 說 新冠 變種 擴散 的 程度 可能 導致 美國 徹底 喪失 得來不易 的 抗 疫 成果 就 在 幾 星期 來 新冠 病毒 陸續 減少 後 新 病例 如今 又 開始 攀升 瓦倫絲 姬 週一 說 上周 的 病例 比 上 上周 增加 了 超過 2 1 天 有 近 2000 人 喪生 此外 她 直言 真的 很 擔心 有 更 多 州 在 減少 cdc 所 建議 以防 民眾 感染 新冠肺炎 的 公共 衛生 措施 瓦倫絲 姬 力促 民眾 繼續 戴合 臉 的 口罩 並 採取 其他 已 知能 奏效 的 公共 衛生 預防措施 她 強調 最後 接種 疫苗 會 讓 大家 擺脫 這 大 流行 而要 達到 這 目標 就 需要 為 更 多 人 接種 疫苗 而 本 周 傳來 的 好 消息 在於 嬌 生 集團 johnson johnson 研發 的 單 劑 疫苗 將 開始 施打 哈佛大學 陳 曾熙 公共 衛生學 院 harvard t h chan school of public health 免疫 學 教授 魯賓 eric rubin 這 其中 有 某種 新 的 緊迫性 他 指出 由於 新冠 病毒 新 變種 正在 出現 其中 有些 可能 最後 會 變 得 具有 某種程度 的 抗藥性 一 名 拜登 政府 官員 周日晚 說 約 有 390萬 劑 嬌 生 疫苗 將 分送 全美 各地 並 透露 最 早 週二 早上 那些 疫苗 就 能 投送 瓦倫絲 姬 強調 由於 這款 疫苗 只 有 一 劑 因此 大家 不必 回來 打 第二 劑 就 能 獲得 保護 此外 她 說 嬌 生 疫苗 不必 存放 在 冷藏庫 只要 能 冷藏 就 好 了 因此 便於 運送 不過 根據 測試 嬌 生 疫苗 預防 輕微 到 嚴重 新冠肺炎 的 效力 約 為 72 而已 分發 的 輝瑞 pfizer 生物 新 技術 公司 biontech se bnt 和 莫德納 moderna 疫苗 效力 約達 95 對 預防 重症 有 更 大 的 效力</t>
  </si>
  <si>
    <t>疫苗 變種 嬌 生 新冠肺炎 病毒 cdc</t>
  </si>
  <si>
    <t>美國 副 總統 彭斯 與 民主黨 副 總統 候選人 賀錦麗 7 日 出席 他們 的 首場 也 是 唯一一 場 辯論 穀歌 公司 表示 在 辯論 開始 後 半 小時 內 英文 短語 粉 眼 新冠 pink eye covid 成為 熱 搜 詞 之一 這 是 為什麼 很多 觀眾 注意 到 彭斯 的 左眼 在 辯論 開始 時 有點 發紅 開始 猜測 這 是 不是 新冠肺炎 患者 的 症狀 尤其 是 考慮 到 最近 白宮 爆發 疫情 bbc 中文 網 8 日 報導 說 值得注意 的 是 眼睛 問題 並 不是 新冠肺炎 的 主要症狀 世界衛生組織 who 表示 最 常見 的 症狀 是 發燒 乾咳 和 疲勞 確實 也 提到 了 結膜炎 可以 導致 眼睛 變 紅 或 粉紅 但 這種 症狀 並不 常見 不過 白宮 表示 彭斯 每天 都 在 接受 檢測 結果 一直 都 是 陰性 包括 7 日 辯論 前 的 測試 結果 今年 5 月 林口 長庚醫院 兒科 急診 主治醫師 吳昌騰 在 粉 專 提醒 新冠 病毒 可以 利用 眼睛 作為 人體 的 另 一個 入口 粉紅色 的 眼睛 也 可能 是 新冠 病毒感染 的 症狀 吳 昌騰 引述 香港大學 公 衛 學者 michael chan 團隊 刊登 於 刺 胳 針 呼吸 醫學 期刊 的 研究 提出 新冠 病毒 能 同時 透過 呼吸道 與 眼睛 感染 人體 證據 新冠 病毒 可能 導致 約 1 3 的 患者 出現 紅眼病 或 結膜炎 michael chan 副教授 指出 透過 眼睛 感染 新冠 病毒 的 風險 更 大 因為 這種 菌 株 比 sars 病毒 更 強 根據 研究 小組 在 實驗室 培養 采 自 氣管 肺 與 眼 結膜 的 組織 供 新冠 病毒 研究 並 與 sars 與 h 5 n 1 做 比較 研究 發現 新冠 病毒 能比 sars 病毒 更 有 效率 地 感染 眼 結膜 與 上呼吸道 在 眼 結膜 中 感染 新冠 病毒 48 小時 後 複製 能力 高於 sars 約 80 100 倍</t>
  </si>
  <si>
    <t>新冠肺炎 疫情 肆虐 大陸 各 地區 紛紛 祭出 封閉式 管理 全力 防疫 日前 一 名 黃曉明 工作室 的 員工 透露 因為 自己 遲遲 無法 回 北京 復工 因此 愧疚 的 向 老闆 黃曉明 提出 留職停薪 沒 想到 對方 一 句 話 讓 他 感動 淚 崩 這 名 湖北籍 員工</t>
  </si>
  <si>
    <t>新冠肺炎 疫情 肆虐 大陸 各 地區 紛紛 祭出 封閉式 管理 全力 防疫 日前 一 名 黃曉明 工作室 的 員工 透露 因為 自己 遲遲 無法 回 北京 復工 因此 愧疚 的 向 老闆 黃曉明 提出 留職停薪 沒 想到 對方 一 句 話 讓 他 感動 淚 崩 這 名 湖北籍 員工 日前 在 微博 上 分享 數 張和 老闆 黃曉明 的 對話 截 圖 內容 指出 因為 他 遲遲 無法 復工 也 不 知道 何時 才能 返京 不但 影響 了 工作進度 還 照常 領到 工資 讓 他 心生 愧 意 希望 能 申請 留職停薪 黃曉明 看到 訊息 後 暖 心 安慰 他 別 想 那麼 多 你 和 爸爸媽媽 現在 情況 還好 嗎 他 則 回 覆 一切 安好 但是 擔心 自己 遲遲 未 能 返工 會 拖累 工作進度 因此 又 說 如果 下 個 月 還 不能 返京 我 這邊 提前 跟 你 申請 離職 然後 也 讓 人事 姐姐 同步 招新 的 人 對於 員工 主動 請 辭 黃曉明 並 沒有 受理 而是 出言 安撫 說 吃 好 喝 好 別 想 這些 沒用 的 有 我 一 口 就 餓 不 著 你們 黃曉明一席話 讓 員工 感動 萬分 忍不住 將 對話 截 圖 po 網 直 呼 在 這 段 特別 焦慮 的 日子 哩 收到 老闆 這樣 的 回 覆 眼淚 是 真的 沒 忍 住 就 流 出來 了 謝謝 老闆 我會 好好 努力 的 消息 一 出 感動 不少 網友 紛紛 留言 大贊 黃 老闆 真 霸氣 教主 公益 這塊 真的 沒 話說 太 暖 了 有 這樣 的 老闆 真好 這麼 好 的 老闆 打 著 燈籠 難找 這 句 話 太 暖 了 有 我 一 口 就 餓 不 著 你們</t>
  </si>
  <si>
    <t>新冠肺炎 臺灣 床位 類比城市 報表</t>
  </si>
  <si>
    <t>新冠肺炎 臺灣 暫停營業 5 月 28 日</t>
  </si>
  <si>
    <t>疫情 新冠肺炎 聲 林之王 歌手 鄭可強</t>
  </si>
  <si>
    <t>潔 哥 鄉民 女神 新冠肺炎 臺灣 爸 媽</t>
  </si>
  <si>
    <t>特別 預算 拍板 蘇揆 要求 錢花 刀口 相關 部會 成立 新冠肺炎 小組</t>
  </si>
  <si>
    <t>行政院 會 上午 通過 上限 600億 元 的 中央政府 嚴重 特殊 傳染性 肺炎 防治 及 紓困 振興 特別 預算案 蘇揆 在 院會 要求 各 部會 錢 要 花在 刀口 上 國境 也 不 得 出現 破 口 各 相關 部會 更 要 成立 新冠肺炎 組 並 由 首長 親自 督導 不 可以 讓</t>
  </si>
  <si>
    <t>行政院 會 上午 通過 上限 600億 元 的 中央政府 嚴重 特殊 傳染性 肺炎 防治 及 紓困 振興 特別 預算案 蘇揆 在 院會 要求 各 部會 錢 要 花在 刀口 上 國境 也 不 得 出現 破 口 各 相關 部會 更 要 成立 新冠肺炎 組 並 由 首長 親自 督導 不 可以 讓 疫情 擴散 蘇揆 在 裁 示 時說 政府 秉 持 雨露 均 霑 立竿見影 固 本 強身 加速 公 建 四大 原則 針對 受到 疫情 衝擊 的 各行各業 提出 紓困 計 畫 並 依 特別 條例 規定 以 600億 元 為 上限 編 列 特別 預算 包括 防治 經費 196億 元 作為 應變 醫院 隔離 收治 設置 集中 檢疫 場所 防疫 補償 金 徵購 物資 設備 等 經費 蘇揆並 指 紓困 及 振興 經費 方面 共 404億 元 對 內需 型 產業 包括 餐飲 零售 商圈 夜市 傳統 市場 製造業 觀光 及 運輸業 農 漁業 藝 文 產業 以及 原住 民族 與 客 莊 產業 等 提供 包括 企業 融資 保證 與 利息 補貼 運輸業 的 稅費 補助 旅 宿業 的 營運 補貼 農漁 畜產品 拓銷以及 內需 與 藝 文 產業 的 消費 抵 用 券 等 措施 以 全面 協助 業者 將 衝擊 降到 最低 盡 速度 過 難關 確保 產業 經濟 穩健 kolas 轉述 蘇揆 希望 特別 預算 雨露 均 霑 受 影響 民眾 可以 受到 照顧 也 讓 這次 化 危機 為 轉機 增加 國內 公共 建設 也 使 相關 產業 升級 相關 部會 要 在 兩 周內 訂 定子 法 完成 發佈 程式 所有 經費 也 都 要 花在 刀口 上 此外 蘇揆 也 要求 必須 嚴管 國境 對 著 列席 的 海巡署 關務 移民署 警政署 及 民航 局 等 首長 列席 蘇揆 要求 絕 不容許 國境 有 任何 破 口 不能 登機 者 就 不能 登機 不容許 違法 偷渡 法務部 也 要 依 特別 條例 嚴格 執法 施以 刑 責 及 罰 鍰 另外 蘇貞昌 也 下令 各 相關 部會 針對 疫情 成立 新冠肺炎 小組 並 由 首長 親自 督導 不 可以 讓 疫情 擴散 新冠肺炎 行政院 蘇貞昌 kolas yotaka 新冠肺炎 小組</t>
  </si>
  <si>
    <t>肺炎 產業 特別 新冠 新冠肺炎</t>
  </si>
  <si>
    <t>新冠肺炎 828 四大 公 投 臺灣 疫情 郭正亮</t>
  </si>
  <si>
    <t>微 機電 mems 麥克風 廠 鈺 太 6679 公告 第一 季 合併 營 收 367億 元 改寫 歷史 同期 新 高 法人 表示 在 筆 電 需求 旺盛 推動 下 類比 式 麥克風 及 數位式 麥克風 出 貨 表現 同步 暢旺 進入 第二 季後 更 有 機會 沖 出 單季 新高 水準 上半年 呈現 逐 季 成長 態勢 鈺 太 公佈 3 月 營 收 126億 元 較 去年同期 093億 元 成長 3503 累計 首季 合併 營 收 達 367億 元 季 減 47 較 去年同期 273億 元 成長 3422 改寫 歷史 同期 新 高 新冠肺炎 在 全球 仍未 見 趨 緩 跡象 使 居家 辦公 教學 等 需求 仍 維持 高檔 當中 又 以 筆 電 為 最 大 受惠 電子產品 之一 供應 鏈 指出 目前 筆 電 拉 貨 力 道 仍 持續 成長 3 月 已 出現 一 波 訂單 成長 趨勢 進入 第二 季後 拉 貨 力 道 可望 成長 雙 位數 水準 由於 2020 年 新款 筆 電 幾乎 都 開始 朝向 窄 邊框 趨勢 發展 因此 對於 mems 麥克風 規格 勢必會 再度 提升 因此 法人 看好 長期 佈局 窄 邊框 mems 麥克風 市場 的 鈺 太 可望 因此 受惠 在 筆 電 訂單 維持 強勁 態勢 之下 鈺 太 目前 已經 開始 逐步 加大 供貨 力 道 以 因應 客戶 在 第二 季 的 需求 供應 鏈 指出 鈺 太 在 筆 電 訂單 增加 帶動 下 數位式 麥克風 單月 出貨量 已經 開始 邁向 千萬 套 水準 且 類比 式 麥克風 出貨量 亦 在 穩定 成長 當中 法人 看好 第二 季在 麥克風 出 貨 持續 暢旺 帶動 下 單季 合併 營 收有 機會 力戰 歷史 新 高 表現 鈺 太 不 評論 法人 預估 財務 數字 鈺 太 4 月 1 日 股價 上漲 595 至 1335 元 第一 季 業績 備受 法人 肯定 單周 股價 已經 上漲 723 在 ic 設計 類 股數 中 屬 于 前段 班 水準 從 技術 面 角度觀察 日 kd 仍 黃金交叉 向上 在 營運 前景 正面 帶動 下 股價 後續 有機 會 持續 向上 另外 鈺 太 已經 在 3 月 25 日 啟動 庫藏 股 買 回 預計 將 買 回 1800 張 價格 落 在 80 187 元 若 股價 低於 預定 買 回 最低價 將 持續 買 回 庫藏 股</t>
  </si>
  <si>
    <t>新冠肺炎 疫情 苗栗女 居家 隔離 超 商買 咖啡 罰 1萬</t>
  </si>
  <si>
    <t>嚴防 新冠肺炎 疫情 衛生 福利 部 規定 凡 有 中 港澳地區 旅遊 史 民眾 皆 須進行 居家 檢疫 14 天內 不得 外出 然而 苗栗縣 仍 有 3 個案 違規 趴 趴 走 其中 1 女子 至 住家 附近 買 咖啡 1 男子 開 車載 家人 至 公家 單位 皆 遭 開 罰 1萬 元 苗栗縣 衛</t>
  </si>
  <si>
    <t>嚴防 新冠肺炎 疫情 衛生 福利 部 規定 凡 有 中 港澳地區 旅遊 史 民眾 皆 須進行 居家 檢疫 14 天內 不得 外出 然而 苗栗縣 仍 有 3 個案 違規 趴 趴 走 其中 1 女子 至 住家 附近 買 咖啡 1 男子 開 車載 家人 至 公家 單位 皆 遭 開 罰 1萬 元 苗栗縣 衛生局 表示 目前 縣 內 3 案 違反 居家 檢疫 規定 2 案 已 開 罰 1 案 則 正 依 流程 查處 開 罰 的 2 案 其中 之 1 該 女子 從 澳門 返台 後 實施 居家 檢疫 但 她 仍 外出 至 住家 附近 便利商店 買 咖啡 另 名 從 上海 返回 的 男子 開 車載 家人 至 公家 單位 雖 未 下車 但 離開 住所 仍 屬 違規 皆 開 罰 1萬 元 而 第 3 案 違規 女子 離家 辦事 正 依 流程 查處 尚未 開出 罰 單 衛生局 強調 3 起 案例 離家 時間 皆 不長 且 由於 皆 配有 電子 監控 防疫 手機 一 離開 住所 立即 發報 給 衛生局 民政 處 警 局 有關 單位 迅速 將 個案 帶回 並 進行 查處 衛生局 強調 按 傳染病 防制 法規 定 居家 檢疫 14 天 者 若 違規 外出 可 處以 1 至 15萬 罰款 居家 隔離 14 天 者 違規 則 可 處以 1 至 30萬 元 罰款 盼 民眾 能 遵守 規定 勿 成為 防疫 漏洞</t>
  </si>
  <si>
    <t>板橋 保護 管束 新冠肺炎 居家 隔離 臺灣</t>
  </si>
  <si>
    <t>counterpoint 全球 智慧 手機 銷量 新冠肺炎</t>
  </si>
  <si>
    <t>大陸 國家 衛健 委 專家組 成員 王 廣發 1 月 赴 武漢 工作 後 確診 新冠肺炎 有 懷疑 病毒 透過 眼 結膜 進入 對此 武漢大學 人民醫院 研究 團隊 發表 論文 分析 63 名 確診 患者 及 4 名 疑 似 患者 的 結膜 拭 子樣本 發現 僅 有 1 名 確診 患者 呈 陽性 反</t>
  </si>
  <si>
    <t>大陸 國家 衛健 委 專家組 成員 王 廣發 1 月 赴 武漢 工作 後 確診 新冠肺炎 有 懷疑 病毒 透過 眼 結膜 進入 對此 武漢大學 人民醫院 研究 團隊 發表 論文 分析 63 名 確診 患者 及 4 名 疑 似 患者 的 結膜 拭 子樣本 發現 僅 有 1 名 確診 患者 呈 陽性反應 論文 指 目前 並 無 臨床 證據 顯示 病毒 可 通過 眼 結膜 途徑 傳播 據 報導 研究 團隊 分析 該院 1 月 17 日 至 28 日 收治 的 67 名 患者 他們 多數 是 醫護人員 尤其 是 女 護士 當中 只 有 1 名 確診 患者 的 結膜 拭 子樣本 呈 陽性 另外 2 名 確診 患者 可能 陽性 但 他們 均 沒有 眼 部 症狀 陽性反應 患者 是 醫院 急救車 司機 他 曾在 沒有 保護 下 接觸 隔離 患者 其中 一 名 可能 陽性反應 患者 是 一 名 懷孕 36 周女 醫生 她 曾 接觸 確診 新冠肺炎 患者 此外 論文 亦 分析 6 名 因 病 人 而 感染 的 醫生 指 他們 的 結膜 拭 子 測試 均 是 陰性 其中 一 人 是 女 麻醉師因 發燒 咳嗽 眼睛 發紅 發癢 及 出現 分泌物 而 入 院 她 為 確診 新冠肺炎 病人 插管 麻醉 時 僅 戴 外科 口罩 帽子 及 手套 沒有 戴 上 護目鏡 防護 服 等 防護 裝備 結果 手術 後 出 現眼 部 症狀 為 該 名 新冠肺炎 病人 施 手術 的 2 名 外科醫生 其後 亦 不幸 中 招 但 他們 沒有 眼 部 不適 研究 團隊 指出 全身 麻醉 涉及 氣管 插管 可能 會 增加 病毒感染 的 風險 但 研究 結果表明 新冠肺炎 患者 結膜炎 的 發生率 不 高 醫護人員 必須 戴 口罩 護目鏡 防護 服 及 手套 與 病人 接觸 後 注意 手部 及 臨床 環境 消毒 防止 交叉 感染</t>
  </si>
  <si>
    <t>新冠肺炎 疫情 擴散 美國 疾病 管理局 cdc 要 美國 大眾 為 肺炎 疫情 在 美 擴散 做好 準備 引發 市場 恐慌 情緒 衝擊 國際 油價 國內 油價 連 2 降 中油 宣佈 明 9 日 淩晨 零 時 起 汽 柴油 價格 每 公升 各 調 降 06 及 07 元 創新 2 年 半 來 新</t>
  </si>
  <si>
    <t>新冠肺炎 疫情 擴散 美國 疾病 管理局 cdc 要 美國 大眾 為 肺炎 疫情 在 美 擴散 做好 準備 引發 市場 恐慌 情緒 衝擊 國際 油價 國內 油價 連 2 降 中油 宣佈 明 9 日 淩晨 零 時 起 汽 柴油 價格 每 公升 各 調 降 06 及 07 元 創新 2 年 半 來 新低 專家 指出 近期 國際 油價 持續 受到 新冠肺炎 疫情 影響 擔憂 全球 經濟 成長 將 低於 預期 進而 降低 對 原油 需求 美國 疾病 管理局 表示 因 新冠肺炎 全球 確診 人數 及 死亡 人數 持續 增加 美國 大眾 為 新冠肺炎 在 美 擴散 做好 準備 引發 了 市場 恐慌 情緒 同時 opec 及 外資 投 行 相繼 調 降 對於 2020 年 全球 原油 需求 成長 預期 中油 表示 受 新冠肺炎 確診 病例 蔓延 全球 大陸 境外 新增 病例 激增 等 因素 影響 帶動 國際原油 價格 下跌 本 周 調價 指標 7 d 3 b 周 均 價 為 每桶 5050 美元 較 前 周 5273 美元 下跌 223 美元 新 台幣 兌 美元匯率升值 0347 元 國內 油價 依 公式 計算 跌幅 為 426 汽 柴油 應 各 調 降 06 及 07 元 調整 後 92 無 鉛 汽油 每 公升 241 元 95 無 鉛 汽油 每 公升 256 元 98 無 鉛 汽油 每 公升 276 元 超級 柴油 每 公升 217 元</t>
  </si>
  <si>
    <t>5 月 6 日 矽谷 明星 企業 airbnb 37 歲 的 執行長 切斯基 向 全球 員工 發送 了 一 封 公開信 上面 寫 著 公司 因為 新冠肺炎 導致 營業額 下降 一半 必須 裁減 四 分之一 員工 但 公司 會 設置 工作 團隊 幫助 員工 過渡 包括 發 4 8 個 月 遣散費</t>
  </si>
  <si>
    <t>5 月 6 日 矽谷 明星 企業 airbnb 37 歲 的 執行長 切斯基 向 全球 員工 發送 了 一 封 公開信 上面 寫 著 公司 因為 新冠肺炎 導致 營業額 下降 一半 必須 裁減 四 分之一 員工 但 公司 會 設置 工作 團隊 幫助 員工 過渡 包括 發 4 8 個 月 遣散費 保留 健康 保險 一 年 最讓人 驚訝 的 是 員工 可 保留 公司 配發 的 apple 筆記型電腦 因為 電腦 是 找 新 工作 的 重要 工具 這 封 裁撤 令 語言 溫柔 合情合理 在 網路上 高速 傳播 這 位 高富帥 創業 家 又 有 了 暖 男 之 稱 這次 疫情 中 很多 美國 企業 發揮 影響力 最 早 發生 新冠肺炎 的 西雅圖 附近 企業 雲集 微軟 亞馬遜 星 巴克 costco 總部 都 設於 此 由於 政府 公衛 專家 及 民營企業 的 合作 成為 美國 最 早 疫情 放緩 的 地方 在 2 月初 疫情 發生 時 政府 就 將 這些 民間 企業 召集 起來 每天 聚集 研討 因應 措施 例如 員工 遠端 上班 關閉 名勝古跡 博物館 和 遊樂 設施 當時 沒有 州政府 及 聯邦 政府 的 協助 西雅圖 市政府 趕緊 進口 大量 防護衣 口罩 醫療 產品 應急 減少 醫護人員 傷亡 是因為 市政府 利用 這些 國際 企業 的 管道 人 脈 及 運籌 管理 能力 緊急 採購 及 運輸 才 得以 達成 美國 3000萬 人 失業 160萬 人 確診 新冠肺炎 很多 企業 在 苟延殘喘 中 絞盡腦汁 為 員工 創 生計 奧勒 崗 州 一家 美國 脫衣舞 俱樂部 被 政府 關閉 老闆 不忍 裁員 但 重新 調整 每人 職位 自 創 美 胸 餐 點 外 送 諧音 來自 於 優 步 uber 延伸 經營 的 優 步 餐 點 外 送 只 做 外 賣 廚師 不 變 脫衣舞娘 改當 送餐員 保 鑣 改當 送餐員 護衛 調酒 師 則 負責 接聽 訂餐 電話 脫衣舞娘 雖 不能 拿到 高額 小費 但 至少 有 每 小時 15 美元 最低工資 維持 溫飽 事實上 美國 民營企業 在 這次 控制 防治 疫情 有 卓著 貢獻 美國 沒有 國營企業 此次 發展 試劑 研究 疫苗 將來 再 振興 經濟 都 要 靠 民營企業 美國 是 個 民主 國家 總統 不能 命令 民營企業 做事 川普 在 3 月中 宣佈 緊急 動員令 前 一個 星期 就 邀請 很多 企業家 到 白宮 說服 他們 為 防疫 盡 一 份 力量 川普 出來 講話 時 後面 一 排 是 都是大 藥廠 生產 試劑 發展 疫苗 大 零售商 總裁 不 囤 貨 加強 配 貨 顯示 官商 同心 對抗 新冠肺炎 這 兩 個 月 川普 頻頻 與 企業家 會面 傳統產業 高 科技 企業 都有 也 和 各種 階層 會面 例如 前日 他 召集 餐館 業者 至 白宮 開會 因為 全美 有 65萬 家 餐館 已 有 7萬 家 關門 他們 希望 川普 能 有 第二 波 紓困 措施 川普 每 到 一個 公司 去 參觀 時 也 與 基層 員工 座談 希望 員工 反映 他們 的 處境 同樣 以 民營企業 為 經濟 支撐 的 臺灣 政府 似乎 漠視 民營企業 的 興衰 殘敗 生死存亡 甚至 視 許多 大陸 台商 掌 我國 出口產品 的 40 為 敵人 為 棄兒 我國 民營企業 效率 在 瑞士 管理 學院 競爭力 調查 中 名列前茅 但 政府 效率 總 在 30 名 以外 難怪 很多 專家 表示 我國 企業 是活 在 第一世界 政府 卻是 活 在 第三世界 疫情 過後 各國 還要 靠 民營企業 才能 復蘇 經濟 我國 民營企業 已經 處境 艱難 例如 五 缺 六 失 加上 兩岸關係 凍結 ecfa 可能 喊停 臺灣 打勝 了 新冠肺炎 戰爭 打敗 了 經濟戰 國計民生 將 更 形 艱苦 打 贏 經濟戰 應該 是 蔡英文 及 新 政府 的 第一 仗</t>
  </si>
  <si>
    <t>中新 網 30 日 報導 繼 中 緬 瑞麗 中 蒙 內蒙 中俄 邊境 城市 黑河市 疫情 也 緊 蹦 29 日 出現 當天 大陸 最 多 本土 確診 26 例 新冠 病例 黑龍江省 文化 和 旅遊 廳 於 29 日 發佈 通知 即日起 嚴格執行 跨 省 旅遊 經營 活動 管理 熔斷 機制 立即 暫停 該省 旅行社 及 線 上 旅遊 企業 經營 跨 省 團隊 旅遊 及 機票 酒店 業務 暫停 經營 旅遊 專項 業務 報導 稱 近日 黑龍江省 黑河市 已 出現 中 風險 地區 大陸 國內 多 地 相繼 發生 輸入 性病 例 引發 的 本土 聚集 性 疫情 疫情 防控 形勢嚴峻 複雜 防控 工作 壓力 持續 增大 為 進一步 做好 黑龍江省 文化 和 旅遊 行業 新冠肺炎 疫情 防控 工作 該省 發佈 通知 如下 即日起 嚴格執行 跨 省 旅遊 經營 活動 管理 熔斷 機制 立即 暫停 黑龍江省 旅行社 及 線 上 旅遊 企業 經營 跨 省 團隊 旅遊 及 機票 酒店 業務 黑龍江省 內 無 中 高風險 地區 後 可 自行 恢復 旅行社 及 線 上 旅遊 企業 經營 跨 省 團隊 旅遊 及 機票 酒店 業務 黑龍江省 內 旅行社 及 線 上 旅遊 企業 要 嚴格控制 旅遊 團隊 規模 暫停 經營 旅遊 專項 業務</t>
  </si>
  <si>
    <t>新冠肺炎 大陸 旅遊 黑龍江省 跨 省</t>
  </si>
  <si>
    <t>目前 停靠在 日本 橫濱 的 鑽石 公主 號 游輪 於 16 日 上午 公佈 確診 感染 新冠肺炎 的 人數 新增 了 70 名 感染者 現在 公主 郵輪 的 已 知 確診 人數 增加 到 355 人 感染 而 這 一 艘 遊輪 在 1 月 31 日 時 曾 停泊 在 基隆 港 1 名 美國 籍新冠肺炎 確診 患者</t>
  </si>
  <si>
    <t>目前 停靠在 日本 橫濱 的 鑽石 公主 號 游輪 於 16 日 上午 公佈 確診 感染 新冠肺炎 的 人數 新增 了 70 名 感染者 現在 公主 郵輪 的 已 知 確診 人數 增加 到 355 人 感染 而 這 一 艘 遊輪 在 1 月 31 日 時 曾 停泊 在 基隆 港 1 名 美國 籍新冠肺炎 確診 患者 當時 就 曾 到 廟口 夜市 買 糖葫蘆 自 拍打 卡 消息 傳出 後 廟口 生意 冷清 許多 更 有 攤 商 指出 跟 以前 相比 業績 足足 下滑 了 七 成 針對 廟口 生意 受到 衝擊 基隆 市長 林右昌 中午 受訪 指出 要 恢復 消費者 信心 須要 等到 疫情 較 穩定 後 他 也 強調 其實 最 大 壓力 不在 臺灣 而是 中國 大陸 疫情 是否 能 減緩 下來 要 減緩 後 才 有 辦法 提升 消費者 信心 林右昌 說 大家 都 知道 錢和 價格 不是 問題 是 大家 有 自主 健康 管理 概念 儘量少 出門 消費 力就 會 減少 希望 疫情 能 減緩 下來 接 著 就 是 振興 工作 需 等待 這個 時機 出現</t>
  </si>
  <si>
    <t>新冠肺炎 臺灣 疫情 手語 老師 林珍羽</t>
  </si>
  <si>
    <t>新冠肺炎 確診 數 超越 美 加 總和 全球 最 嚴重 疫區 換人</t>
  </si>
  <si>
    <t>就 在 巴西 墨西哥 秘魯 哥倫比亞 和 阿根廷 等 國新冠肺炎 確診 病例 飆 升 之際 路透 統計 周日 顯示 拉丁美洲 的 病例 首度 超越 美國 和 加拿大 總和 據 路透 26 日 報導 飆 升 的 病例 數 使 拉丁美洲 的 病例 占 了 全球 總數 的 2683 使 當地</t>
  </si>
  <si>
    <t>就 在 巴西 墨西哥 秘魯 哥倫比亞 和 阿根廷 等 國新冠肺炎 確診 病例 飆 升 之際 路透 統計 周日 顯示 拉丁美洲 的 病例 首度 超越 美國 和 加拿大 總和 據 路透 26 日 報導 飆 升 的 病例 數 使 拉丁美洲 的 病例 占 了 全球 總數 的 2683 使 當地 成為 全球 受 創 最 嚴重 的 疫區 根據 各國 提供 的 資料 統計 如今 拉丁美洲 的 病例 總和 為 4327160 而 美 加 的 總和 為 4308495 不過 以 單一 國家 來說 美國 仍 是 新冠肺炎 確診 與 死亡 人數 最 多 的 國家 至今 確診 人數 超過 420萬 而 死亡 人數 也 突破 146萬 人 而 緊 追 其 後 的 是 巴西 當地 的 確診 人數 突破 240萬 人 死亡 人數 也 直 逼 9萬 而 墨西哥 秘魯 和 智利 的 確診 病例 也 都 名列 全球 前 10 據 路透 統計 如今 全球 感染 新冠肺炎 的 人數 已 超過 1610萬 衛生 專家 認為 幾乎 毫無疑問 的 實際 的 感染 與 死亡 人數 都 高於 官方 資料 尤其是 那些 檢測 能力 有限 的 國家 更是如此</t>
  </si>
  <si>
    <t>克裡斯洛克 突破性 感染 喜劇 天王 新冠肺炎 全球</t>
  </si>
  <si>
    <t>新冠肺炎 臺灣 機構 市府 家屬</t>
  </si>
  <si>
    <t>新冠肺炎 疫情 重創 臺灣 餐飲業 不少 店家 黯然 熄燈 倒閉 雖然 隨 著 疫情 趨 緩 餐飲業 營運 已 率先 回溫 但 饗 賓 餐旅 集團 總經理 陳毅航 認為 造成 餐飲業 此次 完美 風暴 的 3 大 結構性 問題 仍 在 預期 在後 疫情 時代 餐飲業 的 淘汰</t>
  </si>
  <si>
    <t>新冠肺炎 疫情 重創 臺灣 餐飲業 不少 店家 黯然 熄燈 倒閉 雖然 隨 著 疫情 趨 緩 餐飲業 營運 已 率先 回溫 但 饗 賓 餐旅 集團 總經理 陳毅航 認為 造成 餐飲業 此次 完美 風暴 的 3 大 結構性 問題 仍 在 預期 在後 疫情 時代 餐飲業 的 淘汰賽 態勢 仍 不 會 改變 陳毅航 認為 此次 新冠肺炎 疫情 對 餐飲業 的 營運 衝擊 可說是 50 年 來 最 大 海嘯 許多 長期 營運 的 知名 老店 都 要 活不下去 主要 有 3 大 結構 因素 造成 此 波 完美 風暴 包括 餐飲業 供過於求 經營 成本 連年 攀升 以及 疫情 造成 市場 消費 急凍 陳毅航 指出 在 2003 年 爆發 sars 時 全台 餐飲業 營 收 約 3000 多 億 元 注 實 為 271266億 元 而 截至 去年 已 成長 突破 8000億 元 然而 臺灣 的 人口 實質 薪資 及 實質 消費 力 並未 跟隨 同比增加 仍 與 當時 相差不多 餐飲 市場 供過於求 的 問題 已 愈趨 明顯 據 經濟部 統計 處 統計 自 1999 年 開始 統計 以來臺灣 餐飲業 營 收 僅 2001 年 出現 衰退 隨後 即 逐年 成長 自 2001 年 的 261376億 元 成長至 去年 的 811576億 元 年增率 落於 005 1372 近 3 年年 增 率 落於 373 439 較 2005 2016 年 的 高度 成 長期 明顯 趨 緩 在 市場競爭 愈趨 激烈 之際 包括 食 材 人力 瓦斯 和 電費 等 經營 成本 逐年 攀升 亦 成為 餐飲業 面臨 的 另 一 項 結構性 挑戰 加上 此次 疫情 造成 消費 需求 全面 急凍 雖然 許多 業者 盼 透過 外 送 平臺 突圍 但 外 送 平臺 抽 成 比重 高 未能 明顯降低 餐飲業 經營 壓力 儘管 隨 著 疫情 趨 緩 民眾 外出 用餐 消費 信心 及 意願 回升 使得 先前 陷入 營運 寒冬 的 餐飲業 營運 自 5 月 起 明顯 復蘇 回 溫 但 陳毅航 認為 由於 造成 此次 完美 風暴 的 結構性 挑戰 仍 在 預期 在 步入 後 疫情 時代 後 餐飲業 的 淘汰賽 態勢 仍 不 會 改變 陳毅航 指出 此次 疫情 改變 餐飲業 的 思維 及 經營策略業者 在 疫情 期間 都有 要 先 活 下去 的 共識 除了 推出 便當 等 產品 拓展 外 送 外 賣 服務 外 也 因應 宅 消費 商 機 加速 研發 常溫 冷凍 即時 料理 商品 並 洽談 虛實 通路 推廣 銷售 以 分散 未來 營運 可能 風險 陳毅航 認為 現今 餐飲業 仍 存有 3 缺 包括 對 從業人員 的 觀感 經營 理念 勇於 承擔 的 企業家 精神 集團 在 撐過 疫情 寒冬 後 也 思索 著 未來 能 做 些 什麼 協助 臺灣 餐飲業 發展 他 表示 饗 賓 希望 成為 餐飲業 的 整合 者 希望 在 有能力 時 分享 自家 資源 使 餐飲業 能 正向 發展</t>
  </si>
  <si>
    <t>臺灣 餐飲業 新冠肺炎 營運 衝擊</t>
  </si>
  <si>
    <t>新加坡 新冠肺炎 確診 病例 逾 14000 人 超過 日本 和 韓國 在 亞洲 排名 僅次於 土耳其 伊朗 中國 大陸 印度 等 人口眾多 的 國家 今年 3 月 17 日 新加坡 只 有 266 例 確診 病例 一度 被 各國 譽為 防疫 典範 不料 短短 1 個 半 月 竟 暴 增 50 多 倍</t>
  </si>
  <si>
    <t>台大 獸醫系 4 年級 張曄 是 來自 馬來西亞 的 僑 生 張郡 則 是 熱愛 以 拳擊 重 訓 來 健身 他們 共同 發起 成立 朱先生 萬先生 團隊 要 傳播 正確 的 傳染病 知識 因為 他們 覺得 我們 能 做 的 遠 比 課程內容 更 多 希望 藉 此為 臺灣 社會 盡 一 份 心 力 張曄 到 臺灣 讀 台 大 獸醫系 後 她 在 馬來西亞 當 高中 校長 的 父親 也 開始 看 動物 相關 的 書籍 每 看 一 本 就 會 介紹 給 她 不過 她 最後 只 對 共 病 時代 這 一 本 有 興趣 裡面 提到 獸醫 其實 是 許多 疾病 的 發現 者 這 開啟 她 的 知識 視野 去年 新冠肺炎 肆虐 全球 衝擊 醫學 及 公衛 體系 在 所有人 被 傳染病 這 顆 震撼 彈 搖到 頭昏 時 共 病 時代 這 本書 給 了 張曄 靈感 原來 動物 和 傳染病 有如 此 深 的 聯繫 而 身 為 一個 獸醫系 學生 能 做 什麼 呢 張曄和 張郡 住 在 同一 棟 宿舍 張曄 認為 在 疫情 時代 獸醫系 學生 應該 發聲 就 去 找 張郡 商量 因此 誕生 了 朱先生 萬先生 團隊 張曄 說 她 雖是 馬來西亞 僑 生 但 規 畫 以後 要 在 臺灣 發展 因此 希望 為 臺灣 做 一點 事 張 郡 則 是 熱愛 練 拳擊 及 重 訓 台大 獸醫系 教授 周崇熙 說 每次 因為 朱先生 萬先生 計 畫 打電話 找 張郡 得到 的 答案 都 是 我 正 在 重 訓 張 郡 表示 在 新冠肺炎 疫情 下 不 正確 傳染病 資訊 對 人類 生活 造成 重大 影響 譬如 有人 因為 擔心 貨物 帶有 新冠 病毒 就 不敢 向 大陸 或 歐美 進行 網路 購物 但 事實上 貨物 有 可能 被 污染 不是 被 感染 只 要 做好 個人 衛生 或是 收到 貨 時 用 酒精 擦拭 一下 就 沒 問題 了 張 郡 說 在 一般 狀況 下 新冠 病毒 在 貨物 表面 通常 只能 存活 7 至 14 天 而 貨物 從 國外 寄 到 臺灣 可能 要 30 天 即使 有 病毒 也 死 了 因此 跨 海線 上 購物 還是 可以 進行</t>
  </si>
  <si>
    <t>nba 杜蘭特 染 新冠肺炎 籃 網 4 人 中 鏢</t>
  </si>
  <si>
    <t>美國 nba 籃 網隊 宣佈 球隊 中 有 4 名 球員 確診 新冠肺炎 但 沒有 宣佈 確診 球員 的 姓名 但 美國 體育 媒體 the athletic 記者 shams charania 3 月 17 日 在 twitter 上 表示 本 季 加入 籃 網隊 的 大 咖 球星 杜蘭特 kevin durant 是 確診 新</t>
  </si>
  <si>
    <t>美國 nba 籃 網隊 宣佈 球隊 中 有 4 名 球員 確診 新冠肺炎 但 沒有 宣佈 確診 球員 的 姓名 但 美國 體育 媒體 the athletic 記者 shams charania 3 月 17 日 在 twitter 上 表示 本 季 加入 籃 網隊 的 大 咖 球星 杜蘭特 kevin durant 是 確診 新冠肺炎 的 一 員 杜蘭特 在 接受 採訪 時 表示 目前 沒有 感受 到 特別 的 狀況 他 說 每個 人 都 應該 要 小心 照顧 好 健康 並且 自主 隔離 他 表示 有 信心 克服 新冠肺炎 nba 已於 日前 停賽 目前 不 清楚 這 幾 位 球員 是 如何 感染 上 新冠肺炎 的</t>
  </si>
  <si>
    <t>38 歲 日籍 女星 愛 紗 千 田 愛 紗 來 台 發展 20 年 早已 把 這裡 當 第二 個 家 近期 本土 疫情 連環 爆 日本 接連 兩 次 捐贈 百萬 劑 az 疫苗 令 她 內心 滿是 感動 日前 愛 紗 在 社 群 網站 開放 網友 提問 被 問到 不 返 日 打 疫苗 的 原因 她 親自 做出 回應 愛 紗 昨 10 日 在 ig 限 時 動態 開放 網友 問問 題 有人 發問 愛 紗 不 回 日本 嗎 順便 打 疫苗 對此 她 表示 疫情 尚未 穩定 前 沒有 計畫 要 飛 回 日本 並 講出 家鄉 的 疫苗 施打 情況 日本 還 是 很多 人 包括 我 父母 都 還 沒有 打到 疫苗 所以 我 儘量 不 移動 為 的 就是 保護 你 我 他 事實上 愛 紗 本來 預計 五月 要 回 沖繩 陪 家 人 過 母親節 此時 疫情 忽然 炸 鍋 為了 保護 彼此 決定 留 台 就 連 17 日 阿 嬤 的 86 歲 生日 都 沒 辦法 當面 慶祝 只能 隔 空 獻上 祝福 被 問及 回 日本 第 一個 想 做 的 事情 她 二話不說 地 表示 要 帶 阿嬤 去 漂亮 的 咖啡 廳 喝 下午 茶 再 去 吃 沖繩 風景 最美 的 pizza 餐廳 疫情 穩定 之後 愛 紗 還 想去 超級 喜歡 的 新加坡 度假 更 說 有 機會 的 話 會 想 嘗試 住 在 那 愛 紗 2016 年 與 臺灣 男 模 周名甫 結婚 婚禮 中 兩 人 深情 擁 吻 感情 一度 羨 煞 眾人 未 料 婚姻 維持 2 年 多 便 告吹 被 問及 是否 還 在 情 傷 愛 紗 否認 我 老 早就 踏 進 新 的 人 生 了 上 了 一 堂 人生 重要 課 更 瞭解 自己 知道 適合 什麼 不 適合 什麼 現在 的 我 活 得 自在 相信 自己 尊重 自己 原來 這樣 讓 我 活 得 很 踏實 同時 感到 幸福感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愛 紗 日本 疫苗 疫情 新冠肺炎</t>
  </si>
  <si>
    <t>韓國 朝鮮 日報 針對 24 位 全球 知名 學者 訪談 總結 出新冠肺炎 結束 後 全球 即將 發生 的 十 大 變化 這些 變化 有 可能 完全 改變 全球 社會 各 領域 行為 規則 其中 全球 產業鏈 重組 經濟 長期 低 增長 現象 對 臺灣 出口 導向 經濟 將 是 一</t>
  </si>
  <si>
    <t>新冠肺炎 社會 後 新冠 時代 10 大 變化</t>
  </si>
  <si>
    <t>疫苗 臺灣 新冠肺炎 novavax covax</t>
  </si>
  <si>
    <t>1 分鐘 看 世界 正名 為 新冠肺炎 各國 限令 臺灣 受 波及</t>
  </si>
  <si>
    <t>1 分鐘 看 世界 新冠肺炎</t>
  </si>
  <si>
    <t>新冠肺炎 臺灣 連江縣 快 篩 劉增 應</t>
  </si>
  <si>
    <t>疫苗 鄭文燦 桃園 接種 站 新冠肺炎</t>
  </si>
  <si>
    <t>編者按 新冠肺炎 疫情 持續 蔓延 防疫 挑戰 愈來愈 嚴峻 全民 的 支撐 將 是 防疫 作戰 決勝 關鍵 中國時報 基於 媒體 社會 責任 即日起 依 疫情 進展 與 防疫 作為 推出 民間 防疫站 交流平臺 提供 全民 最 即時 專業 的 防疫 資訊</t>
  </si>
  <si>
    <t>新冠肺炎 疫情 威脅 徐國勇 清明 掃墓 簡短 就 好</t>
  </si>
  <si>
    <t>立 法院 院會 今日 針對 新冠肺炎 特別 預算 進行 總 質詢 立 委 張宏陸 建議 今年 清明 掃墓 希望 呼籲 民眾 縮短 掃墓 時間 降低 感染 新冠肺炎 的 風險 主管 宗教事務 的 內政部長 徐國勇 也 表示 希望 大家 去 燒香 後 簡短 結束 儀式 後 結束</t>
  </si>
  <si>
    <t>立 法院 院會 今日 針對 新冠肺炎 特別 預算 進行 總 質詢 立 委 張宏陸 建議 今年 清明 掃墓 希望 呼籲 民眾 縮短 掃墓 時間 降低 感染 新冠肺炎 的 風險 主管 宗教事務 的 內政部長 徐國勇 也 表示 希望 大家 去 燒香 後 簡短 結束 儀式 後 結束 不 需要 花 一個 早上 時間 掃墓 徐國勇 表示 清明節 如果 不 去 掃墓 燒香 有人 會 覺得 很 奇怪 建議 簡短 儀式 後 就 結束 立 委 的 建議 很 有 道理 國會 質詢 直播 後 大家 都會 看到 這 段 呼籲 希望 大家 可以 縮短 掃墓 時間 降低 暴露 在 新冠肺炎 病毒 下 的 風險</t>
  </si>
  <si>
    <t>漫 威 英雄 疫 樣 難 逃 伊 卓斯艾 巴染新冠肺炎</t>
  </si>
  <si>
    <t>好萊塢 疫情 不斷 臺灣 時間 17 日新冠肺炎 病毒 確診 數 增加 3 例 包含 雷神 索爾 47 歲 英國 黑人 男 星伊卓 斯 艾巴 idris elba 冰 與 火 之 歌 權力 遊戲 41 歲 挪威 男 星 克裡斯多夫希弗 哲 kristofer hivju 及 冰雪 奇 緣 2 2</t>
  </si>
  <si>
    <t>新冠肺炎 臺灣 口罩 北科大 鄰里</t>
  </si>
  <si>
    <t>養護 機構 致死 率 住 民 群 聚 新冠肺炎</t>
  </si>
  <si>
    <t>印度 神童 阿南德 abhigya anand 日前 曾於 最新 影片 中 預測 下半年 因 木星 行 逆行 許多 國家 將 面臨 第 三 波 疫情 至於 高峰 則 落 在 明 2022 年 4 月 對此 命 理 專家 小孟 老師 抱 持 不同 看法 表示 明年 的 星相 是 難得 大好 的 星相 且 明年 2 月 後 就 會 很順 疫情 可以 控制 小 孟 老師 于 談話 性 節目 新聞 挖 挖 挖 中 指出 看 星相 後 發現 明年 4 月 的 星相 是 難得 的 大好 星相 因為 金星 火星 木星 及 海王星 皆 落 在 雙魚 座 且 全部都是 順 行 反而 是 今年 下半年 有 7 顆 行星 都 逆行 因 此 下半年 會 很 不順 小 孟 老師 進一步 說 明年 2 月 過後 就 會 開始 一路 很順 因為 星相 都 是 走 雙魚 座 的 關係 但 也 因為 雙魚 座 都 走水 走 海 也就是說 明年 幾乎 都 是 屬於 水災 淹 水 等 災害 不過 疫情 方面 是 可以 控制 的 另外 針對 阿南德 曾 說 不能 只 單靠 疫苗 抗 疫 否則 長期 下來 恐 會 造成 無法彌補 的 傷害 命 理 師廖美 然 解讀 阿南德 可能 是 認為 我們 目前 僅靠 疫苗 對抗 新冠 病毒 使 身體 得到 抗體 但 打 疫苗 身體 產生 抗體 後 卻 不 清楚 是否 對 人體 內 產生 後遺症 才會 有此一說 中 時 新聞網 提醒您 民俗 傳說 僅供參考 請勿 過度 迷信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印度 神童 阿南德 星相 預言</t>
  </si>
  <si>
    <t>英國 三 分之一 癌症 患者 因 新冠肺炎 中斷 療程 而 惡化</t>
  </si>
  <si>
    <t>因為 新冠肺炎 疫情 的 爆發 在 英國 有 三 分之一 的 病 患 因此 而 中斷 了 癌症 的 療程 甚至 有 病 患 因為 肺炎 疫情 取消 了 掃描 測試 手術 化療 或是 放射療法 對 病情 有 著 嚴重 的 影響 根據 英國 媒體 每日 郵報 報導 指出 他們 追蹤</t>
  </si>
  <si>
    <t>因為 新冠肺炎 疫情 的 爆發 在 英國 有 三 分之一 的 病 患 因此 而 中斷 了 癌症 的 療程 甚至 有 病 患 因為 肺炎 疫情 取消 了 掃描 測試 手術 化療 或是 放射療法 對 病情 有 著 嚴重 的 影響 根據 英國 媒體 每日 郵報 報導 指出 他們 追蹤 1900 名 癌症 患者 在 新冠肺炎 流行 期間 的 醫療 狀況 有 三 分之一 的 人 說 他們 的 療程 有 被 新冠肺炎 疫情 影響 到 而有 42 的 人 表示 他們 關鍵 時間 點 的 測試 檢驗 因為 疫情 而 取消 甚至 被 醫院 遺忘 有 登記 療程 而 從 今年 3 月 起 不少 英國 醫院 取消 了 癌症 的 治療 他們 將 重心 放在 新冠肺炎 的 患者 治療 上 有 一 名 罹 患 四 期 肺癌 與 乳腺癌 的 73 歲 婦女 甚至 表示 她 與 她 所 屬 醫生 的 門診 已經 延後 了 兩 次 而 英國 國民 保健 署 也 曾 統計 今年 5 月 英格蘭 的 醫生 進行 了 約 106535 例 緊急 癌症 病例 的 轉 診 但 在 2019 年 5 月 確有 200599 例 緊急 癌症 病例 的 轉 診 現在 幾乎 只 有 去年 的 一半 而且 現在 有 5萬5500 多 人 在 醫院 等待 癌症 的 相關 檢查 同時 有 超過 200萬 人 等待 乳房 大腸 與 子宮 頸 的 檢查 英國 癌症 研究 中心 首席 執行官 蜜雪兒 michelle mitchell 曾 表示 在 新冠肺炎 大 流行 之後 nhs 已經 開始 恢復 癌症 的 治療 越來越 多 人 被 送 往 醫院 檢查 但 由於 過去 累積 了 許多 等待 測試 與 需要 治療 的 患者 所以 可能 需要 一點 時間 來 處理 更 多 ctwant 報導</t>
  </si>
  <si>
    <t>癌症 英國 新冠肺炎 療程 治療</t>
  </si>
  <si>
    <t>法務部 上月 核定 新 一 波 檢察 首長 人事 案 並 呈報 行政院 法務部 原定 3 月 3 日 或 4 日 舉辦 交接 典禮 但因 新冠肺炎 疫情 持續 升溫 行政院 忙於 各項 防疫 措施 相關 公文 暫時 擱置 連帶 影響 10 多 名 檢察 首長 迄今 尚未 交接 上任 新 職 因</t>
  </si>
  <si>
    <t>法務部 上月 核定 新 一 波 檢察 首長 人事 案 並 呈報 行政院 法務部 原定 3 月 3 日 或 4 日 舉辦 交接 典禮 但因 新冠肺炎 疫情 持續 升溫 行政院 忙於 各項 防疫 措施 相關 公文 暫時 擱置 連帶 影響 10 多 名 檢察 首長 迄今 尚未 交接 上任 新 職 因此 有法 界 人士 戲稱 就 連 檢察 首長 人事 也 成為 這 波 肺炎 疫情 受災戶 法務部 檢察官 人事 審議 委員會 2 月 21 日 討論 檢察 首長 人事 案 其中 臺北 地 檢 署 檢察長 邢泰釗 升任 臺灣 高檢 署 檢察長 北 檢 檢察長 則 由 高雄地 檢 署 檢察長 周章 欽 接任 這 波 檢察 首長 人事 案 包括 高檢 署 檢察長 邢泰釗 臺北 地 檢 署 檢察長 周章 欽 新北 地 檢 署 檢察長 王文德 桃園 地 檢 署 檢察長 王俊 力 新竹 地 檢 署 檢察長 郭永發 台中 地 檢 署 毛有增 南 投 地 檢 署 張曉 雯 雲 林地檢 署 洪家原 台南 地 檢 署 葉淑文 高雄地 檢 署 莊 榮松 橋頭 地 檢 署 洪信 旭 屏 東 地 檢 署 黃謀信 台東地 檢 署 陳松吉 花蓮地 檢 署 俞秀端 澎 湖 地 檢 署 李嘉明 金門 地 檢 署 張雲 綺 連江地 檢 署 張介欽 另 法務部 主 秘由 台中 地 檢 署 檢察長 陳宏達 接任 法務部 檢察 司長 由 台南 地 檢 署 檢察長 林錦村 接任 新北 地 檢 署 檢察長 朱兆民 接任 台 高檢 主任 檢察官</t>
  </si>
  <si>
    <t>新冠肺炎 臺灣 學生 確診 大專院校</t>
  </si>
  <si>
    <t>疫情 新冠肺炎 臺灣 侯友宜 新北 市</t>
  </si>
  <si>
    <t>歐盟 24 日 將 4 款 大陸 出口 的 口罩 列為 嚴重 警示 產品 指出 口罩 的 微粒 過濾 能力 不足 無法 有效 阻擋 空氣 中的 污染 微粒 當中 一 款 過濾 效率 甚至 低於 50 如果 民眾 沒有 穿戴 其他 防護 裝備 只 戴 上 這種 口罩 的 人 仍 可能 染病 歐盟 為 保障 消費者 所 設立 的 非 食品 產品 快速 警示 系統 rapid alert system for dangerous non-food products 每週五 都會 發佈 報告 羅列 各 成員國 當 周 回報 的 各國 市面上 發現 的 危險 產品 根據 24 日 最新 報告 當中 列出 了 4 項 大陸 出口 的 口罩 明確指出 這 4 款 口罩 微粒 過濾 率 不足 其中 一 款 ffp 2 等級 的 口罩 過濾 效率 甚至 低於 50 其他 款 kn 95 ffp 2 等級 口罩 過濾 率 分別 低於 86 76 及 75 報告 指出 這些 口罩 並 不 符合 歐盟 個人 防護 裝備 法規 personal protective equipment regulation及 相關 口罩 en 149 標準 微粒 過濾 率 不足 因此 可能 讓 過多 微粒 微生物 穿過 口罩 如果 沒有 其他 防護 設備 將 增加 感染 風險 報告 將 這 4 款 口罩 的 警示 級別 列為 嚴重 serious 警示 級別 大陸 新冠肺炎 疫情 趨 緩 北京 轉 而 向 各國 出口 口罩 及 病毒 試劑 不過 這些 醫療 用品 品質 屢 遭 質疑 例如 比利時 先前 就 抱怨 大陸 出口 的 300萬 片 ffp 2 等級 口罩 完全 不 符合標準 荷蘭 最近 也 點名 60萬 個 大陸 口罩 無法 貼緊 臉部 過濾 效率 也 不足 針對 口罩 品質 屢 遭 質疑 香港 01 報導 大陸 商務部 海關總署 國家 市場 監督 管理 總局 25 日 聯合 發佈公告 宣佈 將 進一步 加強 醫療 口罩 出口 的 品質 控管 26 日 起 出口 的 非 醫療 口罩 也 應當 符合 大陸 及 國外 標準</t>
  </si>
  <si>
    <t>川普 確診 韓粉 新冠肺炎 拜登</t>
  </si>
  <si>
    <t>新冠肺炎 疫情 仍 持續 擴大 英國 近日 出現 24 小時 內因 肺炎 過世 人數 超過 百 人 26 日 死亡 人數 共 115 人 影 後 鮑起靜 最近 到 當地 探望 女兒 發現 女兒 發燒 醫院 卻 以 非 緊密 接觸 者 為由 拒絕 讓 她 入院 讓 鮑起靜 心疼 開罵 70 歲</t>
  </si>
  <si>
    <t>新冠肺炎 疫情 延 燒 不少 演藝圈 名人 紛紛 對 國內外 疫區 伸出 援手 包括 大陸 知名 女星 楊冪 等 人 於 26 日 向 西班牙 馬德里 巴賽 隆 納 捐贈 醫療 物資 包括 10 台 papr 正壓 式 頭 罩 500 件 vg 防護 服 及 500 個 護目鏡 等 今 由 北京 中轉 深圳 送往</t>
  </si>
  <si>
    <t>新冠肺炎 臺灣 隔板 免用 校園</t>
  </si>
  <si>
    <t>浙江省 衛生 健康 委 今天 表示 3 月 15 日 0 24 時 浙江省 無 新 增 新冠肺炎 確診 病例 新增 出院 病例 2 例 皆 為 杭州市 確診 病例 至此 杭州 除 14 日 通報 的 1 例 境外 輸入 性病 例外 本地 的 181 名 確診 病例 已 全部 治癒 出 院 資料 顯示 截至 3</t>
  </si>
  <si>
    <t>浙江省 衛生 健康 委 今天 表示 3 月 15 日 0 24 時 浙江省 無 新 增 新冠肺炎 確診 病例 新增 出院 病例 2 例 皆 為 杭州市 確診 病例 至此 杭州 除 14 日 通報 的 1 例 境外 輸入 性病 例外 本地 的 181 名 確診 病例 已 全部 治癒 出 院 資料 顯示 截至 3 月 15 日 24 時 浙江省 累計 報告 新冠肺炎 確診 病例 1231 例 其中 境外 輸入 病例 14 例 現有 重症 病例 1 例 其中 危重 1 例 累計 死亡 1 例 累計 出 院 1213 例 確診 病例 中 杭州市 182 例 其中 境外 輸入 病例 1 例 寧波市 157 例 溫州市 504 例 湖州市 12 例 其中 境外 輸入 病例 2 例 嘉興市 45 例 紹興市 42 例 金華市 55 例 衢州市 14 例 舟山市 10 例 台州市 146 例 麗水市 28 例 其中 境外 輸入 病例 11 例 浙江省 十 裡 豐 監獄 36 例 重症 病例 中 嘉興市 1 例 死亡 病例 中 溫州市 1 例 出院 病例 中 杭州市 181 例 寧波市 157 例 溫州市 501 例 湖州市 10 例 嘉興市 44 例 紹興市 41 例 金華市 55 例 衢州市 14 例 舟山市 10 例 台州市 146 例 麗水市 18 例 浙江省 十 裡 豐 監獄 36 例 目前 該省 共 追蹤 到 密切接觸 者 42954 人 當日 解除 醫學觀察 79 人 尚有 991 人 正在 接受 醫學觀察 除 杭州 外 浙江 的 寧波 湖州 金華 衢州 舟山 台州 麗水 等 7 市 此前 均 已 實現 本地 確診 病例 清 零 新冠肺炎 清零 杭州 浙江 春茶 輸入 病例 確診 病例 寧波 湖州 金華 衢州 舟山 台州 麗水 大陸</t>
  </si>
  <si>
    <t>新冠肺炎 零 確診 破 功 遭 日 客 傳染 印尼 2 人 確診</t>
  </si>
  <si>
    <t>全球 受 新冠肺炎 疫情 影響 印尼 宣稱 的 境內 零 確診 神話 破 功 印尼 總統 佐 科威 joko widodo 今 2 日 宣佈 境內 出現 2 起 新冠肺炎 確診 病例 路透社 報導 印尼 總統 佐 科威 今日 宣佈 印尼 出現 2 例 新冠肺炎 確診 病例 這 是 這個</t>
  </si>
  <si>
    <t>全球 受 新冠肺炎 疫情 影響 印尼 宣稱 的 境內 零 確診 神話 破 功 印尼 總統 佐 科威 joko widodo 今 2 日 宣佈 境內 出現 2 起 新冠肺炎 確診 病例 路透社 報導 印尼 總統 佐 科威 今日 宣佈 印尼 出現 2 例 新冠肺炎 確診 病例 這 是 這個 全球 第 四大 人口 國 首度 傳出 疫情 佐 科威 表示 確診 的 是 一 名 64 歲 婦女 以及 她 的 31 歲 女兒 當局 相信 母女倆 的 感染 源 來自 於一名 居住 在 馬來西亞 的 日本 人 這 名 日本 遊客 先前 曾 到 印尼 旅遊 返回 馬來西亞 後 確診 感染 新冠肺炎 衛生部長 普蘭多 terawan agus putranto 表示 日本 訪 客 是 母女倆 家人 的 朋友 旅遊 印尼 期間 曾 到 她們 家 拜訪 有關 當局 目前 已經 追查 日本 訪 客 在 印尼 期間 曾基 接觸 的 人 目前 母女倆 正 在 首都 雅加達 的 蘇裡安提沙洛索 醫院 sulianti saroso hospital 進行 治療 印尼 一共 有 超過 26億 人口</t>
  </si>
  <si>
    <t>新冠肺炎 臺灣 台大醫院</t>
  </si>
  <si>
    <t>隨 著 新冠肺炎 疫情 持續 爆發 各國 政府 不斷 督促 民眾 前往 接種 站 施打 疫苗 但 沒 想到 卻 也 因此 造成 家庭 糾紛 菲律賓 一 名 女子 日前 原本 想 找 丈夫 陪 她 去 接種 疫苗 但 丈夫 卻 以 忙碌 婉拒 沒 想到 女子 前往 接種 站 時 卻 看到 老公 與 小</t>
  </si>
  <si>
    <t>隨 著 新冠肺炎 疫情 持續 爆發 各國 政府 不斷 督促 民眾 前往 接種 站 施打 疫苗 但 沒 想到 卻 也 因此 造成 家庭 糾紛 菲律賓 一 名 女子 日前 原本 想 找 丈夫 陪 她 去 接種 疫苗 但 丈夫 卻 以 忙碌 婉拒 沒 想到 女子 前往 接種 站 時 卻 看到 老公 與 小三 一同 現身 讓 她 氣 得 沖 上 前 狂 毆 對方 根據 大陸 媒體 中國 報 的 報導 來自 菲律賓 的 一 名 女子 在 當地 預約 到 疫苗 後 便 要求 丈夫 陪 她 去 接種 站 但 丈夫 卻 以 自己 很 忙 拒絕 了 她 女子 只 好找 姊妹 陪同 接種 疫苗 沒 想到 當 她們 一 到 接種 站 卻 看到 自己 丈夫 溫柔 的 陪伴 在 另 一 名 陌生 女子 身旁 等待 接種 只見 該 名 女子 穿 著 一 件 黑色 短袖 上衣 嬌弱 的 靠 在 丈夫 身上 一 看 就 感覺 是 小三 讓 正 宮 氣 得 立即 放下 手中 的 包包 與 姊妹 沖 上 前 質問 兩 人 的 關係 丈夫 看到 妻子 沖來 竟 直接 擋 在 小三 面前 保護 對方 還用 雙手 將 妻子 與 她 的 姊妹 向後 推 接 著 雙方 爆發 激烈 的 拉扯 不過 疑 似是 小 三 的 女子 也 不是 省油的燈 竟 直接 拿 起 疫苗 接種 站 讓 民眾 休息 的 椅子 就 朝正 宮 砸 去 姊妹 們 撞見 立即 沖 上 前 準備 暴打 小 三 卻 被 女子 的 丈夫 阻攔 甚至 將 她們 推倒 在 地 之後 4 人 便 扭打 成 一 團 上演 大亂鬥 使 現場 一 片 混亂 相當 失控 直到 警方 到場 才 結束 這 場 鬧劇 不過 接種 站 也 因此 被迫 暫停 了 15 分鐘 讓 現場 等待 的 民眾 相當 無奈</t>
  </si>
  <si>
    <t>海軍 敦睦 艦隊 磐石 艦 爆發 多 人 感染 新冠肺炎 目前 已 累計 27 例 確診 防疫 過程 引起 外界 爭議 對此 前 海軍 艦長 呂禮詩 也 在 節目 揭密 國軍 在 船上 的 生活 呂禮詩 在 新聞 挖 挖 哇 透露 一般 海軍 的 伙食 經費 比 陸軍 好 主持人 鄭</t>
  </si>
  <si>
    <t>海軍 敦睦 艦隊 磐石 艦 爆發 多 人 感染 新冠肺炎 目前 已 累計 27 例 確診 防疫 過程 引起 外界 爭議 對此 前 海軍 艦長 呂禮詩 也 在 節目 揭密 國軍 在 船上 的 生活 呂禮詩 在 新聞 挖 挖 哇 透露 一般 海軍 的 伙食 經費 比 陸軍 好 主持人 鄭弘儀 也 好奇 問 在 軍艦 上 可以 釣魚 嗎 這 也 讓 呂禮詩 有些 尷尬 但 他 坦言 有時 可以 最 新鮮 釣上 來時 直接 做 生魚片 剩下 再 做 魚排 不過 他 的 艦隊 很 少 釣魚 不過 他 知道 因為 美軍 航行 時間 通常 更 長 所以 在 沒有 敵情 下 是 開放 的 還 可 在 甲板 上 烤肉 跳 下水 游泳 等 呂禮詩 坦言 不過 一般 我們 中華民國 海軍 這些 都 是 可以 做 不能 說 的 鄭弘儀 也 問到 艦長 會 不 會管 到 艦 上官兵 的 健康狀況 呂禮詩 表示 當然 會 艦長 是從 上到 下 都管 但 一個 人 一定 沒 辦法 還是 要 靠 各 幹部 的 團隊 共同 合作 每天 會 有 3 次 彙報 而 船上 其實 很 狹窄 加上 要 操演 防疫 措施 其實 很 難 實施 但 他 也 認為 資料 要 確實 公開 不要 隱匿 呂禮詩 也 說 官兵 的 輪班 分 3 班 制 若 有 靠港 休假 的 人 可以 出去 走走 吃 想 吃 的 東西 加上 現在 港口 都有 便利商店 所以 晚上 偷下去 買 東西 也 不無 可能 事實證明 在 放行 下船 前 就 有人 偷 跑 到 過超 商 買 東西</t>
  </si>
  <si>
    <t>新冠肺炎 臺灣 高鐵 空車</t>
  </si>
  <si>
    <t>新冠肺炎 疫情 肆虐 提升 免疫力 是 保護 自己 與 家人 的 第一 道 防線 腸道 是 人體 最 大 的 免疫 器官 也 是 影響 荷爾蒙 的 關鍵 透過 飲食 來 改善 腸道 過 勞 腸 漏 的 症狀 讓 身體 機能 回復 正常 運作 就 能 有效 瘦 身 更 能 變 得 身強體壯 強</t>
  </si>
  <si>
    <t>寒舍 2739 受惠 臺北 喜來登 完成 裝修 在 營運 干擾 因素 排除 下 2019 年 營運 表現 顯著 回升 第 四季 稅 後 獲利 創 116億 元 次高 每股 盈 餘 eps 105 元 合計 全年 合併 營 收 創 4478億 元 新高 稅 後 淨利 123億 元 每股 盈 餘 111 元 亦 雙 創 近 3 年高 點 寒舍 董事會 通過 2019 股利 分派 案 擬 配發 每股 現金 股利 1 元 金額 與 去年 相同 盈 餘 配發 率 9009 以 23 日 收盤價 2065 元 計算 現金 殖 利率 約 484 不過 寒舍 今 24 日 股價 開低 走低 一度 下跌 242 至 2015 元 午 盤仍 下跌 近 2 在 觀光 股 中 表現 偏 弱 寒舍 2019 年 合併 營 收 創 4478億 元 新高 年 增 277 毛利率 3985 營益 率 72 雙創 近 3 年高 點 雖 因 ifrs 新 制 使 財務 成本 增加 造成 業外 顯著 由 盈 轉 虧 稅 後 淨利 123億 元 仍 年 增 達 857 每股 盈 餘 eps111 元 優於 前年 102 元 雙創 近 3 年高 點 寒舍 2019 年 第 四季 營運 顯著 轉 強 合併 營 收 登 1236億 元 次高 季增 221 年 增 18 毛利率 4321 為 近 3 年高 點 營益 率 則 創 1392 新 高 稅 後 淨利 116億 元 較 第 三 季 虧損 027億 元 轉 盈 年 增 1326 改寫 歷史 次高 每股 盈 餘 105 元 亦 創 歷史 第 3 高 寒舍 雖 受 因 ifrs 16 會計 新 制 影響 初期 業外 認 列 租賃 相關 費用 較 多 對 獲利 造成 負面影響 但 在 臺北 喜來登 完成 改裝 營運 干擾 因素 消除 後 帶動 本業 獲利 表現 顯著 提升 去年 營益 率 自 194 跳 升至 72 使 整體 獲利 成長 幅度 優於 營 收 由於 新冠肺炎 衝擊 商務 及 觀光旅遊 市場 寒舍 2020 年 2 月 自 結合 並 營 收 179億 元 月 減 5858 年 減 4874 創下 歷史 新低 累計 1 2 月 合併 營 收 613億 元 年 減 2225 亦創 同期 新低 面對 疫情 對 營運 造成 嚴峻考驗 寒舍 旗 下 4 家 飯店 將 提前 進行 餐廳 客房 設備 升級 裝修 工作 包括 電梯 車廂 系統 客房 內 硬體 定期 修繕 多媒體 插座 升級 游泳池 健身房 設備 定期 維護 等 預計 以 臺北 喜來登 臺北 寒舍 艾美 寒舍 艾 麗 3 處 據點 先行</t>
  </si>
  <si>
    <t>新冠肺炎 疫情 方興未艾 一般 人 稍微 咳嗽 都 會 被 另眼相看 但 香港 網路 流傳 一 段 影片 一 名 中年 女子 在 商店 購物 不知 何故 疑 似 心情 不爽 竟 拉下 口罩 朝 身旁 店員 吐 口水 嚇 得 店員 立刻 彈 開 香港 網友 怒斥 該 名 大媽 根本 是 在 播</t>
  </si>
  <si>
    <t>別 再說 雲林 最難 玩 疫情 衝擊 國內 旅遊 大 暴發 雲 林縣 去年 觀光客 人數 首度 衝破 千萬 人次 創造 約 200億 元 消費 產值 讓 農業 大縣 轉型 為 觀光 大縣 雲 林縣 政府 20 日 推出 2021 新春 游 雲林 5 大 主題 游程 配合 縣 內 各 場館 新春 街 藝 匯演 讓 民眾 體驗 更 多 元 的 過年 氛圍 雲 林縣 長 張麗善 表示 雲林 有 好山好水 與 深厚 文化底蘊 2020 年 雲林 觀光客 衝破 千萬 人次 創下 空前 紀錄 其 中古 坑 綠色 隧道 人氣 飆 上 全國 遊客 數 增幅 最 多 的 5 大 景點 之一 鬥六 市 口湖鄉 也 獲選 臺灣 經典 小鎮 30 翻轉 外界 雲林 最難 玩 的 刻板 印象 張麗善 說 原本 縣府 規 畫 一連串 新春 慶祝 活動 考量 國內 新冠肺炎 疫情 升溫 原訂 於 2 月 25 日 至 3 月 14 日 舉辦 的 北 港 燈會 取消 街頭 藝人 表演 活動 全數 停辦 其他 室內外 活動 則 會 在 防疫 原則 下 舉辦 縣 文化 觀光 處長 陳璧君 指出 縣府 規 畫 5大 主題 2021 新春 游 雲林 游程 包括 神氣 祈福 行 經典 小鎮 游 甜蜜蜜 之 旅 輕 旅 慢 步行 及 浪漫 樂活游 游程 更 串聯 縣 內 宮廟 地方 文化 館舍 觀光 工廠 等 邀請 全國 民眾 見證 農業 大縣 轉型 為 觀光 大縣 雲 林縣 18 所 地方 文化館 也 在 新春 期間 串連 推出 集 章 活動 集 滿 5 個 地方 文化館 章 戳 就 有 機會 獲得 限量 文 創 品 縣府 還 規 畫 新春 游 雲林 打 卡 抽 好 禮 活動 只要 在 指定 地點 與 打 卡 版 合影 並 上傳 留言 即可 參加 抽獎</t>
  </si>
  <si>
    <t>新冠肺炎 爆發 以來 這 一 年 多 時間 臺灣 因為 超前 部署 與 靈活 因 應對 策 艱辛 地 壓制住 感染 情況 直到 近日 爆出 破百 本土 確診 雙北 宣佈 進入 三級 警戒 民眾 因此 恐慌 掀起 囤 貨 潮 搶購 商品 的 程度 猶如 世界末日 對此 台劇</t>
  </si>
  <si>
    <t>陳佩騏 台劇 女神 吳慷 仁 金鐘 視 帝 新冠肺炎</t>
  </si>
  <si>
    <t>疫苗 柯文哲 pcr 新冠肺炎 臺灣</t>
  </si>
  <si>
    <t>英國 耳鼻喉科 協會 近期 指出 喪失 味覺 嗅覺 的 症狀 通常 發生 在 沒有 典型 症狀 的 新冠肺炎 患者 身上 呼籲 民眾 自我 隔離 7 天 臺灣 截至 目前為止 累計 的 215 名 患者 中 已 有 5 人 出現 味覺 嗅覺 喪失 症狀 且 多 集中 在 近期 今日 確</t>
  </si>
  <si>
    <t>新冠肺炎 臺灣 桃園 老翁 休克</t>
  </si>
  <si>
    <t>連鎖 餐飲 集團 王品 2727 受 新冠肺炎 疫情 衝擊 2020 年 3 月 合併 營 收 降 至 逾 8 年 低點 由於 中國 大陸 門市 恢復 營運 較 晚 拖累 首季 營 收 降 至 近 7 年 半 低點 不過 中國 大陸 3 月 營 收 已 見 明顯 回升 集團 於 兩岸 將 積極 衝刺 外 送 服務</t>
  </si>
  <si>
    <t>連鎖 餐飲 集團 王品 2727 受 新冠肺炎 疫情 衝擊 2020 年 3 月 合併 營 收 降 至 逾 8 年 低點 由於 中國 大陸 門市 恢復 營運 較 晚 拖累 首季 營 收 降 至 近 7 年 半 低點 不過 中國 大陸 3 月 營 收 已 見 明顯 回升 集團 於 兩岸 將 積極 衝刺 外 送 服務 力求 降低 疫情 對 營運 影響 王 品 股價 3 月 19 日 下 探 495 元 新低 自 鼠年 開 紅盤 以來 2 個 月 跌幅 達 366 近日 觸 底 回升 站 回 60 元 之上 反彈 逾 2 成 今 13 日 股價 開低 後 一度 走跌 13 至 607 元 回 測 60 元 關卡 支撐 早 盤 拉回 平盤 附近 小跌 05 三大 法人 上周 小幅 買超 71 張 王 品 2020 年 3 月 自 結合 並 營 收 762億 元 月 減 314 年 減 4319 創 2011 年 12 月 以來 近 8 年 3 個 月 低點 其中 臺灣 營 收 61億 元 月 減 1992 年 減 1968 中國 大陸 營 收 15億 元 月 增達 649 倍 仍 年 減 7436 累計 王品 首季 合併 營 收 2959億 元 季 減 2207 年 減 2975 亦 創 2012 年 第二 季 以來 7 年 半 低點 其中 臺灣 營 收 243億 元 年 減 183 表現 相對 有 撐 中國 大陸 營 收 57億 元 年 減 達 6784 王 品 表示 臺灣 事業 群 近年 經營 體質 強化 效益 顯現 首季 適逢 春節 連續 假期 聚餐 效應 加 持 雖 受 新冠肺炎 疫情 衝擊 來 店 用餐 意願 但因 提前 啟動 安心 專案 高 規格 防疫 措施 止血 下 首季 營 收 僅 較 去年同期 微 減 表現 仍 有 撐 大陸 事業 群 則 受 各地 門市 延遲 復工 彈性 調整 營業時間 和 延後 開業 日期 衝擊 致使 首季 營 收 驟 減 不過 隨 著 門市 逐步 恢復 營運 3 月 營 收 已 見 明顯 回升 隨 著 疫情 漸進 平穩 餐飲 市場 自 穀底 緩步 回升 王品 啟動 安心 專案 奏效 3 月 復蘇 優於 餐飲業 平均 水準 因應 疫情 衝擊 王品 在 中國 大陸 即時 擴大 佈局外 送 市場 以 現有 門市 內 用 功能表 調整 為 更 符合 消費者 需求 的 外 送 品 項 疫情 期間 外 送 量 明顯 提升 在 疫情 趨 緩 經濟 動能 逐步 復蘇 下 各 品牌 來客 持續 回歸 穩定 外 送 服務 可望 成為 另 一 成長 動能 來源 而 王品 在 臺灣 亦 規 畫 搶攻 外帶 外 送 市場 因應 近日 消費者 減少 在外 用餐 而 加速 推動 計畫 目前 共有 13 個 品牌 提供 外帶 集團 預計 本月 擴大 與 外 送 平臺 合作 將 有 超過 15 個 品牌 提供 外 送 以 多 種類 多 價格 帶 搶攻 外帶 商 機 彌補 疫情 衝擊 缺口</t>
  </si>
  <si>
    <t>王品 營 收 低點 新冠肺炎 疫情</t>
  </si>
  <si>
    <t>新冠肺炎 疫情 肆虐 全球 讓 各行各業 者 損失慘重 只能 咬牙 苦 撐 但 民以食為天 民眾 不能不 吃飯 許多 民眾 害怕 外出 改 叫外賣 因此 直接 衝擊 到 店面 餐飲業者 彰 化 員林 就 有 餐飲業者 因應 疫情 斥資 近 百萬 店 休 10 天 將 店 內 環</t>
  </si>
  <si>
    <t>因應 全球 新冠肺炎 疫情 升溫 金融業 者 陸續 啟動 異地 辦公 以 確保 營運 不 中斷 據 金管會 統計 目前 回報 已 開始 實施 異地 辦公 的 金融業 者 共有 36 家 包括 銀行 業 13 家 證券期貨 投 信 投 顧業 9 家 保險業 14 家 銀行局 統計 截至 2 月</t>
  </si>
  <si>
    <t>因應 全球 新冠肺炎 疫情 升溫 金融業 者 陸續 啟動 異地 辦公 以 確保 營運 不 中斷 據 金管會 統計 目前 回報 已 開始 實施 異地 辦公 的 金融業 者 共有 36 家 包括 銀行 業 13 家 證券期貨 投 信 投 顧業 9 家 保險業 14 家 銀行局 統計 截至 2 月 27 日 止 總行 已 開始 實施 異地 辦公 的 銀行業 者 包括 北 富 銀 王道銀 新光 銀 遠 銀 永豐 銀 玉山 銀 台新銀 日盛 銀 京城 銀 板 信 銀 三 信 銀 瑞興 銀 台 中銀 等 13 家 不過 兆豐 銀 中信 銀 國泰 世 華銀 等 部分 大型 銀行業 者 日前 已 宣佈 啟動 異地 辦公 但 未 列入 此次 銀行局 公佈 的 統計 名單 內 銀行局 對 此 表示 此 份 名單 是 以 銀行 總行 實施 異地 辦公 者 為主 各 銀行 不同 營業處 均 有 不同 備援 及 營運 不 中斷 機制 銀行局 對 此 予以 尊重 證 期 局 統計 截至 2 月 27 日 止 已 啟動 異地 辦公 的 證券期貨 投 信 投 顧 業者 包括 香港 滙豐 證 摩根 大通 摩根士丹利 法 銀 巴黎 證 野村 證 玉山 證 永豐 金 證 及 滙豐 中華 投 信 摩根 投 信 等 9 家 保險局 統計 截至 3 月 3 日 止 已 啟動 異地 辦公 的 壽險業 者 有 國泰 富 邦 南山 三 商 美 邦 台壽 中 壽 新 壽 遠雄 法國巴黎 友邦 保誠 人壽 等 12 家 產險 業者 則 有 明 台 台壽保 等 2 家</t>
  </si>
  <si>
    <t>金管會 新冠肺炎 防疫 營運 不 中斷 異地 辦公</t>
  </si>
  <si>
    <t>英國廣播公司 4 日 報導 牛津大學 在 人體 發現 名為 lztfl 1 的 基因 擁有 該 基因 的 人 若 罹 患 新冠肺炎 出現 肺 衰竭 甚至 死亡 的 風險 成長 至少 1 倍 研究 還 發現 擁有 南亞 或 歐洲 血統 的 人 分別 有 60 與 15 的 機 率 帶有 這種 高風險 基</t>
  </si>
  <si>
    <t>新冠肺炎 基因 疫苗 肺 衰竭 免疫</t>
  </si>
  <si>
    <t>韓國政府 3 日 宣佈 追加 353 兆 韓元 預算 規模 創下 史 上 最 大 紀錄 同時 也 是 2020 年 第 三 度 針對 新冠肺炎 危機 所 提出 振興 經濟 追加預算 韓國政府 為了 緩解 新冠肺炎 對 經濟 的 衝擊 迄今 共 挹注 270 兆 韓元 救 經濟 受 此 消息 激勵 韓國</t>
  </si>
  <si>
    <t>新冠肺炎 中秋節 疫情 臺灣 鬆綁 措施</t>
  </si>
  <si>
    <t>新竹 縣長 楊文科 睽 違 多 日 再 開 疫情 直播 針對 新竹 縣 疫苗 施打 狀況 也 有所 回應 他 指出 目前 主要 施打 疫苗 為 莫德納 長輩 都 很 踴躍 更 勝於 az 卻 也 因此 造成 紛爭 由於 疫苗 數量 不足 也 向 中央 爭取 他 很 感謝 中央 支援 疫苗 楊 文科 指出 長輩 施打 疫苗 狀況 目前 很 踴躍 依照 原先 規 畫 施打 其中 65 至 68 歲 長者 在 7 月 9 日 接到 通知 16 日前 打完 這 部分 沒有 問題 不過 69 歲 至 74 歲 長者 因 施打 意願 十分 踴躍 導致 各 衛生所 疫苗 不足 造成 紛爭 楊 文科 說 感謝 衛生所 主任 協調 也 調度 醫院 尚未 接種 完畢 的 疫苗 因應 感謝 中央 給予 支持 目前 疫苗 仍 不足 量 中央 給 各縣 市政府 各 年齡層 都 不足 量 不過 慢慢 的 疫苗 就 會 進來 楊 文科 也 說 請 大家 依照 施打 順序 接種 疫苗 新竹 縣 施打 疫苗 速率 頗 受 質疑 新竹 縣 衛生局長 殷東成 表示 到 7 月 13 日 止 縣 內 施打 人數 為 59804 人 依據 18 歲 以上 人口 46萬 餘 人 計算 接種 率 約 為 1296 殷東成 也 解釋 因 75 歲 以上 長者 須多 一點 時間 照顧 且 先前 因 施打 az 疫苗 猝死 案 頻頻 而有 緩 打 潮 因此 多 保留 疫苗 到 7 月 7 日 也 是 接種 率 慢 的 原因 不過 近日 施打 率 有所 成長 最近 4 天 接種 人數 分別 為 1768250536765638 人 涵蓋 率 也 在 上升 中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華航 長 榮 航 雙雄</t>
  </si>
  <si>
    <t>宜蘭 縣 11 日 新增 3 件 新冠肺炎 確診 個案 其中 1 名 是 60 多 歲 女性 旅 行業 從業人員 另外 兩 人 是 一對 父子 確診 的 父親 案 12506 是 上個月 所 公佈 宜蘭 大學 安心 上工 確診 病 患 案 2372 的 接觸 者 但 縣府 表示 這 位 父親 先前 經過 篩</t>
  </si>
  <si>
    <t>陳建仁 一月 初 武漢 醫護 染 新冠肺炎 是 重要 警訊</t>
  </si>
  <si>
    <t>副 總統 陳建仁 接受 日本 媒體 訪問 時 表示 武漢 醫護人員 感染 新冠肺炎 是 院內 人 傳人 感染 而 不是 來自 於 野味 市場 因此 應該 早點 警覺 中國 和 who 一直 到 一月 下旬 才 承認 對 全球 防疫 帶來 很 大 的 困難 2003 年 sars 期間 陳建仁</t>
  </si>
  <si>
    <t>副 總統 陳建仁 接受 日本 媒體 訪問 時 表示 武漢 醫護人員 感染 新冠肺炎 是 院內 人 傳人 感染 而 不是 來自 於 野味 市場 因此 應該 早點 警覺 中國 和 who 一直 到 一月 下旬 才 承認 對 全球 防疫 帶來 很 大 的 困難 2003 年 sars 期間 陳建仁 擔任 衛生 署長 期間 負責 臺灣 抗 煞 工作 是 國際 知名 公衛 專家 日本 媒體 特別 請 陳建仁 說明 本次 新冠 疫情 防疫 經驗 以及 給予 日本 防疫 工作 的 建議 陳建仁 指出 臺灣 在 一月 初 就 聽 到 傳言 說 武漢 出現 了 奇怪 的 不明 肺炎 立刻 召開 傳染病 防治 諮 詢 委員會 臺灣 很 早 注意 到 疫情 是因為 發現 武漢 有 醫護人員 感染 他 認為 醫生 和 護士 感染 新冠肺炎 絕對 不太可能 會 是 去 野味 市場 得到 感染 的 陳建仁 說 他們 說 沒有 人 對 人 的 傳染 person to person transmission 我 心裡 想 不太可能 除非 這些 醫生 護士 常常 都 跑 去 野味 市場 要不 怎麼 會 從 野味 市場 被 感染 他 強調 後來 的 報告 發現 最 早期 的 病人 根本 都 沒到 過 市場 是 後來 有些 病人 到 了 市場 把 病毒 帶 到 市場 裡 去 可以 人 對 人 傳染 對 傳染病 防疫 是 很 重要 的 可 是 中國 一直 到 一月 下旬 才 承認 who 也 是 跟 著 中國 後面 才 承認 這個 事實 這 對於 全世界 的 防疫 就 造成 很 大 的 困難 日本 媒體 詢問 中國 目前 進行 封 城 行動 who 給 他們 的 評價 很 好 認為 有助 控制 疫情 陳建仁 對 此事 的 看法 是 什麼 陳建仁 回應 封 城 是 全世界 第一 次 有 這樣 做 的 防疫 措施 臺灣 沒有 封城 的 經驗 我們 只 有 封 和平醫院 的 經驗 但是 和平醫院 的 封院 實際上 這個 構想 是 不錯 的 就是說 把 可能 感染 的 人 或者 是 被 感染 的 人 以及 醫護人員 在 一個 比較 隔離 的 地方 不要 感染 到 其他 人 然後 讓 這些 人 能夠 得到 很 好 的 醫療 照顧 讓 外面 的 人 也 可以 去 支援 這 是 很 好 的 但是 封院不好 的 地方 是因為 關得 太 倉促 了 讓 民眾 沒有 準備 好 所以 就 變成 就 很 複雜 陳建仁 表示 臺灣 得到 封城 的 資訊 很 少 不 曉得 封城 前 跟 封城 後 的 狀況 是 如何 也 不 曉得 是不是 封城 本身 帶來 病例 的 減少 如果 一個 地區 被 感染 後 它 的 感染 病例 通常 都會 一直 上升 可是 當 達到 很多 人 感染 後 病例 數 就 開始 下降 這 是否 因為 封城 導致 的 效果 他 沒有 經驗 全世界 也 都 沒有 人 有 這樣 經驗 對於 who 說 這 是 封城 才 達到 的 效果 陳建仁 站 在 科學家 的 角度 來看 他 認為 目前 還 需要 蒐集 更 多 的 證據 才能 證明 封城 是否 確實 有 效果 然而 封城 付出 了 很 大 的 代價 這些 經濟 上 人民 生活 平安 安全 的 代價 等 都 需要 考慮 陳建仁 認為 與其 要 等到 疫情 很 嚴重 要 封城 還 不如 剛 開始 在 醫院 裡面 知道 有 群 聚 感染 clustered cases 的 時候 就 去 做 防疫 陳建仁 表示 以 這個 例子 來看任何 一個 好 的 流行病 學家 或者 是 防疫 的 專家 都 要 去 看 first sign 第 一個 跡象 也 就 是 第 一個 可能 爆發 流行 的 跡象 就要 掌 控 住 那 就 好像 星星之火 足以 燎原 當 那個 火種 一 出來 就要 趕快 把 它 熄滅 掉 當然 封城 是 後面 的 事情 但是 前面 那一段 who 到 現在 為止 都 一直 沒有 強調 未來 碰到 同樣 的 情形 如何 去 掌握 first sign 怎麼樣 在 很 有限 傳染 的 情況 下 就 去 控制 它 who 應該 更 著 眼 在 未來 類似 疫情 的 早期 發現 和 適切 預防 上</t>
  </si>
  <si>
    <t>新冠肺炎 疫情 延 燒 旅 宿 餐飲業 一 片 愁雲慘霧 桃園 市 觀 旅 局 調查 桃園 各 大 飯店 2 月 住房 和 餐飲 營 收 下降 4 到 7 成 紛紛 關掉 自助餐 或 改 外 賣 風景 特定 區 也 平均 下滑 4 成 尤其 慈湖 園區 幾乎 沒人 桃園 市長 鄭文燦 19 日 裁 示 減少</t>
  </si>
  <si>
    <t>新冠肺炎 疫情 延 燒 旅 宿 餐飲業 一 片 愁雲慘霧 桃園 市 觀 旅 局 調查 桃園 各 大 飯店 2 月 住房 和 餐飲 營 收 下降 4 到 7 成 紛紛 關掉 自助餐 或 改 外 賣 風景 特定 區 也 平均 下滑 4 成 尤其 慈湖 園區 幾乎 沒人 桃園 市長 鄭文燦 19 日 裁 示 減少 租金 或 延遲 繳納 權利 金 協助 業者 渡 難關 少 多少 來客 就 少 多少 租金 觀 旅 局長 楊勝評 指出 根據 調查 1 月 春節 期間 營 收 影響 較 小 僅 較 去年 少 3 至 5 但 隨 著 疫情 越 演 越 烈 2 月 住房 和 營 收 大幅 下降 古華 花園 飯店 桃園 喜來登酒店 桃花園 大 飯店 住房 營 收 下降 4 成 紛紛 將 自助 西餐廳 暫停營業 或 改 單點 福容 大 飯店 a 8 館 住房 少 5 成 桃園 館 更 高 達 6 成 雖然 餐廳 正常 營運 但 改 以外 賣 為 大宗 各 大 飯店 都 鼓勵 現職 員工 排 年假 特 休因 應 小人 國 主題樂園 散客 也 下降 7 成 團 客 少 3 成 楊 勝 評說 旅 宿 業者普遍 反應 中央 紓困 方案 如 人才 培訓 周轉金 貸款 振興 抵 用 券 等 效益 有限 桃園 旅 宿業 3 巨頭 聯名 向 交通部 反映 希望 依 勞保 員工 數 改 采 實質 補貼 避免 無 薪 假 或 裁員 並 補助 地價稅 房屋 稅 部分 月 數 稅額 或是 暫緩 一 年 繳納 分期 繳納 等 方式 因應 救急 不 救 窮 減輕 業者 經營 成本 市府 除 向 中央 反映 也 請 地稅局 評估 緩 收 或 分 期 桃園 各 大風 景區 和 景點 人數 平均 下滑 約 4 成 僅 虎頭 山 跟 小 烏來 持平 評估 慈 湖 停車場 後 慈湖 入 園 小 烏來 天空 步道 等 收費 服務 受 疫情 影響 將 減少 3 成營 收 楊 勝 評說 觀 旅 局委 外 經營 或 標 租 方式 收益 的 地點 有 慈 湖 園區 大 溪 老城區 遊客 中心 虎頭 山 公園 販賣 亭 以及 桃 信 亭 咖啡 廳 依 合約 規定 1 月底 前 要 繳納 全年 權利 金 180萬 元 其中 慈湖 園區 因 陸客 占 遊客 比例 高達 3 成 受 疫情 衝擊 最 大 研 擬 讓 廠商 展 延到 6 月底 前 繳 交 舒緩 資金 壓力 未來 並以 延長 委 外 經營 半 年 不收 權利 金 等 方式 補償 少 多少 來客 就 少 多少 租金 桃園 市長 鄭文燦 19 日 指示 像是 慈 湖 園區 業者 才 剛 得 標 不要 嚇 跑 對方 他 也 提到 休閒 農場 等 戶外 型 旅遊景點 應該 加強 行銷 增加 來客 數</t>
  </si>
  <si>
    <t>瑞昱 新冠肺炎 乙太 網路 tws tv soc</t>
  </si>
  <si>
    <t>身 為 nba 首位 確診 新冠肺炎 的 球員 且 被 公認 是 造成 nba 今年 3 月 無限期 停賽 的 最 大 元兇 爵士 中鋒 戈貝爾 近日 接受 法國 媒體 隊報 訪問 表示 自己 到 目前為止 還 受到 新冠 後遺症 影響 那 就 是 他 的 嗅覺 很 可能 要 1 年 後 才可 恢復</t>
  </si>
  <si>
    <t>新冠肺炎 疫情 衝擊 各 產業 商圈 餐廳 人潮 稀落 臺灣 連鎖 加盟 促進 協會 理事長 李 日東 今天 表示 業者 受 疫情 影響 生意 慘澹 甚至 有 銀行 已經 在 抽 銀根 呼籲 政府 紓困 動作 要 快 並 依照 連鎖 產業 影響 程度 分類 給予 適當 補助 不要</t>
  </si>
  <si>
    <t>新冠肺炎 疫情 衝擊 各 產業 商圈 餐廳 人潮 稀落 臺灣 連鎖 加盟 促進 協會 理事長 李 日東 今天 表示 業者 受 疫情 影響 生意 慘澹 甚至 有 銀行 已經 在 抽 銀根 呼籲 政府 紓困 動作 要 快 並 依照 連鎖 產業 影響 程度 分類 給予 適當 補助 不要 等到 業者 撐不下去 才 推出 紓困 方案 緩不濟急 因應 新冠肺炎 疫情 延 燒 商圈 連鎖 餐廳 夜市 生意 交通 及 觀光 等 產業 生意 一落千丈 臺灣 民眾黨 立 委 邱臣遠 蔡壁如 賴香伶 今 邀集 連鎖 餐飲 代表 舉辦 座談會 多 家業 者 提出 中小企業 紓困 貸款 及 利息 補貼 政府 補助 租金 減免 協助 餐飲業 導入 外 送 平臺 等 訴 求 根據 經濟部 規劃 受到 疫情 影響 產業 若 營業額 減少 15 以上 業者 提供 資金 紓困 3 方案 包括 營運 資金 利息 補貼 用於 支付 員工 薪資 及 營業 場所 的 租金 每家 上限 55萬 元 最 長 6 個 月 舊貸 本金 得 申請 展延 補貼 金額 以 22萬 元 為 限 最 長 1 年 振興 貸款 利息 補貼 美 加 上限 22萬 元 最 長 1 年 遠水救不了近火 李 日東 指出 政府 提出 的 紓困 貸款 等 措施 還 在 草擬 階段 但 業者 已經 面臨 貸款 銀行 抽 銀根 銀行 找 各種 理由 不 願 繼續 貸款 業者 快要 撐不下去 希望 政府 紓困 動作 要 快 除 提供 紓困 貸款 及 利息 補貼 同時 也 應該 拿 出點 誠意 補貼 房租 減輕 業者 負擔 麥味 登 總經理 陳潮 宗 表示 疫情 延 燒 生意 慘兮兮 這 陣子 民眾 都 不 願意 到 店裡 用餐 因而 帶動 外 送 業者 業績 逆勢 成長 不過 餐飲 的 毛利約 售價 的 4050 外 送 平臺 服務費 就 要 收 30 到 40 比 疫情 還要 嚴重 希望 政府 能夠 在 疫情 衝擊 最 嚴重 的 當下 伸出 援手 等到 疫情 趨 緩 才 紓困 產業 該 倒 的 都 倒 了 能夠 撐住 的 也 不 差 這 一點 補助 對此 經濟部 商業 司 專 委 許福添 說 基於 民眾 考量 防疫 選擇 外 送 平臺 提供 餐飲 服 戶 會商 請 外 送 平臺 讓利 與 業者 做 並 補助 業者 每家 15萬元 總計 1萬1000 家 讓 餐飲業者 可以 藉 由 外 送 平臺 維持 業績</t>
  </si>
  <si>
    <t>新冠肺炎 連鎖 餐飲 疫情 振興 紓困 抽 銀根</t>
  </si>
  <si>
    <t>記憶體 封 測 廠 力 成 6239 法 說 對 營運 後市 釋出 正向 展望 預期 第二 季營 收 可望 維持 成長 全年 營運 挑戰 新 高 多 家 外資 出具 最新 報告 同聲 看好 力成 營運 後市 維持 既有 評等 不 變 目標價 則 高低 調整 互 見 由 100 130 元 區間 調整 至 118 129 元 不過 由於 力成 股價 自 3 月中 的 近 15 月 低檔 反彈 迄今已 大 漲 45 今 22 日 平盤 開出 後 調節 賣壓 出籠 一度 下跌 431 至 933 元 早 盤 維持 逾 3 跌幅 在 封 測 族群 中 表現 偏 弱 三大 法人 調節力 道 亦 明顯 加大 上周 合計 賣 超 1389 張 本 周 迄今已 賣 超 達 5034 張 力 成 總經理 洪嘉 鍮 表示 由於 各 產品 線 需求 仍 相當 強勁 第二 季 營運 展望 正向 預期 營 收 可 維持 成長 並 密切注意 新冠肺炎 疫情 對 下半年 需求 的 潛 在 影響 董事長 蔡篤恭 表示 目前 客戶 下半年 需求 仍 非常 強 若 疫情 影響 在 公司 預期 內 今年 營運 仍 有望 改寫 新 高 美 系 外資 認為 力成 在 首季 業績 及 營運 展望 出色 證實 公司 面對 新冠肺炎 疫情 的 應變能力 資料 中心 及 固態 硬碟 ssd 需求 成長 為 驅動 成長 關鍵 下半年 市場 風險 估 可 控 對此 調升 今年 營 收 及 每股 盈 餘 成長 預期 維持 買進 評等 目標價 自 100 元 調升 至 118 元 歐系 外資 表示 力成雖 受 匯 損 拖累 首季 每股 盈 餘 21 元 略低於 預期 但 受惠 nand flash 及 ssd smt 成長 帶動 使 營 收 僅 季 減 3 毛利率 及 營益 率 維持 高檔 表現 優於 往年 同期 雖然 手機 需求 轉 弱 但 在 伺服器 網通 及 pc 需求 帶動 下 預期 第二 季營 收 可望 季增 5 歐系 外資 預期 力成 上半年 營 收 可望 年 增 達 30 即使 下半年 動能 轉 弱 估 第 三 季 持平 第 四季 季 減 10 全年 營 收 仍 會 有 不錯 成長 將 力成今 明 2 年 每股 盈 餘 預期 分別 調升 23 42 維持 優於 大盤 評等 目標價 自 115 元 調升 至 120 元 亞 系 外資 認為 在 dram 顯著 回 溫 帶動 下 預估 力 成 第二 季營 收 將 季增 5 年 增 31 上半年 記憶體 及 邏輯 需求 強勁 雖然 下半年 展望 保守 恐 抵銷 上半年 強勁 表現 仍 看好 力成 長期 營 收 及 獲利 成長 表現 維持 優於 大盤 評等 目標價 129 元 不 變 另 一家 美 系 外資 表示 力成 首季 業績 表現 符合 預期 第二 季 營運 展望 樂觀 目前 客戶 需求 為 受 新冠肺炎 疫情 影響 儘管 下半年 的 需求 回升 程度 及 疫情 影響 仍 具 不 確定性 但 公司 目前 股價 低於 長期 本益比 目前 估 值 仍 偏 低 維持 加碼 評等 但 目標價 自 130 元 下 修至 120 元</t>
  </si>
  <si>
    <t>近期 新冠肺炎 死亡 人數 逐漸 上升 新北 市長 侯友宜 25 日 表示 新北 市 目前 各 大 醫院 收治病人 總共 有 528 人 其中 有 77 人 是 重症 比例 15 相當 高 且 重症 很 多 是 長者 市府 將 加強 醫院 與 長 照 機構 防疫 落實 感 控 分 艙 分流 除</t>
  </si>
  <si>
    <t>新冠肺炎 臺灣 重症 收治病人 侯友宜</t>
  </si>
  <si>
    <t>卡蒂 b 中國 新冠肺炎 美國 川普</t>
  </si>
  <si>
    <t>新冠肺炎 在 歐洲大 爆發 新北 市 中 和 區 瓦 磘 裡裡 長 林綺芳 卻 揪 團 前往 西班牙 旅行 引來 外界 撻 伐 草 協 聯盟 發起人 李正皓 爆 料 指出 林綺芳 除了 未 盡責 替 選民 服務 或 協調 還用 瘋狂 檢舉 開單 的 方式 逼 退 傳統 市場 小販 李正皓 在 臉</t>
  </si>
  <si>
    <t>盧秀燕 施打 疫苗 臺灣 新冠肺炎</t>
  </si>
  <si>
    <t>大陸 製造 快速 崛起 全球 pcb 版圖 也 重新 洗 牌 根據 dr hayao nakahara 的 調查報告 2019 年 全球 前 122 大 pcb 製造商 中 有 52 家 廠商 來自 於 中國 大陸 與 香港 相較 於 2000 年 僅 6 家 中國 大陸 製造商 大幅 成長 大陸 前 6 大廠 總 營 收 亦 從 2000 年 的 961億 美元 成 長 至 16735億 美元 雖然 消費型 產品 為 大陸 pcb 生產 主要 應用領域 近 一 年 大陸 不斷 加碼 5 g 基礎 建設 與 強 推 5 g 內需 在 國家 政策 當 助力 下 大陸 pcb 產業 一條龍 供應 鏈 策略 後續 發展 依舊 強勁 全球 pcb 業 界 推崇 的 調研 權威 n t information 總裁 中原 捷 雄 hayao nakahara 博士 發 佈 nti- 100 2019 全球 百大 pcb 排行 與 業 界 動態 根據 dr hayao nakahara 的 調查報告 2019 年 共有 122 家 製造商 營 收 超過 1億 美元 進入 名單 內 較 2018 年 118 家 增加 4 家 若 依各 區域 來看 過去 40 年 位居 全球 工廠 的 大陸 在 政策 積極 扶植 下 大陸 供應 廠 快速 崛起 根據 報告 2019 年 各 區域 入 榜 家數 分別 為 中國 大陸 52 家 臺灣 27 家 日本 18 家 南韓 12 家 美國 4 家 歐洲 5 家 東南亞 區域 4 家 報告 將 2019 年 資料 與 2000 年 資料 做 分析 比較 在 2000 年 美國 與 歐洲 分別 有 20 家 16 家 上榜 但 到 了 2019 年 僅 有 4 家 5 家 公司 上榜 相較 於 中日韓 台 入 榜 數 從 2000 年 83 家 成 長 到 2019 年 109 家 顯現 全球 pcb 產業 在 20 年 之間 的 轉移 變化 臺灣 是 世界 最 大 的 pcb 製造 區域 2019 年 總 生產 超過 220億 美元 但是 在 生產 佈 局 上 臺灣 有約 60 的 營 收 來自 於 大陸 近年 台商 在 大陸 投資 雖然 仍未 間斷 惟 國際貿易 新冠肺炎 與 5 g 高 階 技術 佈 局 的 因素 加總 下 近年 台商 在 臺灣 投資 高階 制程 的 金額 屢 創 新高 同時 為 分散 佈 局 也 開始 關注 其他 生產 基地 在 生產型 態 上 以 多 層 硬板 軟板 hdi 板 與 ic 載 板 為主 整體而言 臺灣 於各 類型 產品 佈 局 相對 其它 國家 競爭對手 分散 而 在 被 視為 pcb 高 階 技術 戰場 的 ic 載 板 區域 上 臺灣 目前 更是 全球 最 重要 ic 載 板 製造 國 領先 韓 日 中 面對 競爭 激烈 的 國際 戰局 臺灣 擁有 先進 半導體 產業 的 先天 優勢 更 需 提早 部署 pcb 先進 技術 與 智慧 製造 結合 半導體 產業 優勢 之際 也 同時 維持 領先 的 競爭力 在 日本 部分 2000 年 全球 前 122 大 pcb 製造商 中 日本 入 榜 廠商 有 51 家 相較 於 中 台 韓在 入 榜 家數 與 產值 均 為 正 成長 日本 2019 年 日本 廠商 已 減少 到 18 家 2019 年 總 營 收 11183億 美元 較 2000 年 的 11975億 美元 微幅 下滑 顯示 日本 pcb 發展 在 近 幾年 面臨 沉重 壓力 不過 日本 廠 發展 重點 以 軟板 載 板 為 最 大宗 其中 軟板 因 手機 市場競爭 激烈 比重 已 降 至 40 日 pcb 產業 現階段 正 從 通訊設備 轉型 至 5 g 後續 衍生 之 新興 應用 如 汽車 機器人 生 醫 等 載 板 比重 漸 增 日本 廠商 在 電路板 高 階 材料 仍 是 全球 最 完整 並 具 競爭力 的 國家 值得 關注 是 2000 年 全球 前 122 大 pcb 製造商 中 僅 6 家 中國 大陸 製造商 其中 僅 汕頭 超聲 印製 版 公司 cctc 為 中國 本土 製造商 其他 都 是 香港 公司 2019 年 則 有 52 家 廠商 來自 於 大陸 與 香港 大陸 前 6 大廠 營 收 亦 從 2000 年 961億 美元 成 長 至 2019 年 52 家 總 營 收 達 16735億 美元 目前 大陸 有 10 幾 家 營 收 略低於 1億 美元 的 邊緣 廠商 預估 未來 將 有 更 多 大陸 廠商 上榜 雖然 消費型 產品 為 大陸 pcb 生產 主要 應用領域 但 所 供應 的 產品 仍 集中 於多層 硬板 比重 高 達 80 近 一 年 舉 國 不 斷 加碼 5 g 基礎 建設 與 強 推 5 g 內需 有 國家 政策 當 助力 陸資 pcb 產業 一條龍 供應 鏈 策略 後續 發展 依舊 持續 強勁 至於 韓國 廠商 部分 南韓 pcb 產業 佈 局 依附 著 兩 大 品牌 像是 三星電子 的 手機 製造 轉向 越南 fpc 生產 也 轉向 越南 三星 在 大陸 的 所有 手機 製造 基地 都已 關閉 三星 電機 亦 關閉 在 昆山 的 hdi 工廠 雖然 韓國 在 國內 生產 比重 有 高達 60 但 近年 韓國 pcb 廠商 正 逐步 將 生產 基地 轉移 到 以北 越 為主 的 海外 地區 如 si flex 在 南韓 已經 沒有 生產 基地 lg innotek 關掉 南韓 的 hdi 和 一般 pcb 工廠 目前 僅 集中 在 ic 載 板 產品 發展 策略 上 除了 依附 於 國內 品牌 廠 之 產品 策略 在 智慧 手機 外 包括 半導體 基礎 建設 以及 消費型 產品 皆 有 著 墨 產品 供應部 份 仍以 軟板 與 載 板 為 主力 比重 皆 超過 30</t>
  </si>
  <si>
    <t>藥 華藥 6446 接 獲 fda 函 謂 其 ropeginterferon alpha 2 b p 1101 美國 pv 藥 證 申請 的 完成 審查 日期 為 2021 年 3 月 13 日 另外 其 以 p 1101 治療 或 預防 新冠肺炎 的 臨床 試驗 方案 也 已 獲 fda 授予 pre-ind 號碼 150922 fda 將 給予 書面 回 覆</t>
  </si>
  <si>
    <t>藥 華藥 pv 藥 證 新冠肺炎 孤兒 藥</t>
  </si>
  <si>
    <t>新冠肺炎 臺灣 賴清德 醫護人員 急診室</t>
  </si>
  <si>
    <t>統 新 6426 2019 年 獲利 大 爆發 全年 稅 後 淨利 為 094億 元 年增率 70314 每股 獲利 278 元 董事會 也 通過 每股 配發 現金 股利 20 元 展望 2020 年 統 新 認為 儘管 有 新冠肺炎 衝擊 但 因為 各國 對 5 g 的 建設 依舊 相當 積極 故 看好</t>
  </si>
  <si>
    <t>健康 醫療網 新冠肺炎 臺灣 疫苗 口罩</t>
  </si>
  <si>
    <t>公費 流感疫苗 今 1 日 起開 打 台大 兒童 醫院院長 黃立民 昨 指出 國內 連 2 年 沒有 流感 侵襲 性 肺炎 鏈球菌 疫情 民眾 免疫力 長期 未 被 病毒 激發 今年 秋冬恐 有 反撲 大 流行 建議 民眾 應 接種 流感 肺炎 鏈球菌 及 新冠肺炎 等 3 種 疫</t>
  </si>
  <si>
    <t>公費 流感疫苗 今 1 日 起開 打 台大 兒童 醫院院長 黃立民 昨 指出 國內 連 2 年 沒有 流感 侵襲 性 肺炎 鏈球菌 疫情 民眾 免疫力 長期 未 被 病毒 激發 今年 秋冬恐 有 反撲 大 流行 建議 民眾 應 接種 流感 肺炎 鏈球菌 及 新冠肺炎 等 3 種 疫苗 才能 避免 合併 感染 導致 重症 或 死亡 至於 3 支 疫苗 的 接種 順序 黃立民 說 流感疫苗 可 與 肺炎 鏈球菌 同時 打 和 新冠 疫苗 相隔 7 天 即 可 秋 冬 流感 流行期 將 至 新冠 疫情 威脅 尚未 解除 肺炎 鏈球菌 也 伺機而動 李 慶雲 兒童 感染 暨 疫苗 發展 醫學 文教 基金會 昨日 舉行 記者會 以 新 左流 右肺 為 衛教 宣 導 主軸 疾 管署 多年 來 皆 宣傳 左手 打 流感 右手 打 肺炎 鏈球菌 今年 則 增加 新冠肺炎 疫苗 疾 管署 表示 新冠肺炎 打 在 哪 只 手 都 可以 重點 是 相隔 7 天 該 基金會 董事長 黃立民 指出 各國 流行 感冒 已 連 2 年 未 大 流行 多數 人口 未 被 激發 免疫 反應 隨 著 新冠 疫情 逐漸 受 控 被 壓制 的 流感 病毒 一定 會 回來 他 並 引述 國外 知名 期刊 指出 三 分之二 感染 科 專家 認為 今年 秋冬 流感 將 大 流行 冬天 另 一好 發 感染症 是 侵襲 性 肺炎 鏈球菌 黃立民 指出 臺灣 2020 年 感染 人數 從 往年 78萬 人 降 至 34萬 人 但因 重症 住 進 加 護 病房 人數 維持 在 1 至 2萬 人 他 分析 確診 人數 下降 是 因 輕 症 者 不敢 進 醫院 但 重症 人數 不 變 顯示 整體 感染 數 並未 下降 社區 中 潛藏 感染 肺炎 鏈球菌 危機 台 大 小兒 感染 科 醫師 呂俊毅 也 指出 肺炎 鏈球菌 平時 多 半 潛伏 人類 鼻腔 中 當 人體 因 感冒 或 免疫力 下降時 不必 國際交流 就 會 發病 患者 一旦 出現 侵襲 性 肺炎 鏈球菌 感染症 細菌 就 會 侵襲到 血液 腦 部 心臟 腎臟 及 骨頭 各處 死亡率 相當 高 呂俊毅 表示 一旦 感染 新冠 病毒 或 流感 若 再 合併 侵襲 性 肺炎 鏈球菌 感染症 將 是 引起 重症 或 死亡 的 主因 也 會 增加 治療 難度 他 呼籲 今年冬天 一定 要 料 敵 以 寬 3 種 疫苗 都 打 起來 尤其 成年 慢性 疾病 患者 先天 或 後天免疫 功能 不 全者 65 歲 以上 長者 5 歲 以下 兒童 等 高風險 族群 新北 市 公費 流感疫苗 與 肺炎 鏈球菌 疫苗 今日 開 打 市長 侯友宜 鼓勵 符合 資格 者 都 能到 合約 醫療 院所 接種 左 右 手臂 可 同時 接種 不過 與 新冠肺炎 疫苗 要 間隔 7 天 以上</t>
  </si>
  <si>
    <t>從 香港 出發 的 郵輪 威士特丹 號 上 週四 13 日 終於 在 柬埔寨 靠岸 全部 乘客 通過 檢疫 獲准 下船 但 馬來西亞 衛生部門 昨日 15 日 證實 83 歲 美國 女 乘客 飛抵 馬國 後 確診 感染 新冠肺炎 馬國 全國 累計 22 個 確診 病例 吉隆玻 當</t>
  </si>
  <si>
    <t>從 香港 出發 的 郵輪 威士特丹 號 上 週四 13 日 終於 在 柬埔寨 靠岸 全部 乘客 通過 檢疫 獲准 下船 但 馬來西亞 衛生部門 昨日 15 日 證實 83 歲 美國 女 乘客 飛抵 馬國 後 確診 感染 新冠肺炎 馬國 全國 累計 22 個 確診 病例 吉隆玻 當局 正 與 航空 公司 合作 追蹤 同機 機組人員 及 乘客 下落 但 柬埔寨 衛生部 今日 16 日 表示 馬來西亞 可能 誤診 已 要求 對方 重新 檢測 確保 結果 可信 對此 馬國 副 總理 旺 阿茲莎 今日 強調 馬來西亞 已經 2 次 為 該 婦 進行 檢驗 結果 還 是 陽性 才 宣佈 老婦 確診 柬 中 時報 16 日 引述 柬埔寨 衛生部 發言人 稱 馬來西亞 衛生部 可能 誤診 不僅 是 衛生部 就 連 威士特丹 號 郵輪 母公司 荷 美 郵輪 holland america line 也 要求 馬來西亞 當局 重新 檢測 以 確保 檢測 結果 令人信服 馬來西亞 衛生部 總監 諾希山 noor hisham abdullah 指出 14 日 共有 145 名 郵輪 乘客 飛往 馬來西亞 患者 與 同行 丈夫 到達 吉隆玻 國際機場 後 就 被 發現 有 症狀 該 名 婦女 15 日 對 病毒 呈 陽性反應 目前 病情 穩定 正 在 醫院 隔離病房 接受 治療 她 的 85 歲 丈夫 就 呈 陰性反應 但 仍 需 留 院 觀察 柬埔寨 衛生部 表示 當局 按 世界衛生組織 who 的 檢測 標準 為 郵輪 所有 人員 檢疫 確認 沒 問題 後 才讓 他們 下 船 鑒於 船上 出現 確診 個案 至少 有 兩 名 荷蘭籍 的 威士特丹 號 乘客 被 禁止 登 上 荷蘭 皇家 航空 klm 810 返 荷 的 航班 荷蘭 外交部 證實 共約 11 名 國民 被 禁止 登機 據 報 威士特丹 號 上有 91 名 荷蘭 公民 部分 人 已 順利 回國 必須 在 荷蘭 接受 觀察 載有 1455 名 乘客 及 802 名 船員 的 威士特丹 號 本月 5 日 駛離 高雄港 之後 先後 遭 日本 關島 及 泰國 等 地 拒絕 靠岸 上週五 終於 獲 柬埔寨 批准 停靠 西哈努克 sihanoukville 港口 最初 指 船上 有約 20 人 不適 但 經 檢疫 後 確定 沒有 染病 總理 韓森 當時 親自 迎接 乘客 下船 全程 沒有 戴 口罩 與 乘客 握 手 還 與 部分 旅客 擁抱 貼 臉 致意</t>
  </si>
  <si>
    <t>阿姨 證實 被 傳染 新冠肺炎 吳 鳳 請 為 我 家人 繼續 加油</t>
  </si>
  <si>
    <t>土耳其 籍 男 星吳鳳 來 台 發展 多年 2015 年 成為 臺灣 女婿 的 他 與 太太 陸續 生下 2 個 寶貝 女兒 時常 在 社 群 平臺 上 分享 生活 日常 的 吳鳳 先前 曾說 自己 家鄉 土耳其 目前 新冠肺炎 疫情 嚴峻 他 的 妹妹 和 外甥 也 都 相繼 確診 同時 更 出現</t>
  </si>
  <si>
    <t>吳鳳 新冠肺炎 土耳其 嘉義</t>
  </si>
  <si>
    <t>新冠肺炎 持續 延 燒 但 清明連 假 不少 景點 卻 湧入 大批 人潮 振興 醫院 急診 重症 醫學 部 主治醫生 蔡賢龍 撰文 指出 現在 臺灣 確診 的 狀況 看來 前 三大 症狀 為 發燒 咳嗽 以及 喉嚨 癢 痛 此外 初步 發燒 表現 比例 只有 低 到 3663 需要</t>
  </si>
  <si>
    <t>華航 2610 1 月份 合併 營業 收入 為 14768億 元 年 增 342 其中 客運 收入 10607億 元 年 增 1290 貨運 收入 3140億 元 年 減 1784 二月 因為 新冠肺炎 法人 估 華航客 運營 收 估計 減幅 有 可能 超過 兩 成 貨運 部分 進口 線 很</t>
  </si>
  <si>
    <t>華航 2610 1 月份 合併 營業 收入 為 14768億 元 年 增 342 其中 客運 收入 10607億 元 年 增 1290 貨運 收入 3140億 元 年 減 1784 二月 因為 新冠肺炎 法人 估 華航客 運營 收 估計 減幅 有 可能 超過 兩 成 貨運 部分 進口 線 很 好 如果 下 半 月 大陸 工廠 復工 速度 加快 有機 會 出現 正 成長 華航 說明 一月 因為 受 農曆 新年 旺季 及 選舉 因素 加上 北美地區 與 東北亞地區 單位 收益 大幅 增長 致使 整體 客運 收入 較 去年同期 增加 貨運 部分 受 美中 貿易戰 達成 第一 階段 協議 廠商 出 貨 計 畫 延後 又 因 大陸 市場需求 不 佳 多數 廠商 提前 休 廠 致使 整體 貨運 收入 較 去年同期 減少 二月 原本 就 是 航 空客 貨運 淡季 華航原 就 列有 減班 計 畫 今年 因 新冠肺炎 兩岸 航線 目前 僅剩 約 一 成 航班 日本 14 日 開始 規定 入境 旅客 有 一 人 確診 為 新冠肺炎 全機 就 不准 入境 估計 將 是 二月 下 半 月 日本 線 航班 減幅 會 明顯 增加 全月 客運 不 看好 倒是 貨運 後市 看好 有 機會 看 到 正 成長</t>
  </si>
  <si>
    <t>貨運 客運 華航 新冠肺炎 二月</t>
  </si>
  <si>
    <t>施景中 陳時中 子女 台大醫院 入境 新冠肺炎</t>
  </si>
  <si>
    <t>新冠肺炎 臺灣 臺灣 外交部 展現</t>
  </si>
  <si>
    <t>新冠肺炎 臺灣 bnt 校園 桃園</t>
  </si>
  <si>
    <t>新冠肺炎 臺灣 美國 疫苗 團</t>
  </si>
  <si>
    <t>萬 華大 鬧熱 萬華 新冠肺炎 老城區 臺灣</t>
  </si>
  <si>
    <t>北京 新冠肺炎 疫情 驚 傳 出現 反彈 已經 在 1112 日 連續 兩 日 出現 多 起 新增 本土 病例 其中 12 日 新增 6 宗 北京 13 日 召開 第 114 場 新冠肺炎 疫情 防控 記者會 北京市 豐台區委 副 書記 代 區長 初 軍威 表示 目前 已經 檢驗 豐台區 確診 病例</t>
  </si>
  <si>
    <t>北京 新冠肺炎 疫情 驚 傳 出現 反彈 已經 在 1112 日 連續 兩 日 出現 多 起 新增 本土 病例 其中 12 日 新增 6 宗 北京 13 日 召開 第 114 場 新冠肺炎 疫情 防控 記者會 北京市 豐台區委 副 書記 代 區長 初 軍威 表示 目前 已經 檢驗 豐台區 確診 病例 密接 者 139 人 全部 集中 隔離 豐台區 已 啟動 戰時 機制 成立 現場 指揮部 綜合 陸媒 報導 大陸 國家 衛健 委 通報 大陸 12 日 新增 確診 病例 11 件 其中 本土 病例 6 件 均 在 北京 由於 患者 曾經 去 過 豐台區 新發地批發市場 北京 官方 已 緊急 宣佈 新發地批發市場 暫時 休 市 並 對 該 市場 的 商品 及 設備 進行 檢測 結果 在 切割 進口 三 文魚 的 砧板 上 檢 出 病毒 目前 進口 三 文 魚貨 源地 京 深 海鮮 市場 也 已 關閉 北京市疾控中心 副 主任 龐星火 表示 針對 北京市 近日 疫情 市 區 疾病預防控制中心 12 日 已 組織 專業 人員 對 全市 農貿 批發市場 大型超市 等 展開 排查 共 采集 海鮮 肉類 等 食品 及 外 環境 塗抹 標本 5424 份 完成 新冠 病毒 核酸 檢測 新發 地 市場 發現 40 件 環境 陽性 樣本 其 餘 農貿 批發市場 大型超市 均 為 陰性 報導 稱 隨 著 疫情 防控 形勢 的 變化 北京市教育委員會 啟動 應急 預案 暫停 原定 下週一 15 日 的 小學 一二三 年級 的 返校 上課 並 暫停 校外 培訓 機構 恢復 線下 課程 和 集體 活動 北京 市場 監督 管理局 也 同步 加強 生鮮 市場 商場 超市 餐飲 單位 等 食品安全 檢查 和 疫情 防控 工作力度</t>
  </si>
  <si>
    <t>新冠肺炎 疫情 持續 延 燒 搶 訂 水神 生成 機 大 缺貨</t>
  </si>
  <si>
    <t>新冠肺炎 疫情 延 燒 微 酸性 電解 次氯酸 水 的 消毒 除 菌 效果 備受 青睞 水神 生成 機 也 水漲船高 供不應求 水神 食 農業 產品 總 代理商 總經理 賴思明 說 微 酸性 電解 次氯酸 水 除 菌 力 高受各 產業界 重視 水神 生成 機 訂購量 暴 增 5 成 目</t>
  </si>
  <si>
    <t>新冠肺炎 疫情 延 燒 微 酸性 電解 次氯酸 水 的 消毒 除 菌 效果 備受 青睞 水神 生成 機 也 水漲船高 供不應求 水神 食 農業 產品 總 代理商 總經理 賴思明 說 微 酸性 電解 次氯酸 水 除 菌 力 高受各 產業界 重視 水神 生成 機 訂購量 暴 增 5 成 目前 大 缺貨 催 貨 電話 接到 手軟 他 並 提醒 取用 及 儲存 微 酸性 電解 次氯酸 水 必須 要使 用 不透明 容器 才能 維持 活性 及 消毒 效力 總 代理商 寶泉 旺 生物科技 公司 總經理 賴思明 表示 旺 旺 水神 的 產品 有 微 酸性 電解 次氯酸 水 的 抗 菌 液 及 生成 機 兩 大類 食品 餐廳 及 農牧業 等 各行各業 在 環境 及 設備 等 必須 大規模 及 高效 消毒 引發 搶購 水神 生成 機 自行 產 制 微 酸性 電解 次氯酸 水 風潮 生成 機 體積 不大 基本 機型 l 317 xw 170 xh 302 mm 重量輕 透過 電解液 進行 電解 產 制 微 酸性 電解 次氯酸 水 成本低 以 常用 於 消毒 濃度 40 ppm 的 微 酸性 電解 次氯酸 水 為 例 每 公升 成本 僅 新 台幣 03 元 水神 微 酸性 電解 次氯酸 水 的 消毒 殺菌 效力 如何 賴思明 表示 經委 讬 sgs 檢測 中 日 安全 檢測 及 台美 安全 檢測 等 單位 機構 檢測 微 酸性 電解 次氯酸 水 對於 微生物 具有 良好 的 殺菌 效果 包括 腸病毒 綠膿桿菌 肺炎 桿菌 等 14 種 菌 株 且 反應 30 秒 幾近 可 達 或 達到 100 的 除 菌 能力 坊 間 各種 次氯酸 水產品 滿天飛 賴思明 提醒 民眾 一般 常將 次氯酸 水 及 次氯酸鈉 水 統稱 為 次氯酸 水 雖 各 具 消毒 效果 但是 兩者 成分 及 特性 不同 不能 混為一談 他 強調 次氯酸 水 除 菌 安全 有效 無副作用 次氯酸鈉 水 對 皮膚 黏膜 及 呼吸道 有 刺激性 與 微 酸性 清潔劑 混合 後 易 產生 有毒氣體 賴思明 並 強調 微 酸性 電解 次氯酸 水 長 時間 見 光 會 減弱 活性 及 降低 除 菌 力 所以 民眾 在 分裝 取用 及 儲存 時 都 要使 用 不透明 容器 只要 能 避 光 的 材質 都 可 同時 還 要用蓋子 將 瓶子 封閉 起來 避免 揮發</t>
  </si>
  <si>
    <t>大陸 監獄 新冠肺炎 疫情 大 爆發 據 大陸 司法部監獄管理局 負責人 何平昨 21 日 表示 至 前天 20 日 為止 湖北 山東 浙江 3 省 5 座 監獄 共計 確診 505 例 其中 浙江省 光是 20 日 就 新增 28 例 當中 的 27 例 都 是 來自 同 十 裡 豐 監獄 加</t>
  </si>
  <si>
    <t>方 艙 醫院 醫療 陳時中 新冠肺炎 臺灣</t>
  </si>
  <si>
    <t>永遠 的 小 倩 王祖賢 息 影 多年 移居 加拿大 專心 修佛 不過 她 的 動態 仍 是 許多 人 關注 焦點 近日 有 網友 曝光 她 參加 公益活動 側 拍照 雖然 打扮 樸素 但 仍 能 看出 她 保養 得宜 讓 粉絲 驚 豔 王祖賢 穿 著 樸素 出席 華人 公益活動 雖然 照片 有點 模糊 但 素顏 的 她 保養 得宜 依舊 看起來 狀態 很 好 完全 不 像 53 歲 讓 網友 也 大贊 還 是 一樣 漂亮 身材 還 是 維持 不錯 雖然 王祖 賢人 在 加拿大 但 她 也 很 關心 新冠肺炎 疫情 之前 慶 53 歲 生日 時 戴 口罩 替 武漢 加油 並 提醒 粉絲 要 記得 戴 口罩 注意 手 的 潔淨</t>
  </si>
  <si>
    <t>王祖賢 素顏 公益 加拿大 新冠肺炎</t>
  </si>
  <si>
    <t>日本 副 首相 批 義 大利 曾 說 只 有 黃種 人才 會 染 新冠肺炎</t>
  </si>
  <si>
    <t>歐洲 的 新冠肺炎 疫情 嚴重 仍 看不出 如何 緩解 相對 東亞 的 疫情 已 過 高峰期 於是 在 日本國 會上 討論 日本 是否 要 出手 支援 日本 副 首相 財政 大臣 麻生太郎 略 在 回應 時 略帶 抱怨 的 提到 義 大利 在 2 月底 相當 輕忽 新冠 病毒 疫情 甚</t>
  </si>
  <si>
    <t>麻生太郎 義 大利 日本 副 首相 新冠肺炎</t>
  </si>
  <si>
    <t>新冠肺炎 臺灣 az 莫德納 差別</t>
  </si>
  <si>
    <t>嘉義 az 血栓 疫苗 不良 新冠肺炎</t>
  </si>
  <si>
    <t>nba 新冠肺炎 疫情 肆虐 三藩市 勇士 拒絕 取消 比賽</t>
  </si>
  <si>
    <t>新冠肺炎 疫情 在 全美 擴散 三藩市 確診 案例 不斷 攀升 三藩市政府 致電 希望 勇士 能 取消 在 chase center 的 比賽 但 勇士 球 團 拒絕 這項 決定 依舊 傾向 正常 比賽 三藩市 公共 衛生部門 主管 帕金斯 表示 我 已經 親自 和 勇士 負責人 威</t>
  </si>
  <si>
    <t>新冠肺炎 疫情 在 全美 擴散 三藩市 確診 案例 不斷 攀升 三藩市 政府 致電 希望 勇士 能 取消 在 chase center 的 比賽 但 勇士 球 團 拒絕 這項 決定 依舊 傾向 正常 比賽 三藩市 公共 衛生部門 主管 帕金斯 表示 我 已經 親自 和 勇士 負責人 威爾茲 談 過話 表達 出 先前 取消 比賽 是 可以 自行決定 的 但 如今 已 成為 強制執行 希望 他們 能 在 我方 做出 強制 令 之前 做出 正確 決定 然而 不論 三藩市市政府 的 多方 勸說 與 建議 勇士 球 團 回 覆 的 答案 永遠 是 感謝 建議</t>
  </si>
  <si>
    <t>三藩市 勇士 新冠肺炎 疫情</t>
  </si>
  <si>
    <t>新冠肺炎 疫情 持續 口罩 酒精 等 防疫 物資 因 民眾 搶購 需求 大增 除 台酒 台糖 等 公營 酒廠 外 台 南市 政府 協調 轄內 民營 酒廠 撥 出 部分 產 線 生產 防疫 酒精 向 中央 爭取 業者 可 免征 烈酒 稅 獲得 全久榮 坤 展 2 家 酒廠 回應 加入</t>
  </si>
  <si>
    <t>新冠肺炎 酒精 烈酒 稅 口罩 國家隊</t>
  </si>
  <si>
    <t>新冠肺炎 大陸 內蒙古 額濟納旗 遊客</t>
  </si>
  <si>
    <t>台中 情人節 燈會 浪漫 新冠肺炎</t>
  </si>
  <si>
    <t>新冠肺炎 心肌炎 輝瑞 疫苗 以色列 佛光山</t>
  </si>
  <si>
    <t>綠 島 新冠肺炎 遊客 新冠肺炎</t>
  </si>
  <si>
    <t>彰 化 縣 新冠肺炎 疫情 嚴峻 確診 人數 突破 160 人 辛苦 的 警 醫護 守 在 第一線 守護 人民 1 日 晚間 彰 化 縣 田中 警 分局 闖入 一 名 男子 送 來 6 大 箱 總計 1萬2千 片 口罩 林男 表示 為了 感謝 第一線 員警 用 行動 力挺 提供 給 第一 線 執行 防</t>
  </si>
  <si>
    <t>新冠肺炎 臺灣 員警 感謝 防疫 工作</t>
  </si>
  <si>
    <t>新冠肺炎 臺灣 實 聯 制 麥當勞</t>
  </si>
  <si>
    <t>bnt 未 稀釋 恩 主公 醫院 林金 結 新冠肺炎</t>
  </si>
  <si>
    <t>猝死 新冠肺炎 隱形 缺氧 無 症狀 輕 症</t>
  </si>
  <si>
    <t>中小企業 有 福 了 新北 市政府 勞工 局 為 獎勵 企業 辦理 友善 家庭 暨 工作 平等 措施 針對 企業 提供 勞工 優於 法令 的 措施 提供 現金 獎勵 金 最高 給予 5萬 元 今年 更 放寬 讓 30 人 以下 的 企業 也 可 申請 自 3 月 1 日 起至 5 月 31 日 止 歡迎 符合 資格 的 企業 踴躍 提出 申請 勞工 局長 陳瑞嘉 表示 去年 首次 采 獎勵 的 方式 鼓勵 企業 辦理 優於 法令 的 職 場 友善 措施 共有 15 家 企業 獲獎 頒發 獎勵 金 35萬 元 實際 受惠 勞工 達 2538 人 今年 擴大 申請 對象 資格 只要 合法 登記 的 企業 在 新北 市 境內 設有 營運 據點 不 需 登記 設立 在 新北 有 辦理 優於 法令 的 友善 家庭 或 工作 平等 措施 並 有 新北 市 勞工 實際 受惠 即可 提出 申請 通過 審核 者 每 項 措施 獎勵 1萬 元 最高 5萬 元 希望 鼓勵 更 多 企業 主動 發現 勞工 的 需求 提供 相應 貼近 優於 法令 的 措施 讓 更 多 新北 市 的 勞工 朋友 能 安心 兼顧 工作 與 家庭 讓 新北 市 成為 一個 幸福 友善 安居樂業 的 城市 勞工 局 表示 企業 在 去年 提供 勞工 優於 法令 的 措施 如 增加 法定 以外 的 產假 婚假 陪 產假 天數 或 提供 有 薪 家庭 照顧 假 全薪 生理 假 有 薪 陪 產假 有 薪 子女 新生 入學 畢業典禮 假 等 或 在 110 年 2 月底 前 因應 新冠肺炎 防疫 需求 而有 提供 友善 家庭 相關 措施 者 如有 薪 的 隔離 檢疫 假 有 薪 防疫 照顧 假 或 其他 措施 並 有 新北 市 勞工 因此 受惠 都 是 獎勵 的 物件 勞工 局 期待 藉 此 鼓勵 企業 提升 勞工 福利 也 照顧 勞工 健康 及 家庭 需求</t>
  </si>
  <si>
    <t>桌 球 明星 夫妻 福原 愛 與 江宏傑 鬧 婚變 女方 還 被 拍到 跟 高帥男 出遊 過夜 事後 澄清 一 人 一 間 沒 出軌 但 仍 引發 負面 輿論 而 事件 持續 延 燒 過去 曾 爆出 福原 愛 堅持 離婚 並 打算 不再 回 臺灣 但 知情 人士 卻 表示 她 其實 很 想念 媽媽 跟 孩子 們 希望 快點 見面 只 是 基於 某些 考量 因此 遲遲 沒能 返回 臺灣 福 原愛 江宏傑 婚變 持續 延 燒 昨 3 10 福原 愛 接受 專訪 的 報導 曝光 表示 確實 因 很多 事情 精神壓力 大 突然 想到 認識 多年 但 沒 聯絡 的 高帥男 坦承 是 自己 主動 聯絡 才 相約 出遊 也 因為 隔 天 想 繼續 在 橫濱 散步 因 此 提出 住 一 晚 的 請求 不料 本 是 出門 散心 分散 注意力 卻 引發 軒然大波 福原 愛 對於 自己 的 輕率行為 再度 道歉 但 強調 彼此 絕對 不是 不 倫 關係 至於 她 遲遲 未 返台 據 日 媒 體育 日本 報導 福原 愛 原本 確實 是 下 周 要 回 臺灣 但 事發 後 考量 媒體 對 兩 人 婚變 一 事 報導 過熱 這時候 返台 肯定 吸引 媒體 包圍 為了 不對 新冠肺炎 疫情 造成 不必要 的 群 聚 因此 決定 延後 返台 報導 也 指出 事發 後 江宏傑 在 本月 8 日 參加 全明星 運動會 春 酒 也 真 的 有 相當 多 記者 到場 場面 一度 混亂 如 當時 福原 愛 回台 將 猶如 撲進 火坑 的 蟲子 而 知情 人士 透露 福原 愛 其實 想念 孩子 們 跟 媽媽 尤其 4 月 小 兒子 就要 過 2 歲 生日 了 她 希望 屆時 能 陪 在 孩子 身旁 為此 煩惱 兩難</t>
  </si>
  <si>
    <t>鑒於 新冠肺炎 超速 蔓延 人口 超過 13億 的 印度 宣佈 全國 封鎖 21 天 創下 史 上 最 大 規模 的 鎖國 行動 india population 13 billion orders &amp;apos complete&amp;apos coronavirus lockdown 為 因應 新冠肺炎 疫情 防範 感染 擴大 印度 總理</t>
  </si>
  <si>
    <t>鑒於 新冠肺炎 超速 蔓延 人口 超過 13億 的 印度 宣佈 全國 封鎖 21 天 創下 史 上 最 大 規模 的 鎖國 行動 india population 13 billion orders &amp;apos complete&amp;apos coronavirus lockdown 為 因應 新冠肺炎 疫情 防範 感染 擴大 印度 總理 莫迪 narendra modi 3 月 24 日 宣佈 將 自 25 日 零 時 起 全國 封鎖 21 天 全國 超過 13億 人 將 完全 禁止 出門 莫迪 宣佈 全面 鎖國 令 時 印度 國有 519 例 確診 病例 有 10 例 死亡 到 3 月 31 日 時 印度 累計 確診 數 達 1251 例 有 32 人 不治 身亡 與 歐美國家 相較 印度 疫情 擴散 的 速度 算是 相對 溫和 但 公共 衛生學家 認為 印度 疫情 資料 有 遭 嚴重 低估 之 虞 因為 截至 3 月 22 日 印度 全國 接受 檢測 的 人數 還 不 到 17000 人 莫迪 是 在 3 月 24 日 晚間 發表 電視 演說 宣佈 全國 展開 全面封鎖 他 表示 根據 衛生 專家 的 研究 要 21 天才 能 阻斷 新冠肺炎 的 傳播 因此 宣佈 印度 將 自 25 日 零 時 起 全面 鎖國 21 天 21 天 禁 足 令 衝擊 經濟 莫迪 強調 每 位 國民 都 要 嚴格 遵守 封鎖 規定 禁止 踏 出 家門 這 21 天 把 外在 世界 全 忘 了 吧 他 警告 如果 不 遵守 21 天 禁 足 令 全國 將 會 倒退 21 年 莫迪 表示 整個 國家 將 處於 封鎖 狀態 全面 封鎖 為了 拯救 印度 為了 拯救 印度 的 每 一個 公民 您 您 的 家 人 每 條 街道 每 一個 地區 將 全面 封 封鎖 莫迪 坦言 全面 鎖國 經濟 代價 巨大 我們 將 不得不 為 此 付出 經濟 代價 但 這 是 每個 人 的 責任 才 剛 發佈 鎖國 令 印度 就 湧現 大批 的 物資 搶購 亂象 包括 新德里 與 金融 中心 孟買 等 大城 都 看到 民眾 擠爆 當地 的 商店 與 藥房 印度 當地 媒體 報導 新德里 沙加 布林 地區 一家 商店 的 老闆 透露 我 從未見過 社會 如此 動盪 我們 所有 的 庫存 包括 米 麵粉 麵包 餅乾 食用油 等 各種 商品 全都 被 搶購一空 莫迪 先生 後來 向 民眾 喊話 所有 物資 政府 會 充 份 供應 而且 大家 外出 搶購 反而 會 增加 傳播 新冠 病毒 的 風險 根據 新 措施 所有 非 必需 業務 將 關閉 但 醫院 和 其他 醫療 設施 將 照常 營運 各級 學校 和 大學 院校 將 全面 關校 幾乎 所有 公開 活動 都 全面禁止 亂跑 者 將 重罰 伺候 任何 違反規定 的 人 將 面臨 最高 2 年 的 拘役 和 高額 罰款 事實上 在 宣佈 全面 鎖國 的 前兩天 印度 就 採取 宵禁 措施 為 全面 鎖國 進行 測試 與 準備 莫迪 宣佈 從 22 日 上午 7 時至 晚間 9 時 印度 實施 為期 14 個 小時 的 禁 足 令 並 希望 下午 5 時 民眾 可以 一起 走 到 自家 陽臺 或是 在 門口 以 拍手 或 敲鑼打鼓 為 第一 線 醫護人員 打氣 印度 南部 城市 韋 洛爾 vellore 基督教 醫學院 的 病毒學 退休 教授 約翰 t jacob john 當時 就 警告 說 印度 處於 大 爆發 的 初期 印度 的 病例 很 可能 激增 進而 癱瘓 本來 已經 超載 的 醫療 基礎 設施 根據 統計 目前 印度 總共 擁有 的 呼吸 機數量 大約 在 40000 台 左右 平均 每 84000 人才 配 有 一 張 隔離 病床 醫生 配 比 則 為 11600 1 如果 疫情 發生 進一步 的 擴散 絕對 超出 印度 醫療系統 所能 負荷 直到 3 月底 印度政府 才 批准 民間 實驗室 開始 進行 檢測 的 工作 少數 公司 被 授予 測試 試劑 盒 的 許可 按照 一些 醫藥 公司 的 預測 測試 套件 要 在 4 月初 才 能夠 大規模 地 進行 生產 但 如果 不 進行 大規模 檢測 則 又 會 無法 發現 社區 傳播 情況 從而 無法 有效 採取措施 遏止 疫情 進一步 擴散</t>
  </si>
  <si>
    <t>金管會 日前 舉辦 110 年度 保險 競賽 頒獎典禮 110 年度 因應 新冠肺炎 疫情 新 設立 疫情 紓困 措施 競賽 富 邦 人壽 獲 紓困 績優 獎 肯定 並 在 微型 保險 競賽 榮獲 業務 績優 獎 及 身心 障礙 關懷 獎 新冠肺炎 自 109 年 起 延 燒</t>
  </si>
  <si>
    <t>金管會 日前 舉辦 110 年度 保險 競賽 頒獎典禮 110 年度 因應 新冠肺炎 疫情 新 設立 疫情 紓困 措施 競賽 富 邦 人壽 獲 紓困 績優 獎 肯定 並 在 微型 保險 競賽 榮獲 業務 績優 獎 及 身心 障礙 關懷 獎 新冠肺炎 自 109 年 起 延 燒 至今 富 邦 人壽 回應 政府 推出 保單 借款 紓困 方案 總計 借款 金額 逾 18億 元 加計 富 邦 人壽 推出 的 安心 貸 服務 共 協助 超過 4萬 名 保戶 紓 解 經濟 困境 此外 在 理賠 方面 富 邦 人壽 秉 持 從寬 從優 原則 推出 多 項 理賠 與 彈性 解釋 措施 另外 在 繳費 方面 受 疫情 影響 保戶 之 保費 及 保單 借款 利息 可 緩繳 減輕 保戶 經濟負擔 富 邦 人壽 攜手 縣市政府 及 公益 團體 運用 微型 壽險 保單 協助 弱勢 民眾 降低 人生 風險 積極回應 主管機關 倡議 之 普惠 金融 精神 此次 在 微型 保險 競賽 中 榮獲 業務 績優 獎 及 身心 障礙 關懷 獎 這 也 是 富 邦 人壽 第 六 度 榮獲 微型 保單 競賽 大獎 富邦 人壽 自 103 年 起 響應 政府 政策 與 縣市政府 及 社 福 團體 等 44 個 公益 團體 合作 推動 微型 保險 至今 守護 全台 逾 7萬 名 弱勢 民眾 保 額 超過 286億 元 111 年 預計 再 擴大 嘉惠 12萬 人 持續 為 弱勢 族群 打造 穩固 的 後盾</t>
  </si>
  <si>
    <t>服務 假日 新北 嚴格 新冠肺炎</t>
  </si>
  <si>
    <t>新冠肺炎 臺灣 永利 市場 39</t>
  </si>
  <si>
    <t>新冠肺炎 臺灣 病毒 帶回家 吳昌騰</t>
  </si>
  <si>
    <t>便當 臺灣 餐廳 新冠肺炎 漢來 美食</t>
  </si>
  <si>
    <t>封城 南澳 澳州 新冠肺炎 疫情</t>
  </si>
  <si>
    <t>北市 某 旅行社 公告 經 臺北市衛生局 通報 公司 有 同仁 4 月 2 日 確診 新冠肺炎 經查 此 同仁 為 代理 部 主管 因 屬 新 成立 部門 該部 僅 該員 1 人 沒有 業務 也 無 與其 他 同事 互動 但 3 月 30 日 上午 曾 短暫 到 會議室 介紹 講課 老師 便 離開 公</t>
  </si>
  <si>
    <t>北市 某 旅行社 公告 經 臺北市衛生局 通報 公司 有 同仁 4 月 2 日 確診 新冠肺炎 經查 此 同仁 為 代理 部 主管 因 屬 新 成立 部門 該部 僅 該員 1 人 沒有 業務 也 無 與其 他 同事 互動 但 3 月 30 日 上午 曾 短暫 到 會議室 介紹 講課 老師 便 離開 公司 將 暫停營業 至 4 月 13 日 4 月 14 日 恢復 上班 暫停營業 期間 該 旅行社 強調 衛生局 已於 4 月 3 日 至 公司 場 勘 和 瞭解 初步 認定 被 感染 的 風險 很 低 公司 在 2 日 實施 辦公室 全區 消毒 並 暫停 開放 辦公室 及 實施 人員 健康 管理 至 4 月 13 日</t>
  </si>
  <si>
    <t>新冠肺炎 擾 世已 足足 400 多 天 了 這些 日子 以來 全人類 應該 都 深深 體悟 到 新冠 疫情 最 可怕 的 並 不是 死亡 人數 和 醫療 崩解 而是 政治 的 副作用 有 評論家 喻 之為 史 上 最 政治 的 一 場 瘟疫 畢竟 它 不但 已 淪為 全球 兩 大 強權 的 博弈 籌</t>
  </si>
  <si>
    <t>新冠肺炎 比爾蓋茲 陽謀 陰謀 疫苗 接種</t>
  </si>
  <si>
    <t>az 接種 站 疫苗 65 歲 以上 新冠肺炎</t>
  </si>
  <si>
    <t>新冠肺炎 疫情 持續 延 燒 衝擊 市場 投資 情緒 使得 行情 波動 度 大增 然而 也 可能 創造 了 進場 時機 但是 疫情 發展 無法 事先 掌 控 對於 想要 控制 投資 風險 並 追求 目標 收益 的 投資人 此時 階梯 到期 新興 市場 債券 基金 是 不錯 的 選擇 宏</t>
  </si>
  <si>
    <t>新冠肺炎 疫情 持續 延 燒 衝擊 市場 投資 情緒 使得 行情 波動 度 大增 然而 也 可能 創造 了 進場 時機 但是 疫情 發展 無法 事先 掌 控 對於 想要 控制 投資 風險 並 追求 目標 收益 的 投資人 此時 階梯 到期 新興 市場 債券 基金 是 不錯 的 選擇 宏利 投 信 指出 階梯 到期 債券 基金 是 指 投資 組合 涵蓋 不同 時間 到期 的 債券 相較 於 目標 到期 債券 基金 階梯 到期 債券 基金 的 平均 存 續 期間 更 低 能 有效 降低利率 風險 敏感度 階梯 到期 債券 基金 是 將 目標 到期 策略 僅 有 單一 到期 時程 的 機制 進化 為 不同 階段 的 到期日 不僅 提升 資金運用 彈性 資金 分批 落 袋 也 較 安心 是 近年 國際金融機構 對抗 高波 動 市場 的 穩健 收益 新 利器 宏利 投 信 指出 以 2 月 24 日 展開 募集 之 宏利 七 年 階梯 到期 新興 市場 債券 基金 下 稱 該 基金 為 例 原則 上 投資 該 基金 屆滿 五 年 後 約 可 領 回 投資 金額 的 三 分之一 以內 當時持有 單位 數 的 30 滿 六 年 後 再 領 回 約 三 分之一 以內 當時 持有 單位 數 的 45 七 年 期滿 後 將 剩 餘 單位 數 全數 領 回 投資 組合 包含 存 續 期間 長短 不同 的 債券 能 強化 風險 與 收益 的 平衡 該 基金 聚焦 於 新興 市場 債券 宏利 投 信 指出 隨 中產階級 擴張 新興 市場經濟 由 出口 導向 轉向 消費 能力 增加 帶動 有利 擴大內需 儘管 存在 地緣 政治 問題 和 持續 貿易 爭端 新興 市場經濟 仍 能 維持 穩定 成長 新興 債 亦 有 基本 利差 空間 與 息 收 即使 地區 風險 仍 須 留意 然 新興國家 高 收益 債券 違約 率 仍 繼續 維持 低檔 而 該 基 金之 投資 組合 中 至少 有 七 成為 投資 等級 債 在 利率 可能 走低 帶動 各類 金融資產 收益率 下滑 的 趨勢 下 又 遭逢 新冠肺炎 疫情 等 變數 衝擊 市場 更 使得 階梯 到期 新興 市場 債券 基金 的 防禦 優勢 更 容易 受 到 市場 的 關注 適合 欲 控管 金融 投資 風險 並且 想 追求 目標 收益 的 投資人 宏利 七 年 階梯 到期 新興 市場 債券 基金 聚焦 於 風險 調整 後 報酬率 夏普 指數 較佳 的 美元 計價 新興 市場 債券 可望 有效率 的 達到目標 收益 不失為 投資人 在 波動 時代 追求 收益 的 優質 選擇</t>
  </si>
  <si>
    <t>日 專家 新冠肺炎 疫情 4 至 5 月 恐是 顛 峰 期</t>
  </si>
  <si>
    <t>日本國 內 的 新冠肺炎 疫情 還 沒有 平息 的 跡象 日本 傳染病 研究 專家 東北 醫藥 大學 特任 教授 賀來滿 夫 接受 每日 新聞 專訪 時 預測 日本 的 疫情 恐怕 4 至 5 月 才 是 顛 峰 期 他 以 sars 為 例 指出 2002 年 11 月 確認 了 sars 病毒 2003 年 3</t>
  </si>
  <si>
    <t>新冠肺炎 病毒 在 美國 各區 漫延 全球 窗飾 產業 領導 廠商 億 豐 8464 指出 由於 各地 紛紛 採取 新 的 防疫 措施 將 造成 美國 主要 客 制 化 窗簾 含 百 葉 門 百葉窗 及 軟質 窗簾 按 各州 規範 延後 出 貨 對此 億 豐已采 各項措施 應變 包</t>
  </si>
  <si>
    <t>新冠肺炎 病毒 在 美國 各區 漫延 全球 窗飾 產業 領導 廠商 億 豐 8464 指出 由於 各地 紛紛 採取 新 的 防疫 措施 將 造成 美國 主要 客 制 化 窗簾 含 百 葉 門 百葉窗 及 軟質 窗簾 按 各州 規範 延後 出 貨 對此 億 豐已采 各項措施 應變 包括 1 通知 客戶 相關 應變 2 調整 內部 出 貨 排 程 3 積極 配合 各國 各地 政府 防疫 作為 4 持續 密切注意 疫情 發展 等 方式 因應 為 防範 疫情 擴散 美國 德州 所屬 denton county 要求 居民 自 3 月 25 日 深夜 盡可能 待 在 家中 關閉 非 必須 商業活動 執行期 計 為 1 周 此外 佛羅里達州 所屬 orange county 從 3 月 26 日 深夜 將 升級 防疫 措施 2 周 億 豐 配合 美國 各州 防疫 億 豐在 美國 德州 denton county 的 客 制 化 蜂巢 簾 仿木 百葉窗 輕 組裝廠 及 窗簾 轉運 采 停工 1 周 億 豐在 佛州 orange county 的 客 制 化 轉運 點 則 停止 上班 2 周 億 豐 另 更新 美國 加州 防疫 近況 在 加州 的 生產 轉運 據點 億 豐由 稍 早 計畫 的 產 線 輪班 改為 停 班至 4 月 19 日 而 在 美國 非生產 轉運 作業 則 已 采 在家 工作 對應</t>
  </si>
  <si>
    <t>億 豐 新冠肺炎 疫情 德州 百 葉 門</t>
  </si>
  <si>
    <t>新冠肺炎 疫情 延 燒 陸委會 主委 陳明 通 日前 以 小 明 的 故事 為由 推動 陸 配子 女 來 台 措施 但 一 日 之後 政策 大 轉彎 並 遭到 撤回 小明 爸爸 心急如焚 接受 訪問 希望 政府 能 再 考慮 政策 不過 身為 大陸 配偶 的 網 紅 廣告 小妹 卻</t>
  </si>
  <si>
    <t>小明 爸爸 廣告 小妹 戶籍 陸配 子女 新冠肺炎</t>
  </si>
  <si>
    <t>為了 減緩 新冠肺炎 疫情 擴散 帶來 的 經濟 衝擊 亞洲 多國 央行 19 日 相繼 採取 寬鬆 貨幣政策 包括 澳洲 菲律賓 與 印尼 央行 都 宣佈 降息 而 澳洲 央行 rba 除了 將 基準利率 調 降 一 碼 至 歷史 新 低 025 此為 本月 以來 第二 度 降息 更</t>
  </si>
  <si>
    <t>為了 減緩 新冠肺炎 疫情 擴散 帶來 的 經濟 衝擊 亞洲 多國 央行 19 日 相繼 採取 寬鬆 貨幣政策 包括 澳洲 菲律賓 與 印尼 央行 都 宣佈 降息 而 澳洲 央行 rba 除了 將 基準利率 調 降 一 碼 至 歷史 新 低 025 此為 本月 以來 第二 度 降息 更 宣佈 首度 實施 量化 寬鬆 qe 政策 希望 挽救 低迷 經濟 印尼 央行 週四 將 七 天 附 買 回 利率 下調 一 碼 至 45 不僅 連續 二 個 月 降息 更 創下 2018 年 4 月 以來 新低 市場 原本 預估 該 央行 將 維持 利率 不 變 至於 存款 利率 和 放款 利率 亦 各自 調 降 1 碼 分別 降 至 375 與 525 菲律賓 央行 則 宣佈 調 降 基準利率 兩碼 從 375 下調 至 325 自 週五 開始 生效 澳洲 央行 週四 除 降息 一 碼 外 更 首度 宣佈 實施 量化 寬鬆 政策 希望 緩解 疫情 衝擊 rba 為 3 年 期 公債 殖 利率 設定 025 的 目標 並 打算 20 日 起 透過 在 次級 市場 購 債 方式 達成目標 rba 亦 為 銀行 體系 提供 三 年 融資 計畫 希望 為 中小企業 提供 信貸 支援 融資 規模 至少 900億 澳元 並 采 固定 利率 025 該 央行 強調 在 疫情 擴散 的 此刻 將 盡 一切 所能 確保 借貸 成本 低廉 企業 皆 能 獲得 貸款 支援 利率 破 底 讓 澳元兌 美元匯率 19 日 一度 崩 跌 至 05510 美元 改寫 2002 年底 以來 最低 但 受到 rba 實施 qe 政策 消息 提 振 澳元 跌幅 收 窄 至 016 兌 05758 美元 印尼 央行 在 降 息 的 同時 也 調 降 經濟 預測 由於 受 肺炎 疫情 擴大 拖累 該行 將 印尼 今年 全年 gdp 成長率 預測值 從 上個月 預估 的 5 54 區間 調 降 至 42 46 區間 明年 gdp 則 預估 達 52 56</t>
  </si>
  <si>
    <t>中央 陸續 配發 15萬 劑 的 莫德納 到 各縣市 新北 市 衛生局長 陳 潤 秋 今 上午 8 時許 在 市政 會議 表示 中央 總共 配發 給 新北 市 9800 劑 昨天 先 到 5700 劑 後續 會 再 補 4100 劑 全數 給 新冠肺炎 專責 病房 內 工作者 接種 由 專責 醫院 在 院內 直</t>
  </si>
  <si>
    <t>新冠肺炎 臺灣 接種 9800 00</t>
  </si>
  <si>
    <t>新冠肺炎 衝擊 產業 學校 建教合作 廠商 仍 力挺 學生 新北 市長 侯友宜 14 日 上午 至 全球 傳動 科技 公司 參訪 體驗 該 公司 與 瑞芳 高工 合作 的 職業技能 訓練 實況 侯友宜 表示 今年 市府 加碼 400萬 新北 學 霸 建教合作 圓夢 獎學金 之</t>
  </si>
  <si>
    <t>新冠肺炎 衝擊 產業 學校 建教合作 廠商 仍 力挺 學生 新北 市長 侯友宜 14 日 上午 至 全球 傳動 科技 公司 參訪 體驗 該 公司 與 瑞芳 高工 合作 的 職業技能 訓練 實況 侯友宜 表示 今年 市府 加碼 400萬 新北 學 霸 建教合作 圓夢 獎學金 之 紓困 專案 希望 鼓勵 優秀 建 教 生 奮發 向學 新北 市 教育局 指出 新北 開辦 建教合作 班 已 邁 入 第 50 年 目前 有 10 校 10 科 辦理 約 2400 人 讓 經濟 有 困難 學生 能 在 學習 之際 兼顧 生活品質 並 增加 未來 就業 競爭力 新北 市 利用 無名氏 善款 400萬 成立 專案 計 畫 新北 學 霸 建教合作 圓夢 獎學金 之 紓困 專案 補助 195 名 優秀 建 教 生 每人 約 2萬 獎學金 另外 也 補助 200 名 擁有 相關 職 群 技術 士 證照 學生 3000 元 侯友宜 表示 市府 為 協助 弱勢 家庭 推出 公私 協力 疫情 幸福 援 五 曲 包括 幸福 保衛 站 幸福 晨 飽 午餐 補助 實物 銀行 建教合作 圓夢 獎學金 與非 自願 離職 勞工 子女 生活 扶助 等 多 元 協助 策略 期盼 有效 落實 社會 救助 新北 市 教育局 表示 全球 傳動 在業 界 有 舉足輕重 的 地位 學生 畢業 就 有 機會 進入 公司 讓 孩子 能 在 畢業 前 就 找 好 工作 學生 們 受益 良多 新北 市 教育局 指出 市府 自 2019 年 起 每年 投入 1億 元 經費 推動 贏得 未來 技 職 人才 計 畫 完整 新北 市 一貫 化 技 職 人才 培育 體系 未來 也 會 繼續 尋找 更 多 優質 企業 合作 孩子 選擇 更 多 元</t>
  </si>
  <si>
    <t>每年 都 吸引 上 百萬 人 參與 的 臺北 最 high 新年 城 即將 登場 面對 新冠肺炎 新 變種 病毒 omicron 臺北市 長 柯文哲 說 有 可能 3 天 前 取消 他 28 日 再 被 問及 是否 有 防疫 計 畫 時 強調 放心好了 把 去年 那 套 拿 出來 修一 修 就 好 omicron</t>
  </si>
  <si>
    <t>每年 都 吸引 上 百萬 人 參與 的 臺北 最 high 新年 城 即將 登場 面對 新冠肺炎 新 變種 病毒 omicron 臺北市 長 柯文哲 說 有 可能 3 天 前 取消 他 28 日 再 被 問及 是否 有 防疫 計 畫 時 強調 放心好了 把 去年 那 套 拿 出來 修一 修 就 好 omicron 病毒 來勢洶洶 讓 眾 所 期待 的 跨 年 活動 增添 不少 變數 柯文哲 今 出席 藝術 公車 巡禮 活動 被 問到 跨 年 晚會 有無 防疫 計 畫 他 指出 當然 有 計 畫 去年 就 在 疫情 下 辦 過 跨 年 放心好了 把 去年 那 套 拿 出來 修一 修 就 好 現在 不要 問 我 1 個 月 後 的 事 不過 不少 外地 民眾 為了 參加 跨 年 老早 訂好 飯店 也 有 攤 商 陸續 備 貨 萬一 活動 在 3 天 前 突然 取消 恐怕 損失 不少 柯文哲 重申 後 疫情 時代 的 對應 原則 是 應變 跟 保險 大型活動 因應 疫情 怎麼 處理 都 準備 好 了</t>
  </si>
  <si>
    <t>新冠肺炎 臺灣 柯文哲 跨 年 臺北</t>
  </si>
  <si>
    <t>東京 奧運 延到 明年 7 月 23 日 到 8 月 8 日 舉行 不少 國際 重要 賽事 日程 也 必須 錯開 原定 明年 8 月 在 西班牙 韋爾瓦 huelva 舉辦 的 世界 羽球 錦標賽 將 延後 到 11 月 29 日 到 12 月 5 日 進行 世錦賽 延期 是 世界 羽聯 bwf 和 西班牙 羽球 協會 討論 過 後 的 決定 也 讓 羽球 選手 明年 有 兩 項 大賽 可以 做為 奮戰 目標 就 是 奧運 和 世錦賽 世界 羽聯 主席 拉森 poul-erik h yer larsen 認為 修改 世錦賽 賽程 對 羽球 運動 是 最好 的 決定 bwf 和 西班牙 羽球 協會 有 信心 調整 過 日程 的 世錦賽 會 很 成功 也 給 大家 都有 公平競爭 的 機會 從 2005 年 起 羽球 世錦賽 都 是 在 非 夏季 奧運 年 的 每年 7 月底 到 8 月 登場 這次 因為 新冠肺炎 疫情 讓 東京 奧運 從 2020 年 延到 2021 年 才會 兩 項 賽事 同年 登場 西班牙 羽協卡 貝羅 david cabello 表示 希望 在 西班牙 韋爾瓦 的 羽球 世錦賽 會 在 西國和 世界各地 成為 很 特別 的 一 場 賽事 我們 很 開心 讓 這 項 大賽 在 一 年 的 尾聲 登場 可以 讓 主辦單位 盡可能 送 上 最 棒 的 比賽 2021 羽 球 世錦賽 主場 館 是 馬琳 體育館 以 西班牙 女子 羽球 名將 馬琳 carolina marin 為名 韋爾瓦 是 她 的 故鄉 她 曾 2014 年 2015 年 2018 年 三 度 摘 下 羽球 世錦賽 金牌 更 多 資訊 還 待 官方 確定 後會 公 佈</t>
  </si>
  <si>
    <t>林志玲 帥 尪 同 團 成員 爆 確診 新冠肺炎</t>
  </si>
  <si>
    <t>林志玲 老公 akira 同屬 的 放浪 兄弟 exile 成員 小林直 己 昨 4 日 驚 傳 確診 新冠肺炎 根據 日 媒 報導 小林直 己 本月 3 日 覺得 身體 不 太 舒適 隔 天 立刻 接受 pcr 檢測 檢測 結果 呈現 為 陽性反應 日本 經紀 公司 表示 目前 小</t>
  </si>
  <si>
    <t>小林直 己 成員 確診 新冠肺炎 放浪 兄弟</t>
  </si>
  <si>
    <t>韋禮安 5 日 迎接 33 歲 生日 領養 三 只 貓咪 的 他 選 在 這天 首播 新 歌 貓咪 共和國 也 是 他 合作 國際 音樂 公司 the orchard 後 推出 的 第 一個 作品 別具 意義 他 昨 在工作中 度過 生日 提起 願望 韋禮安 希望 周 遭 所有人 平安 順利 新冠肺炎 疫情 快快 過去 同時 預告 即 將 推出 新 專輯 韋禮安 去年 捲入 與 前 東家 福 茂 唱片 的 合約 糾紛 雙方 走上 法院 打官司 雖 目前 仍 由 律師 處理 中 但 韋禮安 昨 帶來 好 消息 宣佈 合作 國際 音樂 公司 the orchard 將 推出 睽 違 4 年 全新 專輯 韋禮安 昨 表示 正 朝 這個 方向 今年 發片 努力 很快 感覺 幸福 來得 非常 突然 感謝 歌迷 們 不離 不棄 耐心 等 侯 新 歌 貓咪 共和國 創作 靈感 來 自 韋禮安 收養 的 三 只 貓咪 他 常跟 朋友 開玩笑 自嘲 住 在 巨大 的 貓砂 盆 裡 日常 會 有 許多 驚人 的 把 屎 把 尿 前 陣子 他 發現 愛 貓 改變 習性 隨處 尿 尿 某次 氣 得 正在 訓斥 貓咪 們 突然 發現自己 臉上 濕 濕 抬頭 一 看 才 發現 原來 是 家裡 天花板 漏水 根本 不是 貓咪 不 乖 趕緊 奉 上 罐頭 討好 愛 貓 們 還有 一 次 一 只 蟾蜍 不知好歹 跳 進 家裡 跟 三 只 貓 咪 玩 最後 蟾蜍 黏滿 貓 毛 一 臉 狼狽 韋禮安 趕緊 解救 蟾蜍 放生 還好 貓咪 沒有 咬 蟾蜍 來 送 我 聽說 貓 送 主人 東西 是 覺得 你 沒有 維生 的 能力 我 想 我 的 貓 應該 覺得 我 過 得 還 可以</t>
  </si>
  <si>
    <t>進入 秋冬 之際 新冠肺炎 在 歐美 兩地 又 有 捲土重來 之 勢 確診 人數 激增 加上 財政 紓困 方案 談判 在 大選 前 再次 陷入 停頓 26 日 美 股 三大 指數 重 挫 道 瓊 一度 跌 720 點 最終 收盤 道 瓊 下跌 650 點 創 9 月 3 日 以來 最 大 單日 跌幅 美國 股</t>
  </si>
  <si>
    <t>進入 秋冬 之際 新冠肺炎 在 歐美 兩地 又 有 捲土重來 之 勢 確診 人數 激增 加上 財政 紓困 方案 談判 在 大選 前 再次 陷入 停頓 26 日 美 股 三大 指數 重 挫 道 瓊 一度 跌 720 點 最終 收盤 道 瓊 下跌 650 點 創 9 月 3 日 以來 最 大 單日 跌幅 美國股市 今天 開盤 重 挫 一路 走低 主因 白宮 官員 表示 對 國會 通過 新 的 防疫 紓困 方案 不 太 樂觀 道 瓊 工業 平均 指數 下跌 65019 點 或 229 收 2萬768538 點 史坦普 500 指數 下跌 6442 點 或 186 至 340097 點 那斯 達克 綜合 指數 下跌 18934 點 或 164 至 1萬135894 點 此外 新冠 病毒感染 數 激增 投資人 擔憂 再次 實施 封鎖 將 對 經濟 形成 衝擊 歐洲 三大 股市 今天 下挫 倫敦 ftse 100 指數 滑落 6827 點 或 116 以 579201 點 作 收 法蘭克福 dax 30 指數 重 挫 46857 點 或 371 收在 1217718 點 巴黎 cac 40 指數 跌 9352 點 或 190 收 481612 點</t>
  </si>
  <si>
    <t>法國 近日 新冠肺炎 疫情 又 反撲 政府 再度 採取 封城 手段 降低 感染 風險 因為 封 城市 從 4 月 開始 為期 一個 月 因此 原定 5 月 下旬 開 打 的 法國 網球 公開賽 恐怕 準備 工作 受到 影響 可能 會 再 像 去年 一樣 延賽 更 嚴重 甚至 可能 得 取消 法國</t>
  </si>
  <si>
    <t>法國 近日 新冠肺炎 疫情 又 反撲 政府 再度 採取 封城 手段 降低 感染 風險 因為 封 城市 從 4 月 開始 為期 一個 月 因此 原定 5 月 下旬 開 打 的 法國 網球 公開賽 恐怕 準備 工作 受到 影響 可能 會 再 像 去年 一樣 延賽 更 嚴重 甚至 可能 得 取消 法國 從 週六 開始 進入 第 三 次 全國 封 城 希望 控制 新冠肺炎 傳染 範圍 體育賽事 因此 也 受到 影響 而 法網 在 去年 就 從 原定 5 月 23 日 開 打 言 了 4 個 月 到 9 月 才 進行 今年 度 賽程 恐怕 也 要 再延 一 次 法國 體育 部長 瑪拉辛妮亞 奴 roxana maracineanu 說 我們 正在 和 法國 網球 協會 開會討論 看看 是否 應該 修改 比賽 日期 因為 其他 重要 體育競賽 也 一樣 要 挑 整 日程 雖然 所有 高 層級 賽事 早早 就 安排 好 我們 也 希望 減少 風險 不 想要 病毒 在 職業 運動 賽事 中 傳播 法國 總統 馬克洪 表示 希望 可以 在 5 月中 解除 封城 本 周 稍 早 法國 網協 主席 莫瑞頓 gilles moretton 表示 無法 想像 這 場 四大 賽 面臨 取消 危機 但 大家 必須 為了 降低 新冠肺炎 傳染 風險 採取 必要措施 最糟 的 情況 就 是 今年 法網 停辦 一 屆 莫瑞頓 補充 大會 現在 仍 朝 如期 舉辦 法 望 努力 籌備 目前 最壞 打算 是 不 開放 觀眾 進場 會 密切注意 疫情 發展 及 政策 隨時 和 球員 保持聯繫 更新 最新 狀況</t>
  </si>
  <si>
    <t>新冠肺炎 疫情 升溫 全台 累計 確診 達 40 例 由於 日 租 套房 大多 沒有 旅客 登錄 以及 防疫 通報制度 恐 成為 防疫 漏洞 對此 新北 市長 侯友宜 今 2 日 上午 表示 針對 有 故意 隱匿 包容 居家 檢疫 者 逃跑 者 連帶責任 一定 追究 侯友</t>
  </si>
  <si>
    <t>新冠肺炎 疫情 升溫 全台 累計 確診 達 40 例 由於 日 租 套房 大多 沒有 旅客 登錄 以及 防疫 通報制度 恐 成為 防疫 漏洞 對此 新北 市長 侯友宜 今 2 日 上午 表示 針對 有 故意 隱匿 包容 居家 檢疫 者 逃跑 者 連帶責任 一定 追究 侯友宜 強調 嚴格 執法 毫不 寬 貸 對於 居家 檢疫 居家 隔離 的 逃跑 者 不光 是 他 本身 的 責任 若 有 協助 幫忙 都會 追究責任</t>
  </si>
  <si>
    <t>居家 侯友宜 責任 檢疫 新冠肺炎</t>
  </si>
  <si>
    <t>前 女 f 4 成員 劉樂妍 已將 事業 及 生活 重心 移 往 對岸 現在 因 新冠肺炎 疫情 致使 陸 演藝圈 全面 停工 她 本 想 好好 躲 在 大陸 住處 等待 疫情 過去 然 因為 官司 問題 致使 她 必須 返台 出庭 如今 傳票 不斷 寄送 到 她 手上 讓 她 無奈 哭喊 不</t>
  </si>
  <si>
    <t>前 女 f 4 成員 劉樂妍 已將 事業 及 生活 重心 移 往 對岸 現在 因 新冠肺炎 疫情 致使 陸 演藝圈 全面 停工 她 本 想 好好 躲 在 大陸 住處 等待 疫情 過去 然 因為 官司 問題 致使 她 必須 返台 出庭 如今 傳票 不斷 寄送 到 她 手上 讓 她 無奈 哭喊 不是 怕 當 被告 而是 怕 遭 雙重 隔離 劉樂妍 上周 才 抱怨 過 因 官司 被 傳喚 出庭 然 上回 已 因 工作 而有 一 次 傳喚 未 到 記錄 的 她 怕 再不 現身 就 會 被 限制 出境 且 因為 她 從 大陸 回台 出庭 前 需 隔離 14 天 讓 她 哭喊 這不 是 強迫 我 在 臺灣 要 呆 待 很 久 嗎 也 導致 出庭 一 事 擱置 而 她 昨 2 25 又 po 文 透露 臺灣 法院 的 傳票 不斷 寄 到 她 手上 但 她 的 困境 完全 無 解 表示 當 被告 無所謂 但 問題 就 不是 不 回去 你 什麼 時候 不 隔離 我 什麼 時候 回去 呀 原來 因 為 新冠肺炎 疫情 升溫 她 返台 出庭 首先 要 被 隔離 14 天 而 出庭 完 回到 大陸又 得 隔離 雙重 隔離 的 情況 下 我 什麼 事 都 不用 幹 我 就 來回 隔離 就 好 啦 直 呼 目前 處境 真的 會 發瘋 更 雪上加霜 的 是 喂 我 可 是 湖北人 呢</t>
  </si>
  <si>
    <t>彰 化 縣 新冠肺炎 疫情 再 添 1 死 南彰 化 一 名 確診 裡長 1 日 確診 送醫 治療 後 9 日 返家 自主 健康 管理 13 日 與 女兒 通電話 時 突然 昏迷 送醫 後 死亡 13 日 宣告 不治 遺體 14 日 火化 家屬 氣憤 為 何采檢 陰性 仍 急 著 火化 衛生局 對此 回應</t>
  </si>
  <si>
    <t>彰 化 縣 新冠肺炎 疫情 再 添 1 死 南彰 化 一 名 確診 裡長 1 日 確診 送醫 治療 後 9 日 返家 自主 健康 管理 13 日 與 女兒 通電話 時 突然 昏迷 送醫 後 死亡 13 日 宣告 不治 遺體 14 日 火化 家屬 氣憤 為 何采檢 陰性 仍 急 著 火化 衛生局 對此 回應 依 中央 規定 在 自主 管理 期間 死亡 仍 判 定為 第 五 類 法定 傳染病 因此 必須 24 小時 內 火化 據 瞭解 振興 裡長 6 月 1 日 確診 住 進 彰濱 秀 傳 醫院 治療 6 月 9 日 出院 返家 自主 隔離 衛生 居 發 函 要求 裡長 自 6 月 9 日 起至 6 月 23 日 必須 自主 健康 管理 但 13 日 自主 健康 管理 期間 裡長 與 女兒 通電話 時 突然 身體 不適 失去 音訊 女兒 意識 到 危險 打電話 叫 哥哥 返家 察看 就 發現 裡長 口吐 白沫 倒 在 地上 隨後 裡長 被 送 往 二林 基督教 醫院 救治 無效 院方 隨即 針對 裡長 遺體 采 檢 發現 是 陰性 但 家屬 質疑 為什麼 陰性 死亡 證明 還是 開立 第 五 類 讓 父親 14 日 就 遭 火化 1 日 確診 9 日 返家 13 日 就 死亡 痛 批 衛生局 的 處置 就 有 問題 議員 張國棟 表示 該 裡長 與 他 私交 甚好 在 隔離 期間 一共 通了 3 次 電話 第 4 次 就 是 他 出院 到家 與 他 報平安 的 時候 但 沒 想到 突然 就 傳來 噩耗 相當 不 舍 他 認為 衛生局 對 病 患 的 情況 要 有 更 透 測 的 掌握 不然 在家 自主 隔離 僅 有 一 人 發生 危險 家人 根本 來不及 反應 衛生局 回應 該 名 確診 者 在 5 月 下旬 發病 後 送醫 治療 依 中央 規定 在 發病 日 10 天 後 ct 值 大於 30 的話 就 可讓 患者 回 到 家中 自主 健康 管理 但 不幸 在 自主 管理 的 第 4 天 因 身體 不適 送醫 不治 事後 采 檢 雖然 呈 陰性 但 依 中央 規定 在在 自主 管理 期間 死亡 仍 判 定為 第 五 類 法定 傳染病 因此 必須 24 小時 內 火化</t>
  </si>
  <si>
    <t>裡長 火化 彰 化 新冠肺炎 臺灣</t>
  </si>
  <si>
    <t>白宮 新冠肺炎 工作組 協調官 比爾斯 deborah birx 周日 提出 警告 表示 由於 全國 醫療系統 已經 陷入 對抗 單日 死亡 數日 益 升高 的 苦戰 近來 確診 數 持續 加速 急 升 可能 成為 美國 史上 最 艱難 的 時刻 比爾斯 周日 接受 nbc 訪問 時 表示</t>
  </si>
  <si>
    <t>全國 數字 美國 時刻 新冠肺炎</t>
  </si>
  <si>
    <t>全球 新冠肺炎 疫情 嚴峻 國內 社區 傳播 的 風險 也 日漸 提升 民眾 應如何 自我 保護 台大醫院 小兒 感染 科 主治醫師 李秉穎 表示 進入 這個 階段 時 民眾 必須 注意 衛生習慣 時時 勤洗手 並 徹底 洗 淨 積極 做好 自主 健康 管理 以 減低 減 染</t>
  </si>
  <si>
    <t>新冠肺炎 疫情 逐漸 趨 緩 大 千 健康 醫療 體系 總裁 徐千剛 感謝 醫護 同仁 在 疫情 嚴峻 期間 全力 配合 中央 政策 堅守 醫療 第一線 讓 他 十分 感動 因此 購買 520 張 渡假村 住宿 券 及 200 張 溫泉 券 慰勞 大家 的 辛勞 盼 疫情 早日 結束 讓 醫</t>
  </si>
  <si>
    <t>新冠肺炎 疫情 逐漸 趨 緩 大 千 健康 醫療 體系 總裁 徐千剛 感謝 醫護 同仁 在 疫情 嚴峻 期間 全力 配合 中央 政策 堅守 醫療 第一線 讓 他 十分 感動 因此 購買 520 張 渡假村 住宿 券 及 200 張 溫泉 券 慰勞 大家 的 辛勞 盼 疫情 早日 結束 讓 醫護人員 可以 和 家人 一起 度假 放鬆 享受 家庭 之樂 新冠肺炎 爆發 之 際 民眾 對 新冠肺炎 疑 似 或 確診 病人 都 避 之 惟恐 不及 大 千 綜合 醫院 護理 師 魏 思華 吳安福 卻 自願 到 專責 病房 照顧 病人 吳安福 指出 家 人 一 聽 到 他 的 決定 後 都 給予 滿滿的 支援 讓 他 十分 感動 魏 思華 則 耐心 向 擔心 她 的 家 人們 說明 照顧 病人 的 重要性 以及 完善 的 防護 措施 讓 家人 放心 大 千 醫院 團隊 全力 配合 政府 政策 第一線 的 急診 醫護 在 為 疑 似 個案 進行 采 檢 常常 穿 著 防護衣 面罩 而 滿身 大 汗 他們 認為 這些 汗水 是 驕傲 的 印記 一點 都 不 覺得 辛苦 徐千剛 對於 疫情 期間 各 單位 善 盡職 責 全心 抗 疫 所有 的 辛勞 和 汗水 都 讓 他 相當 感動 感謝 同仁 守 住 苗栗 健康 希望 疫情 能 儘早 結束 讓 辛苦 的 醫護人員 好好 休息</t>
  </si>
  <si>
    <t>疫情 新冠肺炎 感動 肺炎 新冠</t>
  </si>
  <si>
    <t>帛 琉 新冠肺炎 惠恕仁 旅遊 泡泡</t>
  </si>
  <si>
    <t>新冠肺炎 疫情 全球 爆發 已 逾 一 年 六大 壽險 公司 陸續 擴大 對 新冠肺炎 的 理賠 範圍 共通 四大 原則 一 即 新冠肺炎 不 列入 健康 險 除外 責任 即 一律 理賠 二 是 入住 負 壓 隔離病房 視同 加 護 病房 多 有 加倍 理賠 三 是 今年 的 新 解釋 即</t>
  </si>
  <si>
    <t>公費 疫苗 接種 對象 臺灣 新冠肺炎 胖子</t>
  </si>
  <si>
    <t>新冠肺炎 疫情 衝擊 內需 產業 謝金河 曝 慘 況</t>
  </si>
  <si>
    <t>新冠肺炎 防疫 不 做好 華盛頓州 病例 8 周 恐 增 破 6萬</t>
  </si>
  <si>
    <t>新冠肺炎 疫情 持續 19 日 傳出 1 名 發燒 的 印尼 失 聯 移 工 在 就診 時 落 跑 雖然 後 遭 警方 逮捕 但 已 引發 社會 虛驚 更 有 人 直指 這些 逾期 失 聯 的 移 工 就是 防疫 的 大破 口 移民署 20 日 推出 擴大 自行 到案 20 鼓勵 外來人口 主動</t>
  </si>
  <si>
    <t>失 聯 移 工 移民署 主動 投案 新冠肺炎 出入 國及 移民法 移民</t>
  </si>
  <si>
    <t>陸 新增 逾 百 例 新冠肺炎 本土 確診 東北 京冀 重災區</t>
  </si>
  <si>
    <t>大陸 國家 衛健 委 19 日 公佈 18 日 大陸 共 新增 新冠肺炎 確診 118 例 數量 較 上 一 日 小幅 增長 且 106 例 為 本土 案例 主要 分佈 在 東北 京冀 地區 本土 病例 中 吉林 43 例 河北 35 例 黑龍江 27 例 北京 1 例 總計 破百 例 較 上 一 日 的 93</t>
  </si>
  <si>
    <t>新冠肺炎 住宅 處 管委會 防疫 指引</t>
  </si>
  <si>
    <t>此次 確診 感染 新冠肺炎 的 澳洲 音樂家 入境 臺灣 後 出現 咳嗽 流 鼻 水 鼻 塞 症狀 因 非 典型 新冠肺炎 症狀 被 診斷 為 類 流感 錯失 及時 確診 的 機會 新冠肺炎 的 3 大 症狀 為 發燒 咳嗽 及 倦怠 國內 45 名 確診 者 中 約 有 8 人 屬於 不 典</t>
  </si>
  <si>
    <t>寇世勳 一家之主 新冠肺炎 臺灣</t>
  </si>
  <si>
    <t>新冠肺炎 疫情 全球 持續 升溫 英國 甚至 傳出 變種 病毒 疫情 期間 就 曾 發生 過 白目 民眾 朝 無辜 的 人 亂 吐 口水 導致 對方 罹 患 肺炎 病 死 這次 美國 一 名 年輕人 在 電梯 內 對 一 名 老伯 吐 口水 結果 下 一 秒 被 拖 出 電梯 爆 打 監視 影片 曝光</t>
  </si>
  <si>
    <t>新冠肺炎 疫情 電梯 吐 口水 病毒</t>
  </si>
  <si>
    <t>新冠肺炎 臺灣 給予 肺部 浸潤 治療</t>
  </si>
  <si>
    <t>新冠肺炎 趨 緩 北市 市立 高中職 及 國中 平日 及 假日 之 室內 外 校園 場地 自 6 月 20 日 週六 起 全面 恢復正常 開放 供 一般 民眾 運動 及 租借 使用 但 仍 應 符合 防疫 新 生活 規定 若 有 本土 確診 案例 將 視 情況 調整 開放 範圍 且為 因</t>
  </si>
  <si>
    <t>新冠肺炎 趨 緩 北市 市立 高中職 及 國中 平日 及 假日 之 室內 外 校園 場地 自 6 月 20 日 週六 起 全面 恢復正常 開放 供 一般 民眾 運動 及 租借 使用 但 仍 應 符合 防疫 新 生活 規定 若 有 本土 確診 案例 將 視 情況 調整 開放 範圍 且為 因應 境外 生 及 109 學年度 秋季 入學 新生 北市 觀 傳 局 表示 已 超前 部署 接洽 多 間 旅館 預計 將來 可 以 各種 價位 提供 近 千 間 房源 讓 境外 生 放心 返台 北市 副 市長 黃珊珊 指出 從 6 月 20 日後 就 是 全面 性 的 開放 包括 早上 的 晨 間 運動 及 下 課後 的 晚間 運動 假日 則 是 全面 開放 但 為 保險 起見 相關 措施 如實 名 制 量 測體溫 不 共 餐 加強 消毒 等 措施 仍 會 實施 針對 開放 時間 教育局長 曾 燦 金 指出 平日 上課 日 的 開放 時段 為 上午 5 點 至 7 點 下午 開放 時段 為 下午 5 點 半 至 7 點 半 至於 例假日 開放 時段 為 上午 5 點 至 晚間 9 點 半 若 學校 寒暑假 有 課 輔 課程 則 會 比照 一般 的 上課 時段 開放 此外 北市 昨 原 要 宣佈 敬老 卡 加碼 方案 卻 臨時 喊 卡 對此 黃珊珊 表示 避免 北市 出現 加碼 之 亂 目前 要 先 解決 資料 比對 與 人員 訓練 完成 之後 再 公佈 並且 考慮 讓 大家 上網 登 入 或 開設 據點 幫忙 長者 靠 卡 完成 最 快 本 周全 公佈 根據 統計 目前 仍 有 2萬6000 名 境外 生 未能 返台 就學 加上 預計 入學 新生 預估 1萬6000 人 總數 已 達 4萬2000 人 觀 傳 局局長 劉奕霆 表示 由於 境外 學生 數量 眾多 市府 已 主動 和數 間 大型 旅館 聯繫 現 也 另 有 14 間 旅館 已 提出 防疫 旅館 申請 預計 審查 通過 後 可 新增 890 間 房 的 居家 檢疫 量 能</t>
  </si>
  <si>
    <t>新冠肺炎 臺灣 pcr 快 篩 台南 園區</t>
  </si>
  <si>
    <t>一些 國家 的 新冠肺炎 疫情 出現 反 覆 加劇 了 市場 對 全球 經濟 持續 下行 的 擔憂 國際 黃金 現貨 價格 已 漲 翻天 7 月 8 日 國際 金價 攀升 至 181802 美元 盎司 創下 2011 年 9 月 以來 的 新 高 荷蘭 國際 集團 駐 新加坡 大宗 商品 戰略 主管 派特森</t>
  </si>
  <si>
    <t>一些 國家 的 新冠肺炎 疫情 出現 反 覆 加劇 了 市場 對 全球 經濟 持續 下行 的 擔憂 國際 黃金 現貨 價格 已 漲 翻天 7 月 8 日 國際 金價 攀升 至 181802 美元 盎司 創下 2011 年 9 月 以來 的 新 高 荷蘭 國際 集團 駐 新加坡 大宗 商品 戰略 主管 派特森 表示 鑒於 美元 疲弱 新冠肺炎 病例 激增 以及 一些 官員 質疑 美國 經濟 復蘇 的 成效 黃金價格 將 穩固 地 保持 在 每盎司 1800 美元 以上 新冠肺炎 確診 病例 的 激增 是 推 升 金價 上漲 的 一大 因素 目前 美國 的 確診 人數 已 超 300萬 占 全球 確診 總 人數 的 1 4 以上 美國 克利夫蘭 聯邦 儲備 銀行行長 梅斯特 表示 有關 美國 疫情 傳播 的 資料 正 使 經濟 面臨 更 大 下行 風險 亞特蘭大 聯邦 儲備 銀行行長 博 斯蒂克 表示 美國 似乎 毫無 起色 的 經濟 將 需要 美聯儲 或 財政部門 採取 更 多 行動 華僑 永亨 銀行 經濟學家 認為 如果 美國 的 新冠肺炎 確診 病例 數量 仍 不 下降 黃金價格 甚至 有 可能 在 年底 前 超過 每盎司 2000 美元 除 疫情 因素 專家 認為 目前 全球 範圍 內 寬鬆 的 貨幣政策 料 將 延續 也 為 金價 穩步 上漲 提供 理想 土壤 世界 上 最 大 的 對沖 基金 橋 水 基金 創始人 達裡奧 認為 投資者 應該 更 青睞 股票 與 黃金 而非 債券 與 現金 因為 許多 債券 的 收益率 為 負值 且 世界 各國 央行 將 印刷 更 多 鈔票</t>
  </si>
  <si>
    <t>全球 美國 黃金 黃金價格 新冠肺炎</t>
  </si>
  <si>
    <t>新冠肺炎 臺灣 委員 舉行 三級 警戒</t>
  </si>
  <si>
    <t>臺北捷運 確診 新冠肺炎 臺灣</t>
  </si>
  <si>
    <t>蘇揆 去年 上任 以來 遭 批 政 通人 不和 年底 內閣 改組 傳聞 不 斷 尤其 昨 中天 新聞 台 不予 換 照 再 加深 國內 對立 蘇揆 上午 罕見 在 行政院 會 提出 自省 說 任何 做 得 不夠 不好 都 請 各部 會 及 各界 隨時 指正 多多指教 他 也 會 自我檢討 內閣 近期 因 萊 豬 明年 元旦 叩 關 中天 新聞 台關 台 事件 不斷 製造 國內 對立 引發 蔡 政府 領導 危機 蘇閣 是否 將 在 年底 去職 引發 熱 議 行政院 秘書長 李孟 諺 轉述 蘇揆 在 院會 談話 時說 蘇揆 特別 提及 2019 年 1 月 14 日 承擔 重擔 以來 感謝 所有 同仁 一起 努力 上任 第一 天 就 到 桃園 機場 防治 非洲 豬瘟 另外 新冠肺炎 因 各界 的 努力 國內 已 有 220 天 零 確診 因應 疫情 發放 的 三 倍 券 經由 2300萬 人 領 券 也 讓 臺灣 內需 擴展 蘇揆 也 說 雖然 一路 走來 克服 很多 困難 也 展現 了 很多 成效 但 這 段 時間 還 是 有 一些 值得 要 檢討 的 地方 有錯 就要 認 有 過 就要 改 尤其 要 從 自身 自省 做起 不能 自以為是 也 不能 因為 有 些 成就 就 驕傲 反而 應該 謙卑 應該 聽取 不同 的 意見 讓 我們 跟 這塊 土地 上 所有 的 人 不分 朝野 政黨 不分 地方 中央 不分 意見 不同 都 要 凝聚 力量 因為 我們 是 同一個 國家 同樣 要 守 住 這塊 土地 一起 努力 蘇揆 指出 在 過程 中 也許 因為 誤會 攻擊 我們 會 一而再 受傷 但 還是 要 拼命 站 起來 因為 我們 有 要 共同 守護 的 事物 一定 要 繼續 堅持 才能 跟 不能 切割 的 人 守 住 這塊 土地 守 住 這個 國家 才能 福 國利民 蘇揆 強調 從 最近 的 狀況 檢討 謙卑 任何 做 得 不夠 不好 蘇揆 請 部會 及 各界 隨時 指正 多多指教 蘇揆 也 會 自我檢討</t>
  </si>
  <si>
    <t>三 商 美 邦 人壽 及 同為 三 商 投 控 成員 的 三友 藥 妝 共同 攜手 送暖 給 因 新冠 狀 肺炎 疫情 而 辛勞 的 醫護人員 聯名 捐贈 2000 條 日本 原裝 進口 馬 油 護手 霜 予 新北市衛生局 以 緩解 醫護人員 因 過度 清潔 導致 手部 肌膚 粗糙 龜裂 三 商 美 邦 人壽 及 三友 藥 妝 藉 此 表示感謝 與 關懷 也 為 第一 線 抗 疫 醫護人員 加油打氣 同時 三 商 美 邦 人壽 為 提供 保戶 更 安心 的 服務 在 第一時間 即 啟動 各項 保戶 關懷 措施 針對 保戶 最 關心 的 理賠 及 繳費 提供 快速 理賠 服務 放寬 理賠 申請 保費 緩繳 作業 等 並且 對 現 售 部分 住院 醫療保險 以 批註 條款 方式 取消 法定 傳染病 30 天 疾病 等待 期 之 限制 保戶 毋須 另外 付費 保障 立即 生效 一旦 確診 罹 患 新冠肺炎 理賠 機制 隨即 啟動 三 商美邦 人壽 表示 為 與 國人 共 體 時艱 推出 三 商美邦 人壽 醫 把 罩 一 年 定期 住院日 額 健康 保險 保障 內容 包含 住院 醫療 保險金 加 護 病房 暨 燒 燙傷 中心 醫療 保險金 等 多 項 保障 若不慎 感染 新冠肺炎 入住 負 壓 隔離病房 將 比照 加 護 病房 標準 核算 加 護 病房 暨 燒 燙傷 中心 醫療 保險金 讓 民眾 在 面對 疫情 時 可以 輕鬆 架構 防疫 保護罩 為 自身 的 醫療保障 升級</t>
  </si>
  <si>
    <t>新冠肺炎 肆虐 全球 各 大 製藥 廠 如火如荼 研發 疫苗 但 業者 對 疫苗 的 訂價 意見 不一 阿斯特 捷利康 astrazeneca 和 嬌 生 johnson &amp;johnson 承諾 不 會 利用 疫苗 獲利 而 moderna 與 美 商 默沙東 則 暗示 新冠 疫苗 訂價 一定 會 高於</t>
  </si>
  <si>
    <t>新冠肺炎 肆虐 全球 各 大 製藥 廠 如火如荼 研發 疫苗 但 業者 對 疫苗 的 訂價 意見 不一 阿斯特 捷利康 astrazeneca 和 嬌 生 johnson &amp;johnson 承諾 不 會 利用 疫苗 獲利 而 moderna 與 美 商 默沙東 則 暗示 新冠 疫苗 訂價 一定 會 高於 生產成本 製藥 廠 的 高階 主管 21 日 參加 美國眾議院 能源 商務 委員會 與 調查 小組 委員會 的 視 訊 聽證會 表達 各 公司 對 疫苗 訂價 的 意見 不過 業者 並未 透露 訂價 的 細節 內容 阿斯特 捷利康 和 嬌 生 的 主管 表示 至少 在 新冠肺炎 大 流行 平息 之前 公司 將 以 成本價 出售 疫苗 至於 moderna 與 美 商 默沙東 的 高階 主管 則 指出 疫苗 的 訂價 會 高過 製造 成本 美 商 默沙東 的 疫苗 最 快 要到 2021 年 才會 問世 與 biontech 合作開發 疫苗 的 輝瑞 pfizer 表示 公司 打算 從 疫苗 獲利 但 訂價 不會 過 高 價格 會 反映 疫情 的 特殊 時期 隨 著 外界 最 看好 的 疫苗 在 7 月 進入 最終 測試階段 疫苗 的 訂價 逐漸 成為 製藥 廠 重要 和 敏感 的 議題 政府 與 私人 保險 公司 預期 將 承擔 疫苗 費用 若是 訂價 不當 可能 引來 醫師 和 患者 的 長期 批評 伊利諾州 議員 夏考斯 基 jan schakowsky 在 聽證會 中 表示 提供 安全 和 有效 的 疫苗 固然 重要 但 如果 價格 成為 阻礙 無法 讓 所有 美國 民眾 都 取得 疫苗 那 就 沒有 意義 了 他 補充 道 許多 藥廠 的 疫苗 研發 計畫 獲得 聯邦 補助 製藥 廠 尚未 透露 要 如何 訂價 分析 師 預估 業者 可望 進帳 數 十億 美元 根據 美國 疾病 管制 與 預防 中心 cdc 資料 製造廠 的 流感疫苗 成本 每 劑 約 在 16 至 25 美元 之間 傑富 瑞 jefferies co 分析 師 michael yee 估計 新冠肺炎 疫苗 一個 療程 在 美國 和 歐洲 的 成本 約 在 50 至 100 美元 moderna 在 疫苗 推出 首 年 可望 進帳 20億 美元</t>
  </si>
  <si>
    <t>新冠肺炎 疫情 蔓延 全球 臺灣 機械工業 公會 理事長 柯拔希 提出 七大 建 言 籲請 政府 擴大 融資 貸款 紓困 租稅 減免 比照 sars 期間 優先購買 國產 設備 及 讓 新 台幣 貶值 等 以 挽救 產業 新型 冠狀 肺炎 疫情 出現 全球 大 流行 人流 物流</t>
  </si>
  <si>
    <t>新冠肺炎 疫情 延 燒 期間 電影院 業績 慘 澹 台南 社 大 開始 錄 影 電影 研究社 16 日 卻 準備 在 中西區 正 興街 與 國華 街 黃金地段 舉辦 疫情 以來 首 場 露天 微 電影 13 歲 那年 的 天空 預估 觀眾 達 百 人 社長 林宗 伻 稱 已 做 好 防疫 準備 要 在</t>
  </si>
  <si>
    <t>新冠肺炎 防疫 微 電影 台 南市 正 興 街</t>
  </si>
  <si>
    <t>新冠肺炎 臺灣 bnt 接種 校園</t>
  </si>
  <si>
    <t>川普 新冠肺炎 看 選戰 美 大選 隔離 檢疫</t>
  </si>
  <si>
    <t>第 73 屆 世衛 大會 wha 原訂 5 月 17 日 至 21 日 在 瑞士 日內瓦 召開 但是 在 新冠肺炎 疫情 重 創下 看來 不是 延期 就是 改 成 線 上 虛擬 舉行 停辦 1 年 也 不無 可能 觀察 蔡 政府 最近 強硬 杠 上 譚 德塞 的 態度 今年 若 有 召開 wha 不論是 實體 或</t>
  </si>
  <si>
    <t>第 73 屆 世衛 大會 wha 原訂 5 月 17 日 至 21 日 在 瑞士 日內瓦 召開 但是 在 新冠肺炎 疫情 重 創下 看來 不是 延期 就是 改 成 線 上 虛擬 舉行 停辦 1 年 也 不無 可能 觀察 蔡 政府 最近 強硬 杠 上 譚 德塞 的 態度 今年 若 有 召開 wha 不論是 實體 或 虛擬 臺灣 要 想 參加 基本上 是 癡人說夢 甚至 可以 說 直到 2022 年 7 月 譚 德塞 卸任 who 秘書長 之前 都 不必 肖想 出席 wha 了 過去 幾 年 臺灣 在 推動 參與 wha 對 國際 間 往往 是 說 之 以 理 動之以情 taiwan can help 並 不是 因為 新冠肺炎 疫情 才 蹦出 的 口號 只不過 臺灣 今年 可以 更 大聲 喊 這 句 話 或許 也 是 這股 爆 棚 的 自信心 改變 了 對 who 的 態度 臺灣 聲稱 曾經 致函 who 示 警 病毒 會 人 傳人 human to human 但 who 有 看 沒有 懂 我方 公佈 電 郵 完整 內容 堅持 既 有 寫 隔離 需要 即是 警示 人 傳 人 這 封 信 各執一詞 等於 徹底 撕破臉 who 昨 列出 13 點 聲明 回應 臺灣 民間 刊登 紐約時報 廣告 外交部 又 火速 一一 打 臉 who 的 聲明 兩 方梁 子 結得 更 大 譚 德塞 又 指控 臺灣網 軍 對 他 語言 歧視 發動 攻擊 兩邊 關係 就 真的 是 回不去 了 蔡 政府 這 波 防疫 作戰 表現 得 相當 出色 已 證明 沒有 who 的 支援 沒有 完整 參與 wha 對 臺灣 人民 的 福祉 似乎 也 沒有 太 大 影響 既然如此 與其 低聲下氣 去 求 wha 的 門票 還 不如 硬 起來 反正 橫豎 都 是 進不去 至少 展現出 氣勢 在 國際 上 展現 聲望 在 國內 帶動 民 調 這 也 證明 了 不管 是 who 或 臺灣 能 不能 完整 參與 從來 都 不 只 是 全球 公衛 議題 政治 議題 才 是 核心</t>
  </si>
  <si>
    <t>臺灣 新冠 參與 新冠肺炎 who</t>
  </si>
  <si>
    <t>國際 奧 會 ioc 加拿大 籍 的 資深 委員 龐德 日前 語 出 驚 人稱 若 新冠肺炎 疫情 在 5 月底 前 未受控制 東京 奧運 恐怕 得 停辦 日本政府 ioc 和 東奧 籌委會 隨後 紛紛 跳出 來 否認 有 停辦 打算 表示 籌備工作 仍 順利進行 這項 地表 規模 最</t>
  </si>
  <si>
    <t>國際 奧 會 ioc 加拿大 籍 的 資深 委員 龐德 日前 語 出 驚 人稱 若 新冠肺炎 疫情 在 5 月底 前 未受控制 東京 奧運 恐怕 得 停辦 日本政府 ioc 和 東奧 籌委會 隨後 紛紛 跳出 來 否認 有 停辦 打算 表示 籌備工作 仍 順利進行 這項 地表 規模 最 大 體育賽事 是否 照常 引發 全球 關注 而 隨 著 疫情 在 歐洲 爆 開 許多 萬眾 注目 的 大賽 已 考慮 喊 卡 堪稱 歐洲 橄欖球 頂級 賽事 的 6 國 橄欖球 錦標賽 3 月 7 日 愛爾蘭 作東 迎戰 義 大利 在 該國 衛生部長 哈裡斯 介入 後 如今 已 確定 延期 哈裡斯 指出 由於 大規模 球迷 將 從 疫區 義 大利 移動 比賽 本身 的 公衛 風險 明確 愛爾蘭 橄欖球 協會 表示 完全 遵守 指令 會 妥善處理 延賽 後續 創辦 於 1883 年 1940 年 改稱 為 五 國 錦標賽 2000 年 再 加入 義 大利 改稱 六 國 錦標賽 最近 因 贊助 原因 被 稱為 國民 西敏寺 銀行 六 國 賽 現時 參賽 國家 包括 英格蘭 蘇格蘭 愛爾蘭 威爾斯 法國 及 義 大利 由於 這 六隊 為 歐洲 最 強 的 國家隊 因此 這 項 比賽 的 冠軍 地位 一般 被 視為 等同 歐洲 冠軍 英格蘭 與 義 大利 足球 這 歐洲 兩 強 原定 3 月 27 日 在 英國 溫布 裡 球場 舉行 友誼賽 英格蘭 足協 已 開始 討論 這 場 比賽 是否 照 踢 畢竟 歐洲 足壇 已經 出現 閉門 比賽 以 降低 觀眾 健康 風險 的 先例 另外 在 6 月 於 歐洲 12 座 城市 登場 的 歐洲 國家 杯 前 如何 因應 疫情 衝擊 也 在 討論 之列 原定 3 月 中旬 在 南京 舉行 的 世界 室內 田徑 錦標賽 1 月 就 已經 因 新冠 疫情 而 延期 到 明年 至於 原定 4 月 19 日 舉行 的 2020 年 f 1 中國 大獎賽 日前 已 確定 延後 舉行 但 今年 f 1 賽季 的 前 三 站 包括 澳洲 巴林 和 越南 分別 在 3 月 1522 日 以及 4 月 5 日 舉行 隨 著 新冠 疫情 蔓延 3 個 主辦國 已 面臨 愈來愈 高 的 取消 賽事 威脅</t>
  </si>
  <si>
    <t>歐洲 義 大利 f 1 新冠肺炎</t>
  </si>
  <si>
    <t>立陶宛 疫苗 az 新冠肺炎 臺灣</t>
  </si>
  <si>
    <t>防止 新冠肺炎 擴散 伊朗 釋放 7萬 名 囚犯</t>
  </si>
  <si>
    <t>新冠肺炎 大陸 11 月 3 日 確診 病例</t>
  </si>
  <si>
    <t>新冠肺炎 疫情 仍 在 全球 肆虐 大陸 防疫 專家 國家 衛健 委 高級別 專家組 組長 鍾 南山 院士 團隊 近日 研究 指出 近 一半 的 新冠肺炎 患者 在 入院 時 尚未 出現 發燒 但 隨 著 疾病 進展 887 的 患者 相繼 出現 發燒 因此 僅 依靠 發燒 作為 診斷</t>
  </si>
  <si>
    <t>新冠肺炎 疫情 仍 在 全球 肆虐 大陸 防疫 專家 國家 衛健 委 高級別 專家組 組長 鍾 南山 院士 團隊 近日 研究 指出 近 一半 的 新冠肺炎 患者 在 入院 時 尚未 出現 發燒 但 隨 著 疾病 進展 887 的 患者 相繼 出現 發燒 因此 僅 依靠 發燒 作為 診斷 標準 容易 漏 診 疑 診病 例 大陸 國家 衛健 委 3 月 1 日 公佈 截至 2 月 29 日 大陸 新冠肺炎 累計 死亡 病例 2870 例 累計 報告 確診 病例 79824 例 現有 疑似病例 851 例 新浪 報導 該 團隊 於 美國 時間 28 日 在 國際 頂級 醫學期刊 新英格蘭 醫學雜誌 nejm 線 上 發表 指出 消化道 症狀 包括 噁 心 嘔吐 腹瀉 較為 少見 但 也 指出 在 糞便 胃腸 道 破損 黏膜 出血 處 分離 出新冠 病毒 是 病毒 透過 消化道 傳播 的 證據 提示 社會各界 需要 注意 預防 糞 口 傳播 在 納入 研究 的 1590 名 新冠肺炎 患者 中 研究 團隊 共 發現 399 人 251 有 併發症 130 名 患者 存 在 兩 種 或 兩 種 以上 的 併發症 意味著 研究 群體 中 有 大約 四 分之一 的 人 患 有 併發症 論文 並列第一 作者 的 教授 關 偉 傑 梁文華 何 建行 以及 通訊 作者 鍾 南山 指出 該 研究 首次 收集 全 大陸 的 新冠肺炎 患者 資料 透過 分析 得出 病 死 率 為 14 貼近 大陸 國家 衛健 委 官方 資料 發現 僅 有 19 的 患者 有 直接 接觸 過 野生動物 的 病史 有 313 的 患者 生活 在 武漢 以外 723 的 患者 曾在 近 兩 周 接觸 過 武漢地區 人員 香港 01 報導 鍾 南山 在 2 月 27 日 表示 有 信心 於 4 月底 基本 控制 新冠肺炎 疫情 對此 大陸 中央 指導組 專家組 成員 中國工程院 院士 張伯禮 28 日 受訪 時 表示 基本 同意 鍾 南山 的 觀點 但 看法 更為 樂觀 張伯禮 認為 4 月底 除 湖北 以外 全 大陸 其他 省 市 就 可以 摘 口罩 恢復正常 秩序 不過 張伯禮 直指 此次 疫情 暴露出 疫情 通報 機制 不順 層層 上報 層層 審核 層層 淡化的 問題 因此 類似 這樣 的 疫情 應該 直 報 給 大陸 中央 張伯禮 強調 如果 在 疫情 最初 就 做出 決策 情況 要好 得 多</t>
  </si>
  <si>
    <t>新冠肺炎 印度 bbc 疫情 氧氣</t>
  </si>
  <si>
    <t>義 大利 為 遏止 新冠肺炎 從 10 日 開始 全國 封 城 至今 已 一個 星期 似乎 稍微 看到 成效 義 大利 民事 保護 部門 負責人 新冠 病毒 緊急 委員會 專員 博雷利 angelo borrelli 說 新增 感染 人數 增幅 有 下降 趨勢 他 相信 疫情 拐 點 可能 正</t>
  </si>
  <si>
    <t>義 大利 為 遏止 新冠肺炎 從 10 日 開始 全國 封 城 至今 已 一個 星期 似乎 稍微 看到 成效 義 大利 民事 保護 部門 負責人 新冠 病毒 緊急 委員會 專員 博雷利 angelo borrelli 說 新增 感染 人數 增幅 有 下降 趨勢 他 相信 疫情 拐 點 可能 正 在 到來 路透社 報導 博雷利 在 16 日 的 每日 疫情 通報 中 說 義 大利 的 新冠肺炎 死亡 人數 上升 至 2158 與 昨天 記錄 的 1809 相比 增加 了 349 人 確診 的 感染 的 人數 也 在 增加 全國 染病 人數 為 27980 人 比 昨天 的 24747 人 增加 了 2470 例 增長幅度 13 雖然 如此 但是 博雷利 說 這 是 自 2 月 21 日 疫情 爆 增長幅度 最低 的 數字 所以 他 認為 大利 的 疫 期 已 有 減緩 的 趨勢 預計 未來 幾 天 這 一 趨勢 會 更加 明顯 拐 點 可能 正 在 到來 治癒 的 人數 總計 為 2749 人 高於 昨天 的 2335 人 重症 監護 患者 也 有所 增加 今天 是1851 人 昨天 為 1672 人</t>
  </si>
  <si>
    <t>新冠肺炎 義 大利 確診</t>
  </si>
  <si>
    <t>新冠肺炎 疫情 出現 院內 感染 前 衛生 署長 葉 金川 表示 即便 接下來 院內 感染 受 控 仍 可能 出現 病例 由於 無 症 者 具備 傳播 能力 充滿 高度 不 確定性 疫情 高峰 何時 到 仍 難 估算 接下來 大陸 若 疫情 控制 住 便 會 解禁 封城 面對 一時</t>
  </si>
  <si>
    <t>因為 新冠肺炎 疫情 近日 衛福部 推出 口罩 20 但 並 無 移 工 適用 的 如 越語 印尼語 英語 及 泰語 等 外語 版 移 工 團體 質疑 雖然 推出 口罩 網 購 但 無論 健 保 快易通 app 口罩 購買 網站 均 無 移 工 適用 的 外語 版 也 沒有 方便 移 工 付</t>
  </si>
  <si>
    <t>因為 新冠肺炎 疫情 近日 衛福部 推出 口罩 20 但 並 無 移 工 適用 的 如 越語 印尼語 英語 及 泰語 等 外語 版 移 工 團體 質疑 雖然 推出 口罩 網 購 但 無論 健 保 快易通 app 口罩 購買 網站 均 無 移 工 適用 的 外語 版 也 沒有 方便 移 工 付款 等 方式 呼籲 政府 應 督促 雇主 提供 據 勞動部 統計 截至 去年 年底 全台 移 工 逾 71萬 人 包括 產業 移 工 45萬 餘 人 社 福 移 工 26萬 餘 人 雖然 近期 衛福部 針對 移 工 製作 外語 文 宣 等 但 口罩 取得 仍 不易 目前 口罩 20 提供 的 網路 預購 提供 成人 口罩 成人 口罩 7 天 可 購買 3 片 每 片 5 元 每 筆 訂單 需 自付 7 元 運費 意 謂 22 元可 取得 3 片 口罩 付款 方式 則 包括 轉 帳 信用卡 等 方式 移 工 界 人士 表示 目前 觀察 部分 移 工 外出 會 配戴 口罩 但 仍以 自行 製作 的 布 口罩 為主 而 未 配戴 口罩 的 原因 主要 為 沒有 時間 排隊 購買 等 雖然 政府推出 口罩 20 預購 制度 但 沒有 越語 印尼語 泰語 及 英語 等 外語 版 移 工 自行 操作 上有 困難 再 加上 如 轉 帳 信用卡 等 付款 方式 對 移 工 而言 並不 友善 遑 論到 超 商 領取 呼籲 政府 應 督促 雇主 提供 口罩 給 移 工</t>
  </si>
  <si>
    <t>移 工 口罩 外語 付款 新冠肺炎</t>
  </si>
  <si>
    <t>新冠肺炎 臺灣 抗 菌 布 口罩 標準</t>
  </si>
  <si>
    <t>曹 西平 跨 年 晚會 停辦 新冠肺炎 群 聚 感染</t>
  </si>
  <si>
    <t>新冠肺炎 疫情 持續 延 燒 避免 可能 的 群 聚 感染 屏 東 基督教 醫院 與 國小 防疫 中心 宣導 學校 仁愛 國小 合作 安排 畢業 後 第 1 年 的 住院 醫師 前往 學校 及 社區 宣導 正確 防疫 知識 趁勢 培訓 社區 防疫 小 尖兵 9 位 分別 來自 成大 醫院 奇 美 醫</t>
  </si>
  <si>
    <t>新冠肺炎 臺灣 屏基 仁愛 國小 勤洗手</t>
  </si>
  <si>
    <t>新冠肺炎 疫情 以來 各家 診所 業績 雪崩 式 減少 尤以 耳鼻喉科 及 牙科 最 多 跌 了 5 成 以上 基層 診所 反映 防護 相關 設備 不足 無法 因應 未來 大規模 社區 傳播 臺灣 麻醉 科 醫學會 理事長 陳坤堡 指出 他 親眼看到 很多 醫師 在</t>
  </si>
  <si>
    <t>新冠肺炎 疫情 以來 各家 診所 業績 雪崩 式 減少 尤以 耳鼻喉科 及 牙科 最 多 跌 了 5 成 以上 基層 診所 反映 防護 相關 設備 不足 無法 因應 未來 大規模 社區 傳播 臺灣 麻醉 科 醫學會 理事長 陳坤堡 指出 他 親眼看到 很多 醫師 在 演練 執行 插管 時 就 只 穿 著 普通 隔離 衣 萬一 患者 咳嗽 噴出 飛 沫 就 會 沾染到 病毒 因此 醫學會 只好 自我 救濟 研 擬 降低 插管 感染 風險 麻醉 醫學會 發 佈 建議書 希望 提供 給 各 醫院 一 套 安全 的 流程 建議 插管 風險 盼 有 安全 建議 彰 化 縣 鹿港鎮 豐 安 診所 院長 蔡明忠 指出 任何 疫情 產生 會 有 民眾 擔心 的 效應 包括 擔心 而 不敢 看病 或 害怕 看病 引發 更 大 感染 導致 游離 現象 且 民眾 對 病毒 的 自我 認知 強烈 讓 診所 面臨 更 大 的 看 診 麻煩 一家 基層 診所 每月 基本 支出 約 230萬 元 診所 醫師 林應然 認為 sars 疫情 只 有 幾 個 月 影響 而 新冠肺炎 應會 拖 很 久 基層 診所 的 呼籲 只是 未雨綢繆 希望 政府 在 紓困 專案 中 提供 基層 診所 補助 甚至 支 助 未來 遭到 隔離 的 診所 否則 會 有 診所 被迫 關門 蔡明忠 強調 經濟 壓力 是 其次 反而 社會 壓力 與 醫師 面對 生死 交關 的 問題 影響 最 大 這 代表 醫療 端的 付出 應受 各界 關心 與 支持 現在 基層 院所 更 擔心 設備 不足以 預防 病毒 政府 應 根據 疫情 發展 程度 提供 不同 裝備 以 對 抗 病毒 防護 不足 籲 中央 當 靠山 基層 診所 需要 政府 告知 什麼 流程 才能 順利 處理 病人 達到 分流 效果 蔡明忠 說 新冠肺炎 變異 方式多 病情 變化 大 政府 要 絕對 支持 基層 醫療 臨床 診治 如果 衍生 民眾 對 醫療 的 誤解 政府 要 當 基層 醫療 的 靠山 這 比 發給 防疫 裝備 更 重要 蔡明忠 指出 當 基層 醫療 有 防疫 裝備 有 足夠 心靈 支持 與 法律 協助 臺灣 的 基層 醫療 會 在 這 場 嚴峻 的 病毒 戰爭 中 成為 一道 堅強 的 防線 臺灣 的 防疫 體系 才能 完整</t>
  </si>
  <si>
    <t>2020 東京 奧運 因為 新冠肺炎 大 流行 從 今年 7 月 延到 明年 7 月 23 日 但是 疫情 至今 尚未 受到 控制 也 依舊 影響 許多 國際 賽事 進行 不過 國際 奧 會 ioc 副 主席 柯提斯 john coates 表示 不論 有 沒有 新冠肺炎 疫情 東京 奧運 明年 仍</t>
  </si>
  <si>
    <t>2020 東京 奧運 因為 新冠肺炎 大 流行 從 今年 7 月 延到 明年 7 月 23 日 但是 疫情 至今 尚未 受到 控制 也 依舊 影響 許多 國際 賽事 進行 不過 國際 奧 會 ioc 副 主席 柯提斯 john coates 表示 不論 有 沒有 新冠肺炎 疫情 東京 奧運 明年 仍 會 舉行 柯提斯 向 法新社 證實 2020 東京 奧運會 在 明年 7 月 23 日 開始 並 形容 東奧 是 擊敗 新冠肺炎 的 比賽 柯提斯 補充 比賽 會 有 自己 的 主題 原本 東京 奧運 要以 2011 年 日本 地震 及 海嘯 災難 之後 象徵 日本 重建 的 大賽 柯提斯 補充 現在 東京 奧運 就 會 是 擊敗 新冠 病毒 的 比賽 是 陰暗 通道 後 的 光芒 東京 奧運 籌備 委員會 秘書長 武藤敏郎 在 7 月份 表示 這次 東京 奧運 規模 可能 會 限制 觀眾 人數 但 會 儘量避免 完全 閉門 進行 屆時 是否 有 疫苗 也 不是 辦 比賽 的 先決條件 但 如果 疫苗 問世 絕對 是 很 大 的 幫助 國際 奧 會 主席 巴赫 thomas bach 說 過 要 讓 一個 動輒 出動 3000 到 5000 人 的 大型 賽事 並 讓 各國 際 協會 在 每年 不斷 修改 行程 是 很 困難 的 因此 假如 2021 年 還 是 辦 不了 那 就 不 會 再 延期 而 在 2020 東京 奧運 延 賽前 奧運 史 上有 過 兩 次 因為 戰爭 取消 但 這 是 第一 次 延期</t>
  </si>
  <si>
    <t>美國 4百萬 確診 新冠肺炎 疫情</t>
  </si>
  <si>
    <t>金融 海嘯 摩爾 投 顧 分析 師 鐘崑禎 新冠肺炎</t>
  </si>
  <si>
    <t>美國 衛生部長 阿劄爾 新冠肺炎</t>
  </si>
  <si>
    <t>接種 首 劑 疫苗 後 巴基斯坦 總統 確診 新冠肺炎</t>
  </si>
  <si>
    <t>雙鐵 防疫 規範 鬆綁 佩戴 口罩 新冠肺炎</t>
  </si>
  <si>
    <t>陳其邁 新冠肺炎 若 傳 9 次 即 26萬 人 確診</t>
  </si>
  <si>
    <t>陝西 新冠肺炎 患者 康復 218 例 治癒率 889</t>
  </si>
  <si>
    <t>大陸 陝西省 衛生 健康 委員會 4 日 表示 截至 4 日 8 時 全省 確診 的 245 例 病例 已 治癒 出 院 218 例 治癒率 889 陝西 先後 修訂 完善 醫療 救治 診療 方案 和 流程圖 制定 執行 新冠肺炎 病例 轉運 工作 方案 重型 及 危重 型 患者 轉 診 工作 方</t>
  </si>
  <si>
    <t>大陸 陝西省 衛生 健康 委員會 4 日 表示 截至 4 日 8 時 全省 確診 的 245 例 病例 已 治癒 出 院 218 例 治癒率 889 陝西 先後 修訂 完善 醫療 救治 診療 方案 和 流程圖 制定 執行 新冠肺炎 病例 轉運 工作 方案 重型 及 危重 型 患者 轉 診 工作 方案 出院 標準 及 出院 流程 和 新冠肺炎 患者 遺體 處置 工作 指引 等 同時 陝西 嚴格 實行 分類 救治 將 重型 及 危重 型 患者 全部 集中 在 省級 定點 的 唐都醫院 救治 兒童 患者 集中 在 西安市 第 八 醫院 西安市兒童醫院 救治 孕產婦 患者 集中 在 西安交通大學 第一 二 附屬 醫院 救治 外籍 患者 集中 在 西安交通大學 第一 附屬 醫院 救治 此外 陝西 建立 遠端 醫療 服務 和 指揮系統 利用 網路 連結 市縣 救治 指揮部 和 定點醫院 由 省級 專家 線上 指導 堅持 每天 與 定點醫院 即時 互動 及時 瞭解 全省 患者 特別 是 危重症 重症 確診 病例 救治 情況 及時 分析 病情 研討 完善 救治 方案 群策群力 提高 治療效率 據 瞭解 陝西 制定 完善 符合 省 情 的 新冠肺炎 中醫藥 預防 方案 和 治療 方案 建立 中西醫 結合 診療 機制 會 診 制度 及 專家 包 市制 度 截至 目前 全省 245 名 確診 病例 有 229 例 接受 中藥 治療 中醫藥 參與 治療率 達到 935</t>
  </si>
  <si>
    <t>新冠肺炎 中國 大陸 delta 隔離 封城</t>
  </si>
  <si>
    <t>美國 藥廠 雷傑納隆 regeneron pharmaceuticals 11 日 週四 宣佈 用於 預防 與 治療 新冠肺炎 的 抗體 藥物 已 在 全美 多 處 地 點 的 患者 進行 測試 此為 新冠肺炎 抗體 雞尾酒 療法 在 美國 首度 進入 臨床實驗 一旦 試驗 成功 雷傑納隆</t>
  </si>
  <si>
    <t>美國 藥廠 雷傑納隆 regeneron pharmaceuticals 11 日 週四 宣佈 用於 預防 與 治療 新冠肺炎 的 抗體 藥物 已 在 全美 多 處 地 點 的 患者 進行 測試 此為 新冠肺炎 抗體 雞尾酒 療法 在 美國 首度 進入 臨床實驗 一旦 試驗 成功 雷傑納隆 預計 今 秋 就 可 上市 雷傑納隆 表示 臨床實驗 已 自 週三 啟動 主要 針對 四 個 族群 進行 抗體 雞尾酒 的 測試 第 一個 族群 是 新冠肺炎 的 住院 患者 第二 是 症狀 較 輕微 未 住院 的 新冠肺炎 患者 第 三 是 身體健康 但 可能 感染 的 高風險 群 例如 醫療 人員 第 四 是 身體健康 但 與 感 染病 患 密切接觸 者 例如 患者 親友 該 藥廠 指出 此次 實驗 除了 瞭 解 抗體 雞尾酒 的 療效 之外 還 將 研究 此 藥物 是否 具有 預防 感染 的 效果 雷傑納隆 共同 創辦 人 暨 科學 長 楊 科普洛斯 george yancopoulos 指出 如果 實驗 進行 順利 我們 將 在 一 周 或 兩 周內 進入 第二 階段 接著 大約 一個 月 左右 的 時間 我們 就 能 取得 此 藥 是否 具有 效果 的 明確 資料 在 夏季 結束 之前 我們 可 針對 藥物 廣泛 使用 後 的 成效 擁有 充 份 的 資料 他 提及 我們 打造 獨一無二 的 抗 病毒 抗體 雞尾酒 預期 將 預防 以及 治療 新冠 病毒感染者 同時 還 可 防止 病毒 竄逃 期望 將 作為 遏止 全球 疫情 的 關鍵 預防措施 目前 全世界 需要 多 種 解決 方法 生物製藥 業 致力 共同努力 利用 各種 不同 的 互補 措施 盡可能 地 幫助 更 多 的 人 雷傑納隆 名 為 regn-cov 2 的 藥物 內含 一個 由 該 公司 製造 的 抗體 及 另 一個 由 新冠 病毒 康復者 身上 取得 的 抗體 將 兩者 結合 病毒 的 棘 突 蛋白 spike protein 限制 病毒 擴散 能力 新冠 病毒 肆虐 全球 藥廠 無不 積極 研發 治療 藥物 雷傑納隆 並 非 第一 家 新冠 病毒 抗體 療法 進入 人體實驗 的 企業 禮 來 藥廠 eli lilly 和 abcellera 合作開發 的 新冠 病毒抗體 治療 已於 6 月 1 日 展開 臨床實驗</t>
  </si>
  <si>
    <t>新冠肺炎 疫情 擴散 歐亞 美洲 都 受到 嚴重 衝擊 如今 病毒 更 將 觸手 延伸 至 非洲 當地 時間 3 月 20 日 我 前 邦交國 布吉納法索 繼 國會 副 議長 龔保雷 病逝 後 宣佈 4 名 部長 同日 確診 新冠肺炎 目前 該國 已 累計 40 例 確診 綜合 陸媒 報導</t>
  </si>
  <si>
    <t>新冠肺炎 部長 布吉納法索 邦交國 貝瑞</t>
  </si>
  <si>
    <t>范雲 王鴻薇 新冠肺炎 臺灣</t>
  </si>
  <si>
    <t>新冠肺炎 疫情 持續 蔓延 預防 停課 不 停學 台中 市 教育局 建置 線 上 教學系統 台中 市 霧峰 區 率先 響應 號召 企業 團體 捐贈 平板 電腦 益生 獅子 會 回應 20 日 捐贈 30 台 協助 霧峰 區 國 中小 弱勢 學生 于 停課 期間 仍 可 在家 持續 學習</t>
  </si>
  <si>
    <t>新冠肺炎 疫情 持續 蔓延 預防 停課 不 停學 台中 市 教育局 建置 線 上 教學系統 台中 市 霧峰 區 率先 響應 號召 企業 團體 捐贈 平板 電腦 益生 獅子 會 回應 20 日 捐贈 30 台 協助 霧峰 區 國 中小 弱勢 學生 于 停課 期間 仍 可 在家 持續 學習 弭 平 數位 學習 落差 教育局長 楊振升 表示 中 市 教育局 之 防疫 政策 超前 部署 線 上 教學 停課 不 停學 5 月 1 號 起 將 進行 全市 各級 學校 測試 停課 不 停學 是 最壞 的 打算 但 我們 必須 做好 充足 的 準備 經 全面 調查 全市 各級 學校 後 屬 低收入 戶 且 家中 無 平板 之 學生 數 約 2800 餘 位 感謝 社會各界 踴躍 捐贈 平板 給 學校 讓 台中 市 弱勢 學生 能夠 透過 線 上 學習 維持 學習 進度 益生 獅子 會長 陳又 榛 表示 從 霧峰 區長 陳宗祈 處 得知 霧峰 區屬 低收入 戶 且 家中 無 平板 之 學生 登記 有 67 位 經 扣除 教育局 提供 及 各界 捐贈 的 平板 後 尚 缺少 30 台 於是 號召會員 踴躍 捐贈 補足 剩 餘 的 缺口 讓 霧峰 地區 窮苦人家 的 學子 也 能 無憂無慮 的 線 上 學習 感謝 益生 獅子 會 的 善心 義舉 台中市政府 20 日 在 霧峰 區裡 長 聯合 服務 中心 舉行 行動 學習 設備 平板 電腦 捐贈 儀式 會後 此 批 平板 電腦 由 光復 國 中小 洪 瑞 濱 校長 代為 統籌規劃 出借 且 防疫 結束 後 將 直接 捐 贈予 霧峰 區 國 中小學 家中 無 電腦 或 平板 的 弱勢 家庭 學子 希望 能 確保 在 平等 環境 下 就學 讓 愛心 綿延不斷 地 挹注 提供 更 多 元 的 學習 資源</t>
  </si>
  <si>
    <t>新冠肺炎 線 上 教學 停課 不 停學 平板 電腦 捐贈</t>
  </si>
  <si>
    <t>新冠肺炎 已經 攻陷 歐洲 多國 其中 又 以 義 大利 疫情 最為 嚴重 擔憂 歐元區 經濟 恐 將 受到 重創 投資者 押 注 歐洲央行 ecb 7 月 降 息 的 機 率 已 攀升 到 50 隔夜 與 遠期 eonia 利率 的 利差 多 被 外界 視為 觀察 投資者 如何 預期 ecb 利率 曲</t>
  </si>
  <si>
    <t>新冠肺炎 已經 攻陷 歐洲 多國 其中 又 以 義 大利 疫情 最為 嚴重 擔憂 歐元區 經濟 恐 將 受到 重創 投資者 押 注 歐洲央行 ecb 7 月 降 息 的 機 率 已 攀升 到 50 隔夜 與 遠期 eonia 利率 的 利差 多 被 外界 視為 觀察 投資者 如何 預期 ecb 利率 曲線 的 重要 指標 從 週一 的 利差 變化 來看 投資者 押 注 ecb 在 7 月 將 利率 下調 10 個 基點 的 機 率 已 從 一 周 前 的 35 升高 到 50 然而 該 變化 也 反映 市場 對 歐洲 利率 的 預測 從 年初 至今 已 呈現 戲劇性 的 逆轉 年初 由於 歐洲 經濟 資料 逐漸 持 穩 引發 外界 預測 ecb 可能 將 從明年起 開始 調升 利率 此外 義 大利 疫情 在 短短 幾 日 出現 大 爆發 也 令 歐元 不支倒地 歐洲 週一 24 日 盤中 重 貶 03 到 10805 美元 逼近 上周 創下 10778 美元 的 近 三 年 低點 截至 目前 義 大利 不僅 淪為 歐洲新冠肺炎 疫情 最 嚴重 的 國家 並 也 成為 亞洲 以外 的 最 大 疫區 到 週一 為止 該國 感染 人數 已 飆 升到 219 人 並 有 5 人 死亡 由於 該 疫情 已 出現 失控 其中 又 以 北部 的 倫巴 底 lombardy 與 威 內托 veneto 最為 嚴重 為 遏止 病毒 持續 對外 擴散 義 大利 政府 已 緊急 下令 封鎖 這 兩 大 地區 境內 11 座 城鎮 封城 措施 可能 持續 數 周 義 大利 足球 甲級聯賽 賽事 與 威尼斯 的 嘉年華 活動 也 都 因 此 被迫 延期 與 取消 另外 鄰國 也 不敢 掉以輕心 周日 往來 奧地利 與 義 大利 的 火車 有 兩 名 乘客 出現 發燒 症狀 憂心 可能 有 肺炎 感染 風險 奧地利 立即 暫停 與 義 大利 通車 直到 乘客 檢測 結果 為 陰性 後 兩 國才 又 恢復 通車 不過 義國 疫情 雖然 嚴峻 已為 無 邊界 的 申根 區域 帶來 極大 威脅 但 歐洲 執委會 週一 表示 歐盟 現今 並 沒有 計畫 要 對 申根 地區 實行 旅遊 限制 不過 它 也 強調 將 會 密切 關注 疫情 變化 並 擬定 多 項 應變 措施</t>
  </si>
  <si>
    <t>新冠肺炎 嚇 跑 外資 據 金管會 5 日 發佈 最新 統計 僑 外資 與 陸資 在 2 月 共 淨 匯 出 38967億 美元 約合 新 台幣 1182億 元 創 半 年 來 單月 最 大 淨 匯 出 2 月底 僑 外資 及 陸資 淨 匯入 餘 額 為 2109928億 美元 即 還有 近 新 台幣 6 4 兆元 的 外</t>
  </si>
  <si>
    <t>新冠肺炎 嚇 跑 外資 據 金管會 5 日 發佈 最新 統計 僑 外資 與 陸資 在 2 月 共 淨 匯 出 38967億 美元 約合 新 台幣 1182億 元 創 半 年 來 單月 最 大 淨 匯 出 2 月底 僑 外資 及 陸資 淨 匯入 餘 額 為 2109928億 美元 即 還有 近 新 台幣 64 兆 元 的 外資 資金 留在 國內 2019 年 7 月 及 8 月 外資 分別 淨 匯 出 近 339億 美元 及 649億 美元 之後 外資 都 是 一路 淨 匯入 即便 今年 元月 外資 也 是 淨 匯入 近 129億 美元 但 農曆年 後 新冠肺炎 疫情 升溫 外資 2 月 有 較 明顯 反應 2 月 淨 匯 出 近 39億 美元 即 去年 9 月 以來 的 單月 最 大 淨 匯 出</t>
  </si>
  <si>
    <t>外資 淨 匯 出 淨 匯入 新冠肺炎 僑 外資</t>
  </si>
  <si>
    <t>陳時中 bnt 新冠肺炎 疫苗 臺灣 東洋</t>
  </si>
  <si>
    <t>臺灣 新冠肺炎 志 工 疫苗 肝病 防治 學術 基金會</t>
  </si>
  <si>
    <t>大陸 國家 衛健 委 12 日 公佈 11 日 新增 81 例 新冠肺炎 確診 病例 其中 61 例 為 本土 病例 江蘇 占 38 例 湖北 10 例 湖南 7 例 河南 和 雲南 各 3 例 上 月底 剛遇 暴雨 侵襲 的 河南 鄭州市 本輪 疫情 未 見 底 不少 鄭州 市民 希望 疫情 能夠 早日 結</t>
  </si>
  <si>
    <t>大陸 國家 衛健 委 12 日 公佈 11 日 新增 81 例 新冠肺炎 確診 病例 其中 61 例 為 本土 病例 江蘇 占 38 例 湖北 10 例 湖南 7 例 河南 和 雲南 各 3 例 上 月底 剛遇 暴雨 侵襲 的 河南 鄭州市 本輪 疫情 未 見 底 不少 鄭州 市民 希望 疫情 能夠 早日 結束 回歸 正常 生活 除 新增 本土 病 例外 大陸 過去 一 日 新增 20 例 境外 輸入 確診 病例 分別 為 上海 廣東 和 雲南 5 例 廣西 3 例 福建 四川 各 1 例 同日 新增 38 例 無 症狀 感染 病例 湖北 和 浙江 分別 報告 10 和 1 例 本地 個案 其 餘 27 例 為 境外 輸入 至今 大陸 累計 94161 人 確診 當中 4636 人 病亡 河南 前 一 日 新增 確診 病例 全部 來自 鄭州 該省 仍 有 137 例 新冠 相關 住院 個案 鄭州市 新冠肺炎 疫情 防控 領導小組辦公室 11 日 晚 發 通告 自 12 日 下午 2 時 開始 市內 開展 第二 輪 重點 人群 核酸 檢測 預計 13 日中 午前 完成 當地10 日 起 進行 的 第一 輪 重點 人群 核酸 檢測 累計 採樣 逾 62萬 人 截至 11 日 上午 11 時從約 40萬 人 的 檢測 樣本 中 驗 出 2 人 受 感染 均 為 集中 隔離 者</t>
  </si>
  <si>
    <t>新冠肺炎 大陸 鄭州 疫情 暴雨</t>
  </si>
  <si>
    <t>蓬佩 奧 大量 證據 顯示 新冠肺炎 始於 武漢 實驗室</t>
  </si>
  <si>
    <t>美國 國務卿 蓬佩 奧 3 日 在 美國廣播公司 abc 節目 上 表示 有 大量 證據 顯示 新冠肺炎 疫情 始 於 中國 大陸 武漢 的 一個 實驗室 蓬 佩奧 在 節目 中 說 我 可以 告訴 你們 有 大量 證據 顯示 這 新冠肺炎 來自 武漢 的 那個 實驗室</t>
  </si>
  <si>
    <t>美國 國務卿 蓬佩 奧 3 日 在 美國廣播公司 abc 節目 上 表示 有 大量 證據 顯示 新冠肺炎 疫情 始 於 中國 大陸 武漢 的 一個 實驗室 蓬 佩奧 在 節目 中 說 我 可以 告訴 你們 有 大量 證據 顯示 這 新冠肺炎 來自 武漢 的 那個 實驗室 他 還 說 這 已經 不是 第一 次 世界 因為 中國 一個 實驗室 的 失誤 而 暴露 在 病毒 之下 了 蓬佩 奧 直指 中國政府 拒絕 讓 其它 國家 科學家 獲得 瞭 解 實情 的 途徑 蓬 佩奧 並未 宣稱 新冠肺炎 病毒 是 人 造 的 但 他 贊同 美國 國家情報總監辦公室 某 一 報告 的 結論 該 報告 排除 了 新冠 病毒 為 基因 改造 或 人造 的 可能 蓬 佩奧 拒絕 對 中國 大陸 是否 故意 釋放 病毒 做出 評論</t>
  </si>
  <si>
    <t>蓬佩 奧 實驗室 證據 顯示 新冠肺炎 中國 大陸</t>
  </si>
  <si>
    <t>陸 俄 陸路 邊境 口岸 人員 通道 在 8 日 晚間 已 都已 臨時 關閉 當中 包含 俄羅斯 濱海 邊疆區 與 陸方 間 波 格拉尼奇內 綏芬河 克拉斯基諾 琿春 波爾塔夫卡 東寧 三 對 陸 俄 公路 客運 口岸 關閉 通過 陸 俄 陸路 邊境 輸入 大陸 的 新冠肺炎 確診 病</t>
  </si>
  <si>
    <t>北 韓 領導人 金正恩 17 日 宣佈 北 韓 已經 成功 撐過 這次 新冠肺炎 威脅 締造 境內 零 確診 紀錄 但 西方 懷疑 其 隱瞞 疫情 南韓 媒體 引述 知情 人士 爆 料 北 韓 至少 有 3 人 因 新冠肺炎 遭 槍斃 包括 一 名 確診 病例 北 韓 自大 陸 爆發 疫情</t>
  </si>
  <si>
    <t>臺灣 新冠肺炎 鎖國 陳時中 紐約時報</t>
  </si>
  <si>
    <t>nba 新冠肺炎 疫情 影響 七六 人 球 團 減 薪 20</t>
  </si>
  <si>
    <t>新冠肺炎 在 多國 蔓延 投資人 擔憂 疫情 影響 經濟衰退 美 股 28 日 早 盤 跌 逾 千 點 本 周 已 跌 約 4000 點 連 7 個 交易日 下挫 28 日 南韓 日本 及 中國 大陸 等 亞太 七大 股市 全 跌入 修正 領域 美 股 道 瓊 工業 指數 連日 恐慌 開盤 再度 大跌 約 8</t>
  </si>
  <si>
    <t>新冠肺炎 在 多國 蔓延 投資人 擔憂 疫情 影響 經濟衰退 美 股 28 日 早 盤 跌 逾 千 點 本 周 已 跌 約 4000 點 連 7 個 交易日 下挫 28 日 南韓 日本 及 中國 大陸 等 亞太 七大 股市 全 跌入 修正 領域 美 股 道 瓊 工業 指數 連日 恐慌 開盤 再度 大跌 約 800 點 且 跌勢 仍 在 持續 外界 認為 全球股市 本 周 跌幅 可能 面臨 2008 年 金融危機 以來 最糟 單 周 走勢 美 股 三大 指數 28 日 早 盤續 跌 逾 4 道 瓊 指數 盤中 一度 跌 逾 千 點 跌破 25000 點 收 2540936 點 本 周 累計 跌 約 4000 點 那斯 達克 綜合 指數 盤中 一度 跌 35 收 856737 點 史坦普 500 指數 下跌 2454 點 收 259422 點 創下 2011 年 8 月 以來 最 大 單日 跌幅 道 瓊 指數 單周 下跌 超過 12 是 2008 年 金融危機 來 最 大 單 周 跌幅 日本 南韓 中國 大陸 香港 澳洲 新加坡 泰國 等 亞太 七大 股市 難 逃 賣壓 相繼 跌入 修正 領域 日經指數 昨日 終場 跌 逾 805 點 單周 累計 跌 逾 2200 點 印尼 菲律賓 股市 瀕臨 熊市 歐 股 普遍 跌 逾 3 道 瓊 歐洲 stoxx 600 指數 德 股 也 相繼 下跌 全球股市 市值 自 1 月 20 日 以來 至少 已 蒸發 6 兆 美元 更 多 ctwant 報導</t>
  </si>
  <si>
    <t>全球股市 美 股 千 點 南韓 新冠肺炎</t>
  </si>
  <si>
    <t>新冠肺炎 期間 賽事 延期 或 取消 國家隊 選 仍 在 國家 運動 訓練 中 內 專 備戰 21 日 下午 藉 著 訓練 空擋 前 世界排名 第 8 的 桌 球 姊 鄭怡靜 與 世界排名 21 的 跨欄 哥 陳傑 破天荒 交流 雙 當起 彼此 的 教練 將 的 專業 傾囊相授 鄭怡</t>
  </si>
  <si>
    <t>新冠肺炎 期間 賽事 延期 或 取消 國家隊 選 仍 在 國家 運動 訓練 中 內 專 備戰 21 日 下午 藉 著 訓練 空擋 前 世界排名 第 8 的 桌 球 姊 鄭怡靜 與 世界排名 21 的 跨欄 哥 陳傑 破天荒 交流 雙 當起 彼此 的 教練 將 的 專業 傾囊相授 鄭怡靜 表示 國 有 參加 過 徑 比賽 經驗 也 因為 疫情 關係 有 機會 可以 嘗試 不同 的 運動 這 是 她 第 次 學習 跨欄 陳傑 告訴 她 跨欄 是 個 需要 節奏感 和 協調 這 點 和 桌 球 有點像 也 能 練習 到 些 平時 比較 練 不 到 的 肌 真的 是 很 特別 的 次 經驗 陳傑 也 說 我 時候 也 有 打 有 打過 幾 次 桌 球 趁 著 這 段 沒 比賽 的 期間 來 跟 姊 學習 桌 球 重視 橫向 移動 眼 協調 還有 旋轉 的 爆發 跟 徑 還 蠻 不 樣 的 在 姊 的 教導 之下 我 的 殺球 變 得 比較 有 速度 了 來回 也 可以 多 打 好幾 拍 姊 除了 是 個 好 選 還 是 個 好 教練 最後 雙方 分別 給 了 對 評價 鄭怡靜 說 傑 哥 第 次 上 打 就 可以 連續 對打 20 個 簡直 是 武林 陳傑 也 回應 姊 不愧 是 世界級 的 起跑 後 7 步 跨欄 的 式 說 就 懂 協調 性 和 過 欄 都 做 得 很 好 跨 三 個 欄 輕輕鬆松 我 都 懷疑 是不是 給 她 的 難度 太 低 了 真是 萬 中選 的 奇才</t>
  </si>
  <si>
    <t>桌 球 跨欄 陳傑 鄭怡靜 新冠肺炎</t>
  </si>
  <si>
    <t>歷經 一波三折 第二 批 武漢 包機 昨晚 終 返台 共有 361 人 返台 國民 黨團 首席 副 書記長 林 奕華 說 兩岸 應在 此次 包機 模式 基礎 上 盡 速 磋商 第 三 批 返台 包機 名單 讓 欲 返台 者 提前準備 國民黨 立 委 鄭正鈐 表示 政府 應 基於 人道 考量 讓 願意 返台 的 國人 以 輕鬆 方便 無 太 大 負擔 的 方式 回來 對於 二 次 包機 一波三折 才 成行 鄭正鈐 說 兩岸 溝通 不 順暢 缺乏 互信 基礎 的 情況 下 加深 共同 合作 一 件 事情 的 困難性 加上 新冠肺炎 疫情 攀升 彼此 都 處於 高度 緊張狀態 就 會 有 更 多 不 協調 產生 國民 黨團 首席 副 書記長 林 奕 華表 示 二 次 包機 中 有些 人 沒有 登機 不是 不 願意 回來 而是 措手不及 近日 兩岸 從 原先 政治 考量 到 各 退一步 才 促成 二 次 包機 成行 林 奕華 說 既然 兩岸 已 確定 包機 的 模式 未來 就 能 更 穩定 地 確定 滯留 湖北 台人 的 人數 同時 考量 臺灣 的 防疫 能量 儘快 磋商 第 三 批 返台 包機 名單 讓 欲 返台 者 提前準備 檢測 報告 避免 又 錯失 搭 機 機會</t>
  </si>
  <si>
    <t>包機 兩岸 林奕華 磋商 新冠肺炎</t>
  </si>
  <si>
    <t>全球 頂尖 科學家 正在 與 時間 賽跑 加速 研發 新冠 疫苗 哈佛大學 團隊 最新 研究 指出 新冠肺炎 可能 像 季節 型 流感 一樣 傳播 如果 立即 取消 社交 疏離 措施 可能 使 疫情 惡化 社交 疏離 措施 必須 持續 至 2022 年 這 段 期間 病毒 可能 突</t>
  </si>
  <si>
    <t>全球 頂尖 科學家 正在 與 時間 賽跑 加速 研發 新冠 疫苗 哈佛大學 團隊 最新 研究 指出 新冠肺炎 可能 像 季節 型 流感 一樣 傳播 如果 立即 取消 社交 疏離 措施 可能 使 疫情 惡化 社交 疏離 措施 必須 持續 至 2022 年 這 段 期間 病毒 可能 突變 疫情 也 驅動 人類 不斷創新 找 出 解方 歷史 上 戰爭 往往 促進 科技 大躍進 例如 第一次世界大戰 促使 航空 科技 創新 第二次世界大戰 使得 電腦 雷達 半導體 通訊 等 科技 大 突破 防疫 如同 作戰 這次 臺灣 在 防疫 上 超前 部署 行政院 數位 政委 唐鳳 與 民間 網路 高手 共同 打造 網路 購買 口罩 平臺 口罩 地圖 民眾 可以 透過 網路 預購 在 便利商店 取 貨 方便 上班族 選購 臺北市政府 與 科技 部 健 保 署 合作 推出 口罩 販賣機 只要 插入 健 保 卡 不 到 1 分鐘 完成 採購 提供 民眾 另 類 選擇 從 e-mask 口罩 預購 平臺 口罩 地圖 到 口罩 販賣機 都是利 用 科技 創新 提升 公共服務 品質 的 成功 案例 創新 公共服務 上路 初期 可能 因 系統 穩定度 不足 流量 超載 而 出現 許多 問題 但 系統 開發者 依 使用者 回 饋 而 改進 或 透過 巧妙 規 畫 分流 避免 超載 而 當 機 不斷 修正 與 精進 口罩 預購 功能 也 將 大幅 提升 新冠 疫情 在 全球 造成 逾 13萬 人 死亡 迫使 各國 政府 採取 積極 防疫 措施 同時 加速 公共服務 創新 以 英國 為 例 為 避免 慢性病 患 就醫 遭 感染 遠 距 醫療 服務 大量 增加 經濟學 人 指出 英國皇家 全科 醫學院 主席 馬歇爾 表示 以往 看 診 9 成是病 患 親 赴 醫院 現在 醫院 風險 較 高 大約 9 成 改為 遠 距 醫療 成長 速度 驚人 新冠 疫情 同時 加速 司法 系統 數位化 經濟學 人 指出 英國 在 2016 年 曾 推動 司法 系統 數位化 引進 視 訊 法庭 不過 進度緩慢 這次 新冠 疫情 大 爆發 許多 法院 聽證會 改 采 視 訊 最高法院 已 全面 采 視 訊 進行 新冠肺炎 重創 全球 經濟 在 社交 疏離 政策 下 讓 數位 經濟 更加 火紅 包括 醫療 保健 科技 網 購 電 商 等 相關 產業 前景 看好 以 客服 中心 為 例 南韓 曾 有 客 服 中心 爆發 群 聚 感染 如今 許多 客服 中心 允許 員工 在家 工作 在 防疫 優先 的 大 原則 下 許多 企業 採取 視 訊 會議 大幅 降低 人員 出差 洽 公 的 交通 食宿 成本 同時 也 大幅 降低 碳 排放量 新冠肺炎 宛如 照妖鏡 映照 人類 的 貪婪 與 自私 但 也 加速 政府 與 民間 的 創新 面對 狡猾 的 新冠 病毒 政府 與 民間 企業 應 把握 契機 利用 創新 科技 加速 提升 公共服務 品質</t>
  </si>
  <si>
    <t>系統 許多 新冠肺炎 社交 疏離 不 斷</t>
  </si>
  <si>
    <t>新冠肺炎 臺灣 恒 春 包棟 彰 化</t>
  </si>
  <si>
    <t>台南 首 設 新冠肺炎 貨櫃 采 檢 站 今 啟用 黃偉哲 安全 有效率</t>
  </si>
  <si>
    <t>因應 新冠肺炎 疫情 延 燒 台南 市 衛生局 斥資 40萬 打造 首 座 貨櫃 采 檢 屋 設立 於 傳染病 應變 醫院 衛生 福利 部 台南 醫院 減輕 前線 急診 檢疫 人員 負擔 解決 民眾 就醫 久候 及 改善 戶外 采 檢 環境 品質 貨櫃 屋 采檢 站 為 戶外 獨立 采 檢 空間</t>
  </si>
  <si>
    <t>新冠肺炎 肆虐 包含 陸生 在內 境外 生 多 已 表明 留 台 過 新年 學子 透露 確實 很 想 家 每晚 都 與 家人 視 訊 只 能 以 網路 視 訊 互 吐 思念 遙遙無期 的 歸途 讓 他們 備感 煎熬 另 也 有 極 少數 境外 生 堅持 返鄉 過年 卻 又 無法 接受 往返 隔離</t>
  </si>
  <si>
    <t>新冠肺炎 肆虐 包含 陸生 在內 境外 生 多 已 表明 留 台 過 新年 學子 透露 確實 很 想 家 每晚 都 與 家人 視 訊 只 能 以 網路 視 訊 互 吐 思念 遙遙無期 的 歸途 讓 他們 備感 煎熬 另 也 有 極 少數 境外 生 堅持 返鄉 過年 卻 又 無法 接受 往返 隔離 費用 昂貴 兩 種 反應 呈現 境外 學子 身處 疫 期 的 進退維谷 回家 與否 都 困難 受 疫情 影響 各 大學 幾乎 都 建議 境外 生 不要 回家 過年 為 平復 學子 思鄉 心情 世新大學 舉辦 境外 生 與 陸生 餐會 甚至 校內 師生 也 邀 境外 生 吃 年夜飯 文化 大學 則 安排 包 水餃 或 煮 湯圓 等 活動 讓 境外 生 感受 年味 不過 談到 無法 回家 學子 都深 有所 感 來自 馬來西亞 的 蕭文翰 為 世新大學 公 廣系大 二 學生 身 兼 世新大學 境外 聯誼會 會長 他 說 大馬 疫情 嚴重 當地人 沒有 曆 經過 sars 甚至 h 1 n 1 大 流行 大馬 確診 也 只 是 零星 案例 防疫 意識 不及 臺灣 家人 因此 不 希望 他 回家想 家 是 肯定 的 蕭文翰 坦言 歸途 遙遙無期 即便 每晚 都 與 媽媽 視 訊 但 隔 著 螢 幕 難以 感受 親情 的 溫度 沒 辦法 家人 覺得 安全 最 重要 建議 他 留在 臺灣 待 疫情 趨 緩 再 返鄉 與 蕭文翰 情況 相同 包含 越南 香港 與 大陸 等 境外 生 也 都 是 農曆 春節 都 留在 臺灣 政大 歷史 系 一 名 畢業 陸生 說 前段時間 苦 等 開放 陸生 回台 多時 終於 在 去年 8 月底 放行 回台 他 因此 回台 完成 論文 並 取得 碩士文憑 現 已 返回 上海 開始 工作 該 名 政 大陸 生 不斷 強調 去年 回台 過程 太 艱辛 想起 甫 飛抵 桃園 機場 心中 感慨萬千 當下 就 掉淚 之後 在 學校 遇到 替 陸生 站 出來 召開 記者會 的 台生 學弟 更是 激動不已 看到 他 的 時候 我 不 停 跟 他 說 謝謝 世新大學 副 校長 李功勤 提到 目前 只 有 極 少數 境外 生 堅持 返鄉 過年 但 無法 接受 往返 隔離 費用 高昂 校方 只能 善意 提醒 如果 疫情 嚴重 不能 返台 將 安排 網 課 協助 學業不 中斷</t>
  </si>
  <si>
    <t>新冠肺炎 疫情 引發 各國 封鎖 邊境 讓 新加坡 意識 到 糧食 依賴 進口 所 造成 的 問題 coronavirus-related border closures show that dependence on the outside world for food could spell trouble 人口 近 600萬 人 的 新加坡</t>
  </si>
  <si>
    <t>新冠肺炎 疫情 引發 各國 封鎖 邊境 讓 新加坡 意識 到 糧食 依賴 進口 所 造成 的 問題 coronavirus-related border closures show that dependence on the outside world for food could spell trouble 人口 近 600萬 人 的 新加坡 農地 總面積 約 500 英畝 僅 相當 於 美國 一個 普通 農場 大小 逾 九 成 糧食 依賴 外國 進口 但 全球 爆發 新冠肺炎 疫情 後 各國 採取 封鎖 措施 讓 新加坡 意識 到 糧食 不能 全完 靠 進口 而 開始 增加 投資 以 發展 國內 農業 新加坡 食品 局 強調 星國 愈來愈 注重 內部 糧食 需求 重要性 甚至 高於 國際貿易 新加坡 經濟命脈 向來 依靠 國際貿易 現在 則 是 認為 發展 農業 的 任務 更 重要 但 地 狹 人 稠 讓 其 無法 採用 傳統 耕作 方式 來 發展 農業 以 科技開發 室內 農場 為此 商界 試圖 革新 農業 把 工業 建築 轉變 為 垂直 式 以 科技 控制 農作物所 需 種植 條件 的 室內 農場 室內 農場 種植 一 排 一 排 像 萵苣 和 甘藍 菜 等 農作物 不用 泥土 來 培植 而是 透過 自動 系統 滴下 已 注入 營養 劑 的 水 提供 養分 以 led 燈 取代 陽光 進行 光合作用 高科技 室內 農場 新加坡 近年 已 發展 至 逾 三十 間 部分 農場 夾雜 在 半 導體 工廠 與 汽車 經銷商 之間 其中 有 一 間 是 把 停車場 頂樓 轉化成 大型 溫室 種植 萵苣 羅勒 和 當地 民眾 最常 食用 的 菜 心 新加坡 希望 把 糧食 自供 自給 比率 目標 從 目前 不 到 一 成 到 2030 年 時 提高 至 三 成 有 專家 認為 這不 容易 達成 但 政府 已 開始 朝 這 目標 前進 除 了 政府 已對 許多 家庭 派發 40萬 包 葉菜 黃瓜 和 番茄 等 各類 植物種子 鼓勵 民眾 在家 種植 蔬菜 外 9 月 還 宣佈 推出 約 4000萬 美元 補助金 協助 擴大 高 科技 農業 規模 食品 局 資料 顯示 新加坡 的 高科技 農場 已 從 2016 年 的 12 間 增加 至 目前 31 間但 不少 人 懷疑 高科技 農場 的 產量 規模 能否 持續 大幅 增加 農業 科技 公司 archisen 共同 創辦 人 楊 斯文 sven yeo 音譯 說 其 管理 的 室內 農場 commonwealth greens 專門 種植 葉菜 每年 最高 可 生產 100 公噸 雖然 業者 的 種植 技術 能 控制 光 與 溫度 來 增加 產量 並且 沒有 蟲害 問題 而使 產量 最大化 但 場地 租金 與 所 消耗 電力 為 業者 最 沉重 的 經營 成本 是 限制 產業 規模 擴大 的 主要 障礙 archisen 為此 透過 常溫 方式和 設法 增加 室內 農場 的 自然 光源 來 削減 電費 支出 讓 種植 效率 最大化 面對 進口 農產品 競爭 即使 降低 營運 支出 新加坡 生產 的 蔬菜 價格 仍然 很 難 跟 鄰國 馬來西亞 競爭 因為 後者 土地 供應 充足 和 人力 成本 低廉 更 重 要是 新加坡 沒有 像 美國 和 日本 那樣 以 關稅 保護 本地 農業 來 對抗 進口 農產品 的 競爭 壓力 楊 氏 強調 在 新加坡 這種 租金 和 電費 等 經營 成本 高昂 的 地方 所 種植 蔬菜 很 難 跟 進口貨 競爭 對 業者 來說 是 內外夾攻 的 雙重 壓力 但 他 仍 看好 發展 機會 因為 在 新鮮 食 材 需求 帶動 下 高科技 農場 能 最 有 效率 地 滿足 本地 市場 雖然 他 預期 要 花 很 長 時間 才能 回收 當初 所 投資 的 成本 但 估計 明年 中的 銷售額 就 能 超過 營運 成本 另 一 農業公司 sustenir agriculture 依靠 政府 補助 和 自動化 系統 播種 等 方式 讓 其 每年 生產 約 90 公噸 的 蔬菜 現在 計畫 透過 擴大 種植 空間 要 把 產量 提高 四 倍 並 準備 自動化 包裝 來 提高 出 貨 效率 即使 專家 認為 新 科技 無法 改變 新加坡 對 進口 糧食 的 依賴 但 食品 局 糧食供應 策略 司 司長 吳偉豪 說 政府 會 協助 高 科技 農業 的 發展 強調 多 層 式 室內 農場 跟 傳統 農場 相較 使用 相同 的 土地 面積 前者 蔬菜 產量 是 後者 10 倍 到 15 倍 之間 他 說 科技 是 讓 室內 農場 產量 能 遠超 傳統 農場 的 關鍵</t>
  </si>
  <si>
    <t>新冠肺炎 臺灣 侯友宜 網路 新北</t>
  </si>
  <si>
    <t>新冠肺炎 臺灣 公墓 南 投 縣 確診 個案</t>
  </si>
  <si>
    <t>台商 檢疫 措施 臺灣 返家 新冠肺炎</t>
  </si>
  <si>
    <t>新冠肺炎 疫情 延 燒 尋求 相對 穩定 收益 需求 下 及 預期 各國 進一步 寬鬆 亞洲 高 收益 債 持續 受到 資金 青睞 根據 epfr 統計 資金 續 大幅 買超 亞 高收 債 成為 資金 避風港 有利 佈局 亞 高 收 債 基金 掌握 這 波 行情 日盛 亞洲 高 收益 債</t>
  </si>
  <si>
    <t>日前 新增 的 新冠肺炎 確診 案 277 被 踢 爆 是 交通部觀光局 主任 秘書 之 子 這 名 高官 非但 在 3 20 翹 班 前往 機場 接送 還 要求 觀光局 駐 機場 人員 隨行 接待 喝 咖啡 聊 是非 造成 後續 案 269 案 299 的 感染 先 不論 翹 班 接送 返國 兒子</t>
  </si>
  <si>
    <t>日本 新冠肺炎 單日 確診 破 千 人 唯一 零 確診 的 岩手 縣 也 淪陷</t>
  </si>
  <si>
    <t>日本國 內 29 日新冠肺炎 的 單日 新 確診 人數 達 1071 人 首度 破 1千 人 原本 唯一 零 確診 的 岩手 縣 29 日 也 首次 出現 2 位 確診 患者 其中 位 是 40 多 歲 的 男性 東京都 29 日 有 250 人 確診 東京 已 連續 21 天 確診 數 超過 100 人 累計 確診 人數 達 1</t>
  </si>
  <si>
    <t>日本國 內 29 日新冠肺炎 的 單日 新 確診 人數 達 1071 人 首度 破 1千 人 原本 唯一 零 確診 的 岩手 縣 29 日 也 首次 出現 2 位 確診 患者 其中 位 是 40 多 歲 的 男性 東京都 29 日 有 250 人 確診 東京 已 連續 21 天 確診 數 超過 100 人 累計 確診 人數 達 1萬1千861 人 大 阪 府 29 日 有 221 人 確診 創 單日 確診 最高 紀錄 大 阪 也 是 首次 超過 200 人 確診 愛知縣 29 日 有 167 人 確診 福岡 縣 有 101 人 確診 都創 單日 確診 數 的 新 高 紀錄</t>
  </si>
  <si>
    <t>爵士樂 大師 艾利斯馬沙利斯 罹 新冠肺炎 病逝 享壽 85 歲</t>
  </si>
  <si>
    <t>自 50 年代 活躍 爵士 樂壇 的 美國 爵士 鋼琴 大師 艾利斯 馬沙 利斯 ellis marsalis 日前 因 新冠肺炎 逝世 享壽 85 歲 艾利斯 曾 於 2015 年 訪台 在 兩 廳 院 夏日 爵士 派對 上 為 樂迷 帶來 鋼琴 四重奏 演出 艾利斯 出身 紐奧 良 為 爵士</t>
  </si>
  <si>
    <t>新冠肺炎 准 新藥 瑞德西韋 國衛院 超前 進度 今 完成 公克級 合成</t>
  </si>
  <si>
    <t>美國 藥廠 吉 立 亞 公司 的 瑞德西韋 remdesivir 藥物 被 認為 可能 是 有效 治療 新冠肺炎 的 藥 國家衛生研究院 今 宣佈 繼 完成 毫克 級 的 合成 後 今天 進度 超前 完成 了 公克級 合成 讓 藥物 研發 的 進展 往 前 邁向 一大 步 國衛院 臉</t>
  </si>
  <si>
    <t>新冠肺炎 臺灣 和平醫院 聯 醫</t>
  </si>
  <si>
    <t>教育部 今 21 日 公佈 最新 全國 確診 學生 人數 已 連續 3 天 沒有 新 增 案例 累計 全國 學生 確診 個案 維持 在 754 人 根據 教育部 最新 統計 自 4 月 20 日 到 9 月 20 日 下午 5 點 半 共有 754 名 學生 確診 新冠肺炎 其中 721 名 是 本土 案例 33 名 境</t>
  </si>
  <si>
    <t>教育部 全國 學生 新冠肺炎 臺灣</t>
  </si>
  <si>
    <t>新冠肺炎 何時 會 消失 近日 確診 病例 又 增加 是否是 疫情 反彈 大陸 防疫 專家 中國科學院 院士 鍾 南山 對 這些 熱點問題 一一 回應 他 指出 不要 指望 疫情 全部 消失 境外 輸入 病例 近日 雖 多 但 非 疫情 反彈 鍾 南山 稱 大陸 的 新冠肺炎</t>
  </si>
  <si>
    <t>新冠肺炎 何時 會 消失 近日 確診 病例 又 增加 是否是 疫情 反彈 大陸 防疫 專家 中國科學院 院士 鍾 南山 對 這些 熱點問題 一一 回應 他 指出 不要 指望 疫情 全部 消失 境外 輸入 病例 近日 雖 多 但 非 疫情 反彈 鍾 南山 稱 大陸 的 新冠肺炎 疫情 基本 屬於 控制 狀態 但 海外 仍 處 高位 由於 核酸 檢測 沒有 全 覆蓋 非洲 印度 巴基斯坦 等 人口 大國 確診 病例 處於 爬 坡 階段 這樣 的 反差 會 造成 外來 輸入 病例 而且 會 有 外來 輸入 以後 感染 的 病人 廣州 對 境外 入 穗 者 采 核酸 檢測 全 覆蓋 鍾 南山 說 這 實際上 是 外防 輸入 升級 的 措施 與 當前 世界 疫情 形勢 有關 采 全 覆蓋 核酸 檢測 和 隔離 非常 有 必要 鍾 南山 也 指出 留學生 是 非常 值得注意 的 群體 特別 是 一些 發展中國家 的 疫情 還 很 難 估測 所以 留學生 和 其 密切接觸 者 一定 要 通過 常規 檢查 沒有 問題 後 才能 同意 回來 上課 廣州 出現 多 例 境外 輸入 病例 的 關聯 病例 鍾 南山 不 認為 是 疫情 反彈 他 明白 表示 出現 大 群體 的 爆發 才 是 反彈 傳染性 疾病 無 界限 早 發現 是 好事 廣州 採取措施 比較 早 這 是 好事 不 認為 是 反彈 而是 及早 發現 的 做法 和 結果 無 症狀 感染者 的 傳染 隱患 成為 公眾 普遍 關注 的 問題 鍾 南山 說 無 症狀 感染者 不是 新冠 病毒 後期 的 特徵 這類 人群 一直 都 存在 目前 從 很多 境外 輸入 案例 看 很多 人 在 境外 感染 病毒 沒有 發生 症狀 到 大陸 過程 中 或 抵達 之後 才 出現 症狀 這 也 促進 社會 更加 關注 無 症狀 感染者 我 也 再次 重申 這 是 一 種 傳染病 不要 指望 疫情 全部 消失 只要 不 影響 生活 生產 即可 鍾 南山 認為 新冠肺炎 疫情 是否 會 再次 大 爆發 取決於 人 為 干預 特別 是 政府 干預 的 力度 今年 秋冬季 節 是否 會 再 發生 不敢 說 有 這個 可能 但 不 會 像 這次 狼狽</t>
  </si>
  <si>
    <t>香港 第 三 波 新冠肺炎 疫情 持續 惡化 單計 8 小時 就 有 108 例 確診 香港 衛生防護 中心 傳染病 處 主任 張 竹君 19 日 表示 有關 確診 數字 是 由 18 日 下午 4 時至 淩晨 12 時 計算 引發 各界 關注 對此 中文 大學 醫學院 呼吸系統 科 講座 教授 許 樹</t>
  </si>
  <si>
    <t>香港 第 三 波 新冠肺炎 疫情 持續 惡化 單計 8 小時 就 有 108 例 確診 香港 衛生防護 中心 傳染病 處 主任 張 竹君 19 日 表示 有關 確診 數字 是 由 18 日 下午 4 時至 淩晨 12 時 計算 引發 各界 關注 對此 中文 大學 醫學院 呼吸系統 科 講座 教授 許 樹昌 直言 若 每日 確診 個案 都 破百 公立醫院 會 在 一 周 內 爆滿 香港 確診 新冠肺炎 案例 爆 增 至今 累計 個案 1886 例 確診 據 東網 許樹昌 今天 在 電臺 節目表 示 香港 新增 破百 例 確診 就 是 專家 擔心 個案 以 幾何 式 急 增 的 情況 他 說 疫情 現在 相當 險峻 預料 今天 新增 個案 達 三 位 數 的 機會 都高 未來 幾 天 確診 個案 也 仍 會 持續 增加 若 每日 確診 個案 皆 破百 公立醫院 會 在 一 周 內 爆滿 許樹昌 也 提及 市民 恐 因 抗 疫 疲勞 致 防疫 意識 鬆懈 他 希望 抗 疫 措施 嚴謹 後 一 周 內 可 看到 新 確診 個案 數字 降低 他 也 表示 規定 市民 在 所有 室內 公共場所 戴 口罩 是 重要 措施 及早 採取 嚴謹 措施 到 疫情 放緩 時 再 逐步 放寬</t>
  </si>
  <si>
    <t>香港 新冠肺炎 疫情 公立醫院 許樹昌</t>
  </si>
  <si>
    <t>黃明志 日前 因應 新冠肺炎 疫情 無奈 取消 本月 二 場 的 鐵漢 柔情 系列 演唱會 對於 各國 近期 疫情 措施 黃明志 不僅 力贊 臺灣政府 防疫 完善 還 怒 飆 髒話 嗆 世界衛生組織 who 這次 臺灣 防疫 跟 應變能力 都 太強大 比起 那個 什麼</t>
  </si>
  <si>
    <t>who 黃明志 臺灣 新冠肺炎 秘書長</t>
  </si>
  <si>
    <t>英國 科學家 19 日 針對 新冠肺炎 展開 最新 研究 這 回讓 曾 確診 新冠肺炎 並 痊癒 者 再度 接觸 病毒 以 瞭解 痊癒 者 是否 對 病毒 免疫 今年 2 月 英國 成為 全球 第 一個 實行 人體 挑戰 試驗 的 國家 號召 全國 健康 志願者 參與 人體 試驗 在 封</t>
  </si>
  <si>
    <t>英國 科學家 19 日 針對 新冠肺炎 展開 最新 研究 這 回讓 曾 確診 新冠肺炎 並 痊癒 者 再度 接觸 病毒 以 瞭解 痊癒 者 是否 對 病毒 免疫 今年 2 月 英國 成為 全球 第 一個 實行 人體 挑戰 試驗 的 國家 號召 全國 健康 志願者 參與 人體 試驗 在 封閉 環境 下 接觸 新冠 病毒 以 瞭解 病毒 造成 的 人體 反應 最新 研究 則 是 號召 曾 確診 並 痊癒 者 再度 接觸 病毒 目的 在 瞭解 痊癒 後 是否 對 病毒 免疫 以及 免疫力 維持 的 時間 長 短 主持 這項 研究 的 牛津大學 疫苗 學家 麥克申 helen mcshane 表示 這項 人體 試驗 所得 的 資料 有助 我們 設計 更 有效 的 疫苗 及 療法 也 能 更加 瞭 解 新冠肺炎 患者 痊癒 後 是否 不會 再度 感染 以及 免疫力 持續時間</t>
  </si>
  <si>
    <t>英國 新冠肺炎 痊癒 免疫 病毒</t>
  </si>
  <si>
    <t>展開 新 的 一 天 中 時 新聞網 帶 您 看看 世界 發生 了 哪 5 件 大事 1 北京 爆發 另 一 波 新冠肺炎 疫情 世界衛生組織 who 認為 事關 重大 正在 調查 源頭 2 美中 緊張 關係 似乎 出現 緩和 跡象 美國 已 證實 將 與 大陸 互相 放寬 旅遊</t>
  </si>
  <si>
    <t>美國 疫情 再 創紀錄 12 月 9 日 3214 人 因 新冠肺炎 送命 住院 人數 達 107萬 雙雙 締造 單日 新 高 日本 和 南韓 確診 數 也 暴 增 美國 食品 暨 藥物 管理局 fda 10 日 將 討論 輝瑞 德國 biontech 研發 的 疫苗 預料 將 可望 獲准 緊急 使用 但</t>
  </si>
  <si>
    <t>美國 疫情 再 創紀錄 12 月 9 日 3214 人 因 新冠肺炎 送命 住院 人數 達 107萬 雙雙 締造 單日 新 高 日本 和 南韓 確診 數 也 暴 增 美國 食品 暨 藥物 管理局 fda 10 日 將 討論 輝瑞 德國 biontech 研發 的 疫苗 預料 將 可望 獲准 緊急 使用 但 加拿大 卻 搶先 在 9 日 宣佈 批准 輝瑞 疫苗 開 打 感恩節 假期 5千萬 美國 人 不顧 專家 警示 出遊 或 與 親友 團聚 的 後果 化為 屢 破 新 高 的 單日 確診 和 死亡 數字 3000 多 死 的 恐怖 門檻 醫療 體系 瀕臨 崩解 紐約時報 表示 美國 3 分之 1 地區 的 醫院 加 護 病房 均 已 爆滿 加州 德州 與 羅德島 等 已 著 手 打造 野戰醫院 另外 兒童 醫院 也 加入 分擔 病 患 的 行列 在 亞洲 日本 10 日 新增 確診 達 2811 例 東京 一口氣 增加 602 例 刷新 單日 紀錄 南韓 增加 682 例 確診 累計 確診 也 跨過 4萬 大關 為 避免 醫療 體系 崩 盤 衛生部 10 日 宣佈 將 打造 由 貨櫃 改裝 而 成 的 流動 病床 分佈 在 首 爾 150 處 醫療 院所 香港 10 日 新增 112 例 新冠肺炎 確診 個案 連續 3 天 日增 超過 百 例 全港 確診 累計 已 達 7292 例 新增 確診 個案 來自 多 起 群 聚 感染 鏈 綜合 香港電臺 等 港 媒 報導 香港 九龍 灣 麗 晶 花園 第 6 幢 迄 昨 已 累計 7 例 新冠肺炎 確診 個案 都 來自 d 室 單位 港 府 已 要求 特定 居民 先 遷 往 隔離 地點 其 餘 居民 則 需要 接受 強制 檢測 港 大 微生物學 系 講座 教授 袁國勇 昨 到 疫 廈 視察 指 單位 多 個 污水 管都 接到 同一 糞 管 不 排除 傳播方式 與 當年 的 淘 大 花園 相似 病毒 肆虐 下 疫苗 成為 最後 的 靈 方 妙藥 白宮 曲 速 行動 疫苗 專案小組 最 快 週末 前 就 可 把 290萬 劑 疫苗 配送 到 各地</t>
  </si>
  <si>
    <t>外傳 北 市府 即將 展開 萬 華區 血清 抗體 研究 臺北市 長 柯文哲 今日 證實 此事 並說 該 研究 要 查 3 件 事 包括 社區 中 是否 藏有 許多 黑 數 民眾 確診 打 疫苗 後 的 抗體 變化 以及 臺灣 是否 該 追加 購買 第 三 劑 疫苗 也 承諾 週五 將 請 研究 計畫 主持人 向 外界 說明 臺北市 長 柯文哲 曾 說 要 對 疫情 重地 萬 華區 執行 血清 抗體 研究 厘 清 臺灣 死亡率 高 達 5 以上 的 原因 是否 為 社區 中藏 有 許多 黑 數 外傳 該 計畫 昨日 已 通過 人體 試驗 倫理 委員會 irb 審查 預計 收 案 5000 人 追蹤 6 個 月 每人 會 抽 3 次 血 來 檢測 血清 抗體 柯文哲 今日 主持 防疫 記者會 媒體 問及 萬華 千 人 血清 研究會 如何 進行 經費 又 從何而來 受試者 又 將 如何 募集 他 說 有關 該 研究 的 詳細 計畫 他 會 在 禮拜五 請 計畫 主持人 說明 也 證實 該 計畫 是 昨天 經 irb 通過 柯文哲 指出 該 研究 是 由 臺北醫學大學 台 大公 衛學院 及北 市府 聯合 做 的 流行病 學 研究 有 通過 衛福部 同意 也 有 通過 醫學 院內 的 人體 試驗 及 北 市府 同意 完全符合 程式 選擇 萬華 作為 研究 標的 是因為 當時 疫情 嚴重 該區 感染 數 多 因此 可 獲得 較 有效 的 資料 柯 表示 這 研究 有 幾件事 要 查 起初 臺灣 死亡率 高 達 5 是否 代表 社區 中 存 有 很多 黑 數 那些 確定 感染 過 新冠肺炎 或 打 疫苗 的 民眾 抗體 變化 情形 如何 這 是 重要 資料 假設 臺灣 將來 要 打 第 三 劑 到底 要 多久 才 可以 打 也 能 重新 檢 視 疫 調 系統 有無 破 口 臺北市立聯合醫院 副 總 院長 許家禎 補充 研究 結果 除 能 進行 疫 調上 的 補 漏 外 還 可 知悉 綜合 抗體 效價 變化 這 能 作為 精確 數字 讓 大眾 知道 是否 要 追加 第 三 劑 疫苗 以及 疫 調 作為 是否 還 有 可 精進 的 部分 未來 會 請 研究 團隊 和 大家 說明 至於 經費 部分 許家禎 則 說 都是由 北醫 和 台大 團隊 籌措 北 市府 這邊 因為 這是 對 萬華 的 服務 會 全力 做 行政 上 的 協助</t>
  </si>
  <si>
    <t>新冠肺炎 衝擊 產業 經濟部 規劃 待 疫情 舒緩 後 推出 酷 碰 券 振興 抵 用 券 刺激 消費 其中 酷 碰 券 需 先 消費 才 享有 折 抵 被 立 委 批評 政策 不 食 人間煙火 傳出 經濟部 有意 調整 方案 是否 有 考慮 改 發現 金或 消費 券 經濟部長 沈榮津 今 表</t>
  </si>
  <si>
    <t>新冠肺炎 紓困 振興 酷 碰 券 抵 用 券 行政院</t>
  </si>
  <si>
    <t>伊朗 衛生部 發言人 賈汗 普爾 3 月 9 日 稱 伊朗 一 省份 出現 集體 酒精 中毒事件 已 造成 20 人 死亡 中毒者 為了 預防 新冠肺炎 而 誤 飲 假酒 據 大陸 澎湃 新聞 引述 伊朗 半 官方 媒體 法爾斯通訊社 3 月 9 日 報導 賈汗 普爾 表示 伊朗 胡</t>
  </si>
  <si>
    <t>伊朗 衛生部 發言人 賈汗 普爾 3 月 9 日 稱 伊朗 一 省份 出現 集體 酒精 中毒事件 已 造成 20 人 死亡 中毒者 為了 預防 新冠肺炎 而 誤 飲 假酒 據 大陸 澎湃 新聞 引述 伊朗 半 官方 媒體 法爾斯通訊社 3 月 9 日 報導 賈汗 普爾 表示 伊朗 胡齊斯坦省 今日 只 有 73 名 新冠肺炎 確診 病例 但 過去 兩 天 中 有 331 人 因 酒精 中毒 住院 20 人 死亡 他 在 視頻 講話 中 表示 這些 人 為了 預防 新冠肺炎 而 誤 飲 了 假酒 賈汗 普爾 表示 如果 人們 能夠 消除 恐懼 該 省份 也許 到 了 疫情 流行 末期 也 不 會 死 這麼 多 人 根據 伊朗 衛生部 最新 通告 截至 3 月 9 日 伊朗 累計 確診 新冠肺炎 病例 7161 例 累計 死亡 237 例 警語 禁止 酒 駕 喝酒 不 開車 安全 有 保障</t>
  </si>
  <si>
    <t>臺灣 鋼鐵集團 旗 下 特殊鋼 大廠 榮 剛 材料 5009 9 日 公告 3 月份 自 結合 並 營 收 為 新 台幣 841億 元 雖 較 去年同期 減少 1017 但 創 今年 來 新高 累計 1 至 3 月 自 結合 並 營 收 為 2266億 元 較 去年同期 減少 1255 榮 剛 表示 新冠肺炎 疫情 肆虐 全球 增添 許多 不 確定性 也 明顯 影響 到 世界 各國 經濟 體系 運作 部分 歐美 客戶 進行 庫存 調整 不過 由於 大陸 子公司 已 全面 復工 需求 迅速 回補 榮剛 3 月 整體 營 收 優於 12 月 表現 僅 較 去年同期 微幅 減少 但 隨 著 疫情 逐漸 受到 控制 後續 市場需求 可望 逐漸 回穩 受限於 歐美 客戶 因 新冠肺炎 疫情 與 封城 等 影響 榮剛 的 航 太 能源 油氣 三大 高 值 化 產品 線 雖 維持 一定 接 單 水準 但 公司 持續 密切 觀察 疫情 後續 變化 並 透過 優化 產品組合 調整 庫存 與 增強 成本 管控 等 內部 改善 活動 增強 公司 對 市場 波動 的 抵禦 力 榮 剛 表示 在 疫情 尚未 明朗 的 狀況 下 對於 客戶 應收 帳 款 的 管理 以及 加強 現金 流 的 掌握 也 是 公司 著 重 的 要點</t>
  </si>
  <si>
    <t>榮剛 全球 疫情 來 新高 新冠肺炎 疫情</t>
  </si>
  <si>
    <t>美聯社 7 日 報導 根據 最新 統計 顯示 美國 新冠 疫情 再次 重返 2020 年 冬季 激增 期 的 關鍵點 目前 每日 平均 新增 確診 人數 皆 破 10萬 令 人 憂心 的 是 2020 年 美國 歷經 9 個 月 才 破 10萬 大關 如今 6 周內 就 重返 此 一 節點 反映 出 delta 變種 病毒 的 強大 傳染 力 以及 該種 病毒 在 全美 擴散 速度 有 多 快 報導 中 指出 6 月 下旬 時 美國 每日 平均 確診 人數 為 11000 例 如今 則 飆 升到 107143 例 在 疫情 剛 爆發 時 美國 歷經 9 個 月 的 時間 才在 11 月 突破 10萬 大關 並於 1 月 達 25萬 的 疫情 高峰 在 超過 7 成 的 成年 民眾 接種 疫苗 後 確診 數 已於 6 月 分 觸 底 如今 只 花 6 周就 重返 10萬 人 以上 確診 delta 變種 病毒 正 在 未 接種 疫苗 的 民眾 間 迅速 傳播 南方 各州 因 疫苗 覆蓋率 過 低 而 疫情 大 爆炸 導致 醫院 充斥 著 病 患 衛生 官員 警告 如果 美國 民眾 還是 不 接種 疫苗 病例 數 會 持續上升 美國疾病控制與預防中心 cdc 主任 瓦倫斯基 rochelle walensky 日前 接受 美國有線電視新聞網 cnn 訪問 時 表示 根據 模型 計算 顯示 如果 民眾 再不 接種 疫苗 美國 確診 人數 將 破 10萬 大關 回到 2020 年 10 月初 的 激增 情況 隨 著 大量 民眾 因 delta 變種 病毒 而 確診 住院 病 患 大增 情況 已 讓 偏遠地區 的 醫院 為 張羅 病床 而 傷透 腦筋 休士頓 官員 證實 新 一 波 新冠 確診 病例 導致 地方 醫療保健 體系 幾乎 逼近 崩潰 臨界點 部分 患者 被迫 送往 他處 接受 治療 例如 送 往 北達科他州 休士頓 衛生局 沛 斯 博士 david persse 表示 由於 缺少 病床 部分 救護車 開到 休士頓 的 地方 醫院 外 要 等 好幾 個 小時 才能 放下 病人 恐 讓 911 回應 民眾 求援 的 時間 拖 長 其 表示 現在 醫療保健 系統 幾乎 在 崩潰 邊緣 但 接下來 3 周內仍 不太可能 看到 急診 塞車 獲得 緩解 上週末 1 名 休士頓 的 求 診 患者 被迫 送 到 北 達科 州 接受 治療 8 月 5 日 1 名 罹 患 新冠肺炎 且 癲癇 發作 的 11 個 月 大 女孩 從 休士頓 送 到 274 公里 外 的 醫院 接受 治療 密蘇里州 州長 帕森 mike parson 宣佈 已 派出 30 輛 救護車 60 多 名 醫護人員 駐紮 在 全洲 各地 以便 在 醫院 無法 接收 病 患 時 送 新冠 患者 至 其他 地方 求 診</t>
  </si>
  <si>
    <t>新冠肺炎 美國 醫療 體系 delta 疫苗</t>
  </si>
  <si>
    <t>最近 新冠肺炎 疫情 肆虐 不少 運動 賽事 宣佈 延期 或 取消 中華民國 網球 協會 關心 選手 以及 進場 觀賽 民眾 的 健康 除了 在 正常 舉行 的 賽事 訂立 完整 防疫 規則 之外 更 特別 製作 網球 防疫 大 作戰 影片 加強 宣導 重要 防疫 觀念 提醒 選</t>
  </si>
  <si>
    <t>最近 新冠肺炎 疫情 肆虐 不少 運動 賽事 宣佈 延期 或 取消 中華民國 網球 協會 關心 選手 以及 進場 觀賽 民眾 的 健康 除了 在 正常 舉行 的 賽事 訂立 完整 防疫 規則 之外 更 特別 製作 網球 防疫 大 作戰 影片 加強 宣導 重要 防疫 觀念 提醒 選手 及 觀眾 在 非常 時期 的 自我 保護措施 影片 分為 選手 篇 以及 觀眾 篇 選手 篇 邀請 到 臺灣 網球 好手 蘇鈺翔 擔任 主角 提醒 選手 除 了 勤洗手 量 體溫 之外 比賽 開始 以及 結束 時 改以 球拍 碰 觸 取代 握手 致意 另外 雙打 隊友 溝通 戰術 與 暗號 時 也 以 背對 著 對手 方式 溝通 避免 把 球 拿 至 嘴巴 旁邊 沾染 口沫 而 觀眾 篇 也 建議 大家 在 觀眾席 看球 時 與其 他 觀眾 保持 至少 一 公尺 距離 且 不 高聲 呐喊 以 避免 口沫 飛 傳 本 週末 美 傑仕 opi 杯 全國 青少年 網球 錦標賽 即 將 於 臺北市 網球 中心 點燃 戰火 大會 為 配合 政府 新冠肺炎 防疫 只要 選手 進入 室內 場館 就 會 安排 體溫 量 測 以及 酒精 消毒 也 會 將 防疫 影片 於 場館 內 電視 上 輪 播 強調 比賽 重要 防疫 也 重要 的 觀念 呼籲 大家 一起 在 球場 及 防疫 作戰 中 打 出 一 記 漂亮 的 ace 球 讓 選手 及 民眾 能夠 更加 安心 享受 比賽</t>
  </si>
  <si>
    <t>因應 新冠肺炎 全國 監所 隔離 170 人犯 幸未 發現 感染 個案</t>
  </si>
  <si>
    <t>為 防治 新冠肺炎 疫情 法務部 矯正 署 針對 全台 各 監所 收容 人 採取 強制 傳染病 感染 管制 措施 自 今年 1 月 1 日 到 2 月 11 日 共計 隔離 170 名 收容 人犯 迄今 沒有 發現 任何 感染 個案 目前 還有 19 名 收容 人 仍 繼續 隔離 中 法務 部長 蔡清祥 表</t>
  </si>
  <si>
    <t>為 防治 新冠肺炎 疫情 法務部 矯正 署 針對 全台 各 監所 收容 人 採取 強制 傳染病 感染 管制 措施 自 今年 1 月 1 日 到 2 月 11 日 共計 隔離 170 名 收容 人犯 迄今 沒有 發現 任何 感染 個案 目前 還有 19 名 收容 人 仍 繼續 隔離 中 法務 部長 蔡清祥 表示 矯正 機關 是 人口 密集 機構 人員 進出 頻繁 為了 因應 嚴重 特殊 傳染性 肺炎 所以 要 求 所 屬 矯正 機關 執行 傳染病 監控 及 通報 流程 加強 防疫 觀念 宣 導 並 徹底 執行 防疫 措施 及 確實 管控 防疫 物資 根據 法務部 矯正 署 統計 全國 各 監所 對 收 容人 隔離 措施 自 1 月 1 日 到 2 月 11 日 總共 隔離 170 名 收 容人 其中 新 入 監 收容 人 有 自 大陸 港澳地區 返台 的 有 32 位 目前 只 有 5 位 仍 在 隔離 中 外 役 監 返家 探視 與 大陸 港澳地區 有 旅遊 史 的 人 接觸 者 35 位 目前 還有 14 人 還 在 隔離 中 另 有 其他 隔離 的 收容 人 則 是 呼吸道感染 等 疾病 都 沒有 發現 新冠肺炎 感染 至 各 監所 的 口罩 庫 存量 目前 只 剩 2 周 的 量 矯正 機關 也 通令 各 監所 控制 防疫 物資 的 使用 更 多 ctwant 報導</t>
  </si>
  <si>
    <t>新冠肺炎 臺灣 確診 者 本土</t>
  </si>
  <si>
    <t>大 立 光 鴻 海 台積電 新冠肺炎 廣達</t>
  </si>
  <si>
    <t>據 nhk 報導 受 疫情 影響 位 于千 葉縣 的 東京 迪士尼 樂園 及 迪士尼 海洋 宣佈 自 29 日 起 臨時 休 園 至 3 月 15 日 該 公司 表示 暫定 於 3 月 16 日 恢復 營運 但 將 與 政府 有關 單位 密切 溝通 後 再行 宣佈 大 阪 環球 影城 也 於 迪士尼 宣佈 休 園 後 做 出 同樣 決定 暫 休 至 3 月 15 日 暫定 3 月 16 日 恢復 營運 日本共同社 報導 也 指出 東方樂園 公司 28 日 發 佈 消息 稱 為 防止 新冠肺炎 疫情 擴大 東京 迪士尼 樂園 和 東京 迪士尼 海洋 從 2 月 29 日 至 3 月 15 日 臨時 關閉 為 2011 年 311 大 地震 發生 後 首次 閉館 至於 已 購 票 的 觀光客 園 方將 採取 退款 或 延長 票 期 的 因應 方式 報導 指出 新冠肺炎 在 日 延 燒 首相 安倍晉三 先前 已 呼籲 暫停 各類 大型活動 而 多 家 遊樂園 也 為了 防疫 考量 宣佈 暫停營業 如 日本 三 麗 鷗 樂園 21 日 宣佈 從 22 日 起 休 園 至 3 月 21 日</t>
  </si>
  <si>
    <t>南韓 大 邱市 在 20 日 出現 新冠肺炎 的 超級 傳播 者 根據 南韓 當局 的 調查結果 指出 這 名 超級 傳播 者 為 第 31 例 確診 病 患 61 歲 女性 她 在 3 周 內 至少 接觸 數 百 人 而 她 所屬 的 教會 新 天地 1001 名 成員 都 要 實施 居家 隔離 根據 韓聯社</t>
  </si>
  <si>
    <t>南韓 大 邱市 在 20 日 出現 新冠肺炎 的 超級 傳播 者 根據 南韓 當局 的 調查結果 指出 這 名 超級 傳播 者 為 第 31 例 確診 病 患 61 歲 女性 她 在 3 周 內 至少 接觸 數 百 人 而 她 所屬 的 教會 新 天地 1001 名 成員 都 要 實施 居家 隔離 根據 韓聯社 報導 韓國 中央 防疫 對策 本部 本部長 鄭銀敬 20 日 表示 已經 從 新 天地 教會 取得 本月 9 日 16 日 與 該 名 患者 一起 做禮拜 的 1001 名 教徒 名單 正 對 他們 實施 居家 隔離 措施 並 通過 電話 確認 這些 人 的 健康狀況 由於 這 位 61 歲 的 婦人 在 2 7 開始 出現 症狀 因此 防疫 部門 認為 這 是 開始 出現 新冠肺炎 病毒感染 症狀 的 時間 點 並 展開 了 流行病 學 調查 鄭銀敬 補充 在 慶尚 北 道 清道 郡 和 大 邱 市 出現 的 確診 病例 多 與 新 天地 教會 有 關聯 教徒 的 家屬 等 很多 人 存在 感染 風險 政府 呼籲 減少 在 封閉 的 環境 下 長 時間 進行 集體活動 截至 20 日 上午 新 天地 大 邱 教會 1001 名 教徒 中 有 症狀 的 有 90 人 沒 症狀 的 有 515 人 其 餘 396 人 尚未 取得 聯繫 另外 根據 韓媒 首 爾新聞 報導 這 名 61 歲 婦人 在 6 日 發生 交通 事故 後 先 住 進 了 大 邱 市 壽 城區 的 新 韓方 醫院 治療 雖然 醫生 要求 她 要 住院 但 9 日 婦人 卻 還 是 去 了 新 天地 教會 禮拜 而 10 日 到 14 日 期間 婦人 都 在 院內 接受 治療 10 日 當天 開始 出現 發燒 症狀 雖然 醫護人員 曾 勸 她 接受 新冠肺炎 的 檢驗 但 她 卻 認為 自己 沒有 海外 旅遊 史 接觸 史而 拒絕 沒 想到 婦人 14 日 確診 罹 患 肺炎 後 即使 院方 再次 勸說 她 卻 到 17 日 才 接受 檢驗 並 在 18 日 確診 得到 新冠肺炎 而 在 這 段 期間 內 15 日 該 婦人 還 曾 到 酒店 內 參加 婚禮 16 日 也 二 度 去 大 邱 南區 的 教會 禮拜</t>
  </si>
  <si>
    <t>新冠肺炎 臺灣 金映 柯建銘 臺灣</t>
  </si>
  <si>
    <t>新冠肺炎 疫情 嚴峻 國防部 協助 口罩 國家隊 生產 口罩 竟 爆發 監守自盜 弊 情 後備 指揮部 中校 李志 交 上士 張政陽 涉嫌 利用 督導 新北 市 某 工廠 生產 外科 醫用 口罩 機會 a 走 至少 6000 片 口罩 檢 調 懷疑 2 人 對外 販 售 涉嫌 貪</t>
  </si>
  <si>
    <t>新冠肺炎 重創 全球 經濟 領頭羊 美國 更 在 28 天內 一口氣 損失 2千2百萬 個 工作 機會 正當 各州 預備 重 啟 經濟 之際 聯邦 參議院 21 日 無 異議 表決 通過 總額 達 4840億 美元 約 台幣 147 兆 元 的 新冠肺炎 危機 追加 救助 法案 以 協助 受</t>
  </si>
  <si>
    <t>新冠肺炎 臺灣 警衛 代班 臺北 富 邦 銀行</t>
  </si>
  <si>
    <t>新冠肺炎 臺灣 公祭 三級 警戒 延長</t>
  </si>
  <si>
    <t>新冠肺炎 臺灣 混打 盧秀燕 民眾</t>
  </si>
  <si>
    <t>和 鑫 董事長 馬維欣 是 金融業 出身 隨 著 華新 麗 華 集團 跨 足 科技 業 曾任 彩晶 董事長 現任 和 鑫 董事長 近年 更 因為 跨 業 投資 進軍 飯店 文創 產業 在 科技 業 中 是 很 特別 的 例子 馬維欣 管理 風格 犀利 乾脆 講究 數字 管理 展現 鐵 娘子 的 一面 但 談起 飯店 經營 和文 創 柔性 的 一面 又 表露無遺 顯露出 女性 企業家 軟 硬 兼 俱 的 特色 彩晶 是 臺灣 轉型 最 早 的 面板廠 早 在 2006 年 2007 年 陸續 賣 掉 兩 座 3 代廠 只 保留 一 座 53 代 廠 專注 於 中小 尺寸 面板 經營 後來 馬維欣 擔任 彩晶 董座 大刀闊斧 砍 掉 不必要 的 投資 精簡 組織 重整 品牌 讓 虧損 的 彩晶 很 快 地 止血 甚至 轉為 獲利 2015 年 馬維欣 接任 和 鑫 董事長 近年 除了 本業 受惠 於 amoled 面板 滲透 率 提升 觸 控 面板 事業 獲利 轉 趨 穩健 之外 在 馬維欣 主導 之下 成立 白石 投資 金蘋果 開始 跨 足 酒店 文創 一般 科技 公司 業外 投資的 面向 往往 都 很 窄 馬維欣 帶入 金融業 的 思維 從 資產 與 現金 配置 著 眼 在 臺北 精華區 房地產 投資 甚至 進一步 再 開發 如 打造 瀚 寓 酒店 只要 不 造成 負擔 創造 出 收益 對 公司 來說 就是 好 的 投資 為 公司 分散 風險 和 轉型 馬維欣 是 虔誠 的 基督徒 也 常 引用 聖經 套用 在 管理 上 原訂 在 今年 4 月底 正式 開幕 的 瀚 寓 酒店 碰上 新冠肺炎 攪局 意外 變成 臺北市 防疫 旅館 馬維欣 直言 會 這麼 做 就 是 基於 信仰 她 指出 若 不是 因為 宗教 的 信仰 在 疫情 肆虐 之際 可能 會 延 後 開幕 等 疫情 過 了 再 觀望 一下 此時 碰到 新冠肺炎 可以 提供 臺灣 留學生 及其 家人 有 地方 可以 暫時 居家 檢疫 這 是 我 該 做 的 事情</t>
  </si>
  <si>
    <t>新冠肺炎 疫情 解封 嘉義 市政府 新北 市政府 合 推 觀光 雙城記 嘉義 市長 黃敏惠 穿 上 母校 宏仁 女中 制服 新北 市長 侯友宜 穿 嘉中 制服 2 人 重 回 17 歲 青春 young 熱情 揪 大家 南下 北上 好 好玩 並 pk 嘉義 新北 的 伴 手 禮 好吃 好玩 都 抵 嘉 黃敏惠 侯友宜 合體 拍 遊客 來 我 新 嘉 玩 的 影片 行銷 雙 城 的 觀光 同時 歡迎 更 多 的 遊客 來 我 新 嘉 玩 黃敏惠 力推 檜 意 森 活 村 嘉義 制 材 所 嘉義 公園 蘭潭 及 文化路 夜市 等 觀光 景點 侯友宜 主 打 青春 山海 線 淡 蘭 古道 新北 大都會 公園 十分 景點 特定 區 烏來 風景區 2 人 國台語 雙聲帶 卯足 全力 介紹 城市 特色 勇 媽 黃敏惠 帶 了 噴水 雞肉飯 阿娥 豆花 讓 侯 sir 嚷 著 要 帶回去 孝敬 老婆 黃敏惠 說 阿娥 豆花 相傳 約 60 年 軟 嫩 滑 順 用 豆漿 代替 糖水 外表 樸質 好吃 又 平價 1 碗 才 30 元 就 是 嘉義 人 的 氣味 實實在在 又 有情有義 侯友宜 也準備 永和 豆漿 大王 的 豆漿 燒餅油條 讓 黃敏惠 嘗 鮮 他 說 永和 豆漿 大王 也 有約 60 年 歷史 24 小時 營業 賣 中式 燒餅油條 蘿蔔 絲 蛋 餅 馬來 糕 等 30 多 種 點心 是 在 地 人 及 遊客 都愛 的 美食 小吃 黃敏惠 並 邀請 侯 sir 回 嘉 搭乘 嘉義 市區 電動 公車 到 年底 前 皆 免費 12 月 嘉義 市 國際 管樂 節 是 城市 品牌 的 音樂 盛會 侯友宜 則 介紹 新北 市 環狀 線 大眾 運輸系統 遊 新北 市 十分 便利 新北 歡樂 耶誕 城 也 是 名氣 響叮噹 的 節慶 活動</t>
  </si>
  <si>
    <t>新冠肺炎 疫情 肆虐 全球 東京 奧運 能否 如期 舉辦 還 在 未知數 但 美國 男籃 教練 勇士 教頭 科爾 表示 已向 總 教練 帕 波維奇 討論 過 仍 將 持續 備戰 但 疫情 難 防 想要 有效 控制 非常 不容易 根據 美國 媒體 報導 科爾 目前 已 返回 聖地</t>
  </si>
  <si>
    <t>新冠肺炎 疫情 肆虐 全球 東京 奧運 能否 如期 舉辦 還 在 未知數 但 美國 男籃 教練 勇士 教頭 科爾 表示 已向 總 教練 帕 波維奇 討論 過 仍 將 持續 備戰 但 疫情 難 防 想要 有效 控制 非常 不容易 根據 美國 媒體 報導 科爾 目前 已 返回 聖地牙哥 家中 準備 利用 這 段封 館 時間 觀看 影帶 找尋 合適 的 夢幻隊 成員 對於 籃 網 4 名 球員 確診 新冠肺炎 科爾 說 希望 勇士 球員 這 段 時間 沒有 跟 籃 網球員 有 接觸 但 老實 說 這個 機 率 恐怕 很 低 柯爾 表示 以 目前 新冠肺炎 疫情 的 擴散 程度 來看 nba 想要 在 6 月 恢復 比賽 的 願望 恐 不 樂觀 至今 勇士 全隊 尚未 進行 檢驗 如今 大家 都 在 同一 艘 船上 期盼 大家 都 能 健康 平安</t>
  </si>
  <si>
    <t>科爾 新冠肺炎 勇士 nba 東京 奧運</t>
  </si>
  <si>
    <t>新冠肺炎 臺灣 侯友宜 長期抗戰</t>
  </si>
  <si>
    <t>新冠肺炎 感染 防疫</t>
  </si>
  <si>
    <t>新冠肺炎 確診 病例 各國 累計 已 超過 大陸</t>
  </si>
  <si>
    <t>美國 約翰斯 霍普金斯大學 發佈 的 即時 統計資料 顯示 截至 北京時間 3 月 16 日 8 時 33 分 全球 新冠肺炎 累計 確診 病例 已 超過 167萬 例 其中 大陸 以外 地區 累計 確診 病例 超過 86萬 例 另 據 大陸 國家 衛健 委 官方網站 16 日 通報 截至 3 月 15</t>
  </si>
  <si>
    <t>美國 約翰斯 霍普金斯大學 發佈 的 即時 統計資料 顯示 截至 北京時間 3 月 16 日 8 時 33 分 全球 新冠肺炎 累計 確診 病例 已 超過 167萬 例 其中 大陸 以外 地區 累計 確診 病例 超過 86萬 例 另 據 大陸 國家 衛健 委 官方網站 16 日 通報 截至 3 月 15 日 24 時 大陸 累計 報告 新冠肺炎 累計 確診 80860 例 此外 根據 約翰斯· 霍普金斯大學 發佈 的 即時 統計資料 義大利 已 累計 確診 24747 例 伊朗 13938 例 韓國 8162 例 西班牙 7798 例 依據 這 一 統計 大陸 以外 累計 確診 病例 已 超過 中國 確診 病例</t>
  </si>
  <si>
    <t>光寶 科 全球 合併 營 收 上半年 新冠肺炎 疫情</t>
  </si>
  <si>
    <t>在 8 日 召開 的 廣州市 疫情 防控 新聞 發佈會 上 廣州市 衛 健 委 副 主任 陳斌 表示 6 月 7 日 0 時至 24 時 廣州 新增 10 例 新冠肺炎 確診 病例 此外 還有 4 例 無 症狀 感染者 轉為 確診 病例 在 7 日 新增 的 10 例 中 9 例 在 白鶴 洞 封閉 區 1 例 番禺區</t>
  </si>
  <si>
    <t>在 8 日 召開 的 廣州市 疫情 防控 新聞 發佈會 上 廣州市 衛 健 委 副 主任 陳斌 表示 6 月 7 日 0 時至 24 時 廣州 新增 10 例 新冠肺炎 確診 病例 此外 還有 4 例 無 症狀 感染者 轉為 確診 病例 在 7 日 新增 的 10 例 中 9 例 在 白鶴 洞 封閉 區 1 例 番禺區 大石 街 均 與 白鶴 洞 街 感染者 有 關聯 陳斌 表示 廣州市 自 5 月 26 日 啟動 核酸 大排查 以來 截至 6 月 7 日 24 時 全市 累計 核酸 採樣 279855萬 份 共 發現 陽性 40 人 5 月 21 日 至 6 月 7 日 24 時 廣州市 累計 報告 108 例 境內 感染者 其中 確診 98 例 無 症狀 感染者 10 例 目前 所有 感染者 均 在 廣州市 第 八 人民醫院 隔離 治療</t>
  </si>
  <si>
    <t>新冠肺炎 大陸 廣州市 10 例 98</t>
  </si>
  <si>
    <t>台塑 台 塑化 原油 新冠肺炎 煉油</t>
  </si>
  <si>
    <t>新冠肺炎 臺灣 蔡英文 端午節 八卦 版</t>
  </si>
  <si>
    <t>根據 路透社 的 報導 新冠肺炎 在 歐洲 國家 造成 嚴重 疫情 法國衛生部 今天 證實 境內 新冠肺炎 確診 案例 增至 1191 例 英國衛生部 也 說 境內 確診 增至 319 例 路透社 報導 法國衛生部 同時 通報 境內 因 新冠肺炎 死亡 人數 增加 2 例 累</t>
  </si>
  <si>
    <t>新冠肺炎 疫情 延 燒 新北 市長 侯友宜 訂 下 今年 招商 1500億 元 目標 不 變 為 吸引 廠商 提早 投資 侯友宜 16 日 表示 包括 沙侖 園區 臺北 港產 專區 與 汐止 長安 段 3 招商 案 將 提供 3 個 月租金 減半 優惠 吸引 廠商 投資 侯友宜 也 喊話 中央 放</t>
  </si>
  <si>
    <t>新冠肺炎 疫情 延 燒 新北 市長 侯友宜 訂 下 今年 招商 1500億 元 目標 不 變 為 吸引 廠商 提早 投資 侯友宜 16 日 表示 包括 沙侖 園區 臺北 港產 專區 與 汐止 長安 段 3 招商 案 將 提供 3 個 月租金 減半 優惠 吸引 廠商 投資 侯友宜 也 喊話 中央 放寬 紓困 限制 否則 再多 預算 也 是 看 得 到 申請 不 到 新北 市府 昨 防疫 會議 中 經發 局長 何怡明 指出 將 透過 招商 優惠 讓 廠商 投入 儘早 增加 就業機會 新北 目前 國 市 有 土地 招標 案 3 案 將 提供 3 個 月租金 減半 優惠 預計 會 減少 317萬 元 租金 收入 將 在 56 月 公告 何 怡 明 也 說 市府 已 訪視 轄內 多 家業 者 包括 玻璃製品 幫 浦 與 紙盒 等 廠商 有 業者 積極 轉型 想 在 亞洲 成立 研發 中心 市府 招商 一條龍 將 全力 協助 業者 何 怡 明 也 說 新北 上周 推出 企業 安心 辦 服務 有 117 件 諮 詢 電話 其中 有 65 有 資金 貸款 需求 業者 反映 部分 民營銀行會 變相 拖延 市府 將 發文 要求 銀行 作業 一致性 在 可 控 風險 下 提供 業者 貸款 需求 也 建議 經濟部 訂 定 一致性 審查 流程 更 呼籲 中央 對 自 營業 者 補助 應該 儘快 開始 侯友宜 說 很多 企業 很 難 在 這 波 衝擊 下 生存 希望 中央 把 條件 放寬 讓 企業 貸 到 款 否則 光 有 1 兆 500億 同樣 是 看 得 到 申請 不到 拜 讬 中央 給 地方 協助 交通 局長 鍾 鳴 時 也 說 中央 已 針對 國道 公路 客運 提出 紓困 專案 市區 公車 較 去年同期 減少 74 運量 換算 每天 少 了 5萬6000 段 次 收入 每個 月 累積 損失 約 3200萬 盼 中央 納入 紓困</t>
  </si>
  <si>
    <t>為 瞭解 蔬菜 水果 的 攝取量 與 壓力 知覺 量 的 關係 澳洲 伊 迪斯可文 大學 研究 團隊 針對 逾 8000 名 參與者 進行 問卷調查 結果 發現 每天 吃 至少 470 克 蔬菜 與 水果 的 參與者 壓力 知覺 水準 約 下降 10 隨 著 新冠肺炎 在 臺灣 重 燃 疫</t>
  </si>
  <si>
    <t>為 瞭解 蔬菜 水果 的 攝取量 與 壓力 知覺 量 的 關係 澳洲 伊 迪斯可文 大學 研究 團隊 針對 逾 8000 名 參與者 進行 問卷調查 結果 發現 每天 吃 至少 470 克 蔬菜 與 水果 的 參與者 壓力 知覺 水準 約 下降 10 隨 著 新冠肺炎 在 臺灣 重 燃 疫情 民眾 心情 跟 著 每日 確診 數 而 起起伏伏 這項 研究 顯示 大量 攝取 蔬果 除 可 增加 身體 抵抗力 外 還 能 舒緩 因 疫情 嚴峻 而 產生 的 壓力 上升 這 份 研究 已 刊登 在 2021 年 5 月份 的 臨床 營養 論文 指出 隨 著 全球 各國 精神疾病 案例 愈來愈多 心理健康 無疑 成為 日益嚴重 的 問題 據 統計 約 2 分之 1 的 澳洲 民眾 在 一生 中會 遇到 心理健康 問題 放眼 全球 約 10 分之 1 的 人 罹 患 精神疾病 固然 生活 免不了 壓力 但 長期 暴露 在 壓力 之下 無疑 會 對 心理健康 產生 不利 影響 例如 心臟病 糖尿病 憂鬱 症 與 焦慮 症 預防 與 減輕 心理疾病 的 方法 已 成為 公共 衛生 刻不容緩 的 議題 眾 所 皆 知 均衡 而 健康 的 飲食 為 人體 帶來 好處 但 資料 顯示 只 有 2 分之 1 的 澳洲 民眾 每天 吃到 2 份 水果 每日 攝取 5 份 蔬果 的 人數 比例 更 低於 10 分之一 儘管 研究 已 證實 營養不良 會 讓 人 壓力 知覺 上升 卻 沒有 說明 蔬果 攝取量 與 壓力 之間 的 關係 為 探討 蔬果 攝取 是否 能 降低 食用 者 的 壓力 以及 血清 類 胡蘿蔔素 serum carotenoids 蔬果 攝取 生物 標記 與 壓力 知覺 的 關係 研究 團隊 透過 澳洲 糖尿病 肥胖 與 生活型 態 研究 征 得 8689 名 志願者 進行 實驗 所有 參與者 年齡 在 25 歲 以上 平均年齡 為 474 歲 其中 女性 占 498 所有 參與者 必須 填寫 食物 頻率 問卷 以 評估 飲食 攝取量 此外 還 需 填寫 經 認證 的 壓力 知覺 問卷 約 1187 名 參與者 須 透過 高效 液相 層析 high performance liquid chromatography 以 測量 血清 類 胡蘿蔔素 並 進行多 變數 回歸 分析 以 確認 蔬果 攝取量 與 壓力 知覺 的 關聯 結果 發現 相較 於 每天 攝取 蔬果 不 到 230 克 的 參與者 每天 蔬果 攝取 達 470 克 以上 的 參與者 感受 到 的 壓力 水準 降低 約 10 從 參與者 的 年齡 來看 45 歲 以上 65 歲 以下 的 中年人 攝取 蔬果 量 對 壓力 知覺 的 降低 最為 明顯 但 在 小於 45 歲 與 大於 65 歲 的 參與者 中 關聯 性 則 沒有 這麼 明顯 從 性別 來看 不論 男女 大量 攝取 蔬果 都 有助於 降低 壓力 研究 團隊 解釋 蔬果 中 含有 維生素 礦物質 類 黃 酮 與 胡蘿蔔素 能夠 減少 發炎 與 氧化 壓力 從而 改善 心理健康 發炎 與 氧化 壓力 已 被 證實 增加 壓力 焦慮 與 情緒 低落 更進一步 地 說 隨 著 新冠肺炎 疫情 逐漸 升溫 大量 攝取 蔬果 不 只 減低 疫情 期間 人們 的 焦躁 不安 也 是 提升 免疫力 的 關鍵 深 綠色蔬菜 中的 維生素 a b c e 與 各種 礦物質 是 免疫系統 正常 運作 的 必要 元素 水果 的胡蘿蔔素 在 人體 內 可 轉換 為 維生素 a 能 維持 眼睛 口腔 肺部 與 腸胃 道 黏膜 健康 進而 阻止 細菌 與 病毒 入侵 體內</t>
  </si>
  <si>
    <t>壓力 知覺 新冠肺炎 蔬果 免疫力 焦慮 症</t>
  </si>
  <si>
    <t>大陸 科興 疫苗 對於 防範 新冠肺炎 究竟 有 沒 有用 台 大公 衛 學者 張維容 今天 透過 第 四 期 疫苗 效益 評估 方法 分析 發現 在 智利 每 增加 1 的 科興 疫苗 施打 不但 無助 降低 疫情 發生 還 可能 會 增加 3 的 新冠肺炎 個案 張維容 所 使用 的 這</t>
  </si>
  <si>
    <t>科興 疫苗 新冠肺炎 張維容 疫苗 施打</t>
  </si>
  <si>
    <t>新冠肺炎 臺灣 死亡 個案 潛藏 疾病</t>
  </si>
  <si>
    <t>針對 來勢洶洶 的 新冠肺炎 疫情 高雄 市長 韓國瑜 20 日 在 交通 局長 鄭永祥 陪同 下 前往 鳥松 區 倫永 計程車 衛星 大 車隊 訪視 其 準備 的 防疫 措施 外 業者 向 韓 市長 反映 農曆 春節 過後 生意 掉 快 一半 收入 受到 影響 希望 市長 協助 紓困</t>
  </si>
  <si>
    <t>計程車 肺炎 新冠 口罩 新冠肺炎</t>
  </si>
  <si>
    <t>新冠肺炎 臺灣 台南 施打 臺灣</t>
  </si>
  <si>
    <t>降息 風 吹來 新 台幣 看似 愈 存 愈 薄 但 你 或許 不 知道 新 台幣 一點 都 不弱 光是 最近 1 個 月 新 台幣 對 英鎊 澳 幣 紐 幣 加 幣 至少 都有 6 以上 升幅 漲 得 可 凶 如果 要 趁 便宜 撿 些 外幣 囤 著 可別 錯過機會 新冠肺炎 掀起 降息</t>
  </si>
  <si>
    <t>降息 風 吹來 新 台幣 看似 愈 存 愈 薄 但 你 或許 不 知道 新 台幣 一點 都 不弱 光是 最近 1 個 月 新 台幣 對 英鎊 澳 幣 紐 幣 加 幣 至少 都有 6 以上 升幅 漲 得 可 凶 如果 要 趁 便宜 撿 些 外幣 囤 著 可別 錯過機會 新冠肺炎 掀起 降息 浪潮 美國 聯 准會 一 降 就 是 6 碼 讓 許多 國家 慌 了 包括 英國 澳大利亞 紐西蘭 等 國 前仆後繼 加入 降息 陣容 亞洲 央行 不落人後 除了 降 不了 的 日本 韓星 馬泰 等 國都 降息 了 影響 所及 全球 貨幣 市場 大風 吹 一般來說 美國 降息 加上 無 限制 量化 寬鬆 美元 應該 變成 落水狗 不過 亂世 現金 至上 許多 人 寧可 抱 美元 避險 這 讓 美元 指數 意外 衝破 100 關卡 成為 最 強 貨幣 相較 于 美元 非 美 貨幣 就 沒有 這種 待遇 過去 1 個 月 英鎊 澳 幣 紐 幣 加 幣 跌 得 鼻青臉腫 亞洲 以東 南亞 受 衝擊 最 大 泰銖 馬來西亞 令 吉 與 星幣 貶幅 都 相當 重 與 台幣 交叉 匯率 新 台幣 兌換 英鎊 澳 幣 紐 幣 加 幣 最為 划算 光是 近 1 個 月 新 台幣 對 英鎊 就 升值 超過 7 拉長 到 3 個 月 則 達 8 台 銀牌 告 價 已經 來到 36 元 附近 紐澳 幣 則 是 重災區 台幣 對 澳 幣 紐 幣 過去 1 個 月 分別 升值 超過 8 7 拉長 到 3 個 月 甚至 高達 12 目前 澳 幣 紐 幣 在 台 銀牌 告 都 到 18 字頭 算是 撿便宜 中的 首選 另外 可以 觀察 的 是 歐元 雖然 歐洲央行 沒有 降息 只 祭出 量化 寬鬆 但 隨 著 歐洲 疫情 持續 擴散 歐元 也 爬不起來 目前 台 銀牌 告 約 在 33 字頭 盤旋 如果 疫 後 想要 去 歐洲 玩 此時 或許 是 不錯 的 低檔 買進 時機 亞 幣 方面 東南亞 最 值得 撿 台幣 對 馬幣 近 1 個 月 升值 超過 4 對 星幣 泰 銖 也 超過 35 觀光客 最愛 的 泰國 更 是 受 疫情 導致 旅客 大 減 衝擊 近 3 個 月 對 新 台幣 貶 逾 7 銀行 主管 表示 這 波 疫情 吹 起 降息 巨浪 造成 多國 貨幣貶值 幾乎 是 前所未見 的 低價但要 注意 有些 貨幣 在 臺灣 只能 買 現鈔 因為 流動性 的 關係 會 加 一 筆 手續費 吃 掉 匯差 結 匯 前 還 是 得 先 算 過 別 吃了虧</t>
  </si>
  <si>
    <t>新冠肺炎 研究 病毒 大學 科技 部</t>
  </si>
  <si>
    <t>新冠肺炎 疫情 延 燒 不少 大型活動 因此 停 擺 其中 一年一度 大甲鎮 瀾 宮 媽祖 繞 境 活動 也 受 疫情 影響 大甲鎮 瀾 宮 基金會 董事長 顏清標 日前 表示 衛福部 仍要 做出 專業 判 段 繞 境 活動 在 未 禁止 前 仍 照常 舉行 實際 走 上 街頭 詢問 民眾 的</t>
  </si>
  <si>
    <t>新冠肺炎 疫情 延 燒 不少 大型活動 因此 停 擺 其中 一年一度 大甲鎮 瀾 宮 媽祖 繞 境 活動 也 受 疫情 影響 大甲鎮 瀾 宮 基金會 董事長 顏清標 日前 表示 衛福部 仍要 做出 專業 判 段 繞 境 活動 在 未 禁止 前 仍 照常 舉行 實際 走 上 街頭 詢問 民眾 的 看法 多數 民眾 則 表示 應當 延期 或 禁止 大型活動 一旦 人潮 聚集 導致 疫情 蔓延 後果 不堪設想 認為 媽祖 可以 體諒 因應 疫情 而 做出 的 決定 並 不 會 因為 取消 就 不 保佑 人民 不過 也 有 民眾 表示 若 繞 境 如期舉行 還 是 會 參加 也 呼籲 其他 民眾 先 自行 評估 個人 身體狀況 再 決定 是否 前往 參與 繞 境 活動 此 盛事 最後 松山 慈右宮 陳 玉峰 董事長 表示 因 疫情 關係 請示 媽祖 後 獲得 媽祖 同意 將 暫停 此次 的 繞 境 活動 也 取消 了 原先 計畫 要到 北 港 和 六 家 廟宇 的 互惠 活動</t>
  </si>
  <si>
    <t>大甲 媽祖 鎮 瀾 宮 繞 境 新冠肺炎 顏清標</t>
  </si>
  <si>
    <t>香港 新冠肺炎 流感疫苗 新冠 疫苗 何柏良</t>
  </si>
  <si>
    <t>大陸 國家 衛健 委 高級別 專家組 成員 中國工程院 院士 李蘭娟 表示 有些 國家 提出 所謂 群體 免疫 的 觀點 這 是 對 老百姓 極不 負 責任 的 做法 大陸 疫情 已經 趨 緩 如果 到 3 月 20 日前 後 武漢 新增 病例 如果 歸零 再過 2 周後 就 可以 恢復正常 生活 與 生產秩序 在 大陸 極 負 盛名 的 傳染病 學家 李蘭娟 接受 中新 網 訪問 時 表示 一些 國家 面對 新冠肺炎 疫情 提出 的 群體 免疫 觀點 是 對 老百姓 不負責任 的 做法 中國 大陸 抗擊 新冠肺炎 疫情 的 經驗 和 教訓 值得 其他 國家 學習 和 借鑒 對於 武漢 疫情 何時 能 結束 李蘭娟 表示 到 3 月 20 日前 後 武漢 新發 感染 病例 若為 零 再 觀察 大約 兩 周後 可以 恢復 到 正常 的 生產 生活 秩序 中 英國首相 強生 曾 公開 表示 如果 有 6 至 7 成 的 民眾 染病 就 能 有 大量 的 民眾 獲得 抗體 並 因而 形成 群體 免疫 現象 不 過 這種 說法 被 批評 為 英國政府 打算 放任 民眾 染病 的 政策 遭到 普遍 的 批評</t>
  </si>
  <si>
    <t>新北 市 板橋 區 一 名 新冠肺炎 確診 者 陳小姐 因 共居 的 的 柯基 犬 仔 仔 罹 癌 急需 就醫 但 她 因 被 隔離 無法 帶 愛犬 出門 就醫 致電 新北 市 動 保處 求助 動 保處 隨即 派員 接送 仔仔 就醫 再 將 它 安全 送回 解決目前 居家 隔離 陳 小姐 的 困擾</t>
  </si>
  <si>
    <t>新冠肺炎 疫情 嚴重 衝擊 澎 湖 觀光 遊客量 減半 住房 率 暴跌 澎 湖 縣政府 振 衰 起 敝 搶救 觀光 祭出 旅館業 房屋 稅 調 降 等 優惠 縣長 賴峰偉 更 信心 喊話 現在 遊澎 湖 正好 即將 邁入 澎 湖 觀光 旺季 怎 料 新冠肺炎 席捲而來 打落 穀</t>
  </si>
  <si>
    <t>新冠肺炎 疫情 嚴重 衝擊 澎 湖 觀光 遊客量 減半 住房 率 暴跌 澎 湖 縣政府 振 衰 起 敝 搶救 觀光 祭出 旅館業 房屋 稅 調 降 等 優惠 縣長 賴峰偉 更 信心 喊話 現在 遊澎 湖 正好 即將 邁入 澎 湖 觀光 旺季 怎 料 新冠肺炎 席捲而來 打落 穀底 尤其 日前 縣府 公佈 今年 海上花 火 節 延期 地方 旅遊 產業 雪上加霜 慘兮兮 連日來 澎 湖 交通運輸業 旅行 業 旅 宿業 觀光 遊樂業 特產店 餐廳 等 退團 退訂 電話 接 不停 短短 兩 個 月 內 遊樂 乏人問津 住房 率 暴跌 就 連 航空 班機 也 無 預警 臨時 取消 縣府 將 邀集 地方 各界 業者 召開 觀光 發展 推動 委員會 集思廣益 展開 救 觀光 大 作戰 協助 申請 紓困 補助 爭取 國旅 力挺 調 降 旅館業 房屋 稅 強化 文旅 年 觀光 新 亮點 等 縣長 賴峰偉 親 上 火線 化身 代言人 宣傳 澎 湖 觀光 大聲 拉客 現在 遊澎 湖 正好 雖然 花火節 無奈 延期 但 既定 行程 澎 湖 遊客 們 先 別 急退 單 澎 湖 氣候宜人 好 舒服 生猛 海鮮 好 口福 風光明媚 好 景致 一定 邀請 您 跨 海澎 湖 來作 客 縣府 指出 花火節 延期 勢必 影響 澎 湖 觀光 面對 全台 各地 大型活動 臨時 喊 卡 澎 湖 業者 多次 建議 逆向 操作 花 火 節 如期舉行 縣府 再三 考量 仍 不敢 絲毫 疏失 守護 澎 湖 這 片 淨土</t>
  </si>
  <si>
    <t>新冠肺炎 新冠肺炎 ncp 臺灣 澎 湖</t>
  </si>
  <si>
    <t>健康 新 視界 潘懷宗 感冒 讓 您 免得 新冠肺炎 嗎</t>
  </si>
  <si>
    <t>2020 年 8 月 4 日 美國 科學家 雜誌 記者 巴拉 努克 chris baraniuk 撰寫 了 一 篇 健康 類 文章 特別 提到 最近 在 世界各地 研究 新冠肺炎 的 科學家 們 一 次 又 一 次 地 發現 了 一個 重複 出現 的 現象 那 就 是 從未 接觸 過 新冠 病毒 的 健康 者 血液 樣</t>
  </si>
  <si>
    <t>新冠肺炎 細胞 感冒 新冠 病毒 抗體</t>
  </si>
  <si>
    <t>臺灣 每 3 人 就 有 1 人 鼻子 過敏 現在 正值 好 發 季節 日前 有 一 位 居家 檢疫 者 誤以為 流 鼻 水 是 鼻 過敏症 狀 而 不以為意 後來 擴大 采 檢 之後 才 發現 感染 新冠 病毒 近來 的 敦睦 艦隊 群 聚 感染 事件 中 也 有 士兵 誤以為 是 過敏性 鼻炎 發作 而 到 診所 就醫 後來 檢驗 同樣 發現 確診 新冠肺炎 這些 案例 接二連三 爆發 也 讓 民眾 紛紛 疑惑 到底 如何 分辨 畢竟 臺灣 的 鼻 過敏 患者 人數 眾多 老少 皆 有 坦白說 真的 很 難 分辨 亞東 醫院 耳鼻喉科 醫師 溫明勳 說 流 鼻 水 鼻 塞 是 鼻 過敏 新冠肺炎 共有 的 症狀 就 連 專業 醫師 第一時間 也 難以 判斷 但 正因如此 所以 過敏 族 更 應 積極 控制 病況 才能 避免 與 新冠肺炎 混淆 現在 正是 鼻子 過敏 的 好 發 季節 所以 難怪 那位 患者 會 誤認 鄒瑋倫 中醫師 說 想要 分辨 到底 是 鼻 過敏 或 新冠肺炎 其實 從 舌 相 便 可以 明顯 看出 差別 鼻 過敏 患者 的 舌頭 通常 會 胖胖的 舌苔 會 略 白 新冠肺炎 患者 的 舌頭 則 呈現 赤紅色 有些 類似 豬肝 的 顏色 同時 舌苔 非常 厚 彷 佛 可以 刮下來 一般 鄒瑋倫 說 如果 是 單純 的 感冒 舌頭 形狀 正常 但是 舌苔 會 顯得 又 黃又白 而 靠近 舌根 的 地方 會 再 黃 一點 另外 問診 時 也 會 詢問 咳嗽 鼻涕 的 持續時間 一般 感冒 大約 七 天會 好 若是 鼻 過敏 就 可能 長期 都 有 症狀</t>
  </si>
  <si>
    <t>鼻 過敏 新冠肺炎 症狀 舌頭 舌苔</t>
  </si>
  <si>
    <t>新冠肺炎 臺灣 研究員 匡列 陳潤秋</t>
  </si>
  <si>
    <t>難怪 湖 人 球星 小 皇帝 詹姆斯 那麼 希望 nba 趕緊 找 出 複賽 方案 了 根據 看臺 報告 3 日 報導 假如 nba 本 季 剩下 例行 賽 全部 因為 新冠肺炎 疫情 取消 詹皇 不只 每場 比賽 少 了 40萬 美元 約 台幣 1201萬 元 甚至 還 要 把 領到 的 錢 退 給</t>
  </si>
  <si>
    <t>難怪 湖 人 球星 小 皇帝 詹姆斯 那麼 希望 nba 趕緊 找 出 複賽 方案 了 根據 看臺 報告 3 日 報導 假如 nba 本 季 剩下 例行 賽 全部 因為 新冠肺炎 疫情 取消 詹皇 不只 每場 比賽 少 了 40萬 美元 約 台幣 1201萬 元 甚至 還 要 把 領到 的 錢 退 給 湖 人 詹姆斯 2018 年 夏天 跟 湖 人 簽下 4 年 154億 美元 合約 他 在 本 季 可 領 3744萬 美元 根據 勞資 協定 不可 抗拒 條款 球員 每 缺席 1 場 比賽 將 損失 約 11 薪水 等於 詹皇 每場 損失 40萬 美元 目前 湖 人 還 有 19 場 沒 打 讓 他 將 損失 約 760萬 美元 更 讓 詹姆斯 頭痛 的 是 美國 時間 4 月 1 日 是 nba 球員 發薪日 包含 他 在內 的 少數 球員 已經 拿走 大約 9 成 的 年薪 假如 nba 真 的 決定 取消 本 季 剩 餘 例行 賽 目前 看來 很 有 可能 這麼 做 詹皇 不得不 把 多 領 的 薪水 退還給 湖 人 等於 到手 的 錢又飛 了 目前 nba 複賽 規劃 屢屢 受阻 最 可能 成真 的 計畫 就是 取消 全部 例行 賽 把 季後 賽 移 到 拉斯維加斯 關門 進行 且 不會 進行 以往 的 7 戰 4 勝 制 系列 戰 而是 集中 晉級 季後 賽 的 16 支 球隊 舉辦 單 淘汰賽制 可是 這種 一 戰 定 生死 賽 制 恐怕 也 會 遭到 反對</t>
  </si>
  <si>
    <t>新冠肺炎 不僅 威脅 國人 生命 健康 安全 也 影響 著 每個 人 的 生活習慣 在 臺灣 戶外 空間 也 需 配戴 口罩 的 情況 下 醫師 呼籲 切 勿 戴著 口罩 運動 以免 發生 危險 戴 口罩 運動 易 加重負擔 不論 有氧 或 靜態 都 不宜 胸腔 內科 重症 醫學 黃</t>
  </si>
  <si>
    <t>新冠肺炎 不僅 威脅 國人 生命 健康 安全 也 影響 著 每個 人 的 生活習慣 在 臺灣 戶外 空間 也 需 配戴 口罩 的 情況 下 醫師 呼籲 切 勿 戴著 口罩 運動 以免 發生 危險 戴 口罩 運動 易 加重負擔 不論 有氧 或 靜態 都 不宜 胸腔 內科 重症 醫學 黃軒 醫師 表示 不論是 快 跑 慢 跑 騎車 運動 爬山 或是 瑜 珈 筋骨 身 展 等 靜態 活動 或是 有氧運動 都 不應 戴 口罩 執行 戴 口罩 運動 2 大 問題 恐 加重負擔 口罩 失效 黃軒 醫師 表示 外科 口罩 會 增加 吸 吐 氣 的 阻力 研究 推測 與 口罩 已成 濕 布 有關 此時 肺部 需 耗費 更 大 的 力氣 運作 容易 耗損 體力 配戴者 就 連 走路 都會 感覺 氣喘吁吁 而 n 95 口罩 會 減低 氧氣 濃度 32 增加 二氧化碳 89 在 一 開始 運動 時 就 容易 滯留 二氧化碳 且 容易 超標 這 也 使得 身體 需 做出 代 償 增加 新陳代謝 這 也 增加 體力 消耗 很 大 的 負擔 而有 氣喘 等 慢性 肺病 或 心臟病 等 心 肺 功能 不 佳 者 更 是 要 注意 絕對 避免 另一方面 運動 在 正常 情況 下 是 一定 會 流汗 的 流汗 便 會 使得 口罩 浸濕 會 失去 阻擋 病毒 飛沫傳染 的 功能 病菌 也 就 可能 隨 著 水氣 進入 口罩 失去 防護力 防疫 兼顧 體能 在家 運動 最 妥當 黃軒 醫師 提醒 要 做好 防疫 又 得 維持 生活 健康 在 現在 防疫 當前 人人 室內外 都 得 配戴 口罩 的 情況 下 最好 的 方式 就是 在 家 運動 如此 不僅 能夠 在 家 防疫 也 可以 做到 有氧運動 且 一般 情況 下 無需 配戴 口罩 若要 在外 運動 應 時時 注意 防疫 並 配戴 好 口罩 運動 建議 以 散步 漫步 的 方式 進行 其它 的 應 全面 避免 以免 危及 生命安全 發生 憾事</t>
  </si>
  <si>
    <t>今 健康 新冠肺炎 臺灣 運動 口罩</t>
  </si>
  <si>
    <t>衛福部 陳時中 擴大 紓困 困擾 新冠肺炎</t>
  </si>
  <si>
    <t>醫療 量 能 新冠肺炎 臺灣 年長者 確診</t>
  </si>
  <si>
    <t>全家 便利商店 5903 2 月 合併 營 收 為 6094億 元 月 減 1294 年 增 617 由於 進入 3 月 抹 茶 季 相關 新品 上市 將 成為 話題 重點 且 鮮 食 冷凍 新品 母親節 預購 展開 下 的 網 購 冷凍 食品 防疫 概念 日用品 主題 行銷 活動 疫情 商機 下 的 ec 網 購 趨勢 向上 可望 成為 推 升 營 收成 長 動能 雖 2 月 受到 新冠肺炎 影響 致使 全家 便利商店 2 月 合併 營 收 較 1 月 下滑 但 受惠 於店 數 ec 件數 以及 鮮 食 業績 三 成長 仍 是 維持 較 去年 同月 成長 趨勢 累計 前 2 月 合併 營 收 為 13093億 元 年成 長 888 就 產品 別 來看 2 月 鮮 食 成長 7 在 開工 情人節 二二 八連 假 的 連番 優惠活動 以及 草莓 季 相關 話題 新品 上市 下 帶動 現 煮 飲料 成長 超過 15 霜淇淋 年 增 超過 20 而 健康 環保 概念 素材 如 植物 肉 超級 大麥 的 創新 運用 適逢 疫情 下 消費者 自主 健康 管理 意識 提升 致 調理 面 沙拉 等 品類 亦 成長 近 10 生鮮 冷凍 的 鮮 食品類 也 在 疫情 引發 在家 簡單 煮 的 消費行為 轉變 下 成長 近 40 至於 一般 商品 中 因 疫情 所 帶動 的 成長 品類 也 主要 與 內食 需求 提升 補充 身體 營養 維持 家中 基本 生活 物資 等 有關 包含 罐頭食品 保健 飲品 衛生紙 濕 紙巾 等 日用品 大包裝 點心 零食 等 截至 109 年 2 月 29 日 止 全家 便利商店 總 店鋪 數 達 3606 家 展望 3 月 全家 表示 時序 進入 春暖花開 抹 茶 季 相關 新品 上市 將 成為 話題 重點 同步 鮮 食 冷凍 新品 母親節 預購 展開 下 的 網 購 冷凍 食品 防疫 概念 日用品 主題 行銷 活動 疫情 商機 下 的 ec 網 購 趨勢 向上 將 成為 驅動 營 收成 長 的 動能</t>
  </si>
  <si>
    <t>眼看 美國 新冠肺炎 疫情 再度 惡化 蘋果 25 日 又 宣佈 佛羅里達州 14 家 先前 恢復 營業 的 門市 再度 關閉 自 上周 以來 重新 關閉 的 美國 門市 已 達 32 家 令 外界 擔心 美國 疫情 惡化 速度 超乎想像 受到 銀行 股 下跌 及 耐 吉 財 報 拖累 美 股 週五 早</t>
  </si>
  <si>
    <t>生物 考 6 題 新冠肺炎 補 教 沒 注意 此 新聞 的 考生 不易 作答</t>
  </si>
  <si>
    <t>今年 指 考 生物科 一口氣 有 6 題 跟 新冠肺炎 相關 創下 單一 時事 出 最 多 題 的 紀錄 補 教 老師 說 今年 生物 科考 得 很 深 很細 比 去年 難 預估 頂標 81 分 比 去年 降 1 分 補 教 老師 游夏 表示 過去 單一 時事 頂多 出 個 12 題 但 今年 新冠</t>
  </si>
  <si>
    <t>今年 指 考 生物科 一口氣 有 6 題 跟 新冠肺炎 相關 創下 單一 時事 出 最 多 題 的 紀錄 補 教 老師 說 今年 生物 科考 得 很 深 很細 比 去年 難 預估 頂標 81 分 比 去年 降 1 分 補 教 老師 游夏 表示 過去 單一 時事 頂多 出 個 12 題 但 今年 新冠肺炎 一口氣 考 了 6 題 創 了 紀錄 今年 第 14 至 17 題 及 45 至 46 題 均 是 考新冠肺炎 包括 病徵 檢測 及 對 肺 功能 的 影響 都 考到 了 平時 沒有 涉獵 這個 新聞 的 考生 答 起來 會 有 點 吃力 游 夏 表示 今年 生物科 題目 敘述 不長 又 清楚 但 考得很 深 很細 加上 許多 題目 有 陷阱 整體 來說 比 去年 難 作答 即使 是 高手 也 會 失誤 全國 教師 會 解析 第 1819 題 以 杜甫詩 烽火 連 三月 家書 抵 萬金 來 導入 神經 生理 動作電位 的 原理 具有 創意 非 選擇題 由 閱讀 入 題 比較 動物 與 人體生理 並 測驗 學生 推論 的 能力 很 有趣 實驗 題 僅 著 重於 靜態 的玻片 觀察 和 實驗 步驟 的 理解 可惜 缺乏 藉 實驗 引導 探究 能力 的 試題 全國 高級 中等學校 教育 產業 工會 指出 第 45 題 rna 病毒 的 實驗 分析 並未 在 正 課 內容 中 涉及 雖有 超出 課 綱 規範 的 疑慮 但 學生 可以 藉 由 dna 粗 萃 取 的 原理 去 推論 對 用功 的 學生 應該 不會 太 難 單選第 9 題 只有 翰林 版 使用 pr ptotal 的 表示 方式 有 偏向 特定 版本 的 疑慮 應該 避免</t>
  </si>
  <si>
    <t>今年 肺炎 實驗 新冠肺炎 新冠</t>
  </si>
  <si>
    <t>快樂 缺氧 新冠肺炎 症狀 隱形 缺氧 確診</t>
  </si>
  <si>
    <t>法國 天體 海灘 爆發 新冠肺炎</t>
  </si>
  <si>
    <t>法國 地區 衛生機構 表示 地中海 沿岸 的 一個 裸體 度假勝地 暴發 嚴重 的 新冠肺炎 據 每日 郵報 報導 測試 結果顯示 大約 100 名 遊客 感染 新冠 病毒 上 週一 在 非常 受 天體 主義者 歡迎 的 cap d&amp;apos agde 度假村 發現 38 例 新冠 病毒 確診</t>
  </si>
  <si>
    <t>法國 地區 衛生機構 表示 地中海 沿岸 的 一個 裸體 度假勝地 暴發 嚴重 的 新冠肺炎 據 每日 郵報 報導 測試 結果顯示 大約 100 名 遊客 感染 新冠 病毒 上 週一 在 非常 受 天體 主義者 歡迎 的 cap d&amp;apos agde 度假村 發現 38 例 新冠 病毒 確診 病例 上 週三 又 發現 57 例 與此同時 度假村 天體 主義者 的 感染 率 是 附近 村莊 的 四 倍 另外 還有 50 名 度假者 在 返回 家中 後 檢測 呈 陽性 預計 下 周將 會 有 更 多 的 檢測 結果 官員 們 稱 這些 數字 非常 令人不安 歐洲 國家 上週末 暴發 新一輪 新冠肺炎 過去 24 小時 法國 有 4900 人 確診 感染 這 是 過去 5 個 月 以來 感染 人數 最 多 的 一 天</t>
  </si>
  <si>
    <t>法國 天體 暴發 新冠肺炎 新冠 病毒</t>
  </si>
  <si>
    <t>az 最 年輕 死亡 個案 接種 新冠 疫苗 新冠肺炎</t>
  </si>
  <si>
    <t>幼稚園 群 聚 感染 累計 16 例 確診 新北 強化 二級 警戒 7 日 至 21 日 今天 網路上 也 流傳 一 份 停課 名單 新北 市長 侯友宜 今 主持 疫情 記者會 表示 停課 名單 是 不實 故意 造成 大家 恐慌 將 依 傳染病 防治法 防治 送交 警察局 偵 辦 最高 可 罰 300萬 希望 疫情 嚴峻 時 不 要 造成 大家 恐慌 新北 市 教育局 表示 目前 新北 有 5 校 共 4327 人 停課 強調 新北 規範 是 出現 1 例 確診 同班 被 匡列者 停課 14 天 全校 預防 性 停課 3 天 2 例 以上 全校 停課 14 天 出現 1 例 delta 全校 停課 14 天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仲琦 新冠肺炎 網通 產業 匯率</t>
  </si>
  <si>
    <t>好萊塢 確診 再 添 一 例 26 歲 女星 瑞秋麥 修斯 rachel matthews 當地 時間 16 日 晚間 在 ig 自 曝 上周 她 確診 新冠肺炎 目前 正 隔離 治療 中 她 詳細 記錄 自己 染病 的 過程 將 症狀 表現 公開 希望 能夠 幫助 到 其他 人 瑞秋麥 修斯 曾 為</t>
  </si>
  <si>
    <t>新冠肺炎 臺灣 高雄 鳳山 陽性</t>
  </si>
  <si>
    <t>快 篩 侯友宜 新莊 區 新冠肺炎 板橋</t>
  </si>
  <si>
    <t>在 新冠肺炎 油價 崩 跌 全球 面臨 經濟衰退 等 黑 天鵝 衝擊 下 今年 來 金融市場 相當 不 平靜 震盪 幅度 已 達 2008 年 金融 海嘯 水準 投資人 投資 困難 度 大幅 提升 投 信 法人 分析 新興 短期 高 收益 債 具有 短 天 期 低 波動 及 較佳 息 收</t>
  </si>
  <si>
    <t>在 新冠肺炎 油價 崩 跌 全球 面臨 經濟衰退 等 黑 天鵝 衝擊 下 今年 來 金融市場 相當 不 平靜 震盪 幅度 已 達 2008 年 金融 海嘯 水準 投資人 投資 困難 度 大幅 提升 投 信 法人 分析 新興 短期 高 收益 債 具有 短 天 期 低 波動 及 較佳 息 收 二 大 優勢 在 雷曼 事件 美國 降 評 油價 重 挫 中 美 貿易戰 及 新冠肺炎 等 重大 利 空 期間 其 跌幅 明顯 小於 全球 高收 債 美國 高 收益 債 美國 短 高 收 債 甚至 在 中 美 貿易戰 期間 逆勢 上揚 建議 投資人 現階段 將 新興 短期 高 收 債 納入 資產 配置 組合 強化 資產 防禦 力 台 新 新興 短期 高 收益 債券 基金 經理 人 尹晟 和 指出 債券 距離 到期日 愈 近 債券 價格 波動 愈小 只要 不 違約 到期 時 債券 價格 將 回到 面額 因此 短 天 期 債券 對 利率 敏感度 較 低 波動 幅度 也 相對 較 小 以 過去 十 年 年 化 波動 率 來看 新興 短期 公司 債 僅 525 皆 不 到 美國 投資 債 新興 公司 債 新興 主權 債 及 美國 高 收益 債 的 一半 最 適合 目前 大幅 震盪 下 的 避險 操作 另 方面 今年 來 債市 波動 加劇 投資人 頻繁 進出 大幅 增加 交易成本 而 新興 短期 公司 債 因為 價格 波動 低 本金 不易 被 侵蝕 債息 自然 能 成為 總 報酬 主要 來源 更 有 機會 強化 長期投資 複利 效果 歐義銳 榮新興 市場 債券 基金 總代理 第一 金 投 信 指出 從 評價 面 來看 新興 投資 級 債 目前 的 殖 利率 約 49 在 歐美 等 成熟 國家 大都 已 進入 零 負利率 情形 下 投資 吸引力 浮現 安 本 標準 2026 到期 新興 亞太 債券 基金 經理 人 李艾倫 指出 全球 央行 再次 攜手 降息 為 企業財務 困境 鋪上 資金 安全網 但 此舉 造成 債券 殖 利率 不斷 下 探 若 想 追求 收益 相較 於 成熟 市場 債券 新興 亞 債 的 利差 深 具 吸引力 在 新興 市場 資產 類別 的 表現 也 最佳 值得 納入 資產 配置 的 考量 野村 投 信 表示 美國 聯 准會 6 月 15 日 宣佈 將 開始透過 smccf 制度 購買 個別 公司 債 由於 美國 聯 准會 政策 買 盤 空間 仍 非常 充足 因此 高 收益 債 可望 受惠 這 一 波 流動性 盛宴 使 利差 持續 收斂 此外 隨 著 各國 政策 利率 已 降 至 歷史 低點 未來 再 降息 空間 有限 投資 需求 將 從 最低 風險 的 公債 抵押 債 轉移 至 有 利差 優勢 的 債 種 其中 又 以 高 收益 債 最 被 看好 因為 在 全球 成熟 市場 紛紛 來到 零利率 或 負利率 環境 相對 較 高 殖 利率 的 債券 可望 持續 吸 金</t>
  </si>
  <si>
    <t>新冠肺炎 臺灣 消防 基層 打火</t>
  </si>
  <si>
    <t>新冠肺炎 肆虐 全球 已 奪 走 超過 30萬 條 人命 疫苗 何時 研發 成功 成為 對抗 這 波 疫情 的 關鍵 英國 與 美國 團隊 14 日 公佈 初步 成果 他們 對 6 只 恒河 猴 注射 疫苗 後 猴子 體內 產生 新冠 病毒 抗體 有效 抑制 病毒 的 破壞 與 增生 能力 這</t>
  </si>
  <si>
    <t>新冠肺炎 肆虐 全球 已 奪 走 超過 30萬 條 人命 疫苗 何時 研發 成功 成為 對抗 這 波 疫情 的 關鍵 英國 與 美國 團隊 14 日 公佈 初步 成果 他們 對 6 只 恒河 猴 注射 疫苗 後 猴子 體內 產生 新冠 病毒 抗體 有效 抑制 病毒 的 破壞 與 增生 能力 這項 進展 為人 類 與 新冠 病毒 的 戰爭 打 了 一 劑 強心針 儘管 恒河 猴 的 免疫系統 近似 人類 不過 疫苗 對 獼猴 產生 的 結果 不 保證 會 轉換 到 人類 身上 牛津大學 4 月底 宣佈 總部 設於 英國倫敦 的 阿斯利康 製藥 astrazeneca 與 該校 的 詹納 研究所 合作開發 新冠肺炎 疫苗 已 啟動 人類 臨床 試驗 另一方面 由 牛津大學 以及 美國國家衛生研究院 nih 科學家 組成 的 研究 團隊 也 在 美國 以 恒河 猴 進行 小規模 研究 他們 先為 猴子 施 打 疫苗 接 著 讓 它們 暴露 在 高濃度 的 新冠 病毒 中 其中 有 些 在 14 天 之內 產生 新冠 病毒 抗體 全部 6 只 猴子 都 在 28 天內 產生抗體 研究 人員 發現 病毒 受到 疫苗 遏 阻 不能 損害 肺部 也 無法 在 肺 內 複製 增生 或 發展 成 肺炎 猴子 肺部 和 呼吸道 內 的 病毒 數量 都 比 未 施打 疫苗 的 控制組 少 不過 猴子 鼻腔 內 的 病毒 仍 有 增生 能力 據 英國廣播公司 bbc 報導 這 篇 報告 未經 其他 科學家 審核 也 尚未 正式 出版 而是 先 發表 在 生物 預 印本 網站 biorxiv 不過 倫敦大學 衛生 與 熱帶 醫學院 的 伊凡斯 教授 形容 此 研究 素質 極 高 且 令人鼓舞</t>
  </si>
  <si>
    <t>新冠肺炎 臺灣 日本 朱立倫 az 疫苗</t>
  </si>
  <si>
    <t>新冠肺炎 臺灣 新北 bnt 校園</t>
  </si>
  <si>
    <t>因為 新冠肺炎 全球 爆發 疫情 肆虐 下限 制 了 許多 自由 尤其 疫情 曾經 飆 升 的 國家 更是 痛失 許多 生命 南韓 就 包含 在 其中 在 一 片 戒慎 恐懼 中 南韓 演藝圈 今 出現 喜悅 的 光芒 皇后 的 品格 中 飾演 皇后 卞賢真 的 女星 申 高恩</t>
  </si>
  <si>
    <t>重症 病房 內 的 暖流 一 位 50 多 歲 的 新冠肺炎 重症 男 由 北部 轉到 中港 澄清 醫院 專責 加 護 病房 治療 經 14 天 的 治療 順利 拔 管轉 普通 病房 並經 肌 力 訓練 後 出院 返回 北部 的 家 pcr 轉陰 也 剛好 是 拔 管日 院方 出動 7 名 人力 協助 病 患 換 新衣</t>
  </si>
  <si>
    <t>重症 病房 內 的 暖流 一 位 50 多 歲 的 新冠肺炎 重症 男 由 北部 轉到 中港 澄清 醫院 專責 加 護 病房 治療 經 14 天 的 治療 順利 拔 管轉 普通 病房 並經 肌 力 訓練 後 出院 返回 北部 的 家 pcr 轉陰 也 剛好 是 拔 管日 院方 出動 7 名 人力 協助 病 患 換 新衣 並轉 進 新 病房 迎接 無 病毒 的 新 生日 護士 訝 然 看到 病人 努力 反 覆 彎 著 右手 大拇指 表達 謝謝 心情 也 激動不已 這 位 病 患 於 5 月 29 日 由 北部 轉 中港 澄清 醫院 專責 加 護 病房 時 當天 血 氧 在 未 使用 氧氣 設備 下降 至 70 80 雙 側 肺 浸潤 呈現 急性 呼吸 窘迫 症狀 群 治療 期間 病情 曾一度 變 壞 專責 加 護 病房 醫師 謝佳珍 表示 還好 經過 治療 後 有 改善 插管 治療 期間 也 逐漸 調 降 呼吸器 往 拔 管計畫 努力 邁進 到 了 6 月 8 日 患者 的 鼻 咽 pcr 檢測 為 陰性 接連 6 月 9 日 與 6 月 10 日 采 檢 氣管 內 管檢 體 檢測 pcr 的 結果 也 是 陰性 6 月 11 日 獲 通知 可以 解除 隔離 這樣 的 結果 振奮 醫護 團隊 醫護 貼心 策劃 要 在 拔 管後 讓 患者 換 新衣 穿 沒有 病毒 的 新衣 轉 進 普通 病房 慶祝 他 的 重 生 謝佳珍 說 拔 管 當天 總共 出動 7 名 人力 3 人 穿 著 兔 寶寶 裝 進去 拔 管及 負責 房間 的 清潔 一個 人 著 兔 寶寶 裝 在 外面 急救車 前 準備 萬一 喉頭 水腫 可能 馬上 進去 支援 插管 3 人 在 門外 穿 著 一般 防水 隔離 衣 準備 將 病人 轉移 去 乾淨 的 房間 護理 長 潘佩君 很 感動 地 說 當 成功 拔 管後 由 另 一 組 醫護 把 病人 送 往 乾淨 的 病房 此時 病人 的 右手 一直 在 動 仔細 一 看 原來 病人 很 努力 反 覆 的 彎 著 右手 大拇指 表達 著 無法 說 出口 的 謝謝 因為 這 段 時間 的 臥床 肌 力 嚴重 流失 病 患 轉 由 複健 團隊 接手 治療 經 完整 肌 力 訓練 病人 終於 可以 下 床 安全地 走路 也 順利 出院 返回 北部 的 家</t>
  </si>
  <si>
    <t>新冠肺炎 臺灣 拔 管 病人 表達</t>
  </si>
  <si>
    <t>來自 大陸 國家 衛生 健康 委員會 的 資料 顯示 截至 10 月 10 日 24 時 大陸 31 個 省區市 和 新疆生產建設兵團 已 連續 56 天 無 新 增 新冠肺炎 本土 確診 病例 和 疑似病例 大陸 度過 十一 長假 報 複式 旅遊 的 防疫 考驗 不過 11 日 上午 山東 青島市 卻 罕</t>
  </si>
  <si>
    <t>新冠肺炎 臺灣 查詢 資格 開放</t>
  </si>
  <si>
    <t>600億 新冠肺炎 紓困 預算案 執政黨 拼下 週五 3 讀</t>
  </si>
  <si>
    <t>立 法院 今日 下午 於 立院 議場 針對 600億 新冠肺炎 紓困 振興 特別 預算案 召開 朝野 協商 經 各黨 討論 後 同意 紓困 預算案 將 在 3 月 13 日 下 週五 院會 完成 3 讀 立法 院長 游錫堃 今日 主持 協商會議 並 邀請 各黨 共同 討論 國民 黨團</t>
  </si>
  <si>
    <t>美國國會 準備 祭出 重大 紓困 方案 緩解 新冠肺炎 疫情 對 經濟 的 衝擊 市場 充滿 樂觀 美 股 在 週二 24 日 大 反彈 道 瓊 飆漲 11 創下 了 1933 年 以來 最高 的 單日 漲幅 根據 路透社 的 報導 道 瓊 工業 平均 指數 上漲 211298 點 或 11 37</t>
  </si>
  <si>
    <t>美國國會 準備 祭出 重大 紓困 方案 緩解 新冠肺炎 疫情 對 經濟 的 衝擊 市場 充滿 樂觀 美 股 在 週二 24 日 大 反彈 道 瓊 飆漲 11 創下 了 1933 年 以來 最高 的 單日 漲幅 根據 路透社 的 報導 道 瓊 工業 平均 指數 上漲 211298 點 或 1137 以 2070491 點 作 收 創下 1933 年 來 最 大 單日 漲幅 標 普 500 指數 上漲 20993 點 或 938 以 244733 點 作 收 為 2008 年 10 月 以來 最 大 單日 漲幅 科技類 股 那 斯 達克 指數 上漲 55718 點 或 812 以 741786 點 作 收 這 一 波 漲幅 來自 於 週二 民主黨 和 共和黨 的 議員 共同 推行 高達 2 兆 美元 的 紓困 方案 加上 是 投資人 相信 現在 是 市場 的 低點 位 讓 市場 對於 疫情 過後 經濟 復蘇 抱 持 著 高度 樂觀 的 心情 而 道 瓊 指數 大 漲 的 主動 力 來自 於 波音公司 在 執行長 卡爾胡 dave calhoun 宣佈 今年中 737 max 客機 將 重 回 市場 後 股價 一 天內 飆漲 了 21 其 餘 亮 眼 的 個股 還有 達美航空 上漲 將近 21 通用汽車 也 上漲 近 20</t>
  </si>
  <si>
    <t>美 股 交易 標準普爾 暴跌 新冠肺炎</t>
  </si>
  <si>
    <t>健康 醫療網 新冠肺炎 臺灣 中風 covid 19</t>
  </si>
  <si>
    <t>新冠 疫苗 新冠肺炎 bnt 來 台 總統府</t>
  </si>
  <si>
    <t>陳時中 疫苗 採購 生產線 新冠肺炎</t>
  </si>
  <si>
    <t>盛群 新冠肺炎 額 溫槍 耳 溫槍 滑鼠</t>
  </si>
  <si>
    <t>中東 又 1 國中 鏢 巴林 現 第 1 起 新冠肺炎 確診 病例</t>
  </si>
  <si>
    <t>敦睦 艦隊 28 名 官兵 確診 新冠肺炎 敦睦 艦隊 支隊長 陳道輝 少將 被 調離 現職 陳道輝 接受 立 委 電話 質詢 時 表示 我 在 此 用 生命 保證 我 絕對 沒有 隱瞞 任何 疫情 陳道輝 是不是 有 難言之隱 有 粉 專 認為 陳道輝 現在 還 在 維護 長官</t>
  </si>
  <si>
    <t>陳道輝 敦睦 艦隊 磐石 艦 確診 新冠肺炎</t>
  </si>
  <si>
    <t>國內外 新冠肺炎 新增 確診 病例 激增 點燃 經濟 復蘇 之路 可能 受阻 的 擔憂 以及 市場 為 財 報 利空消息 預 做 準備 週五 日 股 創下 1 周 新低 終場 日經 225 指數 收 跌 106 為 2229081 點 創下 自 7 月 2 日 來 新低 東 證 一 部 指數 收 跌 1 42</t>
  </si>
  <si>
    <t>國內外 新冠肺炎 新增 確診 病例 激增 點燃 經濟 復蘇 之路 可能 受阻 的 擔憂 以及 市場 為 財 報 利空消息 預 做 準備 週五 日 股 創下 1 周 新低 終場 日經 225 指數 收 跌 106 為 2229081 點 創下 自 7 月 2 日 來 新低 東 證 一 部 指數 收 跌 142 為 153520 點 創下 6 月 15 日 來 新低 33 大類 股 全面 收 黑 美國 週四 新冠肺炎 新增 確診 病例 超過 60500 人 再創 單日 確診 新高 引發 若 重 啟 封鎖 措施 將 打擊 經濟 復蘇 的 擔憂 日本 首都 東京 的 單日 確診 數 持續 改寫 新高 週五 新增 病例 達 243 人 高度 週期 型 的 礦業 股 券商 股 與 地產 股 表現 最差 分別 跌 447 364 與 352 迅 銷 下挫 334 該 uniqlo 母公司 下 修 全年 展望 反映 新冠肺炎 疫情 對 業務 造成 的 重大 衝擊 索尼 逆勢 收 漲 139 因 媒體 報導 該 公司 對 要塞 英雄 遊戲 開發商 epic games 進行 規模 達 25億 美元 的 策略 投資</t>
  </si>
  <si>
    <t>新低 日 股 新冠肺炎 確診 病例 經濟 復蘇</t>
  </si>
  <si>
    <t>新冠肺炎 臺灣 陳宗彥 民眾 電子 圍 籬</t>
  </si>
  <si>
    <t>新冠肺炎 國際 封鎖 新南 威爾斯 州 延長</t>
  </si>
  <si>
    <t>苗栗 電子 廠 新冠肺炎 疫情 連環 爆 也 受 牽累 的 智邦 科技 2345 10 日 再 添 28 名 確診 員工 讓 總 確診 人數 追 高至 41 人 10 日 晚間 智邦 也 針對 外籍 移 工 停工 帶來 的 影響 做 一 說明 強調 6 月 產 能 不 變 然 因 部分 停工 影響 月 產量 將 因而</t>
  </si>
  <si>
    <t>新冠肺炎 紓困 40 申請 紓困 紓困 補助</t>
  </si>
  <si>
    <t>2020 年 新冠肺炎 肆虐 全球 還有 無數 知名人士 喪生 都讓 不少 人 直 呼 2020 怎麼 了 去 你 的 2020 期望 早點 邁 入 2021 年 但 不少 知名 預言家 對此 悲觀 表示 2021 依舊會 是 黑暗 年 還 會 出現 更 大 災難 曾 預言 今年 會 有 疫</t>
  </si>
  <si>
    <t>2020 年 新冠肺炎 肆虐 全球 還有 無數 知名人士 喪生 都讓 不少 人 直 呼 2020 怎麼 了 去 你 的 2020 期望 早點 邁 入 2021 年 但 不少 知名 預言家 對此 悲觀 表示 2021 依舊會 是 黑暗 年 還 會 出現 更 大 災難 曾 預言 今年 會 有 疫情 劫難 以及 川普 連任 失利 的 英國 靈媒 阿烏朱 拉 nicolas aujula 就 指出 疫情 造成 的 影響 在 2021 仍 會 持續 直到 2022 年 才會 結束 他 也 表示 自己 看見 明年 將 會 有 一 名 男性 世界 領袖 遭 暗殺 湯姆克魯斯 恐 會 有 心臟 問題 此外 印度 神童 阿南德 abhigya anand 也 曾在 今年 7 月 預言 11 月 後 疫情 將 會 二 度 爆發 精准 命中 阿南德 指出 土星 在 12 月 19 到 28 日 將 與 木星 會合 明年 的 新冠 疫苗 恐 會 出現 大 問題 也 可能 是 戰爭 爆發 或 經濟 崩潰 要 持續 到 2021 年 11 月 木星 離開 土星 和 摩 羯 座 慢慢 進入 水 瓶 座 之後 災難 才 會 和 緩 波蘭 預言家 傑 可 夫斯基 krzysztof jackowski 近日 也 表示 邁 入 2021 後 全球 情況 不 會 好轉 他 指出 明年 國際 情勢 將 會 有 重大 變動 其中 中東問題 會 日趨嚴重 波蘭 國內 也 會 掀起 波瀾 同為 波蘭 預言家 的 博 斯 基 przepowiednie dla polski 也 加碼 表示 波蘭 主要 政黨 會 受到 嚴厲 打擊 歐盟 也 將 實施 強硬手段 導致 經濟 惡化</t>
  </si>
  <si>
    <t>新冠肺炎 持續 在 全球 大 爆發 菲律賓 累計 確診 人數 已 達 3660 例 共 造成 163 人 死亡 菲律賓 總統 發言人 帕 內 洛 salvador panelo 5 日 發表 聲明 總統 杜特蒂 rodrigo duterte 將 捐 出 一個 月 的 薪水 以 幫助 國內 對抗 疫情</t>
  </si>
  <si>
    <t>新冠肺炎 持續 在 全球 大 爆發 菲律賓 累計 確診 人數 已 達 3660 例 共 造成 163 人 死亡 菲律賓 總統 發言人 帕 內 洛 salvador panelo 5 日 發表 聲明 總統 杜特蒂 rodrigo duterte 將 捐 出 一個 月 的 薪水 以 幫助 國內 對抗 疫情 據 瞭解 杜特蒂 2019 年 的 月薪 約 有 40萬 披 索 約 新 台幣 237萬 元 綜合 外 媒 報導 除了 總統 杜特蒂 以外 大多數 的 內閣 成員 也 自願 連續 3 個 月 減 薪 75 以 供 政府 對抗 新冠肺炎 眾議院 約 有 200 名 議員 將 捐 出 的 5 月 薪水 預估 總額 可 達 4000萬 披 索 約 新 台幣 2374萬 元 屆時 也 會 實施 網路 募款 目標 籌 得 1億 披 索 約 新 台幣 5935萬 元 菲律賓 首都 馬尼拉 於 3 月中 旬 實施 為期 30 天 的 封 城 令 向來 語出驚人 的 杜特蒂 於 4 月 2 日 電視 談話 中 強烈 警告 防疫 工作 最 重要 的 一點 就 是 國民 合作 軍警 于 值勤中 若是 遇到 違抗 者 可以 當場 槍斃 此外 杜特蒂 表示 攻擊 醫護人員 是 嚴重 罪行 絕 不容許 這類 暴行 發生 更 多 ctwant 報導</t>
  </si>
  <si>
    <t>白思豪 第一 階段 6 月 紐約 新冠肺炎</t>
  </si>
  <si>
    <t>家戶 傳播 新冠肺炎 臺灣</t>
  </si>
  <si>
    <t>5 月 12 日 是 護理 師 節 新冠肺炎 爆發 逾 4 個 多 月 第一線 醫護人員 穿梭 前線 打仗 除 體力 負荷 外 1 天 更 得 洗上 幾 十 次 手部 消毒 造成 肌膚 呈現 乾癟 手 皺 蓋婭 社 企 挺 防疫 募集 護手 霜 今 12 日 各 致贈 100 條 護手 霜 給 彰 化 基督教 醫院</t>
  </si>
  <si>
    <t>5 月 12 日 是 護理 師 節 新冠肺炎 爆發 逾 4 個 多 月 第一線 醫護人員 穿梭 前線 打仗 除 體力 負荷 外 1 天 更 得 洗上 幾 十 次 手部 消毒 造成 肌膚 呈現 乾癟 手 皺 蓋婭 社 企 挺 防疫 募集 護手 霜 今 12 日 各 致贈 100 條 護手 霜 給 彰 化 基督教 醫院 高醫 附設 醫院 養護 醫護人員 的 雙 手 蓋婭 社 企 創辦 人 楊洵 表示 在 新聞 上 看到 醫護人員 洗手 洗到 龜裂 感到 非常 敬佩 本身 擁有 醫學 檢驗 背景 知道 這些 工作 真的 非常 辛苦 想為 醫護人員 盡 一 份 心力 因此 號召 具有 理念 相同 的 朋友 舉辦 這 場 您 買 我 捐 以 精 油 植萃 護手 霜 支持 前線 醫護 的 活動 蓋婭 社 企 發起 的 活動 募集 了 200 條 護手 霜 分 別致 贈 了 100 條 護手 霜 給 彰 化 基督教 醫院 由 醫學 檢驗 部 主管 代表 接收 而今 天 致 贈給 高醫 附設 醫院 的 100 條 護手 霜 則 是 由 護理部 主管 代表 接收 蓋婭 社 企 品牌 總監 林盈 提到 蓋婭 社 企 是 三 屆 獲選 進駐 經濟部 社 創 中心 的 的 社會 企業 是 以 專利 仿生 農 法 種植 技術 與 天然 植 萃 保養 保健品 開發 見長 今天 剛好 是 國際 護理 師 節 能 在 今天 把 大家 的 心意 送達 覺得 非常 有意義 非常 榮幸</t>
  </si>
  <si>
    <t>新冠肺炎 高雄 高醫 護手 霜 社會 企業</t>
  </si>
  <si>
    <t>美 股 上市 的 大陸 知名 線 上 視頻 業者 愛 奇 藝 27 日 美 股 盤 後 發表 2019 年 第 四季 和 全年 未經 審計 的 財 報 值得注意 的 是 在 會員 服務 業務 力 撐 半壁江山 下 愛 奇 藝 2019 年 第 四季 營 收 與 淨 虧損 表現 均 優於 市場 預期 特別 是 受到 新冠肺炎</t>
  </si>
  <si>
    <t>美 股 上市 的 大陸 知名 線 上 視頻 業者 愛 奇 藝 27 日 美 股 盤 後 發表 2019 年 第 四季 和 全年 未經 審計 的 財 報 值得注意 的 是 在 會員 服務 業務 力 撐 半壁江山 下 愛 奇 藝 2019 年 第 四季 營 收 與 淨 虧損 表現 均 優於 市場 預期 特別 是 受到 新冠肺炎 疫情 肆虐 影響 促使 當前 大陸 宅 經濟 發 威 對此 愛 奇 藝 坦言 2020 年 年初 肺炎 疫情 期間 由於 民眾 減少 外出 愛 奇 藝 各項 增長 指標 都 經歷 大幅 增長 但 隨 著 2 月 下旬 各地 復工 公司 的 流量 開始 有所 減弱 公司 管理層 將 之 後 將 透過 各種 方式 留下 這些 使用者 讓 其 成為 公司 的 付費 用戶 全天候 科技 28 日 報導 愛 奇 藝 財 報 指出 公司 2019 年 第 四季 營 收 為 人民幣 下同 75億 元 年 增 7 高於 市場 預期 第 四季 淨 虧損 為 25億 元 較 上年 同期 淨 虧損 35億 元 有所改善 公司 在 2019 年 全年 營運 虧損 為 93億 元 在具體 細分 專案 方面 會員 服務收入 為 39億 元 年 增 21 季增 4 廣告 營 收 為 19億 元 年 減 145 季 減 9 內容 發行 業務 營 收 為 878億 元 年 增 68 第四季度 其他 營 收 達到 874億 元 另外 愛 奇 藝 的 訂閱 會員 規模 達到 1069億 年 增長 22 較 上 一 季 微漲 113 季度 淨增 約 120萬 會員 服務收入 已經 連續 六 個 季度 超過 廣告 收入 成為 愛 奇 藝 第一 大 收入 來源 愛 奇 藝 預計 2020 年 第一 季 的 營 收在 71億 至 752億 元 年 增長 2 8</t>
  </si>
  <si>
    <t>2020 年 4 月 20 日 5 月 美西 德州 小型 輕 原油期貨 在 結算 日 當天 一 夕 暴跌 出現 史上 首次 的 負值 這 代表 賣方 必須 向 買方 支付 金錢 才能 將 手中 的 原油 脫手 而 造成 原油 市場 如此 慘烈 的 主 因為 新冠肺炎 導致 全球 石油 需求 大 減 石油 產</t>
  </si>
  <si>
    <t>2020 年 4 月 20 日 5 月 美西 德州 小型 輕 原油期貨 在 結算 日 當天 一 夕 暴跌 出現 史上 首次 的 負值 這 代表 賣方 必須 向 買方 支付 金錢 才能 將 手中 的 原油 脫手 而 造成 原油 市場 如此 慘烈 的 主 因為 新冠肺炎 導致 全球 石油 需求 大 減 石油 產業 上下游 持續 承受 供需 失衡 的 壓力 開採 出 的 原油 無處 存放 也 導致 原油期貨 價格 暴跌 觀察 原油 6 月 分 期貨價格 截至 5 月 4 日 為止 儘管 自 4 月 20 日 之後 已 稍 有 反彈 但 目前 價格 仍 落 在 2008 年 金融危機 以來 的 最低點 之下 而 新冠肺炎 疫情 仍 肆虐 全球 截至 5 月 3 日 截止 全球 確診 人數 達到 了 356萬 人 在 疫情 尚未 明朗化 前 對於 石油 有 大量 需求 的 航運業 仍 是 複航 狀況 遙遙無期 歐洲 甚至 已經 有 多 家 支線 航空 公司 和 廉價 航空 公司 申請 破產 保護 再 加上 全球 已 漸漸 有 許多 企業 採取 居家 辦公 這 也 間接 導致 一般 民生 汽油 的 需求 銳減 上述 各種 情況 對於 石油業 者 無疑 是 雪上加霜 投資人 可 透過 交易 臺灣期貨交易所 布蘭特 原油期貨 合約 或 美國紐約 商業 交易所 輕 原油期貨 合約 參與 原油 行情 但 商品 類 行情 波動 較 大 仍 需 善用 停 損 控制 風險 統一 期貨 提供 李娟萍 整理</t>
  </si>
  <si>
    <t>新冠肺炎 疫情 民進黨團 延後 補助</t>
  </si>
  <si>
    <t>行政院 會 通過 中央政府 嚴重 特殊 傳染性 肺炎 防治 及 紓困 振興 特別 預算案 台中 市長 盧秀燕 3 日 表示 中央 因應 新冠肺炎 疫情 編 列 600億 特別 預算 要求 各局 處 能 留意 掌握 中央 各部 會 研 擬 的 相關 草案 及 資訊 當 這筆 經費 分配 到 各</t>
  </si>
  <si>
    <t>行政院 會 通過 中央政府 嚴重 特殊 傳染性 肺炎 防治 及 紓困 振興 特別 預算案 台中 市長 盧秀燕 3 日 表示 中央 因應 新冠肺炎 疫情 編 列 600億 特別 預算 要求 各局 處 能 留意 掌握 中央 各部 會 研 擬 的 相關 草案 及 資訊 當 這筆 經費 分配 到 各局 處 時能盡 速 運用 雖然 中央 可能 跳 過 地方 政府 直接 發放 也 可能 針對 各縣市 自身 的 防疫 作為 審查 補助 提醒 各局 處 必須 瞭解 並 做好 相關 計畫 極力爭取 這筆 預算 盧秀燕 指出 行政院 因應 新冠肺炎 疫情 編 列 600億 元 特別 預算 立 法院 各 委員會 已 選出 召集人 負責 這項 600億 元 審查 包括 防疫 作為 減稅 及 補助 等 紓困 措施 該 特別 預算 為 全國 資源 中央 將 分配 到 衛福部 經濟部 教育部 等 各部 會 各部 會 再 對應 地方 政府 各局 處 為 節省時間 中央 各部 會 已 在 作業 盧秀燕 表示 如 經濟部 已 編 列 振興 券 有些 部會 則 編 列 人事 補助 或 採買 津貼 等 各行各業 也 開始 討論 如何 運用 這筆 預算 希望 各局 處 能 留意 掌握 中央 各部 會 研 擬 相關 草案 及 資訊 當 這筆 經費 分配 到 各局 處 時 才能 盡 速 運用 她 說 雖然 中央 也 可能 跳 過 地方 政府 直接 發放 但有 可能 針對 各縣市 自身 的 防疫 作為 審查 補助 因此 市府 必須 瞭解 並 做好 相關 計畫 極力爭取 這筆 預算 地方 政府 與 轄內 機關 資訊 流通 較 容易 市府 各 單位 如 掌握 到 中央 資訊 須 適時 轉達 給 所轄 團體 民意機關 或 各行各業 的 負責人 讓 他們 瞭解 正確方向</t>
  </si>
  <si>
    <t>聯發 科 2454 法 說 公佈 第 三 季財報 亮 眼 第 四季 也 將 淡季 不 淡 加上 對 2021 年 展望 也 持續 樂觀 6 家 外資 對聯 發 科 出具 最新 研究 報告 指出 大多 對聯 發 科 給予 正面 肯定 5 家 維持 買進 或 優於 大盤 評等 僅 一家 日 系 外資 維持 中立 評等 目標價 以 歐系 外資 的 800 元 最高 美 系 外資 指出 聯發 科第 三 季財報 符合 預期 目前 因 大陸 5 g 智慧 型 手機 需求 旺盛 預估 今年 大陸 5 g 智慧 手機 出貨量 將 達 13億 支 相 較之 前 的 預期 為 12億 成長 加上 4 g 智慧 手機 soc 系統 單晶 片 的 市 占 率 增長 故 聯發 科第 四季 智慧 型 手 產業 前景 持續 看好 更 重要 的 是 聯發 科 預估 5 g 智慧 手機 出貨量 明年 將 增加一倍 以上 這 意味著 聯發 科 有 很 大 的 收入 增長 空間 相信 隨 著 5 g 大陸 滲透 率 提升 對聯 發 科 營 收 獲利 都 將有助 益 加 上聯 發 科 還 在 chromebook nb asic 客 制 化 晶 片 wi-fi 和 pmic 電源 管理器 ic 等 產品 繼續 穩定增長 明年 仍 可 樂觀 看待 維持 聯發 科 加碼 評等 目標價 760 元 除此之外 美 系 外資 說 預估 聯發 科 若 可以 拿下 蘋果 訂單 將 成為 下 一 波 營運 催化劑 最 有 機會 打 進 的 是 ipad 或是 iphone se 型號 希望 看到 更 多 具體 消息 時間 點 有 機會 落 在 明年 上半年 另 一家 美 系 外資 表示 聯發 科第 四季 營 運動 持續 強勁 且 聯發 科 預計 今年 全球 5 g 智慧 手機 出貨量 將 達到 2億 支 且 明年 會 在 翻倍 成長 加上 長線 有 有 機會 打入 蘋果 供應 鏈 為 營運 增加 想像 空間 故 維持 目標價 776 元 加碼 評等 歐系 外資 表示 聯發 科第 三 季 業績 強勁 但因 基數 較 高 預估 故 第四季度 略 降 惟 看好 聯發 科 增長 動力 有望 延續 到 2021 年 包括 5 g 智慧 機 的 滲透 率 持續 提升 以及 chromebook wifi 6 asic 和 pmic 的 增加 故 對聯 發 科 維持 正面 看法 給予 優於 大盤 評等 目標價 800 元 日 系 外資 表示 聯發 科 在 毛利率 的 趨勢 表現 符合 預期 預期 2021 年 目前 看到 的 商機 例如 chromebook 可能 不足 以 推動 聯發 科 的 大規模 營 收 成長 值得注意 是 疫情 帶動 的 居家 辦公 也 可望 成為 聯發 科 營運 的 新 趨勢 維持 聯發 科目 標價 750 元 中立 評等 另 一家 日 系 外資 指出 一直 期待 聯發 科 成功 轉型 為 平臺 公司 產品 多元化 將 為 減輕 其 在 智慧 手機 市場 的 高 曝光 風險 聯發 科 目前 產品 動能 除 4 g 5 g 智慧 手機 市場 外 還有 遠 端 教學 居家 上班 得 需求 特別 是 來自 chromebook 另外 聯發 科 還 看到 wifi 和 asic 市場份額 增加 展望 2021 年 聯發 科 也 持續 樂觀 預計 其 在 5 g 中的 市 占率 將 快速增長 全球 5 g 智慧 機 出貨量 在 明年 將 成長 一 倍 加上 新冠肺炎 帶來 的 遠 端新 商 機 維持 買進 評等 目標價 800 元 也 其 提高 2020 2022 年 的 每股 收益 提高 14 18 維持 目標價 840 元 買進 評等 亞 系 外資 表示 目前 看好 大陸 第 四季 智慧 型 手機 需求 持續 強勁 oppo vivo 小米 等 拉 或 抵消 了 華為 訂單 的 減弱 且 非 智慧 型 手機 產品 線 依然 強勁 chromebook iot wifi pmic lcd 電視 和 asic 等 銷售 將 持續 增長 維持 目標價 840 元 買進 評等 維持 聯發 科 2020 年 2021 年 每股 獲利 229 元 3231 元 預估 不 變 聯發 科第 3 季 營業 收入 淨 額 為 97275億 元 季 增加 439 較 去年同期 增加 447 單季 合併 淨利 為 133 67億 元 季 增加 828 年 增加 937 單季 淨 利率 為 137 高於 第二 季 的 108 也 高於 去年同期 之 103 每股 盈 餘 為 842 元 以 美 金 對 台幣 匯率 1 比 288 計算 聯發 科第 四季 營 收 預估 在 895 973億 之間 與 第 三 季 相比 約 持平 到 下降 8 與 去年 相比 增加 38 到 50 若 排除 匯率 及 奕力 的 影響 與 第二 季 相比 第 四季 營 收 預估 將 是 增加 5 到 下降 3 代表 即使 在 第 三 季 的 歷史 新 高 季營 收 後 第 四季 的 營 收 動能 仍 比 傳統 季節性 來得 強 營業 毛利率 預估 為 435 正負 15 含 員工 分紅 之 營業費用 率 預估 為 29 正負 2</t>
  </si>
  <si>
    <t>新冠肺炎 臺灣 新北 通報 接種</t>
  </si>
  <si>
    <t>據 陸媒 19 日 報導 大陸 新疆維吾爾自治區 衛生 健康 委 同日 發出 最新 通報 自 18 日 12 時至 24 時 新疆維吾爾自治區 含 新疆生產建設兵團 增加 新冠肺炎 確診 病例 13 例 以及 新增 無 症狀 感染者 18 例 所有 病例 均 在 烏魯木齊市 目前 全</t>
  </si>
  <si>
    <t>據 陸媒 19 日 報導 大陸 新疆維吾爾自治區 衛生 健康 委 同日 發出 最新 通報 自 18 日 12 時至 24 時 新疆維吾爾自治區 含 新疆生產建設兵團 增加 新冠肺炎 確診 病例 13 例 以及 新增 無 症狀 感染者 18 例 所有 病例 均 在 烏魯木齊市 目前 全部 病例 已 進行 集中 醫學觀察 新疆 疫情 近期 出現 反彈 截至 7 月 18 日 24 時 新疆 含 兵團 累計 確診 病例 達 30 例 無 症狀 感染者 41 例 病例 均 在 烏魯木齊市 發生 其 餘 有 2705 名 密集 接觸 者 正在 接受 醫學觀察 這 是 新疆 相隔 149 天 首度 再有 確診 病例 首 起 病例 於 烏魯木齊 15 日 出現 烏魯木齊 當地政府 目前 尚未 追溯到 傳染 源頭 但 已 下令 實施 高度 封閉 管理 地鐵 停 駛 航班 大 減 商場 和 飯店 關閉 所有 社區 采 封閉 管理 嚴控 人員 流動 同樣 面臨 疫情 反彈 的 香港 在 昨日 累計 確診 個案 已經 達 1777 宗 超出 2003 年 sars 感染 人數 也 為 因應 接下來 恐 將 更為 嚴峻 的 疫情 香港理工大學 學生會 昨日 發文 指出 校方 決定 下學 年 第一 學期 除了 必要 的 面 授課 其 餘 所有 課堂 將 改為 線 上 學習</t>
  </si>
  <si>
    <t>文化 大學 傳出 大 倫 館 宿舍 4 名 住宿 學生 確診 新冠肺炎 文化 大學 教務長 方 元沂 今 2 日 回應 宿舍 為 4 人 一 室 雅 房 校方 擔憂 衛浴 共用 恐 有 疑慮 因此 校方 今日 目標 完成 館內 345 名 同學 快 篩 而 快 篩 陽性 學生 則 依 規定 隔離 與 治療 文</t>
  </si>
  <si>
    <t>尹恩惠 確診 新冠肺炎 同居 南韓</t>
  </si>
  <si>
    <t>新冠肺炎 疫情 還 在 延 燒 今天 就 是 國中 小 開學日 各 校 如臨大敵 不斷 在 事前 進行 演練 如何 量 測體溫 要是 發燒 如何 安置 處理 等 動 線 基隆 市 明 德國 中 校長 沈俊光 準備 開學 禮 讓 人 眼前一亮 其中 包含 一 人 一 瓶 的 75 酒精 及 口</t>
  </si>
  <si>
    <t>新冠肺炎 韓國 瑜 高雄 高 市府 青年</t>
  </si>
  <si>
    <t>新冠肺炎 從 武漢 蔓延到 歐洲 美洲 臺北 經營 管理 研究 院長 陳明璋 昨日 指出 陸美 貿易戰 已 讓 大陸 經濟 增速 放緩 現在 這 頭 經濟 灰 犀牛 遇上 疫情 黑 天鵝 將 導致 企業倒閉 浪潮 系統性 金融風險 陡 升 陳明璋 預測 大陸 首</t>
  </si>
  <si>
    <t>新冠肺炎 從 武漢 蔓延到 歐洲 美洲 臺北 經營 管理 研究 院長 陳明璋 昨日 指出 陸美 貿易戰 已 讓 大陸 經濟 增速 放緩 現在 這 頭 經濟 灰 犀牛 遇上 疫情 黑 天鵝 將 導致 企業倒閉 浪潮 系統性 金融風險 陡 升 陳明璋 預測 大陸 首季 經濟 成長率 恐 跌破 3 未來 10 年 大陸 經濟 將 進入 保 4 爭 5 的 年代 由 臺北 經營 管理 研究院 舉辦 的 疫情 隊 經濟 和 健康 的 影響 與 對策 論壇 陳明璋 表示 大陸 經濟 下滑 對 韓國 受 創 最深 大陸 gdp 每 下降 1 個 百分點 對 韓國 gdp 衝擊 將 有 035 個 百分點 其次 是 香港 泰國 日本 等 而 臺灣 外銷 大陸 占比逾 40 臺灣 也 難 在 這 場 疫 戰 中 置身事外 陳明璋 形容 大陸 遇上新冠肺炎 疫情 如同 蝴蝶 效益 現在 產業 因 疫情 停工 經濟 停頓 連 遠在 南大平 洋 的 紐西蘭 撈 捕 的 龍蝦 價格 連 下跌 都 滯銷 因 大陸 消費市場 突然 按 了 暫停 鍵 陳明璋 警示 疫情 終究會 過去 卻 憂心 疫情 發展 過程 兩岸關係 因 政黨 輪 替 演變成 政 冰 對抗 未來 雙方 握手言和 不易 陳明璋 進一步 指出 目前 我國 對 大陸 的 貿易順差 高 達 800900億 美元 若 扣除 對 大陸 的 順差 臺灣 將 轉為 逆差 臺灣 領導 人物 考慮 政治 固然 重要 但 也 不能 因為 政治 犧牲 經濟 面 讓 新冠肺炎 瘟疫 最後 成為 政治 瘟疫 面對 疫情 陳明璋 表示 台商 幾乎 成立 緊急 應變 小組 進入 備戰狀態 現在 最 重要 的 事 是 想 辦法 存活 下來 企業 先 拼 活 著 未來 才有大 利潤</t>
  </si>
  <si>
    <t>印度 新冠肺炎 疫情 慘烈 在 印度 經商 的 跨國 和 本地 企業 紛紛 提供 財務 或 物資 援助 或是 重新 調派 人力 致力 保護 員工 安全 根據 印度 衛生部 資料 印度 5 日 新增 確診 案例 達 382315 例 已 連續 12 日 單日 新增 病例 超過 30萬 人 全國 累</t>
  </si>
  <si>
    <t>63 歲 林姓 男子 8 日 自大 陸 返台 於 新北 市 板橋 區 防疫 旅館 內 居家 檢疫 今 15 日 下午 被 發現 猝死 於 浴缸 旁 林男 無 明顯 外傷 曾有 中風 紀錄 警方 初步 排除 他殺 詳細 死因 待 檢 警 進一步 厘 清 據悉 林男 8 日 自大 陸 返台 8 日 至 10 日 於 機場 集中 檢疫 隨後 入住 新北 市 板橋 區 某 防疫 旅館 期間 曾 因為 身體 不適 12 日 有 短暫 外出 就醫 紀錄 2 次 采 檢 新冠肺炎 均 為 陰性 警方 指出 林男 無 明顯 外傷 詳細 死因 將 由 檢察官 進一步 相 驗 厘 清</t>
  </si>
  <si>
    <t>北 市內 湖 的 壹 電視 電視臺 7 日 傳出 一 名 劉姓 攝影師 猝死 陳屍 廁所 昨 8 日 晚 采 檢 結果 出爐 經過 pcr 檢測 死者 生前 確診 新冠肺炎 年代 新聞 台主 播 張雅琴 和 劉姓 攝影 不在 同一 棟 大樓 辦公 也 未 合作 但 部分 新聞 攝影棚 會 共用</t>
  </si>
  <si>
    <t>張雅琴 快 篩 攝影 新冠肺炎 臺灣</t>
  </si>
  <si>
    <t>新冠肺炎 疫情 擴散 以來 金融市場 波動 劇烈 美 股 重 挫 觸發 熔斷 機制 油價 單日 崩 跌 也 創下 1991 年 以來 單日 最 大 跌幅 vix 指數 也 隨之 飆 破 50 市場 出現 恐慌性 賣壓 資金 轉 往 公債 避險 美 債 殖 利率 也 持續 下滑 因此 新興 市場</t>
  </si>
  <si>
    <t>台化 1326 今日 舉辦 股東會 由 副董事長 洪福 源 親自 主持 今年 在 新冠肺炎 衝擊 以及 美中 貿易 衝突 未 歇下 塑化 產業 持續 面臨 嚴峻 的 挑戰 他 強調 台化 也 只能 嚴肅 面對 因應 市場 的 變化 另外 台化今 也 通過 配發 現金 股利 3 8</t>
  </si>
  <si>
    <t>台化 1326 今日 舉辦 股東會 由 副董事長 洪福 源 親自 主持 今年 在 新冠肺炎 衝擊 以及 美中 貿易 衝突 未 歇下 塑化 產業 持續 面臨 嚴峻 的 挑戰 他 強調 台化 也 只能 嚴肅 面對 因應 市場 的 變化 另外 台化今 也 通過 配發 現金 股利 38 元 台 化 108 年度 合併 營 收 3154億9906萬 元 年 減 209 營 收 減少 主要 是 108 年度 安排 生產廠 歲修 較 多 及 芳香烴 三 廠 事故 影響 產量 減少 石化 原料 市場 受到 中 美 貿易 摩擦 衝擊 及 大陸 新增 石化 產能 投產 市場 保守 競爭 加劇 銷售價格 下滑 售價 差 也 減少 獲利 方面 108 年度 合併 稅 前 利益 371億747萬 元 年 減 401 每股 獲利 509 元 洪福 源 表示 去年 除了 芳香烴 三 廠 異常 的 影響 外 主要 還 是 上述 中 美 貿易 摩擦 及 新 產能 投產 影響 市場 觀望 氣氛 濃厚 石化 產品價格 大幅 下跌 其 幅度 遠大 於 油價 下滑 幅度 導致 營業 利益 減少 展望 今年 台化經營 困境 仍 需 面對 除了 大陸 石化 新 產 能 陸續 穩定 投產 造成 全面 供過於求 的 市況 外 新冠 病毒 疫情 擴散 嚴重 影響 上半年 度 的 市場秩序 另外 跨 太平洋 夥伴 全面進步 協定 cptpp 及 將 於 今年 簽署 的 區域 全面 經濟 夥伴 協定 rcep 將 使 臺灣 面臨 更 多 國際 自由貿易 關稅 不 平等 的 對待 置 臺灣 產業 處於 與 他國 不利 的 競爭 地位 另外 洪福 源 認為 美中 貿易 衝突 未 歇 全球 宏觀經濟 短期 展望 不 佳 歐美 主要 國家 經濟 成長 多 有 趨 緩 的 態勢 塑化 產業 持續 面臨 嚴峻 的 挑戰 台化 也 只能 嚴肅 面對 因應 市場 的 變化 台 化 將 繼續 努力 貫徹 迴圈經濟 理念 降低生產 成本 增加 投資 開發 高值 化 差 異化 及 綠色 產品 等 利基 市場 在 安全 生產 前提 下 讓 產品品質 更 好 制程 更 穩定 生產 效率 更 高 強化 銷售 服務 品質 提升 高值 化 產品 質 與 量 分散 市場 避開 市場 價格競爭 同時 積極 推動 ai 智慧 生產 擴大ai 人工智慧 應用 于 制程 改善 及 設備 工 安 預 知 診斷 等 方面 持續 開發新 ai 專案 應用 提高 制程 整合 能力 及 制程 管理效率</t>
  </si>
  <si>
    <t>台化 美中 貿易 新冠肺炎 宏觀經濟 石化 界</t>
  </si>
  <si>
    <t>疫情 大 爆發 北市 現 搶 打 疫苗 潮 新冠肺炎 門診 預約 全額 滿</t>
  </si>
  <si>
    <t>新冠肺炎 臺灣 本土 個案 確診 地圖 雙北</t>
  </si>
  <si>
    <t>北京 新增 新冠肺炎 境外 輸入 21 例 涉及 6 國 8 航班</t>
  </si>
  <si>
    <t>北京市疾病預防控制中心 副 主任 龐星火 19 日 表示 18 日 北京市 新增 報告 境外 輸入 新冠肺炎 確診 21 例 共 涉及 6 國 8 個 航班 龐星火 指出 21 例 境外 輸入 確診 病例 的 來源 增多 涉及 6 個 國家 西班牙 英國 各 7 例 另 4 國為 境外 輸入</t>
  </si>
  <si>
    <t>北京市疾病預防控制中心 副 主任 龐星火 19 日 表示 18 日 北京市 新增 報告 境外 輸入 新冠肺炎 確診 21 例 共 涉及 6 國 8 個 航班 龐星火 指出 21 例 境外 輸入 確診 病例 的 來源 增多 涉及 6 個 國家 西班牙 英國 各 7 例 另 4 國為 境外 輸入 首次 報告 包括 匈牙利 3 例 奧地利 2 例 盧森堡 與 巴西 各 1 例 當 中東歐 匈牙利 3 例 南美 巴西 1 例 均 為 首次 報告</t>
  </si>
  <si>
    <t>攝影師 陳屍 公司 廁所 確診 新冠肺炎 內 湖 某 電視臺 宣佈 全體 員工 緊急 快 篩</t>
  </si>
  <si>
    <t>新冠肺炎 臺灣 內 湖 電視臺 廁所</t>
  </si>
  <si>
    <t>中國 大陸 病毒 專家 石正麗 警告 要是 全球 不 群策群力 預防 可能 的 傳染病 爆發 那 目前 席捲 全球 的 致命 新冠肺炎 病毒 在 人類 很快 就 會 面對 的 傳染病 中 可能 只 是 冰山一角 石正麗 告訴 中國 環球 電視網 cgtn 人類 要是 想</t>
  </si>
  <si>
    <t>英國 新冠肺炎 疫情 在 政府 未 積極 遏制 病毒傳播 也 未 實施 大規模 檢測 的 鬆散 做法 之下 確診 人數 節 節 攀 高 根據 衛報 從 衛生部門 取得 的 一 份 內部 檔 顯示 預計 英國 未來 12 個 月 都 會 受 疫情 影響 直到 2021 年 春季 文件 並 做出</t>
  </si>
  <si>
    <t>臺北市 面對 新冠肺炎 疫情 市立 聯合醫院 的 病床 相當 吃緊 傳出 市長 柯文哲 希望 能 和 非 聯 醫 體系 醫院 調用 病床 卻 遭到 拒絕 市府 認為 傳染病 防治法 有 授權 地方 政府 徵用 如果 再 有 醫院 不 配合 不 排除 采 強制手段 柯文哲 18</t>
  </si>
  <si>
    <t>臺北市 面對 新冠肺炎 疫情 市立 聯合醫院 的 病床 相當 吃緊 傳出 市長 柯文哲 希望 能 和 非 聯 醫 體系 醫院 調用 病床 卻 遭到 拒絕 市府 認為 傳染病 防治法 有 授權 地方 政府 徵用 如果 再 有 醫院 不 配合 不 排除 采 強制手段 柯文哲 18 日 表示 並 不是 醫院 不 合作 只 是 醫院 要 降 載 需要 時間 現在 到 快 篩 站 采 檢 的 民眾 若 確診 陽性 市府 會 協助 到 防疫 旅館 居住 但 自行 到 民間 大一 型 醫院 采 檢 確診 卻 拒絕 安置 讓 很多 人 面臨 無 病床 可 住 的 問題 柯文哲 今天下午 主持 防疫 記者會 面對 聯 醫 體系 以外 的 醫院 不 肯 配合 釋出 病床 柯文哲 表示 他 相信 大家 願意 幫忙 但 一 開始 大家 也 知道 上星期 五 到 現在 變化 太 快 今天下午 開始 清理 清理 病床 情況 會 好 一點 並 不是 他們 不 合作 只 是 醫院 要 降 載 需要 時間 要 慢慢 把 病人 清掉 今天 會 下達 命令 給 各 大 醫院 以後 會 更 有效 管制</t>
  </si>
  <si>
    <t>醫院 柯文哲 病床 新冠肺炎 臺灣</t>
  </si>
  <si>
    <t>朱學 恒 自主 管理 天 網 新冠肺炎 居家 檢疫</t>
  </si>
  <si>
    <t>磐石 艦 新冠肺炎 感染者 之一 是 雲 林縣 民 密切接觸 者 有 8 人 19 日 第一 次 采 驗 結果 全是 陰性 衛福部 疾病 管制 署 昨 24 日 要求 二 采 甫 引進 聚合 酶 連鎖反應 儀 及 自動 核酸 萃 取 儀 的 台 大雲 林 分院 緊急 協助 采 驗 昨晚 化驗 結果</t>
  </si>
  <si>
    <t>磐石 艦 陰性 雲林 新冠肺炎 敦睦 艦隊</t>
  </si>
  <si>
    <t>新冠肺炎 疫情 全球 發燒 金門 鄉親 也 是 人心惶惶 縣府 今 21 日 專稿 說明 2 名 居家 隔離 39 名 居家 檢疫 者 現況 澄清 外界 不實 傳言 縣長 楊鎮 浯 提醒 鄉親 切 勿 再 以訛傳訛 如 散佈 未經 證實 的 疫情 謠言 縣府 將 依 傳染病 防治法</t>
  </si>
  <si>
    <t>全國 火化 遺體 數 激增 殯葬 人員 也 吃不消 新北 市 三峽 火葬場 三峽 昇華 園 為 消化 大量 新冠肺炎 遺體 原本 夜間 休息 不 火化 6 月 起 改 為 24 小時 不 打烊 運作 16 名 工作人員 分 三 班 制 負責 火化 甚至 還有 1 天 火化 110 具 以上 遺體</t>
  </si>
  <si>
    <t>全國 火化 遺體 數 激增 殯葬 人員 也 吃不消 新北 市 三峽 火葬場 三峽 昇華 園 為 消化 大量 新冠肺炎 遺體 原本 夜間 休息 不 火化 6 月 起 改 為 24 小時 不 打烊 運作 16 名 工作人員 分 三 班 制 負責 火化 甚至 還有 1 天 火化 110 具 以上 遺體 雖然 沒有 打破紀錄 但 也 可以 排 入 前 3 名 三峽 火葬場 人員 表示 新冠肺炎 死者 24 小時 內 要 火化 就算 是 半夜 收到 也 要 馬上 作業 因為 有 2 座 專責 的 火化 爐 火化 部分 勉強 應付 得來 但 像 本月 3 日 是 習俗 上 的 旺 日 共 火化 110 具 遺體 只 比 農曆 春 前夕 趕 著 出山 將近 130 具 左右 遺體 少 一點 但 也 可 列入 數量 最 多 的 前 幾 名 看 著 排隊 的 喪家 不 斷 湧入 一 具 接 著 一 具 火化 一 有空 檔 還要 忙 著 整理 消毒 基本上 連 休息時間 都 沒有 臺北市立 第二 殯儀 館長 劉瑞隆 說 以往 殯儀館 人員 執行 火化 儀式 時 部分 家屬 會 在 一旁 陪同 今年 遇上新冠 疫情 有些 家屬 親人 因為 接觸 可能 正 在 隔離 或 擔心 受到 感染 沒有 到場 陪同 火化 的 人數 相對 銳減 有 親屬 到場 送 死者 最後 一 程 館內 保全 則 會 在 現場 要求 保持 距離 桃園 殯葬 所 人員 指出 5 月 爆發 疫情 後 全 桃園 已 陸續 處理 12 件 新冠肺炎 確診 死亡 案 相較 去年 僅 個 位數 爆 增 不少 坦言 一 開始 真的 很 緊張 尤其 還要 綁 手 環 都會 擔憂 被 傳染 所幸 逐步 增加 作業 規範 像是 醫院 套 2 層 屍 袋 穿 全套 防護衣 為 避免 其他 家 祭 家屬 恐慌 殯葬 人員 都 要 加班 以 額外 時間 處理 有時 清晨 45 時 就要 到 火化場 熱 爐 但 就 當 服務 希望 幫 他們 一路 好走</t>
  </si>
  <si>
    <t>啟棋 6285 今日 舉辦 法人 說明會 董事長 謝宏波 認為 隨 著 新冠肺炎 疫情 舒緩 5 g 依舊 是 各國 政府 會 著 力 的 一塊 啟棋 5 g 營 收 占比 今年 約 3 5 明年 希望 有 翻倍 成長 上 看 7 10 另外 由於 美中 貿易戰 恐 無法 在 短期 結束 故今</t>
  </si>
  <si>
    <t>啟棋 6285 今日 舉辦 法人 說明會 董事長 謝宏波 認為 隨 著 新冠肺炎 疫情 舒緩 5 g 依舊 是 各國 政府 會 著 力 的 一塊 啟棋 5 g 營 收 占比 今年 約 3 5 明年 希望 有 翻倍 成長 上 看 7 10 另外 由於 美中 貿易戰 恐 無法 在 短期 結束 故 今年 啟棋 下半年 會 有 55 以上 的 產 能 在 臺灣 越南 廠 區 出 貨 新冠肺炎 疫情 現階段 逐漸 趨 緩 謝宏波 認為 今年 上半年 因為 疫情 關係 招工 員工 到 廠 隔離 的 額外 工資 導致 額外 支出 多少 對 獲利 造成 影響 現階段 供應 鏈 在 5 月中 旬 都 已經 解封 或是 有 條件 解封 6 月 可以 恢復 比較 正常 的 狀態 約 可 達到 9 成 剩下 的 就 是 中美洲 東南亞 等 地 還 沒 完全恢復 現在 大陸 地區 已經 沒有 太 大 的 問題 還是 大陸 以外 的 供應 鏈 比較 需要 觀察 預計 在 各國 疫情 舒緩 下 材料 供應 鏈 回 穩 後 啟棋 第 三 季 逐月 逐 季 的 產能 都會 趨向 合理 應用 若以 疫情 對 市場 面 的 影響 來看 謝宏波 分析 指出 不 需要 人員 安裝 實際 店面 銷售 的 網通 產品 在 本 波 疫情 中 不受 影響 甚至 有 小 部分 有 追 單 但 需要 安裝 以及 銷售 的 則 受到 衝擊 包括 汽車 iot 以及 部 份 消費性 產品 其中 又 以 汽車 最 大 影響 目前 汽車 組裝 tier 1 上周 開始 已經 有 局部 復工 但 還是 有 一大 部分 還 沒 復工 這 將 對 上半年 衝擊 比較 大 的 謝宏波 表示 今年 到 明年 來說 啟棋 在技術上 主要 鎖定 wifi 6 ott mesh wifi 汽車 iot 終端 以及 行動 熱點 至於 5 g 隨 著 各國 解 封 依舊會 是 可以 期待 的 一塊 今年 5 g 營 收 占比約 3 5 明年 希望 有 翻倍 成長 可以 上 看 7 10 在 產能 配置 上 謝巨集波 表示 啟棋 在 製造 產能 的 第一 階段 佈局 已經 就緒 越南 廠 臺灣 南科廠 都 已經 在 去年 第 四季 得到 客戶 認證 生產 自動化 資料 蒐集 也 獲得 客戶 認同 預計 本 季 開始 會 和 客戶 協商 討論 推 估 今年 下半年 會 有 55 以上 的 產 能 在 臺灣 越南 地區 出 貨 針對 臺灣 越南 的 擴建 計畫 也 會 持續 主要 是 因 未來 營運 能量 的 需求 預計 越南 廠稼 動 率 下半年 會 比較 滿 目前 啟棋 還是 以 大陸 崑 山 廠 面積 最 大 可用 面積 也 比 臺灣 大 但 受到 客戶 要求 故 臺灣 和 大陸 今年 生產 金額 應該 相當 還是 要 看 機動性 只要 崑 山 的 稼 動 率 達 7 8 成 則 啟棋 今年 全球 產 能 就 會 達到 比較 健康 的 結構 啟 棋 現階段 考量 現在 疫情 貿易戰 短 時間 不 會 結束 預計 各地 產能 占比上 越南 會 12 15 大陸 40 45 臺灣 40 45 還 是 會 視 實際 狀況 會 視 情況 調整 今年 啟棋 因為 有 廠房 興建 資本 支出 預計 落 在 13 15億 元 左右 另外 啟棋 今年 因為 有 業務 擴充 擴產 計 畫 等 現金 流來 是 很 重要 故 目前 沒有 買 庫藏 股 計 畫</t>
  </si>
  <si>
    <t>新冠肺炎 臺灣 北市 市場 柯文哲</t>
  </si>
  <si>
    <t>新冠肺炎 臺灣 新北 市 侯友宜 確診 數</t>
  </si>
  <si>
    <t>國內 超 商都 有 賣 地瓜 但 一 名 超 商店 員 無奈 表示 客人 挑選 時 總是 要用 手把 地瓜 捏 過 一 輪 讓 他 得 常常 提醒 客人 旁邊 有 夾子 貼 文一 出 引起 網友 熱 議 直 呼 我 地瓜 連 皮 一起 吃 耶 以後 不敢 買 了 時值 新冠肺炎 疫情 侵襲 全</t>
  </si>
  <si>
    <t>semi 國際 半導體 產業 協會 公告 最新 北美 半 導體 設備 出 貨 報告 今年 4 月份 設備 製造商 出 貨 金額 止跌回升 達 22619億 美元 年增率 連續 七 個 月 維持 正 成長 semi 全球 行銷 長 暨 臺灣區 總裁 曹世綸 指出 新冠肺炎 疫情 及 地緣 政治 風</t>
  </si>
  <si>
    <t>semi 國際 半導體 產業 協會 公告 最新 北美 半 導體 設備 出 貨 報告 今年 4 月份 設備 製造商 出 貨 金額 止跌回升 達 22619億 美元 年增率 連續 七 個 月 維持 正 成長 semi 全球 行銷 長 暨 臺灣區 總裁 曹世綸 指出 新冠肺炎 疫情 及 地緣 政治 風險 升溫 已 影響 全球 科技產業 生產 鏈 雖然 短期 設備 市場 表現 良好 但 未來 市場 發展 已 充滿 變數 根據 semi 統計 今年 4 月 北美 半 導體 設備 製造商 出 貨 金額 達 22619億 美元 較 今年 3 月 的 22131億 美元 成 長 22 月 增 率 再度 由 負 轉正 與 去年同期 的 193億 美元 相較 成 長 172 出 貨 金額 年 成長率 連續 七 個 月 維持 正 成長 不過 年增率 已經 連續 三 個 月 下滑 曹世綸 表示 今年 4 月份 北美 設備 製造商 的 銷售額 仍然 反映 出 穩定 的 設備 需求 在 面臨 特殊 情況 下 整體 市場 仍 表現 良好 然而 受到 新冠肺炎 疫情 與 地緣 政治 緊張 升溫等 因素 影響 未來 市場 走向 仍 充滿 變數 據 semi 先前 公佈 資料 顯示 2019 年 全球 半 導體 製造 設備 銷售 總 金額 為 5975億 美元 較 2018 年 減少 了 7 semi 表示 2020 將 是 緩步 成長 的 一 年 隨 新冠肺炎 疫情 趨 緩 各國 重 啟 經濟 活動 情勢 將 於 下半年 好轉 預期 設備 市場 亦 將 開始 出現 復蘇 跡象 只 是 外在 變數 太 多 且 難以預測 未來 市場 發展 充滿 變數 設備 業者 則 普遍認為 疫情 一旦 獲得 控制 下半年 就 會 進入 復蘇 迴圈</t>
  </si>
  <si>
    <t>這 波 新冠肺炎 疫情 來得 又 快 又 急 加上 快樂 缺氧 的 特殊 徵兆 許多 患者 會 在 尚無 不適 的 狀況 下 被 醫護人員 告知 需要 插管 因 此 產生 畏懼 抗拒 的 心理 恐 致 延誤 治療 新冠肺炎 插管 病人 拔 管轉 病房 臺北 慈濟 醫院 為 收治</t>
  </si>
  <si>
    <t>這 波 新冠肺炎 疫情 來得 又 快 又 急 加上 快樂 缺氧 的 特殊 徵兆 許多 患者 會 在 尚無 不適 的 狀況 下 被 醫護人員 告知 需要 插管 因 此 產生 畏懼 抗拒 的 心理 恐 致 延誤 治療 新冠肺炎 插管 病人 拔 管轉 病房 臺北 慈濟 醫院 為 收治 新冠肺炎 患者 之 重度 級 急救 責任 醫院 已 成功 為 44 名 插管 病人 拔 管 順利 控制 病情 其中 最 年輕 者 32 歲 最 年長者 90 歲 胸腔 內科 藍 冑 進 主任 指出 及早 插管 不 只 是 為了 搶救 生命 更 有 爭取時間 讓 藥物 發揮作用 助於 提早 拔 管 的 多重 用意 病 患 長 時間 缺氧 插管 幫助 呼吸 一般而言 臨床 醫師 會 依據 病 患 動脈 內 氧氣 的 壓力 pao 2 以及 給 氧 分率 fio 2 來 評估 病人 的 氧 合 指數 確認 是否 缺氧 如果 需要 插管 會 適時 使用 鎮定 劑 肌肉 鬆弛 劑 協助 病 患 放鬆 減緩 不適 而 新冠肺炎 患者 因 具 傳染 風險 醫護人員 須 著 全套 隔離 裝備 不僅 影響 手感 視野 也 增加 插管 難度 因此 往往 會 與 麻醉 科 醫師 共同 合作 此外 病 患 氧氣 濃度 不足 氧 合 指數 小於 150 mmhg 呼吸 費力 嚴重 至 輔助 肌肉 明顯 用力 以及 出現 意識 障礙 甚至 休克 都 是 臨床 醫師 會 考慮 插管 的 情況 插管 後 觀察 可 自主 呼吸 即可 拔 管 藍 冑 進 主任 說明 插管 後 若 病況 穩定 醫療 團隊 會 逐步 將 鎮定 藥物 減量 調整 呼吸 機 的 壓力 模式 從 完全 由 機器 幫助 呼吸 改 成 輔助 呼吸 的 模式 最後 再 執行 自主 呼吸 訓練 若 插管 病人 可以 在 不 倚靠 機器 的 狀態 下 自主 呼吸 半 小時 到 兩 小時 就 可以 考慮 拔 管 鼻 高 流量 濕 化 氧氣 治療 避免 插管 插管 不是 沒有 希望 但 對 許多 新冠肺炎 患者 而言 礙於 自身 沒有 不適 的 緣故 當 臨床 端 給予 醫療 建議 時 往往 無法 接受 藍 冑 進 主任 特別 說 到 現在 針對 缺氧 患者 除了 藥物 治療 外 臨床 也 會 視 病人 情況 予以 經 鼻 高 流量 濕 化氧氣 治療 降低 插管 機 率 甚或 有 改善 呼吸衰竭 免于 插管 的 可能</t>
  </si>
  <si>
    <t>健康 醫療網 新冠肺炎 臺灣 插管 拔 管</t>
  </si>
  <si>
    <t>普力 生化 科技 公司 4 日 公佈 國防 醫學院 實驗室 檢驗 報告 該 公司 產品 普 力 600二 氧化氯 抗 菌 錠 對抗 新冠 病毒 可 達 9999 以上 普力生 技 今 更 與 國防 醫學院 簽署 產 學 防疫 研發 合作 也 捐贈 公司 產品 與 研究 設備 一 盡 軍民 共同 抗 疫 的 責任 今日 普力 與 國防 醫學院 在 新 板 希爾頓飯店 舉行 簽約 儀式 國防 醫學院 教育長 李俊泰 代表 簽約 李俊泰 表示 新冠肺炎 疫情 蔓延 國防 醫學院 除了 獲得 科技 部 防疫 科學 研究 中心 研究 計畫 也 持續 與 疾 管署 等 單位 合作 其中 預 醫 所 與 國衛院 合作 研發 的 新冠 病毒 治療 性 抗體 及 快 篩 試劑 都 有 亮 眼 成果 李俊泰 說 今日 在 國防部 軍醫 局 支持 與 指導 走 出 校園 與 產業 結合 是 很 突破性 的 一 步 也 感謝 普力生 技 對 國軍 防疫 工作 的 支持 期盼 此次 簽 屬 合作 一起 為 防疫 注入 強心針 普 力 生 技 董事長 廖偉凱 表示 公司 積極 研發 普 力 600二氧化氯 抗 菌 錠 等 防疫 產品 除 取得 臺灣 藥品 製成 發明專利 也 通過 美國 fda 核准 使用 於 環境 清 消 也 獲得 衛服部 頒發 協助 傳染病 防治 貢獻 卓越 獎章 廖偉凱 今日 更 拿出 國防 醫院 院 實驗室 的 報告 指出 產品 針對 對抗 新冠 病毒 實驗 檢測 結果 達 9999 以上 可 提供 研究 同仁 環境 清 消 另 一 項 新 利器 也 展現 普力 對 國家 防疫 工作 盡 一 份 心 力 的 責任感</t>
  </si>
  <si>
    <t>阿湯哥 湯姆克魯斯 不可能 的 任務 7 新冠肺炎 劇組 人員</t>
  </si>
  <si>
    <t>學生 南護 防疫 假 新冠肺炎 臺灣</t>
  </si>
  <si>
    <t>劉倩文 護目鏡 不離 身 不為 防 新冠肺炎 其實 有 隱情</t>
  </si>
  <si>
    <t>伊林 娛樂 藝人 劉倩文 最近 總是 戴著 護目鏡 引來 不少 側 目 還有 人 以為 她 是 為了 防疫 才 自我 保護 如此 周全 其實 是 她 之前 拍 哭戲 常常 被 隱形眼鏡 影響 甚至 曾為 拍戲 戴 變色 瞳孔 放 大片 眼前 完全 看不到 差點 從 高處 摔 下 剛好 她 參與 拍攝 的 電影 近期 因 新冠肺炎 疫情 關係 延拍 因此 趁空 安排 雷射 治療 近視 矯正 度數 成功 讓 她 擺脫 500 度 近視 10 歲 開始 就 戴 眼鏡 的 她 終於 告別 15 年 的 近視眼鏡 劉倩 文說 拍戲 時間 有時 非常 長 隱形眼鏡 經常 戴 到 16 小時 以上 非常 不 方便 兩 年 前 她 主演 公 視 生死 接線員 當時 在 化妝 間 戴 隱形眼鏡 時 就 有 同 劇 演員 建議 她 可以 去 嘗試 雷射 矯正 但是 她 自己 擔心 術 後 必須 戴著 護目鏡 一個 月 不能 化 眼 妝 及 擦 眼 部 保養品 洗 臉 也 要 避免 水 進入 眼睛 覺得 不 方便 所以 就 先 將 雷射 計 畫 擱置 劉倩 文說 還有 一 次 拍 恐怖片 要 戴 白色 變色 瞳孔 放 大片 她 戴上去 幾乎 是 盲 眼 的 狀態 那次 在 高處 拍攝 她 一直 撞 到 東西 還 差點 摔下來 其他 還有 拍 哭戲 有 幾 次 也 因為 隱形眼鏡 打斷 情緒 她 說 印象 中 有 次 在 拍 非常 生氣 的 哭戲 必須 要 睜大眼睛 盯住 對方 結果 盯 太 久 整個 隱形眼鏡 突然 掉 出來 只能 喊 卡 把 隱形眼鏡 重新 戴好 情緒 整個 重來 很 不 方便 日前 她 鼓起勇氣 去 雷射 最近 減少 用 手機 眼睛 休養 中</t>
  </si>
  <si>
    <t>新冠肺炎 疫情 當頭 員警 全力 投入 監控 協 查 居家 隔離 檢疫 對象 防疫 情 破 口 但 最近 1 個 多 月 全台 已 發生 5 件 金融機構 搶 案 其中 2 件 持槍 犯罪 學者 說 疫情 導致 經濟 蕭條 歹徒 可能 缺 錢 鋌而走險 為 防治 安 因 疫情 出現 破 口</t>
  </si>
  <si>
    <t>新冠肺炎 疫情 當頭 員警 全力 投入 監控 協 查 居家 隔離 檢疫 對象 防疫 情 破 口 但 最近 1 個 多 月 全台 已 發生 5 件 金融機構 搶 案 其中 2 件 持槍 犯罪 學者 說 疫情 導致 經濟 蕭條 歹徒 可能 缺 錢 鋌而走險 為 防治 安 因 疫情 出現 破 口 政府 要 拿 出 對策 今年 2 月底 起 臺北 內 湖 萬華 高雄 台南 接連 發生 銀樓 銀行 搶 案 除 昨天 板 信 商銀 案 其他 都 迅速 破案 官 警 說 近年 金融機構 搶 案 銳減 跟 監視器 普及 科技 辦案 有關 歹徒 犯罪 成本高 不划算 但 近 1 個 月 搶 案 頻 傳 難免 讓 人 覺得 與 景氣 變 差 員警 忙 防疫 有關 目前 員警 防疫 主要 落 在 派出所 員警 身上 他們 與 衛生 民政 單位 一起 監控 電子 圍 籬 協 查 趴 趴 走 的 防疫 者 刑 案 偵查 仍 由 刑警 負責 刑事 局 說 治安 絕不會 有 防疫 空 窗 期 警 大 法律 系主任 許福生 指出 犯罪率 趨勢 要 長 時間 觀察 是否 與 疫情 有關 還 有待 觀察 他 說 國外 研究 報告 指出 犯罪率 提高 與 相對 剝奪 感 正 相關 也 就 是 經濟 弱勢 者 不滿 貧富差距 大 進而 靠 犯罪 維生 中正 大學 犯 防 系 教授 鄭 瑞隆 則 說 除 疫情 致 經濟 不景氣 人人 都 戴 口罩 防疫 也 讓 歹徒 有機可乘 藉 此 混 在 人群 讓 檢 警 不易 從 監視 畫面 鎖定 身分 但 新冠肺炎 變數 大 是否 衝擊 治安 政府 需 嚴正 面對 短 時間 內 發生 多 起 金融機構 搶 案 確實 是 警訊 不論 疫情 與 治安 都 關乎 人民 的 生命財產 安全 只能 說 員警 真的 辛苦 了</t>
  </si>
  <si>
    <t>疫苗 何美鄉 臺灣 新冠肺炎 三級 警戒</t>
  </si>
  <si>
    <t>新冠肺炎 疫情 帶動 口罩 需求 各式各樣 的 口罩 應運而生 英國 精品 品牌 burberry 就 在 近日 宣佈 推出 單價 90 英鎊 約 台幣 3600 元 的 經典 格 紋 布 口罩 成為 全球 第一 家 跨入 口罩 時尚 的 精品 大廠 burberry 在 20 日 宣佈 即將 上市 的</t>
  </si>
  <si>
    <t>新冠肺炎 疫情 帶動 口罩 需求 各式各樣 的 口罩 應運而生 英國 精品 品牌 burberry 就 在 近日 宣佈 推出 單價 90 英鎊 約 台幣 3600 元 的 經典 格 紋 布 口罩 成為 全球 第一 家 跨入 口罩 時尚 的 精品 大廠 burberry 在 20 日 宣佈 即將 上市 的 口罩 外層 採用 burberry 服飾 產 線 的 剩 餘 布料 再 運用 抗 菌 技術 加強 防護力 可 重複使用 並 強調 口罩 生產 過程 合乎 環保 標準 促進 永續 發展 burberry 雖 未 公佈 口罩 上市 時間 但 英國 官網 指出 這款 口罩 將 推出 米色 及 淺 藍色 兩 種 顏色 有 大 中 小三 種 尺寸 並 附 贈 一個 隨身 袋 讓 消費者 外出 時將 口罩 收 進 袋子 裡 避免 接觸 病菌 每 片 口罩 的 銷售 所得 將 捐 出 20 給 burberry 新冠肺炎 社區 基金會 作為 防疫 基金 雖然 這不 是 burberry 第一 次 生產 口罩 卻是 該 公司 首度 為了 商業 目的 生產 口罩 今年 4 月 歐洲 疫情 高峰期 各地 醫療 耗材 短缺 當時 burberry 就 曾 挪用 風衣 生產線 來生 產 醫療 防護衣 與 口罩 提供 給 英國 第一 線 醫護人員 使用 burberry 也 在 當時 成立 burberry 新冠肺炎 社區 基金會 除了 募款 支持 醫護人員 之外 也 捐款 給 醫學 研究 單位 推動 新冠肺炎 疫苗 研發 吸引 許多 精品 同業 回應 今年初 中國 率先 爆發 疫情 時 全球 最 大 奢侈品 集團 lvmh 就 捐款 人民幣 1600萬 元 給 中國紅十字會 隨後 在 3 月底 又 從 中國 訂購 4千萬 片 口罩 提供 給 法國 第一 線 醫療 人員 使用 法國 精品 業 巨頭 開 雲集 團 kering 也 在 4 月 捐款 1百萬 美元 給 美國疾病控制與預防中心 基金會 cdc foundation 協助 採購 個人 防護 用具 及 其他 醫療 器材 年初 以來 開 雲 集團 已 在 全球 捐款 4百萬 美元 協助 各 大 組織 推動 防疫 工作</t>
  </si>
  <si>
    <t>慰勉 新冠肺炎 努力 貢獻 蔡其昌 親 赴 國衛院</t>
  </si>
  <si>
    <t>苗栗 立 法院 副 院長 蔡其昌 赴 國家 衛生所 研究 慰勉 新冠肺炎 研究 努力 貢獻 謝明 俊 苗栗 報導 立 法院 副 院長 蔡其昌 11 上午 親自 前往 竹南 國家衛生研究院 對 合成 瑞德西韋 的 研究 團隊 給予 嘉勉 同時 見證 藝術家 黃騰輝 特別 為了 國衛</t>
  </si>
  <si>
    <t>據 美 媒 國會山 莊 報導 國務卿 蓬佩 奧 mike pompeo 的 太太 蘇珊 susan pompeo 已 在 本月 初 確診 新冠 比 國務院 在 16 日 宣佈 蓬 佩奧 曾 因 接觸 新冠肺炎 人士 自主 隔離 的 時間 還要 更 早 報導 稱 目前 蓬佩 奧 檢測 仍 為 陰性 但</t>
  </si>
  <si>
    <t>據 美 媒 國會山 莊 報導 國務卿 蓬佩 奧 mike pompeo 的 太太 蘇珊 susan pompeo 已 在 本月 初 確診 新冠 比 國務院 在 16 日 宣佈 蓬 佩奧 曾 因 接觸 新冠肺炎 人士 自主 隔離 的 時間 還要 更 早 報導 稱 目前 蓬佩 奧 檢測 仍 為 陰性 但 國務院 不 願 透露 是因為 接觸 誰 而 宣佈 自主 隔離 報導 指出 根據 蓬 佩奧 的 公開 行程 顯示 就 在 他 16 日 宣佈 自主 隔離 的 前 一 日 舉行 了 邀請 了 各國 外交官 參加 宴會 廣 邀 9百 名 貴賓 不過 當天 宴會 上 出席 的 人數 不 到 70 人 原本 要 致詞 的 蓬 佩奧 也 臨時 取消 行程 由 他人 代打 不過 正值 新冠 疫情 在 美 惡化 之際 蓬佩 奧 不顧 避免 室內 聚會 的 防疫 建議 也 違反 了 國務院 內部 避免 參加 與 職務 無 重大 相關 的 聚會 的 防疫 方針 不僅 引起 外界 批評 公衛 專家 更 擔憂 導致 超級 傳播 事件 另外 如同 其他 川普 政府 內 的 高階 成員 與 幕僚 彭佩奧 一再 無視 防疫 規範 在 出國 旅行 時 仍 多 次 沒 戴 口罩 例如 在 上月 12 日 至 23 日 的 旅外 行程 中 被 媒體 捕捉到 他 與 妻子 都 未戴 上 口罩 且 在 巴黎 參加 團體 聚餐 時 也 未戴 上 雖然 在 感恩節 連 假 之後 新冠 疫情 在 美 加速 惡化 至今 已 造成 1800萬 人 確診 327萬 人 病 歿 不過 川普 與其 政府 團隊 一再 舉行 大型 聚會 白宮 在 耶誕節 前 一 周 也 接連 舉行 室內 派對 引起 廣泛 批評</t>
  </si>
  <si>
    <t>新冠肺炎 疫情 衝擊 商 圈 買氣 也 讓 第一 線 醫護人員 備感 艱辛 宜蘭 大學 園藝系 3 年級 學生 曾品均 邀 約 畢業 學長 林 聖翔 開 著 自己 經營 的 披薩 窯 烤 車 到 陽明 大學 附設 醫院 門口 現 烤 50 份 總價值 超過 萬 元 的 披薩 贈送給 醫院 醫護人員 表</t>
  </si>
  <si>
    <t>新冠肺炎 疫情 衝擊 商 圈 買氣 也 讓 第一 線 醫護人員 備感 艱辛 宜蘭 大學 園藝系 3 年級 學生 曾品均 邀 約 畢業 學長 林 聖翔 開 著 自己 經營 的 披薩 窯 烤 車 到 陽明 大學 附設 醫院 門口 現 烤 50 份 總價值 超過 萬 元 的 披薩 贈送給 醫院 醫護人員 表達 支持 與 鼓勵 蘇澳鎮 公所 也 宣佈 中原 新 馬 2 處 公有 零售 市場 的 52 家 攤 商 免收 租金 3 個 月 官民 紛紛 雪中送炭 盼 共同 撐過 疫 期 曾 品 均 說 防疫 醫護人員 真的 很 辛苦 也 讓 臺灣 的 防疫 工作 做 得 很 好 日前 看到 某些 店家 或 外 送 人員 拒 送 餐 點 給 醫院 醫護人員 心裡 感到 很 不 舍 因此 希望 盡 自己 一點 能力 傳遞 溫暖 讓 醫護人員 感受 到 民眾 對 他們 的 支持 及 鼓勵 林 聖翔 剛 服 完 兵役 接到 學弟 曾 品 均 的 電話 後 二話不說 專程 從 臺北 搭車到 宜 蘭 兩 人 一起 動手 現場 烤制 披薩 並 由 陽大 醫院院長 楊 純 豪 代表 受 贈 楊 純 豪 說 全國 一線 醫護人員 在 照顧 新冠肺炎 隔離 病人 面臨 高風險 對 自己 生活 及 家庭 造成 不便 確實 很 辛苦 也 很 了不起 來自 社會 的 這 份 心意 醫護人員 確實 被 鼓勵 到 了 蘇澳鎮 公所 指出 中原 新 馬 公有 零售 市場 每月 租金 為 1500 元 至 2400 元 但 從新冠肺炎 爆發 後 傳統 市場 消費 民眾 減少 還有 攤 商 歎道 向 公所 承租 攤位 2030 年 生意 從未 有 如此 慘澹 鎮長 李明哲 表示 攤 商 們 平日 經營 不易 且 疫情 有 不斷 拉高 趨勢 為 因應 疫情 衝擊 與 攤 商 共 體 時艱 從 3 至 5 月 期間 免收 租金</t>
  </si>
  <si>
    <t>雲朗 觀光 與 嘉義 縣 新 港 農會 為 共同 推動 提 振 國產 農產品 旗 下 飯店 將 於 12 月中 起 陸續 於各館 客房 擺放 黑 娘 媽 黑豆 茶 包 讓 住宿 房客 可以 免費 品嘗 臺灣 黑豆 茶 的 好 滋味 雲 朗 觀光 集團 擁有 君 品 酒店 雲 品 溫泉 酒店 翰品酒店 兆 品 酒店 以及 品 文旅 五 個 品牌 共 十 間 飯店 遍及 國內 北 中南 東九 個 縣 市 新 港 農會 為了 讓 新 港 生產 尚青 的 黑豆 茶 可以 走 出 嘉義 同步 接觸 多 個 縣 市 的 客群 此次 特 與 雲朗 觀光 合作 共同 推廣 臺灣 優質 農產品 新 港 農會 民國 106 年 以 新 港 在 地 知名 廟宇 奉 天宮 主 神 媽祖 林 默 娘 為 精神 象徵 推出 黑 娘 媽 自有 品牌 開發 出 黑豆 茶 黑豆 粉 黑 豆漿 香 酥 黑豆 黑豆 糙米 香 黑豆 蔭 油 黑豆 蔭 油膏 青仁 黑豆 等 黑豆 產品 農會 總 幹事 林雅欣 說 農會 黑豆 茶 使用 新 港 在 地 生產 非 基因 改造 通過 產銷 履歷 驗證 tap 的 國產 黑豆 製作 安全 且 品質 新鮮 有 保障 飯店業 者 表示 受 新冠肺炎 影響 許多 國人 無法 出國 改 走 國內 旅遊 行程 飯店 願意 盡 一 份 心力 協助 推廣 國產 優質 的 農產品 農糧署 副 署長 姚志旺 指出 農糧署 南區 分署 長期 輔導 新 港 農會 種植 與 推廣 國產 黑豆 新 港 農會 黑豆 產品品質 好 且 價格 實惠 農會 用心 生產 高 品質 的 黑豆 產品 光 黑豆 保存 設備 就 投入 上 千萬 目的 在 顧好 黑豆 品質 例如 黑豆 乾燥機 燃料 堅持 不用 柴油 而是 用 碾米 後 的 粗糠 當 燃料 隔絕 重金屬 污染 讓 黑豆 味道 不 會 被 油 味 污染 給 消費者 高 品質 且 可 安心 食用 的 黑豆 產品</t>
  </si>
  <si>
    <t>新冠肺炎 臺灣 停課 新埔 國小 劉美芳</t>
  </si>
  <si>
    <t>新冠肺炎 疫情 衝擊 國內 經濟 政府 推出 多 項 紓困 方案 協助 民眾 度過 困難 時期 但 許多 繁雜 手續 引發 不小 民怨 新北 市長 侯友宜 視察 汐止 區公所 表示 中央 防疫 又 要 紓困 很 辛苦 大家 要 共 體 時艱 侯 強調 個體 發放 只是 解 燃眉之急</t>
  </si>
  <si>
    <t>新冠肺炎 疫情 衝擊 國內 經濟 政府 推出 多 項 紓困 方案 協助 民眾 度過 困難 時期 但 許多 繁雜 手續 引發 不小 民怨 新北 市長 侯友宜 視察 汐止 區公所 表示 中央 防疫 又 要 紓困 很 辛苦 大家 要 共 體 時艱 侯 強調 個體 發放 只是 解 燃眉之急 路還 很 長 要 共同 拼 經濟 侯友宜 稍 早 接受 訪問 時 表示 區公所 同仁 有 反應 很多 聲音 他 都 給予 很多 打氣 他 說 中央 政策 下來 新北 市 會 貫徹 他 說 中央 防疫 又 要 紓困 很 辛苦 大家 要 共 體 時艱 他 說 他 也 反映 很多 狀況 很多 民眾 仍 對於 紓困 方案 不 瞭 解 有些 問題 還 在 溝通 有 些 錢 還 沒 到位 侯 強調 會 跟 中央 站 一塊 解決 民眾 痛苦 中央 地方 共同 瞭解 怎樣 做 才能 到位 才能 解決 民眾 問題 讓 民眾 安心 好好 生活 這 是 有 責任 的 政府 要 做 的 對於 滾 動式 修正 侯 表示 要 碰到 特別 狀況 才會 滾 動 政策 下來 要 力求 執行 到底 讓 民眾 有 感 滾 動式 調整 是因為 疫情 改變 才 要 調整 他 說 經濟 紓困 一定 能 快速 解決 民眾 問題 不斷 隨 疫情 舒緩 過程 當中 紓困 力 道 要 越來越 大 怎樣 讓 經濟 活絡 起來 他 說 全民 在 疫情 舒緩 後 要 拼 經濟 個體 發放 只是 解 燃眉之急 路還 很 長 要 共同 拼 經濟</t>
  </si>
  <si>
    <t>新冠肺炎 臺灣 傅昆萁 臺灣 開放</t>
  </si>
  <si>
    <t>新冠肺炎 臺灣 新北 劉和然 停課</t>
  </si>
  <si>
    <t>草莓 姐姐 香蕉 哥哥 萬華 新冠肺炎</t>
  </si>
  <si>
    <t>國發 會 今 27 日 發佈 2020 年 元月 景氣 報告 景氣 燈號 綜合 判斷 分數 為 25 分 月 減 2 分 為 連續 第 三 個 月 亮出 代表 景氣 穩定 的 綠燈 國發 會 表示 景氣 同時 指標 續 呈上升 惟 領先 指標 連續 2 個 月 緩 跌 顯示 景氣 回 溫 暫時 受 不 確定 因素 干擾 須 密切 關注 後續 發展 臺灣 景氣 於 2019 年 11 月 擺脫 低迷 的 黃藍燈 接連 兩 個 月 出現 綠燈 並且 景氣 綜合 判斷 分數 持續 升高 原本 前景 光明 但 受 到 今年初 以來 全球 景氣 走 疲 加以 新冠肺炎 疫情 升溫 未來 景氣 增加 不 確定性 國發 會 表示 1 月 景氣 對策 分數 為 25 分 較 去年 12 月 的 27 分 減少 2 分 燈號 續 呈 綠 燈 9 項 構成 項目 中 工業生產 指數 由 綠燈 轉 呈 黃 紅燈 分數 增加 1 分 機械 及 電機 設備 進口 值 由 紅燈 轉 呈 黃 紅燈 分數 減少 1 分 批發 零售 及 餐飲業 營業額 由 綠燈 轉 呈 藍燈 分數 減少 2 分 其 餘 6 項燈號 不 變 另外 領先 指標 不含 趨勢 指數 為 10163 較 去年 12 月 下降 011 同時 指標 不含 趨勢 指數 為 10127 較 去年 12 月 持續上升 028 展望未來 國發 會 表示 政府 即將 施行 防疫 特別 條例 推動 防疫 紓困 及 振興 相關 措施 以 降低 企業 損失 協助 產業 復蘇 此外 半導體 廠商 持續 投資 先進 制程 疫情 亦 可望 加速 台商 回台 及 外商 對 台 投資 有助 民間 投資 穩健 擴 增 加以 政府 加速 公共 建設 執行率 優化 投資 環境 將 推 升 國內 整體 投資 動能 外需 方面 美中 正式 簽署 首 階段 貿易 協定 5 g 通訊 人工智慧 等 商機蓄 勢 待 發 廠商 持續 調升 在 台 產能 配置 以及 疫情 轉 單商機 可望 帶動 出口 成長 惟 近期 imf 等 國際 機構 因 肺炎 疫情 下 修 中國 大陸 與 全球 經濟 預測 加以 疫情 延 燒 影響 中國 大陸 復工 進而 衝擊 全球 供應 鏈 對 我國 影響 須 密切 關注</t>
  </si>
  <si>
    <t>國發 會 景氣 燈號 新冠肺炎 疫情</t>
  </si>
  <si>
    <t>北市 新冠肺炎 確診 病 患 砍 殺 護理 師 羈押 確定</t>
  </si>
  <si>
    <t>今年 5 月 因 新冠肺炎 確診 遭 隔離 在 雙和 醫院 的 洪姓 男子 持 刀 攻擊 3 名 護理人員 檢 方 起訴 後 新北 地方法院 裁定 羈押 他 不服 提 抗 告 臺灣高等法院 認定 他 犯罪 嫌疑 重大 且 有 逃亡 及 反 覆 實施 同一 犯罪 之 虞 駁回 抗 告 裁定 羈押</t>
  </si>
  <si>
    <t>今年 5 月 因 新冠肺炎 確診 遭 隔離 在 雙和 醫院 的 洪姓 男子 持 刀 攻擊 3 名 護理人員 檢 方 起訴 後 新北 地方法院 裁定 羈押 他 不服 提 抗 告 臺灣高等法院 認定 他 犯罪 嫌疑 重大 且 有 逃亡 及 反 覆 實施 同一 犯罪 之 虞 駁回 抗 告 裁定 羈押 確定 洪 男 在 雙和 醫院 隔離 期間 今年 5 月 31 日 持 刀 攻擊 護理人員 3 名 經 警方 到場 予以 逮捕 請示 檢察官 後 檢察官 以 被告 罹 患 新冠肺炎 且 在 隔離 中 考量 此病 傳染性 甚 強 有 事實上 不可抗力 而 無法 進行 偵查 6 月 9 日 下午 4 時 15 分 許 解除 隔離 後 向 法院 聲 請 羈押 新北 地 檢 偵 結 後 將 洪 起訴</t>
  </si>
  <si>
    <t>新冠肺炎 確診 確定 砍 殺 護理 師 羈押</t>
  </si>
  <si>
    <t>新冠肺炎 病毒 肆虐 全球 造成 百業蕭條 不只 飯店 旅行社 接連 關門 許多 人 也 被迫 放 無 薪 假 造成 不小 的 經濟 壓力 為 提供 保戶 彈性 的 資金運用 需求 新光人壽 推出 防疫 關懷 台幣 保單 借款 專案 線 上 線下 借款 優惠 利率 分</t>
  </si>
  <si>
    <t>新冠肺炎 病毒 肆虐 全球 造成 百業蕭條 不只 飯店 旅行社 接連 關門 許多 人 也 被迫 放 無 薪 假 造成 不小 的 經濟 壓力 為 提供 保戶 彈性 的 資金運用 需求 新光人壽 推出 防疫 關懷 台幣 保單 借款 專案 線 上 線下 借款 優惠 利率 分別 為 1 及 2 即日起 至 8 月 31 日 止 保戶 可 善加利用 調度 資金 讓 生活 及 資金運用 更具 靈活性 防疫 關懷 優惠 專案 活動 期間 符合 資格 者 自 符合 資格 日 起 享 優惠 利率 至 12 月 31 止 優惠 額度 最低 須達 2萬 元 新光人壽 保單 借款 具備 手續 簡便 撥款 快速 毋須征 信 免 擔保人 免 開辦 費 等 優點 外 對於 有 資金 需求 的 保戶 而言 專案 固定 期間 的 優惠 利率 更 能 靈活 調配 利息支出 因應 新冠肺炎 疫情 新光人壽 也 提醒 保戶 可 多 利用 快速 便捷 且 全年 不 打烊 的 新光人壽 網路 會員 專區 線 上 借款 服務 在家 不 出門 便 可 完成 保單 借款 降低 接觸 感染 風險 另 有 新光人壽 與 新光 銀行 合作 推出 的 atm 現 貸 卡 可 使用 各地 金融機構 atm 提款機 輕鬆 辦理 借還款 或者 委 讬 新光人壽 服務 人員 代辦 親臨 新光人壽 全國 各 行政 中心 等 方式 完成 保單 借款 申請 程式</t>
  </si>
  <si>
    <t>劉品言 網 購 內衣 大 胸 女孩 新冠肺炎</t>
  </si>
  <si>
    <t>譚 德塞 新冠肺炎 與 季節性 流感 有 4 大 差異</t>
  </si>
  <si>
    <t>世界衛生組織 who 總 幹事 譚 德塞 在 記者會 上 表示 新冠肺炎 與 季節性 流感 存 在 4 個 重要 區別 它 相比 季節 流感 的 差異 包括 1 新冠 病毒 傳染 力 較 流感 低 2 引發 病情 較 嚴重 3 目前 還 無 針對 新冠 病毒 的 疫苗 與 療法 4 流感 不可</t>
  </si>
  <si>
    <t>世界衛生組織 who 總 幹事 譚 德塞 在 記者會 上 表示 新冠肺炎 與 季節性 流感 存 在 4 個 重要 區別 它 相比 季節 流感 的 差異 包括 1 新冠 病毒 傳染 力 較 流感 低 2 引發 病情 較 嚴重 3 目前 還 無 針對 新冠 病毒 的 疫苗 與 療法 4 流感 不可 控 但 新冠肺炎 疫情 可以 得到 控制 據 新華 網 報導 譚 德塞 在 例行 記者會 上 說 世衛組織 正在 加深 對 新冠肺炎 的 認識 並 發現 它 與 季節性 流感 存 在 4 個 重要 區別 一 現有 資料 顯示 新冠 病毒 的 傳播 效率 低於 季節性 流感 譚 德塞 指出 無 症狀 感染者 是 流感 病毒 的 主要 傳播 者 而 新冠 病毒 並非如此 來自 中國 的 證據 顯示 只 有約 1 的 確診 病例 沒有 症狀 且 這些 病例 中的 大多數 會 在 兩 天內 出現 症狀 二 與 季節性 流感 相比 新冠 病毒 引發 的 疾病 更 嚴重 譚 德塞 說 目前 全球 新冠肺炎 導致 的 病亡 率 約 為 34 而 季節性 流感 的 病亡 率 通常遠 低於 1 全球 許多 人 已經 具備 對 季節性 流感 病毒 毒 株 的 免疫力 而 新冠 病毒 是 一 種 新病毒 這 意味著 新冠肺炎 的 易 感人 群 更 多 有些 人 會 出現 重症 三 目前 尚無 針對 新冠 病毒 的 疫苗 和 專門 療法 譚 德塞 說 目前 有 20 多 種 針對 新冠 病毒 的 疫苗 正 在 研發 一些 療法 也 在 進行 臨床 試驗 第 四 流感 不可 控 但 新冠肺炎 疫情 可以 得到 控制 譚 德塞 說 我們 不 會 針對 季節性 流感 進行 接觸 者 追蹤 但 各國 應該 追蹤 新冠肺炎 患者 的 密切接觸 者 這樣 可以 阻止 傳染 並 挽救 生命 譚 德塞 強調 正 因為 新冠肺炎 疫情 可 被 控制 世衛組織 呼籲 各國 採取 全面 的 防控 措施 特別 是 那些 已 建立 流感 檢測 和 防控 體系 的 國家 可 對 現有 體系 進行 相應 調整 無需 從零開始</t>
  </si>
  <si>
    <t>高中 以下 學校 2 月 25 日 開學 因 新冠肺炎 疫情 日益 嚴峻 許多 學生家長 憂心忡忡 擔心 校園 爆發 群 聚 感染 危害 子女 健康 教育部 不應 猶豫 應立即 宣佈 開學日 再 往後 延 目前 各 大學 因應 防疫 作為 大多 把 開學日 延至 3 月 2 日 避</t>
  </si>
  <si>
    <t>高中 以下 學校 2 月 25 日 開學 因 新冠肺炎 疫情 日益 嚴峻 許多 學生家長 憂心忡忡 擔心 校園 爆發 群 聚 感染 危害 子女 健康 教育部 不應 猶豫 應立即 宣佈 開學日 再 往後 延 目前 各 大學 因應 防疫 作為 大多 把 開學日 延至 3 月 2 日 避開 228 連 假 部分 大學 只延 後 1 周於 2 月 25 日 開學 至於 中小學 開學日 依法 由 教育部 統一 規定 對於 家長 及 學者 專家 的 呼籲 再延 後 教育部 卻 堅持 延至 2 月 25 日 開學 不 變 教育部長 潘文忠 為 安撫 家長 的 憂心 宣佈 協助 學校 採購額 溫槍 25萬 支 酒精 84萬 公升 以及 防疫 備用 口罩 645萬 片 家長 批判 這些 防疫 物資 根本 不 夠用 尤其 年輕 上班族 父母親 沒 時間 排隊 孩子 上學 沒 口罩 根本 不安 心 教育部 深諳 口罩 無法 分發 每 位 學生 竟 呼籲 學校 及 家長 配給 備用 口罩 是 有 咳嗽 等 呼吸道 症狀 的 師生 才戴 這 又 讓 家長 更加 擔憂 因為 最近 不但 新冠肺炎 疫情 有 擴大 趨勢 流感 及 腸病毒 也 來勢洶洶 疾 管署 18 日 公佈 原本 春 夏 好 發 的 腸病毒 上周 不只 新增 兩 例 腸病毒 併發 重症 其中 1 位 甚至 是 15 歲 少年 成 了 感染 腸病毒 重症 年紀 最大者 更 恐怖 的 是 流感 上周 就 新增 15 例 流感 併發 重症 死亡 案例 其中 1 位 是 30 歲 的 病 患 從 發病 到 死亡 僅 5 天 對照 新冠肺炎 目前 1 人 死亡 流感 7 天 就 奪 走 15 人 的 寶貴 生命 目前 媒體 聚焦 新冠肺炎 流感 的 嚴重性 反而 被忽略了 面對 新冠肺炎 爆發 疑 似 社區 感染 台 大公 衛 學院院長 詹 長 權 已 公開 呼籲 如果 疫情 是 圍堵 期 就 應延 後 開學 如今 再 加上 腸病毒 及 流感 蠢蠢欲動 防疫 視同 作戰 教育部 應 當機立斷 絕不能 拿 師生 的 健康 當 賭注</t>
  </si>
  <si>
    <t>治療 新冠 傳出 好 消息 巴西 近日 的 千 人 實驗 發現 又 有 一 款 老 藥 可 降低 死亡 發生 是 一 款 名為 氟 伏沙 明 fluvoxamine 的 抗 憂鬱 症 老 藥 陽明醫院 胸腔 科 醫師 蘇一峰 指出 該 研究 指出 可 減少 新冠 感染 後 死亡 風險 達 9 成 並 獲 nature 期刊 注明 為 重要 發現 可望 為 全球 的 新冠 疫情 帶來 轉機 臺北市立聯合醫院 急診 醫學科 醫師 賴昭智 今日 於新冠肺炎 科學 防疫 線 上 論壇 說明 新藥 發展 提到 氟 伏沙 明 是 一 款 抗 憂鬱 症 老 藥 經 巴西 的 千 人 試驗 後 發現 能 有效 降低 新冠 住院 風險 達 32 若 服藥 遵從 度 能 超過 8 成 降低 住院 風險 更 可 達 66 衛福部 草屯 療養院 精神 科 醫師 沈政男 表示 氟 伏沙 明 是 一 款 使用 超過 20 年 的 老 藥 主要 用於 重度 憂鬱 症 病 患 當 大腦 血清 素 降低 人 就 容易 鑽牛角尖 引起 負面 情緒 而 氟 伏沙 明 的 功能 就是 抑制 大腦 回收 血清 素讓 血清 素 保持 在 高水準 幫助人 控制 良好 情緒 沈政男 說 目前 不 清楚 氟 伏沙 明 預防 新冠 重症 的 機 轉 為何 但 這款 藥 副作用 低 是 精神 科 的 常見 用藥 且 價格便宜 若 將來 能 廣大 應用 在 治療 新冠肺炎 可望 帶來 很 大 的 幫助 賴昭智 也 指出 除 氟 伏沙 明 能夠 老 藥 新用 外 近期 國際 間 也 有 sotrovimab 的 單株 抗體 以及 再生 元 單株 抗體 雞尾酒 療法 進入 三期 臨床 前者 可 降低 8 成 5 的 住院 風險 後者 具有 可 接受 的 安全性 並能 有效 降低 住院 死亡率 為 根除 新冠 疫情 帶來 新希望</t>
  </si>
  <si>
    <t>氟 伏沙 明 老 藥 新冠肺炎 臺灣 血清 素</t>
  </si>
  <si>
    <t>新冠肺炎 疫情 蔓延 準備 因應 旺季 來臨 的 觀光業 首當其衝 高雄 遊覽車 業 界 已 傳出 有 兩三 家業 者 司機 放 無 薪 假 出車 率 僅剩 1 成 計程車 業者 業績 也 狂 掉 5 至 7 成 大家 都 希望 政府 能 伸出 援手 補貼 協助 他們 度過 考驗 高市 遊覽</t>
  </si>
  <si>
    <t>新冠肺炎 疫情 蔓延 準備 因應 旺季 來臨 的 觀光業 首當其衝 高雄 遊覽車 業 界 已 傳出 有 兩三 家業 者 司機 放 無 薪 假 出車 率 僅剩 1 成 計程車 業者 業績 也 狂 掉 5 至 7 成 大家 都 希望 政府 能 伸出 援手 補貼 協助 他們 度過 考驗 高 市 遊覽車 公會 理事長 林士勳 表示 三 至 五月 是 遊覽車 業 旺季 每月 有 9 成 出車 天數 很 正常 但 受 疫情 影響 目前 高雄 百 家 遊覽車 業者 全數 受 影響 大家 一個 月 只 出 車 34 天 所有 國內 旅遊 行程 全數 取消 僅剩 工廠 公司 行號 的 交通車 林 士 勳 表示 業者 買 車 有 貸款 利息 信用 瑕疵 等壓 力 還 會 關係 到 連帶 保證人 不動產 設定 以 他 為 例 旗 下 40 輛 車 每月 車 貸 200 多 萬 元 40 名 司機 每月 人事 成本 約 120萬 元 還要 加上 大型 停車場 的 年 租 費用 面對 疫情 嚴峻考驗 短期 一兩 個 月 還 能 硬撐 但 若 拉長 戰線 就 得 走 上 與 銀行 租賃 公司 協商 展延 貸款 一途 希望 政府 適度 補貼 舒緩 業者 壓力 間接 維持 司機 們 生計 北部 一 山 遊覽車 業者 表示 這 冬天 很 長 快撐 不 下去 以前 幾乎 高達 8 成 的 遊覽車 都會 出去 在 進香 旺季 還 會 供不應求 現在 因為 新冠肺炎 疫情 關係 不僅 各國 政府 都 祭出 各種 限令 連 一般 民眾 也 都 打消 出遊 的 念頭 對 整個 觀光 產業鏈 的 影響 相當嚴重 出車 量 不 到 1 成 運輸業 全 掛 盼 政府 能 有 配套 搶救 不是 一個 慘 字 能 形容 威士特丹 號 爆發 新冠肺炎 個案 高雄 計程車 司機 也 人心惶惶 有 運 將 乾脆 休息 放大 假 也 有人 為 討 生活 歹命 大 歎 得 面對 恐懼 高市 計程車 公會 理事長 甘光華 表示 原本 受 疫情 影響 已 接 不 太 到 客人 了 如今 心情 更是 七上八下 整體 業績 差 了 45 成 陳姓 女 司機 表示 建議 政府 多少 能 在 油價 上 補助 基隆 市 觀光 服務 促進會 理事長 謝燦榮 指出 車隊 司機 的 載客 量 絕對 有 下降 因為 要 顧 家庭 顧 生活 這些 曾經 負責 載 送 郵輪 旅客 的 司機 都會 繼續 載客 車內 都 以 消毒水 來 進行 全面 消毒 請 民眾 放心 而 司機 也 都 會 戴 上 口罩 來 保護 自己</t>
  </si>
  <si>
    <t>護理人員 東京 奧運 協助 應該 新冠肺炎</t>
  </si>
  <si>
    <t>南韓 世衛 新冠肺炎 大 邱 市</t>
  </si>
  <si>
    <t>陳時中 疫苗 價格 新冠肺炎 臺灣</t>
  </si>
  <si>
    <t>新冠肺炎 全球 肆虐 高齡者 更是 感染 發病 死亡 的 高風險 族群 長輩 的 防疫 絕對 不能 輕忽 台南 市政府 社會局 為 讓 關懷 據點 能 持續 照顧 長輩 特別 強化 據點 防疫 物資 及 宣導 防疫 觀念 希望 避免 發生 群 聚 感染 社會局 表示 台南 市 積</t>
  </si>
  <si>
    <t>新冠肺炎 全球 肆虐 高齡者 更是 感染 發病 死亡 的 高風險 族群 長輩 的 防疫 絕對 不能 輕忽 台南 市政府 社會局 為 讓 關懷 據點 能 持續 照顧 長輩 特別 強化 據點 防疫 物資 及 宣導 防疫 觀念 希望 避免 發生 群 聚 感染 社會局 表示 台南 市 積極 打造 健康 樂活 的 高齡 友善 城市 目前 全市 有 368 個 社區 照顧 關懷 據點 日前 該局 透過 台南 市 工商 發展 投資 策進會 共同 協助 據點 備齊 75 防疫 專用 消毒 酒精 還 提供 據點 因應 新冠肺炎 疫情 防疫 服務 處理 作為 輔導 據點 志 工 服務 人員 落實 長者 進出 據點 館 室 量 測體溫 使用 酒精 消毒 手部 等 防疫 措施 並於 志 工 會議 運用 宣導 防疫 短片 加強 社區 志 工 服務 知能 另外 為 防止 群 聚 感染 也 要求 各 據點 的 健康 促進 活動 課程 以 戶外 空間 為 原則 長輩 倆 倆 間 應 距離 1 公尺 以上 為 避免 近 距離 同桌 共 餐 問題 可 打菜 帶回家 食用 並 宣導 社區 民眾 若 有 發燒 或呼吸道 症狀 遵守 呼吸道 衛生 及 咳嗽 禮節 務必 配戴 口罩 並 勤洗手 一同 落實 據點 環境 整潔 消毒 相關 措施 全體 做好 防疫 工作 不讓 社區 據點 成為 防疫 破 口 台南 市長 黃偉哲 認為 長輩 到 據點 參與 活動 不僅 能 有 愉快 的 社交生活 適度 的 運動 又 可 提升 免疫力 同時 透過 防疫 宣 導 學習 正確 防疫 觀念 讓 長者 瞭 解 預防 新冠肺炎 最 有效 最 經濟 實惠 方式 是 落實 勤洗手 避免 觸摸 眼 鼻 口 保持 環境 清潔 及 通風 等 措施</t>
  </si>
  <si>
    <t>伊朗 衛生部 副 部長 驚 爆 感染 新冠肺炎 已 接受 隔離</t>
  </si>
  <si>
    <t>據 大陸 央 視 引述 伊朗 媒體 報導 伊朗 衛生部 副 部長 哈利 其 iraj harirchi 確診 感染 新冠 病毒 已 接受 隔離 目前 情況 良好 據 伊朗 伊斯蘭 通訊社 25 日 報導 哈利 其 在 其 社交 媒體 證實 了 這 一 說法 他 表示 24 日 晚上 的 測試 顯示 陽性 此後 他 已經 接受 隔離 目前 狀況良好 報導 說 當地 時間 2 月 25 日 伊朗 衛生部 公共關係 與 資訊 中心 主任 賈汗 普爾 表示 伊朗 新冠肺炎 確診 人數 新增 34 例 新增 3 例 死亡 病例 截至 25 日中 午 伊朗 共 確診 新冠肺炎 病例 95 例 死亡 15 例 34 例 新增 確診 病例 中 16 人 來自 庫 姆 大多數 確診 病例 都有庫 姆 接觸 史 賈汗 普爾 呼籲 民眾 避免 出行 儘量 待在家裡 伊朗 的 疫情 迅速 擴大 自 昨日 起 已 有 阿聯酋 與 阿曼 兩 國 暫停 與 伊朗 之間 的 航班</t>
  </si>
  <si>
    <t>新冠肺炎 臺灣 簡訊 實 聯 制 郵局 疫情</t>
  </si>
  <si>
    <t>新冠肺炎 臺灣 市場 疫 調 攤 商</t>
  </si>
  <si>
    <t>海基會 26 日 上午 表示 已 協調 華航 班機 於 2930 日 晚 從 上海 飛 桃園 送 滯留 湖北 的 國人 返台 不過 湖北省 台辦 26 日 晚 表示 滯留 臺胞 希望 可 就近 從 武漢 飛 回 臺灣 若 兩岸 共同 執 飛 各 飛 兩 班 本 周 內 就 可 將 申請 搭乘 的 800 多 名 臺胞 運送 返鄉 此 想法 也 已 正式 向 臺灣 提出 新華社 報導 湖北省 台辦 透露 大陸 已 通過 兩岸 民航 聯繫 管道 提出 為 便利 臺胞 返鄉 由 東航 或 東航 與 華航 再次 執 飛 臨時 航班 運送 滯留 湖北 臺胞 返鄉 報導 指 湖北省 台辦 負責人 表示 此前 由 東航 和 華航 共同 執 飛 運送 返台 的 361 名 臺胞 在 結束 集中 隔離 14 天 後 已於 25 日 全部 回家 目前 仍 滯留 在 湖北 的 臺胞 希望 就近 從 武漢 直接 返回 臺灣 日前 統計 申請 搭乘 臨時 航班 的 臺胞 有 800 多 人 如 實現 東航 運送 或 東航 華航 各 執 飛 兩 個 航班 運送 本 周 內 即 可 將 滯留 湖北 臺胞 全部運送 返鄉 滿足 他們 早日 回家 的 需要 湖北省 和 武漢市 新冠肺炎 疫情 防控 指揮部 近日 已 就 當地 對外 交通 和 人員 流動 逐步 恢復正常 發出 通知 根據 相關 規定 滯留 湖北 各地 臺胞 可 提出 離開 湖北 申請 經 核酸 檢測 及 醫學 檢查 合格 獲得 健康 證明 後 即可 自行 離開 當地 海基會 26 日 上午 則 指出 已 指定 兩 架 華航 班機 航班 號碼 皆 為 ci 504 飛行 時刻表 分別 為 3 29 日 3 30 一 各 一 架次 皆 是 19 50 從 上海浦東機場 起飛 預計 21 50 抵達 桃園 提供 給 滯留 湖北 當地 的 臺灣 民眾 搭乘</t>
  </si>
  <si>
    <t>接種 新冠 疫苗 大陸 廣東 新冠肺炎</t>
  </si>
  <si>
    <t>伊林 娛樂 名模 殷琦 嫁 給 台中 高明精 機 總經理 張仕育 婚後 幸福 近日 新冠肺炎 疫情 緊張 政府 趕 著 擴建 口罩 生產線 背後 仰賴 工具機 國家隊 投身 奉獻 殷琦 25 日 對外 表示 老公 也 投身 其中 支援 組合 製作 口罩 的 機器 在 這不</t>
  </si>
  <si>
    <t>伊林 娛樂 名模 殷琦 嫁 給 台中 高明精 機 總經理 張仕育 婚後 幸福 近日 新冠肺炎 疫情 緊張 政府 趕 著 擴建 口罩 生產線 背後 仰賴 工具機 國家隊 投身 奉獻 殷琦 25 日 對外 表示 老公 也 投身 其中 支援 組合 製作 口罩 的 機器 在 這不 平靜 的 時刻 看到 同業 間 不分彼此 工具 自己 帶 便當 自己 訂 不問 獲利 只 為了 臺灣 人民 感覺 很 溫暖 殷琦 透過 經紀 公司 表示 張仕育 投入 人力 與 設備 的 支援 但 已 投入 成本 不 方便 透露 年 後 一 開工 就 收到 公會 的 召集 希望 能 組織 一個 盟軍 因為 臺灣 遇到困難 需要 我們 救援 了 我們 要 完成 一個 不可能 的 任務 她 也 點出 其中 難處 原本 一個 月 才能 生產 4 台 的 口罩 機器 現在 必須 在 3 周 內 完成 60 條 生產線 殷琦 傳達 張仕育 心意 為了 安定 民心 為了 讓 大家 不要 陷入 恐慌 讓 每個 人 都 可以 無 憂 購買 充足 口罩 讓 第 一線 的 醫療 人員 有 充足 的 防禦 武器 對抗 病毒 經常 陪 老公 出差 世界 四處 跑 的 她 因為 這 波 疫情 接連 取消 數 個 機械展 行程 包含 上海 重慶 以及 韓國行 幸好 在 疫情 蔓延 前 她 在 過年 前 先帶 了 家人 赴 日 旅遊 全程 戴 口罩 相當 謹慎</t>
  </si>
  <si>
    <t>口罩 殷琦 生產 張仕育 新冠肺炎</t>
  </si>
  <si>
    <t>昨日 大 聯盟 主席 曼 佛 雷德 rob manfred 說 雖然 希望 能 在 5 月 開 季 不過 仍 不 排除 縮短 賽季 大 聯盟 與 大 聯盟 球員 工會 達成協議 針對 因為 新冠肺炎 疫情 而 產生 的 年資 薪水 選 秀 的 問題 一一 討論 解決 預計 明日 各隊 老闆 簽名 同</t>
  </si>
  <si>
    <t>昨日 大 聯盟 主席 曼 佛 雷德 rob manfred 說 雖然 希望 能 在 5 月 開 季 不過 仍 不 排除 縮短 賽季 大 聯盟 與 大 聯盟 球員 工會 達成協議 針對 因為 新冠肺炎 疫情 而 產生 的 年資 薪水 選 秀 的 問題 一一 討論 解決 預計 明日 各隊 老闆 簽名 同意 後 就 宣佈 首先 有關 球員 服務 年資 今年 有 可能 無法 打 滿 162 場 過去 球員 要 在 大 聯盟 待 滿 172 天才 能 獲得 完整 年資 今年 大 聯盟 同意 只要 去年 有 在 25 人 名單 內 或 在 傷兵 名單 的 選手 即使 今年 取消 賽季 或 縮短 賽季 都可 直接 獲得 1 年 年資 因此 貝茲 mookie betts 包 爾 trevor bauer 史 卓曼 marcus stroman 瑞爾 穆 托 j t realmuto 等 球星 仍 可 在 今年 11 月 投入 自由市場 而 根據 espn 報導 大 聯盟 選 秀 可能 延到 7 月 進行 且 可能 縮短 輪 次 至 5 輪 及 簽約 金 延緩 給付 還 可能 在 2021 年縮短 至 20 輪 至於 今年 的 國際 球員 簽約 延到 2021 年 1 月 2021 年 2022 年 的 國際 球員 簽約 也 都 會 順延</t>
  </si>
  <si>
    <t>新冠肺炎 臺灣 確診 足跡 自律</t>
  </si>
  <si>
    <t>上午 10 時 北京 全城 防空警報 鳴響 大陸 國家 主席 習近平 等 國家 領導人 向 大陸 新冠肺炎 疫情 犧牲 烈士 和 逝世 同胞 默哀 3 分鐘 習近平 李克強 栗 戰書 汪洋 王滬甯 趙樂際 韓正 王岐山 等 大陸 黨和國家 領導人 來到 中南海 懷</t>
  </si>
  <si>
    <t>上午 10 時 北京 全城 防空警報 鳴響 大陸 國家 主席 習近平 等 國家 領導人 向 大陸 新冠肺炎 疫情 犧牲 烈士 和 逝世 同胞 默哀 3 分鐘 習近平 李克強 栗 戰書 汪洋 王滬甯 趙樂際 韓正 王岐山 等 大陸 黨和國家 領導人 來到 中南海懷仁堂 前 佩戴 白花 神情 凝重 肅立 今天 4 日 上午 十 點 為 表達 大陸 全國 各族人民 對 抗擊 新冠肺炎 疫情 鬥爭 犧牲 烈士 和 逝世 同胞 的 深切 哀悼 北京地鐵 和 京港 地鐵 所有 線路 列車 皆 臨時 停車 3 分鐘 期間 所 有 列車 鳴笛 三 次 同時 湖北 武漢 和 大陸 全國 各地 群眾 靜立 默哀 汽車 火車 艦船 與 防空警報 同時 鳴響</t>
  </si>
  <si>
    <t>新冠肺炎 疫情 蔓延 未 見 趨 緩 全台 百貨 業 亦 積極 往 線 上 搶 客 包括 新光 三越 線 上網 購 從 美 妝 類 擴展 至 3 c 家電 超市 與 婦嬰 用品 等 達 3000 項 而 sogo 百貨 則 以 防疫 用品 為 主力 上線 流量 在 近期 均 有 數 倍 成長 三 年前 新光 三越 電 商平</t>
  </si>
  <si>
    <t>新冠肺炎 疫情 蔓延 未 見 趨 緩 全台 百貨 業 亦 積極 往 線 上 搶 客 包括 新光 三越 線 上網 購 從 美 妝 類 擴展 至 3 c 家電 超市 與 婦嬰 用品 等 達 3000 項 而 sogo 百貨 則 以 防疫 用品 為 主力 上線 流量 在 近期 均 有 數 倍 成長 三 年前 新光 三越 電 商 平臺 beauty stage 美麗 台 推出 僅限於 美 妝 類 在 疫情 催化 下 商品 團隊 原先 要 在 半 年 後 推 的 線 上網 購 加速 在 20 日 提前 推出 我 的 微型 百貨 上線 強調 世界 很 艱難 購物 要 更 簡單 亦 頗 得 年輕 同溫層 有感 首日 流量 即 出現 數 倍 成長 且 包括 3 c 家電 的 蘋果 airpods 新款 等 均 一度 賣到 缺貨 新光 三越 商品 副總 歐陽慧 指出 總計 6 大 商品 館 逾 3000 項 商品 且 首 波 至 3 月 18 日 全站 免 運費 吸引 驚 人流量 未來 將 隨 著 季節 推出 包括 最新 美 妝 服飾 專區 等 至於 線下 會員 到 府 刷 卡 服務 多 以 高 單價 商品 需求 為 大宗 但 其實 不 限 金額 適用 館內 所有 商用 sogo 百貨 則 自 3 日 起 sogo istore 推出 防疫 商品 專區 推出 不 到 2 周 較 去年同期 業績 成長 超過 3 倍 sogo 強調 將 陸續 增加 食品 及 民生 用品 同時 也 與 遠 傳 friday 購物 平臺 擴大 合作 而 線上 下 則 推出 宅 配到 府 服務 更 新增 a 地 購買 b 地 取 貨 等 服務 遠 百 線 上 亦 應 援 線下 實體 賣 場 最新 商品 資訊 與 宅 配到 府 服務 其中 又 以 美 妝 類 為主 遠 百 強調 宅 配 服務 多數 以 一級 商圈 像是 信義 a 13 西門 町 寶慶 店 板橋 大遠 百 等 為主 其他 各 地 門市 受到 影響 不大 對應 策略 是 228 檔 期 將 推出 一系列 促銷 活動 除了 防疫 到位 各 櫃 位 廠商 亦可 為 顧客 意願 提供 店 外 取 貨 或 快遞 宅 配到 府 微風 則 指出 微風 app 會員 近 60萬 人次 消費 滿 2000 即 提供 免費 宅 配 服務 到 府 刷 卡等 多 項 微風 會員 專屬 智慧 購物 服務 今年 上半年 更 將 打造 的 微風 新科 技 攜手 臺北 文華 東方 酒店 透過 微風 app 即可 線 上 訂 房 並 獲得 微風 會員 專屬 優惠 回 饋</t>
  </si>
  <si>
    <t>出現 華盛頓州 該州 院內 感染 新冠肺炎</t>
  </si>
  <si>
    <t>大陸 環球 時報 4 日 報導 大陸 8 月 3 日 0 24 時 新增 本土 確診 病例 71 例 無 症狀 感染者 15 例 顯示 疫情 依舊 嚴峻 北京大學第一醫院 呼吸 和 危重症 醫學科 主任 王 廣發 表示 大陸 這 一 輪 疫情 有 三 個 主要 的 暴發 點 一 是 南京 張家界 這 一 暴發 點 的 疫情 外 溢 到 了 揚州 北京 等 城市 二 是 鄭州 這 是 由 院內 感染 外 溢 造成 的 三 是 上海 從 目前 的 資訊 來 看 是 和 外航 貨機 有關 是 環境 暴露 引發 的 本土 病例 三 個 暴發 點 最終 根源 都 還 是 可 追溯到 境外 輸入 王 廣發 認為 從 目前 來看 大部分 地方 採取 的 是 精准 應對 的 防疫 措施 而 並非 大面積 整體 封 城 這類 措施 將 成為 未來 常態 化 的 防疫 應對 措施 尤其 是 詳盡 的 流行病 學 調查 將 成為 比 救治 更加 重要 的 防疫 手段 據 大陸 國家 衛健 委 4 日 通報 8 月 3 日 0 24 時 大陸 共 報告 新增 本土 確診 病例 71 例 江蘇 35 例 湖南 15 例 湖北 9 例 山東 6 例 雲南 3 例 河南 2 例 福建 1 例 本土 無 症狀 感染者 15 例 河南 9 例 湖北 3 例 湖南 3 例 顯示 出 疫情 形勢 依舊 嚴峻 從 各地 通報 的 資料 看 涉及 南京 祿口 機場 傳染 鏈 的 江蘇 依然 是 3 日 新增 感染者 最 多 的 省分 新增 的 35 例 本土 確診 病例 中 南京 3 例 揚州 32 例 7 月 20 日 至今 南京 累計 報告 本土 確診 病例 223 例 揚州市 累計 報告 126 例 無 症狀 感染者 2 例 根 公開 資料 顯示 揚州 疫情 中心 點 是 棋牌 室 在 本輪 疫情 中 於 7 月 21 日 離開 已 採取 封控 管理 措施 的 南京 江甯區 乘 大巴 前往 揚州 的 64 歲 毛姓 女子 是 揚州 報告 首例 病例 官方 公佈 行程 軌跡 顯示 毛婦 在 揚州 曾 往 多 個 棋牌 室 打牌 在 7 月 28 日 毛 某 成為 揚州 第一 例 確診 病例 後 揚州 此後 報告 病例 多數 是 去 過 棋牌 室 的 老年人 揚州市 與 湖南 張家界市 已 採取 同樣 最 嚴格 的 防疫 措施 環球時報 報導 武漢大學 醫學 部 病毒 研究所 教授 楊 占 秋稱 此次 張家界 疫情 並非 本土 暴發 屬於 外來 輸入 型 傳染 鏈條 較為 明確 除了 外來 輸入 病例 及其 密接 群體 到 過 的 地方 其他 地方 應該 不 會 有 新 病例 這 和 去年 年初 武漢 多 地 同時 出現 病例 有 很 大 不同 楊 占秋 認為 雖然 張家界 目前 採取 了 類似 封 城 措施 但 預計 這種 狀態 不 會 持續 很 長 時間 當地 疫情 應該 兩 周內 就 可以 得到 有效 控制 相應 防疫 措施 也 會 隨之 調整 武漢 在 本輪 疫情 迄 3 日 24 時 已 報告 12 例 本土 確診 病例 與 8 例 無 症狀 感染者 武漢市 已 根據 疫情 啟動 全員 核酸 檢測 在 南京 祿口 機場 疫情 傳播 鏈 外 上海 2 日 也 發現 一 例 新增 本土 病例 上海市 新冠肺炎 臨床 救治 專家組 組長 張文宏 指出 作為 機場 員工 新增 病例 接種 過 疫苗 但 這 名 確診 者 所有 密接 者 沒有 一 例 陽性 這 說明 如 疫苗 廣泛 接種 可使 病毒傳播 速度 大幅 衰減 大陸 有 更 加大 的 把握 在 非常 短 的 時間 內 做到 防控</t>
  </si>
  <si>
    <t>新冠肺炎 揚州 疫情 確診 病例 暴發</t>
  </si>
  <si>
    <t>新冠肺炎 疫情 在 歐美 蔓延 許多 城市 陸續 進入 封城 或 半 封城 狀態 想要 維持 正常 營運 又 擔心 疫情 衝擊 的 企業 在家 遠 距 工作 telework 成為 新 的 模式 並 帶動 雲端 運算 及 資料 中心 龐大商 機 筆 電 及 伺服器 供應 鏈 接 單暢旺 成為</t>
  </si>
  <si>
    <t>美國 面臨 第二 波 新冠肺炎 疫情 持續 升高 危機 根據 國家廣播 公司 nbc 的 統計 週三 單日 新增 確診 人數 飆 破 4萬 大關 來到 逾 45萬 創下 新高 紀錄 近來 相當 強勢 的 美 股 受 此 利 空 襲擊 應聲 大跌 那斯 達克 綜合 指數 更 失守 1萬 點 大</t>
  </si>
  <si>
    <t>美國 面臨 第二 波 新冠肺炎 疫情 持續 升高 危機 根據 國家廣播 公司 nbc 的 統計 週三 單日 新增 確診 人數 飆 破 4萬 大關 來到 逾 45萬 創下 新高 紀錄 近來 相當 強勢 的 美 股 受 此 利 空 襲擊 應聲 大跌 那斯 達克 綜合 指數 更 失守 1萬 點 大關 美 股 週三 收盤 出現 近期 罕見 的 長黑 道 瓊 工業 指數 重 挫 逾 700 點 或 27 那斯 達克 指數 大 跌 22 跌破 1萬 點 大關 週四 早 盤 進一步 開低 道指 下跌 逾 百 點 或 05 報 25310 點 但有 逐漸 拉回 趨勢 歐 股 週四 早 盤 跳 空 開低 英國 德國 與 法國 主要 地區 股市 一度 大跌 約 1 但 稍後 拉高 到 小漲 的 局面 根據 nbc 的 統計 美國 新冠肺炎 確診 人數 週三 新增 45557 人 較 4 月 26 日 第一 波 疫情 高峰 時 的 前 高 大增 超過 9000 人 改寫 新高 紀錄 包括 德州 與 亞利桑那 等 好幾 州 單日 確診 人數 都同 創新 高 另外 根據 華爾街日報 的分析 自 6 月 13 日 以來 全美 7 日 平均 新增 確診 人數 成長率 皆 高於 14 日 平均值 證明 美國 疫情 快速 加溫 據 約翰霍普金斯大學 的 資料 美國 迄今 新冠肺炎 累計 感染 人數 已 超過 230萬 逾 12萬 人 死亡 由於 疫情 再度 升溫 引發 外界 擔憂 將 衝擊 社會 解封 與 經濟 復蘇 紐約 紐澤西 與 康乃 狄克州 州長 週三 宣佈 新 措施 規定 從 疫情 熱區 來 的 旅客 需 檢疫 隔離 兩 周 白宮 傳染 疾病 專家 佛 奇 anthony fauci 指出 美國 目前 確實 出現 確診 人數 異常 暴 增 的 情況 不過 仍 屬 於 第一 波 疫情 的 階段 隨 著 疫情 升溫 川普 的 抗 疫 表現 民 調 支援 度 也 連連 破 底 根據 路透 易普索 公佈 的 最 新民 調 對 川普 抗 疫 表現 表示滿意 的 美國 人 僅 三 成 七 創下 3 月初 開始 此 一 民 調 以來 的 新低 不 滿意 的 比率 更 高達五 成 八 另 一 份 由 紐約時報 錫耶納 學院 週三 發佈 的 民 調 也 呈現 類似 的 結果有 將近 六 成 的 受訪者 不滿 川普 的 抗 疫 表現</t>
  </si>
  <si>
    <t>央 視 新聞報導 今天 25 日 召開 的 北京市 第 247 場 新冠肺炎 疫情 防控 工作 新聞 發 佈 會上 北京市政府 新聞 發言人 徐和 建 表示 近期 大陸 多 地 相繼 發生 疫情 北京 陸續 發現 京外 關聯 和 本地 病例 疫情 形勢嚴峻 複雜 首都 面臨 的 疫</t>
  </si>
  <si>
    <t>央 視 新聞報導 今天 25 日 召開 的 北京市 第 247 場 新冠肺炎 疫情 防控 工作 新聞 發 佈 會上 北京市政府 新聞 發言人 徐和 建 表示 近期 大陸 多 地 相繼 發生 疫情 北京 陸續 發現 京外 關聯 和 本地 病例 疫情 形勢嚴峻 複雜 首都 面臨 的 疫情 風險 和 防控 壓力 持續 增大 首都 嚴格 進 京 管理 聯防 聯控 協調 機制 對 首都 防控 措施 作出 調整 和 加強 實施 要求 在 京 人員 近期 非必要 不出 京 按 75 限流 開放 景區 等 措施 徐和 建 表示 北京市 新冠 疫情 防控 採取 七 項 措施 如下 一 是 最 大限度 減少 出 京 活動 在 京 人員 近期 非必要 不出 京 不 前往 新增 感染者 及 中 高風險 地區 所在 地級 市 在 京 黨政機關 國有 企事業 單位 軍隊 加強 所屬 人員 日常 防疫 管理 和 排查 管 控 嚴格 出 京 審批 落實 誰 申請 誰 負責 誰 審批 誰 負責 要求 重點 場所 重點 行業 可視 情 要求 出 京 人員 在 返京 後 立即 進行 核酸 檢測 結果 為 陰性 後方可 返 崗 工作 二 是 繼續 堅持 涉 疫 地區 人員 限制 進 返京 政策 有 1 例 及 以上 本土 新冠 病毒感染者 的 縣 市 區 旗 及 14 天內 有 該縣 旅居 史 人員 嚴格 限制 進 返京 就地 落實 防疫 要求 對 其 北京 健康 寶 不 賦 綠 碼 有 1 例 及 以上 本土 新冠 病毒感染者 所在 地級 市 直轄市 副省級 城市 的 縣 市 區 其他 縣 人員 非必要 不 進 返京 確需 來 京 的 須持 北京 健康 寶 綠 碼 和 登機 登車 前 48 小時 內 核酸 檢測 陰性 證明 抵京 後 主動 報告 進行 14 天 健康 監測 三 是 所有 進 京 人員 嚴格 查驗 北京 健康 寶 全國 各地 機場 火車站 長途 客運站 對 來京 人員 逐一 查驗 北京 健康 寶 嚴 阻 非 綠 碼 人員 登機 登車 未 安裝 北京 健康 寶 的 現場 下載 並 查驗 賦 碼 狀態 對 老年人 兒童 視力 聽力 殘疾人 等 群體 可 採取 核 驗 同行 人員 賦 碼 狀態 或 查驗 本人 48 小時 內 核酸 檢測 陰性 證明 等 措施 便利 不 使用 或不 會 操作 智慧手機 人員 出行 四 是 加強 進出 京 旅遊 管理 市民 群眾 最 大限度 減少 出 京 旅遊 活動 京內 景點 嚴格控制 預約 人數 暫停 跨 省 旅遊 在途 團隊 加強 防疫 管理 繼續 暫停 出入境 旅遊 業務 五 是 嚴格 會議 論壇 防疫 要求 會議 論壇 等 活動 堅持 非必要 不 舉辦 原則 盡可能 採用 視頻 形式 最 大限度 壓縮 線下 活動 規模 減少 外埠 人員 進京 確需 舉辦 的 按照 誰 主辦 誰 負責 誰 審批 誰 負責 原則 嚴格 落實 各項 防疫 要求 北京 馬拉松 推後 舉行 六 是 從嚴 落實 公共場所 防控 措施 按 75 限流 開放 公園 景區 影劇院 博物館 等 室內外 文化娛樂 場所 社區 棋牌 室 麻將 館 等 場所 暫停營業 商務 樓宇 商超 餐館 酒店 各類 門店 等 各類 室內外 公共場所 嚴格 落實 掃 碼 登記 體溫 檢測 佩戴 口罩 一 米線 清潔 消 殺 限流 錯 峰 等 措施 做好 有序 排隊 和 客流 疏導 堅決 防範 紮堆 聚集 七 是 嚴格 落實 四方 責任 在 京 各類 用工 單位 要 加強內部人員 排查 管理 對 入境 進 京 人員 有 風險 地區 旅居 史 人員 以及 與 涉 疫 人員 地區 場所 有 交集 人員 要 按 要求 及時 排查 管 控 報告 對 發現 的 漏 管 漏 控 漏 檢 問題 將 嚴肅 倒 查追 責 個 人 要 嚴格 落實 各項 常態 化 防控 要求 不斷 提升 防控 敏感 性 有 涉 疫 地區 旅居 史 人員 接觸 史 的 加強 健康 監測 第一時間 主動 報告 按照 要求 進行 核酸 檢測 健康 管理 履行 好 個 人防 控 義務 對 拒 不 配合 防疫 管理 故意 隱瞞 旅行 史 接觸 史 密接 史 的 將 追究 法律責任 並 公開 通報 提高 全 社會 主動 防疫 意識</t>
  </si>
  <si>
    <t>新冠肺炎 大陸 人員 嚴格 出 京</t>
  </si>
  <si>
    <t>新冠肺炎 臺灣 蘇貞昌 打 疫苗 三 爺溪</t>
  </si>
  <si>
    <t>新冠肺炎 疫情 全球 肆虐 人心惶惶 腦 麻孩子 口罩 用量 約 是 一般 人 的 2 倍 庫存 不敷 使用 嘉義 市婦聯 會 主委 前 嘉義 市 議長 蕭淑麗 9 日 代表 捐助 500 個 口罩 及 2萬 元 防疫 基金 給 嘉義 市 腦 麻 協會 她 說 這 是 抛磚引玉 希望 有 更 多 人</t>
  </si>
  <si>
    <t>新冠肺炎 疫情 全球 肆虐 人心惶惶 腦 麻孩子 口罩 用量 約 是 一般 人 的 2 倍 庫存 不敷 使用 嘉義 市婦聯 會 主委 前 嘉義 市 議長 蕭淑麗 9 日 代表 捐助 500 個 口罩 及 2萬 元 防疫 基金 給 嘉義 市 腦 麻 協會 她 說 這 是 抛磚引玉 希望 有 更 多 人 提供 防疫 物資 幫助 弱勢 孩子 們 蕭淑麗 說 腦 麻孩子 會 有 一些 不由自主 的 動作 且 在 再 耕 園 庇護 工廠 群 聚 在 一起 學 工藝 口罩 用量 比 一般 人 更 大 他們 又 不能 去 排隊 買 口罩 因 此 與 婦聯會 姊妹 特地來 捐贈 500 個 口罩 及 2萬 元 作為 防疫 基金 希望 讓 腦 麻 協會 能 添 購 防疫 物資 提高 防疫 的 能量 蕭淑麗 也 為 協會 的 志 工 老師 們 加油打氣 感謝 他們 費心 教導 腦 麻兒 及 幫忙 相關 防疫 工作 期許 大家 都 能 加強 防疫 一起 平安 健康 渡過 這次 險峻 的 疫情 腦 麻 協會 主任 林麗美 說 協會 有 40 名 腦 麻兒 及 10 名 工作人員 成人 口罩 不 夠用 只好 戴 先前 善心 人 捐贈 的 兒童 口罩 目前 成人 口罩 沒有 庫存 就 是 今天 收到 的 500 個 可以 應急</t>
  </si>
  <si>
    <t>新冠肺炎 疫情 持續 擴大 全球 經濟 前景 籠罩 陰霾 費城 半 導體 指數 連 跌 四 個 交易日 之後 已 較 前次 波段 高點 大 跌 近 12 意味著 費 半 指數 已 進入 修正 26 日 早 盤 反彈 18 費城 半 導體 指數 25 日 收盤 重 挫 306 創下 2008 全球 金</t>
  </si>
  <si>
    <t>新冠肺炎 疫情 持續 擴大 全球 經濟 前景 籠罩 陰霾 費城 半 導體 指數 連 跌 四 個 交易日 之後 已 較 前次 波段 高點 大 跌 近 12 意味著 費 半 指數 已 進入 修正 26 日 早 盤 反彈 18 費城 半 導體 指數 25 日 收盤 重 挫 306 創下 2008 全球 金融危機 以來 最 大 四 日 跌幅 並 較 2 月 19 日 創下 的 波段 高點 大 跌 將近 12 指數 或 股價 跌幅 超過 10 即 被 視為 進入 修正 即便 費 半 指數 近日 連連 下 探 但 該 指數 過去 12 個 月 仍 累計 上漲 27 近 幾 年 全球 晶 片 需求 陷入 低迷 市場 預期 半導體 產業 不久 後 將 會 復蘇 帶動 費 半 指數 不斷 上攻 但 強勁 的 漲勢 也 令 投資人 擔心 晶 片 類 股 更 容易 受到 利空消息 衝擊 野村 instinet 基於 新冠肺炎 恐 打擊 晶 片 需求 和 銷售 24 日 將 輝 達 nvidia 的 投資 評等 由 中立 下 修至 減 碼 並 將 目標價 由 235 美元 下 修至 230 美元 輝 達 股價 25 日 收盤 大 跌 411 報 26205 美元 對 費 半 指數 帶來 沈重 下 壓 野村 instinet 分析 師 david wong 指出 新冠肺炎 疫情 對 半導體 產業 的 衝擊 在 近 幾 周 逐漸 加劇 公司 將 輝 達 的 繪圖 晶 片 和 任天堂 switch 晶 片 視為 非 必需 消費品 肺炎 對 經濟 的 影響 可能 危及 多數 電子 終端產品 的 需求 wong 表示 輝 達 的 遊戲 晶 片 業務 占 整體 營 收 比重 過半 且 對手 超 微 amd 在 繪圖 晶 片 市場 的 競爭 日益加劇 此外 美 銀 美林 預期 肺炎 疫情 將 影響 美光 micron 晶 片 銷售 25 日 下 修 美光 股票投資 評等 由 買進 一口氣 調 降 至 遜 於 大盤 目標價 訂為 50 美元 美光 25 日 收盤報 521 美元 美 銀 美林 分析 師 simon woo 指出 調查 顯示 美光 3 月 甚至 第二 季 可能 面臨 砍 單 野村 instinet 同時 下 修 2020 年 全球 晶 片 產業 銷售 預測 由 4370億 美元 降 至 4290億 美元 意味著 營 收成 長 率 由 6 減至 4</t>
  </si>
  <si>
    <t>為了 防止 新冠肺炎 疫情 擴散 而 實施 的 封鎖 措施 迫使 經銷商 關閉 商店 並 導致 生產 與 銷售 中斷 歐洲 4 月 新車 銷售 崩 跌 歐洲 汽車 製造商 協會 公佈 4 月 歐盟 新車 登記數 較 去年同期 暴跌 763 較 3 月 的 年 減 55 進一步 惡化 歐洲大</t>
  </si>
  <si>
    <t>為了 防止 新冠肺炎 疫情 擴散 而 實施 的 封鎖 措施 迫使 經銷商 關閉 商店 並 導致 生產 與 銷售 中斷 歐洲 4 月 新車 銷售 崩 跌 歐洲 汽車 製造商 協會 公佈 4 月 歐盟 新車 登記數 較 去年同期 暴跌 763 較 3 月 的 年 減 55 進一步 惡化 歐洲 大部分 國家 在 3 月中 開始 實施 封鎖 措施 該 協會 表示 4 月 是 歐洲 實施 封鎖 措施 第 一個 完整 的 月份 該 月 汽車 需求量 創下 史 上 最 大 跌幅 歐盟 4 月 新車 銷量 從 去年同期 的 114萬3046 輛 跌 至 略 逾 27萬 輛 歐盟 27 個 會員國 的 新車 銷售 都 出現 2 位 數 衰退 其中 以 義 大利 與 西班牙 的 跌幅 最 大 分別 為 976 與 965 此外 德國 4 月 新車 銷量 年 減 611 法國 銷量 年 減 888</t>
  </si>
  <si>
    <t>香港 出現 狗 被 確診 新冠肺炎 的 首例 新冠肺炎 確診 者 香港 女 富豪 周巧兒 的 愛犬 之前 經 香港 漁農 自然 護理 署 兩 次 病毒 測試 發現 其 口腔 及 鼻腔 樣本 呈 弱 陽性反應 成為 世界 首例 頭條 日報 網 4 日 報導 香港 漁 護 署 曾 徵詢 港 大</t>
  </si>
  <si>
    <t>香港 出現 狗 被 確診 新冠肺炎 的 首例 新冠肺炎 確診 者 香港 女 富豪 周巧兒 的 愛犬 之前 經 香港 漁農 自然 護理 署 兩 次 病毒 測試 發現 其 口腔 及 鼻腔 樣本 呈 弱 陽性反應 成為 世界 首例 頭條 日報 網 4 日 報導 香港 漁 護 署 曾 徵詢 港 大 城市 大學 及 世界 動物 衛生組織 專家 的 意見 他們 一致 認同 有關 結果顯示 這 條 狗 已 低 程度 感染 有關 病毒 並 很 可能 由 人類 傳染 目前 正 在 港 珠 澳 大橋 口岸 動物 居留 所 接受 檢疫</t>
  </si>
  <si>
    <t>復工 新冠肺炎 失業率 公衛 專家 美國</t>
  </si>
  <si>
    <t>新冠肺炎 臺灣 林飛 帆 廚房 鄉民</t>
  </si>
  <si>
    <t>陸新冠肺炎 疫苗 最 快 將 於 4 月 下旬 申報 臨床 試驗</t>
  </si>
  <si>
    <t>大陸 國新 辦 今 21 日 舉行 有關 科技 創新 支撐 疫情 防控 記者會 大陸 科學技術部 副 部長 徐南平 表示 最 快 的 疫苗 將 於 4 月 下旬 左右 申報 臨床 試驗 大陸 新冠肺炎 確診 與 死亡 人數 持續 攀升 日前 大陸 科研 團隊 宣佈 疫苗 已經 開始</t>
  </si>
  <si>
    <t>新冠肺炎 疫情 蔓延 全球 全台 至 15 日 累積 確診 達 59 人 連江 縣政府 加強 防疫 措施 進 醫療 院所 須進行 手部 消毒 配戴 口罩 及 量 測體溫 等 步驟 但 卻 傳出 有 民眾 不 配合 情況 對此 衛生 福利 局長 謝春福 強調 屢勸不聽 者 將 依 違反</t>
  </si>
  <si>
    <t>新冠肺炎 疫情 蔓延 全球 全台 至 15 日 累積 確診 達 59 人 連江 縣政府 加強 防疫 措施 進 醫療 院所 須進行 手部 消毒 配戴 口罩 及 量 測體溫 等 步驟 但 卻 傳出 有 民眾 不 配合 情況 對此 衛生 福利 局長 謝春福 強調 屢勸不聽 者 將 依 違反 傳染病 防治法 開 罰 3000 元 至 1萬5000 元 衛生 福利 局 表示 醫護 同仁 嚴守 第一 線 工作 相當 辛苦 呼籲 民眾 進出 醫療 院所 要 配合 相關 規定 手部 消毒 配戴 口罩 及 量 測體溫 等 民眾 配合 相關 措施 就是 對 醫護人員 的 支持 謝春福 提到 民眾 進出 醫療 院所 若 沒有 口罩 醫療 院所 也 會 盡力 協助 幫忙 但 若 有 屢勸不聽 者 將 依 違反 傳染病 防治法 開 罰 3000 元 至 1萬5000 元 目前 尚未 有 開 罰 案例 若 勸導 後 仍 干擾 防疫 工作 將 協同 各 單位 蒐證 予以 開 罰 嚴防 疫情 破 口</t>
  </si>
  <si>
    <t>新冠肺炎 敦睦 艦隊 家樂福 潮州 國 中 潘孟安</t>
  </si>
  <si>
    <t>日本 境內 894 例 新冠肺炎 51 重症 7 死</t>
  </si>
  <si>
    <t>國發 會 副 主委 鄭貞茂 30 日 表示 國發 基金 管理 會 今 通過 受 新冠肺炎 影響 新創 事業 投資 要點 凡 受 此 波 疫情 影響 的 新創 事業 可 自即日起 至 今年 9 月底 前提 申請 國發 基金 審查 通過 後 可 給予 6 個 月 的 營運 資金 鄭貞茂 表示 針對</t>
  </si>
  <si>
    <t>國發 會 副 主委 鄭貞茂 30 日 表示 國發 基金 管理 會 今 通過 受 新冠肺炎 影響 新創 事業 投資 要點 凡 受 此 波 疫情 影響 的 新創 事業 可 自即日起 至 今年 9 月底 前提 申請 國發 基金 審查 通過 後 可 給予 6 個 月 的 營運 資金 鄭貞茂 表示 針對 疫情 給予 新創 事業 協助 過去 都 是 以 融資 方式 這 是 首次 以 投資 方式 協助 他 表示 經 近日 與 業者 接觸 發現 新 創業者 受 疫情 影響 不小 因 此 提出 此 一 過度 性 的 投資 要點 鄭貞茂 表示 疫情 期間 新創 事業 仍 有 租金 薪資 進料 等 營運 成本 得 支出 藉 此 要 點 新 創業者 可 提出 受 疫情 影響 情況 所 需 營運 資金 等 資料 經 審查 通過 會 給予 6 個 月 的 營運 資金 而 業者 則 需 給 國發 基金 等額 的 特別 股 並 明訂 來日 景氣 恢復 後 贖回 的 條件 或 轉換 普通股 的 程式 鄭貞茂 說 針對 這 一 投資 要點 會 設 專案 審查會議 投資 總 金額 雖 未 匡列 但 會 儘量 協助 只要 是 新創 事業 即日起 至 9 月底 前 皆 可 來 申請 為 讓 救援 更 即時 審查 時程 也 由 三 個 月 縮短 至 一個 月</t>
  </si>
  <si>
    <t>去年 4 月 美國 國務卿 蓬佩 奧 宣稱 中 美 貿易 戰爭 不 只 是 貿易 而且 是 科技 甚至 是 整體 文明 的 對抗 從此 之後 敏銳 的 觀察家 就 到處 可以 看到 這 兩 大 文明 之間 的 尖銳 對抗 今年 是 庚子 年 春節 過後 新冠肺炎 在 武漢 爆發 2 月</t>
  </si>
  <si>
    <t>香港 氣質 女 歌手 施匡 翹上 月中 確診 新冠肺炎 隨即 被 安排 住院治療 而 她 直到 8 月 14 日 出院 足足 花 了 24 天才 恢復健康 遭 踢 爆 是 因為 不 配合 用藥 才會 拖 長 住院 時間 被 說是 最壞 的 榜樣 有 名為 現役 dirty team 醫生 的</t>
  </si>
  <si>
    <t>香港 氣質 女 歌手 施匡 翹上 月中 確診 新冠肺炎 隨即 被 安排 住院治療 而 她 直到 8 月 14 日 出院 足足 花 了 24 天才 恢復健康 遭 踢 爆 是 因為 不 配合 用藥 才會 拖 長 住院 時間 被 說是 最壞 的 榜樣 有 名為 現役 dirty team 醫生 的 讀者 對 立場 新聞 投稿 以 施匡翹 做 了 一個 最壞 的 榜樣 為題 指出 一般 確診 病 患 約 7 到 14 天 療程 就 能 恢復 但 施匡翹 卻 花 了 24 天 踢 爆 是 她 在 隔離 治療 期間 堅持 不 接受 藥物 治療 才 導致 時間 拖 長 認為 這樣 的 行為 相當 不 可取 消息 曝光 後 施匡翹 打破 沉默 公開 發文 澄清 表示 自己 自 住院 起 完全 遵循 醫生 的 診斷 及 治療 安排 也 每天 跟 醫護人員 保持 聯絡 期間 主 診 醫生 建議 我 不 用藥 原因 是 由於 我 一直 沒有 特別 的 病徵 和 年齡 不大 一般 會 慢慢 好 起來 她 表示 自己 完全 尊重 醫生 的 專業 選擇 這個 情況 下 最合適 的 治療 方法 最後 也 表達 了 對 醫生 及 醫護人員 的 感謝 之 意 藉 由 完全 還原 治療 過程 打 臉 個 該 名 爆 料 者 而 事後 現役 dirty team 醫生 投稿 的 文章 以 從 立場 新聞 中 悄悄 撤下 還給 施匡翹 一個 清白</t>
  </si>
  <si>
    <t>交通部觀光局 為 落實 強化 與 地方 政府 觀光 施政 意見 雙向交流 25 日 邀請 縣市政府 觀光 首長 召開 座談會 就 新冠肺炎 疫情 對 觀光 產業 衝擊 的 相關 紓困 方案 進行 討論 其中 紓困 方案 已 進入 法制 作業 程式 振興 方案 則 將 聚焦 內 旅遊</t>
  </si>
  <si>
    <t>交通部觀光局 為 落實 強化 與 地方 政府 觀光 施政 意見 雙向交流 25 日 邀請 縣市政府 觀光 首長 召開 座談會 就 新冠肺炎 疫情 對 觀光 產業 衝擊 的 相關 紓困 方案 進行 討論 其中 紓困 方案 已 進入 法制 作業 程式 振興 方案 則 將 聚焦 內 旅遊 國際 旅遊 旅遊景點 優化 3 重心 交通部 20 日 核定 紓困 相關 5 大 實施 要點 觀光局 表示 將 以 紓困 復蘇 及 振興 2 方案 協助 業者 度過難關 在 紓困 方案 方面 將 陸續 依法 製作業 公告 後 開始 受理 旅行 業 旅 宿業 及 觀光 遊樂業 申請 就 營運 損失 救濟 營運 支持 及 減輕 營運 負擔 等 專案 提供 協助 振興 方面 部分 觀光局 將 以 國內 旅遊 國際 旅遊 旅遊景點 優化 3 大 項目 提供 國內 旅遊 復蘇 計 畫 國旅 補助 促進 旅 行業 發展 方案 跨縣 市 區域合作 結合 觀光 產業 公 協會 以及 鼓勵 新創 國際 旅客 入境 旅遊 市場 獎勵 措施 旅遊景點 優化 等 方案 為 持續 提升 國內 觀光旅遊 觀光局 將 持續 搭配各 年度 行銷 主軸 推動 108109 年度 臺灣 好 行 服務 升級 計畫 及 小鎮 漫遊 20 及 30 由 各 縣市政府 及 業者 協助 盤點 及 提案 以 新 辟 臺灣 好 行 旅行 線 並 達成 臺灣 小鎮 推廣 3 年 達 100 個 小鎮 目標 此外 觀光局 將 辦理 觀光旅遊 安全 宣導 周 研討會 以及 i-center 旅遊 服務體系 服務 品質 考評 作業 等 計畫 透過 專案 講座 與 考核 評比 獎勵 提升 中央 與 地方 旅遊 服務 品質 觀光局 表示 藉 由 此次 座談會 議 除 讓 各縣市 觀光 首長 更 深入 瞭 解 觀光 產業 紓困 及 復蘇 與 振興 方案 並 透過 實際 討論 及 溝通 廣泛 蒐集 各縣市 觀光 首長 寶貴意見 使 政策 能 更 貼近 市場需求 迅速 及 全方位 協助 業者 度過難關 將 衝擊 減 到 最低 並 在 疫情 過 後 迅速 復蘇</t>
  </si>
  <si>
    <t>交通部 觀光局 新冠肺炎 疫情 地方</t>
  </si>
  <si>
    <t>新冠肺炎 臺灣 確診 地圖 疫情</t>
  </si>
  <si>
    <t>全國 農業 金庫 推 新冠肺炎 疫情 紓困 貸款 措施</t>
  </si>
  <si>
    <t>全國 農業 金庫 新冠肺炎 疫情 紓困 貸款 本國 農 漁民</t>
  </si>
  <si>
    <t>新冠肺炎 肆虐 眾志成城 同心 抗 疫 之際 卻 有 人 假冒 防疫 人員 騙 入 民宅 捆綁 屋 主 洗劫 財物 警方 據 報 很快 逮捕 這 名 可惡 強盜 並 由 法院 速 審 速決 判刑 坐牢 11 年 據 大陸 中央電視臺 報導 南京市 一 名 男子 上月 11 日 正是 武漢地區</t>
  </si>
  <si>
    <t>新冠肺炎 肆虐 眾志成城 同心 抗 疫 之際 卻 有 人 假冒 防疫 人員 騙 入 民宅 捆綁 屋 主 洗劫 財物 警方 據 報 很快 逮捕 這 名 可惡 強盜 並 由 法院 速 審 速決 判刑 坐牢 11 年 據 大陸 中央電視臺 報導 南京市 一 名 男子 上月 11 日 正是 武漢地區 新冠肺炎 大 爆發 之 際 其他 省 市 嚴格 抗 疫 防止 擴展 之際 一 名 業 姓 男子 謊稱 自己 是 疫情 防控 人員 以 資訊 登記 為 由 騙取 被害人 開門 用 膠帶 捆綁 持 刀 威脅 等 方式 向 被害人 強行 索取 人民幣 8000 元 約 台幣 3萬5千 元 後 被害人 被迫 通過 微信 借款 2000 元 約 台幣 8700 元 轉入 入 業 某 賭博 遊戲 帳 戶 當地 警察局 據 報 根據 描述 歹徒 容貌 在 一 天 後 就 抓獲 這 名 趁火打劫 的 強盜 歸案 南京 江寧開發區 法院 近日 公開 開庭審理 並 當庭 判決 被告人 業 某 犯 搶劫 罪 判處 有期徒刑 11 年 罰金 4萬 元 剝奪 政治權利 2 年 報導 指出 該案 發生 在 新冠肺炎 疫情 防控 的 關鍵時期 由於 案件 事實清楚 證據 確實 充分 被告人 認罪 認 罰 江寧開發區 法院 迅速 啟動 了 刑事案件 快速 辦理 機制 受理 案件 後 六 日內 審結 對 打擊 和 減少 涉 新冠肺炎 疫情 違法 犯罪行為 維護 良好 社會秩序 起 了 殺雞儆猴 積極 作用</t>
  </si>
  <si>
    <t>男子 假冒 新冠肺炎 防疫員 登堂入室</t>
  </si>
  <si>
    <t>先前 外交部 已 宣佈 在 3 月 21 日前 以免 簽 方式 等 入境 臺灣 的 外籍人士 不 需 額外 申請 即可 延長 30 天 停留 期限 停留 天數 不得 超過 180 天 外交部 於 3 月 時 公佈 因 全球 新冠肺炎 疫情 仍未 有 明顯 趨 緩 且 各國 國境 及 飛 航 限制 也 未 傳 解</t>
  </si>
  <si>
    <t>延長 外籍人士 簽證 停留時間 新冠肺炎</t>
  </si>
  <si>
    <t>新冠肺炎 疫情 延 燒 民眾 繃緊神經 做好 防疫 工作 日前 全台 出現 口罩 荒 行政院 6 日 所 推 新 制 口罩 實 名 制 上路 後 不少 民眾 抱怨 買不到 一 罩 真的 好 難 求 日前 新北 市 有名 客運 司機 看到 上車 乘客 沒有 配戴 口罩 便 主動 提供</t>
  </si>
  <si>
    <t>新冠肺炎 疫情 口罩 公車 乘客</t>
  </si>
  <si>
    <t>大陸 週三 23 日 公佈 新增 10 宗新冠肺炎 確診 病例 全部 為 境外 輸入 廣東 通報 最 多 的 4 宗 患者 分別 由 印尼 及 孟加拉 入境 後 確診 雖然 大陸 疫情 已 受 控制 但 中國工程院 院士 傳染病 學家 國家 衛健 委 高級別 專家組 成員 李蘭娟</t>
  </si>
  <si>
    <t>大陸 週三 23 日 公佈 新增 10 宗新冠肺炎 確診 病例 全部 為 境外 輸入 廣東 通報 最 多 的 4 宗 患者 分別 由 印尼 及 孟加拉 入境 後 確診 雖然 大陸 疫情 已 受 控制 但 中國工程院 院士 傳染病 學家 國家 衛健 委 高級別 專家組 成員 李蘭娟 表示 要 把 疫情 防控 常態 化 不能 讓 得來不易 的 防疫 成果 前功盡廢 廣東省 新增 的 輸入 確診 個案 全部 出現 在 廣州 印尼 和 孟加拉 各 有 2 人 入境 後 確診 同日 新增 境外 輸入 無 症狀 感染者 7 人 廣州 報告 3 宗 分別 來自 印尼 孟加拉 尚比亞 佛山 報告 2 宗 分別 來自 新加坡 和 查德 東莞 報告 2 宗 來自 印度 四川 過去 一 日 新增 3 宗 輸入 確診 天津 山東 河南 則 各 一 宗 全國 累計 85307 人 確診 當中 4634 人 病亡 李蘭娟 週三 在 官媒 撰文 稱 做好 常態 化 疫情 防控 必需 落實 早 發現 早報 告 早隔離 早 治療 的 要求 控制 傳染源 切斷 傳播 途徑 保護 易 感 人群 及時 有效 救治 患者 為此 社會 需要 加強 健康 教育 提高 疫情 防控 意識 全國 各級 各類 醫療機構 需要 繼續加強 新冠肺炎 檢測 和 強化 診斷 能力 另外 她 又 呼籲 要 繼續 強化 社區 防控 包括 利用 大 資料 和 人工智慧 技術 實現 群 防 群 控 事業 單位 機關 學校 商業機構 等 都 落實 常態 化 疫情 防控 制度 在外 防 輸入 方面 針對 境外 疫情 的 新 情況 新 趨勢 採取 更加 靈活 的 措施 加強 邊境地區 口岸 城市 衛生 檢疫 和 隔離 觀察 救治 能力</t>
  </si>
  <si>
    <t>新冠肺炎 孟加拉 印尼 境外 輸入</t>
  </si>
  <si>
    <t>1450 羅智強 丟 盡 臺灣人 新冠肺炎</t>
  </si>
  <si>
    <t>最 強帶原 者 媽媽 傳染 新冠肺炎 給 17 個 小孩</t>
  </si>
  <si>
    <t>美國 新冠 疫情 最 嚴重 的 莫過於 紐約州 在 3 月 時 一 位 母親 先 被 感染 結果 將 病毒 帶回家 造成 17 個 小孩 也 被 感染 好 在 一個 月 來 陸續 恢復 母親 說 這 真是 最 可怕 的 經驗 住 在 紐約州 門羅 縣 的 布特妮 brittany jencik 含 收養 的 小孩 共有 18 個 孩子 身 為 大 家族 的 母親 每天 都 很 忙碌 在 3 月中 旬 時 布特妮 在 沒有 意識 到 的 情況 下 被 感染 了 新冠肺炎 開始 一家 人 的 悲劇 因為 一起 住 著 的 17 個 小孩 接連 被 媽媽 傳染 布特妮 表示 我 根本 不 知道 自己 在 哪裡 被 傳染 的 但 我 最 早 出現 症狀 兩 天 後 小孩 們 就 接連 出現 症狀 我 根本 不敢 回想 這 一個 多 月 是 怎麼 渡過 的 現在 一家人 病情 正 在 好轉 中 也 請 專門 的 清潔 公司 來 把 家裡 全部 清 毒 一下 負責 消毒 的 清潔 公司 也 說 所有 員工 穿 著 核子戰爭 時 能 抵抗 放射 能 的 塑膠 防護衣 進去 消毒 一般 3 個 人 可以 消毒 完 的 工程 我們 這次 出動 了 12 人 目前 美國 感染 人數 已 超過 76萬 人 光 紐約州 就 有 24萬8千 人 更 多 ctwant 報導</t>
  </si>
  <si>
    <t>國內 新冠肺炎 疫情 趨 緩 帶動 新竹 零售業 買氣 新竹 遠東 巨 城 購物 中心 人潮 回流 及 業績 表現 亮 眼 五一勞動節 當天 業績 較 去年同期 成 長 36 今年 三 天 連 假 更 較 去年 有 五 成 的 成長 包括 美 妝香 氛 流行 服飾 3 c 家電 表現 亮 眼 之外</t>
  </si>
  <si>
    <t>國內 新冠肺炎 疫情 趨 緩 帶動 新竹 零售業 買氣 新竹 遠東 巨 城 購物 中心 人潮 回流 及 業績 表現 亮 眼 五一勞動節 當天 業績 較 去年同期 成 長 36 今年 三 天 連 假 更 較 去年 有 五 成 的 成長 包括 美 妝香 氛 流行 服飾 3 c 家電 表現 亮 眼 之外 美食街 及 主題 餐廳 用餐 人潮 同樣 明顯 增加 big city 遠東 巨 城 購物 中心 配合 中央 防疫 政策 持續 加強 防疫 措施 滴水不漏 4 月底 改裝 新 櫃 陸續 開出 已 吸引 不少 消費者 關注 嘗 鮮 加上 連日 無 本土 病例 的 好 消息 五一勞動節 3 天 連 假 可觀 的 人潮 亦 帶動 買氣 搭配 母親節 加碼 推出 的 超 值 活動 整體 業績 較 去年同期 成 長 約 5 成 遠東 巨 城 母親節 活動 即日起 至 5 10 日 流行 服飾 7 折 精選 鞋 類 配件 5 折 起 美 妝 保養 系列 商品 各 櫃 品牌 推出 巨 城 獨家 商品 大 打 滿額 贈 換季 保濕 美 顏 緊 致 頭皮 秀髮 護理 等 搭配 組合 一應俱全 最低 下殺 3 折 起 sabon 推出 保養 沐浴 香 氛 組 及 明星 商品 自由 配 滿額 再 贈 沐浴 保養 旅行 組 系 彩 妝 品牌 etude 及 innisfree 更 祭出 全台 獨家 首 賣 商品 即日起 至 5 10 日 指定 樓層 專櫃 單筆 消費 2000 送 100 元 抵 用 券 於遠東 巨 城 購物 中心 全館 消費 累計 達 指定 門檻 還 有 機會 兌換 鹿 窯 菇 事 禮盒 威秀 電影票 巨 城 主題 餐廳 抵 用 券 sabon 香 氛 組 等 滿額 好 禮 巨 城 vip 還 可 獨 享 單日 全館 累積 消費 20000 送 500 元 抵 用 券 使用 happy go pay 消費 還 享 點數 最高 19 倍 送 big city 遠東 巨 城 購物 中心 表示 持續 進行 各項 改裝 調整計畫 近期 陸續 有 桃 竹苗 獨家 的 星野 肉 肉 鍋 來自 日本 大 阪 的 壽 司 郎 以及 全台 獨家 泰式 麻辣鍋 辛麻泰 韓式 燒肉 姜 滿堂 等 獨家 話題 新 櫃 開幕 5 f 更 將 擴大 營業 面積 延伸 至 創藝 大樓 更 多餐飲 輕 食 與 婦嬰 品牌 全新 登場 還有 精選 熱門 商品 的 big city 線 上 商城 即將 上線</t>
  </si>
  <si>
    <t>新冠肺炎 臺灣 疫苗 外交 ait 口罩 外交</t>
  </si>
  <si>
    <t>新冠肺炎 臺灣 快 篩 工業區 市府</t>
  </si>
  <si>
    <t>驚 四川 出現 新冠肺炎 治癒 10 日後 二 次 感染 患者</t>
  </si>
  <si>
    <t>新冠肺炎 疫情 除了 衝擊 旅行社 飯店業 航空 產業 外 還有 一 群 在 第一線 帶 陸客團 的 華語 導遊 也 大 受 衝擊 面臨 無 團 可 帶 的 窘境 華語 導遊 改做 洗 碗 工 代購 謀生 或 參加 勞工 局 職 涯 訓練 等 度 難關 他們 寫信 到 總統府 及 行政院 陳情</t>
  </si>
  <si>
    <t>新冠肺炎 疫情 除了 衝擊 旅行社 飯店業 航空 產業 外 還有 一 群 在 第一線 帶 陸客團 的 華語 導遊 也 大 受 衝擊 面臨 無 團 可 帶 的 窘境 華語 導遊 改做 洗 碗 工 代購 謀生 或 參加 勞工 局 職 涯 訓練 等 度 難關 他們 寫信 到 總統府 及 行政院 陳情 訴 求 特約 導遊 及 領隊 也 能 申請 失業 補助 希望 能 減免 去年 所得稅 減低 大家 的 負擔 家住 新北 市 擔任 華語 導遊 的 陳佑雯 表示 2017 年 下半年 起 團 量 逐漸 變 少 2019 年 更 是 少得 可憐 平均 1 個 月 能 排到 1 團 就要 謝天謝地 她 說 導遊 是 領 日工 資 自己 去年 一 整年 只 接 到 8 團 陸客 最 多 7 天 最少 4 天 整年 總收入 低 得 可憐 今年 因 疫情 關係 收入 直接 掛零 陳 佑 雯 表示 現在 只能 想 辦法 找 別的 出路 賺 點 吃飯錢 買點 麵包 最近 更 開始 跟 朋友 一起 做 代購 去 商場 拿 一些 手工 豆腐乳 或 蘆薈水 等 貨品 再 把 貨物 送 去 給 消費者 賺 點 微薄 的 利潤 另 名家 住 高雄 53 歲 的 汪姓導 遊說 他 做 華語 導遊 11 年 興盛 時期 幾乎 整年 沒有 休息時間 1 個 月 能 接 4 個 8 天 團 這 意味著 當天 送機 後 立刻 接 機 繼續 帶團 可惜 好景不常 現在 幾乎 所有 的 華語 導遊 基本上 工作 是 完全 停 擺 汪姓 導遊 強調 自己 是 特約 導遊 拿 不 到 旅行社 開 的 失業 證明 無法 跟 勞動局 申請 失業 補助 他 沮喪 地 說 女兒 讀 大 二 有 學費 要 繳 還有 家庭 生活 開銷 最近 剛應徵 到 洗 碗 工 的 工作 只求 度過難關 陳 佑 雯 表示 很多 前輩 為了 生計 改 開 計程車 去 擺地攤 跑 員警 或 當 保全 外 送 員 年紀 大 的 人 面試 到處 碰壁 被 嫌 太 老 為何 大家 不 找 正式 工作 因為 大家 對 帶團 仍 抱 持 一 份 熱忱</t>
  </si>
  <si>
    <t>全球 新冠肺炎 疫情 持續 升溫 帶動 宅 經濟 商機 起飛 傳出 sony 將 大幅 調升 預計 在 今年底 開 賣 的 次 世代 遊戲機 ps 5 且 調升 幅度 最高 上 看 5 成 據悉 鈺 太 6679 為 ps 5 的 mems 麥克風 晶 片 獨家 供應商 隨 著 sony 調高 生產 計畫 鈺 太 下</t>
  </si>
  <si>
    <t>全球 新冠肺炎 疫情 持續 升溫 帶動 宅 經濟 商機 起飛 傳出 sony 將 大幅 調升 預計 在 今年底 開 賣 的 次 世代 遊戲機 ps 5 且 調升 幅度 最高 上 看 5 成 據悉 鈺 太 6679 為 ps 5 的 mems 麥克風 晶 片 獨家 供應商 隨 著 sony 調高 生產 計畫 鈺 太 下半年 營運 可望 大 進 補 第 三 季 動能 可望 再 更 勝 第二 季 全球 第二 波 疫情 捲土重來 宅 經濟 商機 持續 發酵 sony 預計 在 今年底 開 賣 次 世代 遊戲機 ps 5 傳 已經 調升 生產 計畫 今年 內 的 採購 量 將 上 看 900萬 台 已經 相較 原先 調升 達 5 成之多 據 瞭解 因為 鈺 太 為 ps 5 的 mems 麥克風 晶 片 獨家 供應商 鈺 太 是 對 ps 5 是 出手 把 一個 手把 用 2 顆 a-mic 套片 asic sensor 隨 著 sony 調升 出 貨 鈺 太 勢必 將 迎來 追 單 貢獻 第 三 季 營運 動能 可期 有 機會 延續 第二 季高檔 表現 甚至 更 勝 第二 季 鈺 太 第 三 季 除 新遊戲 的 利多消息 外 鈺 太 也 還 會 有 tws 穿戴 等 新品 且 因為 目前 新冠肺炎 在 全球 持續 延 燒 居家 辦公 遠 端 教學 等 需求 恐 持續 下去 對 nb 需求 應該 不會 快速 降溫 加上 第 三 季將 會 有 nb 新品 鈺 太 為 全球 5 大 nb廠 合作 廠商 都 可望 持續 受惠 鈺 太 6 月 營 收 155億 元 月 增加 575 年 增加 2889 續創 單月 歷史 新高 累計 前 6 月 營 收 81億 元 年 增加 3139</t>
  </si>
  <si>
    <t>鈺 太 ps 5 新冠肺炎 mems 宅 經濟</t>
  </si>
  <si>
    <t>臺灣 新冠肺炎 疫情 在 北部 醫院 已 出現 內 疑 似 院內 感染 成大 醫院 1 日 宣佈 大幅 縮短 探病 時間 提升 防疫 規格 一般 病房 探視 從 每天 開放 12 個 半 小時 大幅 縮短 至 1 小時 成人 與 小兒 加 護 病房 每天 僅 開放 半 小時 燒 燙 病房 的 探視 縮短</t>
  </si>
  <si>
    <t>臺灣 新冠肺炎 疫情 在 北部 醫院 已 出現 內 疑 似 院內 感染 成大 醫院 1 日 宣佈 大幅 縮短 探病 時間 提升 防疫 規格 一般 病房 探視 從 每天 開放 12 個 半 小時 大幅 縮短 至 1 小時 成人 與 小兒 加 護 病房 每天 僅 開放 半 小時 燒 燙 病房 的 探視 縮短 至 1 小時 北部 醫院 已 有 看護 與 護理人員 清潔工 確診 新冠肺炎 被 認為 疑 似 院內 感染 成醫 1 日 立刻 預防 性 提升 防疫 規格 繼 日前 宣佈 封閉 管制 住院 大樓 與 門診 大樓 多 處 出入口 院方 1 日 大幅 限 縮 民眾 探病 時間 成大 醫院 住院 大樓 仍 維持 上午 7 時 到 晚上 9 時限 持 陪 病症 進入 規定 一般 病房 探視 則 大幅 縮短 從 原本 每天 早上 9 時 到 晚上 9 時 30 分 開放 長達 12 個 半 小時 的 時間 大幅 縮短 至 每天 下午 5 時 30 分至 6 時 30 分 僅 開放 1 小時 探病 成 醫 成 人 與 小兒 加 護 病房 原本 每天 上午 與 下午 6 時至 有 兩 個開放 探視 時段 提升 管制 後 限 縮 至 僅 開放 下午 6 時至 6 時 30 分 僅 半 小時 探病 人數 限 每次 2 人 燒傷 病房 探視 時間 限 下午 2 時至 3 時 每次 2 人 較 以往 縮短 1 小時 院方 強調 全部 陪 病 人員 及 訪 客 在 病房 時 皆 須 全程 正確 配帶 口罩 接受 護理 師 指導 並 登錄 姓名 陪 病者 含 照 護 服務員 每天 早晚 由 護理 師 量 體溫 成大 醫院 呼籲 民眾 如無 特別 需要 儘量減少 出入 醫院 避免 感染 風險</t>
  </si>
  <si>
    <t>全球 正 逐步 走 出 新冠肺炎 陰霾 臺灣政府 的 振興 措施 亦 有 功效 國泰 金控 21 日 發佈 9 月 國民經濟 信心 調查 有 849 的 受訪者 認為 今年 臺灣 經濟 成長率 可 在 1 以上 即 鐵定 保 一 最 多 比率 即 28 是 估 年長 15 175 但 對 20</t>
  </si>
  <si>
    <t>新冠肺炎 國泰 金控 保一</t>
  </si>
  <si>
    <t>全球 半 導體 產 能 拉 警報 高通 資深 副 總裁 暨 cdma 事業 部 營運 長 陳若文 今 表示 原先 就 預期 5 g 升級 潮 對於 晶 片 的 需求 更 勝 4 g 但 突然 殺 出來 的 2020 年 黑 天鵝 新冠肺炎 究竟 是 擴大 缺口 或是 收斂 缺口 仍 有 很 大 的 想像 空間 畢竟 半</t>
  </si>
  <si>
    <t>全球 半 導體 產 能 拉 警報 高通 資深 副 總裁 暨 cdma 事業 部 營運 長 陳若文 今 表示 原先 就 預期 5 g 升級 潮 對於 晶 片 的 需求 更 勝 4 g 但 突然 殺 出來 的 2020 年 黑 天鵝 新冠肺炎 究竟 是 擴大 缺口 或是 收斂 缺口 仍 有 很 大 的 想像 空間 畢竟 半導體 產業 的 榮 衰 往往 和 gdp 密不可分 只是 在 全球 gop 衰退 之際 半導體 產業 大好 似乎 又 跳 脫 以往 的 格局 另外 他 也 預估 2021 年 半導體 還 是 很 健康 的 一 年 半導體 產業 全球 吃緊 尤其 是 上游 制程 陳若 文說 目前 所有 的 產業鏈 都 遇到 產能 吃緊 且 若 將 新冠肺炎 的 因素 剔除 本來 在 4 g 相較 5 g 上 的 晶 片 使用 就 多 很多 在 今年 5 g 升級 潮 下 儘管 預估 智慧 機 的 總量 不 會 增加 但 晶 片 需求 絕對 會 增加 整體 來說 2021 年 半導體 還 是 很 健康 的 一 年 另外 陳若文 也 談 到 高通 和 台積電 的 合作 他 表示 高通 對於 台積電 每年 的 採購 金額 很 大 雙方 一直 有 很 密切 的 關係 在 供應 鏈 策略 上 陳若文 表示 高通 非常重視 第二 供應 鏈 好比 先前 有 晶圓廠 火災 對 高通 確實 有 影響 但 一下 就 解決 了 就是 因為 高通 非常重視 第二 供應商 一方面 當然 是 高通 的 量 非常 大 將 風險 降到 最低 是 很 重要 的 儘管 需要 更 多 的 成本 但 這 是 需要 的 其 所指 的 就 是 欣興 3037 山鶯廠 發生 火警 部分 bt 載 板 制程 當時 也 影響 高通 部分 4 g 晶 片 出 貨</t>
  </si>
  <si>
    <t>全球 新冠肺炎 疫情 可望 因 各國 加速 開發 疫苗 獲得 控制 電 商 龍頭 富 邦 媒 8454 卻 遭逢 賣壓 市場 擔心 今年 受惠 疫情 宅 經濟 需求 業績 高 成長 的 富 邦 媒 可能 因 疫情 漸 除 而 成長力 道 趨 緩 今天 盤中 股價 逆勢 大跌 逾 5 失守 650 元 關卡</t>
  </si>
  <si>
    <t>全球 新冠肺炎 疫情 可望 因 各國 加速 開發 疫苗 獲得 控制 電 商 龍頭 富 邦 媒 8454 卻 遭逢 賣壓 市場 擔心 今年 受惠 疫情 宅 經濟 需求 業績 高 成長 的 富 邦 媒 可能 因 疫情 漸 除 而 成長力 道 趨 緩 今天 盤中 股價 逆勢 大跌 逾 5 失守 650 元 關卡 擁有 東森 購物 的 東森 2614 盤中 股價 則 力守 平盤 今年 新冠肺炎 疫情 從 年頭 延燒到 年尾 帶 旺 宅 經濟 需求 富 邦 媒 東森 購物 今 年前 10 月 業績 表現 亮 眼 其 中富 邦 媒 momo 旗 下 通路 包含 購物 網 摩 天 商城 電視 購物 及 型錄 10 月 合併 營 收 約 493億 元 年 增 212 再創 歷年 同月 新高 累計 1 至 10 月 合併 營 收 約 5145億 元 較 去年同期 成 長 287 東森 購物 10 月 合併 營 收 2117億 元 年 增 16 獲利 14億 元 年 增 106 累計 前 10 月 合併 營 收 達 19659億 元 獲利 1121億 元 年 增 177 每股 盈 餘 達 11 元 再創 歷史 新 高 儘管 全球 新冠肺炎 疫情 未 止 歐美各國 積極 投入 新冠肺炎 疫苗 開發 包括 美國 輝瑞 等 藥廠 新冠肺炎 疫苗 佳音訊傳 讓 疫情 負面影響 逐漸 淡化 市場 樂觀 期待 疫苗 問世 後 各國 經濟 活動 可望 重 啟 而今 年 受惠 疫情 宅 經濟 業績 高 成長 的 電 商 在 經濟 活動 重 啟 及 業績 基期 已 高下 明年 營運 成長 幅度 恐難 如今 年 一樣 因而 引發 居高思 危 獲利 了結 賣壓 受到 獲利 了結 賣壓 影響 富 邦 媒 今天 盤中 股價 逆勢 重 挫 逾 5 東森 盤中 股價 亦 一度 翻 黑 股價 表現 疲弱</t>
  </si>
  <si>
    <t>東森 全球 富 邦 媒 宅 經濟 新冠肺炎 疫情</t>
  </si>
  <si>
    <t>工業 電腦廠 融 程電 3416 今 27 日 召開 股東 常會 通過 2019 年 財 報 盈 餘 分配 及 資本 公積 現金 發放 案 決議 以 盈 餘 配發 2 元 資本 公積 配發 1 元 合計 配 息 3 元 展望 今年 營運 面對 新冠肺炎 疫情 的 嚴峻 挑戰 公司 仍 將 審慎 因</t>
  </si>
  <si>
    <t>新冠肺炎 影響 畜產 價格 農委會 土 雞 價格 已 上 漲</t>
  </si>
  <si>
    <t>近期 因 新冠肺炎 疫情 無 解 多 項 農畜產品 銷路 受阻 包含 花卉 雞 鴨 等 產業 團體 都 對 前景 感到 憂心 農委會 今天 表示 已 在 本月 預先 盤點 疫情 對 農業部門 所 造成 的 可能 影響 並 啟動 完整 應對 措施 目前 農產品 的 價格 仍 穩定 呼</t>
  </si>
  <si>
    <t>近期 因 新冠肺炎 疫情 無 解 多 項 農畜產品 銷路 受阻 包含 花卉 雞 鴨 等 產業 團體 都 對 前景 感到 憂心 農委會 今天 表示 已 在 本月 預先 盤點 疫情 對 農業部門 所 造成 的 可能 影響 並 啟動 完整 應對 措施 目前 農產品 的 價格 仍 穩定 呼籲 農 漁業 者 與 消費者 放心 農委會 表示 新冠肺炎 疫情 造成 短期 消費行為 下降 已 在 2 月 6 日 邀集 各縣 市政府 與 產業 團體 務實 檢討 農 禽產品 全年 生產 目標 針對 土 雞 肉鴨 分別 減產 1000萬 只 300萬 只 經 產業界 自主性 調 節後 土 雞 價格 已 從 春節 前 的 每 斤 35 元 上漲 至 43 元 肉鴨 價格 也 維持 在 41 元 水準 花卉 部分 根據 國內 5 大 花卉 批發市場 資料 今年 元旦 至 昨天 為止 國產 切花 交易量 為 956萬 把 雖然 較 去年同期 減少 107萬 把 但 均 價 每 把 672 元 則 較 去年同期 增加 107 由於 國內 花卉 需求 多 集中 於 年節 清明 等 節慶 與 祭祀 需求因 此 年 節後 市場需求 減少 尚 屬 正常 3 月 主要 外銷 市場 日本 將 逢 民俗 掃墓節 屆時 預估 需求 將 再 增加 對於 因 疫情 影響 外銷 受阻 的 產品 農委會 強調 已 加強 分散 及 拓展 海外 市場 其中 包含 鳳梨 釋迦 石斑魚 午 仔 魚 都 提供 海外 市場 拓銷 補助 增加 業者 外銷 誘因 另外 也 將 於 日本 新加坡 馬來西亞 及 穆斯林 市場 舉辦 拓銷 活動 開發 新興 市場 農委會 指出 因應 春節 後 消費 需求 降低 將 加強 電子 商務網 購 平臺 的 銷售 已 在 2 月 13 14 日 舉辦 農漁 畜產品 大型 媒 合會 媒 合 供貨 農民 團體 與 電 商 平臺 合作 另 針對 花卉 產業 推動 花心 陪伴 傳遞 愛網 購 宅 配 活動 增進 消費量 除 因應 產銷 措施 外 農委會 表示 亦 提供 總額度 68億 元 之 優惠 利率 貸款 協助 受 疫情 影響 之 農業 相關 業者 紓困 所 需 資金 優惠 利率 079 到 168 舊貸 戶 還款 困難者 亦可 申請 延期 還款</t>
  </si>
  <si>
    <t>忍不住 想 投資 資本 市場行情 居高不下 帶動 投資型 保單 買氣 從 穀底 回升 9 月 壽險 投資型 保單 銷售 逾 345億 元 占 當月 新 契約 保費 的 5177 應是 2008 年 金融 海嘯 之後 再次出現 單月 投資型 保單 占 率 破 五 成 投資型 保單 是 壽險業 對抗 低 利率 環境 的 利器 既然 業務人員 有 商品 可 賣 壽險 公司 也 不 用 保證 利率 承擔 投資 風險 及 匯率 風險 今年初 不少 公司 就 已 打算 要 大 推 投資型 保單 但 新冠肺炎 打亂 腳步 加上 7 月 降 責任 準備金 利率 出現 傳統 保單 停售 效應 投資型 保單 新 契約 占 率 一度 掉 到 三 成 以下 9 月 因為 資本 市場 仍 佳 壽險業 面臨 季報 壓力 不 想 承擔 過 高 的 增資 壓力 再 加上 老年 化 社會 的 退休金 議題 漸 夯 因 此 不少 公司 都 轉向 大 推 投資型 保單 主流 商品 都 是 月 配型 類 全委 投資型 保單 保戶 多 為 躉 繳 一 筆 保費 訴 求 專家 替 你 理財 且 有 穩定 的 現金 流 甚至 還有 身故 保本 生存 保本 等 各類 設計 9 月 如 國泰人壽 投資型 保單 銷售 92億 多元 是 市場 上 第 一大 並 占其 單月 新 契約 保費 的 725 另外 如 臺灣 人壽 亦 銷售 54億 元 占其新 契約 保費 近 66 富 邦 人壽 亦 有 近 35億 元 的 投資型 保單 但 占率僅 近 41 三 商 美 邦 人壽 則 有 84 新 契約 來自 投資型 保單 單月 14億 多元 另外 如 安聯 人壽 法國巴黎 人壽 安達 人壽 及 合 庫 人壽 的 投資型 保單 都 占約 9 成 以上 且 因為 今年 投資型 年金 銷量 是 投資型 壽險 的 二 倍 代表 保戶 投保 的 投資 用途 高於 保障 用途 不少 人 都 是 想 藉 由 投資型 保單 參與 資本 市場 估計 第 四季 投資型 保單 依舊會 是 主流 商品</t>
  </si>
  <si>
    <t>確認 浙江 台商 是 新冠肺炎 死亡 案例 傳染源 陳時中 需 透過 血清 檢驗</t>
  </si>
  <si>
    <t>兒童 感染 新冠肺炎 比例 雖然 遠 低於 成人 且 重症 死亡率 低 但 造成 的 危害 仍 不 容小覷 目前 國內 12 歲 以下 兒童 尚無 疫苗 可 打 而 12 至 17 歲 bnt 第 2 劑 暫緩 接種 感染 科 醫師 提出 5 項 理由 建議 兒童 族群 仍 須 接種 疫苗 林口 長庚醫院</t>
  </si>
  <si>
    <t>新冠肺炎 臺灣 兒童 bnt 疫苗</t>
  </si>
  <si>
    <t>本土 疫情 延 燒 世界各地 受到 變種 病毒 影響 除了 確診 個案 與 死亡 比例 大幅 上升 醫療 能量 也 受到 極大 考驗 台 大公 衛學院 指出 三級 警戒 自 5 月 15 日 實施 以來 的 確 讓 確診 個案 數 降低 專責 病房 數 需求 也 會 下降 但是 因應 變異 病毒 的 出現 加 護 病房 與 重症 照 護 能量 需要 早期 部署 與 預估 如此 才能 有效 降低 重症 死亡率 台 大公 衛學院 教授 陳秀熙 今 2 日 上午 召開 新冠肺炎 科學 防疫 線 上 記者會 陳秀熙 指出 本 波 本土 疫情 裡 主要 是 萬華 帶來 的 第一 波 社區 感染 不過 政府 5 月 15 日 實施 三級 警戒 後 雙北 以外 縣 市 的 確診 數 並未 隨 著 時間 明顯 增加 rt 值 也 趨向 小於 1 顯見 三級 警戒 措施 有 發揮 功能 目前 看來 臺北市 疫情 已經 開始 受到 控制 接下來 就要 來 看 醫療 照 護 的 需求 臺灣大學 公共 衛生 學院 校友 醫師 許 辰陽 指出 以 去年 義 大利 倫巴 底 新冠肺炎 疾病 進展 指標為 模型 來看 當時 倫巴 底 大約 有 3 成輕 症 者 僅 需 自我 隔離 就 能 自行 康復 另外 7 成 需要 進入 門診 治療 或 住院治療 當中 近 8 成可 康復 剩下 的 2 成 因為 有 重症 或 急性 呼吸 窘迫 症 需要 高度 醫護 需求 其中 近 半 會 死亡 但是 大部分 國家 只 有 1 成 左右 是 重症 這 部分 解釋 了 義 大利 急 重症 照 護 能力 無法 趕上 大量 出現 的 病人 使得 重症 指數 與 死亡率 攀升 許 辰陽 表示 去年 1 到 6 月 全球 主要 疫情 仍以 武漢 原生 株 為主 傳播 力 相對 英國 變異 株 較 低 但是 大量 出現 的 疫情 讓 臨床 照 護 需求 嚴重不足 全球 當時 肺炎 轉至 急性 呼吸 窘迫 症 比例 約 16 年底 因為 疫苗 和 臨床 指引 的 出來 所以 降到 64 然而 今年 截至 5 月 因為 巴西 變異 株 印度 變異 株 南非 變異 株 等 出現 重症 照 護 量 能 大量 增加 轉 重症 率 又 增加 到 77 臺灣 目前 轉 重症 率 為 64 臨床 照 護 勉強 能 跟 上 需求 許 辰陽 指出 隔離 病床 相對 可以 快速 擴充 但是 重症 病人 的 照 護 需要 密集 的 人力 包含 精密 嚴格 的 侵入 性 迴圈性 照顧 重症 照 護 能量 加 護 病房 數 應 及早 部署 與 評估 才能 進一步 減少 重症 率 及 死亡率</t>
  </si>
  <si>
    <t>新冠肺炎 臺灣 重症 照 護 確診 三級 警戒</t>
  </si>
  <si>
    <t>新冠肺炎 臺灣 本土 疫情 確診 數 社區 感染</t>
  </si>
  <si>
    <t>受到 新冠肺炎 疫情 衝擊 公司 無 預警 歇業 波及 勞工 生計 台中市政府 勞工 局 為 保障 勞工 權益 主動 於 大型 勞資 爭議 調解 程式中 提供 歇業 事實 認定 相關 資料 近 2 年 已 受理 認定 158 家 事業 單位 並 協助 約 790 位 勞工 向 勞動部 勞工</t>
  </si>
  <si>
    <t>受到 新冠肺炎 疫情 衝擊 公司 無 預警 歇業 波及 勞工 生計 台中市政府 勞工 局 為 保障 勞工 權益 主動 於 大型 勞資 爭議 調解 程式中 提供 歇業 事實 認定 相關 資料 近 2 年 已 受理 認定 158 家 事業 單位 並 協助 約 790 位 勞工 向 勞動部 勞工 保險局 申請 工資 墊 償 積極 保障 勞工 權益 勞工 局長 吳威志 說 勞動基準 法 第 28 條 規定 雇主 有 歇業 清算 或 宣告破產 之 情事 時 未獲 雇主 清償 積欠 工資 資 遣 費 退休金 等 可向 勞動部 勞工 保險局 申請 積欠 工資 墊 償 由 該局 先行 墊 付 勞工 遭 積欠 之 工資 資 遣 費或 退休金 工資 墊 償 範圍 以 雇主 于 歇業 清算 或 宣告破產 前 6 個 月 內 所 積欠 之 工資 為 限 雇主 未 依 勞基法 給 付之 退休金 資 遣 費或 勞工 退休金 條例 給 付之資 遣 費 合計 數額 以 6 個 月 平均工資 為 限 吳 威志 表示 如 事業 單位 受 疫情 影響 終止 生產 營業 倒閉 或 解散 未辦理 歇業 登記 且 有 積欠 勞工 工資 資 遣 費或 退休金 等 情事 市府 為 保障 勞工 權益 將 於 大型 勞資 爭議 調解 程式中 主動 提供 歇業 事實 認定 相關 資料 如 應 勞工 之 請求 核發 歇業 事實證明 文件 透過 歇業 事實 認定 相關 程式 函詢 有關 單位 提供 協 查資料 並 實地 查 察 確認 事業 單位 無 營業 事實 後 核發 歇業 事實證明 文件 吳 威志 強調 勞工 朋友 遇有 勞動 權益 問題 可 至 勞工 局 網站 查詢 也 可撥打 專線 04 22289111 分機 352001999 市民 一 碼 通 或 逕 洽 勞工 局 服務 櫃檯 諮 詢</t>
  </si>
  <si>
    <t>歇業 新冠肺炎 疫情 勞工 局 雇主</t>
  </si>
  <si>
    <t>新冠肺炎 臺灣 衛生局 行政 相 驗 劍 青 檢 改</t>
  </si>
  <si>
    <t>參加 全 大陸 抗擊 新冠肺炎 疫情 表彰大會 林 天 良 兩岸 好 臺灣 才會好</t>
  </si>
  <si>
    <t>全國 抗擊 新冠肺炎 疫情 表彰大會 今天上午 在 北京人民大會堂 舉行 旺 旺 集團 北京 首席代表 全國 台 企聯 常務副 會長 林天良 表示 很 榮幸 代表 所 有 旺 旺 人 出席 旺 旺 一直 秉 持 著 回 饋 社會 的 理念 參與 兩岸 各項 救援 行動 兩</t>
  </si>
  <si>
    <t>一連串 新冠肺炎 候選 疫 苖 臨床 試驗 的 好 消息 以及 歐盟 成員國 領袖 接近 就 新冠 紓困 復蘇 計 畫 達成協議 帶來 提 振 週一 歐洲 股市 盤中 由 跌 轉 升 週一 收盤 泛歐 stoxx 600 指數 上漲 075 為 37551 點 歐元 兌 美元 站上 逾 4 個 月 新高</t>
  </si>
  <si>
    <t>一連串 新冠肺炎 候選 疫 苖 臨床 試驗 的 好 消息 以及 歐盟 成員國 領袖 接近 就 新冠 紓困 復蘇 計 畫 達成協議 帶來 提 振 週一 歐洲 股市 盤中 由 跌 轉 升 週一 收盤 泛歐 stoxx 600 指數 上漲 075 為 37551 點 歐元 兌 美元 站上 逾 4 個 月 新 高 醫療保健 股 指數 上漲 12 漲幅 最 大 旅遊 休閒 股 下挫 09 表現 最 疲弱 歐元 兌 美元 漲 012 報 11441 美元 盤中 一度 站上 114675 美元 創下 逾 4 個 月 新 高 美國 藥廠 輝瑞 pfizer 與 德國 生 技 公司 biontech 合作開發 的 新冠肺炎 疫苗 以及 牛津大學 與 阿斯利康 astrazeneca 合作開發 的 候選 疫苗 都 在 早期 臨床 試驗 中 傳出 令人振奮 的 好 消息 德國總理 梅克爾 表示 在 7500億 歐元 8580億 美元 新冠 復蘇 基金 與 規模 約 11 兆 歐元 的 2021 2027 年 共同 預算案 方面 歐盟 各 成員國 領導人 已經 具備 達成協議 的 基礎 為了 解決 在 關鍵 議題 上 的 分歧 歐盟 高 峰會 已 延長 至 第 4 天 回應 中國 實施 港 區 國安法 英國 宣佈 將 暫停 與 香港 簽定 的 引渡 條例 在 中英兩國 緊張 關係 升 高下 英國 股市 表現 相對 疲弱 富 時 100 指數 跌 046 為 6261 點 德國 dax 指數 漲 099 為 13046 點 法國 cac 40 指數 漲 047 為 5093 點 義 大利 富 時 mib 指數 漲 099 為 20621 點 西班牙 ibex 35 指數 漲 升 051 為 7478 點</t>
  </si>
  <si>
    <t>新冠肺炎 臺灣 確診 1154 采 檢</t>
  </si>
  <si>
    <t>性愛 防疫 性 學 專家 啪 啪 高潮 新冠肺炎</t>
  </si>
  <si>
    <t>新冠 疫情 衝擊 全球 醫護人員 堅守 第一線 不僅 辛苦 且 需承擔 巨大 風險 日本 厚生 勞動 省 24 日 宣佈 將 向 每 名 醫護人員 發放 最高 20萬 日圓 約 新 台幣 55萬 元 慰 勞金 在 加 護 病房 照顧 重症 患者 的 人員 薪資 可能 增 至 目前 的 3 倍 日本放送協會 nhk 報導 針對 負責 診療 新冠肺炎 患者 的 醫護人員 以及 長者 照 護 設施 員工 朝野 都 同意 應 給予 適當 慰勞 津貼 厚勞省計 畫 發給 醫師 與 護理 師 每人 20萬 日圓 未 實際 收治 患者 但 保留 專用 病床 的 醫療機構 每人 可獲 10萬 日圓 約 新 台幣 28萬 元 至於 老人 照 護 設施 員工 政府 也 將 發放 慰 勞金 但 具體 金額 尚不 清楚 為 確保 必要 防疫 人力 厚 勞省 也 在 討論 可能 將 加 護 病房 醫護人員 薪 酬 一口氣 提高 至 現行 平均 的 3 倍 現在 日本 新冠 疫情 明顯 趨 緩 迄今 除 東京都 神奈川縣 千 葉縣 埼 玉 縣 北海道 等 地 其他 地區 的 緊急狀態 令 皆 已 解除 日 媒 報導 只要 今日 召開 的 專家 會議 同意 政府 最 快 當天 就 會 宣佈 全 日本 正式 解封 讓 民眾 逐步回歸 正常 生活 東京 解 封後 全 日本 經濟 活動 將 分 3 階段 重新 啟動 各級 學校 將 率先 複課 接 著 體育比賽 將 閉門 複賽 最後 就是 餐廳 等 公共場所 重新 開放 此外 據 共同 社 23 日 引述 外交 人士 消息 透露 日本首相 安倍晉三 有意 赴美 參加 預訂 近期 在 大衛 營 登場 的 g 7 峰會 本次 峰會 將 探討 疫情 緩解 後 的 全球 經濟 復蘇 應對 措施 並 聚焦 藥物 與 疫苗 研發 合作 以 為 第 2 波 疫情 來 襲 預 做 準備 日 美 雙方 正 商討 舉行 雙邊 領導人 會談 的 可能性 nhk 公佈 最新 統計資料 日本 全境 確診 人數 達到 1萬7281 例 含 鑽石 公主 號 郵輪 712 例 死亡 人數 則 為 838 人 含 鑽石 公主 號 13 例</t>
  </si>
  <si>
    <t>荷 美 公司 holland america line 旗 下 遊輪 威士特丹 號 westerdam 因為 受 全球 新冠肺炎 疫情 蔓延 影響 陸續 遭 5 個 港口 拒絕 在 海上 漂流 了 兩 星期 終於 獲准 停靠 柬埔寨 柬國 總理 洪森 14 日 在 沒 戴 口罩 的 情況 下 親自 前</t>
  </si>
  <si>
    <t>新冠肺炎 臺灣 延長 三級 管制 適應</t>
  </si>
  <si>
    <t>香港 新冠肺炎 確診 人數 近日 不斷 飆 升 衛生防護 中心 表示 今 20 日 激增 48 例 確診 再創 單日 新 高 其中 新增 的 病 患 絕大部分 是 國外 返 港 人士 及 他們 的 緊密 接觸 者 包括 8 名 留學生 其他 確診 人士 大多 由 歐美地區 旅遊 返回 據</t>
  </si>
  <si>
    <t>新冠肺炎 疫情 衝擊 智慧 型 手機 全 年產量 將 衰退 3 5</t>
  </si>
  <si>
    <t>新冠肺炎 疫情 持續 影響 智慧 型 手機 供應 鏈 在 主要 生產 工廠 復工 進度 不 明確 人力 返 崗 比例 偏 低 以及 物流 運輸 中斷 等 因素 下 供應 鏈 恢復 狀況 不如 預期 推 估 影響 時間 將 達 1 至 3 個 月 預計 到 三月 下旬 才 會 回復 到 正常 水準 有 鑒</t>
  </si>
  <si>
    <t>新冠肺炎 今年初 爆發 全球 已 有 超過 600萬 人 確診 甚至 有 30 多 萬 人 因 此 喪命 印尼 安全 統籌部長 馬富 mohammad mahfud 日前 卻 將 新冠 病毒 比擬 為 叛逆 的 妻子 強調 若 無法控制 兩者 就 與 他們 並存 而 這 番 言論 曝光 後 也 引發 極</t>
  </si>
  <si>
    <t>新冠肺炎 今年初 爆發 全球 已 有 超過 600萬 人 確診 甚至 有 30 多 萬 人 因 此 喪命 印尼 安全 統籌部長 馬富 mohammad mahfud 日前 卻 將 新冠 病毒 比擬 為 叛逆 的 妻子 強調 若 無法控制 兩者 就 與 他們 並存 而 這 番 言論 曝光 後 也 引發 極大 爭議 綜合 外 媒 報導 馬富 26 日 舉辦 一 場 大學 線 上 演講 提到 新冠肺炎 情 的 問題 時 他 突然 說道 我們 會 永遠 陷入困境 之中 嗎 我們 可以 適應 這種 狀況 的 同時 持續 關注 健康 馬富 繼續 說道 某天 我 從 我 的 同事 口中 得知 一個 網路 迷 因 meme 他們 說 新冠 病毒 就 像是 你 的 老婆 起初 你會 想去 控制 她 但 到 最後 會 發現 做 不到 然後 你 就 學會 與 她 它 並存 了 此 番 言論 不僅 遭到 網友 炮轟 更 被 認為 是 性別歧視 對此 組織 婦女 團結 women s solidarity 行政 總裁 丁達 dinda nisa yura 發佈 聲明 表示 馬富 的 言論 不僅 反映 出 印尼政府 對於 疫情 問題 的 消極態度 更 顯示 了 公職人員 的 性別歧視 和 厭惡 女性 的 心態 更 多 ctwant 報導</t>
  </si>
  <si>
    <t>新冠肺炎 疫情 彰 化 縣 昨 兩 日 已 15 例 確診 16 日 晚間 又 傳出 陸續 有 學生 確診 不少 家長 憂心 校園 群 聚 希望 彰 化 縣政府 宣佈 停課 未果 乾脆 直接 幫 小孩 請假 縣府 教育處 統計 全縣 9萬3千 名 中小學生 17 日 共計 有 11萬 人 請假 超</t>
  </si>
  <si>
    <t>議員 彰 化 新冠肺炎 定期 會 暫停</t>
  </si>
  <si>
    <t>新冠肺炎 臺灣 三 立 電視臺 pcr 員工 確診</t>
  </si>
  <si>
    <t>新冠肺炎 臺灣 封城 加拿大 本土 病例</t>
  </si>
  <si>
    <t>新冠肺炎 在 亞洲 各地 引發 擔憂 自 上周 起 大陸 境外 病例 急 增 之後 全球 市場 瞬間 墜入 悲觀 氣氛 由 美 股 帶頭 下挫 據 統計 美 股 基金 單周淨 流出 1774億 美元 居 全球 之 冠 連帶 也 讓 今年以來 備受 看好 的 全球 新興 市場 股票 在 上周 淨</t>
  </si>
  <si>
    <t>新冠肺炎 死亡數 逾 50萬 拜登 下令 聯邦 機構 降半旗 5 天 領導 哀悼 儀式</t>
  </si>
  <si>
    <t>omicron 變異 株 新冠肺炎 臺灣 日本</t>
  </si>
  <si>
    <t>新冠肺炎 臺灣 快 篩 陳其邁 高市</t>
  </si>
  <si>
    <t>新冠肺炎 臺灣 戴 口罩 開車 莊人祥</t>
  </si>
  <si>
    <t>新冠肺炎 疫情 打亂 日本 房市 前景 有 專家 指出 都市 的 中古 屋 可能 大 跌 二 至 三 成 原本 乏人問津 的 郊外 住宅 則 可能 重新 受到 矚目 shop prices in prime locations in tokyo and osaka that had held firm for more than</t>
  </si>
  <si>
    <t>特殊 交友 圈 居家 隔離 桃園 新冠肺炎 臺灣</t>
  </si>
  <si>
    <t>新冠肺炎 持續 肆虐 全球 昨天 全球 確診 人數 突破 700萬 台 大公 衛學院 昨 公佈 香港 皇家 研究院 最新 研究 顯示 曾經 感染 sars 一樣 會 感染 新冠肺炎 提醒 民眾 即使 臺灣 大解 封 在 國際 疫情 未 結束 前 仍要 維持 洗手 戴 口罩 保持</t>
  </si>
  <si>
    <t>聯發 科 2454 法 說 報喜 釋出 今年 營運 仍 會 有 合理 成長 的 訊息 8 家 外資 也 對 其 出具 最新 研究 報告 多 看好 第二 季起 大陸 的 5 g 智慧 機 訂單 將 開始 發酵 且 一路 延續 到 下半年 但 在 新冠肺炎 疫情 下 新興 市場 的 4 g 晶 片 出 貨 恐 成 隱憂</t>
  </si>
  <si>
    <t>聯發 科 2454 法 說 報喜 釋出 今年 營運 仍 會 有 合理 成長 的 訊息 8 家 外資 也 對 其 出具 最新 研究 報告 多 看好 第二 季起 大陸 的 5 g 智慧 機 訂單 將 開始 發酵 且 一路 延續 到 下半年 但 在 新冠肺炎 疫情 下 新興 市場 的 4 g 晶 片 出 貨 恐 成 隱憂 其中 又 以 印度 市場 最為 明顯 8 家 外資 目標價 最高 來到 450 元 最低 則 為 311 元 美 系 外資 認為 智慧 型 手機 soc 系統 單晶 片 目前 占比 聯發 科 總 營 收 約 40 目前 大陸 市場需求 已 開始 有所改善 但 海外 市場 包括 印度 尚未 見 復蘇 跡象 故 在 疲軟 的 經濟 環境 下 智慧 型 手機 製造商 可能 需要 推出 更 多 價格 適中 的 5 g 手機 這 恐 對聯 發 科 長期 毛利率 較為 不利 且 法 說 會 中 聯發 科 並未 明確 評論 5 g soc 利潤率 趨勢 但 承認 價格競爭 仍 存在 故 維持 中立 評等 目標價 378 元 另 一家 美 系 外資 則 認為 所有 主要 的 大陸 智慧 手機 品牌 都將 在 第二 季 採用 聯發 科 天璣 800 並 期望 在 下半年 可以 拿 到 國際品牌 的 訂單 一般 認為 其 所指 的 就 是 三星 且 更 重要 的 是 聯發 科 預計 今年 5 g soc 與 4 g 產品 的 平均 售價 將 持續 增長 看好 5 g soc 的 毛利率 穩定 將 帶來 更 好 的 收益 能力 惟 在 新冠肺炎 疫情 影響 下 對 新興 市場 的 影響 尤其 是 印度 這 恐是 聯發 科 第二 季 第 三 季 的 4 g 晶 片 出 貨 會 出現 一些 疲軟 預估 今年 聯發 科 的 4 g 智慧 型 手機 soc 出貨量 下降 16 除此之外 聯發 科 在 asic 客 制 化 晶 片 上 第二 季起 將 恢復 強勁 的 成長 且 下半年 將 投入 生產 某 大 客戶 的 新型 ai asic 此 客戶 有 可能 就 是 亞馬遜 有鑒於 眾多 因素 下 將 聯發 科目 標價 由 420 元 到 450 元 維持 加碼 評等 還有 一家 美 系 外資 認為 聯發 科 有 多樣化 的 產品組合 和 5 g 增長 儘管 受到 新冠肺炎 影響 但 2020 年 仍 將 具有 合理 成長 而 最近 對 新興 市場需求 疲軟 的 擔憂 正 在 影響 4 g 智慧手機 的 整體 需求 但 在 很 大程度 上會 被 市 占 率 的 增長 和 5 g 貢獻 增加 所 抵消 加上 還 有 新 產品 推動 下半年 營運 將 聯發 科目 標價 由 420 元 調升 到 450 元 維持 買進 評等 歐系 外資 指出 大陸 的 5 g 智慧 型 手機 市場 將 成為 聯發 科 第二 季 營運 的 重要 動能 其 可以 抵消 東南亞 印度 市場 因為 新冠肺炎 而 減少 的 4 g 訂單 以及 運動 賽事 暫緩 導致 的 電視 需求 下滑 且 聯發 科 也 預告 下半年 有 機會 將 拿下 非 大陸 品牌 的 智慧 型 手機 訂單 市場 認為 其 所指 的 就 是 三星 加上 若 美國 加大 對 華為 的 限 縮 力 道 則 聯發 科 也 將 有 機會 從中 獲益 故 維持 優於 大盤 評等 目標價 430 元 亞 系 外資 指出 聯發 科 法 說 對 第二 季 下半年 都 釋出 樂觀 訊息 5 g 組合 將 有助於 推動 整體 毛利率 趨勢 但 儘管 有 5 g 產品 的 出 貨 增加 但 聯發 科 所 釋出 的 第二 季 毛利率 預估 為 425 這 意味著 鑒於 潛在 的 平均 售價 壓力 加上 庫存 天數 增加 也 引發 下半年 毛利率 上升 空間 恐 有限 的 擔憂 將 目標價 由 300 元 調升 到 311 元 維持 持有 評等 另 一家 亞 系 外資 指出 聯發 科 已經 注意 到 在 新冠肺炎 疫情 下 第二 季 第 三 季新興 市場 尤其 是 印度 的 需求 恐 轉為 疲軟 但 其 5 g soc 在 大陸 市場 已經 拿下 多數 品牌 的 訂單 天璣 1000 第二季度 將 推出 更 多 手機 還有 天璣 800 甚至 是 天璣 600 都將 成為 聯發 科 下半年 營運 的 重要 動能 且 在 其他 領域 上 還有 wifi 路由器 電源 管理 ic 以及 遊戲機 晶 片 等 也 會 有 不錯 表現 故 將 聯發 科目 標價 由 362 元 調升 到 438 元 評等 由 中立 調升 到 優於 大盤 日 系 外資 表示 在 新冠肺炎 疫情 下 聯發 科 認為 在 均衡 的 產品 佈局 加上 5 g 產品 週期 今年 營運 應該 還 是 會 有 合理 的 成長 大陸 5 g 市場 將 是 聯發 科 今年 重要 的 營運 動能 來源 故 維持 440 元 目標價 評等 買進 另 一家 亞 系 外資 則 認為 聯發 科 在 5 g 初期 即 快 入市 場 該 動作 有助於 其 在 2020 年 5 g 業務 快速 成長 但 受到 新冠肺炎 疫情 的 關係 恐 將 減弱 其 在 新興 市場 的 4 g 業務 故 將 聯發 科目 標價 由 440 元 調 降到 415 元 維持 優於 大盤 評等</t>
  </si>
  <si>
    <t>聯發 科 新冠肺炎 5 g 4 g 新興 市場</t>
  </si>
  <si>
    <t>內政部長 徐國勇 宣佈 暫時 取消 全國性 酒 測 臺灣 酒 駕 防制 社會 關懷 協會 理事長 陳喬琪 5 日 晚間 表達 嚴正 抗議 指 酒 駕 造成 的 殺傷力 絕對 比 新冠肺炎 病毒 來 的 更 立即 與 危險 一 秒 鐘 就 會要 人命 對於 酒 駕 防制 團體 批評 徐國勇 強調</t>
  </si>
  <si>
    <t>在 新冠肺炎 疫情 持續 延 燒 的 非常 時期 星展銀行 臺灣 積極 投入 以 實際行動 協助 防疫 除 提供 客戶 多元 數位 金融服務 讓 客戶 免 出門 即可 輕鬆 完成 所 需 交易 外 近來 也 貼心 推出 法定 傳染病 補償 保險金 保障 陪伴 貴賓 客戶 度過</t>
  </si>
  <si>
    <t>星展銀行 彈性 福利 金 防疫 物品 林鑫川 新冠肺炎</t>
  </si>
  <si>
    <t>新冠肺炎 疫情 持續 升溫 屏 東 確診 人數 增至 3 人 居家 檢疫 也 來到 720 人 其中 屏東市 就 占 255 人 基層 民政 人員 除 本身 業務 外 也 擔當 起 第一 線 防疫 工作 屏 東 縣政府 為 此 以 失 智 手 環 為 發 想 開發 平安 手 環 輔助 加強 追蹤 功</t>
  </si>
  <si>
    <t>新冠肺炎 疫情 持續 升溫 屏 東 確診 人數 增至 3 人 居家 檢疫 也 來到 720 人 其中 屏東市 就 占 255 人 基層 民政 人員 除 本身 業務 外 也 擔當 起 第一 線 防疫 工作 屏 東 縣政府 為 此 以 失 智 手 環 為 發 想 開發 平安 手 環 輔助 加強 追蹤 功能 盼 能 適度 減輕 防疫 人員 辛勞 近期 居住 歐美 國人 陸續 返國 造成 居家 檢疫 人數 激增 屏 東 縣長 潘孟安 指出 過去 曾 在 縣 內 智慧 樂活 社區 以 平安 符外型 內建 gps 掌握 長輩 足跡 如今 以此 為 發 想 設置 平安 手 環 未來 可 彌補 防疫 手機 功能 不足 輔助 加強 追蹤 關懷 居家 檢疫 民眾 也 減少 村裡 長 及 村裡 幹事 防疫 工作量</t>
  </si>
  <si>
    <t>松山區 補習班 北市 臺灣 新冠肺炎</t>
  </si>
  <si>
    <t>新冠肺炎 疫情 蔓延 民眾 怕 群 聚 感染 不敢 搭乘 遊覽車 造成 日月 潭 團 客 大幅 減少 有時 1 天 不 到 10 輛 遊覽車 但 仍 有 許多 民眾 自行 開車 出遊 散客 一日遊 和 住宿 受 影響 幅度 較 小 但 遊艇 因 屬 群 聚 空間 載客 量 則 明顯 減少 日月 潭</t>
  </si>
  <si>
    <t>金門 金城鎮 公所 今 9 日 宣佈 因 受 新冠肺炎 疫情 影響 決定 取消 一年一度 的 金門 迎 城 隍 宗教 文化 觀光 季 活動 至於 傳統 的 香 路 繞 境 及 祭祀 活動 是否 照常 舉行 則 尊重 廟 方 自行安排 文化部 指定 為 國家 重要 民俗 已 有 340</t>
  </si>
  <si>
    <t>金門 金城鎮 公所 今 9 日 宣佈 因 受 新冠肺炎 疫情 影響 決定 取消 一年一度 的 金門 迎 城 隍 宗教 文化 觀光 季 活動 至於 傳統 的 香 路 繞 境 及 祭祀 活動 是否 照常 舉行 則 尊重 廟 方 自行安排 文化部 指定 為 國家 重要 民俗 已 有 340 年 歷史 的 農曆 4 月 12 日 迎 城 隍 是 金門 最 大 規模 的 廟會 活動 信 眾將 萬人空巷 的 4 月 12 人 看 人 與 臺灣 3 月 瘋 媽祖 的 盛況 相提並論 其中 迎 城 隍 重頭戲 蜈蚣 座 是 金門 地區 傳統 藝 陣 之一 陣 頭 出巡 有 滌蕩 邪 穢 除惡 辟邪 的 意義 建國 百年 時 金門縣 以 世界 最 長 純 人力 肩 扛 蜈蚣 座 陣 頭 獲得 金氏 世界紀錄 的 認證 吸引 不少 外籍 遊客 前來 甚至 加入 遊行 隊伍 讓 這項 年度 廟會 慶典 渲染 繽紛 的 國際 色彩 金城 鎮長 李誠智 宣佈 在 與 廟 方 審慎 評估 後 考量 因為 新冠肺炎 疫情 持續 發燒 決定 取消 往年 由 縣府 和 鎮 公所 統籌 主導 時間 長 達 1個 月 估計 吸引 4萬 名 觀光客 來到 經濟 產值 約 3億 元 的 金門 迎 城 隍 宗教 文化 觀光 季 活動 至於 已 有 300 多年 歷史 的 傳統 香 路 繞 境 及 祭祀 活動 是否 照常 舉行 則 尊重 廟 方 自己 的 安排 一旦 如期 照辦 鎮 公所 將 在 防疫 方面 提供 必要 協助 根據 文史 工作者 李 秉鈞 的 研究 金門 迎 城 隍 自 清代 以來 即 屬 地方 年度 大事 民國 以來 或有 大 迎 小 不同 規模 島 民 連年 虔誠 舉辦 迄 民國 40 年 間 因 國共 戰事 才有 停辦 的 紀錄 在 官方 觀光 季 活動 因 疫情 停辦 下 若 民間 香 路 繞 境 也 跟進 停辦 可 確定 為 60 多年 以來 逾 一 甲子 僅見 李 誠 智 表示 往年 備受 鄉親 歡迎 開放 報名 即告 秒 殺 的 蜈蚣 座 親 子 嘉年華 踩 街 及 相關 動態 活動 確定 停辦 至於 廟口 的 祈福 牆 及 周邊 活動 將 援例 或 調整 舉辦 規模 期待 在 大 疫 壓境 的 此刻 能 為 鄉親 帶來 祈福 與 希望 的 力量 當地 民眾 普遍認為 17 年前 sars 來 襲 金門 迎 城 隍 照常 舉辦 但 今年 新冠肺炎 疫情 更加 嚴峻 全球 各地 都 遭 大 疫 肆虐 官方 考量 避免 群 聚 感染 的 風險 在 籌備 作業 採取 最高 規格 因應 作為 用心 相當 值得 肯定 也 相信 只要 鄉親 心存 虔敬 神明 也 會 庇佑 平安 度過難關</t>
  </si>
  <si>
    <t>新冠肺炎 臺灣 確診 張志豪 5 人</t>
  </si>
  <si>
    <t>俄羅斯 近日 新冠肺炎 疫情 大 爆發 目前 我國 旅居 俄羅斯 僑民 約 百 餘 人 其中 約 有 30 至 40 名 國人 想 提早 返台 外交部 亞 西 及 非洲 司 司長 楊心怡 今天 表示 日 航 25 日 將 有 一 班 撤離 日僑 的 班機 可為 臺灣 民眾 保留 約 50 個 機位 駐 俄 代表</t>
  </si>
  <si>
    <t>俄羅斯 近日 新冠肺炎 疫情 大 爆發 目前 我國 旅居 俄羅斯 僑民 約 百 餘 人 其中 約 有 30 至 40 名 國人 想 提早 返台 外交部 亞 西 及 非洲 司 司長 楊心怡 今天 表示 日 航 25 日 將 有 一 班 撤離 日僑 的 班機 可為 臺灣 民眾 保留 約 50 個 機位 駐 俄 代表處 正 積極 洽 詢 日 航 及 有 需求 的 民眾 保持聯繫 楊 心 怡 表示 駐 俄 代表處 統計 在 俄國 有 100 多 名 國人 約 有 30 到 40 人 有 興趣 提早 包機 回國 一 開始 洽 詢 的 價格 過 高 平均 一個 人 要 30萬 台幣 以上 後來 得知 日 航 在 11 日 有 班機 但 又 因為 位置 不足 無法 成行 楊 心 怡 說 日 航 在 25 日 還有 一 班 撤離 日僑 的 班機 駐 俄 代表處 與日 航 以及 國人 保持聯繫 現在 洽 詢 保留 50 個 機位 但 上機 人數 仍要 詳細 確認 費用 也 要 再進一步 洽商</t>
  </si>
  <si>
    <t>新冠肺炎 俄羅斯 日 航</t>
  </si>
  <si>
    <t>新冠肺炎 臺灣 北市 疑 似 死 後 確診</t>
  </si>
  <si>
    <t>男 造謠 嘉基 醫院 新冠肺炎 疫情 面臨 300萬 元 罰 責</t>
  </si>
  <si>
    <t>嘉義 造謠 嘉基 醫院 新冠肺炎 肺炎 疫情</t>
  </si>
  <si>
    <t>新冠肺炎 臺灣 疫苗 基隆 長 照</t>
  </si>
  <si>
    <t>在 一個 多 月 來 新冠肺炎 疫情 擴散 期間 被 各 地方 政府 封閉 的 省際 公路 客運 以及 城市 公共交通 軌道 客運 在 近期 已 有 多數 陸續 恢復 營運 此舉 除 顯示 大陸 新冠肺炎 的 疫情 已 漸 趨 穩定 也 是 為了 封城 多時 之後 必須 因 應城市 內 居民</t>
  </si>
  <si>
    <t>在 一個 多 月 來 新冠肺炎 疫情 擴散 期間 被 各 地方 政府 封閉 的 省際 公路 客運 以及 城市 公共交通 軌道 客運 在 近期 已 有 多數 陸續 恢復 營運 此舉 除 顯示 大陸 新冠肺炎 的 疫情 已 漸 趨 穩定 也 是 為了 封城 多時 之後 必須 因 應城市 內 居民 生活 與 企業 生產 需要 而 重 啟 公共交通 運輸 據 新華 視點 報導 大陸 國務院 交通運輸 部 指出 截至 2 月 12 日 江蘇 浙江 安徽 福建 山東 湖南 廣東 重慶 四川 等 9 個 省份 已 有序 恢復 省際 道路 客運 17 個 省份 有序 恢復 省內 道路 客運 此外 河北 遼寧 吉林 安徽 江蘇 福建 山東 河南 湖南 廣西 雲南 甘肅 寧夏 等 省份 的 26 個 地級 市 27 個 縣級 市 已 恢復 地面 公共交通 運營 在 已 開通 城市軌道 交通 的 41 個 城市 中 33 個 城市軌道 交通線路 正常 運營 早先 許多 分析 人士 認為 停 運 公共交通 採取 封城 或 半 封城 措施 是 疫情 嚴重 時 不得不 進行 的 防控 手段 但 封閉 各地 省際 公路 與 市內 公共交通 會 嚴重 影響 市民 日常生活 對於 企業 復工 也 造成 重大 阻礙 因此 在 國務院 下令 盡 一切 力量 復工 後 重 啟 公共交通 將 大幅 改善 疫情 防控 對 企業 復工 的 造成 障礙 也 能 大量 地 恢復 市民 正常 生活 但是 恢復 公共交通 對 疫情 防控 仍 有 極大 壓力 目前 雖 疫情 防控 已 出現 積極 現象 仍 需 嚴格 防範 再次發生 疫情 擴散</t>
  </si>
  <si>
    <t>世界衛生組織 who 5 日 表示 有 報導 稱 法國 在 去年 12 月 就 出現 了 新冠肺炎 病例 比 先前 認為 的 時間 更 早 這不 令 人 意外 並 敦促 各國 調查 其他 早期 疑似病例 世衛 發言人 林德梅耶 在 日內瓦 的 簡報 會上 說 有關 法國 的 報導</t>
  </si>
  <si>
    <t>義 大利 是 新冠肺炎 的 死亡 人數 最 多 的 國家 截至 週一 已經 有 超過 6000 個 死亡 病例 然而 在 疫情 正值 嚴峻 之際 連續 幾 天 以來 的 新增 病例 數字 開始 下降 對於 未來 疫情 的 走勢 忽然 露出 一 絲 曙光 專家 認為 最 黑暗 的 高峰期 或許 已</t>
  </si>
  <si>
    <t>義 大利 是 新冠肺炎 的 死亡 人數 最 多 的 國家 截至 週一 已經 有 超過 6000 個 死亡 病例 然而 在 疫情 正值 嚴峻 之際 連續 幾 天 以來 的 新增 病例 數字 開始 下降 對於 未來 疫情 的 走勢 忽然 露出 一 絲 曙光 專家 認為 最 黑暗 的 高峰期 或許 已經 過去 根據 路透社 報導 本週一 23 日 義 大利 民眾 防護 局 公佈 的 最新 數字 新增 602 名 死亡 病例 是 四 天 以來 的 最低 數字 累計 6077 例 而 新增 確診 數字 4789 例 也 是 五 天 來 的 新低 累計 病例 數 為 63927 例 北方 重災區 倫巴 底 大 區 的 醫療 當局 高層 加 列拉 giulio gallera 告訴 記者 今天 當然 不是 慶祝 勝利 的 一 天 但是 我們 看見 了 隧道 盡頭 的 光線 新增 案例 的 降低 對抗 疫 第一線 的 人員 來說 是 個 鼓舞 因為 這 代表 高峰 點 或許 已 經過 了 未來 的 疫情 應會 越來越 和緩</t>
  </si>
  <si>
    <t>末日 異 戰 俄羅斯 冠軍 票房 新冠肺炎</t>
  </si>
  <si>
    <t>快 篩 偽 陽性 采 檢 新冠肺炎 臺灣</t>
  </si>
  <si>
    <t>新冠 肆虐 病毒殺 紅了眼 又 一個 歐洲 國家 剛剛 被 確認 因 新冠 死亡 人數 超過 大陸 它 是 西班牙 目前 死亡 人數 已經 超過 了 3434 人 成為 繼 義 大利 後 被 新冠 奪 走 人命 最 多 的 國家 西班牙 衛生部門 剛剛 發佈 的 數位 顯示 星期二 又 有 738 人 死於 新冠肺炎 造成 死亡 人數 達到 了 3434 人 目前 確診 人數 則 從 日前 的 39673 一下 跳 到 了 47610 目前 排名 第一 的 義 大利 死亡 人數 6820 人 第 三 是 大陸 的 3281 人</t>
  </si>
  <si>
    <t>新冠肺炎 蔓延 全球 超過 1 年 變種 病毒 頻 傳 臺灣 自 5 月 中旬 以來 的 本土 疫情 就 是 和 在 英國 被 發現 的 alpha 變異 株 有關 已 有 醫師 提出 警告 現在 要 擔心 的 是 在 印度 被 發現 的 delta 變異 株 傳染 力 更 強 甚至 會 在 地 自我 進化 極</t>
  </si>
  <si>
    <t>新冠肺炎 臺灣 delta 變種 病毒 alpha</t>
  </si>
  <si>
    <t>世界衛生組織 總 幹事 譚 德塞 在 世界衛生 大會 wha 上 說 專家 們 尚未 發現 對 現有 疫苗 和 藥物 有效性 構成威脅 的 新冠 病毒 新 菌 株 但是 病毒 變異 的 情況 不 斷 改變 不能 保證 目前 疫苗 有效 的 狀況 不 會 改變 各國 應該 設法 在 9 月 之前 為 至少 10 的 民眾 接種 疫苗 如果 不是 每個 國家 都 能 控制 病毒 疫情 就 一直 持續 下去 綜合 外 媒 報導 譚 德塞 在 第 74 屆 世界衛生 大會 開幕式 上 稱 到 目前為止 還 沒有 能 嚴重破壞 現有 疫苗 或 療法 有效性 的 新 毒 株 但是 不能 保證 這種 現象 會 持續 下去 這種 病毒 正在 不斷 變化 我們 的 工具 可能 會 毫無用處 瘟疫 還 沒有 結束 如果 不是 每個 國家 都 可以 控制 病毒 瘟疫 就 不 會 結束 他 指出 在 過去 3 周中 死於 新冠肺炎 的 人數 有所 減少 同時 儘管 疫苗 接種 速度 很 高 但 目前 世界 仍 處於 脆弱 狀態 因此 世衛組織 敦促 各國 捐贈 疫苗 以 在 9 月 之前 為 所有 國家 的 10 人口 接種 並 在 年底 之前 為 30 的 人口 接種 疫苗 譚 德塞 說 自 疫情 大 流行 開始 以來 最近 18 個 月 以來 世界各地 的 醫護人員 都 在 醫療 前線 搏鬥 已經 至少 有 115000 名 醫療衛生 工作人員 因而 死於 新冠 疫情 據 世衛組織 的 資料 顯示 在世界上 占 全球 人口 10 的 最 貧窮 國家 中 疫苗 接種 率 僅 03 這個 比率 與 臺灣 的 接種 率 差不多</t>
  </si>
  <si>
    <t>義隆 chromebook nb 新冠肺炎 居家 辦公</t>
  </si>
  <si>
    <t>生 華科 6492 宣佈 新藥 ck 2 抑制 劑 silmitasertib cx- 4945 在 抗 新冠肺炎 的 臨床 進展 有 重大突破 全美 國 最 大 的 醫療 體系 之一 banner health 日前 主動 聯繫 表達 運用 新藥 silmitasertib 在 新冠肺炎 患者 治療 上 之 合作 意願 雙</t>
  </si>
  <si>
    <t>exo xiumin 確診 新冠肺炎 sm 娛樂 聲明 全團 居家 隔離</t>
  </si>
  <si>
    <t>南韓 天 團 exo 成員 xiumin 金瑉錫 近期 參與 音樂劇 演出 原先 接受 pcr 檢測 呈現 陰性 但 昨 4 日 身體 出現 不適 再度 檢測 後 今 5 日 收到 新冠肺炎 確診 消息 xiumin 所屬 經紀 公司 sm 娛樂 聲明 中 表示 exo 其他 成員 和 相關</t>
  </si>
  <si>
    <t>南韓 天 團 exo 成員 xiumin 金瑉錫 近期 參與 音樂劇 演出 原先 接受 pcr 檢測 呈現 陰性 但 昨 4 日 身體 出現 不適 再度 檢測 後 今 5 日 收到 新冠肺炎 確診 消息 xiumin 所屬 經紀 公司 sm 娛樂 聲明 中 表示 exo 其他 成員 和 相關 工作人員 已 接受 檢測 且 馬上 居家 隔離 等待 結果 根據 sm 娛樂 今日 發出 聲明 中 得知 旗 下 男團 exo 成員 xiumin 最近 有 音樂劇 的 工作 在 7 月 29 日 有 先 接受 pcr 檢測 收到 陰性 結果 變 繼續 投入 音樂劇 準備 工作 中 沒想 到 昨日 xiumin 身體 出現 疑 似 新冠肺炎 不適 症狀 於是 又 接受 一 次 pcr 檢測 今日 收到 確診 新冠 的 通知 而 exo 其他 成員 和 有 跟 xiumin 接觸 的 相關 工作人員 都 立刻 接受 檢測 也 馬上 進行 居家 隔離 等待 檢測 結果 出爐 sm 娛樂 也 強調 會 遵照 南韓 防疫 政策 xiumin 原本 行程 全部 中斷 連 音樂劇 的 演出者 和工作人員 也 都 隨即 被 安排 檢測 但 也 向 粉絲 承諾 會 盡全力 恢復 旗 下 藝人 健康 讓 大家 擔心 感到 抱歉 目前 會 以 藝人 和 工作人員 的 健康 安全 為 優先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exo xiumin 新冠肺炎 pcr 檢測 sm 娛樂</t>
  </si>
  <si>
    <t>疫情 新北 守 住 新冠肺炎 臺灣</t>
  </si>
  <si>
    <t>新冠肺炎 臺灣 秘魯 祖孫 通知 計程車 司機</t>
  </si>
  <si>
    <t>新冠肺炎 臺灣 快 篩 攤 商 北農</t>
  </si>
  <si>
    <t>羅馬尼亞 職業 女網 前世 界 球 後 哈麗普 simona halep 準備 參加 比賽 不過 目前 許多 國家 對於 防止 新冠肺炎 另 一 波 傳染 依舊 採取 嚴格 的 防疫 措施 8 月份 的 義 大利 帕 勒 摩 女子 公開賽 因為 義國 政府 對於 來自 羅馬尼亞 保加利亞</t>
  </si>
  <si>
    <t>羅馬尼亞 職業 女網 前世 界 球 後 哈麗普 simona halep 準備 參加 比賽 不過 目前 許多 國家 對於 防止 新冠肺炎 另 一 波 傳染 依舊 採取 嚴格 的 防疫 措施 8 月份 的 義 大利 帕 勒 摩 女子 公開賽 因為 義國 政府 對於 來自 羅馬尼亞 保加利亞 發 出入境 後 必須 隔離 14 天 的 規定 可能 影響 哈麗普 參賽 計畫 職業 網球 賽事 因為 新冠肺炎 大 流行 已經 停 擺 四 個 多 月 8 月 3 日 在 義 大利 正式 開 打的 帕 勒 摩 女網 公開賽 將 是 新冠 疫情 之後 首場 wta 官方 正式 賽事 不過 義 大利 衛生部長 史 伯蘭沙 roberto speranza 頒佈 一 項 規定 就 是 來自 羅馬尼亞 保加利亞 的 旅客 入境 後 必須 先 隔離 14 天 確定 體內 新冠肺炎 病毒 反應 呈 陰性 才能 自由 活動 義國 政府 這個 新 規定 恐怕 打消 哈麗普 參賽 念頭 因此 帕 勒 摩 賽事 官方 送 了 一 封 緊急 信 給 史 伯蘭沙 希望 給 哈麗普 開 個 特例 賽事 總監帕爾默 oliviero palmo 表示 考量 到 選手 價值 及 重視 哈麗普 參賽 可以 對 新冠 疫情 後首 場 比賽 有所 幫助 我們 寫 了 一 封 信 給 部長 因為 我們 相信 wta 的 防疫 規範 已經 夠 嚴格 了 可以 保障 選手 及 所有 人員 健康 安全 wta 規定 選手 在 前往 帕 勒 摩 前 要 接受 病毒 檢驗 抵達 後 每 4 天 也 要 進行 一 次 病毒 檢驗 在 結果 出來 前 必須 待 在 飯店 帕 勒 摩 公開賽 官方 也 計畫 開放 350 到 1000 名 觀眾 進入 主球場 觀賽 wta 世界排名 前 30 的 選手 有 10 位 在 簽 表 中 除了 哈麗普 還有 英國 孔塔 johanna konta 拉脫維亞 奧斯塔 朋 科 jelena ostapenko 及 捷克 萬 卓索娃 marketa vondrousova</t>
  </si>
  <si>
    <t>新冠肺炎 疫情 持續 延 燒 而 臺灣 宗教 盛事 大甲 媽祖 繞 境 預計 將 在 下 個 月 19 號 開始 然 外界 擔心 如此 高 人數 的 群 聚 活動 恐 成為 防疫 缺口 認為 需 為 民眾 安全 考慮 停辦 與否 然 鎮 瀾 宮 董事長 顏清標 卻 喊話 媽祖 會 保護 大家</t>
  </si>
  <si>
    <t>新冠肺炎 疫情 中斷 全球 人員 流動 航空 業 首當其衝 鑒於 疫情 尚未 趨 緩 長 榮 航 面對 一 年高 達 1959億 元 人事 成本 終於 也 扛不住 了 17 日 對內 宣佈 專案 無 薪 事假 與 放寬 留職停薪 申請 規定 長 榮 航 希望 員工 與 公司 攜手 度過 營運</t>
  </si>
  <si>
    <t>新冠肺炎 臺灣 wha who 邀請 臺灣</t>
  </si>
  <si>
    <t>全球 新冠肺炎 單日 新增 病例 才創 新高 一 名義 大利 傳染 科 醫生 卻 表示 他 相信 新冠 病毒 正在 減弱 而且 最終 不 需要 疫苗 也 能 自行 消失 紐約 郵報 new york post 引述 英國 周日 電訊報 sunday telegraph 報導</t>
  </si>
  <si>
    <t>網友 整理 臺灣 新冠肺炎 確診 地圖 臺北市 7 人 最 多</t>
  </si>
  <si>
    <t>臺灣 新冠肺炎 目前 共有 26 例 確診 案例 臺北市 長 柯文哲 屢屢 喊話 中央 公佈 確診 者 的 居住 地點 且 稱 不 知道 北市 是否 有 確診 者 有 網友 整理 衛福部 公開 資訊 統計 目前 臺北市 確診 者 共 7 人 是 全台 最 多 這 名 網友 稱 自己 是 台</t>
  </si>
  <si>
    <t>新冠肺炎 疫情 延 燒 前 中職 兄弟 象 總 教練 江仲豪 亦 受到 影響 他 所 任教 的 北京 北方工業大學 請 他 先 留在 臺灣 24 日 開學 後 在 網路上 佈置 教學 課程 即可 暫時 不 用 回校 這 是 他 擔任 北工大 棒球 指導 等同 外聘 教授 第 14 個</t>
  </si>
  <si>
    <t>新冠肺炎 疫情 延 燒 前 中職 兄弟 象 總 教練 江仲豪 亦 受到 影響 他 所 任教 的 北京 北方工業大學 請 他 先 留在 臺灣 24 日 開學 後 在 網路上 佈置 教學 課程 即可 暫時 不 用 回校 這 是 他 擔任 北工大 棒球 指導 等同 外聘 教授 第 14 個 學期 卻是 首次 碰到 這種 情形 江 仲豪 回憶 他 於 2013 年 10 月 獲 友人 引薦 帶領 8 名 臺灣 學子 前往 北工大 就讀 日文系 並 成為 棒球隊 骨幹 他 除了 是 棒球 指導 另 有 大陸 教練 也 要 教 壘球 這 批 學生 畢業 後 有 6 人 留在 大陸 到 基層 學校 或 球隊 教 球 帶 學子 登陸 成 球隊 骨幹 北工大 覺得 這種 兩岸 棒球 交流 方式 可行 前年 透過 中華 棒 協 再 送 去 18 位 學生 經 測試 與 適應環境 後 10 人 留下 仍 念 日文系 臺灣 學生 除了 學雜費 食宿 費用 全 免 每週 有 4 天 下午 須練球 練球 日 可獲 30 元 人民幣 補助 假日 還 可 外出 教 球 江 仲豪 因 棒球 底子 厚實 曾 任職棒 總 教練 這 幾 年 在 北工大 發展 得 不錯 校長 稱呼 他 為 江 教授 如同 外聘 教授 並 兼任 北京 大學生 棒 壘 協會 技術顧問 濟南市 棒 壘 協會 總 教練 長沙市 棒 壘 協會 技術 總 顧問 生活 充實 又 能 發揮所長 收入豐厚 又 能 發揮所長 回顧 棒球 人生 江仲豪 覺得 似乎 每 10 年 一個 週期 學生 棒球 10 年 業 餘 成 棒 10 年 職棒 10 年 接 著 僑居 紐約 再 返台 擔任 西苑 中學 教練 10 年 之後 轉至 康寧 大學 教 球 1 年 並 西進 大陸 轉眼 已 邁 入 第 7 年 人生 際遇 高低 起伏 難料 江仲豪 說 當年 鼓起勇氣 以 55 歲 高齡 北 漂 原本 不在 人生 規 畫 中 反而 闖 出 一 片 天 如今 已 62 歲 如果 覺得 夠 了 等 第二 批 臺灣 學生 畢業 剛好 西進 10 年 也許 就 告一段落 有始有終 不過 目前 江仲豪 很 有 成就感 且 能 為 兩岸 棒球 交流 盡些 心力 如果 學校 還 需要 我 一定 全力以赴 不 覺得 累 更 不 覺得 老</t>
  </si>
  <si>
    <t>新冠肺炎 北京 北方工業大學 棒球 指導 江仲豪</t>
  </si>
  <si>
    <t>接種 新冠 疫苗 bnt 新冠肺炎 臺灣</t>
  </si>
  <si>
    <t>興 櫃 股 安特羅 新冠肺炎 抗原 快 篩 試劑 取得 歐盟 認證</t>
  </si>
  <si>
    <t>新冠肺炎 疫情 波及 消防 警 政 機關 北市 萬 華警 分局 西門 町 派出所 2 名 陳姓 員警 其中 1 名 陳員 本月 19 日 施 打過 az 疫苗 後 因 曾 確診 者 有 過 接觸 遭 匡列 隔離 得知 消息 當晚 陳員 即 到 剝 皮 寮 快 篩 采 檢 結果 為 陰性 但 23 日 卻 接到 通</t>
  </si>
  <si>
    <t>新冠肺炎 疫情 波及 消防 警 政 機關 北市 萬 華警 分局 西門 町 派出所 2 名 陳姓 員警 其中 1 名 陳員 本月 19 日 施 打過 az 疫苗 後 因 曾 確診 者 有 過 接觸 遭 匡列 隔離 得知 消息 當晚 陳員 即 到 剝 皮 寮 快 篩 采 檢 結果 為 陰性 但 23 日 卻 接到 通知 pcr 核酸 檢測 陽性 另 1 名 陳姓 員警 則 是 快 篩 陽性 2 人 現 分 住 不同 飯店 隔離 當中 均 未 感覺 身體 不適 本月 13 日 西門 町 派出所 陳姓 員警 逮捕 竊 盜案 嫌犯 戒 護 人犯 到 分局 偵查隊 在 偵 訊 室內 與 另 一 名 確診 者 有 近 距離 接觸 事後 該 人犯 確診 陳員 因 密切接觸 遭 匡列 19 日 就 去 快 篩 衛生 單位 同時 也 采 檢 pcr 結果 23 日 出爐 陳員 為 陽性 陳 告訴 同事 覺得 身體狀況 良好 並未 有 感冒 失去 味覺 嗅覺 的 症狀 19 日 上午 還 配合 分局 接種 疫苗 預計 2 周後 接種 第 2 劑 另 1 名 陳姓 員警 19 日 因 身體 不 舒服 並未 接種 疫苗 經快 篩 為 陽性 現 仍 在 等候 pcr 結果 2 人均 入 住 飯店 隔離 當中 西門 町 派出所 共有 60 名 員 警 昨天晚上 已經 安排 37 人 到 和平醫院 快 篩 今天 也 將 陸續 采 檢 並 針對 辦公 處所 進行 消毒</t>
  </si>
  <si>
    <t>pcr 陳姓 員警 萬華 新冠肺炎 臺灣</t>
  </si>
  <si>
    <t>豆 府 2752 莫凡比 鬍鬚 張 等 8 家 餐飲業者 組成 8 國聯軍 抗 疫 聯盟 推出 聯名 居家 套餐 7 日 組 搶攻 自 煮 宅 商 機 業者 表示 聯盟 洽談 10 天 便 成軍 初期 目標 每週 銷售 100 200 組 首 階段 銷售 達 1000 組 若 反應 良好 參與 陣容 及 提供 產品 可 進一步 拓展 新冠肺炎 疫情 衝擊 消費者 來 店 消費 意願 使 餐飲業者 營運 面臨 嚴峻考驗 豆 府 表示 3 月 集團 來客 數 雖 與 去年同期 相當 但 低於 預期 逾 15 莫凡比 3 月 業績 年 減 達 3 成 樂檸 漢堡 3 月 來客 數 年 減 約 2 成 魔法 咖 哩 3 月 營 收 年 減 達 3 成 且 預期 4 月 狀況 仍 不 理想 莫凡比 總經理 方立寰 表示 此次 參與 的 8 家業 者 先前 均 已 推出 冷凍 料理 產品 對 此 發 想 組成 8 國聯軍 聯盟 且 洽談 10 天 便 成軍 由 莫凡比 負責 銷售 通路 及 配送 資源 盼 結合 眾家 力量 發揮 綜 效 擴大 目標 客群 及 潛 在 市場 商機 範疇 方 立 寰 表示 此次 聯名 居家 套餐 7 日 組 初期 目標 每週 銷售 100 200 組 首 階段 目標 銷售 達 1000 組 若 市場 反應 良好 將 進一步 拓展 參與 陣容 及 提供 料理 包括 馬辣 米哥 烘焙 野宴 燒肉 勝 博 殿 檀島 咖啡 等 業者 均 有 參與 意願 未來 亦可 能 加入 成為 生力軍</t>
  </si>
  <si>
    <t>餐飲業 新冠肺炎 疫情 業績 來客 數</t>
  </si>
  <si>
    <t>楊文科 新竹 新冠肺炎 臺灣 確診 者</t>
  </si>
  <si>
    <t>全球 新冠肺炎 疫情 風險 在 各國 啟動 解封 恢復 經濟 活動 後 再次 升溫 加上 國際貿易 戰 亦 重新 陷入 緊 繃 狀態 眾多 不 確定 因素 交錯 持續 推 升 金價 走 高 8 月 黃金 期貨 於 7 月 1 日 收盤價 達 每盎司 18005 美元 創 2011 年 9 月 以來 近 9 年 新高</t>
  </si>
  <si>
    <t>黃金 價格 高點 新冠肺炎 疫情</t>
  </si>
  <si>
    <t>新冠肺炎 疫情 日趨 嚴峻 宜蘭 縣長 林姿 妙 今 14 日 宣佈 即日起 宜 蘭縣 禁止 縣 內 各 宗教團體 舉行 繞 境 廟會 等 活動 跨縣 市 的 進香 活動 全部 取消 或 延後 如果 是 外縣市 要 進入 宜蘭 縣 進香 甚至 繞 境 縣府 將 會 駁回 路權 申請 並 通知</t>
  </si>
  <si>
    <t>新冠肺炎 疫情 日趋 严峻 宜兰 县长 林姿 妙 今 14 日 宣布 即日起 宜 兰县 禁止 县 内 各 宗教团体 举行 绕 境 庙会 等 活动 跨县 市 的 进香 活动 全部 取消 或 延后 如果 是 外县市 要 进入 宜兰 县 进香 甚至 绕 境 县府 将 会 驳回 路权 申请 并 通知 县 内 各 宫庙 对于 最近 要到 宜 兰县 的 进香团 予以 劝导 取消 宜 兰 14 日 新增 1 例 确诊 案例 目前 居家 隔离 总数 达 206 人 为 进一步 切断 病毒传播 链 避免 各 宗教 活动 造成 群 聚 宜兰 县长 林姿 妙 宣布 即日起 至 6 月 8 日 止 禁止 宜兰 县 各 宗教团体 办理 绕 境 及 庙会 相关 活动 如果 有 宫 庙 已 安排 跨县 市 进香 活动 则 全面 取消 或 延后 此外 曾在 5 月 9 日 10 日 涉足 大 地球 游艺场 与 巨 城 电 玩 民众 县府 将 发送 简讯 通知 筛 检 提醒 接收 到 简讯 的 民众 务必 每天 量 体温 落实 戴 口罩 勤洗手 避免 出入 人潮 拥挤 的 场所 县府 卫生局 也 会 尽快 连络并 安排 前往 医院 筛 检</t>
  </si>
  <si>
    <t>繞 境 宜蘭 縣 廟會 縣府 新冠肺炎</t>
  </si>
  <si>
    <t>美國 醫療 研究 團隊 開始 進行 新冠肺炎 疫苗 的 臨床 試驗 16 日 在 美國 重災區 華盛頓州 展開 第一 批 病 患 注射 疫苗 研發 進度 領先 全球 根據 美聯社 報導 華盛頓 研究 中心 kaiser permanente washington research institute 於 16 日</t>
  </si>
  <si>
    <t>delta 變異 株 秘魯 祖孫 新冠肺炎 臺灣 朱學 恒</t>
  </si>
  <si>
    <t>臺灣 防疫 成績 有目共睹 26 日 27 日 都 沒有 新增 確診 病例 海軍 敦睦 艦隊 病例 停留 在 31 例 不過 網友 也 好奇 這些 海軍 官兵 4 月 1415 日 放假 後 不少 人 直奔 摩 鐵 和 女友 約會 但 至今 仍 沒 傳出 這些 接觸 物件 有人 確診 國內 連續 兩 日 0 確診 連 15 天 無 本土 個案 但 防疫 仍 不能 鬆懈 尤其 接下來 的 五 一連 假 是 另 一 波 防疫 關鍵 海軍 敦睦 艦隊 確診 人數 維持 31 例 目前 尚未 傳出 接觸 者 確診 ptt 網友 熱 議 確診 軍人 女友 都天生 神力 照理 來說 新冠肺炎 傳染 力 強 當 出 好幾 個 軍人 一下 船 就 去 找 女友 到 摩 鐵 兩三 小時 總 不可能 戴 口 罩蓋 棉被 純 聊天 吧 如果說 一兩 個 天生 神力 沒 確診 但 海軍 趴 趴 走 完全 沒事 是不是 有點 不合 邏輯 阿 有 網友 推測 報導 可能 有誤 並非 確診 者 都有 發生 性行為 而 確診 官兵 本身 的 傳染 力 也 是 問號 陽性 不 等於 有 很 強 的 傳染 力尤其 體內 說不定 已 有 抗體 在 打仗 采 檢 到 的 病毒 不 一定 有 活性 且 從 放 人 到 召回 約 48 小時 危害 其實 不 一定 比 想像中 的 大 其他人 表示 什麼 神力 就是 在 船上 互相 感染 又 痊癒 啊 很 幸運 不行 嗎 年輕人 症狀 都 比較 輕微 沒 驗 就 不 算 確診 只 是 新冠 病毒 潛伏期 達 14 天 有人 則 認為 高興 的 太 早 了 吧 另外 世界衛生組織 who 曾 指出 卡介苗 似乎 降低 兒童 的 死亡率 在 接種 的 第一 年 可 預防 約 30 的 已 知 病原體 病毒 比利時 醫學 網站 lesp cialiste 也 曾 提到 卡介苗 雖 無法 直接 預防 新冠肺炎 但 可 增強 免疫力 因 此 不少 網友 說 可能 是 卡介苗 發 威</t>
  </si>
  <si>
    <t>交通部觀光局 表示 自 4 月 16 日 起 發佈 觀光 產業 紓困 20 方案 提供 營運 及 薪資 補貼 申請 截至 5 月 14 日 止 已 核撥 416億 元 將 持續 加速 核撥 補助 協助 業者 共度 難關 並 呼籲 業者 儘早 在 受理 期限內 提出 申請 新冠肺炎 疫情 延 燒 全</t>
  </si>
  <si>
    <t>交通部觀光局 表示 自 4 月 16 日 起 發佈 觀光 產業 紓困 20 方案 提供 營運 及 薪資 補貼 申請 截至 5 月 14 日 止 已 核撥 416億 元 將 持續 加速 核撥 補助 協助 業者 共度 難關 並 呼籲 業者 儘早 在 受理 期限內 提出 申請 新冠肺炎 疫情 延 燒 全球 致使 來 台及 出國 旅客 自 2 月 起 一路 驟減 初 估 至 4 月 已 驟減 達 99 使 觀光 產業 成為 海嘯 第一 排 艱 困 中的 艱 困 產業 觀光局 對 此 全體 總動員 並 簡化 審核 及 認定 標準 加速 核撥 流程 在 2 周內 大幅 提升 核撥 績效 以 達到 及時 紓困 目標 觀光局 指出 截至 14 日 觀光 產業 薪資 補貼 已 核撥 238億 元 受惠 65005 人 占 受理 數 比重 已 達 84 觀光 產業 營運 補貼 已 核撥 10296 家 178億 元 核撥 家數 及 金額 分 達 受理 數 的 91 及 72 此外 薪資 補貼 營運 補貼 停止 出 入團 補助 的 待補 件數 目前 分別 有 2284 件 93 件 5975 件 觀光局 表示 目前 正派 專人 處理 中 將 盡 速 完成 補 件 並 撥付 款項 以 解 業者 燃眉之急 觀光局 指出 導遊 領隊 及 領 團 人員 生計 費用 補貼 申請 受理 至 5 月 31 日 止 觀光 產業 營運 及 薪資 補貼 受理 申請 則 至 6 月 30 日 止 逾期 提出 申請者 將 不予 受理 呼籲 業者 儘早 於 期限內 提出 申請 此外 觀光局 提醒 若 已 請領 其他 部會 提供 受 疫情 影響 等 性質 相同 補貼 依 規定 不 得 重複 申請 如 觀光局 導遊 領隊 及 領 團 人員 生計 費用 補貼 勞動部 無 雇主 薪資 補貼 二者 僅 能 擇 一 請領 撥款 前 將 與 其他 部 會同 性質 補助 補貼 名單 相互 比對 若 重複 申請 將 不 會 發給</t>
  </si>
  <si>
    <t>交通部 觀光局 新冠肺炎 觀光 產業 薪資</t>
  </si>
  <si>
    <t>新冠肺炎 臺灣 宗教團體 新北 市 捐贈</t>
  </si>
  <si>
    <t>陳時中 采 檢 入境 普 篩 pcr 新冠肺炎</t>
  </si>
  <si>
    <t>5 月中 旬 一 名 新冠肺炎 確診 孕產婦 在 臺北 慈濟 醫院 團隊 的 幫忙 下 插管 後 進行 剖腹產 所幸 母嬰 均 安 疫情 嚴峻 時刻 讓 不少 孕產婦 開始 擔憂 我 能 打 疫苗 嗎 我 該 打 什麼 疫苗 婦產科 醫師 說 可以 不過 建議 孕產婦</t>
  </si>
  <si>
    <t>康健 雜誌 新冠肺炎 臺灣 孕婦 產婦</t>
  </si>
  <si>
    <t>新冠肺炎 市府 紓困 商圈 牌照稅</t>
  </si>
  <si>
    <t>新冠肺炎 臺灣 莫德納 第二 劑 主動脈 剝離</t>
  </si>
  <si>
    <t>新冠肺炎 肺炎 防疫 野味 市場</t>
  </si>
  <si>
    <t>武漢 仍 因 新冠 病毒 疫情 持續 封城 為 平息 武漢 民怨 浙江 政壇 出身 的 中共中央 政法委 秘書長 陳一新 於 8 日 臨危 受 大陸 中央 命令 南下 湖北 整治 中央政法委 並於 近日 公開 了 陳一新 與 武漢 各區 一把手 的 群聊 記錄 陳一新 向 武漢 官員 約法三章 要求 武漢 各區 對 新冠肺炎 感染者 應收 盡 收 完成 中央 交付 的 任務 否則 會 對 沒 完成 任務 的 幹部 絕不 手軟 面對 當前 湖北 新冠肺炎 感染 人數 死亡 人數 居高不下 的 局面 陳一新 擔任 於 8 日 趕赴 湖 北後 便 在 與 武漢 各區 區委書記 區長 組成 的 微信 工作 群 裡 披露 他 已經 履 新 中央 指導組 副 組長 他 在 群 組裡 表示 我 是 陳一新 又 回到 你們 中間 來 了 黨中央 決定 我 擔任 中央 指導組 副 組長 又 能 與 你們 一同 戰鬥 了 回 湖北 武漢 為 湖北 武漢 人民 辦 實事 處理 急事 這 是 我 的 責任 實行 1 小時 通報制度 據 聊天記錄 陳一新 告誡 武漢 當地 官員 全面 對 重症 病患 應收 盡 收 刻不容緩 這 是 中共 總書記 習近平 提出 的 明確要求 是 一道 不折不扣 要 執行 到位 的 命令 是 一 條 底線 是 一個 軍令狀 沒有 討價還價 的 餘 地 陳一新 也 約法三章 建立 責任 機制 震懾 武漢 官場 一 是 實行 一 小時 通報制度 各區 每 隔 一 小時 要 向省市 指揮部 報告 一 次 進展 情況 碰到 什麼 新 問題 難題 都 要 即時 如實 彙報 各區 對 街道 也 要 建立 這樣 的 制度 環環 緊 扣 步步 緊逼 絕不能 掉 鏈子 二 是 領導 幹部 要 下沉 包乾 建立 靠 前 指揮 機制 市級 區級 幹部 要 與 基層幹部 並肩作戰 三 是 建立 激勵 問 責 機制 要以 結果 論 英雄 把 完成 應收 盡 收 任務 作為 考察幹部 完成 急難險重 任務 能力 評價 幹部 政治覺悟 和 素質 的 重要依據 對 沒有 完成 任務 的 要 動 真格 不 手軟 視 情 依紀 依 規 嚴肅 問 責 坐鎮 疫情 最 嚴重 區域 1959 年 出生 的 陳一新 本 為 浙江 官員 出身 2015 年 由 溫州市委 書記 調任 新 成立 的 中央 全面 深化 改革 領導小組辦公室 專職 副 主任 並于 2016 年 南下 湖北 任 省委 副 書記 兼任 武漢市委 書記 2018 年 3 月 再 調任 中央政法委 委員 秘書長 其 曾 任職 過 的 武漢 溫州 正是 目前 新冠 病毒 疫情 最 嚴重 的 區域</t>
  </si>
  <si>
    <t>新冠肺炎 疫情 確診 美國 cdc</t>
  </si>
  <si>
    <t>瑞麗 核酸 檢測 雲南 瑞麗 新冠肺炎 大陸</t>
  </si>
  <si>
    <t>新冠肺炎 疫情 升溫 全球 多 地 都 為了 提高 防疫 層級 鼓勵 在家 工作 work from home wfh 讓 各地 湧現 遠 距 辦公 需求 也 讓 不少 線 上 會議 團隊 協作 工具 成為 討論 焦點 其中 視 訊 軟 體 zoom 就 是 其一 然而 在 大量 使用者 湧 向 zoom</t>
  </si>
  <si>
    <t>新冠肺炎 疫情 升溫 全球 多 地 都 為了 提高 防疫 層級 鼓勵 在家 工作 work from home wfh 讓 各地 湧現 遠 距 辦公 需求 也 讓 不少 線 上 會議 團隊 協作 工具 成為 討論 焦點 其中 視 訊 軟 體 zoom 就 是 其一 然而 在 大量 使用者 湧 向 zoom 的 同時 這 一 款 軟 體 的 安全性 也 被 放大 檢 視 結果 竟然 被 發現 zoom 會 自動 傳送 使用者 資料 給 facebook 引爆 爭議 對此 zoom 官方 已 在 官 網上 提出 聲明 並且 在 近期 更新 了 ios 版 app zoom 在 2019 年 7 月份 曾 爆出 爭議 mac 版 軟 體 被 發現 安裝 zoom 時會 植 入 一個 隱藏 的 網路 伺服器 且 當 使用者 在 mac 當中 移除 zoom 後 這個 隱藏 的 網路 伺服器 仍舊會 存在 電腦 中 讓 駭 客 有 機會 駭 入 使用者 電腦 的 視 訊 鏡頭 以及 麥克風 對於 隱私 等 領域 可能 產生 危機 在此之後 zoom 以及 蘋果 方面 都 緊急 推 送 了 更新 來 修補 軟 體 漏洞 而 近日 zoom ios 版 又 爆發 了 隱私 爭議 motherboard 網站 發現 zoom ios 版本 運用 了 facebook 軟 體 開發 套件 sdk 來 提供 使用者 可 透過 facebook 帳 號 來 登 入 zoom 的 功能 但是 這 也 讓 zoom ios 版 會 向 facebook 主動 發送 使用者 所在 時區 城市 設備 訊息 等 資料 而 這些 分享 資料 的 過程 並 沒有 向 使用者 公開 揭露 因此 再度 引爆 隱私 爭議 對於 爆發 隱私 爭議 zoom 透過 官網 聲明 他們 並 沒有 出售 使用者 的 資料 也 沒有 相關 的 意圖 並且 指出 先前 他們 並 沒有 意識 到 運用 facebook sdk 時 會 讓 ios 版本 的 zoom 向 facebook 傳送 一些 不 需要 被 蒐集 的 額外 資料 例如 使用者 所在 時區 作業系統 版本 設備 型號 電信 商 設備 螢 幕 尺寸 等 資料 zoom 指出 與 線 上 會議 有關 的 重要 資訊 例如 參加者 參與者 名稱 等 資訊 並 沒有 與 facebook 方面 分享 為了 消 彌 使用者 的 疑慮 zoom 方面 已經 幾 天 之前 緊急 更新 了 ios 版本 更新 後 將 不 會 再 向 facebook 傳送 資訊 在 zoom 更新 後 不再 使用 facebook sdk 但 仍舊 保留 可 使用 facebook 帳 號 來 登 入 的 功能 zoom 方面 指出 臺灣 時間 在 3 月 28 日 早上 5 30 太平洋 時間 3 月 27 日 下午 2 30 之後 zoom ios 版本 就 已經 釋出 最新更新 並 建議 使用者 都 要 更新 zoom 的 免費 版本 的 視 訊 會議 上線 人數 為 10 人 新冠肺炎 疫情 期間 免費 版 上限 提高 至 100 人 但 一 次 會議 的 最 長 連 線 時間 仍 是 40 分鐘 zoom 手機 版 以及 電腦 版 在 進行 視 訊 會議 的 期間 都 可以 分享 螢 幕 畫面 來 進行 簡報 或是 教學 並且 發起 會議 者 可以 控制 與會者 進入 會議 時 能否 開啟 音訊 對於 掌握 會議 品質 來說 更 有 效率</t>
  </si>
  <si>
    <t>雲 林縣 北港鎮 公所 與 北 港 朝 天宮 針對 4 月香 盛 期 規 畫 一系列 防制 新冠肺炎 疫情 與 登革熱 消毒 計 畫 繼 16 日 白 沙屯 媽祖 到 北 港 進香 後 接下來 還有 彰 化 南瑤 宮 進香 北 港 媽祖 繞 境 加上 天氣 逐漸 炎熱 為了 避免 2 種 疫情 同時 暴發</t>
  </si>
  <si>
    <t>先前 曾在社 群 媒體 上 高調 痛 批 老媽 幫 川普 工作 毀 了 自己 一生 前 白宮 顧問 凱莉安 康威 kellyanne conway 外 型亮 眼 但 性格 嗆 辣 的 女兒 克勞蒂亞 claudia conway 4 日 宣佈 自己 也 感染 了 新冠肺炎 值得注意 的 是 克勞蒂</t>
  </si>
  <si>
    <t>女兒 川普 顧問 凱莉安 康威 新冠肺炎</t>
  </si>
  <si>
    <t>mlb 大 聯盟 美國 2021 年 新冠肺炎</t>
  </si>
  <si>
    <t>3 月 陸續 將 有 許多 媽祖 進香 活動 對於 是否 延期 或 停辦 引發 高度 關注 苗栗 縣長 徐耀昌 26 日 表示 媽祖 是 慈悲 的 不要 因為 廟會 若 萬一 有 漏洞 造成 恐慌 得不償失 到時候 把 責任 歸屬于 媽祖 也 不對 26 日 徐耀昌 指出 防疫 是 整體 的 中央 與 地方 皆 有 設 應變 中心 縣府 一定 尊重 中央 的 想法 與 看法 媽祖 是 慈悲 的 不要 因為 參加 廟會 活動 產生 漏洞 造成 恐慌 不僅 得不償失 把 責任 推 給 媽祖 也 是 不對 他 說 絕對 尊重 宗教信仰 自己 也 為 媽祖 信徒 但要 因地制宜 各 單位 進行 防疫 工作 以 滴水不漏 為 目標 徐耀昌 表示 廟會 造成 眾人 恐慌 不管 流感 或是 新冠肺炎 疫情 都 不 允許 發生 任何 意外 盼 縣 內 為 0 確診 持續 做好 防疫 工作 讓 苗栗 平安 順利 迎接 未來 的 健康 生活</t>
  </si>
  <si>
    <t>32 歲 男 星 急性 敗血症 病逝 友 慟 因 新冠肺炎 延誤 黃金 治療 期</t>
  </si>
  <si>
    <t>繼 昨 19 日 傳出 韓國 36 歲 男 星 文智允 驟 逝 後 又 傳出 參加 臉 贊 時代 的 32 歲 男 星 李治熏 又 譯 李治訓 也 因 急性 敗血症 過世 bj seya 稍 早 在 直播 透露 李治熏 幾 天 前 就 喊 不 舒服 急診室 以 控制 疫情 為由 第一時間 拒收 確認 不是 新冠肺炎 才 肯 讓 李治熏 住院 但 已 延誤 了 黃金 治療 期 李治熏 11 年前 參加 直播 演藝 inside 出道 9 年前 出演 綜藝節目 臉 贊 時代 花美男 株式會社 因 某些 角度 酷似 super junior 成員 金希澈 走紅 據 韓媒 報導 昨 上午 李治熏 因 急性 敗血症 離開 人世 身邊 親友 透露 李治熏 幾 天 前 就 感覺 身體 不適 發燒 接受 新冠肺炎 檢測 後 結果 是 陰性 未感染 但 不久 後 病情 就 加重 轉入 加 護 重症 病房 最後 仍 不幸 病逝 和 李治熏 是 好友 的 bj seya 稍 早 在 直播 談 這 件 事 難過 直 呼 治 熏 哥 真的 是 非常 好 的 哥哥 不 知道 老天 為什麼 要 帶走 這麼 善良 的 人 並 透露 因 疫情 嚴重 李治熏 的 媽媽 決定 不 幫 兒子 辦 喪禮 只 舉行 入殮 儀式 而 李治熏 在 13 日 就 曾在 直播 中 寫 下 因 淋巴腺 發炎 看 了 醫生 今天 還 是 感覺 不 舒服 希望 不是 新冠肺炎 因 拿 滑鼠 的 力氣 都 沒有 只能 用 文字 這樣 通知 大家</t>
  </si>
  <si>
    <t>國內 新冠肺炎 患者 陸續 康復 出院 但 近期 卻 出現 了 出院 後 又 複 陽 的 4 名 案例 醫師 表示 新冠肺炎 確診 者 出院 後 病毒 量 已 相當 低 因 家屬 是 患者 長 時間 接觸 的 人 在 出院 後 的 7 天 自主 管理 期間 應 避免 過度 接觸 若 沒有 獨立 的 衛</t>
  </si>
  <si>
    <t>新冠肺炎 臺灣 孕婦 采 檢 新竹 縣</t>
  </si>
  <si>
    <t>歐 陸44 國 全數 被 新冠肺炎 疫情 入侵 金管會 統計 到 今年 1 月底 國內 銀行 保險 及 證券 對 歐洲 曝 險 金額 達 新 台幣 4 兆 9190億 元 比 去年 1 月 增加 2118億 元 據 銀行局 統計 國銀 在 歐洲共 有 十 處 據點 國銀 對 歐洲 授信 金額 到</t>
  </si>
  <si>
    <t>歐 陸44 國 全數 被 新冠肺炎 疫情 入侵 金管會 統計 到 今年 1 月底 國內 銀行 保險 及 證券 對 歐洲 曝 險 金額 達 新 台幣 4 兆 9190億 元 比 去年 1 月 增加 2118億 元 據 銀行局 統計 國銀 在 歐洲共 有 十 處 據點 國銀 對 歐洲 授信 金額 到 今年 1 月 有 2892億 元 去年同期 則 是 2524億 元 即 授信 仍 有 成長 另外 銀行 對 歐洲 投資 金額 有 6368億 元 也 比 去年同期 5807億 元 增加 保險業 對 歐洲 主要 是 投資 股 債 不動產 等 據 保險局 統計 到 今年 1 月底 保險業 對 歐洲 投資 金額 達 新 台幣 3 兆 9060億 元 比 去年同期 的 3 兆 8186億 元 增加 874億 元 估計 歐洲 投資 約 占 保險業 海外投資 的 兩 成 左右 至於 證券業 對 歐洲 投資 金額 據 證 期 局 統計 到 1 月底 有 新 台幣 86985億 元 也 比 去年同期 的 新 台幣 555億 元 增加 增幅 近 57 美國 依舊 是 金融業 海外 最 大 的 曝 險地 這 波 也 被 新冠肺炎 波及 金融業 到 今年 1 月 對 美國 曝 險 金額 共 新 台幣 8 兆 1275億 元 其中 主要 還 是 保險業 的 投資 曝 險 額 共 新 台幣 6 兆 7256億 元 較 去年同期 增加 3752億 元 主因 美國 債券 是 壽險業 最 大 海外投資 標的 若 美國 資本 市場 波動 壽險業 會 受 較 大 影響 銀行業 對 美國 曝 險 金額 亦 有 新 台幣 1 兆 2 792億 元 比 去年同期 增加 1284億 元 但 銀行 對 美國 相關 授信 金額 是 3855億 元 比 去年同期 減少 457億 元 增加 的 也 是 投資 面 曝 險 金額 8937億 元 較 去年同期 大 增 1741億 元 主要 是 不少 銀行 趁 債市 多頭 加碼 不少 美元 債券 證券業 對 美國 曝 險 新 台幣 122697億 元 較 去年同期 的 64922億 元 增加 近 89</t>
  </si>
  <si>
    <t>美 網 女雙 頭號 種子 茉 蘭登 諾維奇 kristina mladenovic 芭 波 絲 timea babos 的 組合 因為 新冠肺炎 疫情 而 遭 淘汰 開賽 幾 個 小時 之前 茉 蘭登諾維 奇才 接到 隔離 通知 她 是 法國 同胞 帕爾雷 benoit paire 的 7 位 接觸 者 之一</t>
  </si>
  <si>
    <t>美 網 女雙 頭號 種子 茉 蘭登 諾維奇 kristina mladenovic 芭 波 絲 timea babos 的 組合 因為 新冠肺炎 疫情 而 遭 淘汰 開賽 幾 個 小時 之前 茉 蘭登諾維 奇才 接到 隔離 通知 她 是 法國 同胞 帕爾雷 benoit paire 的 7 位 接觸 者 之一 帕爾雷 賽前 被 驗 出 感染 新冠 病毒 這個 裁定 令 人 傻眼 茉 蘭登諾維奇 先前 還 被 允許 參加 單打 她 在 第二 輪 敗 戰 的 時候 就 抱怨 過 防疫 措施 太 嚴格 現在 她 連 雙打 也 泡湯 了 茉 蘭登 諾維奇 曾 與 帕爾雷 練 球 1 小時 後來 在 飯店 有 相處 40 分鐘 倒 楣 的 是 匈牙利 女將 芭 波 絲 她 因為 失去 雙打 搭檔 也 被迫 退 賽 美國 網協 聲明 拿 索郡 nassau county 的 公衛 部門 向 長 時間 近 距離 接觸 感染者 的 人 發出 隔離 通知 禁止 這些 選手 再 接近 比莉 珍 金 網球 中心 美 網 賽場 美國 網協 必須 遵從 州政府 市政府 郡 政府 的 指示 受到 隔離 的 人 期限內 只能 留在 自己 的 飯店 房間 正如 喬柯 維奇 novak djokovic 所 抱怨 的 美 網 防疫 關卡 重重 紐約市政府 州政府 相繼 介入 這次 是 輪到 拿 索郡 發出 公告 把 茉 蘭登 諾維奇 關在 房間 既然 是 地方 政府 的 命令 美國 網協 也 無可奈何 因為 選手 就 住 在 拿 索郡</t>
  </si>
  <si>
    <t>新冠肺炎 疫情 搶購 統一 佳 格</t>
  </si>
  <si>
    <t>胡扯新冠肺炎 定名 sari 刑事 局 逮 假 訊息 張貼 者</t>
  </si>
  <si>
    <t>刑事 局 偵查 第一 大隊 日前 接 獲 衛福部 通報 ptt 網站 有人 張貼 新冠肺炎 已經 定名 為 sari 的 不實 訊息 案 警方 立刻 展開 偵 辦 循線 查出 ptt 網站 用戶 39 歲 郭姓 男子 真實 身分 發現 郭嫌 系 接 獲 友人 傳送 上述 疫情 訊息 後 未經 詳實</t>
  </si>
  <si>
    <t>去年此時 我 曾 寫 過 一 篇文章 一月 的 啜泣 當時 新冠肺炎 剛 起 中國 疫情 大 爆發 小年 夜 武漢 封城 接 著 是 廣東 溫州 都成 重災區 每天 感染 和 死亡 人數 都 增加 3 成 以上 搶 口罩 已成 日常 那時 還 不知 是否 會 蔓延 世界 而今 世</t>
  </si>
  <si>
    <t>ic 通路商 文 曄 3036 2019 年 全年 淨利 253億 元 每股 盈 餘 eps 432 元 董事會 通過 盈 餘 分配 案 預計 提撥 現金 股利 1645億 元 若以 目前 在外 流通 普通 股數 計算 每股 現金 股利 278 元 亦 改寫 四 年 來 新高 若以 14 日 收盤價 3825 元 計算 初 估 現金 殖 利率 逾 7 文 曄 2 月 15 日 召開 董事會 通過 109 年度 股東 常會 議案 預計 於 3 月 27 日 開 股東 常會 而 會 中 除了 盈 餘 分配 案 之外 將 新增 一 名 獨立 董事 同時 也 計畫 辦理 私 募 17億 股 是否 為 稀釋 大 聯大 股權 引發 市場 聯想 空間 為 提升 營運 績效 及 擴大 營運 規模 文曄 擬 辦理 私 募 特別 股 與 普通股 藉 以 引進 長期 策略 投資人 對象 需 符合 可 協助 強化 公司 客戶 結構 產品組合 及 市場 行銷 能力 條件 而 目前 尚 無 任何 特定 物件 此外 為 充實 營運 資金 償還 銀行借款 改善 財務結構 也 擬 辦理 現金 增資 同時私 募 和 現 增 合計 不 超過 17億 股 增資 案 需 經 股東 常會 通過 將 依 營運 需求 決定 是否 發行 發行 時間 點 及 實際 金額 數量 值得一提的是 目前 ic 通路 龍頭 大 聯大 持有 文曄 約 177億 股 持 股 比重 三 成 左右 文曄 擬 私 募 和 現 增 約 17億 股 假設 順利 達成 目標 大 聯大 持 股 比重 將 降 至 兩 成三 因此 有 市場 專家 解讀 文曄 此舉 所為 稀釋 大 聯大 股權 以 強化 公司 股東 結構 對此 大 聯大 不 表示 意見 再者 文曄 為 提升 公司 治理 董事會 新增 一 席 獨 董 候選人 丁克華 其 不僅 在 政治 大學 emba 開 授 公司 治理 課程 亦 曾任證 期會 集 保 公司 櫃 買 中心 董事長 與 金管會 主委 現任 臺灣 高鐵 與 華安 醫學 獨董 目前 資格 條件 已經 董事會 審查 將 提請 股東 常會 選任 近期 新冠肺炎 肆虐 全球 文曄 認為 疫情 或 將 加速 供應 鏈轉移 與 分散 的 趨勢 ic 通路 業 的 重要性 不言而喻 尤其 5 g 和 人工智慧 ai 將 帶動 半 導體 中長期 龐大商 機 此 番 新增 獨董 辦理 私 募 及 現 增 等 是 為 創造 長期 股東 利益 最大化</t>
  </si>
  <si>
    <t>經過 一個 多 月 的 抗 疫 大陸 28 日 本土 病例 零 新增 新增 的 33 例 病例 均 為 境外 輸入 病例 目前 大陸 僅剩 1 地 為 高風險 地區 另 有 17 個中 風險 地區 據 大陸 國家 衛健 委 通報 大陸 28 日 新增 境外 輸入 病例 包括 雲南 17 例 上海 5 例 天津 4 例 廣東 3 例 江蘇 2 例 福建 和 四川 各 1 例 另 新增 20 名 無 症狀 感染者 均 為 境外 輸入 目前 大陸 有 1259 名 患者 留 院 治療 其中 9 人 為 重症 病例 前 陣子 疫情 嚴峻 的 河南省 商丘市 虞城縣 人民醫院 東 院區 虞城縣 穀熟鎮 劉 大莊 村委 何 莊村 自 29 日 淩晨 開始 疫情 風險 等級 由 高風險 地區 調整 為 中 風險 地區 據 微信 公眾 號 雲南 發佈 消息 雲南省委 副 書記 省長 王予波 27 日 至 28 日 率隊 到 近日 再 出現 本土 疫情 的 雲南 瑞麗市 檢查 疫情 處置 工作 並 強調 必須 兌現 迅速 清零 且 不講條件 不 講 價錢 據 統計 瑞麗市 25 日 新增 3 例 本土 病例 27 日 新增 1 例 本土 病例 而 大陸 本輪 疫情 的 爆發 源頭 南京 祿口 機場 日前 經 江蘇省政府 同意 南京市 疫情 聯防 聯控 指揮部 成立 祿 口 機場 地區 新冠肺炎 疫情 聯防 聯控 指揮部 受 南京市 疫情 防控 指揮部 統一 領導 江蘇省委 常委 南京市委 書記 韓立明 表示 回顧 此次 疫情 的 發生 和 處置 無論 經驗 和 教訓 都 告訴 大家 必須 發現 早 處置 快 需 以 快 制 快 做到 一旦 出現 從 0 到 1 的 零星 散發 病例 也 能 杜絕 從 1 到 100 的 擴散 此外 28 日 晚間 中國紅十字會 向 泰國 紅十字會 援助 的 10萬 劑 大陸 國藥 疫苗 運 抵 泰國 首都 曼谷 中國紅十字會 稱 新冠肺炎 疫情 發生 以來 中泰 兩 國共 克 時艱 守望相助 此次 向 泰國 援助 的 疫苗 將 支持 泰國 有效 展開 疫情 防控 維護 泰國 人民 生命 健康 安全 並 表示 希望 通過 提供 疫苗 援助 不斷 為 全球 團結 協作 戰勝 疫情 作出 新 貢獻</t>
  </si>
  <si>
    <t>受 新冠肺炎 肆虐 導致 全球 能源 消費 銳減 加上 沙烏地 阿拉伯 與 俄羅斯 為 爭奪 市 占 大舉 向 市場 傾銷 石油 北美 石油 生產商 在 苦 無 買家 下 被迫 關閉 油井 面臨 取消 的 訂單 不斷 增加 美國 石油業 者 texland petroleum 最近 決定 關閉 旗</t>
  </si>
  <si>
    <t>受 新冠肺炎 肆虐 導致 全球 能源 消費 銳減 加上 沙烏地 阿拉伯 與 俄羅斯 為 爭奪 市 占 大舉 向 市場 傾銷 石油 北美 石油 生產商 在 苦 無 買家 下 被迫 關閉 油井 面臨 取消 的 訂單 不斷 增加 美國 石油業 者 texland petroleum 最近 決定 關閉 旗 下 1211 口 油井 為 5 月 的 停產 行動 預 做 準備 位於 德州 每日 產 能 為 7千 桶 的 texland 總裁 魏克思 jim wilkes 表示 他們 過去 從未 做 過 這樣 決定 自 1973 年 來 曾多次 度過 石油危機 的 該 公司 表示 即使 價格 很 低 我們 總 有 辦法 賣出 石油 但 如 texland 卻 撐不下去 了 由於 開採 的 石油 找 不 到 任何 買家 導致 關閉 油井 已 成為 它 惟一 的 選擇 該 公司 目前 除了 把 該 決定 告知 主管機關 還 向 美國 中小企業局 的 薪資 保護 計畫 申請 貸款 以 確保 73 名 員工 不 被 裁員 從 西 德州 西部 沙漠 到 加拿大 西部 荒野 這些 地區 以往 是 北美 的 石油 開採 的 心臟地帶 如今 卻 因 新冠肺炎 影響 導致 全球 能源需求 大幅 下滑 此時 又 遭遇 沙俄 為 搶奪 市場 相繼 增產 導致 北美 石油 開採業 者 陷入 存亡 關頭 隨 著 工廠 關閉 飛機 停 飛 與 數 十億 民眾 居家 避 疫 分析 師 預期 石油 消費 每日 至少 減少 2千萬 桶 約 占 全球 需求 兩 成 美國能源 署 指出 4 月初 美國 石油 消費 下滑 兩 成 到 30 年 低點 該 期間 時 油 庫存 增加 則 創下 有 史來 最 大 單 周 紀錄 在 生存 處境 日益 艱難 下 減產 成為 美國 石油業 者 被迫 採取 的 措施 據 貝克休斯 油田 服務公司 統計 美國 開採 油井 數目 已 從 一個 月 前 的 近 8百 座 減至 6百 座</t>
  </si>
  <si>
    <t>bnt 疫苗 最 快 9 月 登臺 國內 施打 疫苗 年齡 可望 降 至 12 歲 產險 公司 超前 部署 多 家 產險 公司 陸續 下 修 疫苗 險 投保 年齡 國泰 和 泰 新安 東京 海上 產險 等 抱 持 防疫 不 設限 態度 已 進一步 取消 投保 年齡 下限 不論 學生 嬰幼兒 身分 現在 都買得 到 疫 險 據 金管會 統計 廣義 防疫 險 含 疫苗 險 投保 率 已 突破 4 成 但 保單 設計 初期 配合 施打 年齡 的 關係 投保 年齡 多 限制 20 至 75 歲 新安 東京 海上 產險 副總 呂文泉 表示 新冠肺炎 有 流 感化 的 趨勢 隨 疫苗 不斷 進化 未來 小孩 老人 都得 優先 施打 疫苗 險 保費 平易近人 保費 多 只 要 100200 元 旺 旺 友聯 產險 針對 小資 族 推出 年 保費 只 要 81 元 的 疫苗 險 既然 保費 便宜 和 泰 產險 個人保險 處 顏思 齊副總經理 表示 最好 一 次 滿足 各 年齡層 搞 定 全家老小 的 保障 和 泰 產險 不僅 取消 疫苗 險 的 投保 年齡 下限 也 同步 提高 投保 年齡 上限 至 85 歲 即 開放 為 0 歲 至 85 歲 皆 可 投保 疫苗 險 由於 疫苗 險 一 年 一 保 由於 疫苗 施打采 預約 制 旺 旺 友聯 產險 建議 待 疫苗 確定 施打 日期 的 前 23 天 自行 上網 投保 即可 由於 投保 手續 簡單 隔日 保單 就 生效</t>
  </si>
  <si>
    <t>受到 油價 崩 跌 流動性 風險 以及 新冠肺炎 疫情 于 歐美地區 快速 蔓延 的 影響 3 月份 中國 滬 深 300 以及 創業 板 指數 均 下跌 9 12 且 基於 海外 疫情 以及 流動性 風險 影響 歐美地區 經濟 成長率 中國 股市 以 內需 如 民生 消費 以及 基礎 建</t>
  </si>
  <si>
    <t>受到 油價 崩 跌 流動性 風險 以及 新冠肺炎 疫情 于 歐美地區 快速 蔓延 的 影響 3 月份 中國 滬 深 300 以及 創業 板 指數 均 下跌 9 12 且 基於 海外 疫情 以及 流動性 風險 影響 歐美地區 經濟 成長率 中國 股市 以 內需 如 民生 消費 以及 基礎 建設 相關 的 板塊 表現 較佳 流動性 風險 方面 3 月 以來 因為 油價 崩 跌 以及 新冠肺炎 疫情 市場 波動 性 加大 對沖 基金 股 債 雙 賣 導致 金融市場 的 波動 促使 美國 聯 准會 fed 降息 以及 3 月 23 日 一口氣 公佈 如 針對 貨幣 市場 的 貨幣 市場 基金 mmf 針對 企業債券 以及 貸款 的 初級 市場 企業信用 機制 pmccf 次級 市場 企業信用 機制 smccf 等 提供 市場 充裕 流動性 但是 若 觀察 ted 利差 的 變化趨勢 雖然 於 3 月 23 日 聯 准會 無 上限 qe 政策 推出 後 ted 利差 不再 大幅 擴大 但是 3 月 27 日後 半 周又 呈現 擴大 趨勢 顯示 雖有 政策 支持 但是 後續 流動性 風險 還 需要 持續 觀察 其次 新冠肺炎 疫情 方面 歐美國家 多數 於 3 月 10 日 開始 實施 較為 嚴格 的 管控 措施 可以 看到 義 大利 約 於 3 月 20 日 新增 確診 高峰 1萬 後 近期 約 維持 每天 新增 6000 病例 的 水準 美國 如 紐約 或是 加州 採取 嚴厲 的 管制 措施 約 晚 歐洲 國家 1 2 周 時間 依此 推算 這些 區域 可望 於 4 月 上旬 達到 新 增 確診 高峰 但是 還 需要 留意 美國 其他 如 密西 根 或是 紐澤西 等 地 的 感染 速度 另外 發展中國家 如 巴西 或是 印度 醫療 資源 相對 缺乏 目前 處於 疫情 傳染 初期 後續 發展 也 是 值得注意 值 此 之際 市場 的 好 消息 難能可貴 中國 在 瑞德西韋 remdesivir 藥物 的 臨床 可望 於 4 月 解 盲 根據 同情 用藥 資料 顯示 初步 效果 良好 而 新冠肺炎 疫苗 3 月 已經 有 moderna 以及 中國 軍醫 院 腺病毒 團隊 進行 一期 實驗 由於 該 中國 團隊 過去 曾經 運用 腺病毒 開發 出 埃博拉疫苗 技術 相對 成熟 預估 六 個 月 後 完成 一期 臨床 後續 若 進度 良好 可望 對於 預防 新冠肺炎 有 比較 大 的 幫助 觀察 新冠 疫情 對於 經濟 的 衝擊 中國 截止 3 月 29 日 為止 復工 進度 已經 達到 84 3 月份 pmi 也 重 回 50 根據 中國 券商 估算 因為 受到 新冠肺炎 停工 影響 第一 季 gdp 成長率 可能 衰退 8 9 但是 因為 3 月 27 日 中共中央政治局 會議 提出 特別 國債 以及 適度 提高 赤字 率 的 想法 預估 2020 年 中國 基礎 建設 投資 成長率 可望 超過 10 於 後續 幾 季 對沖 新冠肺炎 以及 海外 經濟衰退 對於 中國 影響 性 綜合 上述 短期 海外 疫情 雖 歐美 新增 確診 陸續 見到 高峰 但是 因為 歐美 醫療 資源 相對 齊備 若 傳播 到 醫療 資源 薄弱 的 新興 市場 地區 於 疫苗 尚未 上市 的 前提 下 新冠肺炎 對於 全球 經濟 的 影響 性 還 無法 確認 因 此 第二 季 整體 市場 還 是 處於 盤整 階段 且 資金 偏好 內需 營 收 比重 較 高 的 產業 如 食品飲料 或是 與 基礎 建設 相關 的 產業</t>
  </si>
  <si>
    <t>新冠肺炎 重症 關鍵 英 研究 76 患者 有 這 情形</t>
  </si>
  <si>
    <t>新冠肺炎 從 大陸 武漢 爆發 後 重創 歐洲 科學家 對於 新冠肺炎 病毒 陸續 有 了 更 多 的 發現 根據 英國 研究 顯示 有 765 的 重症 患者 體重 過 胖 警告 2 3 的 英國 人 都屬 於新冠肺炎 的 高風險 群 根據 英國 威廉李德 商業 媒體 集團 旗 下 的</t>
  </si>
  <si>
    <t>bmi 英國 研究 新冠肺炎 體重 重症 患者</t>
  </si>
  <si>
    <t>疫苗 預約 系統 新冠肺炎 臺灣 漏洞 工程師</t>
  </si>
  <si>
    <t>新冠肺炎 疫情 延 燒 近 2 年 疫情 中心 指揮官 陳時中 昨 回顧 抗 疫 經過 坦言 在 部 立 桃園 醫院 諾 富特 飯店 造成 的 社區 傳播 時 跌 了 一跤 短 時間 內 確診 數 破 萬 但 靠 著 醫護人員 的 努力 守 下 近期 疫情 趨 緩 昨 國內 本土 再度 0 確診</t>
  </si>
  <si>
    <t>新冠肺炎 疫情 延 燒 北市 某 高中 因 出現 2 名 確診 病例 宣佈 全校 停課 至 27 日 該 學校 一 名 學生 在 論壇 上 po 文 表 心聲 不只 肺炎 會 殺人 控訴 綠 媒 不實 報導 直說 病毒 恐怖 某些 媒體 更 恐怖 一 名 網友 在 匿名 論壇 meteor</t>
  </si>
  <si>
    <t>新冠肺炎 疫情 延 燒 北市 某 高中 因 出現 2 名 確診 病例 宣佈 全校 停課 至 27 日 該 學校 一 名 學生 在 論壇 上 po 文 表 心聲 不只 肺炎 會 殺人 控訴 綠 媒 不實 報導 直說 病毒 恐怖 某些 媒體 更 恐怖 一 名 網友 在 匿名 論壇 meteor po 文 表示 自己 是 停課 當 校 學生 近期 都 必須 面對 媒體 大 陣 仗 在校 門口 站崗 的 畫面 他 說 這 是 你們 的 工作 我 尊重 但 表示 有 某些 媒體 站 在 外面 好幾 個 小時 也罷 不僅 跟 學生 搭話 訪問 還 會 嗆 聲 原 po 不滿 說 這 陣子 穿 著 外套 要 忍受 多少 歧視 你們 追 了 一 篇 新聞 寫 了 一 篇 報導 換來 的 是 世俗 對 我們 的 銳利 眼光 病 會 好 但 外人 對 我們 的 觀感 很 難 改變 病毒 恐怖 某些 媒體 更 恐怖 原 po 表示 前幾日 有 綠 媒 報導 確診 高中生 是 熱 舞 社 還 po 文 炫耀 自己 得病 但 當事人 跟 熱 舞 社 根本 沒 關聯 也 沒 接觸 更 沒有 炫耀 自己 得病 卻 因 這 篇 報導 導致 熱 舞 社 同學 遭 異樣 眼光 對待 致電 反應 後 電視臺 卻 表示 不 會 撤下 影片 會 在 當天 節目 說明 但 節目 上 卻 用 不用 管 他 是 什麼 社團 輕輕 帶過 原 po 更 貼出 一系列 照片 炮轟 另 一家 綠 媒 什麼 叫 作 秀 控 該 媒體 記者 鏡頭 前 口罩 戴 好 戴 滿 一 離開 鏡頭 卻 立刻 拔掉 口罩 原 po 文末 表示 他 知道 高中 確診 肺炎 大家 人心惶惶 校內 也 有 不少 人 相當 憤慨 這 也 是 無法 反駁 的 還是 祝 大家 平安 健康</t>
  </si>
  <si>
    <t>新冠肺炎 綠 媒 高中 媒體 學生</t>
  </si>
  <si>
    <t>居家 辦公 遠 端 教育 帶起 的 pc 風潮 將 一路 延伸 到 第 三 季 連帶 讓 金 氧 半 場 效 電晶體 mosfet 需求 同步 大增 不過 供應 鏈 透露 國際 idm 大廠 因 疫情 影響 產能 仍未 完全恢復 使 訂單 出現 移 轉至 傑 力 5299 大中 6435 尼克森 3317 及 富 鼎 8261 等 mosfet 廠 使 吃 下 轉 單潮 的 mosfet 廠 第 三 季 接 單仍 相當 暢旺 新冠肺炎 使 居家 辦公 遠 端 教育 幾乎 成為 全球 發展趨勢 連帶 讓 pc 筆 電 需求 自 第二 季 開始 大幅 成長 目前 看起來 疫情 尚未 平息 將 可望 使 pc 筆 電 訂單 一路 旺 到 第 三 季 由於 第 三 季 仍舊 可望 迎來 pc 筆 電 傳統 旺季 因 此 系統 廠 紛紛 開始 對 各項 零 組件 啟動 備 貨 需求 不過 其中 mosfet 供給 已經 從 原先 國際 idm 大廠 主力 供貨 轉向 成為 臺灣 mosfet 廠 為 主要 供應 來源 供應 鏈 表示 原因 在 於新冠肺炎 對 歐洲 及 東南亞 等 地 造成 重大 衝擊 政府 不得不 祭出 停工 雖然 目前 國際 idm 廠 產能 已 逐步 恢復 但 交 期 相較 過去 仍 明顯 沿 長 舉凡 英飛淩 infineon 安森 美 on semi 及 意 法 半導體 st 等 國際 idm 廠 的 mosfet 產能 仍 至少 在 15 周 之上 在 國際 idm 大廠 交 期 明顯 沿 長 情況 下 系統 廠 訂單 在 第二 季就 將 mosfet 訂單 移 轉至 傑 力 大中 尼克森 及 富 鼎 等 供應 鏈 透露 臺灣 由於 新冠肺炎 並 沒有 造成 太 大 影響 因此 功率 半導體 晶圓 代工廠 仍 維持 全產 能 正常 運作 因此 在 需求 大 增 下 近期 已經 接 獲 傑 力 大 中等 mosfet 廠 的 追 單 需求 顯示 mosfet 市場需求 依舊 暢旺 傑 力 公告 5 月 合併 營 收 達 188億 元 月 增 11 改寫 單月 歷史 新高 累計 2020 年前 五月 合併 營 收 達 725億 元 年成 長 106 創 歷史 同期 新 高 法人 指出 傑 力主 要 受惠 於筆電 需求 大增 帶動營運 不斷 創 高 且 下半年 全球 各地 逐步 解封 後 將 可望 出現 消費品 採購 需求 傑 力 出 貨 將 可望 更上一層樓 另外 大中 富 鼎 等 mosfet 廠 5 月 業績 也 雙雙 繳 出 年 增 雙 位數 成績單 法人 認為 下半年 除 筆 電 商 機 續 旺 輝 達 nvidia 超 微 amd 等 大廠 將 端 出 新款 繪圖卡 mosfet 廠 亦 有 機會 搶 食 這 波 商 機</t>
  </si>
  <si>
    <t>新冠肺炎 疫情 持續 延 燒 娛樂 產業 首當其衝 屏 東 縣政府 為 協助 業者 度過難關 決定 主動 調 降 4 至 6 月 的 查定 稅額 降幅 達到 30 首 波 暫訂 持續 3 個 月 將 視 情況 決定 是否 延長 估計 縣 內 共有 950 家業 者 受惠 金額 約 在 200萬 元</t>
  </si>
  <si>
    <t>新冠肺炎 疫情 持續 延 燒 娛樂 產業 首當其衝 屏 東 縣政府 為 協助 業者 度過難關 決定 主動 調 降 4 至 6 月 的 查定 稅額 降幅 達到 30 首 波 暫訂 持續 3 個 月 將 視 情況 決定 是否 延長 估計 縣 內 共有 950 家業 者 受惠 金額 約 在 200萬 元 屏 縣府 財稅 局長 程俊 指出 肺炎 疫情 衝擊 許多 產業 中央政府 啟動 不少 紓困 方案 但 考量 部分 業者 恐 無暇 申請 或 不 得 其 門 而 入 於是 開機磁片 點 縣 內 現況 發現 包括 抓 娃娃 機 網 咖 水上 活動 等 娛樂業 者 普遍 營 收 大幅 下滑 於是 主動 減征 業者 查定 稅額 程俊 表示 符合 查定 稅額 的 娛樂業 者 因 經營方式 特殊 或 規模較 小 繳稅 方式 都 是 以 過去 營業額 為 基準 每月 繳 交 固定 稅額 所以 調 降 稅率 後 業者 不 需要 提出 申請 屆時 收到 需 繳稅 金都 已經 是 減稅 後 的 金額 估計 每月 減稅 金額 超過 90萬 元 對 業者 來說 不無小補 至於 另 一 種 自動 報繳 娛樂 稅的 業者 因 受 疫情 衝擊 會 直接 反應 在 每月 營業額 上 所 需要 扣繳 的 金額 也 會 降低 因此 不 需 直接 處理 這 部分 程俊 說 產業界 受到 疫情 的 衝擊 來得 又 急 又 快 首 波 減稅 政策 將 試行 3 個 月 未來 會 持續 視 疫情 狀況 進行 調整 延長 與否 仍 不 確定</t>
  </si>
  <si>
    <t>新冠肺炎 娛樂業 者 屏 東縣 減稅</t>
  </si>
  <si>
    <t>新冠肺炎 大陸 香港 接種 學童</t>
  </si>
  <si>
    <t>中國 大陸 北京 再度 爆發 新冠肺炎 疫情 連續 多 天 出現 確診 病例 至今 已經 新增 79 例 讓 當局 啟動 戰時 狀態 而今 15 日 北京市疾控中心 副 主任 龐星火 表示 一 名 新增 的 病例 竟 有 關節 不適 的 症狀 綜合 陸媒 報導 龐星火 15 日</t>
  </si>
  <si>
    <t>中國 大陸 北京 再度 爆發 新冠肺炎 疫情 連續 多 天 出現 確診 病例 至今 已經 新增 79 例 讓 當局 啟動 戰時 狀態 而今 15 日 北京市疾控中心 副 主任 龐星火 表示 一 名 新增 的 病例 竟 有 關節 不適 的 症狀 綜合 陸媒 報導 龐星火 15 日 通報 14 日 新增 的 36 名 病 患 中 一 名 48 歲 女 性病 患 是 河北人 工作 的 單位 就 是 新發 地市 場 住 新發 地 經營者 樂園 她 在 6 月 13 日 覺得 關節 不適 在 疫情 溯源 採樣 的 檢測 中 驗 出 了 新冠 病毒 核酸 陽性 結合 患者 流行病 學 史 肺部 影像 血液 檢查 等 診斷 依據 診斷 為 確診 病例 臨床 分型 為 輕型 北京 新冠肺炎 出現 反彈 連續 多 天 出現 確診 病例 截至 目前 北京市 豐台區 門頭溝區 及 大興區 已 啟動 戰時 狀態 並 展開 敲門 行動 地 氈 式 排查 曾 與 新發地批發市場 有 密切接觸 人員 並 對 周邊 社區 採取 封閉式 管理</t>
  </si>
  <si>
    <t>北京 病毒 新冠肺炎 疫情 出現</t>
  </si>
  <si>
    <t>臺灣 新冠肺炎 趨 緩 防疫員 憂 恐 換 這病 大 爆發</t>
  </si>
  <si>
    <t>登革熱 新冠肺炎 危險 因數 致死 率 大 爆發</t>
  </si>
  <si>
    <t>新冠肺炎 臺灣 基隆 確診 匡列</t>
  </si>
  <si>
    <t>新冠肺炎 疫情 近來 趨 緩 義 大利 影壇 最近 整理 2020 年 春季 最 賣座 電影 由 義 大利 導演 佛森歐茲派克 所 執導 的 新片 幸運 女神 奏捷 奪冠 該片 由 華納 兄弟 製作 及 發行 去年底 在 義國 上映 今年 二月 底 票房 已 達 820萬 歐元 約 台幣 2</t>
  </si>
  <si>
    <t>新冠肺炎 疫情 近來 趨 緩 義 大利 影壇 最近 整理 2020 年 春季 最 賣座 電影 由 義 大利 導演 佛森歐茲派克 所 執導 的 新片 幸運 女神 奏捷 奪冠 該片 由 華納 兄弟 製作 及 發行 去年底 在 義國 上映 今年 二月 底 票房 已 達 820萬 歐元 約 台幣 28億 幸運 女神 由 義 大利 熟 男 影帝 史蒂芬努阿 科西 完美 陌生人 影帝 艾多 阿爾多裡奧 以及 曾以 燦爛 時光 爆 紅 的 女星 潔 絲 敏婷 卡 聯合 主演 劇情 一 探 男 同志 的 同居 人生 卻 在 義 大利 引發 廣大 迴響 並 在 票房 及 獲獎 均 大 有 斬 獲 獲 好萊塢 報導 讚譽 是 溫暖 與 救 贖 的 交織 幸運 女神 是 導演 佛森歐茲派克 自 那不勒斯 重 回 羅馬 拍攝 的 新片 並 幸運 獲准 進入 古 羅馬 文物 保護區 幸運 女神 神殿 呼應 片名 拍攝 該片 根據 真實 故事 改編 劇情 描述 已 同 居 15 年 的 一對 男 同志 因為 好心 收容 姊妹 淘 的 一對 子女 意外 肩負 起 為人 父 的 重責大任 全片 充滿 多元 的 愛 女 主角 潔 絲 敏婷 卡 上月 才以 片中 單親 媽媽 角色 在 義 大利 奧斯卡 封 後 電影 同時 還 奪下 最佳 電影 歌曲 大獎 該片 日前 乘 勝 追擊 再 獲 義 大利 銀 絲帶 獎 最佳影片 導演 劇本 以及 最佳 男 女 主角 等 8 項 大獎 提名 超越 了 佛森歐茲派克 近年 作品 的 獲獎 及 票房 成績 幸運 女神 將 由 海鵬 電影 代理 預計 秋天 在 台 上映 有趣 的 是 佛森歐茲派特 從不 諱言 同志 身分 作品 卻 總能 跨越 性別 族群 屢 創 票房 奇跡 即使 曾逢 疫情 他 的 新片 幸運 女神 依然 能 刷 出 28億 台幣 票房 躍 上 2020 年 春季 冠軍 究竟 他 如何 辦到 他 的 電影 又 有 何 魅力 與 秘密 台中 中山 73 專題講座 明天 13 日 將 邀 金馬 執委會 執行長 聞 天 祥 開講 從 外欲 開始 一 揭 這 位 票房 名導 佛森歐茲派特 的 創作 秘辛</t>
  </si>
  <si>
    <t>幸運 女神 義 大利 電影 新冠肺炎 佛森歐茲派克</t>
  </si>
  <si>
    <t>保加利亞 副 總統 確診 新冠肺炎 症狀 輕微</t>
  </si>
  <si>
    <t>新冠肺炎 疫情 不斷 擴散 3 月 25 日 2 名 自 美國 返台 的 高中 留學生 回到 花蓮 住家 後 原本 應該 落實 14 天 自主 居家 檢疫 沒 想到 卻 外出 買 蚵 仔 煎 更 高調 在 ig 發文 大 嗆 網友 遭 民眾 檢舉 後 2 人 各 被 開 罰 10萬 元 罰 鍰 無辜 的 蚵 仔 煎 店家</t>
  </si>
  <si>
    <t>新冠肺炎 疫情 延 燒 不 歇 各 單位 嚴陣以待 不敢 鬆懈 臺北市 長 柯文哲 今 23 日 表示 目前 臺灣 確診 26 例 需要 追蹤 的 人數 也 越來越 多 但 還是 有人 在 入境 時 留下 假 資料 留下 假名 胡 析 延 導致 北 市府 要 追蹤 的 時候 查無</t>
  </si>
  <si>
    <t>新冠肺炎 疫情 延 燒 不 歇 各 單位 嚴陣以待 不敢 鬆懈 臺北市 長 柯文哲 今 23 日 表示 目前 臺灣 確診 26 例 需要 追蹤 的 人數 也 越來越 多 但 還是 有人 在 入境 時 留下 假 資料 留下 假名 胡 析 延 導致 北 市府 要 追蹤 的 時候 查無此人 他 強調 除了 希望 有關 單位 在 入境者 的 資料 核查 上 要 更 正確 也 希望 大眾 幫忙 找 人 讓 防疫 沒有 破 口 柯文哲 指出 目前 臺北市 的 居家 隔離 人數 已經 為 零 但 根據 資料 還有 很多 居家 檢疫 的 市民 他 說明 對於 居家 檢疫 者 北 市府 有 提供 送 餐 服務 及 倒 垃圾 服務 不只 照顧 當事人 的 生活 起居 也 確保 居家 檢疫 者 沒有 離開 家門 隨 著 需要 追蹤 的 個案 數 增加 柯文哲 表示 北 市府 配合 中央 改變 手機 定位 的 模式 改以 透過 綁 定居 家 檢疫 者 的 個人 手機 來 定位 追蹤 減少 把 公用 手機 放 在家 自己 帶 個人 手機 出門 趴 趴 走 的 狀況 他 也 呼籲 民眾 希望 正 在 居家檢疫 的 民眾 能夠 配合 否則 北 市府 一定 依法 裁 罰 柯文哲 也 提醒 民眾 若 配合 居家 檢疫 不僅 有 生活 津貼 也 能 好好 保護 自己 與 他人 但 若 不 配合 檢疫 擅自 外出 北 市府 一定 會 找 出 你 然後 裁 罰 你 希望 民眾 不要 以身試法 更 多 ctwant 報導</t>
  </si>
  <si>
    <t>中 時 新聞網 精選 5 件 不可不 知 的 國際 大事 帶 讀者 掌握 今 6 日 的 國際 新聞 重點 1 新冠 高燒 不退 英國首相 強生 驚 傳 入院 新冠 病毒 陰影 持續 在 唐寧街 10 號 揮 之 不 去 日前 才因 又 出現 新冠 征狀 二 度 在家 自主 隔離 的 英國首相 強生 boris johnson 5 日 驚 傳送 醫 檢查 2 日 相 安倍 近日 可望 發佈 緊急 事態 宣言 日本 新冠肺炎 疫情 持續 延 燒 日本首相 安倍晉三 在 聽取 防疫 專家 們 的 意見 後 近日 可望 發佈 緊急 事態 宣言 日本政府 相關 人士 表示 發佈 的 物件 包括 確診 數最多 的 東京都 首都 圈 和 大 阪 府 兵庫縣 等 3 全球 首例 紐約 動物園 老虎 確診 新冠肺炎 紐約 新冠肺炎 疫情 嚴峻 感染 人數 眾多 當地 一 間 動物園 的 老虎 也 確診 新冠肺炎 出現 乾咳 症狀 成為 全球 首 只 感染 病毒 的 老虎 4 禍不單行 遭 拔 官 美 艦長 確診 新冠肺炎 美國 航空母艦 羅斯福 號 上百 船員 感染 新冠 病毒 艦長 克勞齊 上校 因為 向 上級 求援 撤離 船員 的 求救信 外泄 遭 拔 官 紐約時報 引述 消息人士 透露 克勞齊 上校 也 不幸 感染 新冠肺炎 5 我們 將 會 成功 英國女王 罕見 電視 演說 溫情 打氣 新冠 疫情 肆虐 包括 英國 等 全球 多國 93 歲 高齡 的 英國女王 伊莉莎白 二 世 queen elizabeth ii 臺灣 時間 今 6 日 淩晨 3 點 發表 非常 罕見 的 電視 特別 演說 呼籲 國民 面對 疫情 要 展示 自律 和 保持 幽默感 同時 也 感謝 醫療 前線 醫護人員 的 努力 她 強調 我們 將 會 成功 所有人 將 能 與 親友 再會</t>
  </si>
  <si>
    <t>1 分鐘 看 世界 國際 新聞 全球 新聞 中 時 電子 報 新冠肺炎</t>
  </si>
  <si>
    <t>新冠肺炎 臺灣 移 工 苗栗縣 禁止 外出</t>
  </si>
  <si>
    <t>新冠肺炎 疫情 衝擊 旅 宿業 高雄 福華 飯店 腦筋 得 快 搶 搭 異地 辦公 話題 推出 遠 端 辦公室 專案 將 飯店 客房 變成 獨立 辦公室 已 有 大型 會計師 事務所 洽談 合作 此外 福華 大 飯店 集團 推出 我 ok 我 來 住 長住 專案 提</t>
  </si>
  <si>
    <t>新冠肺炎 疫情 衝擊 旅 宿業 高雄 福華 飯店 腦筋 得 快 搶 搭 異地 辦公 話題 推出 遠 端 辦公室 專案 將 飯店 客房 變成 獨立 辦公室 已 有 大型 會計師 事務所 洽談 合作 此外 福華 大 飯店 集團 推出 我 ok 我 來 住 長住 專案 提供 返台 旅客 健康 家屬 入 住 7 天 以上 的 超 值 優惠 最低 每晚 1200 元 起 為 避免 群 聚 感染 及 增加 風險 不少 公司 行號 紛紛 啟動 異地 辦公 或 居家 辦公 的 措施 高雄 福華 飯店 看 准 該 趨勢 需求 即日起 至 6 月 30 日 推出 遠 端 辦公室 hotel to office 專案 提供 每日 上午 8 點 至 下午 6 點 可 使用 客房 空間 做為 辦公室 並 可 量 身 打造 空間 規 畫 提供 額外 會議 桌椅 高雄 福華 飯店 指出 租用 5 日 以上 每日 每 房 優惠價 1388 元 原價 7800 10 元 可 適用於 1 至 2 人 使用 提供 客房 wifi 網路 礦泉水 免費 使用 健身房 及 停車 等 服務 午餐 還 貼心 的 提供 遊 五星級 廚師 團隊 製作 的 餐盒 一 份 或 也 可 選擇 到 飯店 的 餐廳 用餐 享 85 折 優惠 還 可 加價 每人 800 元 延長 使用 時段 作為 住宿 客房 另外 也 提供 企業 租借 飯店 宴會廳 作為 分組 辦公 場所 的 服務 該 專案 一 推出 也 受到 國內 大型 會計師 事務所 的 青睞 表示 事務所 提供 的 風險 諮 詢 服務 在 這 波 疫情 中 受到 很多 企業 的 委 讬 所以 特別 選擇 福華 大 飯店 推出 的 遠 端 辦公室 專案 讓 同仁 在 協助 各 企業 風險管理 的 工作 期間 也 能 有 安全 完善 的 工作 環境 為 回應 返台 居家 檢疫 者 回家 住 同 住 家人 外出 旅 宿 的 防疫 新 觀念 福華 大 飯店 集團 推出 我 ok 我 來 住 長住 專案 提供 返台 旅客 健康 家屬 入 住 7 天 以上 的 超 值 優惠 最低 每晚 1200 元 起 另外 還 可以 選擇 跨 店 入住 在 住宿 期間 選擇 任 2 家 福華 飯店 入住 可 享用 此 專案 優惠價 讓 家屬 能到 不同 縣 市 旅遊 透透氣 讓 隔離 者 放心 待 在家 而 家人 的 健康 住房 環境 就 由 飯店 來 照顧 此外 高雄 福華 大 飯店 還 自 拍 趣味 防疫 影片 以 詼諧 輕鬆 的 手法 呈現出 飯店 嚴謹 的 防疫 措施 邀請 旅客 安心 入 住</t>
  </si>
  <si>
    <t>新冠肺炎 高雄 飯店 福華 異地 辦公</t>
  </si>
  <si>
    <t>愛爾蘭 新冠肺炎 疫情 馬丁</t>
  </si>
  <si>
    <t>高端 接種 不適 新冠肺炎 臺灣</t>
  </si>
  <si>
    <t>在 新冠肺炎 疫情 衝擊 下 歐盟 領袖 21 日 在 氣氛 火爆 的 峰會 中 終於 達成 7500億 歐元 約 25 兆 台幣 的 經濟 刺激 協議 據 每日 郵報 daily mail 與 衛報 the guardian 21 日 報導 在 這 場 馬拉松式 的 火爆 會議 中 歐盟 領</t>
  </si>
  <si>
    <t>在 新冠肺炎 疫情 衝擊 下 歐盟 領袖 21 日 在 氣氛 火爆 的 峰會 中 終於 達成 7500億 歐元 約 25 兆 台幣 的 經濟 刺激 協議 據 每日 郵報 daily mail 與 衛報 the guardian 21 日 報導 在 這 場 馬拉松式 的 火爆 會議 中 歐盟 領袖 互相 辱駡 握 起 拳頭 猛 捶 桌子 有人 甚至 憤 而 離場 昨晚 在 峰會 邁 入 第 4 晚 時 寫下 歐盟 有史以來 最 長 也 最 火爆 會議 的 紀錄 歐盟 最 長 的 峰會 是 2000 年 時 在 法國 尼斯 nice 持續 了 85 個 小時 所 寫下 不過 這次 會議 進行 了 90 多 個 小時 早已 打破紀錄 據說 法國 總統 馬克宏 emmanuel macron 猛 捶 桌子 並 痛 批 離開 房間 打電話 的 奧地利 總理 庫爾茨 sebastian kurz 他 甚至 指控 荷蘭 總理 呂特 mark rutte 說 他 活像 素來 對 歐盟 峰會 采 強硬 立場 的 英國 前 首相 卡麥隆 david cameron 而 德國總理 梅克爾 angela merkel 對 峰會 陷入 僵持 感到 失望 18 日 晚 一度 抽身 走人 離開 會場 由於 荷蘭 與 歐洲 北方 夥伴國 堅持 節儉 立場 和 要求 撒 錢振興 經濟 的 法 德 對峙 雙方 僵持不下 荷蘭 總理 呂特 直言 我們 又 不是 來 這兒 套交情 好 慶祝 彼此 下 半輩子 生日 的 而 都 是 為了 捍衛 自己 國家 的 利益 才會 來 這兒 由於 荷蘭 奧地利 芬蘭 瑞典 和 丹麥 強烈 反對 花 大錢 刺激 受 新冠肺炎 重 挫 的 經濟 而 獲得 節儉 5 國 的 稱號 西班牙 和義 大利 因 疫情 慘重 負債累累 不斷 遊說 歐盟 夥伴 大力協助 而 通過 的 振興 方案 將 挹注 數 百億 計 歐元 給 受 創 最 嚴重 的 歐盟 國家 特別 是 西班牙 與 義 大利 法 德 原本 提議 從 振興 方案 中 提撥 5000億 歐元 近 17 兆 台幣 作為 不必 償還 的 補助金 可是 經過 徹夜 協商 後 歐盟 決定 把 金額 降為 3900億 歐元 約 13 兆 台幣 其 餘 3600億 歐元 約 12 兆 台幣 紓困 金 則 透過 低利 貸款 的 方式 提供</t>
  </si>
  <si>
    <t>新冠肺炎 持續 延 燒 在 行政院長 蘇貞昌 領 軍 下 臺灣 防疫 成果 受到 國際 讚揚 有 網友 預測 蘇貞昌 會 是 2024 民進 党 總統 候選人 ptt 鄉 友 貼 文 指出 看 這個 樣子 2024 總統 是 蘇貞昌 現在 疫情 做 得 這麼 好 國民黨 這樣 下去 要 怎</t>
  </si>
  <si>
    <t>防疫 蘇貞昌 2024 總統大選 新冠肺炎</t>
  </si>
  <si>
    <t>因應 新冠肺炎 疫情 升溫 台中市政府 教育局 宣佈 19 日 起至 本學期 結束 前 全市 高中職 以下 校園 場地 除 出借 國家 考試 檢定考試 及 影響 學生 升學 權益 的 活動 外 全面 暫停 對外開放 教育局 強調 希望社區 民眾 共 體 時艱 利用 社區 其</t>
  </si>
  <si>
    <t>因應 新冠肺炎 疫情 升溫 台中市政府 教育局 宣佈 19 日 起至 本學期 結束 前 全市 高中職 以下 校園 場地 除 出借 國家 考試 檢定考試 及 影響 學生 升學 權益 的 活動 外 全面 暫停 對外開放 教育局 強調 希望社區 民眾 共 體 時艱 利用 社區 其他 戶外 空間 公園 運動場 從事 運動 休閒活動 共同 守護 校園 安全 教育局長 楊振升 指出 為 降低 校園 疫情 風險 該局 日前 已 發 函 全市 高中職 以下 學校 室內 場地 至 今年 5 月 4 日前 暫停 對外 出借 因應 疫情 持續 延 燒 教育局 經 審慎 研議 後 決定 全面 擴大 防疫 措施 19 日 起至 本學期 前 全面 暫停 對外開放 校園 場地 楊振升 表示 教學 時間 外部 訪 客 包括 家長 廠商 志 工 等 均 需 佩戴 口罩 量 體溫 手部 消毒 及 登記 基本資料 後 才可 進入 校園 讓 學生 安心 就學 針對 特殊 情形 者 則 授權 學校 評估 整體 風險 且 能 完備 所有 防疫 工作 原則 下 報 教育局 核准 後 專案處理 楊振升 強調 教育局 已 請 各 學校 配合 張貼 公告 希望社區 民眾 共 體 時艱 利用 社區 其他 戶外 空間 公園 運動場 從事 運動 休閒活動 共同 守護 校園 安全</t>
  </si>
  <si>
    <t>校園 教育局 台中 新冠肺炎 開放</t>
  </si>
  <si>
    <t>衛福 部長 陳時中 6 日 表示 目前 亞洲 在 中國 外 約 有 六千 多 例 有 歐洲 四千 多 例 中東 有 三千 多 例 很快 歐洲 疫情 將 會 往 上 發展 陳時中 預測 歐洲 的 確診 案例 數量 可能 超過 亞洲 案例 數 新冠肺炎 的 世界 流行 已經 不 可免 陳時中</t>
  </si>
  <si>
    <t>世界 歐洲 亞洲 陳時中 新冠肺炎</t>
  </si>
  <si>
    <t>日本 山梨縣 一 名 未 滿 1 歲 女嬰 3 月 31 日 心 肺 機能 停止 被 送 往 山梨 大學 附屬 醫院 急救 經 病毒檢測 確診 為 新冠肺炎 目前 情況 不 樂觀 仍 在 集中 治療室 觀察 中 目前 有 接觸 到 這 名 女嬰 的 醫護人員 必須 進行 居 居家 隔離 產經新聞</t>
  </si>
  <si>
    <t>女嬰 新冠肺炎 院方 進行 ct</t>
  </si>
  <si>
    <t>台 東縣 新冠肺炎 31 日 零 確診 這 是從 25 日 台 東縣 出現 首例 本土 病例 至今 首度 嘉玲 不少 台東 鄉親 獲知 都松 了 一口氣 不過 縣長 饒 慶鈴 說 抗 疫 還 在 持續 進行 中 請 大家 千萬 不要 鬆懈 目前 台 東縣 本土 確診 人數 為 14 人 縣</t>
  </si>
  <si>
    <t>台 東縣 新冠肺炎 31 日 零 確診 這 是從 25 日 台 東縣 出現 首例 本土 病例 至今 首度 嘉玲 不少 台東 鄉親 獲知 都松 了 一口氣 不過 縣長 饒 慶鈴 說 抗 疫 還 在 持續 進行 中 請 大家 千萬 不要 鬆懈 目前 台 東縣 本土 確診 人數 為 14 人 縣政府 也 暫停 每天 下午 3 點 30 分所 舉行 的 疫情 記者會 台 東縣 今天 傳出 好 消息 自 25 日 出現 本土 病例 以來 首度 零 確診 不過 饒 慶鈴 表示 抗 疫 還 在 持續 進行 中 請 大家 千萬 不要 鬆懈 沒 必要 不 出門 不 群 聚 繼續 拼 防疫 台 東縣 衛生局 指出 台 東縣 在 25 日 于 太麻裡鄉 林 家小 館 事件 後 出現 縣 內 確診 病例 並 形成 傳播 鏈 有 14 人 受到 感染 確診 縣政府 自 27 日 起 在 太 麻裡 及 金峰鄉 設置 快 篩 站 28 日 各鄉鎮 市 即 陸續 成立 快 篩 站 請 鄉 內 民眾 有 疑慮 請 前往 快 篩</t>
  </si>
  <si>
    <t>新冠肺炎 臺灣 台 東縣 饒 慶鈴 抗 疫</t>
  </si>
  <si>
    <t>防疫 旅館 匡列 櫃檯 臺灣 新冠肺炎</t>
  </si>
  <si>
    <t>新冠肺炎 確診 者 護理 師 河莉 秀 治療</t>
  </si>
  <si>
    <t>德國 生 技 公司 biontech 與 美國 輝瑞 藥廠 pfizer 共同 研發 的 新冠肺炎 疫苗 bnt 162 b 1 在 早期 臨床 試驗 獲得 正面 結果 讓 實驗 物件 產生 的 病毒 抗體 多 過 新冠肺炎 痊癒 者 是 繼 moderna cansino biologics inovio 後 第 四 款 早期 臨</t>
  </si>
  <si>
    <t>德國 生 技 公司 biontech 與 美國 輝瑞 藥廠 pfizer 共同 研發 的 新冠肺炎 疫苗 bnt 162 b 1 在 早期 臨床 試驗 獲得 正面 結果 讓 實驗 物件 產生 的 病毒 抗體 多 過 新冠肺炎 痊癒 者 是 繼 moderna cansino biologics inovio 後 第 四 款 早期 臨床 試驗 報佳音 的 候選 疫苗 biontech 與 輝瑞 表示 bnt 162 b 1 是 雙方 合作開發 的 四 款 新冠肺炎 疫苗 之一 但 另外 三 款 疫苗 的 早期 臨床 試驗報告 尚未 出爐 根據 bnt 162 b 1 臨床 試驗報告 美國 共有 24 名 年齡 在 18 至 55 歲 的 健康 成年人 參與 實驗 依 10 毫克 30 毫克 及 100 毫克 等 三 種 不同 劑量 分組 注射 疫苗 結果 發現 28 天 後 多數 人 體內 產生 的 病毒 抗體 比 新冠肺炎 痊癒 者 還 多 以 10 毫克 實驗組 為 例 實驗 物件 在 注射 第二 劑 之後 所 產生 的 抗體 數量 為 每毫升 4813 個 單位 30 毫克 實驗組 在 注射 第二 劑 之後 產生 的 抗體 數量 更 達到 每毫升 27872 個 單位 明顯 高於 新冠肺炎 痊癒 者 的 每毫升 602 個 單位 輝瑞 疫苗 研發部門 主管 多 米澤 philip dormitzer 表示 實驗 結果顯示 注射 第二 劑 確實 有 效果 報告 也 指出 10 毫克 及 30 毫克 實驗組 在 注射 第二 劑 後 僅 產生 頭痛 發燒 等 輕微 副作用 且 症狀 都 在 一 周 內 消退 唯獨 100 毫克 實驗組 因 劑量 太 高 導致 多數 人 在 注射 第一 劑 後 感到 劇烈 疼痛 因而 停止 注射 第二 劑 且 事後 產生 的 抗體 數量 也 少於 輕 劑量 實驗組 biontech 與 輝瑞 將 在 上述 四 款 疫苗 完成 早期 臨床 試驗 後 選 出 最 有 潛力 的 候選 疫苗 擴大 臨床 試驗 規模 實驗 物件 最 多 涵蓋 3萬 人 雙方 預計 7 月 下旬 在 歐美 兩地 展開 大規模 臨床 試驗 假設 其中 一 款 疫苗 獲得 美國政府 核准 上市 雙方 將 在 今年底 前生 產 1億 劑 並在 明年 底 前 增加 12億 劑</t>
  </si>
  <si>
    <t>7 月 進入 最後 一 周 也 將 是 這個 夏季 最 具 關鍵性 的 一 周 包括 蘋果公司 在內 今年 帶領 美 股 從 3 月 穀底 一路 反攻 的 科技 股 巨星 將 于本周 公佈 財 報 聯 准會 fed 本 周 召開 為期 兩 天 的 貨幣政策 會議 美國國會 將 為 新冠肺炎 疫情 衝擊</t>
  </si>
  <si>
    <t>臺灣 新冠肺炎 澳門 delta 病毒 印度</t>
  </si>
  <si>
    <t>降級 全國 疫情 新冠肺炎 臺灣</t>
  </si>
  <si>
    <t>測試 大廠 京元 電 2449 受惠 於新冠肺炎 疫情 帶動 的 伺服器 筆 電 及 平板 等 相關 晶 片 需求 湧現 醫療 相關 晶 片 測試 急 單 大增 加上 中國 5 g 基地 台及 wifi 6 等 新 基建 相關 晶 片 測試 訂單 續 強 帶動 4 月 合併 營 收 沖 上 2585億 元 連續 兩</t>
  </si>
  <si>
    <t>受到 新冠肺炎 衝擊 梅西 百貨 macy s 與 服飾 商 gap 等 零售業 者 宣佈 數 萬 名 員工 自 本 周起 將 開始 放 無 薪 假 新冠肺炎 疫情 導致 美國 商業活動 銳減 非 必要性 商店 被迫 暫時 關閉 防疫 零售商 業績 飽受 衝擊 產業 恐 掀 倒閉 潮 研</t>
  </si>
  <si>
    <t>受到 新冠肺炎 衝擊 梅西 百貨 macy s 與 服飾 商 gap 等 零售業 者 宣佈 數 萬 名 員工 自 本 周起 將 開始 放 無 薪 假 新冠肺炎 疫情 導致 美國 商業活動 銳減 非 必要性 商店 被迫 暫時 關閉 防疫 零售商 業績 飽受 衝擊 產業 恐 掀 倒閉 潮 研究 機構 coresight research 預期 受到 新冠肺炎 拖累 2020 年 美國 零售業 關 店 數量 將 創下 15萬 家 的 新 高 紀錄 高於 原先 預估 的 8000 家 分析 師 認為 原本 營運 狀況 就 不 佳 且 負債累累 的 業者 例如 j c penney 可能 被迫 關閉 多 家 門市 或是 瀕臨破產 梅西 百貨 的 門市 自 3 月 17 日 起 暫時 關閉 雖然 線 上 業務 仍 維持 運作 但 營 收 嚴重 縮水 擁有 125萬 名 員工 的 梅西 表示 大部分 的 員工 將 開始 放 無 薪 假 不過 仍 享有 健康 保險 gap 指出 商店 關閉 期間 較 最初 預期 的 4 月 1 日 來得 更 長 因此 決定 讓 美國 和 加拿大 大 部分 的 員工 休 無 薪 假 不過 公司 仍 將 持續 支付 津貼 直到 門市 重新 對外 營業 該 公司 同時 表示 將要 精簡人事 但 並未 透露 裁員 人數 截至 2 月 1 日 gap 聘 雇 129萬 名 員工 gap 在 30 日 告訴 員工 可到 其他 仍 持續 營業 和 征 人 的 零售 公司 應徵 短期 工作 柯爾 百貨 kohl&amp;apos s 則 計畫 讓 門市 員工 和 部分 公司 職員 休 無 薪 假 但 將 持續 提供 員工 健 保 柯爾 百貨 員工 總數 為 122萬 人 美國 知名 內衣 品牌 維多利亞 的 秘密 victoria&amp;apos s secret 母公司 l brands 日前 表示 將 自 4 月 6 日 起 讓 大部分 美國 門市 的 員工 休 無 薪 假 不過 將 繼續 提供 員工 健 保 福利 該 公司 的 員工 人數 約 944萬 人 雖然 沃爾瑪 與 亞馬遜 等 零售商 持續 增聘 員工 因應 線 上 訂單 激增 但 許多 雇主 調 降 員工 薪水 因應 營 收 急速 萎縮 而 耐 吉 與 露露 檸檬 lululemon 等 品牌 則 表示 在 門市 關閉 期間 將 持續 支付 員工 薪水</t>
  </si>
  <si>
    <t>新冠肺炎 在 伊朗 疫情 日益 惡化 截至 13 日 已 有 11364 起 確診 514 死 為 大陸 境外 疫情 最 嚴重 的 地區 根據 官方 電視臺 13 日 報導 伊朗 軍方 下令 安全部隊 將 在 24 小時 之內 清 空 伊朗 全國 所有 街道 並 將 對 所有 公民 進行 新冠 病毒 檢查</t>
  </si>
  <si>
    <t>新冠肺炎 在 伊朗 疫情 日益 惡化 截至 13 日 已 有 11364 起 確診 514 死 為 大陸 境外 疫情 最 嚴重 的 地區 根據 官方 電視臺 13 日 報導 伊朗 軍方 下令 安全部隊 將 在 24 小時 之內 清 空 伊朗 全國 所有 街道 並 將 對 所有 公民 進行 新冠 病毒 檢查 為 伊朗 對抗 疫情 以來 實施 的 最 嚴格 措施 據 路透社 與 法新社 報導 伊朗 官員 經常 抱怨 許多 伊朗 人民 無視 政府 留在 家中 避免 旅遊 的 呼籲 對此 武裝部隊 總參謀長 巴格裡 少將 mohammad bagheri 在 官媒 上 表示 伊朗 的 執法 與 安全 委員會 將 與 內政 部 與 地方 政府 合作 將 在 未來 24 小時 內 合力 清 空 街道 與 商家 巴 格裡 表示 在 接下來 的 10 天 裡 整個 國家 將 通過 網路 空間 電話 並 在 必要 時進行 親自 監視 將 疑 似 感染 病毒 的 人 識別 出來 此 一 措施 是 最高 領袖 哈米尼 ayatollah ali khamenei 下令 軍方 加入 抗 疫 行列 後祭出 的 最 強 手段 此外 先前 曾赴 伊朗 調查 的 世界衛生組織 團隊 應急行動 司 司長 布蘭 能 richard brennan 表示 伊朗 已 展現 堅強 防疫 工作 特別 在 該區 內 的 個案 管理 協調 以及 危機 溝通 等 但 還 需要 落實 更 多 特別 是 許多 優先 應急 地區 與 衛生部門 間 的 聯繫 而 伊朗 衛生部門 表示 13 日 因 新冠肺炎 而 死亡 的 人數 一 日 增加 85 人 為 2 月 19 日 以來 最 人數 最 多 的 一 次</t>
  </si>
  <si>
    <t>近期 中國 新冠肺炎 爆發 導致 鄰近 國家 如 香港 出現 口罩 之 亂 且 民眾 還 紛紛 搶購 衛生紙 與 糧食 近日 有 一 段 錄音 檔 流出 內容 是 指 新加坡 貿易 與 工業部長 陳 振聲 向 基層 解說 國家 如何 處理 口罩 策略 時 竟 暗 諷 香港 人 瘋 搶 口罩 的 行為</t>
  </si>
  <si>
    <t>近期 中國 新冠肺炎 爆發 導致 鄰近 國家 如 香港 出現 口罩 之 亂 且 民眾 還 紛紛 搶購 衛生紙 與 糧食 近日 有 一 段 錄音 檔 流出 內容 是 指 新加坡 貿易 與 工業部長 陳 振聲 向 基層 解說 國家 如何 處理 口罩 策略 時 竟 暗 諷 香港 人 瘋 搶 口罩 的 行為 太 過 低能 呼籲 新加坡人 不 要 效仿 綜合 媒體 報導 受到 疫情 影響 亞洲各國 出現 物資 短缺 的 現象 近日 新加坡 也 出現 人民 瘋 搶 物資 的 情況 所幸 情況 早早 受 控 對於 國人 這樣 行為 陳 振聲 指出 搶購 現象 對 國家 的 國際 地位 有 長遠 的 影響 並 覺得 這種 行為 相當 丟臉 我們 令 自己 感到 尷尬 真丟臉 我們 令 自己 丟臉 陳 振聲 繼續 說 新加坡人 不僅 搶 糧食 還 爭相 買 泡 面 跟 衛生紙 直指 這樣 的 行為 跟 香港 人 有 什麼 不同 事實上 香港 人 會 擔心 物資 短缺 因為 他們 的 衛生紙 是從 中國 進口 但 新加坡 的 衛生紙 則 是從 馬來西亞 和 印尼 供應 的 陳 振聲 語出驚人 地 說 沒有 衛生紙 用水 就 好 了 啊 為何 我們 會 做 那麼 低能 的 事情 呢 我 真的 是 受不了 陳 振聲 最後 說 這些 行為 會 讓 外界 對 新加坡人 失去 信心 如果 我們 這麼 失去 理智 lose our brain 這樣 容易 動搖 人家 會 和 我們 做 生意 嗎 同時 指出 社會 若 出現 這樣 的 恐慌 就 是 讓 供應商 有 趁機 哄抬 價格 的 機會 已經 有 人 試圖 加價 了 如果 我們 繼續 表現 得 像 白癡 一樣 外國 供應商 就 會 再次 抬 價 更 多 ctwant 報導</t>
  </si>
  <si>
    <t>今年春節 提前 使得 2 月 工作 天數 正常 卻 意外 面臨 新冠肺炎 疫情 攪局 多空 夾擊 中 逆勢 大增 甚至 創下 歷史 新 高 的 個股 短線 易獲 資金 青睞 包括 是 方 6561 勤 凱 4760 熱映 3373 及 鈊 象 3293 等 4 檔 個股 根據 統計</t>
  </si>
  <si>
    <t>新冠肺炎 呼吸器 美國 歐美 臺灣</t>
  </si>
  <si>
    <t>衛福 部長 陳時中 26 日 宣佈 因應 本土 疫情 持續 嚴峻 宣佈 強化 新冠肺炎 第 三級 疫情 警戒 的 五大 管制 請 全國 民眾 持續 落實 遵循 與 政府 共同努力 嚴守 社區 防線 相關 強化措施 及 裁 罰 如下 一 民眾 外出 時應 全程 佩戴 口罩 一經</t>
  </si>
  <si>
    <t>全國 裁 罰 疫情 警戒 新冠肺炎 臺灣</t>
  </si>
  <si>
    <t>新冠肺炎 疫情 趨 緩 全台 大解 封 台南 市長 黃偉哲 7 日 出席 公開 活動 時 雖然 已經 沒有 戴 口罩 但 卻 還 是 要 逆 時 中 一下 除 要求 台南 市 舞廳 酒店 繼續 維持 實 名 制 一段時間 也 希望 第一線 櫃檯 人員 公車 司機 仍 需 戴 口罩 黃</t>
  </si>
  <si>
    <t>新冠肺炎 疫情 衝擊 產業 新北 市 補足 中央 政策 推出 好 來 工作 計 畫 供 民眾 就業 的 迫切 需求 吸引 405 人 申請 目前 已 有 291 人 上工 新北 市長 侯友宜 27 日前 往 三 重 社 福 中心 關心 首 波 民眾 工作 狀況 受 疫情 影響 失業 近 半 年 的</t>
  </si>
  <si>
    <t>受 新冠肺炎 疫情 影響 新北 市 暫時 銀髮 俱樂部 和 社區 照顧 關懷 據點 的 開放 和 活動 為 讓 長者 在家 仍 能 持續 運動 保持 身體健康 提升 免疫力 新北 市府 透過 13 家 有線電視 業者 拍攝 防疫 動 健康 大家 一起 來 教學 影片 今 1</t>
  </si>
  <si>
    <t>受 新冠肺炎 疫情 影響 新北 市 暫時 銀髮 俱樂部 和 社區 照顧 關懷 據點 的 開放 和 活動 為 讓 長者 在家 仍 能 持續 運動 保持 身體健康 提升 免疫力 新北 市府 透過 13 家 有線電視 業者 拍攝 防疫 動 健康 大家 一起 來 教學 影片 今 1 日 起 正式 上線 每天 上午 8 時和 下午 3 時 在 各 系統 第 3 頻道 播出 20 分鐘 讓 長者 在家 中 也 能 跟 著 一起 運動 永 和 民權 社區 理事長 邱秀蘭 表示 據點 已經 暫停 運作 一個 月 許多 長輩 都 無法 到 據點 活動 非常感謝 市府 拍攝 動 健康 教學 影片 讓 長者 在家 每天 至少 2 次 可以 跟 著 動一動 社會 局長 張錦麗 表示 除了 銀髮 俱樂部 社區 照顧 關懷 據點 暫停 運作 還有 松年 大學 銀色 奇 肌 班 和樂 齡 學習 中心 等 春季 班 都已 暫停 開課 市長 侯友宜 為了 讓 長者 持續 運動 保健 康 與 13 家 有線電視 業者 合作 拍攝 防疫 動 健康 大家 一起 來 教學 影片 包含 揚生 自愈 力 菲特邦 肌 耐力 梅門 甩 活力 和 福智 護身 力 等 市長 還 帶頭 一起 運動 希望 長者 在家 也 能 勤勞 運動</t>
  </si>
  <si>
    <t>新冠肺炎 動 健康 新北 市 侯友宜 銀髮 族</t>
  </si>
  <si>
    <t>新冠肺炎 臺灣 防疫 機組員 民航 局</t>
  </si>
  <si>
    <t>新冠肺炎 臺灣 賴士葆 疫苗 陳時中</t>
  </si>
  <si>
    <t>電源 管理 ic 廠 致 新 8081 股利 政策 出爐 預計 每股 將 配發 95 元 配發 現金 創 新高 配發 率 超過 七 成 現金 殖 利率 達 492 法人 預期 致 新 第一 季 合併 營 收 將 有望 持續 受惠 於遠 端 辦公 教育 熱潮 推動 的 筆 電 面板 電源 管理 ic 需求 續 旺 上半年 營運 將 可望 創下 歷史 同期 新 高 致 新 17 日 公告 股利 政策 預計 每股 將 配發 95 元 現金 股利 每股 配發 現金 股利 創下 新高 配發 率 約 77 以致 新 17 日 收盤 股價 193 元 計算 現金 殖 利率 約 492 致 新 亦 公告 股東 常會 日期 預計 將 於 6 月 10 日 在 致 新 新竹 總公司 召開 年度 股東 常會 法人 指出 致 新 2020 年 受惠 於新冠肺炎 帶起 的 遠 端 辦公 教育 熱潮 推動 筆 電 及 螢 幕 的 電源 管理 ic 出 貨 暢 旺 加上 子公司 類比 科 營運 暢 旺 挹注 使 致 新 2020 年 財 報繳 出 亮 眼 成績單 對於 2021 年 展望 法人 看好 當前 筆 電 電視 及 螢 幕 等 遠 端 辦公 教育 和 宅 經濟 需求 仍 維持 高檔 使 致 新 訂單 能見度 有望 一路 放眼 到 第二 季 且 加上 當前 晶圓 代 工 封 測 產能 吃緊 拉高 致 新 投 片 成本 致 新 亦 將 其 轉嫁給 客戶 因此 預估 致 新 本 季 合併 營 收 將 可望 突破 20億 元 關卡 並且 再度 改寫 新高 表現 且 進入 第二 季後 隨 著 工作 天數 恢復正常 致 新 出 貨 動能 亦 將 開始 全力 衝刺 將 有望 使 電源 管理 ic 出貨量 再度 向上 攻 高 法人 預期 致 新 單季 合併 營 收 將 有 機會 再度 挑戰 新高 水準 使 上半年 營運 創下 歷史 同期 高峰 供應 鏈 指出 目前 筆 電 螢 幕 等 宅 經濟 需求 仍 維持 高檔 加上 這 波 晶圓 代 工 封 測 產能 吃緊 問題 恐 至少 延續 到 2021 年底 因此 客戶 備 貨 需求 維持 在 強勁 水準 擔心 再度 面臨 缺貨 問題 因此 看好 致 新 全年 業績 至少 有 機會 達 雙 位數 成長 表現 除此之外 致 新 目前 正 全力 進攻 pc 平臺 市場 希望 能 以 v-core 等 關鍵 電源 管理 ic 打入 英特爾 超 微 等 參考 設計 名單 當前 雖然 在 耕耘 階段 但 若 是 成功 獲選 為 參考 設計 名單 將 可望 替 致 新 帶來 大筆 業績</t>
  </si>
  <si>
    <t>520 吸引 大批 戀人 登記 成為 夫妻 八 德 戶政 事務所 有 73 對 新人 登記 其中 有 法國 丈夫 為 愛 遠 赴 臺灣 也 有 機場 地勤 桃園 醫院 護理 師 夫妻 在 疫情 期間 勇敢 站上 第 一線 20 日 在 眾人 祝福 下 成為 彼此 的 另 一半 八 德 區 25 歲 新人 張巧穎 和 法國 丈夫 thomas george 在 韓國 相識 當時 張巧 穎 前往 旅遊 george 則 是 在 張 住宿 的 青年旅社 打工 2 人 互加 網路 社 群 好友 後 譜 出 戀 曲 george 決定 為 愛 飛來 臺灣 也 努力學習 中 文 2 人 在 520 前往 八 德 戶政 事務所 登記 互 許 終身 另外 在 桃園 醫院 擔任 護理 師 的 新人 吳姍庭 丈夫 是 桃園 機場 地勤 2 人 透過 朋友 介紹 認識 在 新冠肺炎 疫情 期間 2 人 成為 社會 最 強 後盾 1 位 守 在 國門 第一線 1 位 則 是 醫療 最 強 防線 壓力 相當 大 2 人 也 彼此 鼓勵 對方 並 決定 在 520 登記 結婚 另外 化學工程 的 張中 瑋與 任職 會計 的 黃資婷 兩 人 透過 線 上 遊戲 認識 黃資婷 說 男方 曾 在 她 身體 不 適時 趕到 高雄 親手 送 上 煲 湯令 她 相當 感動 此外 蘇姓 翁姓 女子 透過 交友 軟 體 認識 翁女 為了 有 氣喘 的 蘇女 還 決定 戒煙 也 感謝 開放 同性 婚姻 讓 她們 可以 給 對方 名分 八 德 區 戶政 事務所 主任 王瓊慧 表示 每年 在 520 都 有 許多 情侶 登記 今年 因 防疫 需要 戴 上 口罩 還 規 畫 彩繪 口罩 給 另 一半 傳達 愛意 也 和 附近 飲料店 合作 發放 飲料 振興 兌換券 也 另外 送 上金 鏟子 祝福 新人 好 孕 到</t>
  </si>
  <si>
    <t>由於 多國 紛紛 質疑 中方 提供 的 新冠肺炎 確診 與 死亡 數字 英國政府 已將 中國 大陸 排除 在 新冠肺炎 疫情 的 比較 名單 外 據 每日 郵報 daily mail 25 日 報導 就 在 國際 社會 日益 懷疑 北京 隱瞞 疫情 之際 這 對 中方 無異 是 打 臉 先</t>
  </si>
  <si>
    <t>新冠肺炎 臺灣 邱臣遠 交通委員會 確診</t>
  </si>
  <si>
    <t>南 臺灣 中型 建 商泰嘉 開發 去年 營 收 39億 元 年 增 30 面對 新冠肺炎 肆虐 在 80 以上 的 大型活動 取消 之際 泰嘉 13 日 仍然 舉行 員工 聚餐 泰 嘉 董事長 呂金髮 指出 此 波 疫情 造成 全球 金融市場 波動 劇烈 難免會 影響 市</t>
  </si>
  <si>
    <t>泰嘉 建 案 呂金髮 新冠肺炎 總 銷 約</t>
  </si>
  <si>
    <t>儘管 紐約州 新冠肺炎 死亡 人數 已 破 萬 但 州長 古莫 andrew cuomo 認為 最糟 的 已經 過去 住院 人數 似乎 進入 高原期 單日 新增 死亡 人數 為 671 名 大約 是 一 周 來 的 最低 數字 據 bbc 新聞網 14 日 報導 美國 東部 6 州 州長 已 開</t>
  </si>
  <si>
    <t>貨櫃 航運 歐洲線 運價 在 第 四季 高 角度 大 漲 9379 上周 更以 2091 美元 teu 20 遲 貨櫃 再創新高 價 適逢 年底 歐洲線 合約 價 簽訂 期限 預期 將 調 漲 23 對 長 榮 而言 是 利多 不 斷 長 榮 表示 10 艘 專營 歐洲線 24萬 teu 貨櫃船 2021 年 陸續 交船 投入 營運 今年初 貨櫃 航運 亞洲 至 歐洲 航線 運價 每 teu 為 1124 美元 但因 新冠肺炎 疫情 擴散 歐洲各國 開始 封鎖 限 縮 經濟 活動 貨 量 也 隨之 下滑 一直 到 3 月中 旬 一度 跌 到 每 teu 為 725 美元 自 10 11 月 開始 隨 著 市場 缺 櫃 的 情形 越來越 吃緊 亞洲 至 歐洲 航線 每 teu 的 即期 市場 運價 也 跟 著 水漲船高 上周 每 teu 已經 漲 破 2000 美元 達 2091 美元 一 周 上漲 2719 再 刷新 歷史 新高 單周 漲幅 創 2016 年 9 月 第一 周新高 光是 第 四季 以來 歐洲線 已 上 漲 了 9379 今年 高 低價 相較 漲幅更 大 18841 逼近 兩 倍 由於 北美 航線 運價 處在 高峰 不遂 歐洲線 東南亞 航線 第 四季 大 漲 歐洲線 占 長 榮 營 收 比重 30 北美 線 30 因為 長 榮 歐洲 線 多數 采 現貨價 為主 合約 價 比重 低 長 榮 10 日 公佈 11 月 營 收 將 有望 再 創下 新 高 此外 適逢 年底 前 歐洲線 合約 價 簽訂 期 總部 位於 丹麥 哥本哈根 的 國際航運 研究 機構 sea-intelligence 在 日前 的 報告 中 指出 亞洲 至 歐洲 航線 近期 運價 快速 攀升 進而 推 升 年度 合約 運價 水準 預期 2021 年 亞歐 市場 的 合約 價 將 比 今年 調 漲 23 今年 貨櫃 航運 市況 大 榮景 長 榮 兩 年前 抓住 景氣 穀底 期 投入 造船 計 畫 精准 趕上 此 波 景氣 大循環 長 榮 表示 其中 五 艘 12萬 teu 貨櫃船 已 投入 北美 航線 外 2021 年 尚有 15 艘 長 榮也 針對 歐洲線 訂造 10 艘 全球 超大型 24萬 teu 貨櫃船 將 在 2021 年 陸續 交船 挾 著天時 地利 人和 等 利多 長 榮 今年 第 四季 及 2021 年 營運 看法 正面 且 樂觀</t>
  </si>
  <si>
    <t>臺灣 新冠肺炎 血液 透 析 院內 感染 洗 腎病 患</t>
  </si>
  <si>
    <t>icu 醫 趴臥 壓迫 肺部 新冠肺炎 臺灣</t>
  </si>
  <si>
    <t>新冠肺炎 臺灣 建國 自助餐 關門</t>
  </si>
  <si>
    <t>新冠肺炎 疫情 嚴峻 嘉 義縣 阿里山 南 三村 山美 新美 茶山 日前 舉行 pa momxtx 祈福 儀式 山美 社區 發展 協會理事 長安 榮進 表示 這 是 相當 傳統 的 儀式 上次 舉行 是 sars 時 這次 因 新冠肺炎 疫情 隔 17 年 再次 舉辦 希望 能 將</t>
  </si>
  <si>
    <t>新冠肺炎 疫情 嚴峻 嘉 義縣 阿里山 南 三村 山美 新美 茶山 日前 舉行 pa momxtx 祈福 儀式 山美 社區 發展 協會理事 長安 榮進 表示 這 是 相當 傳統 的 儀式 上次 舉行 是 sars 時 這次 因 新冠肺炎 疫情 隔 17 年 再次 舉辦 希望 能 將 外來 的 疾病 惡 靈 擋 在外 守護 族人 健康 pa momxtx 是 鄒語 關卡 或 結 界 之 意 在 過去 外界 與 部落 聯絡 的 道路 隘口 舉行 設下 結 界 阻擋 外來 的 疾病 惡 靈 等 進到 部落 是 難得 一 見 的 傳統 儀式 近日 淩晨 由 巫師 安金立 帶領 山美 部落 幾 位 代表 的 耆 老 進行 儀式 最後 將 曬 幹 揉 製成 條 的 山芙蓉 綁 在 2 棵 雀 榕 上 約 半 小時 完成 祈福 儀式 對 巫師 文化 有 深入 研究 的 山美 社區 發展 協會 專案 經理 方敏全 表示 近期 有 不少 族人 找 巫師 解夢 安 巫師 也 發現 這些 夢境 呈現 的 方式 十分 類似 認為 可能 與 這次 新冠肺炎 疫情 有關 才 決定 再次 舉辦 儀式方敏全 還 提到 這次 儀式 應是 補強 2003 年 時 所 立下 的 結 界 雀 榕 也 是 2003 時所種 下 今年 86 歲 的 耆 老 溫貞祥 說 儀式 在 清晨 天 剛亮 時 舉辦 且 參加 的 耆 老 需 空腹 準備 小 豬 小米 酒 等 祭品 儀式 約 半 小時 完成 山芙蓉 則 是 送給 神 的 禮物 祈求 神 能 守護 族人</t>
  </si>
  <si>
    <t>停電 台電 新冠肺炎 臺灣 亞東 醫院</t>
  </si>
  <si>
    <t>超豐 新冠肺炎 京元電 確診 移 工 移 工</t>
  </si>
  <si>
    <t>新冠肺炎 居家 防疫 措施 嚴重 打擊 加拿大 就業 市場 加國 在 兩 個 月 間 流失 300萬 個 工作 機會 換言之 短短 60 天 便 將 過去 15 年 增加 的 工作 全數 抹 去 combined with the march results canada has now shed more than three mill</t>
  </si>
  <si>
    <t>新冠肺炎 居家 防疫 措施 嚴重 打擊 加拿大 就業 市場 加國 在 兩 個 月 間 流失 300萬 個 工作 機會 換言之 短短 60 天 便 將 過去 15 年 增加 的 工作 全數 抹 去 combined with the march results canada has now shed more than three million jobs-the equivalent of 15 years of job gains as companies responded to myriad restrictions on business activity across the country 新冠肺炎 重創 加拿大 就業 市場 加國 4 月 流失 將近 200萬 份 工作 機會 加上 3 月 的 數字 兩 個 月 下來 合計 失去 300萬 份 工作 讓 加國 過去 15 年 增加 的 工作 機會 全部 化為烏有 加拿大政府 為了 防止 新冠肺炎 疫情 擴散 下令 關閉 非必要 業務 造成 商業活動 停 擺 嚴重 打擊 經濟 根據 加拿大 統計局 公佈 加國 3 月 流失 101萬 份 工作 機會 4 月 資料 更 躥 升至 199萬 創下 統計局 自 1976 年 開始 追蹤 該 資料 以來 最慘 紀錄 相較 之下 在 爆發 全球 金融危機 之時 2009 年 1 月 加國 流失 的 工作 機會 將近 12 5萬 份 失業 人口 4 月 大增 不過 4 月 流失 的 工作 數量 仍 低於 市場 預期 分析 師 普遍 預估 該 月 資料 上 看 400萬 bmo economics 首席 經濟學家 波特 douglas porter 指出 加國 超過 700萬 人 申請 緊急 救濟金 cerb 讓 分析 師 做出 相當 悲觀 的 預測 隨 著 失去 工作 的 人口 暴 增 加拿大 失業率 由 3 月 的 78 躥 升至 4 月 的 13 雖然 低於 市場 預估 的 18 但 也 創下 史 上 第二 高 紀錄 僅次於 1982 年 12 月 的 131 若是 依據 美國勞工部 的 統計 方式 加國 4 月 失業率 為 117 低於 美國 同期 的 147 紀錄 求職 網站 indeed canada 經濟學家 伯納德 brendonbernard 指出 最新 就業 資料 開始 反映 新冠肺炎 如何 重創 加拿大 勞動 市場 雖然 4 月份 資料 沒有 市場 預期 得 那麼 糟 但 64 的 加國 成年人 在 一個 月 內 失去 飯碗 仍 是 驚人 的 數字 在 此 同時 加國 4 月 勞動 參與率 跌破 60 降 至 598 創下 史 上 最低 紀錄 意味著 加 國有 超過 100萬 人 被迫 或是 選擇 退出 勞動 市場 報告 顯示 4 月 加拿大 367 的 潛 在 勞工 沒有 工作 或是 工作 時數 不 到 以往 的 一半 相較 之下 2 月 資料 僅 113 加國 財政 陷入 大 衰退 4 月 魁北克省 流失 的 工作 機會 位居 加國 之 冠 共 失去 821萬 份 工作 加拿大 統計局 前 經濟學家 克羅斯 philip cross 表示 衰退 recession 一 詞 已經 無法 用 來 形容 加拿大 目前 的 經濟 慘狀 克羅斯 目前 擔任 渥太華 智 庫 資 macdonald-laurier 資深 研究員 克羅斯 警告 加國 無法 樂觀 期望 經濟 將 出現 v 型 復蘇 新冠肺炎 重創 勞動 市場 造成 消費者 和 企業 收入 銳減 偏偏 兩者 的 債務 負擔沉重 加拿大政府 應 預期 經濟 可能 出現 又 長 又 深 的 緊縮 將 影響 未來 幾 年 的 成長 和 生產力 根據 加拿大 銀行家 協會 資料 加國 將近 750萬 人 申請 延後 繳納 房 貸 六 個 月 約 占 銀行 15 的 房 貸 案件 laurentian bank securities 首席 經濟學家 拉夫爾 sebastien lavoie 預測 加國 就業 市場 要到 2022 年 才能 恢復 2020 年 3 月 前 的 水準 而 受 疫情 影響 最深 的 觀光 和 飯店業 勞工 可能 面臨 長期 失業</t>
  </si>
  <si>
    <t>敦睦 艦隊 27 人 感染 新冠肺炎 外界 質疑 國防部 隱匿 疫情 究 責 聲浪 不 斷 臺北市 長 柯文哲 22 日 表示 這 是 危機 出 問題 該 檢討 就 檢討 正直 誠信 是 很 大 的 文化 但 現在 不是 燒 女巫 的 時候 應 把 問題 先 處理 完 要 罵 再 罵 另外 針對</t>
  </si>
  <si>
    <t>敦睦 艦隊 27 人 感染 新冠肺炎 外界 質疑 國防部 隱匿 疫情 究 責 聲浪 不 斷 臺北市 長 柯文哲 22 日 表示 這 是 危機 出 問題 該 檢討 就 檢討 正直 誠信 是 很 大 的 文化 但 現在 不是 燒 女巫 的 時候 應 把 問題 先 處理 完 要 罵 再 罵 另外 針對 官兵 足跡 他 主張 全台 公佈 的 程度 應 標準 一致 中央 不該 讓 地方 自己 看 著 辦 強調 我 還是 順 時 中 柯文哲 說 軍隊 是 國家 命脈 軍艦 有 27 人 確診 發 了 20萬 封 細胞 簡訊 這 是 危機 出 了 問題 該 檢討 就 檢討 中央 應有 人 出 來講 因 這不 只是 衛福部 還 牽涉 軍方 該 開誠佈公 該 怎 解決 就 解決 但 也 別 用 獵 女巫 燒 女巫 心態 處理 柯說 就 他 醫學 專長 他 在 當 小 醫生 時 發現 開刀房 病人 流血 只 會 罵 小 醫生 小 護士 血 也 不 會 止住 所以 他 佩服 他 老師 洪啟仁 教授 愈 混亂 時 愈 安靜 先 別 急 著 罵誰 先 把 事情 解決 該 夾 的 地方 先 夾 全部 處理完 要 罵 再 罵 這不 是 燒 女巫 的 時候 不過 柯也 強調 他 主張 官兵 足跡 公佈 的 程度 全台 應 一致 所以 他 喜歡 sop 但 中央 卻 告訴 地方 政府 自行決定 這 跟 以前 集中 檢疫所 一樣 一下 公佈 一下 不公 布 他 做為 地方 政府 都 搞不清 該 怎麼辦 但 他 仍 按照 衛福 部長 陳時 中的 講法 可 控制 就 不 講 若 無法控制 且 失控 再 拿 出 來講 我 還是 順 時 中的 柯說 若 確診 官兵 有 戴 口罩 停留時間 短 則 部 公佈 沒 戴 口罩 停留時間 長 就 公佈 但 也 公佈 與否 也 要 有 統一標準 不是 讓 地方 政府 自己 看 著 辦 這不 是 他 的 作風 只 是 他 現在 是 捕手 不是 投手 跟 打擊手 投手 丟 出來 的 球 不管 是 暴投 還 什麼 他 都 要 去 接 北市 副 市長 黃珊珊 補充 確診 官兵 去 了 北市 6 個 地方 有 3 個 是 公共 運輸 但 當天 已 清潔 消毒 還有 1 個 是 女友 家 只有 女友 要 被 居家 隔離 另 1 個 是 去 沒人 的 自助 洗衣店 也 有做 清潔 消毒 她 認為 不是 不 公佈 而是 沒 必要 按照 市長 的 原則 至於 若 碰到 胞兄 參謀總長 黃曙光 是否 會 勸 什麼 話 黃珊珊 說 國家 有 國家 的 制度 每個 人 在 工作崗位 上 做 自己 該 做 的 事 該 怎麼 辦 就 怎麼 辦 此外 有 92 名 海軍 拒絕 高雄 市府 電話 疫 調 北市 會 采 何種 方式 疫 調 北市 衛生局長 黃世傑 說 確診 的 人 住 到 各 醫院 負 壓 隔離病房 醫護人員 若要 進去 需 換 防護 裝 但 疾 管署 疾 管科 或 健康 服務 中心 的 人 大概 都 很 難 這麼 做 目前 都 是 以 電話 詢問 為主 至於 若 去 過 什麼 地方 有 需要的話 會 到 那個 地點 去 看 可能 接觸 過 的 人 看 狀況 需 格 離 對於 已經 確診 的 人 則 以 電話 疫 調 為主</t>
  </si>
  <si>
    <t>北市 松山區 一 間 加強版 防疫 專責 旅館 27 日 中午 驚 傳 一 名 確診 者 猝死 在 房間內 經 警方 調查 無 外力 介入 後 將 由 衛生局 通知 醫生 開立 死亡 證明書 以 行政 相 驗 結案 至於 是否 因 新冠肺炎 病逝 仍 待 相關 單位 確認 厘 清 據 瞭解 死</t>
  </si>
  <si>
    <t>北市 松山區 一 間 加強版 防疫 專責 旅館 27 日 中午 驚 傳 一 名 確診 者 猝死 在 房間內 經 警方 調查 無 外力 介入 後 將 由 衛生局 通知 醫生 開立 死亡 證明書 以 行政 相 驗 結案 至於 是否 因 新冠肺炎 病逝 仍 待 相關 單位 確認 厘 清 據 瞭解 死者 是 50 多 歲 鄭姓 男子 他 日前 確診 後 在 17 日 住 進 該 防疫 旅館 飯店 人員 今天 中午 巡 房 時 發現 房間 門口 的 早餐 未取 用 敲門 及 打電話 他 都無 回應 遂 拿 鑰匙 打開 房門 卻 赫然 看見 鄭男 已 倒 在 地上 工作人員 趕緊 打 119 報警 救護 人員 到場 確認 他 已 明顯 死亡 沒有 再 將 他 送醫急救 後續 交由 衛生 單位 處理 該 家 加強版 防疫 旅館 前天 也 發生 一 名 72 歲 確診 婦人 因 病情 急遽 惡化 緊急 送 往 台大醫院 急救 後 仍 宣告 不治 的 憾事 令 民眾 頗為 憂心 加強版 防疫 旅館 是否 有 一定 程度 的 醫療 照 護 功能</t>
  </si>
  <si>
    <t>新冠肺炎 臺灣 北市 防疫 專責 旅館 確診 者</t>
  </si>
  <si>
    <t>新冠肺炎 臺灣 女 保險員 隔離 彰 化 縣</t>
  </si>
  <si>
    <t>施景中 新冠肺炎 疫情 新冠 病毒</t>
  </si>
  <si>
    <t>新冠肺炎 疫情 持續 延 燒 近日 有人 在 通訊 軟 體 上流 傳說 基隆 廟口 有 攤販 中 鏢 新冠肺炎 基隆 廟口 主委 謝文賢 於 12 日 跳出 來 痛 批 這個 謠言 傷害 非常 的 大 廟口 整個 生意 掉 了 5 成 以上 並 提出 懸賞 10萬 元 來 追捕 在 網路上 造謠 的 人</t>
  </si>
  <si>
    <t>新冠肺炎 疫情 持續 延 燒 近日 有人 在 通訊 軟 體 上流 傳說 基隆 廟口 有 攤販 中 鏢 新冠肺炎 基隆 廟口 主委 謝文賢 於 12 日 跳出 來 痛 批 這個 謠言 傷害 非常 的 大 廟口 整個 生意 掉 了 5 成 以上 並 提出 懸賞 10萬 元 來 追捕 在 網路上 造謠 的 人 他 更 指出 這 幾 天 生意 這麼 差 光 廟口 就 有 好幾 攤 毅然決然 決定 停業 不 賣 了 休息 幾 天 但 為了 生計 大家 只好 繼續 熬 下去 可是 有的 攤販 一 天 只 賣 二三千 元 入不敷出 怎麼 生活 連成 本 都 慘 賠 出去 了 謝文賢 說 他 要 大力 追捕 造謠 者 並且 造謠 者 亂 傳 的 不 只 一 攤 而是 好多 攤 中 鏢 他 要 出門 懸賞 10萬 元 請 大家 一起 來 抓 造謠 者 或是 請 造謠 者 自己 跳 出來 並 陪 著 攤販 去 檢驗 如 真 的 有 確診 他 就 會 送出 10萬 元 但 如果 為 陰性 沒有 確診 他 則 大力 呼籲 別 再 造謠 了 這 會 影響 大家 生計</t>
  </si>
  <si>
    <t>基隆 廟口 攤販 謠傳 懸賞 新冠肺炎</t>
  </si>
  <si>
    <t>幼稚園 群 聚 擴大 基因 定 序 新冠肺炎</t>
  </si>
  <si>
    <t>新冠肺炎 疫情 越南 胡志明市 棺材</t>
  </si>
  <si>
    <t>大陸 國家 衛健 委 17 日 公佈 前 一 日 新增 42 例 新冠肺炎 確診 病例 本土 疫情 終 趨 緩 病例 降 至 個位 數 6 例 江蘇 和 湖北 各 新增 3 例 近日 疫情 嚴峻 的 江蘇省 揚州市 疫情 也 逐漸 緩和 但 為 徹底 阻斷 病毒傳播 鏈 揚州 17 日 展開 第 11 次 大 規模</t>
  </si>
  <si>
    <t>大陸 國家 衛健 委 17 日 公佈 前 一 日 新增 42 例 新冠肺炎 確診 病例 本土 疫情 終 趨 緩 病例 降 至 個位 數 6 例 江蘇 和 湖北 各 新增 3 例 近日 疫情 嚴峻 的 江蘇省 揚州市 疫情 也 逐漸 緩和 但 為 徹底 阻斷 病毒傳播 鏈 揚州 17 日 展開 第 11 次 大規模 核酸 檢測 江蘇 新增 3 例 本土 病例 均 在 揚州市 7 月 28 日 至今 揚州市 累計 報告 本土 病例 555 例 目前 已 有 20 名 病 患 出 院 而 揚州 17 日 有 兩地 疫情 風險 等級 調整 一 升 一 降 邗江區 甘泉街道 升為 中 風險 地區 邗江區 雙橋街道 文 揚 社區 紫金 文昌 社區 降為 低 風險 地區 此外 河南 鄭州市 新冠肺炎 疫情 應急 處置 聯合 指揮部 17 日 消息 指出 鄭州市 計畫 8 月 24 日前 完成 12 至 17 歲 人群 新冠 疫苗 第 1 劑 次 接種 9 月 15 日前 完成 第 2 劑 次 接種 鄭州市政府 副 秘書長 李慧芳 表示 疫苗 接種 是 預防 新冠肺炎 最 經濟 最 有效 的 防護 措施 青少年 也 是 新冠 病毒 的 易 感 人群 及時 接種 疫苗 有助於 青少年 獲得 針對 新冠 病毒 的 免疫力 對 建立 人群 免疫 屏障 具有 重要 意義 截至 16 日 鄭州市 新冠 病毒 疫苗 累計 接種 151691萬 劑 次 其中 第 1 劑 83098萬 劑 次 第 2 劑 66042萬 劑 次 第 3 劑 2551萬 劑 次 鄭州 全市 18 歲 以上 人群 接種 第 1 劑 8084萬 人 接種 率 8324 12 17 歲 人群 接種 第 1 劑 2258萬 人 接種 率 2423 而 目前 獲准 於 未成年人 中 使用 的 新冠 疫苗 為 大陸 國藥 疫苗 和 科興 疫苗 使用 的 疫苗 劑量 免疫 程式 與 18 歲 以上 人群 完全 一樣 另 據 大陸 國家 衛健 委 主任 馬曉偉 日前 表示 9 月 面臨 開學 季 大中專 院校 和 中小學 如期 開學 一些 省分 要 組織 一系列 重大 活動 要 力爭 在 8 月底 前 把 當前 疫情 控制 住 儘快 讓 社會 生活 恢復 到 正常 狀態 據 統計 大陸 現有 中 高風險 地區 95 29 個 包括 95 個中 風險 地區 分佈 在 10 個 省分 江蘇 河南 湖南 湖北 雲南 山東 海南 北京 內蒙古 另 29 個 高風險 地區 分佈 在 雲南 江蘇 河南 湖南</t>
  </si>
  <si>
    <t>臺北市 長 柯文哲 日前 宣佈 打 疫苗 免費 引發 中央 地方 搶功 爭論 據 中央預算 編 列 預算內 容 追加預算 中 並非 接種 服務 卻 聲稱 全部 免費 對此 柯文哲 怒 嗆 對付 新冠肺炎 沒有 像 對付 柯文哲 這麼 用心 提高 民眾 接種 疫苗 意願</t>
  </si>
  <si>
    <t>柯文哲 新冠肺炎 中央 臺灣 疫苗</t>
  </si>
  <si>
    <t>北京日報 用戶 端 30 日 報導 大陸 國家 傳染病 醫學 中心 主任 復旦大學附屬華山醫院 感染 科 主任 張文宏 30 日 出席 第 三 屆 中國 醫師 公益 大會 時 表示 未來 大陸 和 全世界 都 接種 疫苗 後 人們 還 是 應該 儘量減少 聚集 在 室內 擁擠 的 地方 儘量 戴 口罩 加強 通風 張文宏 表示 新冠肺炎 傳播 性 極 強 需要 做 更 多 預防 性 的 工作 這個 疾病 不是 醫生 所 能夠 單獨 搞 定 的 我們 一定 需要 普通 民眾 的 配合 最近 國內 很多 地方 出現 了 散發 病例 我 要 呼籲 大家 新冠 病毒 非常 隱蔽 如果 我們 經過 了 有 病例 的 地區 回來 以後 要 第一時間 做 核酸 檢測 張文宏 指出 快速 檢測 病毒 是 贏得 抗 疫 勝利 非常 重要 的 法寶 因為 病毒傳播 速度 太 快 如果 能夠 早期 發現 就 可以 及時 中斷 它 的 傳播 但是 如果 發現 得 晚 可能 就 要 付出 更 大 的 代價 所以 積極 地 進行 檢測 是 非常 關鍵 的 張文宏 說 第二 如果 一旦 有 發燒 這樣 的症狀 我們 要 及時 地 到 就近 醫療機構 的 發熱 門診 或者 核酸 檢測點 進行 排查 這 是 幫助 我們 早期 發現 病人 非常 重要 的 一個 環節 未來 疫苗 全面 普及 之後 是否 還 需要 戴 口罩 呢 張文宏 表示 未來 隨 著 疫苗 接種 的 普及 他 還 是 主張 大家 在 密集 的 地方 擁擠 度 儘量 不要 太 高 並 在 室內 擁擠 的 地方 儘量 能夠 戴 口罩 室內 能夠 經常 通風 他 強調 包括 戴 口罩 在內 的 一些 防疫 的 基本 環節 哪怕 將來 在 中國 我們 都 接種 過 疫苗 全世界 都 接種 過 疫苗 我們 還 是 呼籲 大家 能夠 採取 只要 做到 了 這 一點 病毒 的 傳播 速度 就 會 大幅度 地 降低 張文宏 說 現在 廣大 醫生 都 在 默默 地 努力 以 儘快 加強 中國 的 公共 衛生 網路 醫院 基層 防護 網路 預警 平臺 以及 末端 發現 能力 張文宏 說 為了 中國 能 儘早 地 打開 國門 儘早 地 獲得 更 高 的 阻擊 病毒 的 力量 各行各業 都 在 努力 奮鬥</t>
  </si>
  <si>
    <t>新冠肺炎 大陸 張文 宏 戴 口罩 接種 疫苗</t>
  </si>
  <si>
    <t>新冠肺炎 臺灣 接種 意願 書 新北</t>
  </si>
  <si>
    <t>石斑魚 市場 新冠肺炎 漁業 署 滯銷</t>
  </si>
  <si>
    <t>新冠肺炎 臺灣 宜蘭 確診 喜宴</t>
  </si>
  <si>
    <t>心血管 疾病 位居 國人 十 大 死因 第 2 位 且 臺灣 進入 高齡 化 社會 年紀 越 大 共 病 越 多 常見 的 共 病 因數 如 糖尿病 高血壓 性 疾病 腎臟 相關 疾病 皆 位居 十 大 死因 之列 萬一 國內 新冠肺炎 疫情 再起 心血管 疾病 患者 更 亟需 接種 疫</t>
  </si>
  <si>
    <t>新冠肺炎 臺灣 疫苗 心血管 疾病 接種</t>
  </si>
  <si>
    <t>長期 居住 在 香港 的 潘迎紫 分享 在 香港 防疫 近況 過 年前 爆出 新冠肺炎 因 香港 和 大陸 相通 所以 香港 很快 便 開始 有 確診 病例 政府 機構 關門 大家 也 都在家 辦公 她 則 是 在家 忙 股市 操盤 香港 官方 呼籲 民眾 儘量 待 在家 她 形容 自</t>
  </si>
  <si>
    <t>新冠肺炎 臺灣 新竹 移 工 確診</t>
  </si>
  <si>
    <t>新冠肺炎 臺灣 苗栗 移 工 快 篩 陽性</t>
  </si>
  <si>
    <t>新冠肺炎 臺灣 訊息 疫苗 臺灣</t>
  </si>
  <si>
    <t>新冠肺炎 美國 確診 數 37萬 死亡 破 11萬 例 川普 斥 who 搞砸 了</t>
  </si>
  <si>
    <t>新冠肺炎 臺灣 北市 delta 柯文哲</t>
  </si>
  <si>
    <t>新冠肺炎 產業 驗 傷 首季 營 收 估 減 三 成 tpk 4 月 恢復正常</t>
  </si>
  <si>
    <t>tpk-ky 宸 鴻 3673 因為 提 列 資產 減 損 2019 年 第 四季 意外 轉 虧 自 結 稅 後 虧損 為 9800萬 元 每股 虧損 為 024 元 總經理 謝立群 表示 目前 返工 人數 滿足 訂單 需求 估計 疫情 對於 2 月 產出 有 二 三 成 影響 3 月 降 至 二 成 以內 4 月 可望 恢復正常 宸 鴻 直言 目前 市場 能見度 很 低 第一 季營 收 估 下滑 30 營業 利益 率 在 損 益兩平 的 邊緣 宸 鴻 舉行 法 說 會 第 四季 自 結合 並 營 收 為 3695億 元 季 減 78 年 減 134 因為 出貨量 減少 以及 提 列 部分 生產 設備 資產 減 損 損失 約 817億 元 使得 毛利率 降 至 18 如 排除 一次性 資產 減 損 損失 第 四季 營業毛利 為 147億 元 毛利率 40 上 季 本業 由 盈 轉 虧 營業 損失 約 452億 元 稅 前 淨損 約 147億 元 稅 後 淨損 9800萬 元 稅 後 稀釋 每股 虧損 024 元 惟 排除 一次性 資產 減 損 損失 影響 後稀釋 後 每股 淨利 為 177 元 2019 年 宸 鴻 平板 電腦 出貨量 成 長 42 消弭 iphone 新機 拿 掉 force touch 所 造成 的 衝擊 2019 年 全年 合併 營 收 達 13661億 元 年成 長 204 全年 營業 利益 約 124億 元 稅 前 淨利 約 78億 元 稅 後 淨利 約 209億 元 每股 淨利 為 051 元 排除 第 四季 之 一次性 資產 減 損 損失 影響 每股 淨利 達 251 元 對於 新冠肺炎 疫情 影響 謝立群 表示 農曆 新年 期間 工廠 沒有 停工 一直 都 有 部分 員工 留在 廠 內 沒有 感染 問題 多數 員工 來自 附近 廈門 相對 疫情 比較 輕微 目前 返工 人數 足夠 滿足 產 線 需求 公司 也 密切 觀察 上下游 材料 和 供需 估計 疫情 對於 2 月 產出 有 2 3 成 影響 3 月 會 降 至 2 成 以內 4 月 生產 將 恢復正常 宸 鴻 策略 長 劉詩亮 表示 第一 季是 傳統 淡季 因為 新冠肺炎 影響 能見度 很 低 就 客戶 預測 和 復工 狀況 來看 本 季 營 收 預估 下滑 30 營業 利益 率 在 損 益兩平 的 邊緣 宸 鴻 今年 資本 支出 40億 元 較 去年 的 32億 元 為 多 除了 上半年 要 擴 增 一 條 大 尺寸 奈 米 銀 生產線 之外 還 將 購置 面板 後 段模組 組裝 貼 合 設備 謝立群 表示 奈 米 銀 已經 獲得 了 2 款 手機 認證 其中 一 款 手機 已經 到 最後 驗證 階段 可望 在 第 三 季量產 供應 給 大陸 品牌 客戶 至於 lcd 面板 模 組 組裝 過去 已經 提供 部分 客戶 服務 未來 希望 擴大 到 不同 產品 客戶 會 先 從 中 尺寸 產品 擴充 產能 面板 模 組 營 收 貢獻 大 雖然 毛利率 不 高 但 對於 經濟 規模 有 説明 提供 一條龍 服務 採購 便利性 客戶 因此 提高 下單 的 份額</t>
  </si>
  <si>
    <t>拯救 臺灣 疫情 從 這 開始 降低 新冠肺炎 感染 風險 12 的 習慣</t>
  </si>
  <si>
    <t>為 瞭解 睡眠 習慣 疲勞 與 新冠肺炎 罹 患 風險 的 關係 約翰霍普金斯大學 彭博 公共 衛生 學院 研究 團隊 針對 來自 6 個 國家 的 2884 名 高風險 醫護人員 進行 為期 2 個 月 的 網路 調查 結果 發現 夜間 睡眠 每 增加 1 小時 罹 患 新冠肺炎 的 風</t>
  </si>
  <si>
    <t>新冠肺炎 睡眠 品質 睡眠不足 睡眠 中斷 疲勞感</t>
  </si>
  <si>
    <t>新冠肺炎 疫情 擴散 彰 化 華新 醫 材 配合 政府 口罩 徵用 日夜 趕 工 製作 口罩 來 供應 防疫 需求 為 增加 產能 擴廠 新設 3 條 生產線 未來 1 天 約 可 生產 60萬 片 口罩 為 填補 新設 產 線 的 人力 缺口 18 日華 新 在 彰 化 縣 勞工 處 的 協助 下 舉辦 征</t>
  </si>
  <si>
    <t>新冠肺炎 疫情 擴散 彰 化 華新 醫 材 配合 政府 口罩 徵用 日夜 趕 工 製作 口罩 來 供應 防疫 需求 為 增加 產能 擴廠 新設 3 條 生產線 未來 1 天 約 可 生產 60萬 片 口罩 為 填補 新設 產 線 的 人力 缺口 18 日華 新 在 彰 化 縣 勞工 處 的 協助 下 舉辦 征 才 活動 短短 1 個 上午 就 成功 招募 9 名 員工 3 班 制 大夜班 缺人 華新 目前 生產 人力 約 24 人 4 條 產 線 1 天 約 產 25萬 片 醫療 口罩 新設 的 生產線 速度 較 快 1 條 1 天 可 生產 10萬 片 加上 新進人員 調配 人力 未來 產能 1 天 預估 可 產 55 至 60萬 片 華新 目前 是 2 班 人員 交班 未來 生力軍 加入 後 希望 能 變成 3 班 制 來 應付 龐大 的 口罩 需求 但 大夜班 很多 人 無法 適應 這次 征 才 特別 提出 大夜班 的 需求 華新 醫 材 集團 董事長 鄭永柱 說 征 才 除了 彌補 新設 產 線 的 人力 缺口 也 能 加強 現有 的 生產線 人力 希望 能 招聘 到 包括 幹部 機組人員 維修 人員 包裝 人員 等 這些 都 需要 新進人員 遞補 需要 像 機械 電機 電子 及 管理 人才 一方面 增加 公司 人才 一方面 也 能 為 地方 就業 盡 點心 力 趕 工 急 下禮拜 進廠 鄭永柱 說 未來 還有 很 長 的 仗 要 打 希望 能 找到 可以 一起 長期抗戰 的 夥伴 來 應付 龐大 的 口罩 生產量 盡 速 征 才 是 希望 能 儘早 訓練 新 的 工作人員 工廠 會 安排 專門 的 教育 訓練 人員 來 加速 訓練 員工 讓 機組 安裝 完成 後 可以 馬上 進入 狀況 加入 生產 口罩 的 行列 新廠區 原本 安排 月底 要 完成 但 他 希望 可 在 下禮拜 就 完成 進廠</t>
  </si>
  <si>
    <t>完全 娛樂 22 日 熱鬧 舉辦 youtube 訂閱 突破 兩百萬 慶功 記者會 節目 主持人 林思宇 宇宙 夏 和熙 林宥嘉 youtuber 這群人 的 茵 聲 展瑞 董仔 皆 開心 月臺 夏 和熙 相信 該 節目 很快 就 會 超過 三百萬 訂閱 他 也 透露 達 三百萬 時 天 團 五月 天 就 會 幫 完全 娛樂 創作 片頭 曲 讓 林宥嘉 笑 說 那 五月 天 好像 還 可以 納涼 一下 林宥嘉 坦言 二 寶 快 出生 了 新冠肺炎 期間 少 出門 在家 陪 妻子 現階段 也 在 籌備 新 專輯 而 太太 丁文琪 的 預產期 則 是 保密 到家 神秘兮兮 回 新 專輯 釋出 和 預產期 同一天 被 問到 是否 有 當 youtuber 的 憧憬 他 淡淡 說 我 喜歡 當 看 youtube 的 人 光 想到 影音 要 後 制 就 挺 麻煩 的 他 表示 每 一 次 都 是 很 心情 平靜 看 底下 留言 若是 意外 中獎 才 會 內心 很 不 平靜 他 笑 說 過 年 期間 被 分到 一 張 刮 刮 樂 可惜 卻 扛龜 了 林 思 宇 轉眼 已 主持 四 年 她記得 有 次 工作人員 騙 她 說 要 去 鹿港 錄 影 她 還 特地 準備 饒舌歌 給 政府 官員 觀賞 沒 想到 在 車上 直播 完 卻 來到 機場 竟 給 我 一個 驚喜 是 去 香港 看 五月 天 的 演唱會 她 笑 說 那天 穿 很 接地 氣 的 鹿 港 風格 服裝 上面 的 鹿字 還 畫 叉 寫 成香 展 瑞 談到 面對 酸 民 言語 時 心情 要 保持 正向 茵 聲 則 說 能 接受批評 的 聲音 作為 進步 動力 但 隨意 謾駡 則 不 可取</t>
  </si>
  <si>
    <t>臺灣 鄰長 夫妻 新冠肺炎 湖北</t>
  </si>
  <si>
    <t>前 伊朗 駐 教廷 大使 染 新冠肺炎 病逝</t>
  </si>
  <si>
    <t>據 伊朗 官方 媒體 週四 報導 伊朗 教士 哈迪·霍斯羅沙希 hadi khosroshahi 在 庫 姆 死於 新冠肺炎 報導 稱 在 伊朗 伊斯蘭 革命 後 霍斯羅沙希 一直 擔任 伊朗 駐 梵蒂岡 大使</t>
  </si>
  <si>
    <t>據 日本放送協會 nhk 報導 日本 奧運 大臣 橋本聖子 當地 時間 3 日 表示 根據 東京 與 國際 奧 會 之間 的 協議 東京 奧運會 可以 在 2020 年 內 進行 延期 中新 網 報導 說 橋本聖子 被 問及 東京 奧運會 是否 會 延期 舉辦 時 橋本 表示 主辦 城市 與 國際 奧 會 的 協議 中 規定 國際 奧 會 只有 在 東京 不能 於 2020 年內 舉辦 的 情況 下 才能 取消 本 屆 奧運會 根據 這 一 協定 東京 奧運會 可以 在 2020 年 內 進行 延期 根據 日本 厚生 勞動 省 和 各 地方 政府 統計 的 資料 截至 當地 時間 3 日 下午 5 時 包括 鑽石 公主 號 郵輪 的 706 名 感染者 在內 日本 新冠肺炎 病例 確診 人數 累計 達 985 例 此前 關於 東京 奧運會 日本首相 安倍晉三 表示 將 推進 萬全 準備 使 之 成為 對 運動員 及 觀眾 而言 是 安全 安心 的 大賽</t>
  </si>
  <si>
    <t>高雄 21 日 無 新 增 新冠肺炎 本土 確診 個案 但有 一 名 ikea 宜 家 家居 高雄店 的 前 員工 在 16 日 返回 馬來西亞 出境 時 被 采 檢 為 陽性 高 市府 獲 報 後 緊急 匡列 225 位 相關 接觸 者 並 展開 清 消 作業 目前 接觸 者 快 篩 pcr 檢驗 全數 均 為 陰</t>
  </si>
  <si>
    <t>新冠肺炎 疫情 延 燒 新北 市 瑞芳區 的 蝙蝠洞 公園 也 大 受 影響 因 傳 新冠肺炎 疫情 與 蝙蝠 有關 不少 遊客 走訪 東 北角 旅遊 的 時候 特別 回避 蝙蝠洞 一帶 臺灣 蝙蝠 學會 指出 新冠 病毒 是否 從 蝙蝠 感染 到 人體 還 需 研討 但 蝙蝠 學會</t>
  </si>
  <si>
    <t>新冠肺炎 造成 口罩 荒 臺灣 實施 的 口罩 實 名 制 讓 藥 局外 總是 大排長龍 但 近日 人潮 已 逐漸 緩和 全國 公務人員 協會 榮譽 理事長 李 來希 卻 直指 排隊 領 口罩 的 多半 是 老年人 年輕人 在 家 等 口罩 真是 太 殘忍 了 此話 意外 引來 網</t>
  </si>
  <si>
    <t>三 重 客運 藍 38 公車 的 6 名 公車 駕駛 曾 搭載 新冠肺炎 第 32 例 外籍 女 看護 經 公司 給予 14 天 有 薪 防疫 假 後 6 人 健康狀況 良好 本月 初順利 復工 直 呼 幸好 工作 時都 有 戴 口罩 新北 市 交通 局長 鍾 鳴 時 大贊 感謝 這 6 名 防疫 英雄 的 努</t>
  </si>
  <si>
    <t>三 重 客運 藍 38 公車 的 6 名 公車 駕駛 曾 搭載 新冠肺炎 第 32 例 外籍 女 看護 經 公司 給予 14 天 有 薪 防疫 假 後 6 人 健康狀況 良好 本月 初順利 復工 直 呼 幸好 工作 時都 有 戴 口罩 新北 市 交通 局長 鍾 鳴 時 大贊 感謝 這 6 名 防疫 英雄 的 努力 全程 落實 消毒 工作 成功 守 住 防疫 第一線 國內 上 月底 新增 第 32 名 確診 個案 為 外籍 女 看護 曾多次 搭乘 公車 捷 運至 雙 北 各 大 景點 趴 趴 走 新北 市交通局 得知 確診 病 患 行蹤 後 立即 檢查 公車 清潔 紀錄 調閱 行車 影像 並 召回 所有 車輛 大規模 消毒 確認 這 名 外籍 看護 和 6 名 駕駛 皆 全程 佩戴 口罩 未 讓 疫情 擴散 經過 14 天 有 薪 防疫 假 後 6 名 駕駛 健康狀況 良好 本月 初順利 復工 成功 守 住 防疫 第一線 資歷 長達 21 年 的 董姓 駕駛 坦言 他 曾 經歷 sars 抗戰 這次 得知 載到 確診 病 患 時 確實 有 點 緊張 幸好 出車 前 都有 做好 車內 清潔 消毒 及 量 體溫 戴 口罩 勤洗手 等 措施 能夠 重返 工作崗位 非常 開心 62 歲 的 何姓 駕駛 是 6 人 中 年紀 最 長 公車 駕駛 資歷 達 14 年 他 說 休假 在家 期間 除了 追 劇 也 動手 整理 屋頂 花圃 做做 運動 但因 不能 外出 跟 關在 監獄 一樣 重獲 自由 的 感覺 真好</t>
  </si>
  <si>
    <t>精選 中 時 新聞網 5 件 不可不 知 的 國際 大事 帶 讀者 掌握 今天 2 月 14 日 的 國際 新聞 重點 1 疫情 忽然 飆 升 全因 武漢 改變 檢測 方法 當 市場 樂觀 認為 新冠肺炎 的 疫情 逐漸 和緩 之際 新增 感染 病例 和 死亡 人數 忽然 間 又 再度 飆 高</t>
  </si>
  <si>
    <t>1 分鐘 看 世界 新冠肺炎 日本 新加坡</t>
  </si>
  <si>
    <t>美國 運動用品 公司 under armour ua 第一 季 虧損 超出 預期 且 受 新冠肺炎 全球 大 流行 影響 旗 下 門市 幾乎 全部 關閉 看 衰 本 季營 收 將 銳減 50 60 週一 ua 收盤 重 挫 972 報 901 美元 盤中 一度 跌 11 under armour 公佈 第</t>
  </si>
  <si>
    <t>美國 運動用品 公司 under armour ua 第一 季 虧損 超出 預期 且 受 新冠肺炎 全球 大 流行 影響 旗 下 門市 幾乎 全部 關閉 看 衰 本 季營 收 將 銳減 50 60 週一 ua 收盤 重 挫 972 報 901 美元 盤中 一度 跌 11 under armour 公佈 第一 季 淨損 為 5597億 美元 每股 虧損 130 美元 表現 遠 不及 去年同期 的 淨利 2250萬 美元 每股 盈 餘 5 美分 經 調整 後 每股 虧損 34 美分 超出 市場 預期 的 每股 虧損 19 美分 首季 營 收 年 減 23 為 93億 美元 落後 市場 預期 的 976億 美元 批發 業務 營 收 年 減 28 為 592億 美元 北美 業務 營 收 年 減 28 為 609億 美元 該 公司 表示 ua 的 亞洲 銷售點 大多 已經 重 啟 但 自 4 月 起 全球 八成 門市 開始 歇業 使 公司 業務 受到 重創 儘管 某些 門市 可望 在 未來 幾 周 重新 開業 但 消費者 是否 回流 仍 存在 不 確定性 under armour 已經 採取 多 項 節流 措施 以 應對新冠 疫情 造成 的 衝擊 包括 直 營 門市 與 美國 分銷 中心 裁員 該 公司 表示 今年 營運 開支 將 削減 325億 美元</t>
  </si>
  <si>
    <t>臺北地院 繼 3 名 法官 助理 確診 新冠肺炎 後 又 有 1 名 在 民事 庭 服務 的 女 職員 疑 被 家人 感染 也 確診 據悉 院內 有 接觸 的 10 多 名 同仁 已 被 衛生 單位 匡列 通知 居家 隔離 北 院 並 通知 第二 層 接觸 者 居家 辦公 自主 健康 管理 以防 感染</t>
  </si>
  <si>
    <t>臺北地院 繼 3 名 法官 助理 確診 新冠肺炎 後 又 有 1 名 在 民事 庭 服務 的 女 職員 疑 被 家人 感染 也 確診 據悉 院內 有 接觸 的 10 多 名 同仁 已 被 衛生 單位 匡列 通知 居家 隔離 北 院 並 通知 第二 層 接觸 者 居家 辦公 自主 健康 管理 以防 感染 擴大 據悉 北 院 確診 的 女 職員 曾于 本月 7 至 9 日 到 院 工作 2 天 又 2 小時 她 得知 家人 確診 主動 通報 經采檢 後 也 於 13 日 確診 除 接觸 者 被 衛生 單位 通知 居家 隔離 14 日 北 院 也 立刻 消毒 並 通知 與 接觸 者 有 接觸 的 第二 層 接觸 者 居家 辦公 自主 健康 管理 北 院 最 早 傳出 有 疫情 是 1 名 法官 的 父親 曾赴萬 華區 遭 感染 所幸 法官 本人 采 檢 為 陰 上月 19 日 又 有 寶慶 院區 1 名 法官 助理 被 室友 感染 確診 再 傳染給 同 辦公室 2 名 法 助 這次 民庭 的 女 職員 則 確診</t>
  </si>
  <si>
    <t>新冠肺炎 臺灣 臺北地院 女 職員 確診</t>
  </si>
  <si>
    <t>新冠肺炎 臺灣 台中 梧棲 區 藥師</t>
  </si>
  <si>
    <t>新冠肺炎 臺灣 疫苗 蔡英文</t>
  </si>
  <si>
    <t>新冠肺炎 臺灣 接種 四 維 高中 花蓮</t>
  </si>
  <si>
    <t>新冠肺炎 疫情 在 東南亞 發酵 全球 最 大 橡膠 至 成品 生產國 馬來西亞 受到 重創 相關 產品 如 橡膠 手套 保險 套 等 都 受到 影響 其中 全球 最 大 的 保險 套 製造商 商 康樂 公司 karex bhd 被迫 停產 一個 月 全球 保險 套 供應 進入 告急 狀</t>
  </si>
  <si>
    <t>新冠肺炎 疫情 在 東南亞 發酵 全球 最 大 橡膠 至 成品 生產國 馬來西亞 受到 重創 相關 產品 如 橡膠 手套 保險 套 等 都 受到 影響 其中 全球 最 大 的 保險 套 製造商 商 康樂 公司 karex bhd 被迫 停產 一個 月 全球 保險 套 供應 進入 告急 狀態 康樂 公司總裁 goh miah kiat 日前 表示 公司 的 三 家 工廠 停產 了 10 天 已經 造成 了 全球 1億 個 保險 套 缺口 康樂 除了 為 全球 最 大 保險 套 品牌 杜蕾斯 的 代工 還為 世界衛生組織 及 英國 國民 保健 署 生產 保險 套 其 自主 品牌 carex 和 one 銷量 也 很 大 據 統計 全球 每 5 個 保險 套 就 有 一個 由 康樂 生產 康樂 每年 向 140 個 國家 出口 保險 套 年產量 超過 50億 個 不過 自 馬國 政府 3 月 16 日 宣佈 實施 行動 管制 3 月 18 日 至 31 日 全國 封 城 14 日 已 使 各 產業 運作 受到 嚴重 影響 近期 雖然 馬國 政府 對 一些 企業 開 了 複產 綠燈 但企業 依然 需 遵守 一定 規則 比如 獲准 運營 的 工廠 必須 減少 員工 數量 至 最低 限度 康樂 公司 已於 27 日 獲准 提前 複產 但 按照 復工 規定 目前 到 工 率 僅 有 50 產能 大幅 受限 康樂 表示 工廠 庫存 僅 能 滿足 未來 2 個 月 的 量 後續 來看 至少 50 的 保險 套 供應 將 成問題 停工 停產 除了 影響 到 保險 套 的 生產 供應 橡膠 手套 的 供應 也 面臨 問題 馬來西亞 當地 的 橡膠 手套 製造商 協會 正 要求 政府 允許 他們 恢復 100 的 正常 生產 馬來西亞 的 橡膠 手套 由 當地 的 五大 公司 生產 分別 是 高產 尼 品 速 柏 瑪 賀 特佳 頂級 手套 以及 康扶 手套 其中 頂級 手套 是 全球 最 大 拋棄式 橡膠 手套 製造商 疫情 發展 初期 為了 對抗 疫情 頂級 手套 曾 聯合 當地 的 其他 手套 廠商 向 武漢 捐贈 了 1800萬 副 醫用 橡膠 手套 馬來西亞 天然橡膠 的 主要 出口 國為 大陸 今年 1 月 由於 大陸 對 醫用 橡膠 手套 的 需求 激增 向 大陸 出口 的 天然橡膠 占到 當月 總量 的 443 在 需求 拉動 下 頂級 手套 曾 預估 今年 手套 銷售 將 提高 25 但 隨 著 馬來西亞 疫情 越發 嚴重 後 這些 手套 工廠 也 紛紛 受到 了 產 能 影響 頂級 手套 在 馬來西亞 擁有 的 43 家 工廠 都 遇到 了 產能 問題 在 工人 短缺 的 情況 下 多 家 橡膠 手套 商 預計 產量 將 有 超過 50 的 縮減 這 意味著 緊 隨 保險 套 的 腳步 全球 橡膠 手套 供應 也 將 進入 短缺 狀態 過去 幾 年 整個 東南亞 在 全球 製造 產業鏈 中的 地位 逐步 提升 其 涉及 的 多 個 產業 環節 已 有 不可 替代 的 趨勢 疫情 的 持續 影響 下 連鎖反應 可能 將 會 顯現</t>
  </si>
  <si>
    <t>新加坡 跨 部門 抗 疫 工作 小組 負責人 黃循財 今天 15 日 下午 在 新聞 發佈會 上 宣佈 將 進一步 擴大 入境 管制 措施 根據 中國 大陸 央 視 報導 新加坡 宣佈 從 16 日 23 時 59 分起 近期 有 包括 汶萊 柬埔寨 印尼 老撾 馬來西亞 緬甸 菲律賓 泰國 越南 在內 的 所有 東盟國家 日本 瑞士 英國 旅行 史 的 人員 入境 新加坡 後 需要 自我 隔離 14 天 入境 時須 提供 自我 隔離 住址 證明 此外 東盟國家 短期 旅客 入境 前 需要 提供 健康 證明 並且 得到 批准 後 方能 入境 新加坡 黃循財 表示 近日 新加坡 新冠肺炎 輸入 病例 顯著 增加 占到 近日 所有 確診 病例 的 3 4 其中 90 來自 東盟國家 黃循財 還 呼籲 所有 家長 慎重考慮 3 月 學校 假期 的 出行 計畫 為了 防止 疫情 感染 新加坡 提出 保持 安全 距離 倡議 當天 發佈會 記者 座位 保持 一 公尺 間距 此前 新加坡 已經 對 中國 大陸 韓國 伊朗 義大利 西班牙 法國 德國 發 出入境 限制 令</t>
  </si>
  <si>
    <t>新冠肺炎 在 全球 肆虐 的 當下 非洲 日前 爆發 70 年 來 可怕 的 蝗災 可怕 的 是 第二 波 的 蝗災 又 再度 侵襲 數量 約 是 前 一 波 的 20 倍 美聯社 報導 非洲 受到 第二 波 蝗災 的 侵襲 高達數 十億 只 的 沙漠 蝗蟲 入侵 比起 對抗 新冠 病毒 對抗 蝗</t>
  </si>
  <si>
    <t>新冠肺炎 在 全球 肆虐 的 當下 非洲 日前 爆發 70 年 來 可怕 的 蝗災 可怕 的 是 第二 波 的 蝗災 又 再度 侵襲 數量 約 是 前 一 波 的 20 倍 美聯社 報導 非洲 受到 第二 波 蝗災 的 侵襲 高達數 十億 只 的 沙漠 蝗蟲 入侵 比起 對抗 新冠 病毒 對抗 蝗災 顯得 更為 急迫 可是 當地 民眾 卻 拿 他 沒 辦法 非洲 烏干達 農民 yoweri aboket 說 蝗蟲 相當 可怕 甚至 比 新冠 病毒 更具 破壞性 他 表示 因為 有些 人 不 相信 病毒 會 傳 到 這裡 報導 指出 東非 的 大部分 地區 包括 肯亞 衣索比亞 和 南 蘇丹 加上 吉布地 厄立特里亞 坦 尚 尼亞 和 剛果 也 發現 了 蝗蟲 群 對此 聯合國糧食及農業組織 稱 蝗災 的 爆發 部分 是 因為 氣候變化 導致 將 對 糧食安全 和 民眾 生計 造成 前所未有 的 威脅 這次 蝗災 的 規模 大約 是 上 一 次 的 20 倍 糧農組織 表示 更 多 的 蝗蟲 群 在 肯亞 衣索比亞 南部 索馬里 南部 形成 東非 的 當前 形勢 令 人 極為震驚 該 機構 還 預測 5 月份 將 有利 蝗蟲 的 繁殖 也 意味著 6 月 下旬 和 7 月 下旬 將 有 新一輪 的 蝗蟲 繁殖 聯合國 已 呼籲 將 援助 金額 從 7600萬 美元 提高 到 153億 美元 並 表示 要 立即 採取行動</t>
  </si>
  <si>
    <t>供應 北京 80 農 產 新發 地 爆 疫情 6 月 11 日 以來 北京 發現 的 新增 新冠肺炎 確診 病例 活動 軌跡 均 指向 新發地農產品批發市場 新發 地 市場 是 北京 最 大 世界 交易 規模 居 前 的 專業 農產品 交易市場 根據 其 官 網 2019 年 資料 新發 地市</t>
  </si>
  <si>
    <t>新冠肺炎 新發 地市 場 美國 經濟 疫情</t>
  </si>
  <si>
    <t>大陸 遼寧省 5 月中 出現 本土 病例 經過 半 個 月 的 努力 31 日 11 時起 遼寧省 內 全域 均 已 恢復 為 低 風險 地區 據 瀋陽市 統籌 推進 新冠肺炎 疫情 防控 和 經濟社會 發展 工作 指揮部 疫情 防控 綜合組 消息 從 5 月 31 日 11 時起 瀋陽市 和平區 順</t>
  </si>
  <si>
    <t>大陸 遼寧省 5 月中 出現 本土 病例 經過 半 個 月 的 努力 31 日 11 時起 遼寧省 內 全域 均 已 恢復 為 低 風險 地區 據 瀋陽市 統籌 推進 新冠肺炎 疫情 防控 和 經濟社會 發展 工作 指揮部 疫情 防控 綜合組 消息 從 5 月 31 日 11 時起 瀋陽市 和平區 順 天 社區 788082 號 樓 所在 的 獨立 院落 于洪區 碧 桂園 銀河 城 繁華 裡 社區 和 于洪區 陽光 100 一期 均 被 調整 為 低 風險 地區 至此 遼寧省 內 全域 均 已 恢復 為 低 風險 地區</t>
  </si>
  <si>
    <t>新冠肺炎 大陸 遼寧省 全域 低 風險</t>
  </si>
  <si>
    <t>拓 也 哥 疑 染 新冠肺炎 高燒 40 度 送 加 護 病房</t>
  </si>
  <si>
    <t>新冠肺炎 疫情 肆虐 全球 日本 國內 確診 人數 大幅 攀升 日本 同志網 紅 拓 也 哥 也 被 爆 疑 似 感染 不僅 連續 4 天 發燒 還 一度 燒 到 40 度 目前 則 在 加 護 病房 治療 中 拓 也 哥 本月 初在社 群 分享 一 張 體溫計 的 照片 只見 上面 標示 高燒 3</t>
  </si>
  <si>
    <t>川普 美國 確診 至尊 公主 號 總統 新冠肺炎</t>
  </si>
  <si>
    <t>新冠肺炎 臺灣 蘇清泉 東港 安泰 醫院 慰問金</t>
  </si>
  <si>
    <t>英國首相 強 森 將 在 當地 時間 今天下午 5 點 臺北 時間 5 月 1 日 淩晨 零點 起 出席 政府 的 新冠肺炎 疫情 簡報 會 這 是 強森 重返 工作崗位 後 第一 次 帶領 官員 參加 簡報 他 開場 便 表示 英國 已經 過 了 疫情 的 頂峰 他 並 提到 英</t>
  </si>
  <si>
    <t>英國首相 強 森 將 在 當地 時間 今天下午 5 點 臺北 時間 5 月 1 日 淩晨 零點 起 出席 政府 的 新冠肺炎 疫情 簡報 會 這 是 強森 重返 工作崗位 後 第一 次 帶領 官員 參加 簡報 他 開場 便 表示 英國 已經 過 了 疫情 的 頂峰 他 並 提到 英國 的 國家 醫療保健 服務 nhs 也 沒有 到 無法 負荷 的 階段 強 森 在 會 中 可望 更新 英國 疫情 與 抗 疫 狀況 並 發佈 政府 為 擊敗 病毒 所 採取 的 各項 步驟 今天 稍 早 強森 已 主持 復工 後 的 第一 場 內閣會議 他 在 視 訊 會議 中 告訴 英國公司 行號 表示 他 能 理解 大家 的 焦躁 與 不耐煩 但 他 強調 我 必須 請 各位 持續 一直 以來 的 做法 如此 我們 才能 保護 我們 的 第一線 醫護 並且 救人 性命 強 森 另外 也 發 推 文 告訴 民眾 他 知道 放棄 自由 有 多 艱難 他 能 體會 民眾 見 不 到 朋友 與 摯愛 的 人們 只能 在 家中 工作 管教 小孩 擔心 工作 是否 保 得住 公司 會 不 會 關門 的 心情 強 森 病癒 後 本 周 回 府 辦公 週三 他 原本 要 出席 首相 問答 時間 但因 未婚妻 生產 而 錯 過</t>
  </si>
  <si>
    <t>強森 英國 疫情 新冠肺炎</t>
  </si>
  <si>
    <t>確診 者 防疫 假 幼稚園 新冠肺炎 臺灣</t>
  </si>
  <si>
    <t>新冠肺炎 疫情 重創 美國 經濟 未來 失業率 恐 直 逼 大 蕭條 水準 讓 各界 擔憂 美國 經濟 是否 走 入 大 蕭條 不過 白宮 貿易 顧問 納瓦洛 peter navarro 昨 11 日 澄清 美國 現階段 狀況 根本 不是 大 蕭條 當時 大 蕭條 歷時 約 10 年 現在</t>
  </si>
  <si>
    <t>bnt 第 10 輪 疫苗 臺灣 新冠肺炎</t>
  </si>
  <si>
    <t>新冠肺炎 大陸 重組 疫苗 新冠</t>
  </si>
  <si>
    <t>新冠肺炎 持續 延 燒 有 醫 界 認為 到 了 夏天 疫情 就 會 趨 緩 但 馬偕 小兒科 人氣 醫師 黃 瑽 寧 指出 新冠肺炎 和 流感 較 相似 在 亞熱帶 地區 一年四季 都 會 有 案例 除非 高緯度 國家 才 有 差異 加上 又 有無 症狀 感染者 他 悲觀 表示 恐怕</t>
  </si>
  <si>
    <t>新冠肺炎 臺灣 接種 疫苗 第 2 劑</t>
  </si>
  <si>
    <t>台積電 疫苗 新冠肺炎 疫情 永齡 基金會</t>
  </si>
  <si>
    <t>美國 川普 新冠肺炎 疫情 高峰</t>
  </si>
  <si>
    <t>受 新冠肺炎 疫情 影響 富士 康自 農曆年 結束 後 仍未 完全 復工 不過 路透社 今 12 日 引述 消息人士 指出 富士 康 目標 大陸 工廠 在 2 月底 以前 復工 50 3 月 復工 率 升至 80 路透社 報導 一 名 消息人士 引述 富士 康 董事長 劉揚偉 訂 下 的</t>
  </si>
  <si>
    <t>受 新冠肺炎 疫情 影響 富士 康自 農曆年 結束 後 仍未 完全 復工 不過 路透社 今 12 日 引述 消息人士 指出 富士 康 目標 大陸 工廠 在 2 月底 以前 復工 50 3 月 復工 率 升至 80 路透社 報導 一 名 消息人士 引述 富士 康 董事長 劉揚偉 訂 下 的 內部 目標 指出 富士 康 預計 大陸 工廠 2 月底 前 復工 50 目標 3 月 復工 80 富士 康是 全球 最 大 代工廠 重要 客戶 包含 蘋果 替 蘋果 生產 iphone 等 產品 不過 礙於 新冠肺炎 疫情 在 農曆 年前 大 爆發 即便 春節 已經 結束 為 避免 疫情 擴大 富士 康 大陸 各個 工廠 並未 全面 復工 目前 已 知 深圳廠 鄭州廠 已 有約 10 員工 返回 工作崗位 另外 陸媒 先前 報導 內部 員工 透露 至少 要 等 到 17 日 才 有 可能 初步 復工 3 月初 才 有 機會 大規模 復工</t>
  </si>
  <si>
    <t>新冠肺炎 死亡 個案 最 年長 確診 臺灣</t>
  </si>
  <si>
    <t>行政院 千億 挺 就業 的 防疫 紓困 方案 沒有 打動 在野黨 反而 要求 發現 金 的 呼聲 四起 政務委員 龔明鑫 今天 引用 美國 前 聯邦 準備 理事會 主席 柏南奇 談話 佐證 現行 紓困 方向 正確 龔明鑫 說 發現 金 不 合情 也 不合理 比 發 消費 券 還 糟 龔明鑫 在 政 院 紓困 振興 記者會 表示 為什麼 政府 紓困 著 重 勞工 就業 美國 前 聯 准會 主席 柏南奇 上月 受訪 時 提及 這次 新冠 疫情 跟 1930 年 經濟 大 蕭條 及 2008 金融 海嘯 不同 前 兩 次 是 人為 而 這次 是 新冠肺炎 則 像 天災 若 企業 及 勞動力 未 損傷 經濟 會 很快 蘇複 龔明鑫 表示 在 這麼 嚴峻 的 情況 下 保存 就業 狀況 就是 經濟 作戰 最 重要 的 任務 目前 臺灣 失業率 2 月 分 是 37 減班 休息 約 8000 人 情況 還好 但 就業 是 經濟 的 根本 沒有 就業 就 沒有 經常性 薪資 就 沒有 辦法 保障 家庭 生活 也 不可能 促進 永久性 消費 對於 政府 堅持 不 發放 現金 龔明鑫 強調 如果 平均 式 的 發放 現金 既 不 合情 也 不合理 不 合情 是 指 紓困 期間 不是 救急 就是 救 窮 如果 把 現金 發給 既 不急 也 不 窮 的 人 就 會 排擠 救急 救 窮 的 資源 如果 按 新加坡 每個 成年人 都 發 12000 元 台幣 臺灣 1900萬 人 共要 發 近 2300億 但 所 得到 的 結果 是 受 創 企業 每個 老闆 也 只能 領 12000 元 根本無法 支撐 衰退 5 成 的 業績 所以 勢必 裁員 被 裁員 者 領到 12000 元 也 不可能 促進 消費 他 表示 所謂 發放 現金 要 促進 消費 的 說法 也 不合理 2008 年 發放 消費 券 成果 未 如 預期 因為 會 發生 替代 消費 現象 如果 發放 現金 會 比 當初 發放 消費 券 更糟 因為 可能 會 轉換 存款 存 下來 所以 政府 才 認為 不 應該 這麼 做 也 才 會 針對性 對 受到 失業 衝擊 者 給予 救急 並 提出 對 艱 困 企業 提供 員工 給予 4 成薪 補貼 給 自營 工作者 每月 1萬 元 補助 並 對 弱勢 老人 兒童 有 現金 補助 用 1035億 元 來 穩住 215萬 就業人口 龔明鑫 並說 千億 挺 就業 包括 經濟部 提出 66萬 人 方案 交通部 14萬 人 方案 以及 勞動部 自營 工作者 100萬 人 方案 另外 文化部 也 有 35萬 人 方案 農委會 有 25萬 人 方案 而 勞動部 的 就 安 基金 還有 擴大 就業 部分 加 起來 20 多 萬 人 合計 共有 215萬 人 經濟部 次長 林 全能 也 說 目前 被 列為 艱 困 企業 補助 的 對象 有 3 大 領域 也 就 是 製造 技術 內需 服務業 及 會展 產業 其中 內需 服務業 還 包括 8 個子 產業 也 就 是 批發 零售 餐飲 倉儲 視聽 歌唱 洗衣 婚紗 攝影 及 美容 美髮業 這些 內需 型 企業 都 被 列入 艱 困 企業</t>
  </si>
  <si>
    <t>現金 龔明 鑫 行政院 消費 券 新冠肺炎</t>
  </si>
  <si>
    <t>受 新冠肺炎 疫情 波及 嘉 義縣 至今已有 5 家業 者 申請 無 薪 假 人數 達 246 人 行業 別 包括 機械廠 飯店 餐廳 等 由於 近日 社會局 頻頻 接到 業者 詢問 電話 加上 工業區 早 傳出 不少 外籍 移 工 被 要求 調整 工時 或 減班 休息 實際 休 無 薪 假</t>
  </si>
  <si>
    <t>受 新冠肺炎 疫情 波及 嘉 義縣 至今已有 5 家業 者 申請 無 薪 假 人數 達 246 人 行業 別 包括 機械廠 飯店 餐廳 等 由於 近日 社會局 頻頻 接到 業者 詢問 電話 加上 工業區 早 傳出 不少 外籍 移 工 被 要求 調整 工時 或 減班 休息 實際 休 無 薪 假 人數 恐 比 帳 面 數字 還 高 嘉 縣 社會局 透露 申請 無 薪 假 原 只 有 2 家 機械 工廠 194 人 至 3 月 又 新增 3 家業 者 申請 共 提報 52 人 其中 一家 還 是 故宮 南院 的 藝品店 對此 故宮 南院 特地 對外 澄清 強調 南院 藝品店 休 無 薪 假 的 7 名 員工 是 經營 禮品店 的 私人 公司 所 聘 雇 跟 南院 營運 無關 申報 無 薪 假 的 飯店業 者 指出 陸客團 不來 已 造成 衝擊 隨 新冠肺炎 疫情 暴發 不只 旅行團 大 減 連 散客 也 變 少 光靠 有限 客源 形同 杯水車薪 住房 率 大 減 為 止血 求生 只好 請 員工 共 體 時艱 社會局 指出 近期 確實 接 到 不少 詢問 電話 預期 在 疫情 未 歇 前 申請 人數 還 會 再 攀升 加上 許多 工廠 聘用 大量 外籍 移 工 近 月 餘 陸續 有 外籍 移 工 被 要求 多 休假 產業 受 衝擊 的 程度 恐怕 比 統計資料 來得 嚴重</t>
  </si>
  <si>
    <t>本土 新冠肺炎 疫情 趨 緩 送 件 申請 上櫃 家數 明顯 增加 櫃檯 買賣 中心 亦 積極 推 展 戰略 新 板 櫃 買 中心 董事長 陳永誠 表示 今年 戰略 新 板 有 機會 達到 5 家 以上 申請 上櫃 家數 目標 22 家 審慎 樂觀 朝 目標 前進 全年 有 機會 達標 今年 5</t>
  </si>
  <si>
    <t>本土 新冠肺炎 疫情 趨 緩 送 件 申請 上櫃 家數 明顯 增加 櫃檯 買賣 中心 亦 積極 推 展 戰略 新 板 櫃 買 中心 董事長 陳永誠 表示 今年 戰略 新 板 有 機會 達到 5 家 以上 申請 上櫃 家數 目標 22 家 審慎 樂觀 朝 目標 前進 全年 有 機會 達標 今年 5 月中 爆發 本土 新冠肺炎 疫情 5 月 到 7 月 三級 警戒 致使 證券商 輔導 作業 無法 進行 亦 影響 送 件 申請 上櫃 進度 隨 著 本土 疫情 趨 緩 9 月 及 10 日 已 有 8 家 公司 申請 上櫃 櫃 買 中心 預估 10 月 申請 家數 約 14 件 11 月 還 會 陸續 有 公司 件 送 件 家數 明顯 增加 截至 10 月 19 日 止 戰略 新 板 推動 已 拜訪 來訪 計 28 家 次 已向 櫃 買 中心 申請 登錄 戰略 新 板 為 4 家 其 中東 研 信 超 及 進典 工業 已 分別 於 7 月 26 日 及 10 月 13 日 登錄 戰略 新 板 數泓 科技 及 宏棋 智 醫 將 分別 於 10 月 25 日 及 27 日 登錄 戰略 新 板 交易 陳 永誠 表示 除 已 申請 的 4 家 尚有 部分 已向 櫃 買 中心 表達 有 意願 於 110 年底 前 申請 登錄 戰略 新 板 公司 正 著 手 進行 相關 作業 今年 戰略 新 板 有 機會 達到 5 家 以上 在 上櫃 部分 截至 10 月 19 日 止 申請 上櫃 家數 為 14 家 新增 上櫃 掛牌 公司 為 12 家 以 目前 申請 進度 來看 櫃 買 中心 預期 今年 申請 上櫃 家數 22 家 目標 應可達 成</t>
  </si>
  <si>
    <t>臺灣 新冠肺炎 疫情 控制 得當 衛生 福利 部 部長 陳時中 因此 躍升 防疫 男 神 人氣 水漲船高 各界 邀 約 不斷 甚至 登 上 知名 男性 時尚雜誌 陳戴 起 時下 最 流行 的 黑色 粗 框 眼鏡 搭配 合身 黑色 針織 衫 與 風衣 展現 有別 以往 的 時尚 風格</t>
  </si>
  <si>
    <t>臺灣 新冠肺炎 疫情 控制 得當 衛生 福利 部 部長 陳時中 因此 躍升 防疫 男 神 人氣 水漲船高 各界 邀 約 不斷 甚至 登 上 知名 男性 時尚雜誌 陳戴 起 時下 最 流行 的 黑色 粗 框 眼鏡 搭配 合身 黑色 針織 衫 與 風衣 展現 有別 以往 的 時尚 風格 網友 則 反應 兩極 有人 更 留言 時尚雜誌 也 需要 拍馬屁 喔 gq 雜誌 昨日 1 發表 專訪 文章 獨家 專訪 鋼鐵 部長 陳時中 我 是 真的 很 難 服輸 指出 陳時中 是 個 跳 脫 以往 的 非 典型 部長 兼具 科學 實證 社會 對話 溫柔 耐心 態度 堅定 等 多 項 優點 更 大贊 阿中 部長 的 智慧 是 臺灣人 的 福氣 更 值得 男人 學習 不僅如此 專訪 中 更為 陳時中 造型 大 改造 讓 他 戴 上 目前 最 流行 的 高級 手工 黑色 粗 框 眼鏡 凸顯 身材 的 合身 黑色 針織 衫 展現 有別 過往 的 時尚 型 男 風格 系列 照 片中 陳還 披 上 多 款 義 大利 名牌 風衣 大展 男 神 風範 文章 一 出 迴響 熱烈 有 網友 留言 時尚雜誌 也 需要 拍馬屁 喔 強過 醫 材 自費 上限 要 不 要 討論一下 我 比較 在意 他 對 瘦肉 精 的 看法 走 鐘 了 也 有 網友 認為 這個 造型 是 我 的 菜 很 有 日本 人 的 味道 這 時尚 又 溫雅 裝扮 很 適合 他 帥 時 中 阿 北平 常 穿 西裝 就 滿 好看 的 gq taiwan @gqtaiwan 分享 的 貼 文 於 pdt 2020 年 9 月 月 1 日 上午 6 59 張貼</t>
  </si>
  <si>
    <t>美國 抵押 貸款 銀行 協會 mortgage bankers association mba 發佈 調查 顯示 新冠肺炎 爆發 使得 失業 人口 激增 美國 家庭 財務 大受打擊 使得 愈來愈多 人 依據 紓困 法案 提出 緩繳 房 貸 或 減少 繳 款 的 申請 目前 已 有 超過 200萬 屋 主</t>
  </si>
  <si>
    <t>美國 抵押 貸款 銀行 協會 mortgage bankers association mba 發佈 調查 顯示 新冠肺炎 爆發 使得 失業 人口 激增 美國 家庭 財務 大受打擊 使得 愈來愈多 人 依據 紓困 法案 提出 緩繳 房 貸 或 減少 繳 款 的 申請 目前 已 有 超過 200萬 屋 主 處於 房 貸 寬限 狀態 該 協會 13 日 週一 表示 3 月 30 日 4 月 5 日 該 周 處於 寬限 狀態 的 房 貸 比例 從 273 升至 374 寬限 申請 的 屋 主 比 前 一 周 暴 增 78 合計 突破 200萬 人 在 房 貸 業者 中 以 ginnie mae 貸款 寬限 案件 增加 最 多 占比由 前 一 周 的 431 勁 升至 589 至於 房利美 fannie mae 與 房地 美 freddie mac 貸款 寬限 所 占 比率 由 前 一 周 的 169 升至 244 反觀 3 月 2 日 該 周 貸款 寬限 的 比重 僅 有 025 美國 新冠肺炎 確診 人數 已 達 全球 之 冠 目前 約 有 95 以上 的 美國 人 正 在 實行 居家 或 就地 避難 shelter-in-place 命令 非必要 企業 持續 停 擺 根據 美國勞工部 資料 過去 三 周 初 領 失業 補助 的 人數 突破 1600萬 人 mba 資深 副 總裁 暨 首席 經濟學家 佛拉 坦 多尼 mike fratantoni 表示 全國性 的 經濟 暫停 運作 持續 造成數 百萬 家庭 陷入困境 愈來愈多 人 依據 新冠 病毒 援助 救濟 和 經濟 安全法 cares act 的 寬限 條款 向房 貸 業務 提出 紓困 佛拉 坦 多尼 指出 隨 著 遏止 疫情 措施 持續 實行 數 周 失業 情況 將 會 加劇 尋求 寬限 的 借貸者 預料 也 會 急速 增加 根據 美國國會 新 通過 的 紓困 法案 因 疫情 而 陷入 艱難 的 屋 主 可向 貸款 公司 申請 延後 還款 最 長 可 延期 一 年</t>
  </si>
  <si>
    <t>紐西蘭 持續 102 天 的 零 確診 在 11 日 破 功 日前 新增 4 例 社區 感染 病例 4 名 病例 都 來自 奧克蘭 社區 的 同一 家庭 內 令人 感到 恐慌 的 是 該 家庭 近期 並 沒有 海外 旅遊 史 也 不 清楚 他們 的 感染 源頭 目前 奧克蘭 當地 已經 進入 三級 警戒 狀態 鎖定 進口 貨運 調查 中 根據 國外 媒體 紐西蘭 先驅 報 報導 指出 紐西蘭 新 增 4 起 奧克蘭 社區 感染 的 案例 為此 紐西蘭 總理 阿爾登 jacinda ardern 緊急 重新 下達 防疫 指令 奧克蘭 今日 進入 為期 三 天 的 三級 警戒 在 奧克蘭 周邊 設置 路障 攔 查 而 由 於 4 起 病例 在 近期 沒有 海外 旅遊 史 境內 又 連續 102 天 沒有 出現 社區 感染 案例 所以 紐西蘭 政府 目前 正 朝 進口 貨運 方向 調查 衛生局 局長 布魯姆菲爾德 ashley bloomfield 表示 由於 這次 新增 的 病例 中 有 2 例 曾經 前往 羅托魯 rotorua 旅遊 呼籲 當地 的 居民 需要 保持警惕 而 其中 有 1 例 在 奧克蘭 的 金融 公司 上班 除 了 他 確診 外 該 公司 也 有 3 人 出現 新冠 症狀 目前 該 公司 也 關閉 全體 員工 接受 檢驗 中 另 一 人 在 冷藏 倉庫 工作 也 有 相關 人員 前往 該 倉庫 針對 物體 表面 進行 病毒 測試 布魯姆菲爾德 解釋 新冠肺炎 的 病毒 可以 在 冷藏 環境 中 存活 相當 久 奧克蘭大學 微生物學家 懷爾斯 siouxsie wiles 表示 封鎖 政策 是 消滅 病毒 的 最佳 手段 但 如果 紐西蘭 政府 無法 在 3 日內 找到 感染 的 源頭 的話 很 有 可能 會 延長 限制 措施 更 多 ctwant 報導</t>
  </si>
  <si>
    <t>新冠肺炎 臺灣 疫苗 蔡其昌 bnt</t>
  </si>
  <si>
    <t>新冠肺炎 疫情 升溫 臺北市 長 柯文哲 30 日 抱怨 中央 這 段 時間 讓 太 多 在 國外 的 台人 回來 北市 目前 居家 檢疫 民眾 多 達 1萬900 多 人 已 接近 檢查 能量 範圍 他 呼籲 中央 要 與 地方 協調 若 超過 可容 受 量 恐怕 要 崩 盤 了 此外 柯 強調</t>
  </si>
  <si>
    <t>中央 武漢 臺北市 柯文哲 新冠肺炎</t>
  </si>
  <si>
    <t>據 大陸 國家 衛健 委 網站 今天 消息 31 個 省 自治區 直轄市 和 新疆生產建設兵團 8 月 1 日 0 24 時 報告 新增 確診 病例 98 例 其中 境外 輸入 病例 43 例 雲南 16 例 北京 4 例 福建 4 例 內蒙古 3 例 江蘇 3 例 陝西 3 例 上海 2 例 山東 2 例 河南 2 例 廣東 2 例 四川 2 例 本土 病例 55 例 江蘇 40 例 湖南 7 例 北京 2 例 湖北 2 例 山東 1 例 河南 1 例 海南 1 例 雲南 1 例 此外 大陸 31 個 省 自治區 直轄市 和 新疆生產建設兵團 昨天 報告 新增 無 症狀 感染者 60 例 其中 境外 輸入 16 例 本土 44 例 河南 28 例 湖南 11 例 江蘇 2 例 湖北 2 例 北京 1 例 當日 轉為 確診 病例 7 例 境外 輸入 4 例 當日 解除 醫學觀察 20 例 境外 輸入 19 例 尚 在 醫學觀察 的 無 症狀 感染者 476 例 境外 輸入 379 例 江蘇 新增 本土 確診 病例 40 例 南京市 11 例 揚州市 26 例 江蘇 昨天 新增 本土確診 病例 40 例 南京市 報告 11 例 淮安市 報告 3 例 揚州市 報告 26 例 11 例 為 輕型 29 例 為 普通型 新增 本土 無 症狀 感染者 2 例 均 為 揚州市 報告 新增 境外 輸入 確診 病例 3 例 以上 病例 均 在 定點醫院 隔離 治療 7 月 20 日 至今 南京市 累計 報告 本土 確診 病例 215 例 專家 12 天內 江蘇 或 將 新增 180 多 例 本土 病例 健康 時報 報導 蘭州大學 新冠肺炎 疫情 全球 預測 系統 負責人 黃建平 教授 表示 根據 系統 最新 預測 結果 若 江蘇 採取 二級 回應 措施 本輪 疫情 將 於 8 月 12 日 左右 得到 有效 控制 或 將 新增 180 多 例 本土 病例 累計 確診 病例 數 預計 約 425 人 若 採取 三級 回應 措施 本輪 疫情 預計 在 8 月 16 日 左右 得到 控制 累計 確診 病例 數 或 將 達到 606 人 左右 黃建平 表示 為 使 預測 結果 達到 最 優 本 預測 系統 將 統計 動力 氣候 預測 的 先進 技術 與 流行病 模型 相 結合 建成 並 在 系統 中 考慮 了 溫度 濕度 和 管控 措施 等 因素 對 疫情 發展 的 影響 由於 測 模型 中的 變數 是 不斷 變化 的 預測 數字 也 會 不斷 滾 動 修正</t>
  </si>
  <si>
    <t>新冠肺炎 大陸 江蘇 報告 3 例</t>
  </si>
  <si>
    <t>新冠肺炎 雷 根號 疫情 印度 確診</t>
  </si>
  <si>
    <t>譚艾 珍 歐陽靖 新冠肺炎 莫德納 疫苗</t>
  </si>
  <si>
    <t>新冠肺炎 臺灣 第 1 劑 施打 施打 疫苗</t>
  </si>
  <si>
    <t>對於 萬華 兩 處 新冠肺炎 快 篩 站 的 陽性率 高 竟 高 達 10 一 事 國民黨 立 委 賴士葆 表示 這樣 的 結果 很 嚇人 而 談到 疫苗 採購 他 感歎 不免 讓 人 痛心疾首 他 也 表示 蘇貞昌 不久 之前 才說 臺灣 沒有 施打 疫苗 的 急迫性 相較 於 如今 的</t>
  </si>
  <si>
    <t>賴士葆 蘇貞昌 疫苗 新冠肺炎 臺灣</t>
  </si>
  <si>
    <t>在 新冠肺炎 油價 崩 跌 全球 面臨 經濟衰退 等 黑 天鵝 衝擊 下 今年 來 金融市場 相當 不 平靜 震盪 幅度 已 達 2008 年 金融 海嘯 水準 投資人 投資 困難 度 大幅 提升 投 信 法人 分析 新興 短期 高 收益 債 具有 短 天 期 低 波動 及 較佳 息 收 二 大 優勢 在 雷曼 事件 美國 降 評 油價 重 挫 中 美 貿易戰 及 新冠肺炎 等 重大 利 空 期間 其 跌幅 明顯 小於 全球 高收 債 美國 高 收益 債 美國 短 高 收 債 甚至 在 中 美 貿易戰 期間 逆勢 上揚 建議 投資人 現階段 將 新興 短期 高 收 債 納入 資產 配置 組合 強化 資產 防禦 力 台 新 新興 短期 高 收益 債券 基金 經理 人 尹晟 和 指出 債券 距離 到期日 愈 近 債券 價格 波動 愈小 只要 不 違約 到期 時 債券 價格 將 回到 面額 因此 短 天 期 債券 對 利率 敏感度 較 低 波動 幅度 也 相對 較 小 以 過去 十 年 年 化 波動 率 來看 新興 短期 公司 債 僅 525 皆 不 到 美國 投資 債 新興 公司 債 新興 主權 債 及 美國 高 收益 債 的 一半 最 適合 目前 大幅 震盪 下 的 避險 操作 另一方面 今年 來 債市 波動 加劇 許多 投資人 頻繁 進出 大幅 增加 了 交易成本 而 新興 短期 公司 債 因為 價格 波動 低 本金 不易 被 侵蝕 債息 自然 能 成為 總 報酬 主要 來源 更 有 機會 強化 長期投資 複利 效果</t>
  </si>
  <si>
    <t>新冠肺炎 全球 以色列 omicron 疫苗 保護 力</t>
  </si>
  <si>
    <t>新冠肺炎 自 五月 份 擴大 以來 已經 造成 一萬 多 人 確診 五百 多 人 死亡 的 案例 醫療 量 能 一度 緊 繃 全國 中醫師 聯合會 副 秘書長 陳博淵 認為 在 等待 疫苗 的 同時 中西醫 合力 治療 有 機會 緩解 症狀 縮短 陽性 轉陰 性 的 時間 改變 目</t>
  </si>
  <si>
    <t>新冠肺炎 衝擊 滙豐 下調 陸 q 1 gdp 成 長 至 41</t>
  </si>
  <si>
    <t>滙豐 13 日 表示 該行 將 大陸 今年 首季 gdp 增長 預估 從 58 下調 至 41 而 全年 gdp 增長 預估 從 58 下調 至 53 原因 在 於新冠肺炎 疫情 造成 的 影響 據 路透 報導 滙豐 表示 大陸 旅遊 貿易 供應 鏈 和 其他 行業 已經 開始 感受 到</t>
  </si>
  <si>
    <t>滙豐 13 日 表示 該行 將 大陸 今年 首季 gdp 增長 預估 從 58 下調 至 41 而 全年 gdp 增長 預估 從 58 下調 至 53 原因 在 於新冠肺炎 疫情 造成 的 影響 據 路透 報導 滙豐 表示 大陸 旅遊 貿易 供應 鏈 和 其他 行業 已經 開始 感受 到 疫情 的 影響 滙豐 還 將 今年 全年 全球 經濟 增長 預估 從 25 下調 至 23 滙豐 指出 預計 第一 季 受到 的 衝擊 最 大 隨 著 時間 的 推移 情況 將 會 有所 好轉</t>
  </si>
  <si>
    <t>新冠肺炎 疫情 蔓延 全球 日前 蔡依林 jolin 攜手 陳奕迅 eason 合唱 英文 公益 單曲 fight as one 用 歌聲 向 全球 醫護 致敬 卻 因 mv 畫面 中 有 外國 小孩 舉 著 感謝 china 標語 片段 引發 爭議 館長 陳之漢 也 發文 狂 酸</t>
  </si>
  <si>
    <t>行政院長 蘇貞昌 今 22 日 表示 針對 受 新冠肺炎 疫情 衝擊 的 企業 及 個人 紓困 已 超前 佈署 包括 中低收入 戶 與 弱勢 計程車 與 遊覽車 司機 自 營業 者 及 受 創業者 員工 等 對象 本 周 將 有 90萬 人 領到 紓困 現金 強調 是 發給 有 需要 的 人</t>
  </si>
  <si>
    <t>行政院長 蘇貞昌 今 22 日 表示 針對 受 新冠肺炎 疫情 衝擊 的 企業 及 個人 紓困 已 超前 佈署 包括 中低收入 戶 與 弱勢 計程車 與 遊覽車 司機 自 營業 者 及 受 創業者 員工 等 對象 本 周 將 有 90萬 人 領到 紓困 現金 強調 是 發給 有 需要 的 人 不是 不分 貧富 的 大 撒 幣 蘇貞昌 上午 邀集 副 院長 陳其邁 秘書長 李孟 諺 發言人 kolas yotaka 政委 龔明 鑫 衛福 部長 陳時中 經濟部長 沈榮津 財政部長 蘇建榮 文化部長 鄭麗君 主 計 長 朱 澤民 等 首長 召開 紓困 振興 進度 記者會 說明 紓困 預算 目前 發放 狀況 蘇貞昌 指出 針對 87萬 名 中低收入 戶 與 弱勢 每人 每月 將 補助 1500 元 3 個 月 第 1 個 月 補助 已於 21 日 入 帳 已 有 71萬 人 收到 針對 10萬 名 計程車 與 遊覽車 司機 每人 每月 補助 1萬 元 3 個 月 已 自 21 日 起 陸續 入 帳 目前 已 有 58萬 人 領到 對於 100萬 名 自 營業 者 政府 將 一 次 補助 3萬 元 蘇貞昌 表示 將 自 今日 起 入 續入 帳 本 周 將 有 10萬 人 領到 針對 90萬 名 受 創 產業 員工 則 補助 薪資 4 成共 3 個 月 自 21 日 起 陸續 入 帳 本 周 將 有 37萬 人 領到 合計 本 周 將 有 90萬 人 領到 紓困 現金 補助 針對 各 受 創 企業 員工 補助 狀況 蘇貞昌 指出 包括 121 家 餐飲業 15萬 名 員工 共 3 5億 元 47 家 製造業 4千 名 員工 共 12億 元 127 家 會展 業 3300 名 員工 共 1億 元 80 家 觀光業 3800 名 員工 共 08億 元 以及 2700 件 藝 文 產業 11萬 人 共 403億 元 行政院 因應 新冠肺炎 疫情 衝擊 前後 2 階段 共 祭出 達 105 兆 元 的 紓困 振興 預算 立法 院 21 日 已 通過 特別 條例 修正 草案 蘇貞昌 表示 政 院 將 在 明 23 日 院會 提出 追加 特別 預算 1500億 元 24 日 將 赴 立院 報告 並 接受 質詢</t>
  </si>
  <si>
    <t>行政院 蘇貞昌 新冠肺炎 紓困 經費</t>
  </si>
  <si>
    <t>接種 新冠肺炎 大陸 高風險 疫苗</t>
  </si>
  <si>
    <t>北京市 衛生 健康 委員會 周日 14 日 公佈 市內 上 週六 13 日 再 新增 36 宗 本地 新冠肺炎 病例 無 症狀 感染者 1 例 連續 56 天 沒有 出現 本土 新冠肺炎 病例 後 大陸 首都 北京市 2 天內 新增 7 宗 本土 病例 光 12 日 就 確診 6 例 另 有 46 人 為</t>
  </si>
  <si>
    <t>北京市 衛生 健康 委員會 周日 14 日 公佈 市內 上 週六 13 日 再 新增 36 宗 本地 新冠肺炎 病例 無 症狀 感染者 1 例 連續 56 天 沒有 出現 本土 新冠肺炎 病例 後 大陸 首都 北京市 2 天內 新增 7 宗 本土 病例 光 12 日 就 確診 6 例 另 有 46 人 為 陽性 無 症狀 感染者 新發地農產品批發市場 疑 似 傳染 源頭 市場 所在地 豐台區 重 啟 戰時 機制 北京市委 書記 蔡奇 表示 北京 已 進入 非常 時期 北京市疾病預防控制中心 副 主任 龐星火 13 日 召開 記者會 表示 除 12 日 通報 的 1 例 病例 劉某 有 出 京史外 其 餘 6 例 病例 近 2 周均 無 出 京史 無 境外 人員 或 湖北 人員 接觸 史 但 7 人 都去 過 新發地農產品批發市場 因此 初步判斷 可能 接觸 市場 中 污染 的 環境 或 接觸 到 被 感染 人員 北京市 豐台區 新發 地 市場 出現 新冠 疫情 後 豐台區 迅速 啟動 戰時 機制 成立 現場 指揮部 並 對 新發 地 市場 及 周邊 11 個 社區 採取 封閉 管理 措施 目前 已 鎖定 豐台區 確診 病例 的 密切接觸 者 139 人 全部 實施 集中 隔離 豐台區 重 啟 戰時 機制 根據 官方 通報 12 日 通報 的 6 名 病例 中 有 在 新發 地 市場 工作 的 銷售員 和 司機 也 有 前往 該 市場 採購 肉製品 的 顧客 以及 2 名 執行 食品 抽檢 工作 的 研究 機構 員工 11 日 公佈 住 在 西城區 的 患者 也 去 過 新發 地 市場 買 菜 新 京 報 報導 檢疫 人員 在 切割 進口 鮭魚 的 砧板 上 發現 新冠 病毒 當局 連夜 對 全市 的 生鮮 畜禽 肉類 和 水產品 進行 食品安全 檢查 很多 餐館 和 超市 也 下 架 鮭魚 產品 北京市政府 如臨大敵 13 日 淩晨 3 時 立刻 下令 關閉 新發地農產品批發市場 市場 所在地 豐台區 重 啟 戰時 機制 新發 地 市場 及 周邊 社區 採取 封閉 管理 措施 關 景點 禁止 群體 聚餐 北京 也 立即 暫停 跨 省 旅遊團 暫停 舉辦 體育賽事 小學 一二三 年級 暫緩 複課 多 處 景點 如 雍和宮 即日起 關閉 5 條 北京 和 河北省 之間 的 跨 省 公車 線路 暫緩 恢復 營運 北京 餐飲 防控 調升 至 二級 管控 禁止 群 體性 聚餐 進 店 用餐 需 查驗 健康 寶 app 海澱區 所有 社區 恢復 二級 防控 46 人 呈 陽性 無 症狀 當局 對 1940 名 北京 各 批發市場 從業人員 進行 進行 核酸 檢測 其中 46 人 呈 陽性反應 目前 無 臨床 症狀 已 納入 嚴密 管理 和 觀察 中 此外 市場 中 採集 的 40 件 環境 樣本 也 呈現 陽性 北京 將 對 5 月 30 日 以來 與 新發 地 市場 有 接觸 者 開展 核酸 檢測 此外 朝陽區 崔各莊 鄉 13 日 晚間 公告 京旺 家園社區 居民 王某 11 日 至 瀋 陽 出差 12 日 核酸 檢測 為 陽性 成為 遼寧省 新增 2 例 無 症狀 感染者 之一 王某 在 北京 的 家人 均 已 居家 隔離 醫學觀察 社區 也 升級 為 二級 管控 大陸 多 地 提醒 民眾 如 非必要 近期 不要 前往 北京市</t>
  </si>
  <si>
    <t>假如 這個 爆 料 屬實 只能 說 籃 網球 星 杜蘭特 的 恢復 能力 太 驚人 了 先前 公開 坦承 自己 確診 新冠肺炎 的 杜蘭特 27 日 被 tnt 資深 記者 伊格 爆 料 杜蘭特 不僅 已經 恢復健康 甚至 狀態 回 到 昔日 巔峰 時刻 假如 nba 今天 複賽 他 可以</t>
  </si>
  <si>
    <t>假如 這個 爆 料 屬實 只能 說 籃 網球 星 杜蘭特 的 恢復 能力 太 驚人 了 先前 公開 坦承 自己 確診 新冠肺炎 的 杜蘭特 27 日 被 tnt 資深 記者 伊格 爆 料 杜蘭特 不僅 已經 恢復健康 甚至 狀態 回 到 昔日 巔峰 時刻 假如 nba 今天 複賽 他 可以 上場比賽 杜蘭特 是 在 去年 6 月 總 冠軍賽 期間 不慎 造成 阿基裡斯 腱 撕裂 的 重傷 讓 他 本 季 提前 宣告 報銷 沒想 到 先前 籃 網 宣佈 4 名 球員 檢驗 結果 呈現 陽性 之後 他 竟 率先 跳出 來 承認 自己 確診 新冠肺炎 沒想 到 如今 他 接連 克服 新冠肺炎 與 腳傷 宣 告 健康 杜蘭特 與 他 的 團隊 已經 證實 了 這 點 伊格 表示 很 明顯 地 杜蘭特 自從 確診 新冠肺炎 之後 就 積極 恢復 自己 的 健康 從 最近 流出 他 的 訓練 影片 當中 可以 看出 他 不僅 打得 像 昔日 的 自己 甚至 看起來 像是 今天 就 準備 好 上場 的 球員 但 對 杜蘭特 來說 當前 最 大 的 問題 是 他 到底 應該 怎麼 做 伊格 表示 我 想 籃 網 會 把 決定權 交給 杜蘭特 自己 就 從 醫學 角度 來看 我 認為 他 現在 可以 上場 打球 但 更 頭痛 的 問題 是 籃 網 能否 接受 這個 決定 甚至 杜蘭特 自己 能否 接受</t>
  </si>
  <si>
    <t>新冠肺炎 疫情 肆虐 全球 擔任 防疫 指揮官 的 衛福 部長 陳時中 為了 防疫 每天 行程 滿檔 也 讓 知名 主 播 張雅琴 呼籲 立 委 放過 陳時中 反 遭 名 嘴 羅友志 痛 批 是 政大 之 恥 對此 張雅琴 在 昨天 播報 新聞 時 再度 開 嗆 張雅琴 表示 曾 提及</t>
  </si>
  <si>
    <t>新冠肺炎 疫情 肆虐 全球 擔任 防疫 指揮官 的 衛福 部長 陳時中 為了 防疫 每天 行程 滿檔 也 讓 知名 主 播 張雅琴 呼籲 立 委 放過 陳時中 反 遭 名 嘴 羅友志 痛 批 是 政大 之 恥 對此 張雅琴 在 昨天 播報 新聞 時 再度 開 嗆 張雅琴 表示 曾 提及 放過 陳時中 並非 不 監督 的 意思 而是 希望 立 委 能 讓 陳時中 部長 以 處理 疫情 為 優先 像是 昨天 除了 除了 確診 案 例外 還有 武漢 台商 包機 口罩 20 等 重大事件 因 此 向 立法 院 備 詢 請假 也 是 情有可原 接 著 表示 這種 敏感 時刻 有些 人 會 想要 藉 此 蹭 熱度 希 望都 可以 省 下功夫 若 想要 出名 最好 還 是 靠 自己 不 能夠 靠 別人 藉 機 再次 嘲諷羅 友 志 從 去年 十月 張雅琴 炮轟 高雄 市長 韓國瑜 嫖妓 說 引發 名 嘴 羅友志 開 嗆 後 事 隔 數 月 張雅琴 有鑒於 站 在 第一線 的 陳時中 幾乎 沒 時間 休息 呼籲 立 委 放 他 一 馬 對此 名 嘴 羅友志 怒 批 新 聞人 自動 放棄 監督政府 的 義務 跟 天職 去 當 網 軍 保護 政府 那跟 死 了 有 什麼 分別 撂下 狠 話 政大 廣電 系 之 恥 再度 引發 議論</t>
  </si>
  <si>
    <t>全台 新冠肺炎 疫情 不斷擴大 包括 臺北 新北 宜蘭 基隆都 有 確診 者 引爆 全國 恐慌 衛福 部長 陳時中 12 日 在 記者會 上 表示 過去 擔心 疫苗 打 不 完 但 如今 卻是 擔心 打 不夠 對此 國民黨 立 委 賴士葆 表示 自己 服務處 接到</t>
  </si>
  <si>
    <t>疫苗 賴士葆 臺灣 施打 疫苗 新冠肺炎</t>
  </si>
  <si>
    <t>有 糖尿病 史者 若 染 上 新冠肺炎 死亡率 極 高 但 現在 想 投保 醫療 險 又 恐怕 來不及 南山人壽 16 日 指出 其 先前 推出 的 外 溢 型 糖尿病 弱 體 保單 已 取消 30 天 的 疾病 等待 期 且 有 一 年 六 次 門診 保險金 讓 保戶 定期 回診 檢測 血糖 及 生活</t>
  </si>
  <si>
    <t>有 糖尿病 史者 若 染 上 新冠肺炎 死亡率 極 高 但 現在 想 投保 醫療 險 又 恐怕 來不及 南山人壽 16 日 指出 其 先前 推出 的 外 溢 型 糖尿病 弱 體 保單 已 取消 30 天 的 疾病 等待 期 且 有 一 年 六 次 門診 保險金 讓 保戶 定期 回診 檢測 血糖 及 生活 記錄 可 減免 5 10 保費 鼓勵 糖尿病 患者 不要 在 此時 避諱 就醫 耽誤 病情 南山人壽 這款 弱 體 保單 是 專門 針對 36 60 歲 的 第二 型 糖尿病 患者 提供 住院日 額 住院 手術 門診 手術 及 門診 等 保險金 保單 共 分 三 額度 基本 款 是 日 額 2千 元 最高 醫療 給 付 300萬 元 進 階 款 是 日 額 3千 元 最高 醫療 保險金 給 付 450萬 元 高階款 是 日 額 4千 元 醫療 部分 最高 給 付 600萬 元 保單 亦 有 意外 身故 給 付 100 200萬 元 這 部分 是 已 確定 罹 患 糖尿病 者 才能 投保 的 保單 南山人壽 強調 對於 一般 健康 體 保戶 可 投保 住院 醫療 險 亦 有 17張 是 針對 法定 傳染病 取消 等待 期 由於 是 外 溢 型 保單 保戶 要 定期 回 醫院 測量 糖化 血色素 每月 有 一定 天數 以上 記錄 血糖 飲食 及 運動 依 糖化 血色素 的 數控 及 記錄 行為 總分 保單 第 三 年 起 可 折 減 保費 5 10 全球 正在 努力 控制 新冠肺炎 疫情 擴散 南山人壽 指出 臺灣 新冠肺炎 確診 案例 已 達 395 例 其中 有 六 人 死亡 當中 就 有 四 例 具有 糖尿病 史 亦 即有 相關 慢性病 史者 若 不幸 罹 患 新冠肺炎 死亡 風險 會 高於 其他 群體 糖尿病 亦 位居 臺灣人 十 大 死因 之一 每年 有 近 萬 人 因 糖尿病 死亡 南山人壽 引述 國民 健康 署 統計 全台 約 有 200 多 萬 名 糖尿病 的 病友 且 每年 以 約 25萬 人 的 速度 持續 增加 近期 因為 新冠肺炎 疫情 不少 糖尿病 患者 不敢 上 醫院 甚至 忽視 病情 變化 延誤 就醫 南山人壽 即 強調 其 糖尿病 患 專屬 保單 對 所有 疾病 都 是 免 30 天 的 等待 期 馬 上有 醫療 與 意外 保障 且 保單 有 每次 門診 600 元 的 保險金 給付 糖尿病 保戶 可 定期 回診 以 有效 控制 血糖 觀察 體 況 南山人壽 舉 創 若 投保 此 弱 體 保單 的 高階款 投保 後 確診 新冠肺炎 入住 負 壓 隔離病房 每日 即有 新 台幣 4千 元 的 住院日 額 保險金 若 住院 期間 進行 手術 治療 可 申 領 每次 新 台幣 2萬 元 的 住院 手術 醫療 保險金 另外 針對 糖尿病 患者 常見 的 眼 部 病症 也 提供 每次 新 台幣 4千 元 的 門診 手術 醫療 保險金 若 因 回診 檢查 一 年 有 六 次 每次 新 台幣 600 元 的 門診 醫療 保險金</t>
  </si>
  <si>
    <t>新冠肺炎 疫情 延 燒 花蓮縣 議會 今 召開 第 19 屆 第 7 次 臨時 會 民進 党 議員 莊枝財 提出 緊急 提案 主張 疫情 嚴峻 建議 暫緩 第 7 次 8 次 臨時 會 以及 五月 的 定期 會 獲得 許多 議員 附議 議長 張峻 敲 槌 定案 創下 全台 首例 暫緩 定期 會</t>
  </si>
  <si>
    <t>新冠肺炎 疫情 延 燒 花蓮縣 議會 今 召開 第 19 屆 第 7 次 臨時 會 民進 党 議員 莊枝財 提出 緊急 提案 主張 疫情 嚴峻 建議 暫緩 第 7 次 8 次 臨時 會 以及 五月 的 定期 會 獲得 許多 議員 附議 議長 張峻 敲 槌 定案 創下 全台 首例 暫緩 定期 會 將 視 疫情 擇期 開議 花 蓮 縣 議會 24 日 召開 第 七 次 臨時 會 昨天 辦理 議員 報到 莊枝財 今 早 提出 緊急 動議 希望 暫緩 臨時 會 及 定期 大會 他 表示 目前 已 進入 第 2 天 的 預備會議 因 此 將 暫緩 再 找 適當 時機 召開 下次 會議 直接 進入 一 讀 會 及 臨時動議 莊 枝 財 指出 現在 全台 各地 疫情 嚴峻 花蓮 在 縣府 各 單位 努力 防疫 下 並 配合 中央 防疫 工作 現在 都還 沒有 確診 病例 因此 他 建議 先行 休會 讓 大家 做好 防疫 有 議員 則 認為 縣府 總預算 在 十月 提出 目前 應 不至於 影響 重要 議案 但 暫緩 定期 會 開議 也 創下 全台 之 先 議事 主任 譚進成 表示 4 月 13日 將 召開 的 第 8 次 臨時 大會 及 5 月 1 日 的 定期 大會 經 議員 決議 是 順延 目前 發 准 內政 部 同意 並 同步進行 發 函 及 發文 給 相關 單位 至於 開議 時間 延至 何時 未來 還要 視 疫情 狀況 協商 決定</t>
  </si>
  <si>
    <t>社會 歧視 詹昭 能 疫情 新冠肺炎</t>
  </si>
  <si>
    <t>新冠肺炎 肆虐 全球 長 達 近 2 年 而 臺灣 守 了 1 年 多 的 平靜 生活 也 在 上個月 被 猛 爆出 的 本土 疫情 打破 全台 進入 三級 警戒 已經 超過 3 周 雖然 確診 數 下降 但 每天 的 死亡 數字 仍 是 讓 人 聽 了 心驚 而 藝人 賈永婕 為此 熱血 跳 出來 號召</t>
  </si>
  <si>
    <t>新冠肺炎 疫情 防疫 勞工 局 訪視</t>
  </si>
  <si>
    <t>新冠肺炎 臺灣 殘 劑 北市 學生</t>
  </si>
  <si>
    <t>新冠肺炎 臺灣 宜蘭 南澳鄉 碧候村</t>
  </si>
  <si>
    <t>臺北市 知名 高級 酒店 的 公關小姐 潔 西 日前 驚 傳 新冠肺炎 確診 發病 期間 仍 去 上班 消息 傳出 引起 臺北 酒店業 恐慌 還 讓 全國 酒店 舞廳 一律 停止 營業 不止 如此 政府 為 防疫 出現 破 口 要求 該 名 確診 女 公關 上班 的 酒店 要 提</t>
  </si>
  <si>
    <t>臺北市 知名 高級 酒店 的 公關小姐 潔 西 日前 驚 傳 新冠肺炎 確診 發病 期間 仍 去 上班 消息 傳出 引起 臺北 酒店業 恐慌 還 讓 全國 酒店 舞廳 一律 停止 營業 不止 如此 政府 為 防疫 出現 破 口 要求 該 名 確診 女 公關 上班 的 酒店 要 提供 潔 西 23 月 班表 以及 框 出場 框 全場 與 做 s 性交 易 的 男客 名單 讓 近 一個 星期 去 消費 的 酒客 如坐針氈 屆時 恐 引爆 男客 們 的 家庭 風暴 該 名 公關小姐 在 上周 六 出現 發燒 流 鼻 水 症狀 就醫 後 確診 雖然 北市 衛生局 初步 掌握 接觸 者 為 21 人 但 實際 狀況 恐怕 不 樂觀 因為 一般 酒店 女 公關 上班 過程 中 除了 同事 一個 晚上 在 同 包廂 或是 坐 台 接觸 的 客人 可能 超過 人 50 人 以上 而且 大部分 男客 唯恐 會 引起 家庭 革命 可能 會 隱瞞 行蹤 是否 會 成為 防疫 破 口 引人關注 目前 臺北市 酒店 大致 分為 便服 酒店 禮服 酒店 制服 酒店 3 大類 其中 便服 酒店 消費 最高若 口袋 不夠 深 很 難 有 機會 去 消費 店 內 陪酒女 郎 打扮 入時 平均 3 人 入 包廂 消費 待 上 3 個 小時 至少 超過 6萬 元 至於 禮服 酒店 是 便服 酒店 的 簡易版 同樣 3 人 去 消費 3 小時 3 到 4萬 元 出頭 就 可 打發 因 消費 中等 所以 近 10 餘 年內 臺北市 禮服 酒店 如 雨後春筍 占 了 北市 酒店業 一半 市場 制服 酒店 則 是 敢 脫 敢 玩 通常 進入 包廂 後 就 是 脫 到底 通常 喜歡 肉欲 刺激 的 年輕人 最愛 平均 1 人 1 小時 2 到 3千 元 到底 但 也 最 引起 警方 注目 所以 固定 成為 臨檢 對象 中 時 新聞網 關心 您 飲酒 過量 有礙 健康</t>
  </si>
  <si>
    <t>利率 急速 國際 板 債券 也 爆 贖回 潮 金管會 17 日 公佈 今年 到 本月 16 日 為止 已 有 40 檔 國際 板 債券 提前 贖回 金額 共 達 16044億 美元 約合 新 台幣 4853億 元 比 去年同期 的 3 檔 債券 贖回 金額 128億 美元 金額 爆 增 124 倍 以上 證 期 局 副 局長 張振山 表示 主要 就是 利率 下降 過去 國際 板 債券 發行 利率 若 較 高 發行人 即可 能 考慮 提前 贖回 不過 有些 發行人 提前 贖回 國際 板 債券 亦 有 新 發債 券 借 新 還 舊 2 月 共有 28 檔 國際 債券 發行 金額 共 達 11619億 美元 即 約 新 台幣 3515億 元 發行 金額 不僅 較 去年同期 成長 近 158 倍 也 應該 是 國際 板 創 板 以來 單月 最 大 發行量 從 去年 第 四季 開始 就 因 債券 殖 利率 走低 加上 低 利率 環境 加劇 不少 國際 板 債券 開始 行使 提早 贖回 權 據 證 期 局 統計 去年 9 到 12 月 的 共有 36 檔 國際 板 債券 提前 贖回金額 達 10968億 美元 約 新 台幣 3318億 元 是 前年 同期 的 40 倍 壽險業 者 原本 預估 去年 第 四季 到 今年 全年 應有 逾 新 台幣 1 兆元 的 國際 板 債券 要 提早 贖回 今年初 又 因 新冠肺炎 疫情 蔓延 各國 央行 降息 推出 貨幣 寬鬆 政策 更 加劇 債券 贖 回潮 到 3 月 16 日 為止 國際 板 債券 已 贖回 40 檔 贖回 金額 達 新 台幣 4853億 元 即 不 到 三 個 月 時間 贖回 金額 超過 去年 最後 四 個 月 的 贖回 量 且 半 年 多 的 時間 贖回 金額 已 逾 新 台幣 8171億 元 3 月 美國 又 無 預警 降息 利率 逼近 0 恐 加速 債利 贖回 今年 可能 會 超過 壽險業 預估 的 贖回 量</t>
  </si>
  <si>
    <t>社區 廣 篩 新冠肺炎 臺灣 陳時中</t>
  </si>
  <si>
    <t>為 關懷 保戶 並 協助 民眾 度過 新冠肺炎 疫情 衝擊 中華 郵政 公司 對 壽險 保戶 與 房 貸 客戶 提供 多 項 關懷 服務措施 一 放寬 理賠 措施 中華 郵政 銷售 之日 額 型 住院 醫療保險 商品 對於 被保險人 因 新冠肺炎 住院 所生 之日 額 型 住院 醫療</t>
  </si>
  <si>
    <t>為 關懷 保戶 並 協助 民眾 度過 新冠肺炎 疫情 衝擊 中華 郵政 公司 對 壽險 保戶 與 房 貸 客戶 提供 多 項 關懷 服務措施 一 放寬 理賠 措施 中華 郵政 銷售 之日 額 型 住院 醫療保險 商品 對於 被保險人 因 新冠肺炎 住院 所生 之日 額 型 住院 醫療 費用 除 將 依 條款 規定 理賠 外 另 針對 被保險人 確診 新冠肺炎 之 理賠 采 從寬 給付 原則 一 因 新冠肺炎 入住 負 壓 隔離病房 者 將 從寬 比照 加 護 病房 住院 予以 理賠 提供 全面 保障 二 經 醫師 診斷 確診 新冠肺炎 必須 入住 醫院 並 辦理 住院手續 但因 醫院 滿載 而 入 住 防疫 旅館 或 檢疫所 經 被保險人 提供 確診 新冠肺炎 診斷 證明書 及 檢疫所 或 防疫 旅館 入出 住 證明 即可 申請 住院 保險金 二 寬延 繳納 保險費 經 確認 罹 患 新冠肺炎 之 保戶 及 非 自願性 失業者 得 個別 檢具 證明文件 申請 於 寬限 期間 屆滿 自 保險費 當 期 繳費 日 起 算 3 個 月 再 給予 3 個 月 延長 繳納 保險費 之 寬限 期間 三 新增 之 保單 借款 免息 3 個 月 經 確認 罹 患 新冠肺炎 之 保戶 及 非 自願性 失業者 自 事件 發生 日 起 3 個 月 內 得 個別 檢具 證明文件 申請 新增 之 保單 借款 免息 3 個 月 四 房 貸 戶 緩繳 本金 1 年 經 確認 罹 患 新冠肺炎 或 受 疫情 影響 致 還款 困難 之 房 貸 借款人 自 事件 發生 日 起 3 個 月 內 得 個別 檢具 證明文件 經 申請 及 審理 後 房 貸 本金 得 緩繳 1 年 詳細 資訊 請 致電 中華 郵政 公司 客服 專線</t>
  </si>
  <si>
    <t>保戶 新冠肺炎 理賠 申請 關懷</t>
  </si>
  <si>
    <t>日本 j 1 聯賽 昨日 拉開帷幕 揭幕戰 湘南 海洋 主場 2 3 不 敵 浦和 紅 鑽 此役 湘南 bmw 平 塚 競技場 的 球票 幾乎 被 搶購一空 有 15000 名 球迷 到 現場 觀戰 並且 絕大多數 都 佩戴 口罩 大陸 網 民 對此 極 表 佩服 日本 人 真不 怕 呀 而且 這麼 多 人 聚集 光 戴 口罩 也 沒 什麼 用 呀 據 微博 新浪 體育 報導 日本 j 1 聯賽 揭幕戰 有 15000 人 到場 觀戰 全場 幾乎 滿座 由於 新冠肺炎 疫情 的 影響 多數 球迷 都 佩戴 口罩 湘南 海洋 主場 也 採取 了 一系列 的 防禦 措施 在 球場 的 入口處 引導 人員 使用 擴音器 要求 觀眾 戴 上 口罩 並 將 酒精 消毒 液 噴灑在 觀眾 手部 從 轉播 畫面 中 可以 看出 座位 上 絕大多數 的 球迷 佩戴 口罩 觀賽 對於 足球 也 非常 盛行 的 中國 大陸 許多 大陸 球迷 對於 日本 球迷 的 熱情 與 勇氣 非常 佩服 網友 評論 稱 現在 疫情 那麼 嚴重 還 這麼 聚眾 真是 為了 看球 嗎 也 不 想想 其他人 希望 有關 部門 管管 由於 才 發生 23 人 鑽石 公主 號 人員 未 檢測 就 下 船 的 情況 日本 官員 為此 出面 道歉 大陸 網友 嘲諷 說 通過 這 一 段 對 疫情 的 觀察 發現 日本 並 沒有 對 疫情 很 在意 就 如 兒童 過家家 似的 竟然 會 讓 二十三 名 沒有 經過 檢測 的 人 下 了 郵輪 不 知道 日本 的 管理人員 工作 能力 就 這麼 差 嗎 這不 算 太 大 的 問題 竟然 還 有 15000 人 戴 口罩 看 足球賽 的 事情 發生 我 是 真 的 無語 了 感覺 日本 還是 沒有 足夠 重視 疫情 雖然 帶 了 口罩 但是 人 太 多 了 太 密集 了 傳播 機 率 還 是 很 大 的 這些 人 都 不要命 了 嗎 這麼 多 人 聚集 戴 口罩 的 意義 不 大</t>
  </si>
  <si>
    <t>新冠肺炎 社區 感染 台 南市 麻豆 新樓 醫院 探病</t>
  </si>
  <si>
    <t>連 假 樂觀 本土 案例 觀察 新冠肺炎</t>
  </si>
  <si>
    <t>蘇偉碩 鎖國 新冠肺炎 蔡英文 衛福部 桃園 醫院</t>
  </si>
  <si>
    <t>大陸 新冠肺炎 確診 病例 雖 已 出現 下降 的 趨勢 但 武漢 當地 似乎 並未 停止 人 傳人 大陸 抗 sars 專家 鍾 南山 18 日 強調 武漢 內外 的 危重 病人 情況 其實 差不多 武漢 並非 發生 病毒 變異 應是 一下子 病人 太 多 得不到 很 好 的 照顧 85</t>
  </si>
  <si>
    <t>大陸 新冠肺炎 確診 病例 雖 已 出現 下降 的 趨勢 但 武漢 當地 似乎 並未 停止 人 傳人 大陸 抗 sars 專家 鍾 南山 18 日 強調 武漢 內外 的 危重 病人 情況 其實 差不多 武漢 並非 發生 病毒 變異 應是 一下子 病人 太 多 得不到 很 好 的 照顧 85 病人 若 有 適當 的 生命 支援 與 治療 條件 營養 病情 應可 獲得 改善 廣東省政府新聞辦 18 日 在 廣州 舉行 疫情 發佈會 出席 的 大陸 國家 呼吸系統 疾病 臨床醫學 研究 中心 主任 中國工程院 院士 鍾 南山 認為 目前 武漢 仍 為 關鍵 8 成 的 病人 在 武漢 9 成 死亡率 在 武漢 武漢 現在 看來 還 並 沒有 停止 人 傳人 當務之急 一 是 正常人 和 病人 分開 二 是 新冠肺炎 病人 和 流感 病人 分開 可 採用 康復病 患 血漿 在 治療 藥物 方面 鍾 南山 表示 磷酸 氯 口 奎 稱不上 特效藥 但是 非常 值得 探討 的 藥 相較 於 一些 西藥 在 實驗室 有效 進入 人體 後 無效 蓮花 清 瘟 膠囊 等 中藥 已 常用 在 新冠肺炎 臨床 治療 且 使用 後 顯示 能 減少 病毒 進入 細胞 減輕 炎症 症狀 我 很 重視 中藥 的 作用 一旦 有 證據 中藥 是 可以 放心 用 的 鍾 南山 並 提到 使用 康復 病人 的 血漿 這 是 比較 老 的 方法 也 比較 安全 尤其 針對 重症 病人 而言 但 垂危 病人 則 不 適用 在 鍾 南山 口中 目前 來看 85 病人 若 有 適當 的 生命 支持 與 治療 條件 營養 病情 應可 獲得 改善 危重 病人 占 5 左右 病 死 率 約 在 25 武漢 並非 發生 病毒 變異 應是 一下子 病人 太 多 得不到 很 好 的 照顧 如果 給 很 好 的 生命 支持 隨 著 時間 過去 就算 沒有 特效藥 病毒 的 載 量 也 會 慢慢 下降 此外 大陸 的 新冠肺炎 疫情 來勢洶洶 兩岸 民眾 紛紛 陷入 疑慮 甚至 集體 恐慌 的 情緒 本報 特別 針對 各界 最為 關注 與 生活 息息相關 的 各項 防疫 課題 把 鍾 南山 的 觀點 看法 採用 問答 的 方式 一一 列出 與 讀者 民眾 廣為 分享 戴 口罩 做好 個人 防護 q 1 新冠肺炎 疫情 的 拐 點 轉捩點 何時 出現 a 到 了 峰值 不 等於 到 了 拐 點 鍾 南山 團隊 初步 估計 二月 中 或 二月 中下旬 南方 應會 達到 峰值 達到 峰值 不見得 說 它 馬上 會 下降 達到 峰值 是 指 積累 的 病例 或者說 新增 的 病例 大陸 全國 應 也 是 二月 中下旬 達到 峰值 也 可能 隨 著 勞工 節後 的 大 流動 會 不 會 再 出來 一個 高峰 我 個人 的 估計 大概 不 會 因為 現在 流動 過程 中 也 採取 了 非常 嚴格 的 檢測 措施 隔離 措施 不 太 容易 出現 一個 大 高峰 互相 傳染 聚集 性感 染 q 2 新冠肺炎 何以 如此 凶 猛 a 新冠 病毒 對 病人 的 肺部 有 實質性 的 損傷 產生 的 肺 黏液 阻礙 氣道 通暢 等 方面 比 sars 病人 難 治 主要 是 病人 重複 互相 感染 感染 病例 增速 較 快 有關 此外 醫護人員 無法 在 早期 對 病人 進行 氧 療 等 適當 治療 病情 發展 至 終末期 才 進入 重症 病房 導致 病 死 率 高 危重 病人 一拖 下去 病毒 造成 持續 的 損傷 比 sars 的 救治 難度 更 大 q 3 如何 做好 個人 防護 a 1 搭乘 電梯 一定 要 戴 口罩 2 一定 要 頻繁 為 電梯間 消毒 特別 是 按鈕 區 3 至 餐廳 坐下 吃飯 的 最後 一刻 才 脫 口罩 4 餐廳 裡 避免 面對面 就餐 避免 就餐 說話 5 辦公室 裡 配戴 口罩 談話 保持 適度 距離 6 辦公室 隨時 保持良好 通風 並 針對 門把 鍵盤 滑鼠 文具 桌面 進行 必要 酒精 消毒 7 莫 忘 勤洗手 多用 酒精 消毒 8 多 運動 少 熬夜</t>
  </si>
  <si>
    <t>新冠肺炎 社區 感染 爆發 是 決定 地區 是否 大 流行 的 關鍵 疫情 才會 達到頂點 頂點 後 才有 下來 的 希望 臺灣 到底 有 沒有 社區 感染 爆發 官方 與 醫 界 的 看法 是 有 分歧 的 官方 一向 只 承認 有 零星 社區 感染 醫 界 則 強烈 懷疑 早已 有 社區 感</t>
  </si>
  <si>
    <t>新冠肺炎 疫情 擴散 全球 外界 關注 東京 奧運 能否 於 今年 夏天 如期舉行 相較 於 日本政府 重申 不 會 延期 路透社 引述 2 名 熟知 內情 的 消息人士 指出 東京 奧運 主辦 方正 在 悄悄 規劃 奧運 延期 的 可能 方案 一 名 親近 東奧 組委會 的 匿名 日</t>
  </si>
  <si>
    <t>新冠肺炎 疫情 擴散 全球 外界 關注 東京 奧運 能否 於 今年 夏天 如期舉行 相較 於 日本政府 重申 不 會 延期 路透社 引述 2 名 熟知 內情 的 消息人士 指出 東京 奧運 主辦 方正 在 悄悄 規劃 奧運 延期 的 可能 方案 一 名 親近 東奧 組委會 的 匿名 日本 官員 透露 組委會 被 要求 為 延期 進行 模擬 計 畫 他 說 替代 方案 可能 包含 b c d 主要 根據 延遲 的 時間 而 定 另外 計畫 也 包含 估算 奧運 延期 的 成本 可能 方案 也 包含 縮減 奧運 規模 或是 在 不 開放 觀眾 進場 的 情況 下 如期舉行 匿名 官員 說 東京 奧運 組織委員會 將 會 在 3 月底 討論 這些 選項 另 一 名 匿名 消息人士 也 證實 東奧 組委會 正 在 討論 延期 舉行 的 可能性 包含 延期 1 至 2 年 部分 組委會 成員 則 希望 延後 1 個 月 或 45 天 針對 報導 東奧 組委會 國際奧林匹克委員會 international olympic committee 以及 日本政府 等 都 尚未 回應 國際 奧 會 主席 巴赫 thomas bach 昨 21 日 才 堅稱 奧運 應該 如期舉行 更 稱 取消 奧運 將 會 摧毀 運動員 夢想 路透社 引述 2 名 東奧 組委會 成員 指出 必須 儘快 做出 是否 延期 決定 警告 時間 拖得 愈久 要 進行 的 準備 工作 愈多 將 導致 相關 的 取消 費用 飆 升 不過 參與 延期 規劃 的 日本 官員 也 透露 如果 延期 的 時間 拖得 愈久 可能 會 引發 年紀 較 長 的 運動員 不滿 並且 必須 想 辦法 留住 贊助商 另 一個 頭大 問題 是 選手村 目前 2021 年 夏季 的 時程 表 已 相當 滿 2022 年 則 會 遇 上 世界盃 足球賽 還 有 北京 冬奧 路透社 指出 東京 奧運 究竟 會 否 如期舉行 最終 將 由 國際 奧 會 決定 不過 日本 的 態度 也 會 有 影響</t>
  </si>
  <si>
    <t>新冠肺炎 全球 az 阿斯特 捷利康 疫苗 美國</t>
  </si>
  <si>
    <t>新冠肺炎 疫情 延 燒 大臺北 地區 僅 基隆 市 仍 維持 0 確診 市長 林右昌 25 日 在 市政 會議 宣佈 取消 今年 基隆 市 中小學 聯合 運動會 開 閉幕式 活動 接下來 如 2020 基隆 童話 藝術節 市府 幹部 策勵 營 等 活動 都會 延期 辦理 等到 疫情</t>
  </si>
  <si>
    <t>新冠肺炎 的 接觸傳染 加上 政府 宣導 多數 國人 為 防止 人 傳人 減少 外出 及 外 食 機 率 由於 疫情 仍未 看到 終點 民眾 對 未來 不 確定 的 恐慌 有人 是 在 家裡 囤 放 物資 對此 農委會 農 糧 署 表示 無 驚 歡迎 民眾 多 買 儘量 買 存</t>
  </si>
  <si>
    <t>新冠肺炎 的 接觸傳染 加上 政府 宣導 多數 國人 為 防止 人 傳人 減少 外出 及 外 食 機 率 由於 疫情 仍未 看到 終點 民眾 對 未來 不 確定 的 恐慌 有人 是 在 家裡 囤 放 物資 對此 農委會 農 糧 署 表示 無 驚 歡迎 民眾 多 買 儘量 買 存 糧 足夠 可 撐 九 個 月 臺灣 知名品牌 中興 米 製造商 聯 米 企業 也 表示 在 全台 賣 場 超市 鋪 貨 的 中興 米 24 小時 全天 供應 沒有 缺貨 問題 請 民眾 安心 採購 農 糧 署 表示 依 糧食 管理法 國家 備 糧 不可 低於 三 個 月 即 30萬 公噸 消費量 的 安全 存量 目前 米 庫存 量 達 90萬 公噸 夠 國人 九 個 月 所 需 加上 第一 期 稻 作 將 在 4 月底 陸續 收割 因此 國內 米糧 供應 充裕 國人 無須 擔心 在 國內 米 市場 擁有 龍頭 地位 的 聯 米 企業 在 疫情 尚未 爆發 時 已 超前 部署 于 全台 賣 場 超市 自己 的 貨架 派 專人 全天 盯 貨 並 隨時 回報 米糧 供應 狀況 讓位 在 彰 化 的 集團 總部可以 精確 掌握 市場 的 供銷 情形 以利 公司 彈性 調配 與 支援 董事長 莊麗珠 對於 身 為 臺灣 米 食 專家 有 強烈 的 企業 使命感 尤其 新冠肺炎 來勢洶洶 對 長期 專注 在 米 的 研究 與 堅持 米 的 好 品質 的 中興 米 而言 如何 做到 企業 責人 首要 米糧 完全 充分 供應 不讓 大家 瘋 搶 物資 協助 國人 可以 安心 放心 挺 過 疫情 莊 麗 珠 表示 在 疫情 尚未 消退 前 多數 民眾 還 是 會 選擇 在家 吃 也 因 此 第一 季 較 去年同期 公司 為 獲利 成長 尤其 小包裝 的 米 銷售 奇佳 莊麗珠 提到 有 民眾 過於 擔憂 而 囤積 白米 她 建議 白米 買 回家 還是 要 趕快 吃 掉 放 太 久 若 保存 狀態 不好 會長 米蟲 有 放 去氧劑 的 米 室溫 下 可放 十 個 月 若是 真空包裝 建議 可先 放 冷凍庫 一 周 讓 蟲卵 死 掉 再 拿 出來 放在 陰涼 的 地方</t>
  </si>
  <si>
    <t>快 篩 基隆 采 檢 基隆 市立 醫院 新冠肺炎</t>
  </si>
  <si>
    <t>臺灣 防疫 已 進入 積極 備戰 新冠 病毒 社區 感染 的 新 時期 目前 新冠肺炎 病人 已 可以 在 臺灣 本土 生產 不再 仰賴 進口 因此 失去 了 診斷 病人 的 最好 憑 藉 無法 再以 旅遊 史 辨識 病人 感染者 會 無聲無息 地 鑽 到 你 身邊 此時 的 防疫 政</t>
  </si>
  <si>
    <t>新冠肺炎 肆虐 防疫 物資 瘋 搶 在 眾人 抵擋 災禍 之際 選 秀 節目 以 團 之 名 出身 的 新星 黃智博 竟 行 口罩 詐騙 不法 取 財 140萬 遭 警方 逮捕 事發 後 他 身分 被 揭露 也 遭 公司 解約 昨 黃智博 親 姊 在 微博 po 文 道歉 並 解釋 前因 後</t>
  </si>
  <si>
    <t>新冠肺炎 肆虐 防疫 物資 瘋 搶 在 眾人 抵擋 災禍 之際 選 秀 節目 以 團 之 名 出身 的 新星 黃智博 竟 行 口罩 詐騙 不法 取 財 140萬 遭 警方 逮捕 事發 後 他 身分 被 揭露 也 遭 公司 解約 昨 黃智博 親 姊 在 微博 po 文 道歉 並 解釋 前因後果 悲慘 身世 因此 曝光 21 歲 偶像 黃智博 發 災難 財 假 賣 口罩 真 詐騙 得手 破 百萬 元 本月 13 日 遭 警方 逮捕 目前 刑事拘留 中 而 他 的 親姊姊 昨 2 16 用 黃智博 微博 帳 號 發文 解釋 來龍去脈 表示 家裡 收入 薄弱 父母 艱難 務農 供 姊 弟 倆 上學 然 爸爸 突然 因 心臟病 病倒 兩 人 為 籌 醫藥費 不得已 輟學 打工 由於 文化 程度 低 法律 知識 薄弱 也 為 後來 的 這 件 事 埋 下 了 伏筆 姊 姊 表示 黃智博 從小 懷抱 星夢 因此 一直 邊 打工 邊 學習 唱歌跳舞 好不容易 成 了 練習生 訓練 過程 花費 也 不少 但 姊 姊 心甘情願 努力 供給 他 黃智博 也 知 家裡 辛苦 所以 有 時間 就 去 兼差 貼補家用 背後 心酸 罕 為人 知 而 今年春節 黃智博 返家 發現 父親 身體 變 差 之前 醫生 已 建議 要 做 第二 次 手術 但 爸爸 當時 決定 把 錢省 給 兒子 追 夢 姐姐 表示 這時 不 知道 在 什麼 人 的 煽動 下 動 了 這個 念頭 在 家人 都 不知情 的 情況 下 做出 了 令 人 痛心 的 違法行為 她 代替 弟弟 向社會 大眾 道歉 由於 智博 的 前車之鑒 以此 請 大家 遵紀守法 多 學習 法律 知識 不要 像 我 弟 那樣 無知 也 奉勸 很多 家境 平凡 但 想 實現 追 星夢 的 孩子 們 務必 小心 這 條 路 並 不是 你們 所 看到 的 那樣 光 鮮亮 麗 也 懇請 外界 能 不 要 行 言語 及 人身攻擊 現在 家人 為此 事 也 非常 傷心 難過 操 碎了心 唯一 盼望 的 就 是 儘量 保護 家人</t>
  </si>
  <si>
    <t>蝦 毀 用 振興 3 倍 券 就 能 創業 做 老闆 位於 台中 市北區 東 光路 近 太原 路口 的 大 台中 環保 市集 因應 市地 重劃 擴大 營業 因應 政府 715 發放 振興 券 祭出 振興 券 專屬 頭家 專案 讓 攤 商 可以 用 振興 券 抵 攤 租 此外 場內 所有 攤 商都 收 振興 券 但 不 找零 希望 幫 失 薪 族 成功 轉業 也 讓 更 多 攤 商 可以 搭上 這 波 振興 列車 大 台中 環保 市集 是 全台 歷史 最 攸 久 規模 最 大 的 二手市場 場主 蘇福安 表示 從 2000 年 搬遷 至 此後 20 年 間 臺灣 社會 也 歷經 金融 海嘯 sars 以及 新冠肺炎 三大 波 的 失業 潮 洗禮 這裡 不但 是 民眾 尋 寶 樂園 更 成為 中年 失業者 轉換 跑道 的 跳板 今年以來 因為 新冠 疫情 重創 經濟 不少 失業者 或是 斜 扛 族 湧入 擺攤 市場 裡 幾乎 有 7 成新 攤 商都 是 職 場 收入 銳減 或 被 裁員 轉 而 到 此 尋求 機會 蘇福 安分 析 這裡 攤 租 便宜 創業 門檻 低 尤其 主 打 二手買賣 垃圾 變黃金 每逢 景氣 低潮 有 廠商 到 此 出清 存貨 變現 也 有 家庭 主婦 將 家中 奢侈品 拿 來 兌現 適 巧遇 到 政府 振興 3 倍 券 即將 在 7 月 15 日 發放 啟用 大 台中 環保 市集 特別 祭出 振興 券 專屬 頭家 專案 讓 攤 商 可以 用 振興 券 抵 攤 租 希望 幫助 受 疫情 影響 失業 或 放 無 薪 假 的 民眾 開啟 轉 職 的 可能性 蘇福安 坦言 近日 大 台中 環保 市場 因應 市地 重劃 雖然 部分 用 地 遭到 徵用 同時 也 租 到 鄰近 的 閒置 用地 重新整理 擴大 營業 目前 如火如荼 試 營運 中 這 回 政府 發放 振興 3 倍 券 市場 除 要求 所有 攤 商 配合 政府 政策 收 200 元 500 元 面額 的 振興 券 唯一 就是 不 找零 他 強調 環保 市集 所有 物品 價格 至少 都打 了 兩 折 所以 不用 再 搭配 折扣 促銷 已經 相當 便宜 歡迎 民眾 揪 團 來 尋 寶</t>
  </si>
  <si>
    <t>新冠肺炎 病毒 肆虐 全球 超過 40億 人口 遭 禁 足 隔離 或 宅 在家 防疫 的 日子 不好過 為了 排解 苦悶 的 生活 應該 怎麼辦 可以 透過 app 線 上 買 花 佈置 住家 室內 設計 app 也 大受歡迎 南韓 韓國 先驅 報 報導 春天 到 了 百花齊放</t>
  </si>
  <si>
    <t>新冠肺炎 病毒 肆虐 全球 超過 40億 人口 遭 禁 足 隔離 或 宅 在家 防疫 的 日子 不好過 為了 排解 苦悶 的 生活 應該 怎麼辦 可以 透過 app 線 上 買 花 佈置 住家 室內 設計 app 也 大受歡迎 南韓 韓國 先驅 報 報導 春天 到 了 百花齊放 可惜 因為 疫情 之 故 大家 無法 出門 賞 花 但 可以 透過 買 花 app 把 美麗 的 花朵 搬 到 家裡 南韓 鮮花 產業 因 疫情 承受 損失 但 線 上 花店 業績 卻 欣欣向榮 以 業者 kukka 為 例 該 公司 找來 專家 為 客戶 包裝 法式 花束 並且 直接 把 鮮花 送 到 消費者 家門口 雜貨 宅 配 平臺 market kurly 則 在 2 月 疫情 爆炸 時 善加利用 旗 下 的 冷鏈 物流 系統 開始 跨 足 鮮花 宅 配 服務 儘管 花種 僅限於 鬱金香 和 小蒼蘭 但 每天 訂單 都 達 5百 筆 以上 另外 小型 的 家居 產品 也 能 讓 住家 有 不同 風貌 室內 設計 app today house 提供 使用者 分享 自家 的 居家 裝飾 照片 並 在 照片 上 標記 這些 商品 的 連結 方便 其他 消費者 購買 這 套 app 也 列出 各種 室內 設計 風格 和 選項 並 在 線 上 販 售 包括 蠟燭 毛巾 小 茶几 等 小型 居家 商品 一點 點 小小 的 改變 也許 能 產 生料 想不到 的 效果 隔離 生活 更 有 重心 也 讓 心情 轉個彎</t>
  </si>
  <si>
    <t>新冠肺炎 疫情 延 燒 臺灣 確診 病例 連日 暴 增 昨 18 日 更是 一口氣 新增 23 例 也 引發 民眾 恐慌 晚間 紛紛 到 各 大 賣 場 如 好 市 多 全聯 家樂福 等 瘋 搶 民生 物資 一 名 網友 貼出 自家 line 群 組 長輩 所傳 的 訊息 不少 人 一 看 訊息 傻眼</t>
  </si>
  <si>
    <t>新冠肺炎 疫情 延 燒 臺灣 確診 病例 連日 暴 增 昨 18 日 更是 一口氣 新增 23 例 也 引發 民眾 恐慌 晚間 紛紛 到 各 大 賣 場 如 好 市 多 全聯 家樂福 等 瘋 搶 民生 物資 一 名 網友 貼出 自家 line 群 組 長輩 所傳 的 訊息 不少 人 一 看 訊息 傻眼 直 呼 婆媽 群 組 真的 會 害 死 人 一 名 網友 在 ptt 八卦 版 貼出 line 對話 表示 前天 17 日 晚上 家裡 群 組 突然 有 長輩 傳 訊息 要 他們 儲備 1 個 月 份 的 糧食 與 生活 必需品 更 表示 立刻 去 銀行 提 領 所有 存款 原 po 事 後 又 補上 一 張 對話 紀錄 該 長輩 繼續 說 要 補充 的 有 米 面 乾貨 罐頭 與 根莖 葉菜類 上次 通知 今年初 會 有 金融 崩 盤 真 的 有 發生 情勢 會 怎樣 未 確定 建議 要 有 適當 準備 更 要 大家 到 銀行 提 領 所有 存款 至少 也 要 一個 月 以上 的 生活費 讓 原 po 也 忍不住 直 呼 真的 是 傻眼 鄉民 看到 也 氣炸 紛紛 回 檢舉 了啦 根本 蓄意 造成 恐慌 這個 可以 報警 嗎 唯恐 社會 不亂 萬一 真的 末日 你 領錢 也 是 沒 3 小 路用啦 鼓吹 擠兌 會 犯法 喔 真的 受不了 這些 長輩 領錢 是 要 幹 嘛 啦 直接 檢舉 追 源頭 吧 直接 跟 長輩 說 別 再 轉 傳 了 啊 領錢 幹 嘛 付 造謠 罰款 嗎 備 糧 就 算了 領錢 是 在 x 小 該是 原 po 你 大義滅親 的 時候 了</t>
  </si>
  <si>
    <t>專業 tpu 機能 布 暨 成品 廠 八 貫 1342 1 月 營 收 雙增 八 貫 預計 隨 著 醫療 及 戶外 訂單 需求 持續 暢旺 加上 去年底 因 缺 櫃 的 出 貨 遞 延 預估 首季 營運 將 成長 第二 季業 也 將 持續 向上 八 貫 1 月 合併 營 收 157億 元 較 去年同期 成 長 1537 也 較 去年 12 月 成 長 68 八 貫 表示 1 月 營 收成 長 主 系 因 戶外 需求 暢 旺 公司 合作 之 國際品牌 大廠 拉 貨 力 道 強勁 僅 戶外 類別 出 貨 金額 即 超過 一億 元 預計 隨 著 醫療 及 戶外 訂單 需求 持續 暢旺 加上 去年底 因 缺 櫃 遞 延 的 產品 陸續 出 貨 預估 今年 不但 首季 營運 將 成長 第二 季 業績 也 可望 持續 向上 八 貫 進一步 指出 機能性 布料 和 成品 組件 兩 大 事業 群 自 去年底 起 品牌 客戶 持續 下單 目前 整體 產能 利用率 及 稼 動 率 居高不下 預計 持續 至 四月 底 的 產能 皆 近 滿載 加上 六月 底 有 品牌 客戶 季節性 需求 接 棒 樂觀 期待 上半年 的 業績 應 可 順利 超越 去年同期 數字 隨 著 新冠肺炎 疫苗 開 打 有利 加強 經濟 復蘇 力 道 八 貫 主攻 tpu 高 階 利基 型 產品 尤其 在 醫療 戶外 及 救生 三大 領域 受惠 終端 市場需求 增 溫 訂單 能見度 明朗 目前 機能性 布料 產 線 趨 近 滿載 訂單 生產 排 程已至 第二 季 去年底 已 啟動 產 線 三 班 制 機台 不 停機 生產 至 清明連 假 前 以 目前 在手 訂單 來看 全年 營運 成長 動能 依然 強勁 展望 今年 八 貫 佈局 新廠 之 效益 將 可 逐步 產生 貢獻 元 月底 新廠 已 取得 宜蘭 縣政府 核發 之 使用 執照 成品 元件 新 產 線 預計 第二 季 進入 試機 量 產 產能 有望 於 下半年 逐步 挹注 將 可 再度 推 升 營運 規模</t>
  </si>
  <si>
    <t>tpu 八 貫 疫苗 新冠肺炎</t>
  </si>
  <si>
    <t>2020 年 美國 重 回 零利率 且 推出 無限 qe 利差 交易 有利 之後 熱 錢 回流 亞洲 與 大陸 加上 分析 師 預估 新興 市場 可望 領先 成熟 市場 復蘇 投 信 法人 預期 皆 有利 新興 短期 高 收益 債 漲 升 行情 就 佈局 時點 來看 由於 新冠肺炎 病毒 的 影響 新</t>
  </si>
  <si>
    <t>2020 年 美國 重 回 零利率 且 推出 無限 qe 利差 交易 有利 之後 熱 錢 回流 亞洲 與 大陸 加上 分析 師 預估 新興 市場 可望 領先 成熟 市場 復蘇 投 信 法人 預期 皆 有利 新興 短期 高 收益 債 漲 升 行情 就 佈局 時點 來看 由於 新冠肺炎 病毒 的 影響 新興國家 經濟 成長率 衰退 將 集中 在 第一 季 與 第二 季 在 此 狀況 下 金融資產 風險 5 月中 旬 過後 可望 降低 第二 季 正是 逢 低 佈局 新興 高收 債 良機 其中 又 以 新興 短 高 收 相對 看好 台 新 新興 短期 高 收益 債券 基金 經理 人 尹晟 和 指出 2020 全球 金融市場 深受 新冠肺炎 影響 但 新興 高收 債 企業 償債 高峰 是 落 在 2022 年 jpm 預估 2020 全球 新興 高收 債 違約 率 仍 不 到 5 隨 著 新興 短 債 的 收益率 和 利差 都 達到 十 年 來 的 高位 再 加上 美國 國債 等 低收益 債券 的 數量 不斷 增加 預期 在 債市 風險 下降 經濟 回穩 後 資金 將 湧 向 一些 被 錯 殺 的 高品質 信用 債券 新興 短期 高 收益 債 將 優先 受惠 尹晟 和 指出 新冠肺炎 衝擊 企業 活動 可能 導致 債市 違約 率 上升 不過 全球 政府 與 央行 宣佈 了 前所未有 的 貨幣 和 財政 刺激 方案 以 應對 全球 經濟 產生 未知 影響 的 擔憂 另一方面 新興 市場 經過 近 幾 年 的 積極 再 融資 債務 存 續 期間 得到 了 延展 企業 也 能夠 以 較 低 的 利率 再 融資 在 病毒 危機 爆發 之前 新興 公司 的 基本 面 狀況 相對 良好 淨 杠杆 率 接近 七 年 低點 總體 上 有利於 債務 群 益 全球 新興 收益 債券 基金 經理 人 李忠泰 指出 油價 波動 對 新興 債市 的 影響 程度較 輕 主要 由於 新興 市場原油 相關 發債 企業 大多 為 該國 產業 龍頭 且 具備 國營企業 角色 意 即 相關 公司 發行 的 債券 擁有 准 主權 債 quasi-sovereign 的 特質 政府 隱含 支持 度 很 高 風險 承擔 能力 較佳 也 因此 對 油 價 的 敏感度 較 低 由於 全球 各國 同步 擴大振興 計畫 根據 外資 統計 顯示 金融 海嘯 後 受惠 於 新興 市場經濟 基本 面 明顯 改善 系統性 危機 事件 呈現 逐年 下降 的 趨勢 配合 上述 的 觀察 以及 低 利率 的 環境 長期 而言 料 將 使 新興 市場 債 重 回 上升 趨勢 若 疫情 緩和 預期 新興 市場 債 將 因 高 殖 利率 與 准 主權 債 的 特質 而 重新 獲得 資金 青睞</t>
  </si>
  <si>
    <t>新冠肺炎 臺灣 法醫 研究所 法醫 轉達</t>
  </si>
  <si>
    <t>新冠肺炎 高雄 國旅 觀光 海洋</t>
  </si>
  <si>
    <t>新冠肺炎 疫情 持續 奇 美 醫療 體系 包括 奇 美 醫學 中心 柳營 奇美醫院 佳裡 奇美醫院 統計 5 月 15 日 至 6 月 30 日 執行 新冠 病毒 核酸 檢驗 超過 3萬1000 件 民眾 接受 新冠 病毒 核酸 檢測 pcr 奇 美 醫學 中心 依 受檢者 屬性 分類 預約 分流 3</t>
  </si>
  <si>
    <t>新冠肺炎 臺灣 pcr 奇 美 醫學 中心 受檢</t>
  </si>
  <si>
    <t>新冠肺炎 重創 觀光 產業 交通部 提出 44億 元 立即 紓困 方案 545億 元 投入 復蘇 及 振興 另 配合 前瞻 計 畫 20 投入 300億 元 將 觀光 產業 升級 與 轉型 行政院 稍 早已 拍板 在 觀光 產業 立即 紓困 方案 包含 陸客團 提前 離境 補助 旅行社</t>
  </si>
  <si>
    <t>新冠肺炎 重創 觀光 產業 交通部 提出 44億 元 立即 紓困 方案 545億 元 投入 復蘇 及 振興 另 配合 前瞻 計 畫 20 投入 300億 元 將 觀光 產業 升級 與 轉型 行政院 稍 早已 拍板 在 觀光 產業 立即 紓困 方案 包含 陸客團 提前 離境 補助 旅行社 2億 元 旅行社 停止 出 入團 補助 7億 元 入境 旅行社 紓困 3億 元 另 投入 5億 元 人才 培訓 12億 元 協助 旅行 業 旅 宿及 觀光 遊樂業 融資 周轉 貸款 協助 及 利息 補貼 提供 15億 元 減輕 營運 負擔 總共 投入 44億 元 在 復蘇 及 振興 方案 提供 545億 元 的 規模 包含 再次 投入 20億 元 做 國旅 補助 結合 相關公 協會 提出 在 地 行銷 4億 元 補助 地方 政府 提案 觀光 亮點 活動 共 3億 元 提升 旅 宿 溫泉 品牌 與 行銷 2億 元 國際 旅遊 部分 國際 郵輪 復蘇 計 畫 7000萬 元 疫情 過後 擴大 國際 行銷 5億 元 鼓勵 dmo 區域 結盟 2億 元 國際 旅客 入境 旅遊 市場 獎勵 措施 88億 元 旅遊景點 優化 包含 旅 宿業 品質 提升 4億 元 觀光 遊樂業 優質化 計 畫 3億 元 觀光 數位 轉型 計畫 2億 至於 升級 與 轉型 前瞻 計 畫 包含 計畫 建設 國際級 景區 及 轉型 升級 主題 旅遊年 慧 觀光 類 等 投入 經費 初 估 約 300億 元 配合 行政院 檢討 前瞻 計 畫 20 時 提出</t>
  </si>
  <si>
    <t>蔡英文 總統 今天 宣佈 暫停 520 總統 就職 活動 籌辦 工作 只要 疫情 仍 有 疑慮 520 就職 將 不 會 舉辦 大型 群眾 活動 對此 總統府 也 召開 記者會 表示 為 全力 防控 新冠肺炎 保留 最 大 彈性 來 因應 疫情 的 變化 總統府 發言人 丁允恭 表示</t>
  </si>
  <si>
    <t>新冠肺炎 臺灣 年輕 族群 檢測 無 法</t>
  </si>
  <si>
    <t>為了 防止 失 聯 移 工 成為 防疫 破 口 內政部長 徐國勇 上午 在 立 法院 提出 研議 擴大 自行 到案 專案 徐國勇 僅 初步 提出 免收 容 或者 將 罰款 降到 最低 最低 等 誘因 不過 韓國政府 卻 更 有 魄力 迅速 宣佈 給予 外籍 非法 勞工 自願 免責 離境 的 機會 還 表示 此時 參加 自願 離境 專案 者 會 減免 對 非法 入境 行為 的 追 責 包括 不 會 被 追究 此前 非法 入境 的 行為 不 會 被 記錄 在 黑名單 上 針對 擴大 自行 到案 專案 如何 鼓勵 移 工 自行 到案 徐國勇 舉例 自行 到案 者 免收 容 或者 將 罰款 降到 最低 最低 也 會 跟 其他 部會 商量 推出 其他 鼓勵 措施 讓 他們 自行 到案 不過 細節 仍要 再 研議 徐國勇 說 近期 將 與 勞動部 共同 研議 更具 誘因 的 擴大 自行 到案 專案 希望 藉 此 鼓勵 失 聯 移 工 踴躍 自行 到案 該 說法 曝光 後 民間團體 一 句 話 打 臉 徐 國 勇 國際 勞工 協會 研究員 陳秀蓮 直指 對外 勞最 關鍵 的 是 無法 再來 臺灣工作 會 遭到 境 管 注 記 所以 若 不 取消 注 記 逃逸 外勞 是 沒有 動力 配合 的 新冠肺炎 疫情 危急 韓國政府 在 處理 非法 入境 的 行為 上面 展現 魄力 據 泰國 曼谷 郵報 報導 當地 時間 2 月 28 日 開始 韓國政府 宣佈 給予 30萬 外籍 非法 勞工 自願 免責 離境 的 機會 這 一 機會 將 持續 至 3 月 31 日 韓國政府 表示 此時 參加 自願 離境 專案 者 不 會 被 追究 此前 非法 入境 的 行為 也 不 會 被 記錄 在 韓國 入境 和 移民 管理 部門 的 黑名單 上 而 在 3 月 31 日後 仍未 離境 的 非法 勞工 被捕 後 將 被 立刻 遣返 並 會 被 記錄 在 黑名單 上 10 年 內 不得 再次 入境 韓國 目前 韓國政府 已用 6 種 語言 發 佈 了 這 一 通知 回頭 來看 臺灣 的 應變 措施 臺灣 國際 勞工 協會 請願 希望 給予 無 證 移 工 合法 身分 今天 有 媒體 詢問 非法 移 工 取消 境 管 可行 嗎 徐國勇 4 日 到 桃園 市 消防 局 和 桃園 市長 鄭文燦 慰問 勞 鑽石 公主 號 執勤 消防 員 徐國勇 回應 法律 就 是 法律 一切 依法處理 內政 部 都會 做 相關 的 規劃 所以 內政 部 特別強調 自行 到案 專案 相信 會 有 相當 的 成果</t>
  </si>
  <si>
    <t>吳宇舒 三級 警戒 delta 新冠肺炎 臺灣</t>
  </si>
  <si>
    <t>雲 林縣 部分 長者 因 對 az 疫苗 有 疑慮 改 打 肺炎 鏈球菌 疫苗 導致 肺炎 鏈球菌 疫苗 大 缺貨 雲 林縣 北 港 媽祖 醫院 表示 肺炎 鏈球菌 疫苗 無法 防治 新冠肺炎 只能 減低 感染 後 的 重症 機 率 建議 長者 還是 以 施打新冠 疫苗 為 優先 考量 雲</t>
  </si>
  <si>
    <t>行政院 會 上午 通過 勞動部 提報 新冠肺炎 因應 措施 無 薪 假 勞工 參與 短 中 長期 各項 計畫 分別 最高 可 領到 3萬4800 元 到 4萬2760 元 不等 補貼 最高 不 超過 原 投保 薪資 也就是說 無 薪 假 勞工 有 機會 領 回 原 投保 薪資 3 個 月 政 院 紓困 6</t>
  </si>
  <si>
    <t>行政院 會 上午 通過 勞動部 提報 新冠肺炎 因應 措施 無 薪 假 勞工 參與 短 中 長期 各項 計畫 分別 最高 可 領到 3萬4800 元 到 4萬2760 元 不等 補貼 最高 不 超過 原 投保 薪資 也就是說 無 薪 假 勞工 有 機會 領 回 原 投保 薪資 3 個 月 政 院 紓困 600億 元 特別 預算 勞動部 遭 沒有 照顧 勞工 勞動部 上午 正名 無 薪 假 為 減班 休息 並 提出 各項 因應 計 畫 其中 除 失業 勞工 可 領 失業 給付 外 無 薪 假 勞工 若 參加 為期 3 個 月 的 充電 再 出發 計畫 以 每月 120 小時 每 小時 158 元 計算 可 領到 1萬8960 元 若 參與 中期 的 安心 就業 計 畫 以 最高 投保 薪資 4萬5800 元 計算 可 領到 1萬1000 元 若 參與 長期 的 雇用 安定 措施 訓練 課程 可獲 補貼 投保 薪資 7 成 以 最高 投保 薪資 4萬5800 元 計算 可 領到 1萬5400 元 若 加計 原無 薪 假期 間 可 領 最低 基本工資 則 分別 可 領到 34800 元 到 42760 元 區間 不等 工資 勞動部 勞動力 發展署 副 署長 施貞仰 表示 減班 休息 最 完美 的 演算法 就是 最低工資 23800 元 加上 18960 元 最高 42760 元 但 以 不 超過 原 投保 薪資 為 原則 此外 在 企業 部分 還有 安穩 雇用 計畫 企業 若 雇用 失業 30 天 以上 失業者 每人 每月 可 發給 5000 元 最 長 6 個 月 雇用 失業 30 天 以上 特定 物件 每人 每月 可 發給 1萬1000 元 至 1萬3000 元 最 長 12 個 月 雇用 3 個 月 以上 失業者 每人 每月 發給 9000 元 最 長 12 個 月 勞動部 合計 各項 計 經費 4125億 元 其中 新增 計 畫 經費 約 3058億 元</t>
  </si>
  <si>
    <t>無 薪 假 減班 勞工 勞動部 行政院 新冠肺炎</t>
  </si>
  <si>
    <t>環保局 倒 垃圾 三級 警戒 新冠肺炎 新北 市</t>
  </si>
  <si>
    <t>制 鞋 大廠 豐泰 9910 2019 年 稅 後 純益 6231億 元 年 增 1839 每股 純益 為 848 元 董事會 通過 每股 擬 配 息 4 元 配股 2 元 受 新冠肺炎 疫情 影響 運動 品牌 產品銷售 下滑 難以避免 首季 業績 是否 出現 衝擊 值得 留意 據 目前 的 訂</t>
  </si>
  <si>
    <t>制 鞋 大廠 豐泰 9910 2019 年 稅 後 純益 6231億 元 年 增 1839 每股 純益 為 848 元 董事會 通過 每股 擬 配 息 4 元 配股 2 元 受 新冠肺炎 疫情 影響 運動 品牌 產品銷售 下滑 難以避免 首季 業績 是否 出現 衝擊 值得 留意 據 目前 的 訂單 能見度 主力 客戶 nike 尚未 因 疫情 影響 而 砍 單 豐泰 能否 維持 全年 出 貨 年 增 預期 尚 待 觀察 豐泰 前 2 月 營 收 11496億 元 年 增 573 但 獲利 呈 衰退 情形 前 2 月 營業 利益 729億 元 年 減 426 稅 後 淨利 663億 元 年 減 305 eps 09 元 豐泰 今年 仍 將 擴大 越南 印度 佈局 越南 春 祿 工業區 廠 新 產 線 持續 開出 另外 董事會 日前 通過 投資 2700萬 美元 承租 越南 平順 省 德 令 4588 公頃 土地 計畫 將 打造 新 的 制 鞋 基地</t>
  </si>
  <si>
    <t>豐泰 每股 純益 新冠肺炎 疫情 運動 品牌 越南</t>
  </si>
  <si>
    <t>新冠肺炎 臺灣 身體 婦人 7 月</t>
  </si>
  <si>
    <t>資 策 會 產業 情報研究所 mic 表示 由於 新冠肺炎 疫情 帶動 換 機 潮 提前 預估 今年 全球 筆 電 出 貨 將 達 17億 台 成長達 6 其中 臺灣 筆 電 出 貨 估成 長 達 79 雙創 近 5 年 新 高 不過 由於 換 機 潮 提前 預估 明年 全球 筆 電 出 貨 將</t>
  </si>
  <si>
    <t>美國 疫情 再 陷 惡化 特別 以 陽光 地帶 的 南部 州 最為 嚴峻 不僅 佛羅里達州 創下 全美 各州 單日 新增 確診 最 多 的 15299 起 紀錄 後 加州 13 日 也 傳出 單日 新增 8358 起 確診 23 死 讓 加州 州長 紐森 當日 再次 對 該州 祭出 室內 活動 限制 令 餐廳 酒吧 博物館 電影院 以及 健身房 等 室內 活動 必須 關閉 立即 生效 new #covid 19 cases continue to spread at alarming rates ca is now closing indoor operations statewide for -restaurants-wineries-movie theaters family entertainment-zoos museums-cardroomsbars must close all operations 綜合 美國有線電視新聞網 與 國會山 莊 報 報導 加州 公共 衛生 署 13 日 表示 除了 新增 8千 多 起 確診 之外 過去 兩 周 以來 加州 因 新冠肺炎 住院 的 比例 也 大 增 28 目前 全 加州 新冠肺炎 病 患 總 確診 數 已 來到 329162 起 並 造成 7040 人 死亡 報導 指出 在 加州 58 個 郡 中 其中 30 個 郡 已 列入 州政府 的 監視 名單 包括 洛杉磯 郡 橘 郡 沙加 緬度 郡 等 都 必須 關閉 如 健身房 教堂 個人 看護 美髮廳 以及 部分 非必要 的 辦公室 等 室內 活動 餐廳 仍 允許 戶外 用餐 與 外帶 紐森 gavin newsom 表示 我們 正 看到 病毒 正 加速 傳播 這 就 是 讓 所有 州政府 成員 清楚 認知 到 為 何新冠 病毒 不 會 太 快 離開 他 指出 這次 禁止 室內 活動 的 規定 比較 像是 先前 居家 隔離 令 的 微調 版本 也 有 提出 許多 允許 例外 的 情況 預計 新 規定 須 實行 3 周 此外 三藩市 與 聖地牙哥 也 宣佈 下 個 月 起 的 新 學期 所有 學校 都采線 上 教學 直到 公衛 條件 許可 時 才會 回復 面對面 授課</t>
  </si>
  <si>
    <t>楊冪 趙又廷 迪麗熱巴 主演 的 仙 俠 神劇 三 生 三 世十裡 桃花 6 日 起 將 重 回 中天 娛樂 台 陪伴 觀眾 渡過 防疫 非常 時期 該劇 播出 至今 在 網路 平臺 創下 近 530億 次 的 驚人 點播 數字 不但 讓 楊冪 再 添 一 部 代表作品 更 讓 男 主角 趙又廷 紅遍 兩岸三地 迪麗熱巴 也 知名度 大 開 成為 新 一代 女神 三 生 三 世十裡 桃花 劇情 集結 了 虐 心 浪漫 仙 俠 武鬥 的 元素 無論 首播 或 重播 都 能 掀起 一 股 追 劇 熱潮 近日 有 一 名 因為 新冠肺炎 疫情 而 忙碌不堪 的 醫護人員 在 她 的 個人 網路 平臺 透露 在 許多 睡 不 著 的 狀態 下 就 會 重新 再 看 一 次 三 生 三 世十裡 桃花 因為 有 女神 楊冪 的 陪伴 才能 安心 入睡 沒 想到 楊冪 竟 現身 留言 區 親自 回 覆 她 你們 是 真 英雄 加油 要件 健康 康 的 早點 回家 楊冪 的 舉動 讓 這 名 醫護人員 非常 開心 無疑 為 她 在精神上 打 了 一 支 強心針 粉絲 們 也 大贊 楊冪 女神 超 貼心 三 生 三 世十裡 桃花 在 今年 更 推出 續集 三 生 三 世枕上 書 讓 劇 迷 們 相當 期待 楊冪 再度 扮演 同一個 角色 白 淺 更 是 新 戲 一大 看 點 這 回 她 在 續集 裡 終於 與 趙又廷 舉行 大 婚 這 更是 劇 粉 心中 是 相隔 3 年 殷殷 期盼 的 大 結局 但 其實 早 在 三 生 三 世十裡 桃花 中 楊冪 與 趙又廷 已 定下 婚期 也 生下 兒子 卻 直到 續集 枕 上 書 才 完成 大 婚 典禮 網友 紛紛 回憶 不禁 想起 3 年前 那段 天天 熬夜 追 劇 的 日子 啊 但 也 有人 失落 趙又廷 竟 在 續集 沒有 客串 遺憾 缺少 了 夜 華 趙又廷 飾 登場 想 看 更 多 精彩內容 敬請 鎖定 4 月 6 日 起 週一 至 週五 晚間 8 點 至 10 點 中天 娛樂 台 三 生 三 世十裡 桃花</t>
  </si>
  <si>
    <t>新冠肺炎 臺灣 台東 部落 豐年 祭</t>
  </si>
  <si>
    <t>新冠肺炎 疫情 升溫 夜市 是否 營業 受 矚目 南 投 縣 副 縣長 陳正升 表示 因 在 最新 的 疫情 中 南 投 縣 目前 尚未 有 確診 案例 且 緊鄰 的 台中 市 也 尚未 全面禁止 夜市 設攤 基於 縣 市 聯防 因此 南 投 縣 暫不 關閉 夜市 後續 將 視 疫情 狀況</t>
  </si>
  <si>
    <t>南 投 防疫 夜市 新冠肺炎 臺灣</t>
  </si>
  <si>
    <t>新冠肺炎 臺灣 5 月 症狀 25 日</t>
  </si>
  <si>
    <t>新冠肺炎 疫情 激勵 運動 休閒 商機 且 中 美 兩 大 市場 同步 進入 第 四季 消費 旺季 包括 宏遠 1460 喬山 1736 岱宇 1598 等 15 檔 運動 休閒 概念 股 股價 響叮噹 15 檔 5 日 股價 走 揚 的 運動 休閒 概念 股 包括 宏遠 喬山 岱宇</t>
  </si>
  <si>
    <t>新冠肺炎 疫情 延 燒 繼 首 列 社區 感染 白 牌 車 司機 後 又 新增 確診 北部 一 名 60 多 歲 婦女 找 不 到 感染 源 這 名 婦女 近 2 年 未 出國 卻 在 1 月 22 日 發病 當時 臺灣 尚未 對 大陸 採取 任何 入境 限制 學者 表示 顯示 病毒 可能 早就 進入 臺灣 根</t>
  </si>
  <si>
    <t>新冠肺炎 臺灣 苗栗 京元電 超豐 電</t>
  </si>
  <si>
    <t>新冠肺炎 臺灣 屏 東 長輩 免費 接送</t>
  </si>
  <si>
    <t>很 難 想像 媽祖 該不該 照常 繞 境 祈福 能 扯 出 這麼 多 口水 難道 是 繼 還 沒下 戲 的 口罩 之 亂 接 著 上 檔 媽祖 繞 境 戲碼 媽祖 早已 成仙 哪 在乎 是否 繞 境 祈福 關心 的 應是 人間 不要 因 此 而 耽誤 了 防疫 大事 吧 新冠肺炎 的 應對 其實 並 不 複雜</t>
  </si>
  <si>
    <t>新冠肺炎 臺灣 台中 接種 az</t>
  </si>
  <si>
    <t>侯友宜 本土 病例 新北 耶誕 城 新冠肺炎</t>
  </si>
  <si>
    <t>新冠肺炎 臺灣 接種 施打 莫德納 疫苗</t>
  </si>
  <si>
    <t>許靖韻 新冠肺炎 自主 隔離 大陸 飯店</t>
  </si>
  <si>
    <t>權威 醫學期刊 刺 胳 針 the lancet 日前 發佈 一 項 最新 研究 新加坡 專家 發現 新冠 病毒 出現 1 個 名為 sars-cov- 2 的 變種 最 早 出現 在 大陸 武漢 再 傳入 新加坡 及 臺灣 其 感染 症狀 較 典型 的 新冠肺炎 輕微 研究 變種 病毒</t>
  </si>
  <si>
    <t>伊朗 驚 傳 23 名 國會議員 染 新冠肺炎</t>
  </si>
  <si>
    <t>伊朗 媒體 援引 國會 副 發言人 米思理 的 聲明 稱 目前 有 23 名 伊朗 議員 的 新冠 病毒檢測 結果 呈 陽性 目前 所有 國會議員 參與 民間 活動 全部 暫停 根據 中新 網 引述 美聯社 報導 伊朗 最高 領袖 柯梅 尼 3 日 下令 軍隊 協助 政府 衛生部門 防控 新冠肺炎 傳播 令 該國 整體 進入 備戰狀態 柯梅 尼 說 任何 有助於 公共 衛生 和 預防 疾病 傳播 的 方法 都 是 好 的 而 有助於 傳播 疾病 的 東西 則 是 罪惡 的 截至 目前 伊朗 累計 確診 新冠肺炎 病例 達 2336 例 死亡 病例 達 77 例</t>
  </si>
  <si>
    <t>戴 口罩 英格蘭 英國 新冠肺炎</t>
  </si>
  <si>
    <t>新冠肺炎 疫情 延 燒 使 民眾 瘋 搶 口罩 政府 因此 祭出 口罩 實 名 制 每人 每 7 天 可 購買 2 片 口罩 全國 公務人員 協會 榮譽 理事長 李 來希 昨 貼出 排隊 購買 的 口罩 直 呼 口罩 顏色 品質 不一 並 質疑 口罩 分裝 的 衛生 問題 李 稍 早 再度 貼 文</t>
  </si>
  <si>
    <t>雲朗 觀光 與 嘉義 縣 新 港 農會 合作 自 12 月中 起 雲朗旗 下 各 飯店 陸續 在 各 館 客房 提供 黑 娘 媽 黑豆 茶 包 除了 提 振 且 推廣 國產 農產品 也 讓 房客 免費 體驗 品嘗 臺灣 黑豆 茶 的 好 味道 雲 朗 觀光 集團 旗 下 擁有 君 品 酒店 雲品 溫泉 酒店 翰品酒店 兆品 酒店 品 文 旅 等 五 個 品牌 十 間 飯店 幅員 廣 及 九 個 縣 市 此次 嘉義 新 港 農會 為了 讓 所 產 優質 的 黑豆 茶 可 走 出 嘉義 讓 更 多 縣 市 的 客群 都 能 體驗 特別 與 雲朗 觀光 合作 一同 推廣 臺灣 優質 農產品 黑 娘 媽 是 新 港 農會 於 民國 106 年 以 新 港 知名 的 奉天 宮主 神 媽祖 林 默 娘 為 精神 象徵 推出 的 自有 品牌 並 陸續 開發 黑豆 茶 黑豆 粉 黑 豆漿 黑豆 糙米 香 黑豆 蔭 油 等 多 元 商品 農會 總 幹事 林雅欣 表示 該 農會 黑豆 茶 使用 新 港 在 地 生產 非 基因 改造 通過 產銷 履歷 驗證 tap 的 國產 黑豆 製作 品質 安全 有 保障 農 糧 署 副 署長 姚志旺 指出 農糧署 南區 分署 長期 輔導 新 港 農會 種植 與 推廣 國產 黑豆 新 港 農會 黑豆 產品品質 佳 且 價格 實惠 農會 用心 生產 高 品質 的 黑豆 產品 光 黑豆 保存 設備 就 投入 上 千萬 消費者 得以 安心 享用 受 新冠肺炎 影響 國人 只 能 走 國旅 行程 飯店 也 願 善 盡 一 份 心力 協助 推廣 國產 優質 農產品</t>
  </si>
  <si>
    <t>大 聯盟 本 週末 宣佈 取消 2020 年 全明星賽 總裁 曼 佛 雷德 robert manfred 感謝 地主 洛杉磯 道奇 的 配合 與 理解 同時 聯盟 公佈 第一 波 新冠肺炎 檢驗 結果 3185 位 受測者 有 38 人 染病 其中 31 人 為 球員 擴 及 19 支 球隊 首屆 明星賽 在 19</t>
  </si>
  <si>
    <t>大 聯盟 本 週末 宣佈 取消 2020 年 全明星賽 總裁 曼 佛 雷德 robert manfred 感謝 地主 洛杉磯 道奇 的 配合 與 理解 同時 聯盟 公佈 第一 波 新冠肺炎 檢驗 結果 3185 位 受測者 有 38 人 染病 其中 31 人 為 球員 擴 及 19 支 球隊 首屆 明星賽 在 1933 年 初次 取消 明星賽 是 在 1945 年 二次世界大戰 道奇 則 是 40 年 沒辦 明星賽 上次 在 1980 年 二次大戰 並未 波及 美國 本土 大 聯盟 仍然 正常 打完 球季 但因 國內 旅行 管制 而 停辦 明星賽 也 沒有 選出 明星 球員 德國 於 該 年 5 月 戰敗 聯盟 有 意 在 德國 舉辦 勞軍 比賽 被 軍方 婉拒 明年 的 明星賽 已經 分配 給 了 亞特蘭大 勇士 道奇 最 快 要 2022 年 才能 辦 今年 也 不 需要 票 選 球星 了 大 聯盟 第一 波 檢驗 的 染病 率 很 低 只 有 12 遠 低於 職 籃 nba 的 71 例行 賽 預計 於 7 月 24 日 開 打</t>
  </si>
  <si>
    <t>雙北 進入 第 三級 警戒 臺北市 萬 華區 爆發 新冠肺炎 疫情 北 市府 也 宣佈 鄰近 萬 華 的 老松 國小 龍山 國小 雙園 國小 及 螢橋國小 等 4 校 也 自 今 起至 23 日 止 停課 一 周 而 昨晚 臺北市 萬 華區 光 仁 小學 暨 附設 幼稚園 昨晚 深夜 也 在</t>
  </si>
  <si>
    <t>雙北 進入 第 三級 警戒 臺北市 萬 華區 爆發 新冠肺炎 疫情 北 市府 也 宣佈 鄰近 萬 華 的 老松 國小 龍山 國小 雙園 國小 及 螢橋國小 等 4 校 也 自 今 起至 23 日 止 停課 一 周 而 昨晚 臺北市 萬 華區 光 仁 小學 暨 附設 幼稚園 昨晚 深夜 也 在 官 網上 緊急 宣佈 幼稚園 外聘 的 美術 老師 確診 小學 及 幼稚園 今 起 停課 2 周 據 瞭解 該 名 美術 老師 是 在 快 篩 後 收到 通知 確診 並 在 昨晚 8 點 緊急通知 校方 校方 為了 謹慎 處理 宣佈 全校 停 班 停課 2 周 不過 授課 期間 該 名 美術 老師 並 無 任何 的 症狀 是 做 了 快 篩 後 才 得知 確診 北市 光 仁 國小 校長 何碧蓮 指出 雖然 中央 規定 1 名 師生 確診 不用 停 班 停課 但 老師 都會 跨 班級 上課 加上 昨 統計 有 5 分之 2 的 家長 決定 讓 學生 請假 因此 才 做出 停 班 停課 的 決定 何 碧蓮 表示 平時 校園 內 都 會 定期 做 消毒 昨 接 獲 老師 緊急通知 後 今天 早上7 點 學校 也 做 了 全面 大 消毒 學校 的 行政 人員 也 都 遵守 防疫 規則 落實 量 體溫 戴 口罩 何 碧蓮 指出 停課 期間 學校 將 采 視 訊 方式 上課 而 學校 也 有 家長 的 緊急 聯繫 群 組 因此 通知 停課 非常 快速 不 過 許多 家長 在 週末 時也 都 希望 學校 可以 停課 緊急通知 後 家長 也 都 相當 贊成 停課 的 決定</t>
  </si>
  <si>
    <t>停課 確診 光 仁 國小 美術 老師 新冠肺炎</t>
  </si>
  <si>
    <t>臺灣 職業 女網 一 姊 謝淑薇 帶 著 近 兩 周於 wta 巡迴賽 杜拜 站 杜 哈站 女雙 奪冠 的 氣勢 加入 今年 聯邦 杯 亞 大區 一級 賽事 中華 女網 隊 因為 新冠肺炎 疫情 人心惶惶 謝淑薇 也 高 規格 自我 健康 管理 透露 都戴 n- 95 口罩 也 避免 全隊</t>
  </si>
  <si>
    <t>新冠肺炎 在 全球 爆發 大 流行 美 股 僅 花 21 天 就 從 歷史 新 高 下跌 超過 20 進入 熊市 全球 經濟 活動 暫緩 市場 何時 才 會 觸 底 野村 投 信 表示 短期 市場 將 持續 波動 亦 不 排除 再往 下 探 底 但 在 各國 央行 及 政府 支持 下 可 將 金融體系</t>
  </si>
  <si>
    <t>新冠肺炎 在 全球 爆發 大 流行 美 股 僅 花 21 天 就 從 歷史 新 高 下跌 超過 20 進入 熊市 全球 經濟 活動 暫緩 市場 何時 才 會 觸 底 野村 投 信 表示 短期 市場 將 持續 波動 亦 不 排除 再往 下 探 底 但 在 各國 央行 及 政府 支持 下 可 將 金融體系 的 系統性 風險 降 至 最低 待 疫情 受到 控制 後 經濟 與 市場 將 逐步回歸 正軌 第二 季可 分批 逢低買進 做 長線 佈局 股市 以 美 陸 台 為 核心 產業 面 看好 科技 及 消費 債市 首選 美國 投資 級 債 短 債 以及 金融 債 野村 投 信 投資 長 周文森 vincent bourdarie 表示 2020 年 美國 gdp 增長率 至少 被 影響 40 個 基本點 歐洲極 有 可能 步入 衰退 亞洲 國家 則 會 受到 全球 需求 與 消費 減少 的 衝擊 所幸 各國 央行 積極 實施 寬鬆 貨幣 及 財政政策 大量 挹注 流動性 支撐 金融市場 不過 短期 內 市場 仍 籠罩 在 恐慌 情緒 中 待 各國 復工 以及 市場 情緒 回穩 刺激 政策 的 效果 才 會 顯現 股市 方面 野村 投 信 海外投資 部 主管 呂丹嵐 表示 由於 歐美國家 沒有 經歷 過 sars 因此 在 處理 疫情 時 較為 輕忽 當 市場 意識 到 嚴重性 時 恐慌 情緒 隨即 席捲而來 金融市場 以 史無前例 的 速度 跌入 熊市 若以 目前 市場 預估 2020 年 美國 標 普 500 指數 eps 最糟 的 狀況 衰退 5 10 來看 eps 還有 5 10 下跌 空間 但 指數 位置 則 要 看 投資人 願意 給予 的 評價 水準 而 定 若 信用 市場 沒有 系統性 風險 目前 基本 面 已 接近 最壞 情境 的 水準 美 歐 與 新興 市場 的 本益比 已 處於 偏 低 水準 以 美 股 而言 目前 本益比 約 為 16 17 倍 積極 型 投資者 可以 開始 分批 逢 低 進場 風險 敏感 的 投資人 則 宜 等待 市場 明朗化 再 佈局 債市 方面 野村 投 信 固定 收益 部 主管 謝 芝 朕 表示 未來 一 二 個 月 債市 趨 穩 必須 滿足 三 個 要件 首先 是 投資人 對 債市 要 從 1 月份 的 過度 加碼 轉為 中立 甚至 減 碼 再者 債券市場 的 價格 需要 反應 接近 衰退 的 情況 最後 也 最 重要 的 一點 是 美國 及 歐洲 的 每日 新增 確診 人數 觸 頂 且 放緩 從 資金 流向 來看 目前 投資 級 債 和 高 收益 債 的 賣壓 應 已 告一段落 新興 市場 債券 2019 全年 淨流入 671億 美元 2020 年初 迄今 則 流出 286億 美元 截至 4 月 3 日 新興 市場 先前 加碼 的 龐 大 部位 已經 部分 出清 完成 因此 預估 這 波 新興 債 的 拋售 即將 減緩</t>
  </si>
  <si>
    <t>死亡 人數 突破 80萬 新冠肺炎 全球 確診 超過 2300萬</t>
  </si>
  <si>
    <t>新冠肺炎 死亡 人數 2300萬80萬 人 報導</t>
  </si>
  <si>
    <t>三 重 某 診所 醫師 傳 隱形 缺氧 亡 檢 屍 確診 新冠肺炎</t>
  </si>
  <si>
    <t>臺灣 新冠肺炎 疫情 仍 嚴峻 每天 都 有人 確診 病逝 台大醫院 昨日 收治 一 名 到 院前 死亡 的 患者 檢驗 屍體 後 確定 感染 新冠肺炎 據 瞭解 該 名 患者 為 三 重 某 診所 的 醫師 7 天 前 曾 接種 az 疫苗 研 判 因 隱形 缺氧 導致 死亡 該 名 死者</t>
  </si>
  <si>
    <t>隱形 缺氧 新冠肺炎 確診 診所 az</t>
  </si>
  <si>
    <t>雲 林縣 今 23 日 再 增 2 例 新冠肺炎 確診 案 住 西螺 的 23 歲 男性 案 4019 東勢 鄉 86 歲 老婦 案 4222 全縣 達 6 例 都 是 家屬 互相 傳染 案 4019 年輕人 其父 是 昨日 確診 的 西螺 45 歲 男 有 萬 華 旅遊 史 男性 案 4222 老母 是 被 新北</t>
  </si>
  <si>
    <t>新冠肺炎 臺灣 西螺 傳染 40</t>
  </si>
  <si>
    <t>日本 新冠肺炎 確診 達 773 人</t>
  </si>
  <si>
    <t>確診 東京都 封 館 新冠肺炎 東京</t>
  </si>
  <si>
    <t>新冠肺炎 再度 出現 本土 個案 是 確診 的 外籍 機師 在 台 外出 時 的 接觸 者 對於 疫情 升高 蔡英文 總統 及 行政院長 蘇貞昌 連日來 密切 關切 並 指示 各部 會 積極 提出 因應 作為 交通部長 林佳龍 近日 來 與 相關 單位 會商 後 今 22 日 於 交通</t>
  </si>
  <si>
    <t>交通部 林佳龍 新冠肺炎 本土 個案</t>
  </si>
  <si>
    <t>臺灣 新冠肺炎 疫情 嚴峻 醫護人員 工作量 遽 增 撥打 電話 叫 救護車 也 會 比 平常 來得 晚 日前 台南 一 名 男子 表示 女兒 因 發高燒 只好 趕緊 到 附近 的 診所 看 診 沒 想到 才剛 到 到 診所 女兒 突然 熱 痙攣 並 陷入 昏迷 診所 醫師 見 情</t>
  </si>
  <si>
    <t>新冠肺炎 臺灣 診所 發燒 醫師</t>
  </si>
  <si>
    <t>az 疫苗 新冠肺炎 副作用 血栓 丹麥</t>
  </si>
  <si>
    <t>為 管控新冠肺炎 疫情 傳播 防疫 中心 限制 陸 配子 女 入 台 政策 24 小時 內 4 次 髮夾 彎 兩岸 婚姻 協調 促進會 會長 鍾 錦 明 表示 政府 將 兩岸人民 關係 規定 得 很細 很多 事情 不能 一刀切 下去 否則 只 會 怨聲載道 臺灣 學者 龐建國 呼籲 蔡</t>
  </si>
  <si>
    <t>徐若瑄 何如 芸 新冠肺炎 疫情 新加坡</t>
  </si>
  <si>
    <t>病例 數 樂觀 本錢 新冠肺炎 臺灣</t>
  </si>
  <si>
    <t>全球 觀光 界 受到 新冠肺炎 疫情 衝擊 近 2 年 國際 組織 預估 2024 年 才能 恢復 疫情 前 榮景 2021 臺北 國際 旅 展 itf 今日 于南港 展覽館 登場 雖然 規模 不如 以往 但 仍 有 40 多 個 國家 地區 來 參展 總統 蔡英文 表示 這 顯示 各國 已 逐漸 恢</t>
  </si>
  <si>
    <t>全球 觀光 界 受到 新冠肺炎 疫情 衝擊 近 2 年 國際 組織 預估 2024 年 才能 恢復 疫情 前 榮景 2021 臺北 國際 旅 展 itf 今日 于南港 展覽館 登場 雖然 規模 不如 以往 但 仍 有 40 多 個 國家 地區 來 參展 總統 蔡英文 表示 這 顯示 各國 已 逐漸 恢復 海外 行銷 呼籲 旅遊業 再 堅持 一下 等待 春暖花開 的 日子 itf 主辦單位 臺灣 觀光 協會會長 葉菊 蘭 表示 疫情 重創 觀光業 全球 旅遊 人次 從 疫情 前 的 146億 人次 銳減 到 4億 人次 工作 流失 6200萬 人 最近 疫苗 覆蓋率 提升 許多 國家 也 開放 邊境 期 能 帶動 觀光 復蘇 我國 疫苗 覆蓋率 也 超過 74 再 撐 一會 就 有 好日子 過 交通部長 王國材 說 政府 這 2 年 實施 紓困 與 振興 措施 陪 大家 過 難關 旅 行業 也 做 了 很多 轉型 包括 旅 宿業 觀光 遊樂業 等 都 提出 許多 產品 和 行銷 交通部 的 短期 規劃 仍 是 佈局 國旅 擴大內需 再 等待 迎接 觀光客 交通部 推動 區域 觀光 聯盟 策略 整合 資源 擴大 觀 光圈 並 藉 由 前瞻 計 畫 打造 6 個 具 國際 魅力 的 景點 包括 大野 柳 東 北角 沙丘 日月 潭 東海岸 島嶼 阿里山 以及 澎 湖 黃金 海岸 希望 提供 國人 和 國際 旅客 更 多 元 觀光 選擇 並 透過 itf 旅 展 向 世界 宣告 臺灣 準備 好 了 行政院 政務委員 張景森 指出 行政院 針對 邊境 開放 在 兼顧 防疫 與 觀光 平衡 下 已 著 手 研究 國際 上 務實 作法 時機成熟 便 會 推動 盡 速 恢復 國際 旅遊 活力 他 強調 每年 5000 至 8000億 元 的 出境 市場 有 潛力 轉為 國內 旅遊 消費 適當 發展 可 補上 國際 觀光客 的 不足 蔡英文 表示 在 疫情 挑戰 下 實體 旅 展順利 舉辦 且 呈現 這樣 規模 並 不容易 國內 疫情 穩定 現 進入 振興 街 段 希望 4 天 旅 展 能 作為 轉型 契機 為 旅遊 注入 新 能量 鼓勵 國人 看 展 消費 一起 振興 國旅 蔡英文 邀請 民眾 參加 旅 展 搭配 五 倍 券 各部 會 加碼 券 一定 能 在 現場 買 自己 喜歡 的 產品 今年 仍 有 40 多 個 國家 地區 來 參展 30 多國 代表 到場 支援 顯示 各國 逐漸 恢復 海外 行銷 她 也 有 信心 臺灣 能 提供 在 地 深度 多元 的 產品 及 美食 吸引 更 多 國際 旅客 注意 蔡英 文說 上周 她 帶 cnn 記者 到 萬華 參觀 當地 小吃 及 宗教 文化 都 受到 喜愛 並 讓 在 地 小吃 登 上 國際 版面 這種 體驗 旅遊 就 是 臺灣 旅遊 契機 和 商機 希望 旅遊業 大家 再 堅持 一下 等待 春暖花開 的 日子</t>
  </si>
  <si>
    <t>振興 五 倍 券 振興 券 五 倍 券 相關 新聞 新冠肺炎</t>
  </si>
  <si>
    <t>atp 男單 世界 第 2 確診 新冠肺炎</t>
  </si>
  <si>
    <t>新冠肺炎 國際</t>
  </si>
  <si>
    <t>新冠肺炎 疫情 升溫 國內 死亡 人數 已 達 149 人 據 昨日 媒體 民 調 有 6 成 不滿 政府 防疫 表現 綠 委 許智傑 今日 表示 政府 從 去年 8 月 就 積極 採購 疫苗 但 當時 臺灣 疫情 不 嚴重 國際 藥廠 都 將 疫苗 先 分給 重災區 希望 民眾 可以 諒解</t>
  </si>
  <si>
    <t>疫苗 重災區 許智傑 新冠肺炎 臺灣</t>
  </si>
  <si>
    <t>新冠肺炎 疫情 延 燒 為了 宣導 新冠 病毒 防疫 的 正確 觀念 及 鼓勵 所有 站 在 第一線 防疫 工作人員 社團 法人 台 東縣 南回 健康 促進 關懷 服務 協會 方舟 教室 舉辦 寶貝 你 很 繪 繪畫 比賽 藉 由 繪圖 的 方式 不僅 發揮 小朋友 對於 防疫 情形</t>
  </si>
  <si>
    <t>美國 知名 主持人 艾倫 狄珍妮 ellen degeneres 其 脫口秀 節目 艾倫秀 聞名 全球 她 作風 風趣 機靈 加上 長期 為 弱勢 及 lgbtq 族群 發聲 因此 幽默 溫暖 的 形象 深 植 人心 沒想 到 近日 遭 節目 工作人員 群起 投訴 指 她 毫無 通知 就 找 外 包 廠商 錄 影 集體 丟 包 他們 連跟 她 合作 過 的 網 紅 保 鑣 也 爆 她 是 雙 面人 目前 形象 都 是 裝 出來 的 消息 一 出 引發 外界 譁然 艾倫秀 30 多 名 員工 近日 聯合 控訴 因 新冠肺炎 影響 節目 從 攝影棚 移 到 艾倫 家裡 拍攝 但 她 私自 找 了 外頭 的 攝影 廠商 來 拍 完全 沒 通知 原本 的 團隊 一行 人 就 這樣 被迫 放 無 薪 假 慘 被 丟 包 毫不 念舊情 而 荷蘭 知名 美 妝 網 紅 nikkie tutorials 今年 1 月 受 邀 出演 艾倫秀 表示 其實 很 多 節目 邀 約 但 她 是 因 艾倫 長期 為 lgbt 族群 發聲 因此 決定 接下 工作 但 當天 卻 讓 她 非常 不 舒服 她 爆料 艾倫並 不似 螢光幕 前 和善 暖 心 私下 冷漠 無理 還 對 來賓 大小 眼 他們 不讓 我 用 洗手間 因為 強納 森 兄弟 要用 事實上 2014 年 艾倫 的 前 保 鑣 majercak 就 曾 出面 爆 料 為 艾倫 工作 期間 她 的 老婆 波蒂亞 portia de rossi 非常 和善 但 艾倫 根本 雙 面人 從沒 正 眼看 過 majercak 她 老婆 在 介紹 我 的 時候 艾倫 反應 冷漠 還 帶 著 歧視 也 從不 跟 我 打招呼 majercak 心寒 地 說 前 老闆 人見人愛 的 形象 本 是 裝 的 實際 接觸 過 猶如 被 潑 了 盆 冷水</t>
  </si>
  <si>
    <t>香港 臺灣 新加坡 入境 新冠肺炎</t>
  </si>
  <si>
    <t>漢神 巨蛋 停業 櫃 姐 感染 源 新冠肺炎</t>
  </si>
  <si>
    <t>新冠肺炎 衝擊 大陸 但 也 催生 宅 經濟 爆發 成長 資料 分析 商 統計 大陸 2 月 前 兩 周 蘋果公司 apple 平臺 的 手機 應用程式 app 周均 下載量 超過 2億 次 較 去年 周 平均值 大幅 成長 40 疫情 也 讓 大陸 遊戲 製造商 的 數量 激增</t>
  </si>
  <si>
    <t>大陸 陸續 公佈 3 名 來自 臺灣 的 新冠肺炎 確診 案例 國 台辦 說 臺灣 防疫 有 漏洞 防疫 指揮官 陳時中 今天 受訪 時 乾笑 兩 聲 說 有 沒有 漏洞 大家 心知肚明 不過 任何 的 情報 我們 都會 予以 重視 臺灣 不斷 傳出 有 入境 他國 或 其他 地區 確診 案</t>
  </si>
  <si>
    <t>新冠肺炎 美 豬 陳時中</t>
  </si>
  <si>
    <t>新冠肺炎 臺灣 采 檢 個案 北市</t>
  </si>
  <si>
    <t>就 在 網路 與 外 媒 持續 質疑 大陸 病毒 研究 機構 洩漏 實驗 動物 病原 因而 導致 新冠肺炎 疫情 之際 大陸 農業 農村部 教育部 等 7 個 部門 大張旗鼓 聯合 發佈 通知 要求 加強 動物 病原 實驗室 安全 管理 任何 單位 和 個人 未經 批准 不得 從事 高</t>
  </si>
  <si>
    <t>就 在 網路 與 外 媒 持續 質疑 大陸 病毒 研究 機構 洩漏 實驗 動物 病原 因而 導致 新冠肺炎 疫情 之際 大陸 農業 農村部 教育部 等 7 個 部門 大張旗鼓 聯合 發佈 通知 要求 加強 動物 病原 實驗室 安全 管理 任何 單位 和 個人 未經 批准 不得 從事 高 致病 性 動物 病原 微生物 實驗 活動 亦不得 保藏 高 致病 性 病原 微生物 菌 毒 種 和 樣本 顯然 有關 病毒 研究 機構 私自 進行 大陸 官方 未知 的 高風險 病毒 研究 的 說法 並非 空穴來風 而 要求 研究 機構 銷毀 病毒 樣本 更讓人 起疑 意在 湮滅證據 據 新 京 報 報導 農業 農村部 教育部 等 7 部門 聯合 發 佈 通知 要求 加強 動物 病原 微生物 實驗 活動 監管 生物安全 三級 四級 實驗室 從事 高 致病 性 動物 病原 微生物 或者 疑 似 高 致病 性 動物 病原 微生物 實驗 活動 的 應報 省級 以上 畜牧 獸醫 主管部門 批准 任何 單位 和 個人 未經 批准 不得 從事 相關 實驗 活動 此外 通知 要求 各地 畜牧 獸醫 主管部門 要 加強 對 轄區 內 動物 病原微生物實驗室 及其 實驗 活動 的 生物安全 監督 管理 未經 批准 從事 高 致病 性 動物 病原 微生物 實驗 活動 的 要 依法 嚴肅 查處 對 實驗室 能力 條件 發生變化 不再 符合 國家標準 或 有關 規定 的 要 及時 暫停 或 取消 實驗 活動 許可 同時 加強 科研院所 大專院校 出版 機構 有 關高 致病 性 病原 微生物 研究成果 發表 的 管理 納入 相關 績效評價 工作 通知 說 除 農業 農村部 指定 的 專業 實驗 室外 其他 單位 和 個人 不得 保藏 高 致病 性 病原 微生物 菌 毒 種 和 樣本 對於 違規 保存 菌 毒 種 和 樣本 的 當地 畜牧 獸醫 主管部門 應當 監督 其 就地 銷毀 或 送 農業 農村部 指定 的 保藏 機構 保存 通知 提出 加強 動物 病 料 採集 和 使用 監管 對於 重大 動物 疫病 或 疑 似 重大 動物 疫病 應當 由 動物 防疫 監督機構 採集 病 料 採集 過程 中 應當 防止 病原 微生物 擴散 和 感染 並 對 樣本 的 來源 採集 過程 和 方法 等 作 詳細 記錄 各地 畜牧 獸醫 主管部門 要 加強 病 料 採集 和 實驗 活動 廢棄物 的 安全監管 外 媒 報導 指出 大陸 網上 有 許多 人 質疑 武漢 病毒 研究所 或 其他 研究 病毒 的 科研機構 外泄 實驗 動物 或 病毒 導致 新冠 病毒 疫情 擴散 但 大陸 官方 與 武漢 病毒 研究所 已 多次 否認 此時 大陸 7 部門 聯合 發佈 通知 要求 嚴查 未經 批准 的 病毒 實驗 確實 啟人疑竇 顯示 確有 未經 批准 的 病毒 實驗 才 需要 發佈 通知 明令禁止 而且 又 要求 未經 批准 的 研究 用 病毒 樣本 不得 保留 當地政府 要 監督 銷毀 讓 人 懷疑 是否 為 湮滅證據 之用</t>
  </si>
  <si>
    <t>新冠肺炎 臺灣 確診 足跡 南京 公寓 市場</t>
  </si>
  <si>
    <t>第 十 輪 疫苗 az 高端 新冠肺炎</t>
  </si>
  <si>
    <t>莫德納 殘 劑 莫德納 疫苗 張博揚 小兒科 診所 新冠肺炎</t>
  </si>
  <si>
    <t>中國 大陸 消息 稱 國務院 副 秘書長 中央 指導組 成員 丁向陽 20 日 在 武漢 表示 湖北 武漢 疫情 防控 形勢 儘管 有 好 的 跡象 和 積極 變化 但 仍然 十分 嚴峻 從 醫療 救治 上 說 現有 3萬 多 名 患者 在 醫院 救治 其中 重症 患者 8000 多 人 危重症 1600 多 人 救治 任務 還 十分艱巨 大陸 央 視 也 報導 連日來 全國 治癒 出院 的 患者 不斷 增加 包括 2 月 19 日 安徽省 63 例 新冠肺炎 患者 治癒 出院 以及 吉林 首例 新冠肺炎 危重症 患者 治癒 出 院 安徽 全省 63 例 新冠肺炎 患者 治癒 出院 其中 安徽 黃山市 有 3 名 新冠肺炎 患者 治癒 出院 安徽 亳州市 有 11 名 新冠肺炎 患者 治癒 出院 截至 目前 安徽 全省 共 治癒 出 院 424 例 吉林省 首例 新冠肺炎 危重症 患者 也 治癒 出院 這 名 患者 今年 62 歲 1 月 28 日 確診 為 新冠肺炎 由於 患者 長期 患有 慢性 支氣管炎 高血壓 等 疾病 確診 當日 就 出現 呼吸困難 昏迷 等 症狀 經過 23 天 的 全力 救治 患者 恢復 良好 經 救治 專家組 會診 符合 出院 標準 湖北省 武漢華中科技大學 附屬 協和醫院 西院 31 名 重症 新冠肺炎 患者 治癒 出 院 這 是 自 該院 成為 武漢市 重症 新冠肺炎 患者 定點醫院 後 出院 人數 最 多 的 一 次 目前 該院 累計 收治 患者 1055 名 累計 出 院 145 人 丁向陽 也 指出 這 場 突如其來 的 疫情 是 一 場 非常 戰役 病毒 來勢 之 洶 疫情 傳播 之 烈 範圍 擴散 之 廣 全社會 所 面臨 的 挑戰 之 大 堪稱 前所未有 他 表示 武漢 不是 孤島 不是 孤軍作戰</t>
  </si>
  <si>
    <t>台肥 董事長 人事 案 大 轉彎 日前 大 股東 農委會 改 派 代表人 農委會 副 主委 陳添壽 取代 原 董事長 康信鴻 原訂 12 日 召開 臨時 董事會 接任 董事長 不過 11 日 公告 改 公股 董事 由 台肥 總經理 黃耀興 接任 農委會 指出 新冠肺炎 疫情 升溫</t>
  </si>
  <si>
    <t>台肥 董事長 人事 案 大 轉彎 日前 大 股東 農委會 改 派 代表人 農委會 副 主委 陳添壽 取代 原 董事長 康信鴻 原訂 12 日 召開 臨時 董事會 接任 董事長 不過 11 日 公告 改 公股 董事 由 台肥 總經理 黃耀興 接任 農委會 指出 新冠肺炎 疫情 升溫 需 陳添壽 留任 統籌 因應 因此 改 派 代表人 台肥 原 董事長 康信鴻 1 月中 請 辭 獲准 農委會 原本 7 日 規劃 改 派 副 主委 陳添壽 將 接任 台肥 董事長 不過 短短幾天 在 臨時 董事 會前 人事 案 再 傳 異 動 原本 官股 法人代表 改 派 陳添壽 案 註銷 改由 黃耀興 接任 農委會 表示 近期 因 新冠 性 肺炎 全球 疫情 不斷 升溫 而 臺灣 是 海島型 國家 國際 漁業 活動 及 與 相關 國際 組織 互動 頻繁 為了 強化 臺灣 在 國際 漁業 組織 的 參與 及 協調 確保 漁民 在 國際 海域 上 的 作業 權利 及 保障 現階段 仍 亟需 嫺熟 漁業 事務 的 陳添壽 留任 統籌 相關 業務 因此 重新 報請 行政院 同意 改 派 台肥 總經理 黃耀興 接任 農委會 表示 黃耀興 在 台肥 公司 從 基層 做起 長年 於 台肥 公司 服務 業務 嫺熟 且 專業 能力 備受 公司 內外 肯定 具備 擔任 公股 董事 所 需 的 公司 治理 專業 有助於 台肥 公司 永續 經營 及 長遠 發展</t>
  </si>
  <si>
    <t>新冠肺炎 衝擊 全球 金融業 勤業 眾 信 臺灣 待 觀察</t>
  </si>
  <si>
    <t>勤業 眾 信 會計師 事務所 投資 管理 新冠肺炎 金融業</t>
  </si>
  <si>
    <t>健康 江蘇 今 12 日 發佈 8 月 11 日 0 24 時 江蘇 新增 本土 確診 病例 38 例 南京市 報告 1 例 揚州市 報告 37 例 15 例 為 輕型 23 例 為 普通型 以上 病例 均 在 定點醫院 隔離 治療 新增 出院 病例 2 例 均 為 本土 確診 病例 7 月 20 日 至今 江蘇 全省 累計 報告 本土 確診 病例 734 例 南京市 234 例 淮安市 12 例 揚州市 485 例 宿遷市 3 例 累計 出院 本土 確診 病例 32 例 目前 在 定點醫院 隔離 治療 的 確診 病例 721 例 其中 本土 確診 病例 702 例 輕型 133 例 普通型 532 例 重型 24 例 危重 型 13 例 在 醫學觀察 的 無 症狀 感染者 8 例 其中 本土 無 症狀 感染者 1 例 2020 年 1 月 22 日 至 2021 年 8 月 11 日 24 時 江蘇 全省 累計 報告 新冠肺炎 確診 病例 1499 例 其中 境外 輸入 133 例</t>
  </si>
  <si>
    <t>新冠肺炎 大陸 確診 病例 江蘇 報告</t>
  </si>
  <si>
    <t>清明連 假 由於 許多 景點 湧入 人潮 連 假 後 的 14 天 是 關鍵 根據 自然 期刊 nature 最新 發佈 的 一 篇 論文 指出 新冠肺炎 病毒 原來 在 症狀 不 明顯 幾乎 無 症狀 的 發病 前 5 天 病毒 量 可 到達 最高峰 甚至 比 sars 的 高峰 高出 1000 倍 對</t>
  </si>
  <si>
    <t>莫德納 疫苗 新冠肺炎 莊人祥 臺灣 自然 耗損</t>
  </si>
  <si>
    <t>新冠肺炎 延 燒 眼科 醫師 提醒 勿 用 手 碰 觸 搓 揉 眼睛</t>
  </si>
  <si>
    <t>新冠肺炎 疫情 持續 延 燒 病毒 是否 會 透過 眼睛 感染 引起 討論 彰 化 眼科 醫師 強調 眼睛 的 結膜 部分 也 屬於 黏膜 組織 跟 口腔 鼻腔 內 的 黏膜 一樣 確實 可能 成為 病毒 侵入 人體 的 途徑 提醒 民眾 用 常用手 碰 觸 搓 揉 眼睛 勤洗手 若</t>
  </si>
  <si>
    <t>新冠肺炎 持續 攀 高 全國 增加 到 322 例 彰 化 縣 也 一連 再 添 兩 例 第 15 例 20 多 歲 男性 留 美 返台 追蹤 接觸 人數 多 達 11 人 采 居家 檢疫 第 16 例 30 多 歲 英國 留學生 同 住 家人 接觸 6 人 彰 化 縣 居家 檢疫 隔離 人數 累計 也 飆 到 2961 人</t>
  </si>
  <si>
    <t>瑞基 4171 成功 開發新冠肺炎 檢測 試劑 市場 看好 防疫 商 機 多頭 力 挺 表態 今日 股價 跳 空 開高 盤中 沖 上 漲 停板 782 元 隨後 雖 遭 打開 但 漲幅 仍 在 9 以上 瑞基 已 成功 開發 出 適用於 實驗室 使用 的 qpcr real-time pcr 試劑</t>
  </si>
  <si>
    <t>瑞基 4171 成功 開發新冠肺炎 檢測 試劑 市場 看好 防疫 商 機 多頭 力 挺 表態 今日 股價 跳 空 開高 盤中 沖 上 漲 停板 782 元 隨後 雖 遭 打開 但 漲幅 仍 在 9 以上 瑞 基 已 成功 開發 出 適用於 實驗室 使用 的 qpcr real-time pcr 試劑 以及 適用 瑞 基 pockit 平臺 使用 的 iipcr 系列 試劑 qpcr 試劑 可 搭載 一般 實驗室 儀器 檢測 使用 iipcr 系列 試劑 將 搭載 瑞基 儀器 pockit 系列 使用 瑞基 在 2018 年 開發 並 獲得 ce-ivd 認證 的 pockit central 儀器 更 將 萃 取 與 檢測 合而為一 sample-in-result-out 的 設計 只 需將 樣本 置 入 85 分鐘 後 即可 得知 檢測 結果 可說是 防疫 一大 利器 瑞 基 受惠 非洲 豬瘟 與 禽流感 疫情 持續 延 燒 亞洲各國 積極 動物 防疫 帶動 畜產 檢測 試劑 銷售 1 月 營 收 創新 高 今年 將 深耕 畜產 市場 以 亞洲地區 為 起點 全面 拓展 非洲 豬瘟 檢測 市場 同時 強化 佈 局 pcr 在 雞 禽 市場 應用 伴侶 動物 方面 將 持續 朝 新增 代理 通路 前進</t>
  </si>
  <si>
    <t>瑞基 新冠肺炎 漲 停 試劑 防疫 商 機</t>
  </si>
  <si>
    <t>新冠肺炎 在 大陸 第一 波 的 疫情 有 趨 緩 跡象 但 日 韓 義 等 國才剛 進入 疫情 升溫 期 甚至 有 多國 已 出現 首 宗 死亡 病例 香港 公衛 專家 指出 如 出現 1 起 死亡 案例 代表 背後 有 100 名 感染者 更 坦言 還 可能 有 第二 波 爆發 疫情 疫情 在</t>
  </si>
  <si>
    <t>新冠肺炎 在 大陸 第一 波 的 疫情 有 趨 緩 跡象 但 日 韓 義 等 國才剛 進入 疫情 升溫 期 甚至 有 多國 已 出現 首 宗 死亡 病例 香港 公衛 專家 指出 如 出現 1 起 死亡 案例 代表 背後 有 100 名 感染者 更 坦言 還 可能 有 第二 波 爆發 疫情 疫情 在技術上 已 算是 全球 大 流行 大陸 公衛 專家 最近 也 警告 逾 半 患者 入院 時並 無 發燒 用 體溫 來 做 判斷 恐 有 漏網之魚 復工 複學 後 可能 第二 波 爆發 香港大學 醫學院 院長 梁卓偉 1 日 受訪 時 表示 大陸 新冠肺炎 第一 波 疫情 已 大致 得到 控制 不過 在 復工 複學 後 仍 可能 出現 第二 波 疫情 需要 密切注意 當前 疫情 走勢 他 還 稱 雖 世衛組織 對外 避免 使用 大 流行 字眼 但 現在 全球 多 處 都 出現 本土 傳播 大 流行 的 狀況 確實 已經 發生 梁卓偉 以 疫 症 冰山 形容 新冠肺炎 疫情 意思 即 每 一 例 死亡 病例 中 可能 代表 死者 所 處 地區 有 100 名 確診 病例 未被發現 僅僅 是 因為 目前 檢疫 能量 的 不足 無法 全面 檢驗 他 更 警告 目前 香港 疫情 尚未 到達 最高峰 因此 必須 做好 準備 儲備 口罩 所有 感染者 都 應該 密切 追蹤 才能 找到 病毒 源頭 大陸 衛健 委 專家 鍾 南山 研究 團隊 針對 大陸 31 省區市 的 552 家 醫院 中 分析 感染 新冠肺炎 的 1099 起 病例 並於 上月 28 日 將 報告 投書 國際 醫學期刊 新英格蘭 醫學雜誌 該 研究 詳細分析 病 患 的 年齡 分佈 接觸 史 感染 症狀 以及 臨床 反應 等 指標 這項 報告 也 將 作為 遏止 疫情 擴散 的 重要 參考 逾 半 患者 沒燒 量 體溫 恐 漏判 這 份 研究 也 是 首度 將 病例 分佈 含 括 至 全 大陸 並且 在 研究 中 透過 大 資料 確定 新冠肺炎 的 致死 率 為 14 談及 致死 率 低於 官方 資料 該 團隊 解釋 由於 輕 症 患者 並未 納入 該 研究 因此 真實 世界 的 致死 率 可能 更 低 值得注意 的 是 該 報告 資料 表明 逾 半 新冠 患者 在 入院 時未 出現 發燒病徵 如 單以 體溫 監測 個案 可能 會 遺漏 病徵 輕微 的 病人 另外 還有 少量 的 患者 出現 消化道 症狀 雖 這樣 個案 不 多 但 此 現象 也 提醒 防疫 工作 還 必須 注意 糞 口 傳染</t>
  </si>
  <si>
    <t>新冠肺炎 疫情 延 燒 嘉義 縣政府 今 2 日 召開 第 5 次 因應 嚴重 特殊 傳染性 肺炎 跨 局 處 會議 縣長 翁章梁 指示 務必 建立 起 民眾 進入 公共場所 做好 消毒 工作 的 正確 觀念 並 要求 公家機關 提供 手部 消毒 液 讓 洽 公民 眾 做好 消毒 同</t>
  </si>
  <si>
    <t>新冠肺炎 疫情 延 燒 嘉義 縣政府 今 2 日 召開 第 5 次 因應 嚴重 特殊 傳染性 肺炎 跨 局 處 會議 縣長 翁章梁 指示 務必 建立 起 民眾 進入 公共場所 做好 消毒 工作 的 正確 觀念 並 要求 公家機關 提供 手部 消毒 液 讓 洽 公民 眾 做好 消毒 同時 各鄉鎮 公 市 所 需 提 報應 變 計畫 落實 外籍 移 工 衛教 及 管理 建立 最高 規格 應變 機制 今 縣府 召集 縣 內 有 招收 外籍 學生 的 中 正大 學 嘉義大學 和 南華大學 三 所 大學 代表 說明 學校 因應 新冠肺炎 相關 整備 作為 並 期 勉 各 校 防疫 不能 有 破 口 另 考量 長輩 的 免疫力 較 弱 亦 也 要求 社會局 在 安養 中心 加強 防疫 作業 家屬 探視 也 要 有 相關 的 配套措施 翁章梁 強調 嘉 義縣 目前 雖 無 確診 個案 但 千萬別 掉以輕心 縣府 會用 高 標準 來 防範 尤其 醫療 院所 安養 機構 大專院校 容易 造成 群 聚 感染 指示 衛生局 社會局 以及 教育處 密切注意 針對 近期 室內 大型活動 目前 確切 停辦 的 包括 農民 節慶 祝 大會 和 萬國 戲院 經典電影 放映 至於 確診 第 32 案 非法 移 工 形成 防疫 漏洞 問題 翁章梁 要求 社會局 建立 養護 機構 防疫 標準 作業 落實 管理機制 包括 輔導 雇主 不得 聘 雇 非法 移 工 並 加強 外籍 移 工 住宿 飲食 管理 及 衛教 宣 導 提供 失 聯 名單 配合 警 政 落實 查核 全面 提升 社區 防範措施 新冠肺炎 移 工 消毒 確診 嘉義</t>
  </si>
  <si>
    <t>防疫 移 工 肺炎 大學 新冠肺炎</t>
  </si>
  <si>
    <t>新冠肺炎 肆虐 全球 近 兩 年 新冠 疫苗 接種 率 雖 普遍 提升 卻 也 不斷 傳出 突破性 感染 即 接種 新冠 疫苗 後 仍 確診 大陸 多 地 近期 已 展開 施打第 三 劑 新冠 疫苗 加強 針 大陸 疾 控 中心 免疫 規劃 首席專家 王華慶 今 24 日 表示</t>
  </si>
  <si>
    <t>新冠肺炎 肆虐 全球 近 兩 年 新冠 疫苗 接種 率 雖 普遍 提升 卻 也 不斷 傳出 突破性 感染 即 接種 新冠 疫苗 後 仍 確診 大陸 多 地 近期 已 展開 施打第 三 劑 新冠 疫苗 加強 針 大陸 疾 控 中心 免疫 規劃 首席專家 王華慶 今 24 日 表示 建議 免疫 功能 低 或有 缺陷 者 以及 60 歲 以上 人群 可 進行 加強免疫 接種 王華慶 今 在 大陸 國務院 聯防 聯控 機制 記者會 上 說 大陸 疫苗 研發 專 班 就 加強免疫 接種 策略 專門 組織 了 專家論證 根據 前期 加強免疫 接種 研究 結果 考慮 疫苗 的 安全性 保護 效率 等 因素 基礎 上 提出 了 3 種 減毒疫苗 和 1 種 腺病毒 載體 疫苗 的 加強免疫 策略 王華慶 表示 加強免疫 接種 時間 的 選擇 是 基於 前期 研究 結果 確定 的 大陸 專家組 建議 在 完成 免疫 程式 6 個 月 後 展開 海關 邊檢 航空 隔離 點 防疫 定點 醫療機構 及 擬 赴 海外 工作 或 學習 交流 等 高風險 人群 的 加強免疫 接種 此外 也 建議 免疫功能 低 或有 缺陷 者 以及 60 歲 以上 人群 也 可 進行 加強免疫 接種 王華慶 說 當前 大陸 絕大部分 地區 已經 按照 疫情 防控 需要 開始 對 重點 人群 進行 加強免疫 但 是否 需要 對 已 接種 其他 人群 進行 加強免疫 接種 還 有待 進一步 研究 並 根據 疫情 形勢 綜合 研 判</t>
  </si>
  <si>
    <t>新冠肺炎 接種 免疫 大陸 王華慶</t>
  </si>
  <si>
    <t>最後 生還 者 the last of us 由 頑皮 狗 團隊 naughty dog 開發 遊戲 內容 大 受 好評 因此 續集 最後 生還 者 第 ii 章 也 讓玩家 相當 期待 不過 受 新冠肺炎 影響 物流 問題 造成 延後 推出 不過 讓 頑皮 狗 團隊 崩潰 的 是 網路上</t>
  </si>
  <si>
    <t>最後 生還 者 the last of us 由 頑皮 狗 團隊 naughty dog 開發 遊戲 內容 大 受 好評 因此 續集 最後 生還 者 第 ii 章 也 讓玩家 相當 期待 不過 受 新冠肺炎 影響 物流 問題 造成 延後 推出 不過 讓 頑皮 狗 團隊 崩潰 的 是 網路上 竟 流出 最後 生還 者 第 ii 章 完整 劇情 讓 官方 趕緊 呼籲 不 要 看 最後 生還 者 第 ii 章 的 推出 時間 因 新冠肺炎 被 延後 至 6 月 19 日 而 原定 6 月 29 日 推出 的 ps 4 動作 冒險遊戲 對 馬戰 鬼 ghost of tsushima 則 改 延 後 至 7 月 17 日 推出 但 今年 4 月初 時 論壇 4 chan 上 竟 出現 最後 生還 者 第 ii 章 完整 劇情 甚至 還有 遊戲 任務 迅速 在 youtube 及 各 大 論壇 上 引發 討論 a message from the studio pic twitter com f 0 tzizxuib 不過 流出 的 遊戲 劇情 仍 讓玩家 抱 存疑 但 頑皮 狗 團隊 得知 後 趕緊 在 官方 twitter 發聲明 表示 我們 知道 過去 這 幾 天 大家 都 很 難 熬 我們 也 是 如此 當 看到 開發 的 遊戲 內容 曝光 後 我們 感到 非常 失望 為了 避免 影響 到 他人 請 不要 劇 透 給 其他 玩 家 最後 生還 者 第 ii 章 很快 就 會 推出 遊戲 體驗 仍 值得 大家 等待</t>
  </si>
  <si>
    <t>聯發 科 信 驊 台積電 驅動 設計 ic 新冠肺炎</t>
  </si>
  <si>
    <t>新冠肺炎 的 疫情 不斷 升溫 但 網路上 有 不少 謠言 造成 民眾 無謂 的 恐慌 紛紛 跑 至 賣 場 掃 貨 無論是 衛生紙 還是 泡 面 只要 上架 後 就 立刻 被 掃光 對此 有 全 聯 的 工讀生 在 網路上 透露 賣 場 慘 況 直 呼 這 景象 比 中元節 還 誇張</t>
  </si>
  <si>
    <t>五大 電信 公司 正 加速 5 g 基礎 網路 建設 希望 在 年底 看到 第一 波 4 g 升 5 g 的 換 機 潮 神 腦 國際 表示 真正 帶動 4 g 用戶 升級 使用 5 g 服務 的 時間 點 還 需要 再 花 一點 時間 蘊釀 雖然 下半年 有 機會 看 到 換 機 潮 但 5 g 用戶 及 相關 商機 爆發 成長 的 時間 點 預期 要 等 到 2021 年 下半年 到 2022 年 上半年 神 腦 國際 總裁 林保雍 日前 表示 臺灣 防疫 得宜 加上 5 g 帶動 換 機 潮 手機 買氣 下半年 回 溫 神 腦 下半年 營運 將 優於 上半年 神 腦 國際 策略 長 邱致忠 進一步 指出 上半年 受到 新冠肺炎 疫情 影響 國內 整體 手機 銷量 約 落 在 296萬 支 接近 300萬 支 是 近幾年來 的 新低 新冠肺炎 影響 消費 支出 加上 中華 電 臺灣 大 遠 傳 的 5 g 服務 於 6 月底 陸績 開 台 等待 更 綿密 的 網路 覆蓋 以及 更 多 平價 5 g 機種 上市 的 延遲 消費 心態 上半年 手機 銷量 清淡 下半年 5 g 網路 覆蓋率 提升 加上 5 g 版本 的 android 手機 愈來愈 平價 化 首 款 5 g 版本 iphone 手機 年底 上市 的 加溫 下 可望 催化 買氣 下半年 臺灣 整體 手機 銷量 預估 可 達 350萬 支 全年 挑戰 650萬 支 神 腦 目前 是 國內 最 大 手機 代理商 神 腦 強調 雖然 神 腦 來自 電信 本業 的 業績 衰退 但 轉型 佈局 正 超前 部署 該 公司 將 從 手機 代銷 及 電信服務 商 角色 轉型 為 全方位 的 智慧 生活 品牌 通路商 除了 販 售 手機 平板 等 3 c 家電 也 會 擴大 至 銷售 遊戲 保健食品 家電 影音 健康 娛樂 居家 生活 日用品 票 券 美食 等 因應 5 g 時代 來臨 神 腦 正 規劃 結合 5 g 應用 的 智慧 家庭 服務 包括 實體 門市 將 進行 改裝 著 重在 消費者 的 情境 體驗 同時 也 會 與 國際 及 本土 各 大 3 c 品牌 合作 將 神 腦門 市 打造 為 智慧 家電 體驗 館</t>
  </si>
  <si>
    <t>一 項 由 美國國立衛生研究院 nih 主導 的 血液 分析 研究 顯示 早 在 2019 年 耶誕節 美國 可能 就 已經 有 新冠肺炎 病例 比 2020 年 1 月中 旬 美國 通報 首例 確診 的 時間 點 還要 早 了 半 個 月 美國 的 第一 起 新冠肺炎 案例 究竟 始於 何時 目前</t>
  </si>
  <si>
    <t>新冠肺炎 全球 美國 研究 病例 2019 年 12 月</t>
  </si>
  <si>
    <t>含羞草 日記 草 爺 江治緯 鳳梨 吳 泓逸 群 聚 新冠肺炎</t>
  </si>
  <si>
    <t>中國 美國 新冠肺炎 大陸</t>
  </si>
  <si>
    <t>新冠肺炎 nba 尼克 尼利基納</t>
  </si>
  <si>
    <t>島 耕作 弘兼憲 史 漫畫 讀者 新冠肺炎</t>
  </si>
  <si>
    <t>統 振 營 收 新冠肺炎 易付卡 移 工</t>
  </si>
  <si>
    <t>新冠肺炎 疫情 持續 延 燒 新竹 市長 林智堅 4 日 至 伯 大 尼 老人 養護中心 視察 檢 視 長 照 機構 防疫 措施 包括 接送 長輩 的 車輛 出入 機構 防護 措施 等 他 並 宣佈 發放 1萬5000 片 口罩 給 長 照 機構 長輩 使用 加強 長輩 的 健康 防護 工作 林智</t>
  </si>
  <si>
    <t>新冠肺炎 疫情 持續 延 燒 新竹 市長 林智堅 4 日 至 伯 大 尼 老人 養護中心 視察 檢 視 長 照 機構 防疫 措施 包括 接送 長輩 的 車輛 出入 機構 防護 措施 等 他 並 宣佈 發放 1萬5000 片 口罩 給 長 照 機構 長輩 使用 加強 長輩 的 健康 防護 工作 林智堅 今天 視察 伯大尼 老人 養護中心 他 表示 針對 日間 照顧 中心 等長 照 機構 市府 衛生局 已 要求 各 機構 均 需 加強 防疫 措施 針對 工作人員 進行 感染 管制 教育 訓練 對 工作人員 與 服務 物件 及 家屬 進行 健康 管理 另外 針對 環境 清潔 部分 每日 要求 須進行 消毒 他 同時 也 再 叮嚀 長輩 洗手 7 步驟 的 重要 另 考量 長輩 于 社區活動 感染 風險 較 高 市府 目前 暫停 全市 的 社區 關懷 據點 長輩 共 餐 c 級 巷 弄 長 照站 長青 學 苑 等 長輩 活動 據點 暫定 停課 至 3 月底 家 樂園社區 式 長期 照顧 機構 院長 劉美男 則 表示 面對 來勢洶洶 的 新冠肺炎 機構 已 要求 針對 接送 長輩 的車輛 除 每日 消毒 外 長輩 上車 前 工作人員 也 要 全程 配戴 口罩 替 長輩 量 體溫 確認 無 發燒 症狀 後 才 接送 長輩 至 日照 中心 接受 服務 此外 由於 新竹 市 目前 超過 9 成 口罩 都 已 分配 給 醫療 院所 和 照 護 機構 但因 長輩 屬於 感染 高風險 族群 因此 市府 加倍 謹慎 林智堅 今天 也 宣佈 發放 1萬5000 片 口罩 給 長 照 機構 長輩 使用 另 有 白 因數 公司 致贈 560 瓶 抗 菌 消毒 液 予 95 處長 照 失 智 據點 加強 長輩 的 健康 防護 工作</t>
  </si>
  <si>
    <t>長輩 機構 長 照 口罩 新冠肺炎</t>
  </si>
  <si>
    <t>臺灣 已經 連續 超過 1 個 月 沒有 新冠肺炎 本土 感染 病例 隨 著 疫情 明顯 趨 緩 各項 防疫 的 規定 也 逐漸 解禁 宜蘭 縣長 林姿 妙 15 日 宣佈 全縣 所有 的 社區 照顧 關懷 據點 即日起 恢復 桌 遊 室內運動 等 社區 相關 活動課 程 以 鼓勵 各 社區 的</t>
  </si>
  <si>
    <t>臺灣 已經 連續 超過 1 個 月 沒有 新冠肺炎 本土 感染 病例 隨 著 疫情 明顯 趨 緩 各項 防疫 的 規定 也 逐漸 解禁 宜蘭 縣長 林姿 妙 15 日 宣佈 全縣 所有 的 社區 照顧 關懷 據點 即日起 恢復 桌 遊 室內運動 等 社區 相關 活動課 程 以 鼓勵 各 社區 的 長者 維持 運動 習慣 保持 健康 的 身心 宜 蘭 縣政府 上星期 宣佈 開放 縣 內 的 長 照 機構 可 采 實 名 探視 如今 再進一步 擴大 放寬 管制 措施 宜蘭 縣 各個 社區 照顧 關懷 據點 自即日起 恢復健康 促進 課程 縣府 表示 因 新冠肺炎 疫情 影響 自 3 月 26 日 起 為 縮短 各 社區 關懷 據點 的 所有 健康 促進 課程 由 3 小時 減為 1 小時 並且 暫停 集會 活動 至今 已 長達 50 天 許多 長輩 都 相當 期待 能 恢復 原來 的 課程 時段 考量 疫情 已經 趨 緩 縣長 林姿 妙 也 從善如流 在 15 日 的 宜蘭 縣 防疫 會議 上 當場 裁 示 全縣 117 個 社區 照顧 關懷 據點 即日起 恢復 社區 相關 活動課 程 至於 長青 食堂 為了 防疫 而 採取 的 自行 取 餐 或 專人 送 餐 服務 則 將 持續 以 降低 眾人 因 坐在 一起 吃 合 菜 發生 彼此 感染 的 機 率</t>
  </si>
  <si>
    <t>新冠肺炎 無 精 症 男性</t>
  </si>
  <si>
    <t>新冠肺炎 蔓延 加泰隆尼亞 自治區 政府 主席 確診</t>
  </si>
  <si>
    <t>目前 臺北 桃園 台中 台南 高雄 等 五 都 已 公佈 今年 2 月份 買賣 移 轉 資料 由於 今年春節 在 1 月份 2 月 的 工作 天數 相對 多 因此 今年 2 月 與 去年同期 相比 皆 大幅 增加 臺北 年 增 647 桃園 年 增 722 台中 年 增 709 台南 年 增 463 高雄年 增 334 但 若 統計 今年 1 2 月 買賣 移 轉 棟 數 並 與 去年同期 相比 則 五 都 各 有 增減 臺北市 年 增 146 桃園 年 增 238 台中 年 增 92 台南 年 減 12 高雄年 減 104 大家 房屋 企 劃 研究 室主任 郎美囡 分析 今年初 受 肺炎 疫情 之 故 看 屋 量 多少 受 影響 不 過去 升溫 的 買氣 依然 延續 至 今年 尤其 具有 建設 議題 的 區域 吸引 自用 買 盤 進駐 故 各 區域 1 2 月 的 交易 表現 有所 差異 住 商 不動產 企 劃 研究室 經理 徐佳馨 指出 受惠 台商 回 臺布 局 及 自用 買氣 升溫 部分 區域 的 房市 交易 持續 維持 熱度 但 新冠肺炎 疫情 尚未減緩 近期 市場 走向 充滿 變數 今年 首季 的 市場 交易 仍 具 挑戰 綜觀 各 都 買賣 移 轉 情況 今年 2 月份 因 工作 天數 較 多 單 月份 表現 突出 臺北 月 增 223 年 增 647 桃園 月 增 26 年 增 722 台中 月 增 346 年 增 709 台南 月 增 130 年 增 463 高雄月 增 153 年 增 33 4 不過 以 1 2 月 合計 買賣 移 轉 棟 數 與 去年同期 比較 五 都 的 交易 表現 有 明顯 落差 臺北 年 增 146 桃園 市 年 增 238 台中 年 增 92 反觀 南 臺灣 交易 則 明顯 降溫 台南 年 減 12 高雄年 減 104 郎 美 囡 表示 台 南市 高雄市 在 去年初 市場 交易 熱絡 比較 基期 高 故 今年 1 2 月 交易 相 比量 減 尤其 高雄市 受 選舉 議題 影響 反應 較為 明顯 而 臺北 桃園 台中 雖然 也 因 疫情 干擾 看 屋 量 但 自用 買 盤 撐 場 機能 佳 或 具有 增值 潛力 的 區域 備受矚目 另一方面 台商 回流 資金 回 臺布 局 等 因素 讓 市場 遊資 充沛 故 部分 高端 買方 選擇 高價位 的 物件 入手 且 有 些 民眾 依據 sars 經驗 欲 於 此時 逢 低 進場 因此 若 賣方 或 建 商 願意 讓價 有助於 推 升 交易量</t>
  </si>
  <si>
    <t>新冠肺炎 臺灣 防疫 隔離 假 居家 隔離 勞動部</t>
  </si>
  <si>
    <t>南韓 人氣 女團 twice 臺灣 成員 周子瑜 日前 和 隊友 視 訊 分享 近況 才 知道 她 已 低調 返台 目前 正 在 居家 檢疫 中 而 她 的 媽媽 也 證實 子 瑜 3 日 就 回來 了 既然 配合 政府 防疫 就 把 隔離 14 天 當 休息 並 透露 她 在家 的 行程 因為 新冠肺炎</t>
  </si>
  <si>
    <t>南韓 人氣 女團 twice 臺灣 成員 周子瑜 日前 和 隊友 視 訊 分享 近況 才 知道 她 已 低調 返台 目前 正 在 居家 檢疫 中 而 她 的 媽媽 也 證實 子 瑜 3 日 就 回來 了 既然 配合 政府 防疫 就 把 隔離 14 天 當 休息 並 透露 她 在家 的 行程 因為 新冠肺炎 疫情 影響 twice 不少 行程 被迫 取消 近日 twice 開 直播 和 粉絲 互動 子 瑜 卻 缺席 後來 她 透過 和 成員 視 訊 才 知道 原來 她 已 悄悄 回台 但 為了 配合 政府 防疫 政策 需 居家 檢疫 14 天 據 自由 時報 報導 子 瑜 媽媽 證實 她 3 日 返台 預計 要到 18 日 才 可出 關 雖然 不能 出門 有點 悶 但 子 瑜 會 在家 看 電影 做 適度 運動 健身 至於 何時 回 韓國 子 瑜 媽媽 也 表示 要 看 twice 之後 的 行程 如果 活動 再 延期 她 回去 時間 也 可能 延後 而 之前 為了 疫情 子 瑜 分別 捐 出 5千萬 韓元 30萬 人民幣 給 中韓 兩地 媽媽 也 證實 這 是 女兒 的 心意 並說 她 是 自掏腰包 的</t>
  </si>
  <si>
    <t>周子瑜 twice 居家 檢疫 新冠肺炎 南韓</t>
  </si>
  <si>
    <t>本 周 星座 運 勢 星座 專家 許睿光 老師 提醒 太陽 落 在 雙魚 座 海王星 是 雙魚 座 的 守護星 所以 這周 很 有 可能 會 有 新冠肺炎 的 好 消息 水星 在 持續 逆行 的 時間 老師 也 提醒 可以 繼續 處理 過往 沒有 處理 好 的 事情 比如 帳單 這周 也 有 可</t>
  </si>
  <si>
    <t>本 周 星座 運 勢 星座 專家 許睿光 老師 提醒 太陽 落 在 雙魚 座 海王星 是 雙魚 座 的 守護星 所以 這周 很 有 可能 會 有 新冠肺炎 的 好 消息 水星 在 持續 逆行 的 時間 老師 也 提醒 可以 繼續 處理 過往 沒有 處理 好 的 事情 比如 帳單 這周 也 有 可能 會 有 一些 報仇 的 機會 或是 吵架 的 衝突 運 勢 大 旺 雙魚 充滿 理想 貴人 扶持 魔羯 努力 執行 意見 領袖 天 蠍 開心 愉快 桃花 朵朵 金牛 偏 財運 旺 意外 好運 運 勢 平穩 牡 羊 正 財 走 旺 長官 加 持 天 秤 照顧 身心 工作 績效 佳 射手 家 運 走 旺 努力 進 財 處女 職 場合 作 績效 傲人 要 注意 巨 蟹 貴人 撐腰 擊退 不安 雙子 人際 運 旺 職 場 須 謹慎 水 瓶 正 財 走 旺 避開 人際 紛爭 獅子 多方 資源 笑 看 他人 閑 言 加碼 財運 最旺 水 瓶 桃花 最旺 金牛 事業 最旺 雙魚</t>
  </si>
  <si>
    <t>跟進 新北 北市 新冠肺炎 身亡 者 家屬 將 有 每人 10萬 慰問金</t>
  </si>
  <si>
    <t>新冠肺炎 臺灣 慰問金 北市 跟進</t>
  </si>
  <si>
    <t>華新 1605 2019 年 因 認 列 投資 寶德 損失 168億 元 鎳 避險 損失 10億 元 等 2019 年 eps 為 095 元 創 近 四 年 新低 27 日 董事會 決議 每股 配發 現金 股利 05 元 華 新大陸 南京 華 新城 d 地塊 第 三期 住宅 已 獲 南京市政府 列為 優先 取得 銷售 許可證 名單 因 疫情 影響 預計 下半年 銷售 可望 貢獻 2020 年 營運 此外 華新 因應 大陸 及 印尼 不銹鋼 業者 掌 控 鎳 生鐵 原料 低價 競爭 的 威脅 農曆 年前 董事會 決議 在 印尼 青山 園區 設 廠 生產 鎳 生鐵 總 投資 金額 超過 5億 美元 華新 先 出資 五千萬 美元 取得 一半 股權 預計 2021 年 第 三 季 完工 試車 年產 36萬 噸 純 鎳 產能 全開 估算 預計 五 年 投資 可 回收 為了 充實 營運 資金 華新 計 畫 2020 年 發行 公司 債 179億 美元 建廠 需要 35億 美元 資金 計畫 向 銀行 辦理 專案 融資 華新 27 日 董事會 承認 2019 年 財 報 2019 年合併 營 收 134804億 元 營業 利益 4059億 元 淨利 歸屬 母公司 業主 315億 元 eps 降為 095 元 董事會 也 決議 每股 配 現金 股利 05 元 以 27 日 收盤價 1395 元 計算 現金 殖 利率 358 並 通過 5 月 29 日 召開 股東會 華新 27 召開 線 上 法 說 會 表示 2019 年 不銹鋼 部門 雖 受 中 美 貿易戰 影響 但 前 三 季 不銹鋼 銷量 平穩 不過 第 四季 因 大陸 對手 用 鎳 生鐵 生產 不銹鋼 造成 產品價格 與 國際 鎳 市場 價格 脫鉤 華新 獲利 受 影響 為此 華新 年初 董事會 決議 到 印尼 青山 建 鎳 生鐵 廠 以 確保 原料 供應 穩定 希望 下半年 逐步 回到 穩定 獲利 狀態 華新 指出 電線電纜 部門 獲利 穩定 其中 建築用 線 及 基礎 設施 用 線 獲利 穩定 風電 太陽能 及 港機 電纜 市場 成長 佳 離岸 風 電 也 洽談 合作 太陽能 及 港機 電纜 獲 國際 訂單 華新 商貿 地產 部門 在 南京 開設 華 采 天地 商場 2019 年 中 開幕 目前 人流 及 營業 狀況 穩定 南京 華 新城 d 地塊 璟 園 第 三期 獲 南京市政府 列 銷售 許可證 優先 名單 因 疫情 還 無法 銷售 ab 地塊 辦公樓 采 分期 開發 銷售 模式 6 號 樓 預計 2020 年 第 三 季 開始 出租 1 號 樓 興建 中 預計 2021 年底 完工 華新 表示 大陸 各廠 區 受 新冠肺炎 影響 延後 開工 目前 均 復工 到 崗 比例 從 40 81 不等 預計 3 月 下旬 會 恢復正常 運作 將 影響 23 月 合併 營 收 3 月 受 影響 程度 沒有 2 月 多</t>
  </si>
  <si>
    <t>高雄市 左營某 藥局 遭 檢舉 對外 以 每 片 10 元 高價 銷售 醫用 及 外科 口罩 1 個 月 就 賣 出 21萬 多 片 獲利 數 十萬 疑 涉 哄抬 價格 及 囤積 防疫 物資 調查局 日前 約 談 藥局 負責人 林姓 藥師 已 依 違反 傳染病 防治法 嚴重 特殊 傳染性 肺炎 防治 及 紓困 振興 特別 條例 刑法 妨害 農工商 罪 等 罪嫌 移送 橋頭 地 檢 署 偵 辦 調查局 強調 本案 是 新冠肺炎 行政院 徵用 全國 66 家 口罩 製造廠商 後 偵破 囤積 哄抬 價格 與 數量 最高 的 防疫 口罩 案件 高雄 市 調處 接 獲 情 資 指 左營某 大 藥局 以 每 10 元 價格 對 民眾 銷售 益 江 拋棄式 醫用 口罩 未 滅菌 疑 哄抬 價格 及 囤積 防疫 物資 上月 13 日 檢 調 會同 衛生局 及 消 保 官 前往 藥局 稽查 查出 藥局 負責人 林姓 藥師 自 1 月 31 日 行政院 公告 一般 醫用 口罩 及 外科手術 口罩 為 防疫 物資 後 即 以 每 片 6 元 價格 向 供應商 大量 進貨 囤積 益 江 拋棄式 醫用 口罩 未 滅菌 檢 調 發現 該藥 局 趁 疫情 蔓延 且 醫用 口罩 不足 之際 將 售價 調 漲 至 每 片 10 元 販 售 自 2 月 3 日 至 3 月 3 日 止 已 售 出 21萬5350 片 林 到案 坦承 不諱 遭 移送 法辦 此外 海洋 委員會 主委 李仲威 昨 在 立 法院 內政 委員會 答詢 表示 海巡署 今年 已 查獲 超量 出口 口罩 2 案 合計 逾 7萬 片 未來 會 持續 加強 管控 邊境 防疫 防止 非洲 豬瘟 新冠肺炎 疫情 入境</t>
  </si>
  <si>
    <t>先前 一口氣 宣告 包含 杜蘭特 在內 4 名 球員 確診 新冠肺炎 的 籃 網 至今 相當 詭異 尚未 公佈 其他 3 名 確診 籃 網球員 姓名 連帶 害 到 籃 網球員 飽受 外界 歧視 了 嗎 籃 網 前鋒 威爾森錢德勒 就 在 19 日 發 推 控訴 自己 遭到 大樓 管理員 擋 在 門</t>
  </si>
  <si>
    <t>先前 一口氣 宣告 包含 杜蘭特 在內 4 名 球員 確診 新冠肺炎 的 籃 網 至今 相當 詭異 尚未 公佈 其他 3 名 確診 籃 網球員 姓名 連帶 害 到 籃 網球員 飽受 外界 歧視 了 嗎 籃 網 前鋒 威爾森錢德勒 就 在 19 日 發 推 控訴 自己 遭到 大樓 管理員 擋 在 門外 的 無奈 遭遇 一 位 大樓 管理員 在 門口 叫 住 了 我 更 告訴 我 她 看到 籃 網球員 感染 新冠肺炎 新聞 他們 想 知道 我 的 情況 假如 可以 的話 請 我 待 在 大廳 外面 因為 他們 不 想 承擔 失去 工作 的 風險 錢德勒 表示 她 不僅 沒 問 我 好 嗎 甚至 連 我 是 陽性 或 陰性 都 沒 問 我 要 回家 了 其實 這 名 大樓 管理員 的 做法 也 出自 人之常情 畢竟 籃 網 並未 公佈 除了 杜蘭特 以外 其 餘 3 名 確認 感染 新冠肺炎 的 球員 名字 儘管 錢德勒 應該 不可能 那麼 白目 在 確診 之後 仍然 四處 走動 可是 為了 保險 起見 不肯 讓 錢德勒 進入 大樓 也 算 相當 合理 的 行為</t>
  </si>
  <si>
    <t>新冠肺炎 疫情 在 歐洲大 爆發 阿聯酋 航空 今天 宣佈 臺北 往返 杜拜 的 航線 明天 起 暫時 停 飛 正 密切 觀察 情勢 發展 期待 儘早 恢復 航班 阿聯酋 航空 發言人 表示 因應 臺灣 疾 管署 頒 佈 的 入境 檢疫 規定 阿聯酋 航空 將 自 3 月 16 日 起 暫</t>
  </si>
  <si>
    <t>新冠肺炎 疫情 在 歐洲大 爆發 阿聯酋 航空 今天 宣佈 臺北 往返 杜拜 的 航線 明天 起 暫時 停 飛 正 密切 觀察 情勢 發展 期待 儘早 恢復 航班 阿聯酋 航空 發言人 表示 因應 臺灣 疾 管署 頒 佈 的 入境 檢疫 規定 阿聯酋 航空 將 自 3 月 16 日 起 暫時 停 飛 臺北 往返 杜拜 的 航線 恢復 營運 日期 將 另行通知 阿聯酋 航空 將 密切 關注 相關 情勢 發展 期望 能 儘早 恢復 航班 營運 及 旅客 服務 行程 受 影響 之 旅客 請洽 詢 訂 票 旅行社 阿聯酋 航空 票務 中心 或 阿聯酋 航空 客服 中心 更改 機票</t>
  </si>
  <si>
    <t>新冠肺炎 疫情 高雄 旅行社 花蓮</t>
  </si>
  <si>
    <t>新冠肺炎 夏春湧 蔡 政府 臺灣 經濟</t>
  </si>
  <si>
    <t>經理 與世隔絕 陰屍 路 新冠肺炎 小 木屋</t>
  </si>
  <si>
    <t>疫情 擴散 地區 新冠肺炎 大陸</t>
  </si>
  <si>
    <t>幾 個 月 前 資本 市場 最 關注 的 焦點 無非 是 中國 與 美國 之間 的 貿易 摩擦 沒想 到 現在 全球 的 焦點 都 放在 新冠肺炎 疫情 鮮 少 有人 會 再 提起 中 美 貿易戰 這個 議題 防疫 講究 超前 部署 那麼 對於 積極 型 與 風險 承受能力 比較 高 的 投資</t>
  </si>
  <si>
    <t>幾 個 月 前 資本 市場 最 關注 的 焦點 無非 是 中國 與 美國 之間 的 貿易 摩擦 沒想 到 現在 全球 的 焦點 都 放在 新冠肺炎 疫情 鮮 少 有人 會 再 提起 中 美 貿易戰 這個 議題 防疫 講究 超前 部署 那麼 對於 積極 型 與 風險 承受能力 比較 高 的 投資人 來說 是不是 也 該 趁 著 資本 市場 大幅 修正 之際 思考 投資 面的 超前 部署 呢 就 像 投資 大師 巴菲特 說 的 一樣 眾人 恐懼 時 我 貪婪 眾人 貪婪 時 我 恐懼 沒有 人 能 預測 疫情 何時 結束 也 沒有 人 能 精准 判斷 市場 是否 已經 落 底 但 聯 博 在 這個 時候 已經 看到 兩 大 長期投資 機會 一個 在 中國 一個 在 美國 本 波 疫情 首先 在 中國 爆發 當然 中國 的 資本 市場 也 是 第 一個 受到 衝擊 滬 深 300 指數 在 農曆 假期 後 的 首 個 交易日 也 就 是 2 月 3 日 就 重 挫 79 但 中國 也 首先 啟動 防疫 措施 而 好 消息 是從 官方 資料 來看 疫情 在 中國 有 趨 緩 的 跡象中國 股票市場 也 反映 了 疫情 的 發展 當 全球股市 自 2020 年 2 月 12 日 高點 開始 下跌 時 中國 a 股 反而 相 對抗 跌 2 月 12 日 至 3 月 30 日 滬 深 300 指數 僅 下跌 78 人民幣 計價 同 期間 msci 世界 指數 則 下跌 232 美元 計價 除了 疫情 轉 趨 和緩 外 從 評價 面 來看 中國 a 股長 期 投資 價值 的 確 已經 浮現 以 滬 深 300 指數 為 例 目前 的 預估 本益比 僅 約 104 倍 不但 低於 長期 平均 的 132 倍 甚至 已經 低於 平均值 的 一個 標準差 以下 此外 聯 博 也 預期 中國政府 將 持續 釋放 刺激 政策 包括 持續 的 貨幣 寬鬆 財政政策 基礎 建設 刺激 方案 及 鬆綁 房地產 政策 等 因此 此時 投資人 應 留意 一些 被 市場 錯 殺 的 投資 機會 例如 科技 族群 中的 5 g 概念 股 可望 受惠 基礎 建設 刺激 的 工業 類 股 例如 工程機械 設備 商 等 高 品質 的 房地產 開發商 以及 被 疫情 壓抑而 正 在 蓄積 能量 的 消費類 股 等 除 中國 外 另 一個 投資 機會 或許 在 美國 雖然 美國 的 新冠肺炎 確診 人數 仍 在 上升 但 救 市 力 道 比起 中國 有過之而無不及 首先 聯 准會 這 波 的 降息 幅度 居 g 20 國家之 冠 其次 川普 的 2 兆 美元 刺激 方案 總 金額 不但 高過 歐 巴馬 在 2009 年 約 8千億 美元 的 刺激 措施 更 占 美國 gdp 的 99 這個 比例 也 高於 所有 g 20 國家 這些 措施 雖然 不 一定 立即 見效 但 後續 威力 不容 小覷 此外 美國股市 擁有 許多 創新 成長 企業 不但 在 這 波 疫情 當中 突顯出 優勢 更 有 機會 受惠 後 防疫 時代 的 成長 趨勢 這些 成長型 企業 主要 集中 在 科技 醫療 及 消費 領域 例如 遠 端 辦公 相關 的 科技 軟 體 及 it 服務公司 正 在 研發 新冠肺炎 藥物 的 生 技 公司 以及 因 疫情 而 線 上 購物 量大增 的 電 商 等 更 不用 說 ai 人工智慧 精准 醫療 及 體驗 消費 這些 相對 不受 疫情 影響 的 長線 趨勢 最後 二戰 時 領導 英國 的 首相 邱吉爾 曾 說 過 永遠 不 要 浪費 一 場 危機 never waste a good crisis 相信 這 次 的 疫情 會 讓 全世界 學到 更 多 經驗 讓 全球 的 醫療 及 公衛 體系 與時俱進 與此同時 我們 認為 市場 波動 仍 將 持續 一段時間 著 眼 短期 的 反彈 機會 可能 因 錯 估 時點 而 面臨 損失 建議 投資人 放眼 長期投資 趨勢 在 此 波 修正 中 伺機 擇優 佈局 以 掌握 市場 回歸 常態 後 的 長期投資 機會</t>
  </si>
  <si>
    <t>口罩 8 大類 場所 秋冬 防疫 專案 罰 鍰 新冠肺炎</t>
  </si>
  <si>
    <t>范德賴恩 自我 隔離 歐盟 新冠肺炎 病例 數</t>
  </si>
  <si>
    <t>新冠肺炎 疫情 持續 延 燒 金門 縣府 今 25 日 成立 計程車 遊覽車 消毒站 目標 是 防疫 做到 零 死角 滴水不漏 嚴防 交通 工具 成為 移動 傳染源 副 縣長 黃怡凱 專程 赴 機場 訪視 計程車 遊覽車 消毒站 消毒 作業 提醒 業者 及 司機 要</t>
  </si>
  <si>
    <t>新冠肺炎 疫情 持續 延 燒 金門 縣府 今 25 日 成立 計程車 遊覽車 消毒站 目標 是 防疫 做到 零 死角 滴水不漏 嚴防 交通 工具 成為 移動 傳染源 副 縣長 黃怡凱 專程 赴 機場 訪視 計程車 遊覽車 消毒站 消毒 作業 提醒 業者 及 司機 要 戴 口罩 量 體溫 在 接送 乘客 後 切實 針對 重點 區域 如 旅客 接觸 頻繁 的 車內 椅背 把手 安全帶 扣 環 及門 把 加強 消毒 以 維護 搭車 環境 及 旅客 健康 安全 讓 公共 運輸 安全 防護 再 升級 另 也 呼籲 乘客 做好 個人 防護 措施 避免出現 相互 感染 情況 縣府 提醒 計程車 遊覽車 業者 如 需 進行 車體 消毒 可於 2 月 25 日 起至 3 月 31 日 止 上班 日 不含 國定假日 上午 9 點 至 11 點 及 下午 2 點 至 4 點 至 尚義 機場 旁 遊覽車 停車場 及 烈 嶼 鄉 習 山湖 停車場 2 個 地點 一起 做好 防疫 工作</t>
  </si>
  <si>
    <t>自 2019 年底 在 中國 大陸 武漢 爆發 而 至今 疫情 持續 升溫 的 新冠肺炎 ncp 疫情 重 挫 全球 航空 旅遊 等 產業 不僅如此 也 因為 多 品牌 的 供應 鏈 都 位於 中國 大陸 境內 受 疫情 影響 延 後年 節後 復工 時間 牽 一發 動 全身 影響 了 包</t>
  </si>
  <si>
    <t>新冠肺炎 疫情 蘋果 生產 量 產</t>
  </si>
  <si>
    <t>新冠肺炎 出院 卻 多重 器官 衰竭 重症 醫 微血管 豐富 部位 成 重災區</t>
  </si>
  <si>
    <t>新冠肺炎 流行 已 逾 一 年 不僅 感染 人數 攀升 重症 患者 的 再 住院 率 和 死亡率 也 是 怵目驚心 英國 萊斯特 大學 與 英國國家統計局 針對 47780 位 第一 波 出院 的 新冠肺炎 患者 追蹤 後 發現 其中 294 的 患者 再度 入院 就醫 而有 12 3 病</t>
  </si>
  <si>
    <t>新冠肺炎 流行 已 逾 一 年 不僅 感染 人數 攀升 重症 患者 的 再 住院 率 和 死亡率 也 是 怵目驚心 英國 萊斯特 大學 與 英國國家統計局 針對 47780 位 第一 波 出院 的 新冠肺炎 患者 追蹤 後 發現 其中 294 的 患者 再度 入院 就醫 而有 123 病人 死亡 與 糖尿病 心臟病 慢性 肝 腎 等 併發症 風險 相關 重症 醫療 醫師 黃軒 受訪 指出 迄今 不少 研究 發現 新冠肺炎 患者 有所 謂 新冠肺炎 症候 群 如 疲憊 睡眠 障礙 呼吸道 症狀 與 神經 症狀 且 並非 只 出現 在 重症 患者 身上 輕 症 病 患 也 可能 發生 如果 患者 免疫力 無法 恢復正常 就 可能 面臨 再度 感染 甚至 多重 器官 衰竭 等 嚴重後果 黃軒 醫師 表示 國外 統計 發現 約 三 分之一 的 重症 患者 出院 後 4 6 月 仍 有 呼吸 症狀 由於 歐美各國 醫療 崩潰 住院者 經 2 次 pcr 檢測 陰性 後 就 可能 被 要求 出院 因此 再 感染 和 再 入院 的 情形 更為 頻繁 與 臺灣 的 重症 患者能 住院 到 確定 無 症狀 才 出院 狀況 相去甚遠 黃軒 醫師 解釋 新冠 病毒 進入 身體 後 最 容易 在 咽喉 肺部 造成 症狀 病毒 會 尋找 微血管 豐富 的 部位 進行 複製 因此 肺泡 睾丸 腎臟 腸系膜 腦 部 這些 部位 微血管 密度 高 ace 2 接受 體 分 佈 的 密度 也 高 最 容易 變成 感染 後 的 重災區 導致 患者 會 發生 排 尿 異常 拉肚子 便秘 腸胃 部 不適 等 症狀 也 有 1 4 患者 出院 後 發生 記憶力 衰退 睡眠 障礙 神識 不 清 等 神經 症狀 肺泡 腎臟 腦 部 微血管 豐富 部位 成 重災區 黃軒 醫師 指出 新冠肺炎 重症 患者 在 急性 期 時 就 可能 已 受到 多重 器官 傷害 即便 將 病毒 殺死 但 身體 裡 被 破壞 的 微 組織 和 微循環 無法 立即 恢復 約 須 經過 6 8 個 月 才 會 完全 修復 若 再 加上 本身 有 不利條件 例如 慢性病 或是 癌症 患者 就 可能 在 感染 後 引發 多重 器官 衰竭 等 後續 問題 好比 你 天花板 破 了 來不及 修好 天花板 其他 的 病菌 已經 跟 著 殺 到 黃軒 醫師 說明 病人 本身 如果 有 慢性 疾病 如 糖尿病 心臟病 或是 正在 接受 化療 標 靶 的 癌症 患者 免疫系統 的 條件 因 感染 變 得 更 不利 導致 其他 的 病菌 更 容易 入侵 身體 因此 再 感染 率 也 特別 高 發生 併發症 的 機 率 也 會 增加 隱藏式 加 無 症狀 新冠 病毒 適應環境 傳播 強 黃軒 醫師 指出 新冠 病毒 逐漸 演變成 隱藏式 和 無 症狀 的 感染 更 容易 隱藏 在 人體 內 且 更 容易 傳播 新冠 病毒 會 因為 環境 改變 尋隙 就 縫 在 人體 內 大量 複製 所以 有 些 個案 回國 之前 的 pcr 檢測 陰性 卻 在 集中 檢疫 時 才 驗 出 陽性 而 不少 人 會 向 檢疫 人員 表示 自己 只是 鼻子 過敏 原因 就 在 環境 改變 濕度 改變 pm 25 改變 後 體內 病毒 開始 大量 複製 這時 才 被 檢測 出 陽性 全球 感染 人數 持續 增加 顯示 新冠 病毒 愈來愈 能 適應環境 臺灣 的 防疫 考驗 恐 更為 嚴峻 黃軒 醫師 指出 目前 8大類 病毒 之中 臺灣 除了 e 類 病毒 其他 種類 都 有 隨 著 各地 國人 往返 新冠 病毒 有無 數次 攻擊 臺灣 的 機會 黃軒 醫師 強調 面對 這樣 的 疫情 即便 發生 社區 感染 院內 感染 只要 在 可 控制 範圍 內 控制 下來 就是 防疫 成功 很多 人 以為 國外 的 pcr 檢測 不 准 不 是的 問題 是 在 這個 病毒 變成 以 隱藏式 無 症狀 為主 黃軒 強調 新冠肺炎 的 基因 變種 得 很 好 非常 能夠 適應 當前 的 環境 等於 每個 地球 上 的 人類 都 有 風險 要 防範 病毒 戴 口罩 勤洗手 仍 不可偏廢 估計 未來 一 年 整體 態勢 依舊 病毒 也 不 會 馬上 消失 新冠 病毒 恐 變 慢性病 疫苗 效力 僅 4 6 個 月 黃軒 醫師 認為 新冠 病毒 的 特性 使 其 相當 有 可能 變成 一 種 慢性病 式 的 感染 未來 每 隔 一段時間 就 可能 帶走 一大 批 人 的 生命 再 加上 新冠 病毒 的 死亡率 是 流感 的 2 3 倍 又 不 像 流感 一樣 有 明確 的 季節性 經過 一 年 以上的 觀察 幾 可 確定 新冠 病毒 沒有 季節 化 的 現象 一年四季 都 有 良好 傳播 能力 疫苗 會 是 終結 新冠 病毒 的 解方 嗎 黃軒 醫師 指出 依據 目前 研究 顯示 新冠肺炎 的 疫苗 約 可 維持 4 6 月 預計 新冠 病毒 不 會 像 sars 般 突然 消失 施打 疫苗 的 目的 之一 是 避免 病毒 大量 傳播 給 高風險 族群 減少 醫療 崩潰 醫護人員 被 感染 隔離 而使 院內 死亡率 急遽 上升 的 情況 出現 醫師 呼籲 新冠 病毒 的 走向 趨勢 仍 不明朗 在 疫苗 普及 之前 慢性病 患 可先 施打 肺炎 與 流感疫苗 平日 戴 口罩 勤洗手 仍 是 防疫 重中之重 編輯 梁 惠明</t>
  </si>
  <si>
    <t>今 健康 新冠 病毒 黃軒 醫師 新冠肺炎 後遺症</t>
  </si>
  <si>
    <t>金門 校園 防疫 學校 新冠肺炎 臺灣</t>
  </si>
  <si>
    <t>新冠肺炎 臺灣 住 民 例 死亡 個案 累計</t>
  </si>
  <si>
    <t>新冠肺炎 疫情 影響 彰 化 百 k 單車 活動 延遲 10 月 起跑</t>
  </si>
  <si>
    <t>新冠肺炎 疫情 延 燒 歐美 33 歲 英國 男 星 勞勃派廷森 robert pattinson 接 棒 班 艾佛 列克 ben affleck 出任 新 一代 的 蝙蝠 俠 宣佈 停 拍 震撼 好萊塢 該片 從 1 月 開始 在 倫敦籌 拍 並 計畫至 利物浦 拍攝 如今 不 敵 疫情 局勢</t>
  </si>
  <si>
    <t>新冠肺炎 疫情 延 燒 歐美 33 歲 英國 男 星 勞勃派廷森 robert pattinson 接 棒 班 艾佛 列克 ben affleck 出任 新 一代 的 蝙蝠 俠 宣佈 停 拍 震撼 好萊塢 該片 從 1 月 開始 在 倫敦籌 拍 並 計畫至 利物浦 拍攝 如今 不 敵 疫情 局勢 所屬 片商 華納 兄弟 表示 劇組 停工 2 周 並 密切 監控 情況 除 了 蝙蝠 俠 停 拍 之外 華納 兄弟 旗 下 的 其他 新片 目前 如期 拍攝 中 外 媒 透露 基努李維 keanu reeves 主演 的 駭 客 任務 4 結束 了 美國 三藩市 的 拍攝 正要 前往 德國 柏林 取景 威爾史密斯 will smith 主演 的 國王 理查 則 在 洛杉磯 拍攝 中 怪獸 與 它們 的 產地 3 將 於 下週一 在 英國倫敦 開拍 不過 上述 3 部 片 也 有 可能 因 險峻 的 疫情 而 隨時 喊停 紅色 通緝令 照 付 報酬 因為 疫情 喊 卡 的 還有 由 蓋兒 加 朵 gal gadot 巨石 強 森 dwayne johnson 萊恩雷諾斯 ryan reynolds 主演 的 netflix 動作 片 紅色 通緝令 該片 投入 60億 台幣 的 高額 預算 1 月 才 開拍 netflix 表示 暫定 停 拍 2 周 期間 會 照常 支付 演員 和 劇組 人員 報酬 巨石 強 森 則 對 劇組 信心 喊話 我們 很 感謝 這 陣子 大家 的 付出 和 耐心 現在 最 重要 的 是 把 每個 人 送 回家 送 到 他們 那些 憂心忡忡 的 家人 身邊 得 保護 我們 的 孩子 伴侶 所愛 的 人和 年長者 希望 每個 人 都健康 警覺 安全 讓 我們 保護 彼此 同在 一起 另外 disney 影音 平臺 的 漫 威 影業 3 部 影集 獵鷹 與 酷寒 戰士 汪達 與 幻視 和 洛基 目前 全數 停 拍 其中 獵鷹 與 酷寒 戰士 日前 已 在 捷克 停 拍 後 目前 劇組 全數 返回 美國 亞特蘭大 將 停 拍到 3 月底 洛基 則 尚未 確認 停 拍 至 何時 不過 disney 山不轉路轉 原訂 6 月 上線 的 超夯 動畫 冰雪 奇 緣 2 提前 本 週末 上架 迪士尼 表示 該片 堅持不懈 和 重視 家庭 的 精神 對於 此刻 來說 格外 有意義 而 星際大戰 天行者 的 崛起 也 把 上線 時間 提前 吸引 民眾 在家 也 能 安全 享受 視聽 娛樂</t>
  </si>
  <si>
    <t>國際 社會 南韓 新冠肺炎 確診 新增 131 例 累計 達 7513 例</t>
  </si>
  <si>
    <t>蛇精 男 臉 毀容 又 確診 新冠肺炎 po 文 哭訴 不 知道 做 錯 什麼</t>
  </si>
  <si>
    <t>大陸 網 紅 蛇精 男 劉梓晨 多次 進廠 維修 以 大 眼 挺 鼻 錐子 臉 誇張 五官 走紅 不過 近來 微博 更新 停留 在 12 月 9 日 未 料 神 隱 31 天 後 再度 發文 竟是 透露 自己 罹 患 新冠肺炎 讓 他 無奈 表示 不 知道 做 錯 了 什麼 蛇精 男 透露</t>
  </si>
  <si>
    <t>大陸 網 紅 蛇精 男 劉梓晨 多次 進廠 維修 以 大 眼 挺 鼻 錐子 臉 誇張 五官 走紅 不過 近來 微博 更新 停留 在 12 月 9 日 未 料 神 隱 31 天 後 再度 發文 竟是 透露 自己 罹 患 新冠肺炎 讓 他 無奈 表示 不 知道 做 錯 了 什麼 蛇精 男 透露 這 段 期間 神 隱 主要 是 臉部 毀容 才 選擇 消失 不 過 許多 粉絲 發現 他 不見 蹤影 後 紛紛 私 訊 關切 近況 讓 他 直 呼 相當 感動 接下來 自 曝 之前 因為 身體 不適 便 到 醫院 作 檢查 沒 想到 竟 確診 新冠肺炎 讓 他 難過 表示 我 真的 好 難過 不 知道 做 錯 了 什麼 要 這樣 對 無辜 的 我 太 難過 了 好 無助 最後 更 表示 打完 這段話 眼淚 又 不 自覺 的 流下來 稍 早 他 再度 於 微博 發文 呼籲 所有人 你們 一定 要 照顧 好 自己 戴好 口罩 不 要 讓 自己 生病 照顧 好 自己 一定 要 好好 的 還 附上 許多 哭 臉 表情符號 足以 見得 他 心情 相當 低落 而 他 今年 5 月 在 微博 寫下 我沒 死 謝謝 更 曬 出 毀容 照片 只見 臉上 紅 點 疤痕 一 堆 與 以往 白皙 肌膚 大不相同 令愛 美 的 他 幾乎 心碎 更 強調 不知 該 如何 面對 以後 生活 如今 又 確診 新冠肺炎 只能 說 是 禍不單行</t>
  </si>
  <si>
    <t>蛇精 男 劉梓晨 毀容 新冠肺炎 進廠 維修</t>
  </si>
  <si>
    <t>臺灣 新冠肺炎 陳時中 檢驗 量 能 擴大</t>
  </si>
  <si>
    <t>陳時中 莫德納 疫苗 新冠肺炎 臺灣</t>
  </si>
  <si>
    <t>大 聯盟 因 新冠肺炎 疫情 全部 停 擺 洋基 是 首 支 確定 全員 留在 春 訓 基地 的 球隊 15 日 球員 展開 首日 非正式 春 訓 多半 進行 守備 及 內野 訓練 室內 投 打 練習 雖然 不 開放 媒體 及 球迷 進場 不過 美 媒 仍 訪問 到 洋基 板凳 教練 門多薩 carl</t>
  </si>
  <si>
    <t>大 聯盟 因 新冠肺炎 疫情 全部 停 擺 洋基 是 首 支 確定 全員 留在 春 訓 基地 的 球隊 15 日 球員 展開 首日 非正式 春 訓 多半 進行 守備 及 內野 訓練 室內 投 打 練習 雖然 不 開放 媒體 及 球迷 進場 不過 美 媒 仍 訪問 到 洋基 板凳 教練 門多薩 carlos mendoza 他 直言 感覺 超 怪 根據 紐約 郵報 報導 門多薩 在 經過 首日 非正式 訓練 後 受訪 說 這 真的 很 怪 現在 是 艱難 的 局面 但 我們 仍 竭盡所能 做 該 做 的 事 記者 在 球場 外 看見 拉瑪修 dj lemahieu 塞弗瑞諾 luis severino 厄 薛拉 gio urshela 弗雷塞 clint frazier 等 人 現身 門多薩 也 笑 說 在 這 第一 天 訓練 時間 一 到 突然 一大 群 球員 就 一起 現身 了 我們 能 進行 守備 訓練 內野 訓練 大夥 也 在 室內 進行 投 打 練習 我們 會 持續 這樣 進行 門多薩 在 受訪 時說 我們 持續 為 球員 提供 幫助 這 是 我們 的 工作 現在 疫情每天 都 在 變化 誰 知道 接下來 會 發生 什麼 但 至少 到 現在 為止 我們 為了 球員 留在 這 不過 洋基 還是 不 反對 球員 回家 本 週末 可能 會 有 一些 選手 決定 離開 不過 大多數 球員 在 春 訓 期間 都會 與 家人 相聚 其他 球隊 也 有 不少 球員 選擇 回家 因此 推測 大 聯盟 會 在 正式 開 季 之前 進行 第二 次 較 短 的 春 訓 來 提升 球員 的 身體素質</t>
  </si>
  <si>
    <t>洋基 春 訓 新冠肺炎 美國 延賽</t>
  </si>
  <si>
    <t>日本 新冠肺炎 感染 患者 出 院 5 周後 仍 聞 不出 尿布 的 臭味 1 名 37 歲 的 女患者 向 媒體 披露 自己 在 治療 期間 的 經歷 出現 症狀 起 2 周後 的 4 月 10 日 她 在 日記 上 寫 著 一度 從 醫院 轉 往 輕 症 患者 下榻 的 飯店 才 經過 不 到 半天 就 被 醫師 宣判</t>
  </si>
  <si>
    <t>新冠肺炎 患者 陰性 住院 出院</t>
  </si>
  <si>
    <t>新冠 病毒 彰 化 新冠肺炎 肺炎</t>
  </si>
  <si>
    <t>喪失 嗅覺 味覺 新冠肺炎 sars 張裕泰 和平醫院</t>
  </si>
  <si>
    <t>新冠肺炎 來勢洶洶 由於 開學日 不同於 以往 增加 防疫 的 工作 平鎮 警 分局 執行 護 童 專案 即時 增派 警力 至 各 校門 口 協助 校方 測量體溫 時 的 交通秩序 以 確保 學童 的 安全 平鎮 國 中 校長 羅新炎 表示 大家 都 很 關心 疫情 這次 開</t>
  </si>
  <si>
    <t>新冠肺炎 來勢洶洶 由於 開學日 不同於 以往 增加 防疫 的 工作 平鎮 警 分局 執行 護 童 專案 即時 增派 警力 至 各 校門 口 協助 校方 測量體溫 時 的 交通秩序 以 確保 學童 的 安全 平鎮 國 中 校長 羅新炎 表示 大家 都 很 關心 疫情 這次 開學 連 家長 都 到校 協助 測量體溫 平鎮 警 分局 分局長 李建民 表示 根據 過去 開學日 的 經驗 上午 7 時 20 分至 7 時 40 分 是 家長 接送 學童 上課 的 尖峰 時段 而 這次 開學日 又 有別 以往 師生 入校 前 都 要 先 測量體溫 警方 勢必 加強 校園 周邊 的 交通 疏導 羅 新 炎 說 校方 在 師生 進入 校園 前 即 噴灑 酒精 及 測量體溫 在 警民 合作 下 開學 非常 順利 除 一 名 學生 在 濟州島 尚未 到校 預計 於今 25 日 晚間 回台 並 已向 該 學生 通知 歸國 後 需 自主 健康 管理 其 餘 學生 皆 已 安全 到校 平鎮 警 分局 指出 平鎮 學 區 分佈 特別 多 所 學校 校門 口 緊鄰 車流量 大 的 道路 或 狹窄 巷 弄 警方 強調 將 會 與 校方 共同 檢 視 校園 周 遭 交通 並 提高 見 警 率 讓 駕駛人 放慢 車速 得以 留意 過 馬路 的 學童</t>
  </si>
  <si>
    <t>雲 林縣 北 港 工藝 坊 4 日 舉辦 鼠年 特展 人 喜 盛世 心 有所 鼠 25 名 工藝師 以 鼠年 為 主題 創作 木雕 紙塑 等 作品 主辦單位 希望 藉 由 各 領域 工藝師 齊聚一堂 打造 鼠年 氛圍 同時 邀 民眾 抗 疫 期間 欣賞 藝術創作 賞藝 抗 疫 新冠肺炎 疫情 讓 民眾 減少 出門 不少 人 悶 在家 裡 心情 大 受 影響 北 港 工藝 坊 4 日 特別 推出 人 喜 盛世 心 有所 鼠 鼠年 特展 邀請 民眾 來 北 港 朝 天宮 參拜 媽祖 祈求 平安 後 順道來 距 朝 天宮 約 500 公尺 的 北 港 工藝 坊 放鬆 心情 10 餘 名 工藝師 4 日 在 展場 介紹 自己 的 作品 包括 木雕 陳明洲 林朝金 高基培 蕭源 松 粉線 雕 丁宗華 紙 雕 劉庭翰 纏 花 林佩 瑩 紙塑 蔡爾容 陶繪 李朝雄 十字 繡莊 素 月 紙 粘土 楊 絮 茹 油畫 曾 良美 等 人 同時 交流 創作 理念 北 港 工藝 坊 負責人 蔡享潤 表示 工藝 坊 每年 元宵節 後 的 生肖 工藝 聯展 是 雲 林縣 內 的 工藝 盛事 不同 領域 的 藝師 輸人不 輸 陣 拿出 絕活 利用 各種 媒材 創作 個人 代表作 現場 爭奇鬥豔 讓 來賓 置身 1 場 精彩 的 藝術 饗 宴 民眾 指出 為了 防疫 大部分 時間 都 待在家裡 看 書 聽 音樂 與 親友 聚餐 得知 北 港 工藝 坊 舉辦 鼠年 特展 特地 前來 欣賞 工藝師 們 的 心血 結晶 藉 由 藝術 來 放鬆 心情 效果 不錯 現場 並 提供 防疫 消毒水 進行 防疫 宣 導 讓 人 更 安心</t>
  </si>
  <si>
    <t>工藝 北 港 藝 坊 鼠年 新冠肺炎</t>
  </si>
  <si>
    <t>海軍 發燒 感染 新冠肺炎 抗體 檢測 抗體 國防部 副 部長</t>
  </si>
  <si>
    <t>新冠肺炎 疫情 讓 全球 體育賽事 停 擺 但 臺灣 體壇 這個 週末 很 熱鬧 從 學生 聯賽 到 職業 賽事 都 有 比賽 讓 運動 迷 熱血 一下 昨天 全球 唯一 開 打的 職棒 中華 職棒 31 年 例行 賽 相當 受到 矚目 國內外 投 注 網站 都 熱鬧 滾滾 昨 在 台中 洲際 棒球</t>
  </si>
  <si>
    <t>新冠肺炎 疫情 讓 全球 體育賽事 停 擺 但 臺灣 體壇 這個 週末 很 熱鬧 從 學生 聯賽 到 職業 賽事 都 有 比賽 讓 運動 迷 熱血 一下 昨天 全球 唯一 開 打的 職棒 中華 職棒 31 年 例行 賽 相當 受到 矚目 國內外 投 注 網站 都 熱鬧 滾滾 昨 在 台中 洲際 棒球場 進行 的 統一 獅 作客 中信 兄弟 準時 開 打 臺灣 運彩 過去 曾 在 中華 職棒 總 冠軍賽 提供 單 場 投 注 今年 因為 新冠肺炎 疫情 嚴峻 比賽 能夠 開 打 很 不容易 因此 台彩 為了 支持 國內 賽事 首度 在 中職 開幕 戰 提供 單 場 投 注 未來 更 計畫 繼 超級 籃球聯賽 sbl 之後 推出 場 中投 注 昨天 順利 開 打的 象獅 大戰 台 彩 開 兄弟 讓 15 分 賠 率 175 單 場 總分 105 分 總分 大 的 賠 率 是 170 總分 小 的 賠 率 為 180 總分 加 起來 單數 的 賠 率 是 150 雙數 的 賠 率 則 是 205 大陸 投 注 網站 1 xbet 的 玩 法 相當 多元 彩迷 可以 投 注 主隊 贏 或 客隊 贏 之外 一樣 也 有 讓 分 盤 兩 隊 得分 加總 為 單數 或 雙數 等 還有 客隊 總得分 6 局 或 7 局 之後 領先 隊伍 以及 兩 隊 每隊 得分 為 2 分到 7 分 或 更 多 每 一 種 賠 率 都 不同 並 隨 著 比賽 情況 隨時 變動 英國 兩 家 知名 博 彩 公司 威廉希爾 和 bet 365 同樣 也 針對 中職 開盤 其中 bet 365 開 兄弟 讓 15 分 賠 率 200 總分 115 分 大 的 賠 率 是 186 小 的 賠 率 是 180 新冠肺炎 疫情 何時 能 被 有效 控制 讓 國際 體育賽事 全面 恢復 仍 是 未知數 臺灣 運彩 思考 多種 可能 擬定 相關 計畫 例如 6 月底 以後 主要 運動 賽事 恢復 的話 屆時 會 加開 更 多 單 場 及 場 中投 注 希望 在 下半年 可以 補足 上半年 因為 疫情 下滑 的 銷售額</t>
  </si>
  <si>
    <t>15 檔 強 恒 強 跨過 新冠肺炎 缺口</t>
  </si>
  <si>
    <t>國際 社會 南韓 新冠肺炎 確診 新增 518 例 累計 達 6 284 例</t>
  </si>
  <si>
    <t>南韓 新冠肺炎 病例 確診 死亡</t>
  </si>
  <si>
    <t>白靈 金馬獎 墮胎 師 隔離 日記 新冠肺炎</t>
  </si>
  <si>
    <t>友訊 經營權 之 爭 公司 派對 上 市場 派 上周 更 延燒到 明 泰董 座 大位 明泰大 股東 佳 世 達 也 宣佈 擬 以 每股 30 元 收購 明泰 收購 明泰 最 多 103萬 張 股 即 19 的 明泰 股權 屆時 佳 世 達 持有 明泰 股 將 上 看 428 明泰 3380 今 以 2435 元 開盤 跳 空 漲 停 大 股東 友訊 2332 亦 大 漲逾 7 與 明泰 有 策略 聯盟 的 仲琦 也 大 漲 85 佳 世 達 2352 則 下挫 約 2 另外 明泰 也 公佈 第一 季財報 單季 每股 虧損 024 元 友 訊 經營權 之 爭 延燒到 明 泰董 座 大位 明泰大 股東 佳 世 達 宣佈 擬 在 不晚 於 5 月 12 日 起 以 每股 30 元 收購 明泰 擬 收購 最 多 103萬 張 股 即 19 的 明泰 股權 屆時 佳 世 達 持有 明泰 股 將 上 看 428 坐 穩 最 大 股東 位置 佳 世達 目前 已是 明 泰最大 股東 集團 綜合 持 股 明 泰共 238 佳 世 達 期望 透過 此次 公開 收購 希望 達到 綜合 持股 288 至 428 以 加速 5 g 的 佈局 和 經營 明 泰 第一 季 的 合併 營 收 為 4984億 元 主 因明 泰 交換器 數位 多媒體 產品 出 貨 成長 及 無線 寬 頻 產品 線 合併 仲 琦 營 收 挹注 第一 季營 收 較 去年同期 增加 約 550 因 合併 仲 琦 2419 效益 營業毛利 額 約 成長 600 至 845億 元 毛利率 亦 提升 06 個 百分點 至 17 0 單季 營業費用 為 930億 元 營業 損失 為 8500萬 元 營業 利益 率 為 17 稅 後 淨損 為 138億 元 相當於 每股 損失 為 024 元 明 泰 第一 季各 產品 線 的 營 收 比重 區域 都會 網路 產品 lan man 占 43 無線 寬 頻 網路 產品 wireless broadband 占 37 數位 多媒體 產品 digital multimedia 占 13 其他 網路 相關 產品 others 占 7 明 泰 表示 雖然 第一 季 整體 營 收 及 獲利 受到 新冠肺炎 疫情 影響 期望 第二 季營 收 表現 因訂單 達 交 情況 改善 而 有所 提升</t>
  </si>
  <si>
    <t>新冠肺炎 全球 持續 延 燒 臺灣 疫情 今 17 日 卻 再度 傳出 佳績 不但 國內 新增 確診 案例 連 2 日 0 更 是 單周 內 第 3 度 零 確診 讓 累積 確診 數 維持 在 395 例 不過 前 衛生 署長 楊志良 卻 感到 擔心 表示 臺灣 人體 內 普遍 沒有 抗體 加</t>
  </si>
  <si>
    <t>新冠肺炎 全球 持續 延 燒 臺灣 疫情 今 17 日 卻 再度 傳出 佳績 不但 國內 新增 確診 案例 連 2 日 0 更 是 單周 內 第 3 度 零 確診 讓 累積 確診 數 維持 在 395 例 不過 前 衛生 署長 楊志良 卻 感到 擔心 表示 臺灣 人體 內 普遍 沒有 抗體 加上 大陸 即將 崛起 臺灣 未來 走向 很 不 樂觀 楊 志 良 16 日 參加 pop 搶先 爆 電臺節目 時 他 針對 全球 情勢 表示 目前 疫情 控制 得 最好 的 就 是 大陸 楊志良 指出 不 談 大陸 可能 存在 黑 數 爭議 大陸 疫情 較 其他 國家 恢復 地 更 好 甚至 在 相較 之下 臺灣 疫情 反而 更 危險 儘管 楊志良 肯定 臺灣 防疫 做得好 但 他 認為 臺灣 因 感染 人數 不 多 所以 大部分 民眾 體內 不 存在 新冠肺炎 抗體 尤其 疫苗 還 沒 研發 成功 單就 藥物 是 無法 阻止 疫情 傳播 的 另外 由於 大陸 疫情 率先 穩定 控制 國內 陸陸續續 也 恢復 生產 經濟 恢復 最 快 而 歐美國家 疫情 甚至 還 再 持續 且 防疫 物資 仍 匱乏 因此 楊志良 預估 大陸 今年 gdp 有望 成為 全球 第一 然而 當 大陸 搖 身 成為 超 強國 家 時 臺灣 就 要 小心 了 楊志良 呼籲 國安會 要 趕快 想盡辦法 怎麼 因應 後 新冠 時期 post coronavirus era 全球 的 變化 楊志良 表示 臺灣 0 確診 社區 沒 爆發 群 聚 感染 值得 肯定 但 面對 大陸 恐 變成 強國 臺灣 未來 的 走向 很 不 樂觀</t>
  </si>
  <si>
    <t>暌違 18 天 新冠肺炎 昨 零 確診</t>
  </si>
  <si>
    <t>疫苗 李富城 新冠肺炎 臺灣</t>
  </si>
  <si>
    <t>大 立 光 3008 公佈 2 月 合併 營 收 為 3672億 元 月 減 1066 為 108 年 2 月 以來 單月 新低 但 亦 是 歷年 同月 新高 大 立 光 表示 由於 新冠肺炎 疫情 市場 變化 較 大 目前 看起來 3 月 拉 貨 動能 會 比 2 月 好 但 客戶 訂單 是否 修正 仍 待 觀察 大</t>
  </si>
  <si>
    <t>大 立 光 3008 公佈 2 月 合併 營 收 為 3672億 元 月 減 1066 為 108 年 2 月 以來 單月 新低 但 亦 是 歷年 同月 新高 大 立 光 表示 由於 新冠肺炎 疫情 市場 變化 較 大 目前 看起來 3 月 拉 貨 動能 會 比 2 月 好 但 客戶 訂單 是否 修正 仍 待 觀察 大陸 地區 因 新冠肺炎 疫情 延後 復工 致使 2 月 工作 天數 較 少 加上 淡季 效應 讓 大 立 光 2 月 合併 營 收 下滑 至 1 年 低點 2 月 合併 營 收 為 3672億 元 月 減 1066 年 增 4472 為 去年 2 月 以後 新低 但 仍 是 歷年 同月 新高 累計 前 2 月 合併 營 收 為 7777億 元 年成 長 3188 就 產品 比重 來看 20 m 百萬 畫 素 以上 產品 占大立 光 2 月 合併 營 收 比重 20 到 30 10 m 以上 產品 占 50 到 60 8 m 產品 占營 收 比重 10 到 20 其他 產品約 占 0 到 10 儘管 大陸 地區 因 新冠肺炎 疫情 逐漸 獲得 控制 各地 加速 復工 但 大陸 以外 地區 新冠肺炎 疫情 快速 蔓延 為 市場 增添 不少 變數 大 立 光 表示 目前 看起來 3 月 拉 貨 動能 會 比 2 月 好 但因 新冠肺炎 疫情 市場 變化 較 大 客戶 訂單 是否 修正 仍 待 觀察 大 立 光 日前 公告 台中 工業 區 4200 坪 用地 發包 動土 興建 預計 2023 年 完工 量 產 2019 年 購進 的 7400 坪 用地 現 仍 在 容積 審查 中 預訂 今年 下半年 動工 餘 下 的 3500 坪 用地 因 有 租約 在 身 移交 日期 稍晚 預訂 明年 著 手 興建 大 立 光 表示 新廠 建置 將 如 計 畫 進行 目前 大 立 光 在 臺灣 共 有 13 個 廠 區 9 個 為 自有 4 個 為 承租 在 新廠 完工 量 產 須 到 2023 年下 大 立 光 執行長 林恩平 表示 公司 除 提升 生產 良率 及 效率 亦 將 從 現有 的 空間 面積 下手 希望 在 樓板 面積 及 設備 擠出 更 多 空間 在 產能 吃緊 下 公司 接 單以高 階 機種 及 重要 客戶 優先 若客戶 信用 良好 且 有 需求 公司 亦 會 在 產 能 較 不 吃緊 的 時候 預 做 生產 以 因應 客戶 訂單 需求</t>
  </si>
  <si>
    <t>大 立 光 合併 營 收 新冠肺炎 疫情 拉 貨 待 觀察</t>
  </si>
  <si>
    <t>新冠肺炎 日本 海峽 論壇 貪污 虐 童</t>
  </si>
  <si>
    <t>疫苗 covax 新冠肺炎</t>
  </si>
  <si>
    <t>美國 歐洲新冠肺炎 疫情 趨 緩 不過 隨 著 復工 各國 紛紛 警告 第二 波 疫情 勢不可擋 英 美專家 更 表示 伴隨 流感 季 來臨 今年 冬季 的 新冠肺炎 疫情 將 更加 兇險 路透社 報導 美國 疾病 管制 暨 預防 中心 主任 芮斐德 robert redfi</t>
  </si>
  <si>
    <t>新冠肺炎 臺灣 開放 活動 戴 口罩</t>
  </si>
  <si>
    <t>名導 金吉德 染 新冠肺炎 59 歲 辭世</t>
  </si>
  <si>
    <t>俄羅斯 媒體 11 日 晚 報導 韓國 名導 金吉德因 新冠肺炎 引起 併發症 已 在 拉脫維亞 一家 醫院 病逝 享年 59 歲 震驚 外界 韓國 媒體 隨後 指出 金 的 友人 向 金吉德 家人 確認 後 證實 死訊 並稱 家屬 也 是 11 日 才 接 到 他 死亡 的 消息</t>
  </si>
  <si>
    <t>俄羅斯 媒體 11 日 晚 報導 韓國 名導 金吉德因 新冠肺炎 引起 併發症 已 在 拉脫維亞 一家 醫院 病逝 享年 59 歲 震驚 外界 韓國 媒體 隨後 指出 金 的 友人 向 金吉德 家人 確認 後 證實 死訊 並稱 家屬 也 是 11 日 才 接 到 他 死亡 的 消息 據悉 金吉德 11 月 20 日 抵達 拉脫維亞 12 月 5 日 突然 聯絡 不 上 失去 音訊 如今 傳出 噩耗 令人 不勝唏噓 金吉德 是 韓國 唯一 在 威尼斯 坎城 柏林 世界 三大 影展 都曾 獲獎 的 導演 在 國際 間 具 高 知名度 他 的 電影 最 大 特點 是 饑餓 精神 用 最低 的 預算 在 短 時間 戰鬥 式 拍攝 韓國 商業 電影 平均 製作費 為 40億 韓元 約 11億 台幣 金吉德 2012 年 榮獲 第 69 屆 威尼斯 影展 金獅 獎 的 聖殤 僅 花 1億 多 韓元 約 280 多 萬 台幣 拍 10 天 就 完成 的 作品 該片 也 同時 獲 頒 韓國 青龍 獎 最佳影片 金吉德 曾 捲入 性騷擾 風暴 遭 多 名 女性 指控 利用 職務 特權 對 她們伸 狼 爪 像是 女 演員 a 曾 指控 金吉德 在 拍攝 莫比 烏斯 時 強逼 她 拍攝 劇本 上 沒有 的 床 戲 更 將 她 帶 到 自己 的 住處 陪 睡 等 據 韓媒 報導 金吉德 近年 住 在 俄羅斯 與 愛沙尼亞 並 在 哈薩克 拍攝 以 俄語 發音 的 電影 未 料 傳出 憾事</t>
  </si>
  <si>
    <t>2020 年 1 月 15 日 中 美 兩 國 簽署 第一 階段 貿易 協定 讓 雙方 持續 兩 年 的 緊張 關係 獲得 緩和 正當 外界 以為 中美關係 即將 好轉 新冠肺炎 疫情 卻 改變 了 這 一切 港版 國安法 更進一步 讓 中美關係 跌 至 冰點 新 冷戰 儼然 成 形</t>
  </si>
  <si>
    <t>楊鎮 浯 金門 機場 智慧 清 消 門 臺灣 新冠肺炎</t>
  </si>
  <si>
    <t>新冠肺炎 臺灣 業者 營業 主管機關</t>
  </si>
  <si>
    <t>作為 一 位 成就 非凡 的 女性 領導者 同時 還 必須 扮演 好 母親 妻子 女兒 與 媳婦 等 角色 電通 行銷 傳播 集團 臺灣 執行長 唐 心慧 jennifer tang 在 出版 了 人生 我 選擇 以上 皆 是 的 第一 本 暢銷書 之後 最新 著作 人生 有所 謂 決斷 無所 畏 正式 問世 新書 甫 上市 一 周 即 榮登 博 客 來 暢銷 排行榜 第一 名 也 讓 她 又 多 了 個 暢銷 作家 的 身分 唐 心慧 年 僅 14 歲 就 帶 著 弟弟 出國 讀書 回台 後 憑 藉 著 對 品牌 行銷 創意 的 專業 與 熱情 唐 心慧 選擇 從 外商 公司 最 基層 的 ae 做起 37 歲 就 成為 國際級 廣告 公司 最 年輕 的 董事 總經理 目前 在 電通 行銷 傳播 集團 擔任 臺灣 執行長 帶領 10 間 公司 1千 多 位 夥伴 時常 需要 她 在 關鍵時刻 發揮 決斷 力 唐 心慧 相信 決斷 力 影響 人生 發展 練就 決斷 力 就 能 指引 出 方向 而 教導 她 擁有 決斷 力 的 人 正是 她 的 父親 對於 唐 心慧 來說 父親 是 影響 她 一生 最 大 的 人 她 在 新 書 中 回憶 起 小時候 家中 遭逢 變故 母親 因 幫 人 作保 背負 龐 大 債務 時 父親 讓 她 見識 到 甚麼 是 說到做到 頂天立地 的 氣魄 唐 心慧 說 父親 敢於 承擔 直接 面對 挑戰 的 態度 正是 所謂 決斷 的 力量 是 她 從 父親 身上 學習 最深 之處 再次 總結 自己 的 成功經驗 透過 出書 分享 給 更 多 人 也 是 出自 父親 的 緣故 父親 感歎 于 現今 社會 價值觀 扭曲 加上 新冠肺炎 壟 罩 全球 帶來 的 動盪不安 讓 很多 人 對於 人生 與 未來 都 感到 迷惘 正是 需要 指引 的 時候 因此 鼓勵 她 再次 出書 好好 告訴 大家 怎麼 做 好 決定 告別 糾結 人生 唐 心慧 認為 決斷 力 就 像 許多 技能 是 一 種 熟能生巧 的 訓練 結果 當 你 願意 正面 學習 鍛 鍊 內化 就 有 機會 掌握 它 的 力量 因此 她 除了 在 新 書 中 歸納 出 決斷 力 的 養 成心 法 書 末 還 特別 附上 練出 決斷 力 的 引導式 筆記 由 唐 心慧 親自 設計 問題 幫助 讀者 透過 問答 思考 人生 勇敢 為 自己 做 決定</t>
  </si>
  <si>
    <t>東京 奧運 再 兩 天 就 要 正式 開幕 目前 世界 各國 的 好手 們 都 陸續 抵達 了 日本 東京 準備 迎接 這 盛大 的 體育賽事 而 本次 奧運 因為 正逢 新冠肺炎 肆虐 整體 辦 起來 提心吊膽 雖然 國際 奧 會 和 日本 方面 都 還是 有 信心 但 難保 疫情 不會 影</t>
  </si>
  <si>
    <t>智利 跆拳道 新冠肺炎 東奧 即時 報導</t>
  </si>
  <si>
    <t>新冠肺炎 臺灣 醫護 賴清德 敵人</t>
  </si>
  <si>
    <t>新北 市 16 日 新增 6 例 確診 個案 因 有 3 例 是 永和 外界 擔心 是否 跟 先前 永和 某 社區 大樓 5 例 確診 有關 新北 市 衛生局長 陳 潤 秋 表示 根據 疫 調 沒 關聯 這次 主要 家族 8 名 人員 跟 2 名 朋友 到 花蓮 旅遊 他們 自己 開車 入住 民 宿 有 同 車 同 住 同飲 所以 會 有 家戶 傳染 疑慮 又 新北 市 確診 個案 遭 爆 料 在 石 牌 某 銀行 上班 陳潤秋 說 今天 確診 個案 職 場 都 在 北市 第一時間 已經 通知 北市 北市 也 已 立刻 做 了 相關 處置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解決 缺 電 紓困</t>
  </si>
  <si>
    <t>新冠肺炎 臺灣 大量 防疫 生 策 會</t>
  </si>
  <si>
    <t>新冠肺炎 疫情 延 燒 華南銀行 也 火速 清查 債權 部位 主動出擊 協助 廠商 華南金 控 暨 華南銀行 董事長 張雲 鵬 指出 華銀 已 全面 清查 相關 產業 的 曝 險 情形 依 國發 會 列出 受 疫情 影響 較為 嚴重 的 產業 如 觀光 旅遊 航運 餐飲業</t>
  </si>
  <si>
    <t>一 名 男性 乘客 14 日 搭乘 美國聯合航空 班機 時 突然 停止 呼吸 猝死 最終 證實 他 感染 新冠肺炎 事件 引發 外界 譁然 一 名 男性 乘客 後續 在 網路上 描述 當下 搶救 過程 指出 自己 為 男子 進行 了 約 45 分鐘 心 肺 復蘇 術 cpr 全身 流滿 汗</t>
  </si>
  <si>
    <t>一 名 男性 乘客 14 日 搭乘 美國聯合航空 班機 時 突然 停止 呼吸 猝死 最終 證實 他 感染 新冠肺炎 事件 引發 外界 譁然 一 名 男性 乘客 後續 在 網路上 描述 當下 搶救 過程 指出 自己 為 男子 進行 了 約 45 分鐘 心 肺 復蘇 術 cpr 全身 流滿 汗 還 沾染 患者 尿 液 英國 每日 郵報 daily mail 報導 14 日 一 名 男子 在 一 架 從 佛州 奧蘭多 orlando 飛往 加州 洛杉磯 的 美國聯合航空 united airlines 班機 上 猝死 乘客 指出 他 在 飛機 起飛 前 就 不斷 發抖 盜汗 呼吸困難 男子 的 妻子 也 悄聲 透露 丈夫 已經 出現 新冠 症狀 一 周 失去 嗅覺 及 味覺 飛機 起飛 後 男子 的 狀況 急速 惡化 機長 臨時 決定 緊急 降落 紐澳 良 以 讓 男子 接受 治療 不過 在 班機 降落 前 男子 已 停止 呼吸 此時 距離 飛機 起飛 已經 1 個 小時 機組員 緊急 詢問 機上 是否 有 乘客 是 醫生 尋求 他們 的 協助 為 男子 進行 cpr 幾 名 乘客起身 幫忙 有 乘客 描述 進行 cpr 時 可以 聽到 男子 骨頭 裂開 的 聲音 阿爾達帕 tony aldapa 也 是 當天 進行 cpr 的 乘客 之一 他 發佈 推 文 回憶 自己 主動 起身 表明 會 cpr 可以 幫忙 接 著 他 與 另外 2 名 乘客 接手 為 男子 進行 了 約 45 分鐘 cpr 直 到 飛機 降落 消防人員 上機 送 患者 就醫 阿爾達帕 強調 全程 沒有 進行 口 對口 人工呼吸 他們 負責 壓 胸 為 男子 罩 上 人工 復蘇 器 吹 氣 他 透露 事前 就 知道 對 潛 在 新冠 患者 施行 cpr 會 有 風險 但 他 仍 決定 上前 幫忙 他 說 在 搶救 時曾 向 男子 的 妻子 詢問 病史 不過 對 方都 沒有 提到 確診 一 事 只 表示 他們 原定 要 在 洛杉磯 進行 病毒檢測 i spent the remainder of the flight covered in my own sweat and in that man&amp;apos s urine i have since become symptomatic myself and am awaiting the results of my second test i have not been contacted by the airline or by @cdcgov as of this time 男子 下機 送醫 後 班機 繼續 飛往 目的地 阿爾帕達 表示 他 身上 及 衣服 都 被 自己 的 汗水 和 男子 的 尿 液 浸濕 了 他 就 這樣 子 度過 接下來 的 航程 班機 轉 降 紐 奧良 後 男子 被 送 往 當地 醫院 到 院 時 醫院 宣判 死亡 事後 美國 疾病 管制 暨 預防 中心 cdc 通知 聯合 航空 該 名 男子 確診 新冠肺炎 阿爾帕達 說 自己 目前 已經 出現 症狀 正在 等待 病毒檢測 結果 即便 可能 中 鏢 他 仍 強調 就算 重來 一 次 他 還 是 會 做出 一樣 的 決定</t>
  </si>
  <si>
    <t>新冠肺炎 臺灣 防疫 員警 警 友 站</t>
  </si>
  <si>
    <t>嘉義 長 庚中醫 從 臺灣 茶葉 發現 新冠肺炎 潛力 藥物</t>
  </si>
  <si>
    <t>疫情 蔓延 全世界 各國 積極 研究 相關 治療 方法 臺灣 中醫界 也 不落人後 嘉義 長庚醫院 中 醫科 主任 吳清源 帶領 的 研究 團隊 從 臺灣 茶葉 萃 取出 一 種 多 酚 羥基 茶 駢 酚 酮 結構 的 物質 theaflavin 可 結合 於新冠肺炎 的 2019 新型 冠狀病</t>
  </si>
  <si>
    <t>新冠肺炎 林濁水 新冠 疫苗 臺灣 az</t>
  </si>
  <si>
    <t>新冠肺炎 疫情 在 歐洲 急遽 升溫 其中 義 大利 確診 人數 追上 南韓 成為 僅次於 大陸 疫情 最 嚴重 國家 法國 也 累積 1412 人 確診 文化部長 裡斯特 更 被 感染 目前 在 臺灣 學中文 的 法 籍 youtuber 路易 這 陣子 收到 很多 親友 關心 不少 台</t>
  </si>
  <si>
    <t>臺灣 法國 法國 人 路易 新冠肺炎</t>
  </si>
  <si>
    <t>韓國新冠 病毒 疫情 急速 蔓延 確診 病例 飆 破 2000 大關 為 紓 解 疫情 擴散 對 經濟 的 衝擊 首 爾 當局 計畫 挹注 16 兆 韓元 逾 130億 美元 的 緊急 資金 以 減稅 及 補助 方式 替 企業 與 個人 紓困 韓國 財長 洪 楠 基 hong nam-ki 28 日 宣佈 政府 擬 支出 16 兆 韓元 提供 稅務 優惠 與 財務 援助 協助 受 疫情 波及 的 企業 或 個人 紓困 此外 還 將 提出 62 兆 韓元 補充 預算 支撐 內需 韓國 為 緩和 新冠肺炎 對 經濟 活動 的 衝擊 將 減稅 幅度 擴大 1 倍 包括 從 今年 3 月 到 6 月 信用卡 消費稅 扣抵 比率 由 15 拉高 至 30 傳統 市場 與 大眾 運輸 的 減稅 比率 從 40 倍 增至 80 韓國政府 預估 如此一來 可望 幫 韓國 民眾 省 下 2200億 韓元 同 段 期間 購車 消費 稅率 由 原先 的 5 降 至 15 降幅 達 七 成 減稅 措施 也 擴 及 受 新冠 病毒 疫情 重創 的 小型企業 及 個別 員工 此外 托 嬰 中心和 幼稚園 因 疫情 關閉 父母 被迫 請假 在家 照顧 幼兒 的 家庭 可獲 50萬 韓元 的 津貼 補助 財長 洪 楠 基 同時 透露 政府 預定 下 周向 國會 提交 補充 預算案 金額 與 2015 年 爆發 mers 疫情 當時 所 提 的 62 兆 韓元 相當 韓國 當局 28 日 公佈 最新 統計 當天 新冠 病毒 確診 病例 暴 增 571 例 創下 單日 最 大 增幅 總數 達 2337 例 韓國 疫情 迅速 延 燒 重 擊 金融市場 韓 股 kospi 指數 週五 收 跌 33 以 198701 點 作 收 該 指數 亦 寫 下 2011 年 以來 最慘 周 跌幅 外資 大舉 出逃 韓國 股市 本 周 共出 脫 28 兆 韓元 23億 美元 韓 股 創 近 九 年 來 最 大 單 周 外資 淨 流出 韓國 龍頭 車 廠 現代 汽車 因 蔚山 市 工廠 一 名 員工 確診 感染 新冠肺炎 宣佈 暫停 生產 現代 股價 受 此 消息 影響 暴跌 逾 5 韓國天團 防彈 少年團 bts 也 礙於 疫情 升溫 宣佈 取消 4 月 的 首 爾 演唱會</t>
  </si>
  <si>
    <t>防疫 零 缺口 澎湖縣 率先 全國 於 機場 及 港口 裝設 紅外線 體溫 測量 儀 深獲 醫 界 高度肯定 20 日 縣府 再創 全國 先例 成立 居家 檢疫 報到 站 避免 防疫 漏洞 空 窗 期 驚 爆 新冠肺炎 疫情 澎 湖 縣府 會 共識 新 購 2 部 紅外線 體溫 測量 儀</t>
  </si>
  <si>
    <t>防疫 零 缺口 澎湖縣 率先 全國 於 機場 及 港口 裝設 紅外線 體溫 測量 儀 深獲 醫 界 高度肯定 20 日 縣府 再創 全國 先例 成立 居家 檢疫 報到 站 避免 防疫 漏洞 空 窗 期 驚 爆 新冠肺炎 疫情 澎 湖 縣府 會 共識 新 購 2 部 紅外線 體溫 測量 儀 分別 裝設 在 澎 湖 機場 及 馬公 商港 監測 所有 入境 澎 湖 旅客 體溫 一旦 發現 有 發燒 呼吸道 症狀 群 者 立即 送醫 采 檢 送驗 並 自主 健康 管理 鑒於 中央 提供 居家 檢疫 資料 太 慢 20 日 澎 湖 防疫 會議 決議 即日起 在 機場 及 港口 設立 居家 檢疫 報到 站 即時 掌握 入境 動向 縣府 表示 凡 從 大陸 港澳 入境 持有 居家 檢疫 通知書 者 轉 搭 國 內線 台華輪 入境 澎 湖 縣府 將 協 請 航空 及 船務 公司 廣播 通知 乘客 必須 至 報到 站 登記 不 配合 者 將 依 傳染病 防治法 處 3000 元 至 1萬5000 元 罰 鍰 縣府 指出 經 實際 查訪 發現 須 居家 檢疫 者 已 返家 23 天 後 才 收到內政 部 提供 的 居家 檢疫 名單 無疑 造成 防疫 大 漏洞 成立 居家 檢疫 報到 站 適時 彌補 空 窗 期 入境 澎 湖 持有 居家 檢疫 通知書 者 必須 先 至 居家 檢疫 報到 站 登記 核對 居住地 電話 並 立即 通知 裡長 村裡 幹事 啟動 健康 關懷 監控 在家 自主 管理 居及 限制 外出 至 檢疫 解除 同時 落實 新 住 民 查核 系統 每日 追蹤 尚未 返 澎 的 69 名 陸配 及 家屬 動向 務必 先期 掌握 返國 時間 加強 追蹤 防疫 零 缺口 新冠肺炎 新冠肺炎 ncp 臺灣 澎 湖</t>
  </si>
  <si>
    <t>國際 社會 南韓 新冠肺炎 確診 再 增 374 例 累計 達 5186 例</t>
  </si>
  <si>
    <t>南韓 新冠肺炎 病例 確診</t>
  </si>
  <si>
    <t>新冠肺炎 疫情 讓 壽險 行銷 受阻 但 影響 最 大 的 還是 專 作 境外 客戶 的 國際 保險業務 分公司 oiu 據 保險局 統計 今 年前 5 月 壽險 oiu 僅 賣 出 16 張 保單 新 契約 保費 僅 8767萬 美元 約 新 台幣 26億 元 且 今年 僅 剩下 五 家 壽險 公司</t>
  </si>
  <si>
    <t>新冠肺炎 疫情 讓 壽險 行銷 受阻 但 影響 最 大 的 還是 專 作 境外 客戶 的 國際 保險業務 分公司 oiu 據 保險局 統計 今 年前 5 月 壽險 oiu 僅 賣 出 16 張 保單 新 契約 保費 僅 8767萬 美元 約 新 台幣 26億 元 且 今年 僅 剩下 五 家 壽險 公司 還 有 oiu 保單 進帳 當初 專責 的 oiu 人員 多 已 被 解 編 轉 往 其他 業務 先前 因為 新冠肺炎 各國 都 進行 邊境 管制 措施 境外 人士 不得 入境 oiu 更是 無 生意 可作 很多 去年底 或 今年初 已 談好 的 大 保單 近來 都 因為 無法 親自 處理 保單 等 相關 契約 因此 無法 完成 投保 入 帳 臺灣 對 境外 人士 的 境 管 措施 6 月 下旬 雖有 鬆綁 但 仍然 嚴格 恐 還 難 對 oiu 業績 有助 益 保險局 統計 目前 只 有 五 家 壽險 公司 還 有 oiu 保單 的 新 契約 保費 進帳 即 國泰人壽 富 邦 人壽 新光人壽 臺灣 人壽 與 全球 人壽 到 5 月 五 家 公司 共 16 張 保單 比 去年同期 的 87 張 保單 衰退 816 保費 則 因 今年 有 大 保單 進帳 16 張共 87673萬 美元 但 仍 比 去年同期 衰退 48 以上 前 五月 oiu 業績 以 新光人壽 有 五 張 保單 新 契約 保費 731萬 美元 在 件數 及 金額 上 都居 第一 但 花 了 極大 的 力氣 也 只 拿 到 約 新 台幣 2億 元 左右 的 業績 新 壽 強調 這 是 全金 控 式 的 服務 有些 客戶 也 會 在 新光 銀行 obu 開戶 進行 資金 調度 或 理財 有些 則 是 外 銀轉介 的 vip 客戶 就是 看好 臺灣 保單 利率 略 高 作 資產 配置 第二 名 是 富 邦 人壽 的 三 張 保單 新 契約 保費 94萬 美元 左右 第 三 名 是 國泰人壽 有 兩 張 保單 25萬 美元 全球 人壽 及 臺灣 人壽 也 各 有 三 張 保單 但 保費 各 以 19萬 美元 與 7萬 美元 排名 第 四 與 第 五 當初 敲鑼打鼓 十 多 家 壽險 公司 都 要 進軍 oiu 業務 但 目前 各 公司 紛紛 解 編 oiu 人員 有些 不再 推出 保單 即 今年 就 沒有 oiu 新 契約 保費 入 帳 就 連 現在 的 五 家 壽險 公司 很多 oiu 人員 也 都歸建 各 單位 先 去 忙 今年 的 保單 大 改 款</t>
  </si>
  <si>
    <t>中國疾控中心 流行病 學 首席 科學家 曾光 12 日 上午 在 個人 微博 發文 預測 這次 新冠肺炎 疫情 下降 的 轉捩點 已經 出現 但 還 潛藏 著 上升 的 轉捩點 他 提醒 各界 不可 低估 多 達 16億 人口 流動 返程 潮 對 疫情 的 負面影響 首當其衝 的 就 是</t>
  </si>
  <si>
    <t>新冠肺炎 臺灣 防疫 旅館 春節 業者</t>
  </si>
  <si>
    <t>疫苗 打 疫苗 新冠肺炎 臺灣 陳時中</t>
  </si>
  <si>
    <t>你 染 上 新冠肺炎 了 詐騙 集團 話 術 月 撈 千萬</t>
  </si>
  <si>
    <t>有 竹 聯 幫 黑道 背景 的 朱姓 男子 涉嫌 在 疫情 期間 假借 新冠肺炎 話 術 假冒 檢 警 向 大陸 民眾 詐騙 初 估 3 月 至今已有 近百人 受騙 不法 獲利 約 1000萬 台幣 刑事 局 日前 至 朱嫌 位於 桃園 的話 務 機房 攻堅 逮捕 朱 等 6 嫌 依 組織</t>
  </si>
  <si>
    <t>有 竹 聯 幫 黑道 背景 的 朱姓 男子 涉嫌 在 疫情 期間 假借 新冠肺炎 話 術 假冒 檢 警 向 大陸 民眾 詐騙 初 估 3 月 至今已有 近百人 受騙 不法 獲利 約 1000萬 台幣 刑事 局 日前 至 朱嫌 位於 桃園 的話 務 機房 攻堅 逮捕 朱 等 6 嫌 依 組織 犯罪 詐欺 等 罪嫌 送 辦 警方 調查 39 歲 朱嫌 等 人 在 桃園 市 民宅 設立 跨境 電信 話 務 機房 向 大陸 民眾 誆 稱 對 方采檢 新冠肺炎 確診 若 對方 一頭霧水 就 把 話題 帶到 其 個 資 外泄 等 需 立即 報案 藉 機 假冒 公安 詐騙 專案小組 上周 持 搜索 票 至 朱嫌 機房 攻堅 現場 逮捕 朱嫌 等 人 現場 查獲 詐欺 用 筆記型電腦 4 部 工作 機 20 支 人頭 電話 卡 19 張 wifi 分享 器 2 台 平板 電腦 1 部 監視器 鏡頭 3 組 租賃契約 2 份 金融 帳簿 10 本 ap 手錶 1 支 新 台幣 216萬5000 元 整 白色 保時捷休 旅 車 1 部 黑色 賓士 休 旅 車 1 部 等 證物 警方 估計 朱嫌的 ap 表 要價 449萬 加上 保時捷 與 賓士 光是 名車 名表 市值 就 超過 千萬 朱嫌 否認 詐欺 並 拒絕 提供 被害人 資料 複 訊 後 遭 法官 裁定 羈押 禁 見 警方 將 從 查扣 證物 循線 追查 被害人 與 該 集團 的 洗錢 流向 擴大 偵 辦</t>
  </si>
  <si>
    <t>新冠肺炎 刑事 局 詐騙 機房 話 術</t>
  </si>
  <si>
    <t>臺灣 確診 封 攤 新冠肺炎 虎林 街</t>
  </si>
  <si>
    <t>印度 變異 株 英國 變異 株 傳染 力 莊人祥 新冠肺炎</t>
  </si>
  <si>
    <t>新冠肺炎 疫情 致使 中國 大陸 復工 進度緩慢 鴻 海 精密 2317 對此 坦言 對 全年 營 收 確有 負面影響 但 海外 廠 區 營運 持續 滿載 部分 擴產 計 畫 亦 正常 進行 中 鴻 海 今 20 日 開高 後 翻 黑 最低 下跌 155 終場 下跌 119 收 於 82</t>
  </si>
  <si>
    <t>新冠肺炎 疫情 致使 中國 大陸 復工 進度緩慢 鴻 海 精密 2317 對此 坦言 對 全年 營 收 確有 負面影響 但 海外 廠 區 營運 持續 滿載 部分 擴產 計 畫 亦 正常 進行 中 鴻 海 今 20 日 開高 後 翻 黑 最低 下跌 155 終場 下跌 119 收 於 828 元 成交量 增加 374 至 35萬 張 鴻 海約 75 產能 位於 中國 大陸 雖然 各 主要 廠 區 自 10 日 起 逐漸 恢復 生產 但 投 顧 法人 認為 由於 零 組件 物流 及 勞動力 流通 受限 預期 最 快 3 月初 才能 全面 生產 預期 鴻 海 首季 淡季 營 收 恐 季 減 約 45 甚至 可能 跌破 兆 元 關卡 對此 鴻 海 發佈 重 訊 表示 公司 一向 不 評論 市場 對 集團 營運 的 評估 報告 也 未曾 對外 發佈 季度 財 測 不過 受 新冠肺炎 疫情 影響 在 保護 員工 安全為 第一 優先 復工 流程 合法 合 規 原則 下 中國 大陸 主要 廠 區 復工 進度 較為 謹慎 坦言 對 全年 營 收 確有 負面影響 不過 鴻 海 表示 包括 越南 印度 墨西哥 等 地 的 海 外廠 區 營運 持續 滿載 部分 擴產 計 畫 正常 進行 中 整體 詳細 狀況 將 待 情況 明朗 後 再 對外 說明 投 顧 法人 則 認為 鴻 海 的 內部 零 元件 製造 與 物流 支持 有助於 集團 在 疫情 趨 穩 時 展現 更 好 的 恢復力</t>
  </si>
  <si>
    <t>鴻 海 股價 中國 新冠肺炎 疫情</t>
  </si>
  <si>
    <t>新冠肺炎 臺灣 確診 個案 足跡 雲林</t>
  </si>
  <si>
    <t>新冠肺炎 疫情 嚴重 衝擊 臺灣 觀光 產業 靜宜 大學 觀光 系 教授 黃 正 聰 指出 新冠肺炎 規模 遠 大於 sars 影響 產值 約 為 sars 的 4 倍 建議 政府 未來 除 擴大 國旅 補助 外 包括 產業 資產 利息 補貼 規費 及 遊覽車 燃料 稅 營 所 稅 等 減免 將</t>
  </si>
  <si>
    <t>武漢市 新冠肺炎 患者 病亡 率 正 逐漸 下降</t>
  </si>
  <si>
    <t>3 日 湖北省人民政府 副 省長 楊雲彥 在 發佈會 上 表示 目前 湖北省 各地 市 危重症 床位 配置 已 基本 能 滿足 重症 病人 的 救治 需求 武漢市 通過 加快 建設 重症 救治 床位 由 人 等 床 轉變 為 床 等 人 截至 3 月 2 日 同濟 光 穀 協和醫院 等 10 家 危重症 救治 定點醫院 共 開放 危重症 床位 7286 張 共 收治 危重症 重症 患者 3728 名 武漢市 新冠肺炎 患者 病亡 率 正 逐漸 下降</t>
  </si>
  <si>
    <t>日本 名古屋 高速公路 員工 染 新冠肺炎 52 名 收費 員 在家 隔離</t>
  </si>
  <si>
    <t>日本 22 日 新增 15 例 新冠肺炎 確診 其中 名古屋 公佈 4 人 感染 確診 其中 一 名 60 多 歲 男性 是 高速公路 收費站 的 職員 和 他 密集 接觸 的 52 名 收費 員 也 被 要求 在家 隔離 名古屋 高速公路 更 決定 封閉 6 個 入口 根據 日本 媒體 報導</t>
  </si>
  <si>
    <t>收費站 名古屋 高速公路 收費 員 新冠肺炎</t>
  </si>
  <si>
    <t>賴士葆 疫苗 delta 採購 疫苗 新冠肺炎</t>
  </si>
  <si>
    <t>新冠肺炎 臺灣 萬華 確診 pcr</t>
  </si>
  <si>
    <t>新冠肺炎 疫情 延 燒 臺灣 出現 首例 死亡 病例 臺北市 長 柯文哲 17 日 表示 即使 是 社區 感染 也 有 程度 的 不同 他 提醒 大家 社區 感染 遲早 會 發生 但 重點 是 就算 發生 要 維持 在 零星 個案 這 是 上策 臺灣 出現 新冠肺炎 死亡 首例</t>
  </si>
  <si>
    <t>蘇貞昌 政府 新冠肺炎 專案 報告 臺灣</t>
  </si>
  <si>
    <t>截至 目前為止 nba 共有 14 人 確診 新冠肺炎 其中 只有 戈貝爾 米契爾 伍德 杜蘭特 與 斯馬特 公佈 確診 剩下 9 人 皆 因 保護 隱私權 而 未 公佈 但 連 nba 總裁 席爾佛都 坦承 nba 球員 等同 超級 傳播 者 確診 名單 到底 要 不 要 公佈 呢 其</t>
  </si>
  <si>
    <t>截至 目前為止 nba 共有 14 人 確診 新冠肺炎 其中 只有 戈貝爾 米契爾 伍德 杜蘭特 與 斯馬特 公佈 確診 剩下 9 人 皆 因 保護 隱私權 而 未 公佈 但 連 nba 總裁 席爾佛都 坦承 nba 球員 等同 超級 傳播 者 確診 名單 到底 要 不 要 公佈 呢 其實 公佈 確診 名單 與否 確實 相當 兩難 因為 美國 向來 重視 隱私權 絕對 不 希望 確診 名單 外流 造成 民眾 一定 程度 恐慌 所以 才讓 espn 記者 沃納洛斯基 the athletic 記者 查拉尼亞 兩 大 爆 料 天王 也 都 不再 曝光 中 鏢 者 姓名 如此一來 反而 造成 謠言 四起 危機 像是 只 有 杜蘭特 跳出 來 承認 確診 的 籃 網 一度 謠傳 另 3 人 是 厄文 丁維迪 與 利佛 特等 主力 讓 籃 網 只能 透過 官方 微博 澄清 湖 人 中鋒 麥基 也 面臨 同樣 處境 迫使 他 的 妹妹 也 發 推 強調 哥哥 檢測 陰性 如同 席爾佛 所說 nba 球星 等同 超級 傳播 者 因為 他們 先前 都 在 上萬 球迷 面前 比賽 也 跟 球迷 面對面 接觸 或 簽名 合 照 只要 外界 不 清楚 到底 是 誰 中 鏢 難免 引起 先前 曾跟 這些 球員 接觸 過 的 球迷 相當 恐慌 甚至 開始 有人 亂 放假 消息 造謠 或許 更加 惡劣 的 是 像是 籃 網 湖 人 爵士 塞爾提克 活塞 等 隊 都 直接 坦承 球員 確診 反觀 七六 人 與 金 塊 卻 只 公佈 球 團 人員 中 鏢 讓 當地 民眾 恐慌 心態 更加 嚴重 畢竟 所謂 球 團 人員 範圍 很 廣 搞不好 球場 收票員 就是 確診 名單 之一 既然 不管 公佈 與否 都會 製造 恐慌 nba 各隊 為 何不 乾脆 一點 直接 公佈 確診 名單 還是 反正 美國 的 防疫 觀念 本來 就 很 薄弱 知不知道 確診 名單 根本 也 沒 差別 就 怕 再 繼續 隱瞞 下去 美國 的 新冠 疫情 只 會 越來越 嚴重 也 越來越 找 不 到 源頭</t>
  </si>
  <si>
    <t>大陸 31 省 市 29 日 總計 新增 31 例 新冠肺炎 確診 其中 30 例 為 境外 輸入 新增 死亡 4 例 均 在 湖北 大陸 國家 衛健 委 30 日 資料 顯示 29 日 大陸 新增 確診 31 例 中 本土 病例 1 例 位於 甘肅 其 餘 30 例 過為 境外 輸入 新增 死亡 病例 4 例 均 在 湖北</t>
  </si>
  <si>
    <t>大陸 31 省 市 29 日 總計 新增 31 例 新冠肺炎 確診 其中 30 例 為 境外 輸入 新增 死亡 4 例 均 在 湖北 大陸 國家 衛健 委 30 日 資料 顯示 29 日 大陸 新增 確診 31 例 中 本土 病例 1 例 位於 甘肅 其 餘 30 例 過為 境外 輸入 新增 死亡 病例 4 例 均 在 湖北 截至 3 月 29 日 24 時 大陸 累計 確診 病例 81470 例 累計 治癒 出院 病例 75770 例 累計 死亡 病例 3304 例 累計 追蹤 到 密切接觸 者 704190 人 尚在 醫學觀察 的 密切接觸 者 19235 人</t>
  </si>
  <si>
    <t>臺灣 一旦 新冠肺炎 疫情 擴散 下 一 步 很 可能 社區 傳播 民眾 該 如何 防範 醫師 表示 勤洗手 落實 個人 衛生習慣 是 不二法門 家族 儘量減少 聚餐 勿 與 不 認識 的 人 親密 交談 若 無法 避免 交談 最 安全 的 距離 是 3 公尺 避免 飛 沫</t>
  </si>
  <si>
    <t>新冠肺炎 疫情 持續 惡化 坊 間 全面 禁食 野味 的 呼聲 愈來愈 高 福建省 18 日 通過 全面 禁食 野味 規定 任何 單位 和 個人 不得 生產 經營 使用 禁食 的 野生動物 及其 製品 製作 的 食品 東網 報導 福建省 十三 屆 人大 常委會 第 十六 次</t>
  </si>
  <si>
    <t>新冠肺炎 疫情 持續 惡化 坊 間 全面 禁食 野味 的 呼聲 愈來愈 高 福建省 18 日 通過 全面 禁食 野味 規定 任何 單位 和 個人 不得 生產 經營 使用 禁食 的 野生動物 及其 製品 製作 的 食品 東網 報導 福建省 十三 屆 人大 常委會 第 十六 次 會議 通了 關於 革除 濫 食 野生動物 陋習 切實 保障 人民 群眾 生命 健康 安全 的 決定 下 稱 決定 對 禁止 食用 野生動物 及其 製品 的 範圍 相關 違法行為 有關 部門 職責 和 法律責任 作出 明確規定 並 由 即日起 實施 決定 從 四方 面 明確 了 禁止 食用 的 野生動物 及其 製品 的 範圍 包括 國家 重點保護 的 野生動物 該省 重點保護 的 野生動物 國務院 動 保 主管部門 公佈 的 有 重要 生態 科學 社會 價值 的 陸生 野生動物 和 在 野外 環境 中 自然 生長 繁殖 的 其他 陸生 野生動物 以及 法律 法規 和 國家 省 有關 規定 禁止 食用 的 其他 野生動物 決定 同時 明確 了 該省 依法 對 野生動物 食用 實行 名錄 管理制度 由 林業 主管部門 會同 漁業 市 監 等 主管部門 制定 報 福建省政府 批准 後 公佈 實施 另外 決定 強調 要 監管 野味 產業 明確規定 任何 單位 和 個人 不得 生產 經營 使用 禁食 的 野生動物 及其 製品 製作 的 食品 不得 以 食用 或 生產 經營 食品 為 目的 獵捕 買賣 儲存 運輸 禁止 食用 的 野生動物 及其 製品 報導 說 包括 網路平臺 在內 所有 交易 餐飲 運輸 倉儲 快遞 等 經營者 不得 為 相關 交易 提供 服務 餐飲業 不得 以 禁止 食用 的 野生動物 及其 製品 的 名稱 別稱 圖案 等 製作 廣告 招牌 菜譜 等 招攬 誘導 顧客 為 打擊 食用 野味 等 違法行為 決定 明確規定 構成 違反 治安管理 行為 的 由 公安機關 處罰 構成犯罪 的 追究 刑事責任 同時 違反 決定 受到 行政處罰 的 將 查處 的 違法 訊息 納入 信用 資訊 平臺 依法 實施 聯合 懲戒</t>
  </si>
  <si>
    <t>新冠肺炎 蔓延 義 大利 成為 重災區 大陸 因而 捐 了 一 批 口罩 給 義 大利 但 沒 想到 因為 品質惡劣 而 登 上 國際 新聞 今 有 媒體 起 底 做 這 批 口罩 的 公司 背景 赫然 發現 竟 有 台資 背景 讓 陸 網友 不平 表示 害 大陸 背黑鍋 據 法 廣 報導</t>
  </si>
  <si>
    <t>新冠肺炎 蔓延 義 大利 成為 重災區 大陸 因而 捐 了 一 批 口罩 給 義 大利 但 沒 想到 因為 品質惡劣 而 登 上 國際 新聞 今 有 媒體 起 底 做 這 批 口罩 的 公司 背景 赫然 發現 竟 有 台資 背景 讓 陸 網友 不平 表示 害 大陸 背黑鍋 據 法 廣 報導 因為 品質 不良 問題 許多 國家 相繼 退貨 來自 大陸 的 防疫 用品 這 讓 大陸 感到 非常 難堪 對此 中國商務部 13 日 深夜 公告 停止 北京 啟迪 區塊 鏈 科技 發展 有限公司 愛寶 達 科技 深圳 有限公司 兩 家 公司 防疫 用品 出口 不過 陸媒 查詢 大陸 國家 企業信用 資訊 公示官 網 系統 赫然 發現 其中 一 間 愛寶 達 科技 公司 竟 有 台資 企 背景 據 新浪 香港 報導 愛寶 達 科技 深圳 有限公司 成立 於 2016 年 11 月 註冊資本 為 1000萬 元 公司 執行 董事 總經理 為 自然人 黃子芸 公司 人數 少於 50 人 類型 是 台港 澳 法人 獨資 據 工商 基本 資訊 表示 該 公司 一般 經營專案 是 電子產品 電器產品 音視頻 電子 設備 電子白板 的 設計 開發 和 批發 還有 口罩 消毒水 防護衣 防護眼鏡 一次性 手套 額 溫槍 滅火 毯 警用 器材 治安 器材 刑事 技術 器材 保安器 材 道路交通 安全器材 消防安全 器材 安全 防護 產品 的 批發 與 零售</t>
  </si>
  <si>
    <t>九 把 刀 岳母 主動脈 剝離 新冠肺炎 臺灣</t>
  </si>
  <si>
    <t>新冠肺炎 帶來 的 口罩 供需 失衡 在 實 名 制 限量 的 政策 方向 下 藉 著 過往 良好 的 健 保 藥局 體系 包括 資訊 體系 及 開放 資料 在 公民 協力 運作 下 快速 建立 起 物流 及 資訊 流 讓 政策 可 具體 全面 執行 且 將 訊息 直接 連結 民眾 需求 這些</t>
  </si>
  <si>
    <t>克拉克 阿爾登 紐西蘭 新冠肺炎 疫情</t>
  </si>
  <si>
    <t>新冠肺炎 臺灣 百貨 廣場 三峽</t>
  </si>
  <si>
    <t>紐西蘭 為 防止 新冠肺炎 疫情 擴散 臺北 時間 14 日 公佈 全球 最 嚴 的 邊境 管制 措施 要求 所有 入境 旅客 包括 其 本國 公民 自 周日 15 日 淩晨 起 自我 隔離 14 天 所有 郵輪 6 月 30 日前 都 不得 停靠 紐西蘭 港口 目前 紐西蘭 已 有 6 例 新冠</t>
  </si>
  <si>
    <t>紐西蘭 為 防止 新冠肺炎 疫情 擴散 臺北 時間 14 日 公佈 全球 最 嚴 的 邊境 管制 措施 要求 所有 入境 旅客 包括 其 本國 公民 自 周日 15 日 淩晨 起 自我 隔離 14 天 所有 郵輪 6 月 30 日前 都 不得 停靠 紐西蘭 港口 目前 紐西蘭 已 有 6 例 新冠肺炎 確診 雖然 還 沒有 死亡 病例 但 總理 傑 辛達·阿爾登 認為 如果 缺乏 有效 防疫 措施 確診 病例 數 一定 會 提高 路透社 報導 傑 辛達 阿爾登 強調 為 防範 疫情 在 紐西蘭 擴散 有 必要 採取 極端 措施 除了 以色列 和 少數 已 有效 關閉 邊界 的 太平洋 島嶼 此 一 決定 代表 紐西蘭 將 擁有 比 全球 任何 國家 範圍 最 廣 最 嚴格 的 邊境 管制 我們 必須 盡 一切 努力 保護 紐西蘭人 的 健康</t>
  </si>
  <si>
    <t>紐西蘭 新冠 新冠肺炎 疫情 肺炎</t>
  </si>
  <si>
    <t>按摩師 確診 新冠肺炎 臺灣 高雄</t>
  </si>
  <si>
    <t>bnt 校園 接種 陳時中 新冠肺炎 臺灣</t>
  </si>
  <si>
    <t>紓困 特別 條例 修正案 行政院 蘇貞昌 龔明 鑫 新冠肺炎</t>
  </si>
  <si>
    <t>新冠肺炎 臺灣 陳時中 監測 柯文哲</t>
  </si>
  <si>
    <t>永康 公園 戴 口罩 永康 警 分局 新冠肺炎</t>
  </si>
  <si>
    <t>因應 新冠肺炎 疫情 英國 已經 封城 一個 多 月 這 段 期間 學校 關閉 學生 在 家 自學 英國王室 也 不 例外 喬治 王子 prince george 與 夏綠 蒂 公主 princess charlotte 在家 學習 媽媽 凱特 王妃 爆 料 小 喬治會 對 妹妹 吃醋 因</t>
  </si>
  <si>
    <t>英國王室 喬治 王子 夏綠 蒂 公主 凱特 王妃 新冠肺炎</t>
  </si>
  <si>
    <t>香港 連續 第 三 日新冠肺炎 零 確診 恒生指數 兩 日 累計 上漲 744 點 後 29 日 上午 創 七 周來新 高 恒生指數 29 日 高 開 210 點 報 24786 點 重返 50 天線 約 24600 點 一度 上漲 279 點 至 24855 點 創 3 月 11 日 以來 新高 隨後 漲幅 收</t>
  </si>
  <si>
    <t>香港 連續 第 三 日新冠肺炎 零 確診 恒生指數 兩 日 累計 上漲 744 點 後 29 日 上午 創 七 周來新 高 恒生指數 29 日 高 開 210 點 報 24786 點 重返 50 天線 約 24600 點 一度 上漲 279 點 至 24855 點 創 3 月 11 日 以來 新高 隨後 漲幅 收 窄 截至 上午 11 時 5 分 報 24658 點 上漲 034 截至 29 日 上午 11 時 5 分 國企 指數 報 10043 點 上漲 06 香港 信 報 報導 科技 股 29 日 上午 走軟 個股 方面 騰訊 跌 01 報 4166 港元 阿裡巴巴 跌 1 另一方面 香港 復蘇 概念 股 表現 亮 眼 九 倉 置業 現 漲 34 暫為 表現 最佳 藍 籌 股 領 展 也 漲 近 2 新世界 漲 近 1</t>
  </si>
  <si>
    <t>新冠肺炎 臺灣 洪孟楷 自主 管理 開會</t>
  </si>
  <si>
    <t>新冠肺炎 臺灣 清 消 天母 早餐 店</t>
  </si>
  <si>
    <t>興達港 人潮 停業 群 聚 新冠肺炎</t>
  </si>
  <si>
    <t>27 歲 英國 創作 才子 山姆史密斯 sam smith 19 日 才 在 女神 卡卡 lady gaga 策劃 的 防疫 慈善 演唱會 上 大 秀 歌藝 不料 隔 天 他 卻 自 爆 曾 罹 患 新冠肺炎 山姆 接受 apple music 的 zane lowe 訪問 表示 在 上月 23 日 英國 封城 的 前 2 周</t>
  </si>
  <si>
    <t>新冠肺炎 陳其邁 唐鳳 口罩 實 名 制 2 0</t>
  </si>
  <si>
    <t>新冠肺炎 疫情 延 燒 雙北 防疫 工作 也 成 注目 焦點 媒體 詢問 新北 市 防疫 做 得 很 好 外界 認為 臺北市 長 柯文哲 一直 想要 追上 新北 腳步 雙北 市長 是否 有心 結 侯友宜 回應 別人 怎麼 做 我 都 尊重 新北 市 一定 要 走 在 最 前面 侯友宜</t>
  </si>
  <si>
    <t>新冠肺炎 疫情 延 燒 雙北 防疫 工作 也 成 注目 焦點 媒體 詢問 新北 市 防疫 做 得 很 好 外界 認為 臺北市 長 柯文哲 一直 想要 追上 新北 腳步 雙北 市長 是否 有心 結 侯友宜 回應 別人 怎麼 做 我 都 尊重 新北 市 一定 要 走 在 最 前面 侯友宜 表示 新北 市 第一時間 阻絕 於 境外 管 控 境內 做好 超前 部署 重申 防疫 只 有 過 沒有 不及 不要 等 事 後 在 出來 的 時候 才說 早 知道 我 覺得 多 做 絕對 沒有 錯 而且 更 嚴格 的 管控 能夠 確保 國人 的 健康 安全 生命 是 無法 取代 在 現階段 只有 防疫 優先 侯友宜 說 嚴格 管 控 預期 能夠 舒緩 才是 我 應盡 的 責任 別人 怎麼 做 我 都 尊重 最 重要 的 是 我們 新北 市 一定 要 坐在 最 前面 不然 要 做到 最 到位 一 步 一 腳印 跟 第一線 夥伴 站 在 一起 才 知道 他們 的 落實 程度 不能 程度 底下 沒有 落實 也 是 白講</t>
  </si>
  <si>
    <t>飯店 沒 因 新冠肺炎 疫情 降價 背後 原因 曝光</t>
  </si>
  <si>
    <t>過去 海峽 論壇 通常 都 在 每年 6 月份 舉辦 今年 因為 以 新冠 疫情 防疫 為 優先 考量 本屆 論壇 推遲 到 12 月 才 舉辦 持續 舉辦 海峽 論壇 不 中斷 主辦單位 表示 這 充分 彰 顯 了 兩岸 同胞 希望 兩岸關係 和平 發展 積極 探索 融合 發展 的 主流 民意 第 十三 屆 海峽 論壇 的 會前 記者會 今天 9 日 下午 舉行 有 台 媒 提問 一 往屆 海峽 論壇 通常 都 在 6 月份 舉辦 本屆 論壇 推遲 到 12 月 才 舉辦 主要 出於 什麼樣 考慮 二 繼續 舉辦 海峽 論壇 能 為 兩岸 帶來 什麼 訊息 海峽 論壇 組委會 辦公室 副 主任 福建省政府 台 港澳 事務 辦公室 副 主任 鍾 志剛 表示 在 籌畫 今年 海峽 論壇 的 過程 中 主辦單位 始終 把 民眾 的 生命安全 和 身體健康 放在首位 始終 把 疫情 防控 放在 優先 考慮 的 位置 鍾 志剛 表示 今年以來 面對 複雜 嚴峻 的 疫情 防控 形勢 福建省 認真 貫徹 黨中央 國務院 決策 部署 堅持 依法 防控 科學 防控 精准 防控 慎終如始 毫不放鬆 地 做好 外防 輸入 內防 反彈 工作 積極 團結 在 閩 臺胞 台 企 做好 防疫 的 各項 工作 堅決 打 好 打 贏 抗擊 疫情 的 福建 戰役 各級 台 港澳辦 深入 各地 台 協會 台企 台青 基地 一線 做 好 政策 諮 詢 引導 台企 做好 疫情 防控 和 生產 管理 鍾 志剛 表示 在 閩 的 廣大 臺胞 台 企 迅速行動 積極回應 踴躍 捐款捐物 爭當 志願者 製作 抗 疫 歌曲 慰問 一線 防疫 工作人員 與 當地 民眾 同舟共濟 同心 抗 疫 截至 目前 福建省 新冠 疫情 防控 有序 有效 在 閩 臺胞 台 企 未 發生 新冠肺炎 疫情 感染 情況 這 是 主辦單位 決定 在 12 月 舉辦 本屆 海峽 論壇 的 主要 考慮 在 這種 情況 下 繼續 舉辦 海峽 論壇 帶來 什麼樣 的 訊息 鍾 志剛 表示 有 一 句 老話 好 飯 不怕 晚 本屆 論壇 的 舉辦 時間 雖然 推遲 了 但 這 是 在 中共 建黨 百年 大 背景 下 黨 的 十九 屆 六中全會 召開 後 在 當前 疫情 防控 常態 化 形勢 下 舉辦 的 今年 最 大 規模 的 兩岸民間 交流活動 兩岸 各界 對 舉辦 本屆 海峽 論壇 依然 充滿 期待 熱情 不減 充分 彰 顯 了 兩岸 同胞 希望 兩岸關係 和平 發展 積極 探索 融合 發展 的 主流 民意 鍾 志剛 表示 不論 遇到 什麼 困難 和 干擾 海峽 論壇 這個 兩岸 民間 溝通 交流 的 重要 平臺 都將 繼續 發揮 助推 兩岸 交流 合作 弘揚 中華文化 促進 兩岸 同胞 心靈 契合 等 獨特 作用 人生 所 貴在 知己 四海 相逢 骨肉 親 海峽 論壇 的 持續 舉辦 充分 彰 顯 了 兩岸 同胞 是 命運 與共 的 一家人 充分 彰 顯 了 大陸 願意 以 最 大 誠意 盡 最 大 努力 繼續 推動 兩岸關係 和平 發展 融合 發展 的 信心 決心 和 能力</t>
  </si>
  <si>
    <t>新冠肺炎 臺灣 海峽 論壇 疫情 防疫</t>
  </si>
  <si>
    <t>新冠肺炎 讓 觀光業 奄奄一息 政府 給 了 紓困 的 續命丸 後 再 撐 3 個 月 應該 不難 問題 在於 未來 這 幾 個 月 不該 是 啃 著 政府 給 的 饅頭 過日子 觀光 產業 同樣 要 有 超前 部署 的 自覺 否則 過 了 這 村 未必 有 店 年輕人 對 國旅</t>
  </si>
  <si>
    <t>新冠肺炎 讓 觀光業 奄奄一息 政府 給 了 紓困 的 續命丸 後 再 撐 3 個 月 應該 不難 問題 在於 未來 這 幾 個 月 不該 是 啃 著 政府 給 的 饅頭 過日子 觀光 產業 同樣 要 有 超前 部署 的 自覺 否則 過 了 這 村 未必 有 店 年輕人 對 國旅 有種 莫名 的 排斥 原因 很 簡單 就是 性 價 比 太 低 平心而論 國旅 還 真 的 不 便宜 交通 加上 住宿 隨隨便便 就 破 萬 難怪 有 去 墾 丁 不如 去 沖繩 的 說法 這 回新冠肺炎 各國 下達 鎖國 令 短期 內 出 不了 國 過往 對 國旅 不屑一顧 但 這 回想 出去 透透氣 只 剩 國旅 可以 選 卻 也 給 了 國旅 能 翻身 的 絕佳 機會 畢竟 當 全台 飯店 都 打到 骨折 不是 買一送一 半價 優惠 就 是 可 抵 餐飲 這樣 的 價位 慢慢 貼近 國人 認為 國旅 應該 有 的 價值 國人 也 就 願意 掏錢 需求 應運而生 對 業者 來說 要 活 下去 終歸 要 靠 自己 要 有 客人 要 有 營 收 要 有 現金 流 短期 促銷 就 像 秋冬 補助 一樣補助 一 沒了 沖 著 便宜 來 的 人 就 少 了 如果 外國 觀光客 補 不 上 到頭來 還是 沒 輒 未來 這 3 個 月 是 危機 卻 也 是 轉機 如同 抗 疫 一樣 在 面對 威力 強大 的 經濟 病毒 時 不管 是 人才 精進 或是 設備 的 汰舊換新 都 要 超前 部署 才 有 機會 重 生 否則 3 個 月 過去 當 政府 的 插管 拔 了 終究 只 能 躺 在 加 護 病房 內 等 死 等於 白 救</t>
  </si>
  <si>
    <t>陸新冠肺炎 死亡 3 042 人 累計 確診 逾 8萬 例</t>
  </si>
  <si>
    <t>大陸 國家 衛生 健康 委員會 3 月 6 日 公佈 3 月 5 日 全 大陸 31 個 省 和 新疆生產建設兵團 報告 新冠肺炎 新增 確診 病例 143 例 新增 死亡 病例 30 例 湖北 29 例 海南 1 例 新增 疑似病例 102 例 新增 治癒 出院 病例 1681 例 截至 3 月 5 日 全大</t>
  </si>
  <si>
    <t>大陸 國家 衛生 健康 委員會 3 月 6 日 公佈 3 月 5 日 全 大陸 31 個 省 和 新疆生產建設兵團 報告 新冠肺炎 新增 確診 病例 143 例 新增 死亡 病例 30 例 湖北 29 例 海南 1 例 新增 疑似病例 102 例 新增 治癒 出院 病例 1681 例 截至 3 月 5 日 全 大陸 31 個 省 和 新疆生產建設兵團 累計 報告 新冠肺炎 現有 確診 病例 23784 例 其中 重症 病例 5737 例 累計 治癒 出院 病例 53726 例 累計 死亡 病例 3042 例 累計 報告 確診 病例 80552 例 現有 疑似病例 482 例</t>
  </si>
  <si>
    <t>護理 師 疫情 臺灣 蔡英文 新冠肺炎</t>
  </si>
  <si>
    <t>印度 是 全球 仿製 藥 生產 大國 有 世界 藥房 的 美譽 印度 總理 莫迪 narendra modi 去年 才說 印度 將 製造 足夠 的 疫苗 幫助 全人類 幾 個 月 不到 印度 卻 落 得 新冠 疫情 失控 國內 疫苗 不夠 的 窘境 美 媒 分析 印度 陷入 窘境 的 原因 包括 過份 自信 缺乏 計畫 等 美聯社 分析 第 一個 原因 在於 印度 官員 在 好幾 個 事項 方面 都 措手不及 例如 批准 疫苗 緊急 使用 授權 的 速度 印度 官方 一直 假定 直到 2021 年 中 才 有 可能 接種 疫苗 同一時間 印度 也 對 其他 國家 亮 綠燈 承諾 儘快 提供 疫苗 迫使 印度 面臨 內外 壓力 除了 滿足 國內 所 需 也 要 對 其他 國家 履行 承諾 印度政府 原本 計畫 8 月 前 讓 14億 人口 中的 3億 人 接種 疫苗 不過 印度 獲得 的 疫苗 從來 就 不曾 接近 這個 數字 政府 只是 假定 能夠 生產 足夠 的 疫苗 應付 國內外 所 需 印度 第一 波 疫情 控制 得當 莫迪 1 月 在 世界經濟論壇 world economic forum 的 線 上 會議 中 向 全世界 宣佈 印度 擊敗 新冠肺炎 高調 指出 印度 的 成功 將 能 幫助 全世界 那時 印度 才剛 開始 讓 醫護 接種 疫苗 莫迪 說 短短 12 天 就讓 超過 230萬 醫護 施打 疫苗 明顯 沉浸 在 疫苗 外交 的 初期 成功 之中 不過 專家 指出 事後 看來 印度政府 當時 做 了 危險 的 失算 境內 疫情 即將 爆發 印度 科學 教育 與 研究所 indian institute of science education and research 免疫系統 專家 巴爾 vineeta bal 指出 比起 慶祝 擊敗 病毒 政府 當時 更 應該 為 未來 作 規 畫 我 不 知道 為什麼 沒有 人 想到 沒有 人 計算 印度 到底 需要 多少 劑 疫苗 即便 後來 開始 趕 工 製造 疫苗 印度 又 碰上 生產 問題 印度 目前 有 2 座 主要 的 疫苗 生產商 包括 印度 血清 研究所 serum institute of india 及 巴拉特 生物科技 國際公司 bharat biotech 前者 主要 製造 az 疫苗 後者 生產 自主 研發 的 covaxin 疫苗 事實上 在 印度 批准 疫苗 的 緊急 使用 授權 前 這 2 家 生產商 早 在 去年 就 開始 生產 疫苗 不過 在 擴大 生產 規模 時 2 家 公司 都 面臨 瓶頸 印度 血清 研究所 執行長 普 那瓦勒 adar poonawalla 指出 1 月 疫苗 工廠 發生 大火 加上 美國 對 疫苗 原 物料 出口 實施 禁運 都 造成 供應 受阻 他 說 原 物料 供應 中斷 最 長 可能 造成 6 個 月 供應 延遲 印度 血清 研究所 原本 計畫 每個 月 生產 1億 劑 疫苗 不過 目前 頂多 只 能 生產 6000萬 劑 疫苗 巴拉特 生物科技 國際公司 原本 稱 2021 年 能夠 生產 7億 劑 疫苗 不過 目前 每個 月 最 多 只 能 生產 1000萬 劑 為了 壓制 疫情 印度政府 加速 疫苗 施打計 畫 1 日 開放 所 有 成年人 接種 疫苗 目前 印度 一共 獲得 196億 劑 疫苗 其中 1000萬 劑 由 全球 取得 機制 covax 提供 印度 更進一步 批准 俄羅斯 衛星 -v 疫苗 sputnik v 的 緊急 使用 授權 20萬 劑 sputnik v 疫苗 已 在 上周 抵 印 政府 預估 8 月 至 12 月 將 會 再 取得 20億 劑 疫苗 包括 75億 劑 由 印度 血清 研究所 生產 的 az 疫苗 55億 劑 covaxin 疫苗 以及 156億 劑 俄羅斯 疫苗 目前 印度 約 有 4100萬 人 完整 接種 疫苗 另外 104億 人 已經 接種 1 劑 疫苗</t>
  </si>
  <si>
    <t>新冠肺炎 全球 印度 疫苗 不夠 世界 藥房</t>
  </si>
  <si>
    <t>新冠肺炎 高峰論壇 7 24 登場</t>
  </si>
  <si>
    <t>陸新冠肺炎 死亡 2870 人 累計 確診 7 9萬 例</t>
  </si>
  <si>
    <t>大陸 國家 衛生 健康 委員會 3 月 1 日 公佈 2 月 29 日 全 大陸 31 個 省 和 新疆生產建設兵團 報告 新冠肺炎 新增 確診 病例 573 例 新增 死亡 病例 35 例 湖北 34 例 河南 1 例 新增 疑似病例 132 例 新增 治癒 出院 病例 2623 例 截至 2 月 29 日 全</t>
  </si>
  <si>
    <t>大陸 國家 衛生 健康 委員會 3 月 1 日 公佈 2 月 29 日 全 大陸 31 個 省 和 新疆生產建設兵團 報告 新冠肺炎 新增 確診 病例 573 例 新增 死亡 病例 35 例 湖北 34 例 河南 1 例 新增 疑似病例 132 例 新增 治癒 出院 病例 2623 例 截至 2 月 29 日 全 大陸 31 個 省 和 新疆生產建設兵團 累計 報告 新冠肺炎 現有 確診 病例 35329 例 其中 重症 病例 7365 例 累計 治癒 出院 病例 41625 例 累計 死亡 病例 2870 例 累計 報告 確診 病例 79824 例 現有 疑似病例 851 例 北京青年報 3 月 1 日 報導 2 月 29 日 大陸 著名 肺 移植 專家 陳靜瑜 團隊 在 無錫 成功 進行 全球 首例 新冠肺炎 雙 肺 移植手術 患者 為 59 歲 男性 確診 新冠肺炎 後 經過 插管 ecmo 及 藥物 治療 後 連續 核酸 檢測 呈 陰性 但 雙 肺 功能 已 嚴重 受損 且 不 可逆 患者 術 後 狀態 平穩 報導 援引 業內 專家 認為 此 例新冠肺炎 危重症 病例 肺 移植 救治 手段 對 降低 死亡率 有 較 大 意義</t>
  </si>
  <si>
    <t>新冠肺炎 確診 病例 疑似病例 新增 確診</t>
  </si>
  <si>
    <t>養老院 聖誕老人 耶誕節 老人 新冠肺炎</t>
  </si>
  <si>
    <t>南韓 中央 防疫 對策 本部 9 月 1 日 表示 今日 較 昨日 新增 235 件 新冠肺炎 病例 累計 確診 人數 已 突破 2萬 新 症 連續 3 天 維持 在 300 人 以下 但 重症 患者 案例 數量 明顯 飆 升 較 2 周 前 增加 11 倍 之 多 新增 病例 以 本地 感染 占 絕大多數 多數</t>
  </si>
  <si>
    <t>南韓 中央 防疫 對策 本部 9 月 1 日 表示 今日 較 昨日 新增 235 件 新冠肺炎 病例 累計 確診 人數 已 突破 2萬 新 症 連續 3 天 維持 在 300 人 以下 但 重症 患者 案例 數量 明顯 飆 升 較 2 周 前 增加 11 倍 之 多 新增 病例 以 本地 感染 占 絕大多數 多數 位於 首都 圈 包括 首 爾 京 畿 道 仁川 另外 2 周內 有 逾 百 名 患者 情況危急 累計 死亡 病例 共 324 人 疾病 管理 本部 稱 過去 2 周內 逾 3 成 確診 患者 都 超過 60 歲 且 感染 源頭 不 明 的 個案 持續 攀升 情況 令人擔憂</t>
  </si>
  <si>
    <t>南韓 確診 新冠肺炎 重症 疫情</t>
  </si>
  <si>
    <t>38 歲 南韓 長 腿 男 神 趙寅成 驚 傳 入院 治療 由於 現在 新冠肺炎 疫情 緊張 讓 大批 粉絲 相當 擔心 所屬 經紀 公司 2 日 立即 出面 回應 病因 趙寅成 爆出 住院 後 經紀 公司 iokcompany 就 發聲 表示 趙寅成 2 月底 完成 電影 摩 加迪休</t>
  </si>
  <si>
    <t>38 歲 南韓 長 腿 男 神 趙寅成 驚 傳 入院 治療 由於 現在 新冠肺炎 疫情 緊張 讓 大批 粉絲 相當 擔心 所屬 經紀 公司 2 日 立即 出面 回應 病因 趙寅成 爆出 住院 後 經紀 公司 iokcompany 就 發聲 表示 趙寅成 2 月底 完成 電影 摩 加迪休 暫 譯 的 拍攝 後 突然 感到 膝蓋 疼痛 目前 住院 接受 治療 中 並 透露 他 僅 接受 簡單 的 小 手術 預計 近日 就 會 出 院 另外 外界 猜測 趙寅成 是否 因為 拍 電影 才受 的 傷 摩 加迪休 方面 就 回應 電影 已經 順利 拍 完 澄清 趙寅成 膝蓋 手術 和 電影 沒 任何 關係</t>
  </si>
  <si>
    <t>新冠肺炎 疫情 趨 緩 視 訊 診療 門診 使用 人次 下降</t>
  </si>
  <si>
    <t>因應 新冠肺炎 疫情 需要 衛福部 健 保署 今年初 開放 隔離 檢疫 自主 健康 管理者 使用 視 訊 診療 5 月 進一步 擴大開放 至 門診病人 近期 新冠肺炎 疫情 趨 緩 視 訊 診療 的 使用 人次 也 有所 下降 根據 健 保 署 統計 視 訊 診療 的 使用 人次 已</t>
  </si>
  <si>
    <t>因應 新冠肺炎 疫情 需要 衛福部 健 保署 今年初 開放 隔離 檢疫 自主 健康 管理者 使用 視 訊 診療 5 月 進一步 擴大開放 至 門診病人 近期 新冠肺炎 疫情 趨 緩 視 訊 診療 的 使用 人次 也 有所 下降 根據 健 保 署 統計 視 訊 診療 的 使用 人次 已 從 6 月 的 高峰 7萬 人 降 至 9 月 的 1萬 人 健 保 署 已 在 搜集 意見 討論 疫 後 如何 留住 視 訊 診療 健 保 署 副 署長 蔡淑鈴 今 出席 全民 健 保 通訊 診療 政策 的 經驗 與 展望 研討會 分享 視 訊 診療 遠 距 醫療 的 執行 現況 及 未來 方向 新冠肺炎 疫情 在 2020 年 爆發 帶動 了 0 接觸 醫療 需求 oecd 國家 以 視 訊 診療 取代 面對面 看 診 而 基層 診所 便 在 其中 扮演 重要 角色 蔡淑鈴 表示 oecd 國家 推動 視 訊 診療 有 許多 阻礙 必須 克服 包括 文化 上 能 不能 接受 法律 只 不 支持 保險 是否 支付 配備 是否 到位 以及 民眾 的 數位 落差 城鄉 差距 及 隱私 保護 美國 一 項 近期 出版 的 研究 收錄 了 2020 年初 至 6 月 期間 疫情 最 嚴峻 24 周 的 分析 發現 當時 總 門診量 大幅 下降 而 視 訊 診療 取代 了 很 大 部分 面對面 的 門診 但 各州 仍 因 疫情 不同 保險 人口 數位 落差 等 因素 而 有所 差距 該 研究 也 發現 民眾 延緩 疾病 治療 將 導致 疾病 嚴重度 上升 尤其 是 慢性病 而 這些 疾病 在 疫 後 導致 疾病 發生率 死亡率 上升 臺灣 因 山地 離 島 多 人口 分散 而 無法 享有 就醫 平權 健 保 署 為此 在 2018 年 發佈 通訊 診察 治療 辦法 允許 山地 離 島 偏僻地區 民眾 透過 遠 距 醫療 進行 偵察 今年 因應 新冠肺炎 疫情 也 開放 隔離 檢疫 自主 健康 管理者 使用 視 訊 診療 並 在 5 月 進一步 開放 至 門診病人 最高峰 的 使用量 為 7萬 人次 月 以北 榮為 例 在 5 月 疫情 最 嚴峻 時 開放 視 訊 診療 門診 以 通話 line 視 訊 2 種 方式 允許 病情 穩定 的 慢性病 患 使用 北 榮 心臟 內科 主治醫師 李慶威 表示 為 避免 民眾 被 詐騙 以 醫院 app 繳費 兒女 若 在 國外 也 可 協助 繳費 試用期 間 有 近 9 成 民眾 準時 繳費 而 8 成 以上 對 北 榮 的 通話 視 訊 診療 非常 滿意 根據 健 保 署 統計 視 訊 診療 門診 的 使用 人次 已 隨 疫情 趨 緩 而 下降 從 6 月 的 7萬 降 至 7 月 的 5萬8 月 的 3萬 以及 9 月 的 1萬 蔡淑鈴 表示 未來 的 疫情 無法 掌 控 而 視 訊 診療 仍然 會 保留 在 關鍵時刻 都 可 拿 出來 用 但是 疫情 之後 要 如何 留住 這項 途徑 還 需要 研究 至於 偏 鄉 的 遠 距 醫療 則 是 進行式 今年 的 預算 為 1億 元 明年 將 提高 健 保 署 也 搜集 各界 意見 包括 未來 視 訊 診療 是否 延續 是否 可 推動 電子 處方 簽 以及 遠 距 醫療 如何 擴大 等 若 有 需要 也 會 修 法因 應</t>
  </si>
  <si>
    <t>新冠肺炎 臺灣 視 訊 診療 健 保 署 門診</t>
  </si>
  <si>
    <t>為了 遏 阻 新冠肺炎 確診 數 激增 而 重 啟 的 封鎖 措施 拖累 需求 與 產出 印度 製造業 在 7 月 加速 衰退 使 經濟 萎縮 惡化 的 機 率 升高 亞洲 第 三大 經濟體 印度 本 財政 年度 料 將 創下 自 1979 年 以來 最 嚴重 的 經濟 萎縮 最新 的 產業 調查 進一步 印</t>
  </si>
  <si>
    <t>為了 遏 阻 新冠肺炎 確診 數 激增 而 重 啟 的 封鎖 措施 拖累 需求 與 產出 印度 製造業 在 7 月 加速 衰退 使 經濟 萎縮 惡化 的 機 率 升高 亞洲 第 三大 經濟體 印度 本 財政 年度 料 將 創下 自 1979 年 以來 最 嚴重 的 經濟 萎縮 最新 的 產業 調查 進一步 印證 印度 慘澹 的 經濟 前景 財經 資料服務 公司 ihs markit 週一 公佈 日經 印度 7 月 製造業 採購 經理 人 指數 pmi 為 460 較 6 月 的 472 下滑 為 連續 第 4 個 月 處於 50 榮 枯 分界點 之下 並 創下 自 2009 年 3 月 來 維持 最久 的 萎縮 期 ihs markit 表示 這項 調查 顯示 主要 的 產出 與 新 訂單 分 項 指數 再度 加速 走跌 破壞 過去 兩 個 月 趨於穩定 的 趨勢 新 訂單 與 產出 進一步 下跌 顯示 儘管 工廠 再度 調 降價 格 但 整體 需求 仍然 疲弱 促使 企業 連續 第 4 個 月 減少 人 力 投入 與 產出 價格 持續 走跌 使 整體 通 膨 在 6 月 升 破 印度 央行 設定 之 2 6 中期 目標區 上限 後 反 轉 放緩 的 機 率 升高 這 可能 提供 印度 央行 更 多 進一步 寬鬆 政策 的 空間 為了 緩解 新冠肺炎 疫情 造成 的 經濟 衝擊 該 央行 自 3 月 以來 已經 調 降 基準利率 115 個 基點 市場 預期 該 央行 在 年底 前 將 再 降息 50 基點 該 pmi 調查 顯示 在 央行 可能 推出 更 多 貨幣 激勵 政策 的 預期 下 對 未來 12 個 月 的 企業 信心 指數 創下 5 個 月 新 高 印度 的 新冠肺炎 確診 數 在 全球排名 第 三 該國 政府 週一 公佈 過去 24 小時 新增 52972 個 感染 病例 使 累計 確診 數 達到 180萬 人 週一 印度 新冠肺炎 死亡 病例 增加 771 人 累計 達 38135 人 死於 這 場 疫病</t>
  </si>
  <si>
    <t>產出 印度 萎縮 製造業 新冠肺炎 確診</t>
  </si>
  <si>
    <t>林淑芬 國土 計 畫法 民間 業者 新冠肺炎 農田 工廠</t>
  </si>
  <si>
    <t>鈺 太 6679 第 三 季營 收 寫下 歷史 新高 今年 因 新冠肺炎 因素 看好 營運 將 出現 大幅度 成長 法人 樂觀 預估 鈺 太 2020 年 目標 營 收 將 成長 逾 20 以上 每股 獲利 最高 有 機會 上 看 7 元 鈺 太 第 三 季 營 收 517億 元 季 增加 1653 寫 下單</t>
  </si>
  <si>
    <t>鈺 太 6679 第 三 季營 收 寫下 歷史 新高 今年 因 新冠肺炎 因素 看好 營運 將 出現 大幅度 成長 法人 樂觀 預估 鈺 太 2020 年 目標 營 收 將 成長 逾 20 以上 每股 獲利 最高 有 機會 上 看 7 元 鈺 太 第 三 季 營 收 517億 元 季 增加 1653 寫 下單 季 營 收 新高 紀錄 累計 鈺 太 前 9 月 營 收 1327億 元 年 增 3146 另外 鈺 太 9 月 營 收 181億 元 月 增加 59 年 增加 4423 連續 6 個 月 寫 歷史 新 高 鈺 太 今年 受惠 新冠肺炎 衝擊 nb 需求 暢 旺 加上 目前 歐美 疫情 發燒 法人 樂觀 預估 鈺 太 2020 年 目標 營 收成 長 20 以上 甚至 有 機會 成長 30 毛利率 則 提升 2 3 每股 獲利 最高 有 機會 上 看 7 元 鈺 太 今年 主要 營 收成 長 仍 是 nb 有些 市 占 率 較 高 的 nb 供應商 訂單 能見度 看 到 明年 第一 季 其中 的 最 大 動能 來自 chromebook 因 廣達 2382 在 chromebook 有 60 70 市 占率 鈺 太 原來 就 是 廣達 供應商 另外 還 有 其他 營 收成 長 動能 來自 tws ps 5 tv 等 至於 毛利率 方面 鈺 太 提升 來自 於 品牌 客戶 對 供貨 品質 穩定度 要求 高及小 產品規格 升級 可以 抵銷 asp 每年 小幅 下滑</t>
  </si>
  <si>
    <t>澳門 自 18 日 零 時 起 將 禁止 除了 大陸 香港 和 臺灣 及 外地 雇員 身份 認 別 證 持有 者 以外 的 所有 非 本地 居民 進入 澳門特別行政區 據 央 視 報導 澳門 政府 考慮 到 新冠肺炎 疫情 在 全球 各地 不斷 擴散 為 防範 外來 感染 個案 的 輸入 保</t>
  </si>
  <si>
    <t>澳門 自 18 日 零 時 起 將 禁止 除了 大陸 香港 和 臺灣 及 外地 雇員 身份 認 別 證 持有 者 以外 的 所有 非 本地 居民 進入 澳門特別行政區 據 央 視 報導 澳門 政府 考慮 到 新冠肺炎 疫情 在 全球 各地 不斷 擴散 為 防範 外來 感染 個案 的 輸入 保障 澳門 居民 的 健康 作出 上述 批示 批示 還 規定 基於 公共利益 除非 防治 疾病 緊急 救援 以及 維持 澳門 正常 運作 或 居民 基本 生活 所 需 的 例外情況 衛生 當局 可 豁免 大陸 以外 的 非 本地 居民 遵守 禁止 入境 的 限制 據 瞭解 15 日 和 17 日 澳門 接連 新增 兩 例 輸入 新冠肺炎 確診 病例 結束 了 之前 連續 40 天 無 新 增 病例 的 良好 態勢 目前 澳門 已 累計 12 例 確診 病例 前 10 例 均 已 康復 出 院</t>
  </si>
  <si>
    <t>新冠肺炎 病毒 為 2020 年 全球 市場 掀起 滔天 巨變 全球 經濟 跌進 衰退 深淵 往年 成長 迅速 的 新興 市場經濟體 也 未能倖免 所幸 新冠肺炎 疫苗 研發 終於 在 2020 年 稍晚 傳出 振奮人心 的 消息 讓 經濟 復蘇 露出 曙光 2021 年 全球 經濟 預估 將</t>
  </si>
  <si>
    <t>新冠肺炎 病毒 為 2020 年 全球 市場 掀起 滔天 巨變 全球 經濟 跌進 衰退 深淵 往年 成長 迅速 的 新興 市場經濟體 也 未能倖免 所幸 新冠肺炎 疫苗 研發 終於 在 2020 年 稍晚 傳出 振奮人心 的 消息 讓 經濟 復蘇 露出 曙光 2021 年 全球 經濟 預估 將 回復 成長 新興 市場 尤其 將 會 率先 反彈 疫苗 問世 讓 2021 年 的 經濟 前景 轉 趨 明亮 摩根士丹利 與 高盛 預估 2021 年 全球 經濟 將 呈現 v 型 復蘇 新興 市場 將 率先 反彈 經濟 合作 暨 發展 組織 oecd 則 預期 全球 經濟 可望 在 2021 年底 前 回復 到 疫情 前 的 水準 摩根士丹利 指出 全球 經濟 同步 成長 新興 市場 國家 反彈 以及 通 膨 回 溫 都將 支撐 2021 年 的 v 型 復蘇 美元 走 貶 將 刺激 資本 流向 新興 市場 推 升 大宗 商品 價格 和 支撐 新興 市場 貨幣 此外 新興 市場 消費者 的 生活水準 與 購買力 逐漸 提升 消費者 支出 揚升 亦 能 帶動 經濟 成長 oecd 預期 大陸 2021 年 經濟 加速 至 8 預期 印度 同期 經濟 擴張 79 摩根士丹利 樂觀 預期 大陸 2021 年 經濟 將 擴張 9 估計 印度 2021 年 經濟 可望 強勁 反彈 98 大宗 商品 價格 看漲 進入 2021 年 後 全球 經濟體 預料 逐漸 邁向 復蘇 政府 可望 放 一 步 推出 紓困 計 畫 加上 美元 持續 呈現 弱勢 格局 皆 能夠 給予 商品 支撐 預期 2021 年 商品 價格 將 呈現 上升 趨勢 央行 持續 為 市場 注入 流動性 並 將 利率 大 砍 至 歷史 低點 財政 刺激 推 升 通 膨 預期 估計 將 有 更 多 資金 湧 進 商品 市場 大宗 商品 市場 2021 年 的 表現 將 迥異 於 2020 年 全球 經濟 預料 進入 復蘇 模式 將 能 帶動 商品 需求 而且 商品 市場 長期投資 不足 供給 將 維持 吃緊 進而 推 高 價格 金價 後市 易漲 難 跌 進入 2021 年 後 全球 央行 將 持續 為 市場 注入 流動性 政府 加碼 推出 振興 經濟 措施 加上 通 膨 壓力 上升 美元 走勢 看 貶 以及新冠肺炎 疫情 依舊 嚴峻 都將 刺激 金價 進一步 走 高 花旗集團 citigroup 預估 2021 年 金價 可望 站上 每盎司 2100 美元 英國 研究 機構 metals focus 對 2021 年 的 黃金 展望 更加 樂觀 預期 金價 後市 可望 升 抵 每盎司 2300 美元 花旗 表示 美元 貶值 是 推動 金價 上漲 的 原因 之一 2020 年 美元 走勢 一路 下滑 美國 進一步 貨幣 刺激 將 加重 美元 貶 勢 由於 黃金 與 美元 呈 反向 關係 市場 預期 進入 2021 年 後 美元 依舊 疲軟 意味 黃金 將 有 進一步 上漲 空間 油價 需求 逐步 回溫 石油輸出 國家組織 opec 與 俄羅斯 等 產油國 opec 持續 減產 新冠肺炎 疫苗 問世 協助 石油 需求 回升 預期 2021 年 石油 庫存 將 逐漸 下滑 為 國際 油價 帶來 明亮 前景 巴克萊銀行 基於 opec 節制 產出 與 疫苗 將 刺激 2021 年 下半年 石油 需求 預期 2021 年 布蘭特 原油 均 價 每桶 達 53 美元 美國 西 德州 原油 均 價 可望 站上 每桶 50 美元 巴克萊 指出 新冠肺炎 疫苗 問世 是 石油 需求 的 轉捩點 因為 疫苗 能 讓 經濟 復蘇 力 道 維持 更 久 荷蘭 國際集團 ing 的 預測 較 巴克萊 樂觀 預期 2021 年底 布蘭特 原油 可望 升至 每桶 60 美元 全 年均 價 為 每桶 55 美元 而 2021 年 西 德州 原油 均 價 將 達 53 美元</t>
  </si>
  <si>
    <t>新冠肺炎 臺灣 申請 免洗餐具 新北 市</t>
  </si>
  <si>
    <t>德國 新冠 反撲 專家 警告 此 波 將 迎來 至今 最 嚴重 的 疫情 德國 衛生部長 史 巴恩 jens spahn 昨 22 日 呼籲 民眾 趕快 打 疫苗 指出 德國 人 只 剩下 3 種 命運 接種 疫苗 從新冠肺炎 中 康復 或 病 死 綜合 英國廣播公司 bbc 美</t>
  </si>
  <si>
    <t>德國 新冠 反撲 專家 警告 此 波 將 迎來 至今 最 嚴重 的 疫情 德國 衛生部長 史 巴恩 jens spahn 昨 22 日 呼籲 民眾 趕快 打 疫苗 指出 德國 人 只 剩下 3 種 命運 接種 疫苗 從新冠肺炎 中 康復 或 病 死 綜合 英國廣播公司 bbc 美國有線電視新聞網 cnn 報導 德國 衛生部長 史 巴恩 昨日 在 記者會 上 強調 接種 新冠 疫苗 的 重要性 他 不加 修飾 地 提出 至今 最 嚴厲 的 警告 在 冬天 結束 以前 所有 德國 人 要 嘛 接種 新冠 疫苗 要 嘛 康復 或 死亡 德國 正 面臨 第 4 波 新冠 疫情 過去 24 小時 新增 3萬643 人 確診 比 前 一 天 多 了 7000 人 現階段 感染 率 在 全球 名列前茅 不只 新增 病例 快速 增加 許多 醫院 已經 人滿為患 德國 收緊 防疫 政策 未 接種 疫苗 的 民眾 禁止 出入 特定 場所 部 份 地區 的 耶誕 市集 也 已 取消 德國 目前 的 新冠 感染 率 是 疫情 大 流行 以來 最高 公衛 專家 警告 這 波 恐怕 會 是 至今最 慘重 的 疫情 德 媒 the local 報導 柏林 夏 裡特 醫院 charit 病毒 研究所 所長 德羅斯登 christian drosten 11 月中 預告 由於 病毒 迅速 傳播 德國 將 面臨 非常 艱辛 的 冬天 伴隨 新 的 封鎖 措施 他 也 警告 若 再 不 立即 採取 嚴格 措施 接下來 將 有 10萬 人 病 死 而且 這 還 只 是 保守 估計 不過 現階段 德國 的 疫苗 完整 接種 率 只 有 68 在 西歐國家 中排 後 段班 史 巴恩 強調 他 反對 強制 打 疫苗 但是 接種 疫苗 是 道德 義務 因為 會 影響 其他人 自由 代表 承擔責任 他 說 具有 高度 傳染 力 的 delta 變異 株 誘發 這 波 疫情 他 在 記者會 上 大力 宣傳 莫德納 疫苗 稱 它 是 疫苗 界 的 勞斯萊斯 rolls-royce 史 巴恩 會 特別 宣傳 莫德納 疫苗 是因為 接下來 幾 個 月 內 將 有 1600萬 劑 到期</t>
  </si>
  <si>
    <t>新冠肺炎 全球 德國 衛生部長 命運 3</t>
  </si>
  <si>
    <t>一 位 來自 中國 大陸 的 新冠 病毒 研究 人員 劉彬 在 美國 遭 槍殺 引發 一 場 廣受 全球 矚目 的 陰謀論 外界 猜測 劉彬 因為 研究 項目 涉及 新冠 病毒 的 起源 可能 因此 引起 殺身之禍 不過 美國 警方 在 調查 案情 後 回應稱 劉彬 的 命案 是 因 私人 感情 糾紛 而 起 與其 研究 無關 據 環球時報 報導 這 位 37 歲 來自 大陸 的 劉彬 在 美國 匹茨堡 大學 醫學院 擔任 助理 教授 正在 進行 新冠 病毒 研究 日前 被 發現 在 家中 遭 槍殺 死亡 頭 頸 身軀 和 四肢 上 都有 明顯 槍 傷 凶 嫌 據稱 是 46 歲 的 軟 體 工程師 顧浩 hao gu 警方 說 顧浩 殺人 後 回 到 車上 飲彈自盡 案發 當時 警方 調查 人員 說 兇手 與 死者 彼此 認識 沒有 證據 顯示 謀殺案 和 劉 的 研究 或是 新冠肺炎 疫情 有關 不過 由於 美中 兩 國正 因 病毒 是否 人工 合 與 病毒 是否 源自 於 武漢 實驗室 而 爭吵不休 媒體 便 聯想 到 有如 不可能 的 任務 電影 情節 以 劉彬 研究 新冠 病毒 即將 在 研究 上 取得 重大進展 為 標題 揣測 這 是 一 件 由 跨國 間諜 進行 的 有 關新冠 病毒 的 謀殺案 指 劉彬 可能 因為 研究成果 遭到 滅口 不過 案發地 賓州 羅斯鎮 警 局 發表 聲明 稱 這 起 案件 是 關於 一 名 親密 伴侶 的 長期 爭端 的 而 產生 的 悲劇 與 其 在 大學 所 做 研究 無關 警方 調查 指出 兇手 顧浩 在 一家 電力 管理 公司 任職 首席 軟 體 工程師 他 先 在 劉彬 家裡 槍殺 了 他 然後 再 在 自己 的 車裡 飲彈自盡 匹茲堡大學 醫學院 表示 劉彬 是 該校 的 研究 助理 教授 他 在 解構 新冠 病毒感染 的 細胞 機制 及 併發症 的 細胞 基礎 研究 方面 即將 取得 重大 發現 我們 將 努力完成 他 的 研究 以 對 他 的 傑出 科學 表現 致敬</t>
  </si>
  <si>
    <t>戴 手套 新冠肺炎 病菌 臺灣 洗手</t>
  </si>
  <si>
    <t>川普 敦促 陸公 佈 新冠肺炎 病毒 來源 資訊</t>
  </si>
  <si>
    <t>大量 川普 中國 公佈 新冠肺炎</t>
  </si>
  <si>
    <t>nba 塔圖 染 新冠肺炎 塞爾提克 連 折 4 將</t>
  </si>
  <si>
    <t>塞爾提克塔圖 jayson tatum 也 中 鏢 了 塔圖 在 10 日 美國 時間 週六 上午 先 被 the athletic 記者 傳出 進入 隔離 名單 幾 個 小時 之後 又 被 波士頓 環球 報 記者 爆 料 染 上 新冠肺炎 根據 後者 報導 塔圖 理所當然 被 隔離 塞爾提</t>
  </si>
  <si>
    <t>塞爾提克塔圖 jayson tatum 也 中 鏢 了 塔圖 在 10 日 美國 時間 週六 上午 先 被 the athletic 記者 傳出 進入 隔離 名單 幾 個 小時 之後 又 被 波士頓 環球 報 記者 爆 料 染 上 新冠肺炎 根據 後者 報導 塔圖 理所當然 被 隔離 塞爾提克 為此 取消 當日 練球 並 暫時 關閉 訓練場地 綠衫 軍 先前 已 有 羅伯特威廉斯 robert williams 染病 他 的 接觸 者 崔 斯坦湯普生 tristan thompson 葛 蘭特 威廉斯 grant williams 都 被 要求 自我 隔離 7 日 現在 又 賠 上 塔圖 他們 光是 因 肺炎 已 折 損 4 位 球員 塔圖 在 9 日 對 戰 巫師 依然 生龍活虎 轟下 全隊 最高 32 分 率隊 取得 4 連勝 塔圖本季 10 戰場 均 269 分 71 籃板 38 助攻 三分球 命中率 高 達 44 是 球隊 得分 王 現在 塔圖 缺陣 球隊 核心 只能 由 另 一 位 猛將 傑倫布朗 jaylen brown 扛下 他 也 有 263 分 62籃板 35 助攻 42 外線 命中率 除此之外 主控 肯 巴 沃克 kemba walker 左膝 受傷 最近 開始 加入 練球 塞爾提克 開 季 7 勝 3 敗 戰績 優異 未來 兩 周對 戰 熱火 公牛 魔術 尼克 七六 人 會 非常 吃力 但 比起 戰績 他們 更該 注意 的 是 球隊 的 防疫 破 洞 他們 的 陣容 恐怕 承受 不 起更 多 打擊 了</t>
  </si>
  <si>
    <t>張上淳 許 常德 兒子 出國 新冠肺炎</t>
  </si>
  <si>
    <t>解封 三級 警戒 內 用 陳時中 新冠肺炎</t>
  </si>
  <si>
    <t>新冠肺炎 疫情 持續 升溫 人心惶惶 的 情況 下 讓 民眾 開始 囤積 物資 掀起 搶 貨 潮 見到 此 狀況 讓 藝人 吳鳳直 搖頭 表示 當 世界 遇到 危機 人類 自私 一面 就 表露 無疑 甚至 不解 臺灣 疫情 控制 的 不錯 有 需要 這樣 搶 東西 嗎 吳鳳 表示 近</t>
  </si>
  <si>
    <t>新冠肺炎 疫情 持續 升溫 人心惶惶 的 情況 下 讓 民眾 開始 囤積 物資 掀起 搶 貨 潮 見到 此 狀況 讓 藝人 吳鳳直 搖頭 表示 當 世界 遇到 危機 人類 自私 一面 就 表露 無疑 甚至 不解 臺灣 疫情 控制 的 不錯 有 需要 這樣 搶 東西 嗎 吳 鳳 表示 近來 新冠肺炎 肆虐 全球 世界各地 也 掀起 一 股 搶購潮 昨天 去 超市 要買 食物 發現 架上 所有 東西 都 被 搶購一空 這種 行為 也 讓 吳鳳 怒斥 自私 因為 大家 只在乎 自己 過 的 好不好 不太會 顧慮到 其他人 狀況 也 藉 此 呼籲 遇到 這種 危機 狀況 應該 更 需要 同 理 心 不然 每個 人 去 搶 東西 最後 害 到 的 還 是 自己 跟 生活 在 這 片 土地 上 的 人 對此 網友 也 紛紛 回應 生 在 臺灣 福中 不知 福 讓給 需要 的 人 臺灣 物資 夠 的 只 買 自己 所 需 真 的 不 需要 囤 貨 太 多 人 跟 風向 了 網路上 假 訊息 太 多 了 故意 製造 恐慌 擾亂 臺灣 防疫</t>
  </si>
  <si>
    <t>新冠肺炎 疫情 擴大 面對 開學 在即 學校 都 上緊 發條 準備 防疫 用品 新北 市 三 重 區 先 嗇 宮 12 日 上午 10 時慷慨 捐贈 2000 公斤 洗手 乳 及 6000 公升 次氯酸 水 給 三 重 蘆洲 區 38 所 學校 新北 市政府 教育局 督學 林玉婷 表示 感謝 先 嗇 宮 拋</t>
  </si>
  <si>
    <t>新冠肺炎 臺灣 死亡 病例 招名威 年輕人</t>
  </si>
  <si>
    <t>戴 口罩 標語 新冠肺炎 俄亥俄</t>
  </si>
  <si>
    <t>牛津 經濟 研究院 3 日 指出 新冠肺炎 疫情 對 經濟 造成 的 破壞 比 原先 想像 更 大 更 廣泛 更 持久 除了 亞洲 旅遊業 受到 沉重打擊 大陸 以外 地區 的 擴散 更 加劇 全球 供應 鏈 的 破壞 該院 再次 調 降 大陸 今年 第一 季 gdp 年 增 預測 至 23</t>
  </si>
  <si>
    <t>牛津 經濟 研究院 3 日 指出 新冠肺炎 疫情 對 經濟 造成 的 破壞 比 原先 想像 更 大 更 廣泛 更 持久 除了 亞洲 旅遊業 受到 沉重打擊 大陸 以外 地區 的 擴散 更 加劇 全球 供應 鏈 的 破壞 該院 再次 調 降 大陸 今年 第一 季 gdp 年 增 預測 至 23 僅 是 2020 年初 假設 6 的 三 分之一 同時 估測 大陸 全年 gdp 僅 會 成 長 48 成為 首家 預測 大陸 今年 gdp 年 增 連 5 都 不 到 的 國際 機構 牛津 經濟 研究院 表示 新冠 疫情 帶來 的 經濟 風險 必須 更 密切 追蹤 研究 團隊 最新 決定 本 周 起 每 星期 發佈 一 次 新冠肺炎 對 經濟 的 衝擊 報告 而 不是 先前 不 定時 或 間隔 許久 才 發佈 相關 報告 牛津 經濟 研究院 亞洲 經濟 研究 團隊 表示 病毒 帶來 的 下行 風險 居高不下 目前 不能 排除 會 發生 大 流行 對 全球 經濟 造成 更 嚴重 影響 但 從 大陸 的 經驗 和 抗 疫 成效 來看 大陸 已 努力 遏制 疫情 只是 後勤 方面 的重重 限制 民眾 擔心 消費 支出 的 負擔 增加 或 仍 潛 在 有 新 的 病毒 恐 會 再 爆發 讓 經濟 活動 需要 更 長 的 時間 才能 恢復正常 該 團隊 估測 大陸 官方 努力 復工 下 未來 幾 個 月 經濟 將 穩步 改善 並 在 今年 剩 餘 時間 內 看到 強勁 的 連續 增長 但 這 並 不能 彌補 年初 以來 失去 的 經濟 動能 對 大陸 堅持 2020 經濟 成長 年 增長 目標 約 56 坦白說 這 將 非常 難以實現 渣打 集團 至今 也 已 二 度 下調 全球 與 大陸 今 年度 的 經濟 成長 預期 大陸 gdp 成長 預測 由 58 下 修至 55 該 集團 經濟 研究 部門 指出 疫情 對 第一 季 的 經濟 受 衝擊 幅度 恐 超過 預期 但 由於 預期 大陸 官方 在 貨幣 跟 財政 措施 的 多方面 支持 應能 部 份 彌補 疫情 帶來 的 經濟 衝擊 加上 消費 需求 仍 將 保持 強勁 扮演 支撐 經濟 活動 的 力道 瑞士 寶 盛亞洲 區 研究 部 主管 馬修斯 mark matthews 3 日 則 指出 影響 大陸 第一 季 經濟 表現 因素 在 於 春節假期 過後 企業 復工 進度 延遲 導致 生產力 難以 發現 現在 官方 力拼 復工 但 平均 來說 復工 率 可能 尚未 到 50</t>
  </si>
  <si>
    <t>新冠肺炎 疫情 引發 全球股市 上 沖 下 洗 國內 市 櫃 公司 紛紛 實施 庫藏 股 自救 金管會 證 期 局 副 局長 張振山 3 月 31 日 公佈 上市 櫃 公司 最新 實施 庫藏 股 情況 今年以來 至 3 月 30 日 庫藏 股 已 實施 的 達 1929億 元 預計 實施 的 還有 592 54</t>
  </si>
  <si>
    <t>後 疫情 時代 來臨 對 金融業 帶來 危機 也 帶來 轉機 玉山 銀行 黃男 州 分析 今年 新冠肺炎 疫情 中美關係 全球 寬鬆 貨幣政策 等 三 件 大事 對 金融業 帶來 的 影響 與 挑戰 預期 疫情 將 催化 數位 經濟 時代 來臨 玉山 已 做好 準備 期待 在後</t>
  </si>
  <si>
    <t>後 疫情 時代 來臨 對 金融業 帶來 危機 也 帶來 轉機 玉山 銀行 黃男 州 分析 今年 新冠肺炎 疫情 中美關係 全球 寬鬆 貨幣政策 等 三 件 大事 對 金融業 帶來 的 影響 與 挑戰 預期 疫情 將 催化 數位 經濟 時代 來臨 玉山 已 做好 準備 期待 在後 疫情 時代 成為 數位 金融 的 領航者 黃男 州 直言 疫情 對 金融業 帶來 的 第一 波 影響 已經 過去 包括 股 匯市 與 原 物料 價格 的 波動 在 過去 半 年 都 已 顯現 第二 波 影響 目前 正在 發生 就是 利差 縮減 帶來 的 衝擊 從 央行 降息 1 碼 甚至 美國 降息 6 碼 對 利率 敏感 的 國內 銀行業 確實 備感 壓力 其中 業務 較 多 元 的 業者 衝擊 相對 較 小 而 倚賴 存放 款 較 重 的 業者 衝擊 當然 較 大 至於 第 三 波 的 影響 目前 也 在 海外 市場 看到 了 也 就 是 信用風險 就 像 針對 新冠肺炎 所 採取 的 支援性 療法 希望 患者 自己 產生 抗體 目前 銀行業 者 也 針對 信用 正常 但 貸款 到期 的 客戶 提供 展延 或者 紓困 的 方案 希望 讓 企業 暫時 度過難關 等 疫情 過去 後 體質 夠 好 的 企業 就 能 挺 過 但是 黃男 州 坦言 國外 目前 受到 疫情 衝擊 經濟 的 程度 明顯 較 臺灣 嚴重 信用風險 必須 更為 謹慎 評估 一眼 看 現在 一眼 望 向 未來 新冠肺炎 疫情 重創 全球 經濟 加上 低 利率 可能 成為 常態 金融業 如何 應變 將 牽動 疫情 結束 後 的 洗 牌 結果 對 玉山 來說 疫情 期間 對於 充實 戰 力也 毫不 懈怠 黃男 州 認為 疫情 結束 後 可能 是 全新 的 戰局 誰 能 跑 在 最 前面 就 看 這 期間 準備 是否 充裕 因應 科技 金融 的 潮流 黃男 州 說 現在 競爭 的 不只 金融 同業 也 要 和 台積電 聯發 科 等 科技 大廠 搶 人才 為了 打破 產業 藩籬 玉山 率先 挖 角 上 千 名 優秀 的 科技人才 加入 科技 金融 團隊 目的 就是 在 為 未來 的 數位 金融 打 好 根基 黃男 州 說 玉 山 總是 一眼 看 現在 另 一眼 望 向 未來 所以 才會 在 數位 金融 領域 上 不斷 投 注 心力 2015 年 玉山 首 創業 界 之 風 在組織上 成立 數位 金融 處 2016 年 玉山 也 是 最 早 開啟 金融業 向 科技 業 搶 人才 之舉 2018 年 更 領先 業 界 設立 金控 科技 長 職位 就是 因為 預見 了 未來 的 樣 貌 才先 做 好 準備 黃男 州 預期 這 場 疫情 將 催化 數位 經濟 時代 的 來臨 疫情 放緩 後 金融業 的 新 戰場 可能 才 要 開始 決戰 的 關鍵 點將 會 在 數位 金融 的 領域 疫情 創新 局 玉山 準備 好 了 玉 山 要 如何 因應 後 疫情 時代 來臨 黃男 州 表示 組織 夠 有 韌性 做 最壞 的 打算 補 不足之處 是 玉山 的 三 項 因應之道 組織 的 韌性 是 指 多元 的 發展 包括 區域性 產品 面 人才 等 各 方面 的 多元 才 不 會 讓 任何 一 只 黑 天鵝 來臨 時就 被 擊 垮 疫情 也 讓 玉山 瞭解 預想 最壞 的 狀況 的 重要性 例如 資訊 方面 一定 要 有備 援 系統 人員 布建 上 也 要 有所 應變 這麼 做 或許 從 經濟 的 角度看 來 不劃算 但 從 應變 危機 的 角度 來看 這 是 銀行業 在 疫情 下 學到 的 寶貴 經驗 也 是 風險 控管 的 一 環 至於 補 其 不足之處 則 是 指 因 疫情 而 業務 窒礙難行 的 海外 市場 雖然 玉山 這麼 多 年 來 積極 佈局 海外 市場 也 即將 進入 收成 期 之際 碰上 這 場 難 解 的 疫情 不免 讓 人 氣餒 但 玉山 絕 不輕 言 中斷 業務 開展 所以 在 人員 往返 海外 據點 業務 擴展 放緩 之際 依然 持續 做 強化 風險 控管 與 人員 的 培訓 黃男洲 說 放眼 天下 創新 局 玉山 準備 好 了</t>
  </si>
  <si>
    <t>交通部觀光局 駐 桃園 機場 旅遊 服務 中心 基層 員工 案 269 因 接待 觀光局 主 秘 小孩 案 277 不幸 感染 新冠肺炎 這 場 因 上級指示 的 接 機 任務 演變 至今 案 269 今 首度 對外 發表 聲明 澄清 絕非 如 外界 所言 主動 接 機 也 不 認識 主 秘 兒子</t>
  </si>
  <si>
    <t>臺灣 第一 篇 新冠肺炎 論文 中部 大型 醫院 發表 在 國際 頂尖 期刊</t>
  </si>
  <si>
    <t>新冠肺炎 全球 發燒 已經 確診 60363 例 死亡 1369 例 今年 1 月 25 日 彰 化 首例 的 妻子 感染 給 先生 經 中部 某 大型 治療 後 都 已經 穩定 到 目前為止 沒有 發現 遭 這 對 夫婦 傳染 的 其他 病例 該院 也 將 發現 接觸 感染 和 治療 的 過程 發表 論</t>
  </si>
  <si>
    <t>雖然 武漢 明天 4 月 8 日 將 解除 封城 但 據 湖北省 新冠肺炎 疫情 防控 指揮部 通報 武漢市 無 疫 社區 累計 達 6988 個 占比 984 較 3 天 前 的 上 一 次 認定 無 疫 社區 數量 減少 45 個 占比 下降 06 70 個 社區 因 無 症狀 感染者 等 原</t>
  </si>
  <si>
    <t>雖然 武漢 明天 4 月 8 日 將 解除 封城 但 據 湖北省 新冠肺炎 疫情 防控 指揮部 通報 武漢市 無 疫 社區 累計 達 6988 個 占比 984 較 3 天 前 的 上 一 次 認定 無 疫 社區 數量 減少 45 個 占比 下降 06 70 個 社區 因 無 症狀 感染者 等 原因 被 取消 或 暫停 無 疫 命名 其中 部分 已 認定 的 無 疫 社區 被 摘 牌 武漢市 新冠肺炎 疫情 防控 指揮部 相關 負責人 5 日 稱 4 月 1 日 以來 每日 通報 無 症狀 感染者 資料 從 4 日 開始 無 症狀 感染者 納入 無 疫 認定 因素 無 症狀 感染者 所在 社區 按 規定 取消 或 暫停 認定 所屬 社區 街道 同步 取消 或 暫停 認定 目前 因 無 症狀 感染者 等 原因 取消 或 暫停 無 疫 命名 的 社區 70 個 社區 87 個 村 大隊 2 個 街道 鄉鎮 11 個 根據 武漢市政府 此前 規定 被 認 定為 無 疫 社區 的 社區 內 商業 網點 可以 每天 9 時至 18 時 恢復 對 社區 居民 個人 正常 營業 社區內 每戶 每天 可 派 一 人 憑 社區 村 出具 的 一次性 通行 證明 或 審核 通過 的 健康 碼 電子 通行證 在 所在 無 疫 社區 範圍 內 購物 每次 外出 社區 時間 控制 在 2 小時 以內 並 遵守 經營場所 購物 安全 有關 規定</t>
  </si>
  <si>
    <t>長 榮 航空 3 名 機師 完整 接種 新冠肺炎 疫苗 後 仍 確診 delta 病毒 桃園 市 機師 職業工會 認為 3 人 均 屬 於飛 航 執勤 期間 停留 往返 國外 機場 外 站 而 遭 傳染 的 職 災 案例 目前 許多 歐美 機場 作業 人員 已不 戴 口罩 機師 除 要 爭取 隔離 14 天 不</t>
  </si>
  <si>
    <t>外 站 機場 機師 delta 新冠肺炎</t>
  </si>
  <si>
    <t>接觸 者 匡列 采 檢 結果 新冠肺炎 臺灣</t>
  </si>
  <si>
    <t>新冠肺炎 臺灣 確診 者 隱匿</t>
  </si>
  <si>
    <t>國立 臺灣 歷史博物館 歷經 館 體 翻修 封 館 1 年 多 今年 1 月 8 日 重 啟 開館 又 遇上新冠肺炎 疫情 發酵 上半年 看 展 人數 慘跌 適逢 10 周年 館 慶 暨 升級 政府 3 級 機關 台史博 在 館內 外 同步 舉辦活動 首度 將 時間 延伸 到 晚上 兩 天 來 吸引 逾</t>
  </si>
  <si>
    <t>國立 臺灣 歷史博物館 歷經 館 體 翻修 封 館 1 年 多 今年 1 月 8 日 重 啟 開館 又 遇上新冠肺炎 疫情 發酵 上半年 看 展 人數 慘跌 適逢 10 周年 館 慶 暨 升級 政府 3 級 機關 台史博 在 館內 外 同步 舉辦活動 首度 將 時間 延伸 到 晚上 兩 天 來 吸引 逾 5萬 人次 湧入 是 開館 以來 空前 人潮 台 史博 10 月 剛 升級 為 政府 3 級 機關 組織 編制 擴大 利用 10 周年 館 慶 大 動作 舉辦活動 不僅 館內 有 台南人 劇團 演出 館 外 草地上 邀請 有 最美 市集 稱號 的 島嶼 餐桌 物 語 市集 近百 攤 快 閃兩天 30 日 31 日 包括 42 攤 全台 各地 美食 與 異國 料理 53 攤 手 作 攤位 有 包括 臺北 台中 高雄 的 著名 食品 與 伴 手 禮 館 方 表示 除了 市集 攤位 水準 高 展示 教育 大樓 外 更 架 起 舞臺 舉辦 樂團 表演 邀請 包括 apple 南西 肯恩 麋 先生 peter 相繼 熱力 開 唱 另外 有 馬戲團 演出 有 吃 有 玩 還有 娛樂 表演 知性 展覽 可看 加上 氣候 涼爽 入夜 之後 燈光 襯托 氣氛 台史博 30 日 一口氣 湧入 2萬3000 多 人 民眾 在 草地 上鋪 毯 野餐 觀看表演 周邊 道路 排隊 等候 進場 的 車子 圍繞 場館 一 周 館 方 人員 驚呼 感受 疫 後 報復 性 出遊 是 開館 以來 的 空前 人潮 台 史博 31 日 持續 第 2 天 活動 下午 2 時 30 分 開放 進場 前 就 已 出現 排隊 人潮 館 方 估計 第 2 天 有 3萬 多 人次 兩 天 逾 5萬 人 是 過去 每場 活動 的 數 倍 一口氣 補足 上半年 因 疫情 減少 的 看 展 人潮</t>
  </si>
  <si>
    <t>臺灣 館 慶 新冠肺炎 台史博 市集</t>
  </si>
  <si>
    <t>攤 商 確診 成功 市場 6 月 3 日 新冠肺炎</t>
  </si>
  <si>
    <t>習近平 菅義偉 預定 訪 日 新冠肺炎</t>
  </si>
  <si>
    <t>法國 上週五 新冠肺炎 新增 確診 逾 42萬 人 讓 累計 確診 數 突破 100萬 人 大關 後 上週末 新增 4萬5422 例 創 單日 新高 累計 確診 數 達 108萬6497 人 死亡 138 人 而 讓 累計 死亡數 增加 至 3萬4645 人 整體 檢測 驗 出 確診 比率 上升 至 16 創</t>
  </si>
  <si>
    <t>法國 上週五 新冠肺炎 新增 確診 逾 42萬 人 讓 累計 確診 數 突破 100萬 人 大關 後 上週末 新增 4萬5422 例 創 單日 新高 累計 確診 數 達 108萬6497 人 死亡 138 人 而 讓 累計 死亡數 增加 至 3萬4645 人 整體 檢測 驗 出 確診 比率 上升 至 16 創新 高</t>
  </si>
  <si>
    <t>17 世紀 義 大利 防疫 設備 因 新冠肺炎 再度 開啟 酒 窗</t>
  </si>
  <si>
    <t>中國 大陸 外交部 發言人 趙立堅 今日 在 例行 記者會 上 從前 幾 日 的 對 美 戰 狼 變 身 對 韓日 暖 男 他 就 中國 大陸 提供 日 韓 兩 國抗 疫 物資 一 事 表示 中方 對 韓日 兩國政府 與 人民 為 中國 抗擊 疫情 提供支援 和 幫助 深表 感謝 在 韓國 日本 抗擊 疫情 的 努力 中 中國 不 會 缺席 趙立堅 表示 中方 一直 密切 關注 韓國 日本國 內 新冠肺炎 疫情 發展 對 兩 國 目前 面臨 的 疫情 形勢 感同身受 當前 形勢 下 我們 願 同 韓國 日本 完善 並 強化 衛生防疫 溝通 協調 應急 機制 加強 互通 疫情 資訊 交流 防控 經驗 和 技術 並 開展 診療 方案 藥品 和 疫苗 研發 等 領域 合作 此外 中方 願 與 兩 國 開展 聯防 聯控 共同 強化 口 岸防 控 措施 加強 檢驗 檢疫 減少 非必要 的 跨境 旅行 趙立堅 指出 中國 疫情 防控 正 處於 最 吃勁 的 關鍵時期 但 我們 願 盡 己 所能 向 韓國 日本 提供 力所能及 的 幫助 豈 曰 無 衣 與 子 同 裳 是 中 日 韓 守望相助 共 克 時艱 的 真實寫照 在 大陸 將 提供 防疫 物資 的 問題 上 趙立堅 答 稱 新冠肺炎 疫情 發生 後 日本政府 和 人民 對 中方 抗擊 疫情 給予 了 大力 支援 幫助 我們 對 此 銘記在心 面對 疫情 新 的 發展 中方 願 在 努力 抗擊 本國 疫情 的 同時 同 日方 分享 資訊 和 經驗 向 日方 提供 力所能及 的 支持 和 幫助 這 是 中 日 作為 近鄰 同舟共濟 守望相助 的 應有 之 義 他 說 此前 中方 已向 日方 交付 了 一 批 檢測 試劑 盒 經 雙方 溝通 我們 正在 準備 向 日方 提供 一些 其他 醫療 物資 首批 將 於 今天 運 抵 日本 如果 日方 有 進一步 需求 我們 將 積極 考慮 針對 韓國 疫情 進行 防控 措施 趙立堅 解釋 道 疫情 是 沒有 國界 的 我們 不 會 忘記 文在寅 總統 強調 中國 的 困難 就 是 韓國 的 困難 韓國政府 和 社會各界 對 中方 抗擊 疫情 給予 寶貴 幫助 和 支援 近來 韓國 疫情 加劇 我們 感同身受 同樣 認為 韓國 的 困難 就 是 中國 的 困難 據 我 瞭解 中國 一些 地方 和 企業 已經 或 正在 準備 向 韓方 特別 是 大 邱 市 廣尚北 道 等 疫情 嚴重 地區 提供援助 目前 正 在 緊急 籌備 近日 將 分批 空運 到 韓國</t>
  </si>
  <si>
    <t>陳時中 柯文哲 新冠肺炎 臺灣</t>
  </si>
  <si>
    <t>2020 東京 奧運 因為 新冠肺炎 疫情 延後 一 年 日本 東京 奧運 組織委員會 會長 森喜朗 今天 表示 如果 明年 疫情 仍未 獲得 控制 東奧 不會 再度 延期 而是 完全 取消 日本首相 安倍晉三 也 針對 東奧 衍生 的 費用 作出 回應 表示 日本政府 沒有 承</t>
  </si>
  <si>
    <t>2020 東京 奧運 因為 新冠肺炎 疫情 延後 一 年 日本 東京 奧運 組織委員會 會長 森喜朗 今天 表示 如果 明年 疫情 仍未 獲得 控制 東奧 不會 再度 延期 而是 完全 取消 日本首相 安倍晉三 也 針對 東奧 衍生 的 費用 作出 回應 表示 日本政府 沒有 承諾 會 支付 這些 費用 森喜朗 接受 日 刊 體育 訪問 時 表示 過去 奧運 曾 因 戰爭 停辦 但 這次 是 和 看不見 的 敵人 戰鬥 如果 明年 疫情 未 趨 緩 那麼 東京 奧運 不 會 再延 後 到 2022 年 而是 要 取消 但 森喜朗 也 表示 會 盡力 讓 奧運 能 在 明年 夏天 順利 舉行 這 是 全 人類 的 賭注 假如 戰勝 病毒 東京 奧運 順利進行 就 會 是 比 過去 更 有價值 的 奧運 而 東京 奧運 延期 衍生 出 30億 美元 約 908億 台幣 追加 費用 先前 國際 奧 會 ioc 透過 官網 表示 日本首相 安倍晉 三同 意 由 日本政府 負擔 這筆 費用 但 安倍晉三 首度 公開 回應 沒有 這麼 承諾 日本 內閣 官房長官 菅義偉 昨天 也 在 記者會 否認 表示 沒有 任何 由 日本政府 獨自 支付 追加 費用 的 共識 而是 應該 由 國際 奧 會 和 東奧 組委會 合作 處理 關於 追加 費用 的 問題</t>
  </si>
  <si>
    <t>新冠肺炎 臺灣 治療 賴清德 收治</t>
  </si>
  <si>
    <t>保護 別人 就是 保護 自己 近 月 以來 因 新冠肺炎 肆虐 造成 全球 疫情 大 爆發 旺 旺 集團 董事長 蔡衍明 及 知名 藝人 蕭敬騰 本 著 共同 防疫 一起 加油 的 互助 精神 在 嚴峻 艱難 之時 貢獻 己 力 將旗 下 防疫 產品 水神 捐贈</t>
  </si>
  <si>
    <t>旺 旺 集團 水神 蔡衍明 新冠肺炎</t>
  </si>
  <si>
    <t>幼稚園 裝修 工人 確診 板橋 新冠肺炎</t>
  </si>
  <si>
    <t>連鎖 餐飲 集團 雅 茗 -ky 2726 隨 著 中國 大陸 4 月 逐步 解封 2020 年 第二 季 營運 穀底 回升 已 接近 損 平 目標 每股 虧損 013 元 隨 著 6 月 營運 已 顯著 轉 盈 配合 下半年 旺季 商業活動 復蘇 展店 佈局 效益 顯現 公司 看好 第 三 季 營運 可望 轉 盈 力拼 獲利 大躍進 雅 茗 2020 年 第二 季 合併 營 收 344億 元 季增 2448 年 減 3785 自 首季 穀底 回升 毛利率 升至 516 創 近 1 年高 點 營益 率 負 0005 已 顯著 回升 至 接近 損 平 目標 歸屬 母公司 稅 後 虧損 451萬 元 每股 虧損 013 元 虧損 幅度 較 首季 減少 9155 不過 累計 雅 茗 上半年 合併 營 收 621億 元 年 減 4371 仍 創 同期 新低 毛利率 4851 營益 率 負 898 分 創 同期 次 低 及 新低 本業 首 見 同期 虧損 歸屬 母公司 稅 後 虧損 5792萬 元 每股 虧損 162 元 亦 創 同期 新低 為 同期 首 見 虧損 雅 茗 表示 上半年 受 新冠肺炎 疫情 干擾 營運 于 首季 落 底 4 月 起 已 見 逐步 復蘇 並於 6 月 恢復 轉 虧 為 盈 單月 獲利 逾 1200萬 元 使 第二 季 營運 達成 接近 損 平 目標 隨 著 影響 逐步 淡化 營 收 表現 持續 回升 公司 對 下半年 營運 及 全年 獲利 表現 仍 有 相當 信心 雅 茗 今年 營運 訂 定 擴大 展店 國際 合 盟 投資 並購 3 箭 發展 策略 其中 展店 聚焦 中國 大陸 北美 與 亞 太 市場 目前 在 中國 大陸 已 有 超過 1千 店 由於 市場 發展潛力 仍 大 公司 持續 加速 展 店 計 畫 以 擴大 一 二線 城市 進攻 三四 線 城市 策略 佈局 目標 每年 展出 500 家 店 雅 茗 指出 3 月 起 已 有 超過 250 家 加盟 商 繳 交 意向 金 加盟 金 展店 步伐 不受 疫情 影響 上半年 除了 外 送 業績 持續 成長 也 透過 與 網 紅 合作 打造 新 行銷 模式 進行 線 上線 下 整合 聚焦 90 後 00 後 消費 族群 盼 讓 快樂 檸檬 品牌 成為 年輕人 消費 首選 北美 市場 方面 雅 茗 表示 快樂 檸檬 維持 品牌優勢 及 競爭力 除 在 蘋果 總部 亞馬遜 西雅圖 總部 設點 外 上半年 已 陸續 在 西雅圖 三藩市 聖地牙哥 波特蘭 丹佛 等 城市 開出 新 店 並 新 簽 德州 休士頓 達拉斯 和 芝加哥 區域 開發商 預計 下半年 展 店 速度 將 加快 至於 亞太 市場 佈局 雅 茗 則 鎖定 重點 國家 挑選 優質 區域 代理商 進行 合資 合 盟 以 將 加盟 創業 平臺 效益 發揮 到 極致 今年 已 在 日本 馬來西亞 印尼 3 國有 合資 合 盟 成果 明年 規 畫 朝 菲律賓 澳洲 進軍 希望 在 建立 合資 合 盟 關係 後 3 年 內 在 各 市場 可 開出 100 家 店 投資 並購 方面 雅 茗 5 月 投資 臺灣 知 名茶 飲品 牌 可 不可 熟 成 紅茶 由於 營運 未 受 疫情 影響 上半年 繳 出 亮 眼 成績 開始 貢獻 集團 獲利 可 不可 今年 店 數 預計 可 超過 200 家 對 第 三 季 獲利 貢獻 將 更 明顯 下半年 待 疫情 減緩 後 亦 將 準備 透過 雅 茗 平臺 佈局 海外 市場 投 顧 法人 指出 雅 茗 去年 啟動 品牌 調整 營運 聚焦 快樂 檸檬 發展 連鎖 平臺 受 疫情 影響 今年 大幅 縮編 餐 食品 牌 與 日本 京王 集團 合資 的 遊 香 食 樂 門市 已 全數 歇業 獲 上海 米其林 餐盤 推薦 的 西班牙 餐 酒館 alma 上海 2 店 亦 關閉 僅 保留 去年底 開業 的 臺北 店 為 分散 營運 集中 風險 雅 茗 目標 明年 將 非 中國 大陸 市場 營 收 貢獻 提升 至 3 成 中國 大陸 展店 步伐 亦 持續 由於 疫情 致使 業務 自 4 月 起 才 開始 推動 新 展 店 效益 直至 6 月 才 逐漸 顯現 預期 第 三 季 營運 恢復 動能 可望 顯著 轉 強 策略 調整 效應 可望 帶動 明年 營運 顯著 躍進</t>
  </si>
  <si>
    <t>新冠肺炎 臺灣 沒 戴 口罩 陽臺 報警</t>
  </si>
  <si>
    <t>新冠肺炎 臺灣 診所 莫德納 黃揚明</t>
  </si>
  <si>
    <t>新冠肺炎 疫情 升溫 全台 至 5 月 28 日前 皆 為 第 三級 警戒 是否 能 在 28 日 解除 第 三級 警戒 引發 各界 關注 對此 曾任 衛生 署長 的 前 嘉義 市長 塗醒哲 認為 從 每日 發病 日 統計 的 疫情 流行 圖 來看 他 可以 很 有 信心 的 說 這 波 疫情 已得</t>
  </si>
  <si>
    <t>發病 日 疫情 塗醒哲 臺灣 新冠肺炎</t>
  </si>
  <si>
    <t>新冠肺炎 疫情 蔓延 全球 各國 經濟 活動 大規模 停 擺 國際貨幣基金組織 imf 昨 警告 說 今年 全球 經濟 將 陷入 負 成長 衰退 程度 甚至 超過 2008 年 金融 海嘯 時期 經濟學家 認為 疫情 對 全球 經濟 衝擊 堪 比 1930 年代 的 大 蕭條 面對</t>
  </si>
  <si>
    <t>新冠肺炎 論壇 反思 健康 大 未來</t>
  </si>
  <si>
    <t>美 懷 俄 明州 出現 確診 首例 新冠肺炎 已 攻陷 44 州</t>
  </si>
  <si>
    <t>美國有線電視新聞網 cnn 報導 當地 時間 11 日 美國 懷 俄 明州 衛生部 發 佈 消息 該州 出現 新冠肺炎 確診 首例 包括 懷 俄 明州 在 內 美國 目前 已 有 44 州 出現 疫情 此外 美國 首都 華盛頓 哥倫比亞特區 也 已 出現 新冠肺炎 感染 病例</t>
  </si>
  <si>
    <t>美國有線電視新聞網 cnn 報導 當地 時間 11 日 美國 懷 俄 明州 衛生部 發 佈 消息 該州 出現 新冠肺炎 確診 首例 包括 懷 俄 明州 在 內 美國 目前 已 有 44 州 出現 疫情 此外 美國 首都 華盛頓 哥倫比亞特區 也 已 出現 新冠肺炎 感染 病例 據 美國 約翰霍普金斯大學 發 佈 的 統計資料 截至 目前 美國 累計 確診 已 超過 1300 例</t>
  </si>
  <si>
    <t>美國 新冠肺炎 新冠肺炎 懷 俄 明州</t>
  </si>
  <si>
    <t>超眾 6230 今年 開春 業績 雖 受 新冠肺炎 打 壓 致 12 月 營 收 落 在 低檔 不過 邁 入 第二 季 之後 因 居家 上班 帶動 nb 換 機 潮 挹注 推 升 第二 季營 收 順利 創下 歷史 新 高 展望 下半年 第 三 四季 目前 看法 仍 很 正向 趨勢 還 是 呈 成長</t>
  </si>
  <si>
    <t>超眾 6230 今年 開春 業績 雖 受 新冠肺炎 打 壓 致 12 月 營 收 落 在 低檔 不過 邁 入 第二 季 之後 因 居家 上班 帶動 nb 換 機 潮 挹注 推 升 第二 季營 收 順利 創下 歷史 新 高 展望 下半年 第 三 四季 目前 看法 仍 很 正向 趨勢 還 是 呈 成長 軸線 看好 未來 營運 成長 超眾 擴產 動能 全開 除 既 有 的 昆山 重慶 廠 產能 提升 已 陸續 到位 新 投資 的 越南 廠 建廠 作業 仍 在 持續 進行 中 廠房 預定 今年底 完成 明年 上半年 應有 營 收 挹注 超眾 副總經理 林 志 仁 表示 新 投入 的 產 能 將 可以 提供 公司 未來 3 至 10 年 持續 成長 的 動力 就 資本 支出 言之 今年 上半年 已 達 39億 元 已 逼近 去年 全年 的 4億 多元 不光 今年 投資額 會 增加 在 可 預見 的 未來 也 會 持續 增加 其中 昆山 廠 擴產 以 手機 vc 為主 主攻 的 是 第二 代 手機 用 熱板 重慶 廠 則 以 nb 散熱 模 組 熱板 及 熱管 為 主要 擴產 項目 越南 新廠 則 會 先 由 較易 入手 的 模 組 組裝 切入 至於 熱管 或 熱板 則 由 公司 其他 廠 區 供應 也 因為 看好 超眾 未來 成長 的 潛力 母公司 日電 產 持續 增加 超眾 的 持 股 截至 今年 8 月 17 日 止 持 股 比例 已 達到 6271 林志仁 強調 未 來日 電 產 仍 會 持續 增 持 不過 增 持 沒有 一定 的 目標 和 節奏 受到 新冠肺炎 啟動 的 居家 辦公 潮 帶動 超眾 第二 季 來自 nb 的 營 收 占比 明顯 激增 來到 49 明顯 高於 首季 的 37 雖然 上半年 期 較 較 高 但 受惠 於 下半年 為 筆 電 傳統 旺季 再 加上 返校 商機 以及 暑假 需求 都 還 不錯 第 三 季nb 占 比 雖 不致 超出 第二 季 但 仍 將 維持 在 高檔 手機 至少 會 回到 和 去年 相當 的 水準 表現 應會 比 今年 第二 季好 網通 部分 因 超眾 在 基地 台 的 佈 局 還 沒有 明顯 的 進度 制裁 華為 對 超眾 幾乎 零 影響 此 部分 預估 下半年 仍 會 成長 伺服器 部分 目前 接 單仍是 以 品牌 客戶 為主 現 客戶 端 看 起來 也 很 正向 另 桌上型 電腦 部分 表現 也 有 機會 比 第二 季好 在 nb 以外 的 各 產品 線 業績 溫和 往 上 的 狀況 下 預期 第 三 季各 產品 的 占比 應該 會 更 均勻 林 志 仁 指出 超眾 比較 希望 可以 做到 至少 有 三 支腳 不要 像 第二 季 一樣 光筆 電 的 營 收 占比 就 占掉 了 近 五 成 這樣 才 會 更 健康 更 穩定</t>
  </si>
  <si>
    <t>同 欣 電 6271 2020 年 首季 營 收 表現 符合 預期 公司 原對 第二 季 樂觀 看待 但因 疫情 造成 菲律賓 廠 短暫 關廠 影響 短期 營 收 動能 投 顧 法人 預期 第二 季營 收 恐 較 首季 衰退 但 看好 產品組合 轉 佳 可望 帶動 毛利率 提升 抵銷 營 收 下滑 負面影響 獲利 仍 有望 達成 市場 預期 同 欣 電 近期 股價 走勢 轉 弱 今 22 日 開低 走跌 一度 下跌 419 至 103 元 盤中 維持 近 25 跌幅 在 封 測 族群 中 表現 偏 弱 三大 法人 近期 賣 超 力 道 擴大 上周 合計 賣 超 2782 張 本 周 迄今 賣 超 亦 達 2617 張 同 欣 電 2020 年 3 月 自 結合 並 營 收 68億 元 月 增 622 年 增 達 2422 累計 首季 合併 營 收 1953億 元 雖 季 減 637 仍 年 增 達 2092 改寫 同期 新高 表現 符合 公司 預期 展望 後市 公司 3 月 23 日 線 上 法 說 時 表示 對 第二 季 營運 展望 樂觀 看待 不過 由於 菲律賓政府 因應 新冠肺炎 疫情 實施 封城 與 檢疫 隔離政策 同 欣 電 菲律賓 廠 被迫 於 3 月 26 日 到 4 月 12 日 關 廠 該廠 主要 生產 陶瓷 基 板 及 混合 積體電路 模 組 的 微 機電 mems 壓力感 測器 對 公司 營 收 貢獻 達 約 25 投 顧 法人 指出 同 欣 電 菲律賓 廠 已 在 13 日 復工 但 目前 返工 率 僅 達 30 35 預估 將 影響 4 月 營 收 達 約 20 展望 第二 季 雖然 影像 產品 訂單 持續 強勁 但 陶瓷 基 板 需求 不明朗 加上 疫情 干擾 供需 預期 同 欣 電 第二 季營 收 將 較 首季 衰退 低於 市場 預期 不過 雖然 第二 季營 收有 下滑 風險 但 投 顧 法人 認為 隨 著 影像 產品 貢獻 增加 mems 壓力感 測器 貢獻 下降 產品組合 轉 佳 有助於 毛利率 提升 足以 抵銷 營 收 下滑 對 毛利率 的 負面影響 預期 第二 季 獲利 表現 仍 可望 達成 市場 預期</t>
  </si>
  <si>
    <t>特朗普 川普 新冠肺炎 胡錫進 拜登</t>
  </si>
  <si>
    <t>莫德納 接種 全聯禮 券 臺北 車站 新冠肺炎</t>
  </si>
  <si>
    <t>新冠肺炎 起源 於 中國 因 症狀 似 一般 感冒 起初 未 受到 大眾 關注 不料 卻 造成 流行 中國 境內 省分 全部 淪陷 周 遭 鄰近 亞洲 國家 也 紛紛 爆發 疫情 中國政府 陸續 封城 停工 最終 仍 無法 阻止 疫情 蔓延 在 全 中國 幾乎 停 擺 的 2 個 月</t>
  </si>
  <si>
    <t>新冠肺炎 起源 於 中國 因 症狀 似 一般 感冒 起初 未 受到 大眾 關注 不料 卻 造成 流行 中國 境內 省分 全部 淪陷 周 遭 鄰近 亞洲 國家 也 紛紛 爆發 疫情 中國政府 陸續 封城 停工 最終 仍 無法 阻止 疫情 蔓延 在 全 中國 幾乎 停 擺 的 2 個 月 裡 nasa 近日 釋出 最新 的 衛星 拍攝 照 對比 1 月 1 日 到 1 月 20 日 與 2 月 10 日 到 25 日 的 中國 上空 的 空氣污染 情況 二氧化碳 的 濃度 變 淡 趨勢 令 人 非常 驚訝 若 按照 往年 2 月 的 狀況 過完 年 後 各 公司 企業 工廠 陸續 開工 返回 工作崗位 的 人潮 出現 中國 境內 的 二氧化碳 濃度 應該 高得 驚人 然而 今年 因為 新冠肺炎 疫情 多數 人 被迫 只能 待 在 家中 隔離 上班 讓 中國 的 空 汙 狀況 意外 緩和 下來 網友 看到 對比 圖 不禁 感歎 可見 平時 的 空 汙 情況 有 多 嚴重 只有 停工 3 個 月 就 能 大幅 改善 現在 這 才 是 健康 的 空氣 好 嗎 中國人 確實 需要 一些不 同 生活 環境 了 等到 回復 工作 之後 恐怕 又 會 變回 原 本 的 樣子 更 多 ctwant 報導</t>
  </si>
  <si>
    <t>新冠肺炎 演變成 世界 疫 戰 陳明璋 大陸 進入 保 四 爭 五 年代</t>
  </si>
  <si>
    <t>新冠肺炎 從 武漢 蔓延到 歐洲 美洲 臺北 經營 管理 研究院 院長 陳明璋 今 於 疫情 隊 經濟 和 健康 的 影響 與 對策 論壇 中 指出 陸美 貿易戰 已 讓 大陸 經濟 增速 放緩 當 灰 犀牛 經濟 遇上 疫情 黑 天鵝 將 導致 企業倒閉 潮 債務 違</t>
  </si>
  <si>
    <t>新冠肺炎 從 武漢 蔓延到 歐洲 美洲 臺北 經營 管理 研究院 院長 陳明璋 今 於 疫情 隊 經濟 和 健康 的 影響 與 對策 論壇 中 指出 陸美 貿易戰 已 讓 大陸 經濟 增速 放緩 當 灰 犀牛 經濟 遇上 疫情 黑 天鵝 將 導致 企業倒閉 潮 債務 違約 潮 系統性 金融風險 陡 升 陳明璋 預估 短期 大陸 首季 經濟 增長 跌破 3 中長期 角度 來看 未來 10 年 大陸 經濟 將 進入 保四爭 五 的 年代 大陸 經濟 下滑 陳明璋 表示 對 韓國 受 創 最深 大陸 gdp 每 下降 1 個 百分點 對 韓國 gdp 衝擊 將 有 035 個 百分點 其次 是 香港 泰國 日本 等 而 臺灣 外銷 大陸 占比逾 40 陳明璋 強調 臺灣 也 難 置身事外 陳明璋 形容 大陸 遇上新冠肺炎 疫情 如同 蝴蝶 效益 現在 產業 因 疫情 停工 經濟 停頓 連 遠在 南大平 洋 的 紐西蘭 撈 捕 的 龍蝦 價格 連 下跌 都 滯銷 因為 大陸 消費市場 突然 按 了 暫停 鍵 陳明璋 警示 新冠肺炎 的 疫情 讓 兩岸關係 冰 起來 疫情 會 過去 卻 擔心 兩岸關係 回不去 目前 疫情 延 燒 大陸 復工 比例 偏 低 兩岸 供應 生產 斷 鏈 未來 可能 進而 導致 兩岸 貿易 的 衰退 陳明璋 表示 目前 臺灣 對 大陸 的 順差 高 達 900億 美元 若 拿 掉 對 大陸 的 順差 將 轉為 逆差 他 擔心 這 場 瘟疫 可能 導致 成為 政治 的 瘟疫 臺灣 領導 人物 考慮 政治 固然 重要 但 也 不能 因為 政治 犧牲 經濟 面 政黨 輪 替 演變成 政 冰 對抗 現象 未來 雙方 握手言和 不易 面對 疫情 陳明璋 觀察 台商 幾乎 成立 緊急 應變 小組 進入 備戰狀態 現在 最 重要 的 是 想 辦法 存活 下來 陳明璋 表示 企業 接下來 要 將 危機 化為 轉機 疫 局 可能 是 良局 企業 除了 搶 人才 外 甚至 可以 利用 資金 低 利率 環境 便宜 的 市場 特性 勇於 並購 替 自己 創 在 未來 10 年 的 成長 引擎 臺灣 藥品 行銷 暨 管理 協會 理事長 朱茂男 表示 疫情 已對 臺灣 製藥 產業 醫療 器材 造成 衝擊 比較 棘手 的 是 原料藥 過度 仰賴 大陸 單一 進口 來源 將 面臨 斷 藥 危機 而 其他 疫區 國家 的 藥廠 也 因為 封廠 停工 進口 藥品 也 將 有 短缺 壓力 抗生素 及 慢性病 患 用藥 首當其衝 朱茂男 指出 雖然 藥品 可以 找 替代 性 但 疫情 再延 燒 下去 問題 在 今年 暑假 後 將 逐一 顯現 前 衛生 署長 葉 金川 今 參加 論壇 現場 主持 的 朱茂男 好奇 問 怎麼 會 叫 前 總統 馬英九 閉 嘴 葉 金川 解釋 其實 是 擔心 多達 台商 子女 回台 風險 太 高 小朋友 萬一 染病 其實 死亡率 不 高 但 最怕 回國 傳染給 家中 7080 歲 的 阿公 阿媽 老人家 染病 死亡 風險 太 高 葉 金川 提及 現在 義 大利 日本 都 停課 了 台商 子女 少上 幾 天 學 沒 這麼 嚴重 小孩 又 不 像 大人 有 自我管理 的 能力 回來 隔離 仍要 有 大人 照顧 建議 等 疫情 鋒頭 過 了 再 回國 強調 是 站 在 防疫 角度 才 有 這樣 的 建議</t>
  </si>
  <si>
    <t>金管會 公佈 2020 年 5 月 信用卡 業務 概況 受惠 母親節 檔 期 消費 轉 熱 牌照稅 入 帳 挹注 當月 簽 帳 金額 回升 至 2147億 元 月 增 409 但 仍 年 減 1986 衰退 幅度 創 同期 新 高 累 前 5 月 簽 帳 金額 114 兆 元 年 減 1002 仍 為 近 11 年 來 首 見 衰退 衰退 幅度 為 同期 次高 金管會 統計 5 月 33 家 信用卡 髮卡 機構 總 流通 卡 數 約 4868萬 張 月 增 037 年 增 772 總 有效 卡 數 約 3218萬 張 月 增 016 年 增 603 迴圈 信用 餘 額 約 1060億 元 月 減 203 年 減 355 簽 帳 金額 約 2147億 元 月 增 412 年 減 達 1986 受 新冠肺炎 疫情 衝擊 信用卡 單月 簽 帳 金額 今 年前 5 月 已 有 4 月 較 去年同期 衰退 5 月 金額 較 4 月 回 溫 銀行局 副 局長 黃 光熙 分析 主要 由於 量 販 超市 影音 娛樂 消費 增加 應是 母親節 檔 期 消費 增加 帶動 而牌照稅 在 5 月底 前 入 帳 亦 挹注 簽 帳 金額 增加 據 金管會 統計 由於 金融 海嘯 衝擊 經濟 2009 年 1 5 月 信用卡 簽 帳 金額 均 較 2008 年 同期 衰退 累計 前 5 月 年 減 1169 而 2010 2019 年間 信用卡 簽 帳 金額 均 逐年 成長 年增率 介於 622 1921</t>
  </si>
  <si>
    <t>新冠肺炎 鮑爾 併發症 第 3 劑 免疫 低下</t>
  </si>
  <si>
    <t>阿南德 印度 神童 疫情 新冠肺炎 極端 氣候</t>
  </si>
  <si>
    <t>武田 製藥 等 藥 商 測試 新冠肺炎 血漿 療法</t>
  </si>
  <si>
    <t>美國 衛生 研究院 nih 轄下 國家 過敏 和 傳染病 研究所 niaid 表示 包含 日本 武田 製藥 等 多 家 藥 商 已 開始 對 住院 的 新冠肺炎 病 患 測試 一 套 臨床 實驗性 的 血漿 療法 即 從 康復者 身上 抽取 愈 後 血漿 利 用 血 中 抗體 製成 治療 藥物 ni</t>
  </si>
  <si>
    <t>新冠肺炎 疫情 升溫 全台 三級 警戒 靈鷲 山 慈善 基金會 愛心 在 新北 桃園 陸續 捐 口罩 額 溫槍 酒精 洗手 乳 安心 禦 守 等 防疫 物資 給 第一 線 防疫 人員 今 20 日 下午 捐贈 1000 份 愛心 防疫 包 到 新北 市政府 靈鷲 山 慈善 基金會</t>
  </si>
  <si>
    <t>新冠肺炎 疫情 升溫 全台 三級 警戒 靈鷲 山 慈善 基金會 愛心 在 新北 桃園 陸續 捐 口罩 額 溫槍 酒精 洗手 乳 安心 禦 守 等 防疫 物資 給 第一 線 防疫 人員 今 20 日 下午 捐贈 1000 份 愛心 防疫 包 到 新北 市政府 靈鷲 山 慈善 基金會 推動 海外 醫療 義診 服務 多年 也 相當 重視 臺灣 偏 鄉 及 山區 有 醫療 需求 的 民眾 日前 拜會 新北 市政府 社會局 社會 救助 科 獲悉 近來 本土 疫情 加劇 憂心 街 友 恐 成 社區 抗 疫 破 口 配合 社會局 需求 捐助 內含 酒精 幹 洗手 液 口罩 心靈 防疫 小 卡 的 愛心 防疫 包 靈鷲 山 開山 住持 心道 法師 說 在 這 場 疫情 的 震撼 教育 中 真實感 受到 地球 上 的 萬物 眾 生 是 一個 生命 共同體 期許 人們 回到 本 初 不要 再 違反 地球 靈性 生態 倫理 唯有 找回 靈性 尊重 包容 博愛 彼此 分享 才能 互濟 共生 讓 地球 永 續 靈鷲 山 配合 政府 規定 遵守 社區 防疫 及 保護 大眾 健康 即日起 靈鷲 山 總 本山及 所屬 各 講堂 中心 暫停 對外開放 在 此 非常 時刻 希望 人人 小心 防疫 遵守 戴 口罩 勤洗手 避開 群 聚 規定 保護 自己 慈悲 他人 並 號召 持 誦 大悲咒 楞 嚴 咒心 彙聚 善 念 祈願 人民 遠離 恐懼 臺灣 疫情 早日 消弭</t>
  </si>
  <si>
    <t>新冠肺炎 警戒 期間 民眾 宅 在家 防疫 也 成 了 詐騙 集團 囊中物 高市 新興 分局 在 67 月 共 攔阻 16 件 詐騙案 擋下 民眾 受騙 452萬 元 其中 金融機構 警覺 提高 火速 通報 警方 到場 成 了 反 詐 關鍵 分局長 戴台捷 28 日 特地到 郵局 行庫</t>
  </si>
  <si>
    <t>新冠肺炎 警戒 期間 民眾 宅 在家 防疫 也 成 了 詐騙 集團 囊中物 高市 新興 分局 在 67 月 共 攔阻 16 件 詐騙案 擋下 民眾 受騙 452萬 元 其中 金融機構 警覺 提高 火速 通報 警方 到場 成 了 反 詐 關鍵 分局長 戴台捷 28 日 特地到 郵局 行庫 向佛心 的 行員 表達 感謝 並 致 贈禮 券 和 感謝 狀 新興 分局 6 月 期間 曾在 1 天 就 接 獲 轄內 兩 間 金融機構 通報 疑 似 詐騙 前金區 一 銀行 通報 48 歲 唐姓 婦人 遇 假 投資 真 詐騙 前往 臨櫃 欲 提 領 現金 40萬 元 另 一 名 63 歲 餘 婦人 遇到 假 包裹 詐騙 前往 新興區 另 一行 庫 匯款 500 元 美金 所幸 都 被 警方 及時 攔阻 新興 分局 分析 近來 詐騙 集團 的 手 法老 梗 新 唱 包括 假 交友 投資 詐 財 投資 網路 虛擬 貨幣 網路 認識 異性 友人 稱 協助 敘利亞 軍官 資助 運費 以及 退休 老師 在 家 遭 假冒 學生 經濟 陷入困境 借款 紓困 等 詐術 居多 警方 指出 詐騙 集團 為 詐取民眾 各種 話 術 可說 無所不用 但 高市 警 局 與 轄區 金融機構 行員 機警 以及 聯繫 管道 順暢 都在員 警 到場 協助 後 成功 攔阻 詐騙 警方 向 民眾 勸說 其中 有異 之處 也 協助 查詢 所 提供 的 訊息 果然 都 是 詐騙 帳 戶 分局長 戴台捷 提醒 民眾 家中 如有 年長者 要 提醒 接聽電話 應 提防 各種 詐騙 手法 並 強調 所有 的 公務機 關 絕對 不 會 監管 任何 的 金融 帳 戶 更 不 會 要求 派員 收取 存簿 或 勘驗 現金 防止 詐騙 三 步驟 一 聽 二 掛 三 查 對於 任何 網路上 的 訊息 都 需要 詳細 查證 勿 輕易 匯款</t>
  </si>
  <si>
    <t>資 誠 pwc 6 日 指出 因應 新冠肺炎 疫情 蔓延 英屬 維爾京群島 bvi 暫時 修改 非 控股 公司 經濟 實質 要求 像是 董事 會議 可 改 為 線 上 會議 不 用 在 bvi 當地 開會 而 bvi 經濟 實質 法規 的 董事 會議 出席 人數 因應 疫情 關係 也 改為 法</t>
  </si>
  <si>
    <t>資 誠 pwc 6 日 指出 因應 新冠肺炎 疫情 蔓延 英屬 維爾京群島 bvi 暫時 修改 非 控股 公司 經濟 實質 要求 像是 董事 會議 可 改 為 線 上 會議 不 用 在 bvi 當地 開會 而 bvi 經濟 實質 法規 的 董事 會議 出席 人數 因應 疫情 關係 也 改為 法定人數 即可 不用 全員 到齊 資 誠 表示 台商 在 當地 公司法 遵 成本 短期 內 可 降低 根據 經濟 實質 法規 自 2019 年 6 月 30 日 起 台企 台商 在 bvi 群島 的 紙 上 公司 必須 符合 經濟 實質 規定 像是 銀行業務 經銷 與 服務 業務 融資 與 租賃 業務 基金 管理 業務 營運 總部 保險業務 智慧 財產權 業務 航運 業務 以及 控股 公司 等 九 大 類型 採取 歷年 制 的 bvi 公司 必 須要 在 2020 年 12 月 29 日前 進行 年度 申報 在 bvi 若 第一 次 違反 經濟 實質 法規 罰 鍰 從 5千 美元 起跳 最高 可 達 2萬 美元 情況嚴重 者 將 可能 被 停業 或 撤銷 營業 登記 資 誠 全球 稅務 服務 會計師 曾博 升 指出 如果 台商 在 bvi 公司 為 純 控股 活動 可 適用 較 低 限度 的 實質 營運 要求 例如 不 需要 於 當地 開立 董事會 且 可以 外 包 當地 專業 機構 提供 員工 及 辦公室 的 要求 台商 在 bvi 公司 若 被 認定 為 其他 八大 類 活動 例如 進行 貿易 轉 單 業務 擔任 集團 資金 中心 貸 與 關係 企業 資金 收取 利息 或是 為 其他 關係 企業 提供 管理 服務 收取 服務費 等 依照 經濟 實質 法規 必須 雇用 一定 的 當地 員工 在 當地 有 營運 處所 與 營運 費用 並且 要 有 一定 數量 的 董事 出席 曾博 升 認為 台商 面對 疫情 造成 的 旅遊 限制 可 準備 證明文件 並 考量 適用 bvi 新冠肺炎 彈性 措施 另外 如今 新冠肺炎 疫情 蔓延 曾博 升 指出 不少 國家 的 政府 機構 的 行政 效能 變 得 相當 緩慢 如果 台商 因應 經濟 實質 法規 或 其他 反 避 稅 因素 採取 架構 調整 例如 申請 成為 他國 稅務 居民 調整 交易 模式 或 法律 控股 架構 等時程 上 都 可能 有 延 後 情況</t>
  </si>
  <si>
    <t>大陸 經歷 近 兩 個 月 的 新冠肺炎 疫情 嚴酷 考驗 無論 中央 或 地方 都 在 經驗 中 累積 不少 教訓 但 也 得到 比 2003 年 sars 期間 更 多 寶貴 防疫 資產 任何 防疫 經驗 都 值得 參考 不該 以人廢言 值得 學習 就 學習 至少 像 大陸 的 封城 經驗 已 經驗</t>
  </si>
  <si>
    <t>大陸 經歷 近 兩 個 月 的 新冠肺炎 疫情 嚴酷 考驗 無論 中央 或 地方 都 在 經驗 中 累積 不少 教訓 但 也 得到 比 2003 年 sars 期間 更 多 寶貴 防疫 資產 任何 防疫 經驗 都 值得 參考 不該 以人廢言 值得 學習 就 學習 至少 像 大陸 的 封城 經驗 已經 驗證 是 有效 的 許多 疫情 初發 的 國家 都已 在 學習 中國疾病預防控制中心 副 主任 馮子健 說 回顧 應對 疫情 的 過程 中國 有 教訓 也 積累 許多 經驗 特別 是 對 疾病 特點 控制措施 有效性 等 方面 形成 一些 認識 把 這些 經驗 即時 分享 給 目前 確診 病例 增長 的 國家 是 中國 應 做 的 事 國際 社會 也 將 由此 形成 合力 共同 應對 這 一 全球 公共 衛生 危機 的確如此 任何 凶 猛 的 傳染病 疫情 都會 對 人類 帶來 極大 危害 這 波 新冠肺炎 疫情 已經 造成 全 世界 經濟 的 嚴重 傷害 而 在 疫情 防控 及 病毒 疫苗 等 研發 方面 各國 不必 再 走 冤枉路 各自 發展 而是 互相 攜手 共同 對抗 相同 的 敵人 病毒 大陸 在世界上 或許 不是 非常 受 歡迎 的 國家 但 在 這 波 面對 新冠肺炎 所 展現 的 防控 手段 果決 且 嚴實 尤其 是 付出 絕對 慘重 代價 的 封城 措施 將 疫情 封鎖 在 大陸 境內 尤其 是 湖北 一 省 的確 不容易 果非 如此 相信 目前 全世界 的 疫情 早已 失控 該 給 的 肯定 還是 不必 吝惜</t>
  </si>
  <si>
    <t>宅 配 通 2642 28 日 股東會 通過 今年 配發 股利 12 元 該 公司 受惠 宅 經濟 今年 首季 獲利 5454萬 元 年 增 4455 eps 057 元 優於 市場 預期 第二 季 獲利 估 會 更 好 還有 第 四季 全年 最 大 旺季 全年 獲利 估 會 有 大幅 增長 宅 配 通 去年 營 收 3713億 元 獲利 162億 元 eps 169 元 今年 因為 新冠肺炎 讓 電 商 業務 成長 加速 公司 承接 的 電 商 平臺 貨物 約 占營 收 三 成 但 實際 與 電 商 有關 的 貨載 多 很多 現在 小農 也 透過 網路 銷售 產品 另外 透過 超 商代 收 代送 的 貨物 很多 都是網 購 商品 由於 第二 季是 傳統 旺季 有 端午節 大 檔 期 夏季 高價 冷藏 貨 也 開始 增多 估 業績 表現 會 更 好 新冠肺炎 改變 民眾 消費 習慣 電 商 業務 激增 讓 宅 配 市場 淡旺季 越來越 不 明顯 第 四季 有 雙 十一 與 雙 十二 估計 是 業績 表現 最好 第一 季 宅 配 通 今日 董事會 將 除息 交易日 訂 在 6 月 15 日 最後 過戶 日 為 6 月 16 日 股票 於 6 月 17 日 6 月 21 日 停止 過戶 除息 基準日 為 6 月 21 日 現金 股利 發放 日 訂 在 7 月 1 日</t>
  </si>
  <si>
    <t>宅 配 通 eps 會 更 好 新冠肺炎 電 商 業務</t>
  </si>
  <si>
    <t>汽車產業 關閉 歐洲和 北美 廠房 協助 防止 新冠肺炎 疫情 擴散 專家 指出 若 歐美關 廠 延續 至 4 月底 汽車產業 恐 流失 逾 1000億 美元 營 收 研究 機構 autoanalysis 創辦 人 亨利 ian henry 預測 如果 汽車產業 的 歐洲 與 北美 廠房 停</t>
  </si>
  <si>
    <t>廠房 汽車產業 新冠肺炎 英國 歐美</t>
  </si>
  <si>
    <t>導線 架 廠 順德 2351 公佈 2019 年 獲利 自 結 數 每股 稅 前 盈 餘 為 382 元 受到 農曆年 長假 影響 順德 1 月 合併 營 收 為 647億 元 月 減 1597 儘管 大陸 新冠肺炎 疫情 蔓延 順德 預估 第 1 季營 收有 機會 逐月 成長 單季 營 收 將 較 去年</t>
  </si>
  <si>
    <t>導線 架 廠 順德 2351 公佈 2019 年 獲利 自 結 數 每股 稅 前 盈 餘 為 382 元 受到 農曆年 長假 影響 順德 1 月 合併 營 收 為 647億 元 月 減 1597 儘管 大陸 新冠肺炎 疫情 蔓延 順德 預估 第 1 季營 收有 機會 逐月 成長 單季 營 收 將 較 去年 第 4 季 小幅 衰退 到 持平 由於 去年 第 4 季智慧 型 手機 客戶 需求增 溫 順德 去年 第 4 季 合併 營 收 為 2153億 元 季增 113 稅 前 盈 餘 為 9288萬 元 季 減 4736 單季 每股 稅 前 盈 餘 051 元 累計 2019 年 合併 營 收 為 8839億 元 年 減 1514 營業 淨利 為 745億 元 稅 前 盈 餘 為 695億 元 每股 稅 前 盈 餘 為 382 元 受 農曆年 長假 工作 天數 減少 影響 順德 1 月 合併 營 收 647億 元 月 減 1597 年 減 2446 順德 大陸 蘇州 廠 區 已於 2 月 10 日 順利 復工 不過 受到 大陸 嚴格 管 控 疫情 影響目前 復工 率 低於 往年 不過 順德 主要 廠 區 在 臺灣 重要 客戶 訂單 可 由 臺灣 廠 區 支應 出 貨 可望 降低 大陸 新冠肺炎 疫情 對 生產 及 出 貨 的 影響 順德 表示 今年 第 1 季營 收有 機會 逐月 成長 單季 合併 營 收 將 較 去年 第 4 季 小幅 衰退 到 持平</t>
  </si>
  <si>
    <t>順德 2019 年 獲利 1 月 合併 營 收 復工 新冠肺炎</t>
  </si>
  <si>
    <t>蘇晏霈 本土 劇 女神 新冠肺炎 疫苗 az</t>
  </si>
  <si>
    <t>因應 新冠肺炎 疫情 立 法院 今天 三讀通過 紓困 條例 蔡英文 總統 下午 隨即 簽署 後 發佈 蔡英文 感謝 行政院 和 朝野 政黨 的 立法 效率 強調 接下來 還有 600億 特別 預算 會 送到 立 法院 審議 希望 朝野 能夠 再度 攜手 盡 速 審議 預算 提供</t>
  </si>
  <si>
    <t>牛津大學 研發 新冠肺炎 疫苗 具 強烈 免疫 反應</t>
  </si>
  <si>
    <t>新冠肺炎 疫情 持續 肆虐 全球 其中 以 美國 最為 嚴重 確診 人數 已經 突破 240萬 人 然而 依舊 不少 民眾 反對 強制 戴 口罩 其中 佛羅里達 一 場 要 不 要 強制 戴 口罩 的 聽證會 中 一 名 紅衣 女子 高 分貝 拒絕 戴 口罩 更 痛 批 這 是 惡魔 謀害 人</t>
  </si>
  <si>
    <t>高雄 28 日 驚 傳 1 例 本土 確診 個案 案 15725 出現 相關 症狀 後 在 27 日 自 行前 往 醫院 被 采 檢 確診 疑 似是 被 同住者 傳染 市府 接 獲 通報 後 緊急 匡列 31 位 相關 接觸 者 該 名 同住者 也 被 采 檢 確診 其 餘 30 人 快 篩 均 呈 陰性 pcr 還 在 等待 結果 當中 目前 尚未 找到 感染 源 根據 市府 衛生局 疫 調 顯示 案 15725 的 同住者 曾 於 7 月 13 到 16 日 及 2526 日 與 友人 聚會 同住者 於 7 月 21 日 出現 疑 似 確診 的 症狀 案 15725 則 在 26 日 出現 發燒 畏 寒 疲倦 等 症狀 隔日 便 自行 騎 機車 到 院 采 檢 pcr 檢驗 結果 陽性 確診 ct 值 僅 129 目前 收 住 醫院 負 壓 隔離病房 高 市府 衛生局 表示 案 15725 的 同住者 被 匡列 後 經過 檢驗 後 也 被 判定 確診 ct 值 228 相關 人員 疫 調 後 發現 該 名 同住者 曾 與 北部 友人 多次 聚會 疑 似 被 友人 傳染 後再 傳染給 案 15725 針對 該 名 同住者 與其 他 友人 是否 違反 群 聚 規定 尚 在 調查 當中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同住者 高雄 確診 友人 新冠肺炎</t>
  </si>
  <si>
    <t>新冠肺炎 臺灣 家樂福 桂林 店 萬華 衛生局</t>
  </si>
  <si>
    <t>新冠肺炎 臺灣 疫苗 混打 科學 資料</t>
  </si>
  <si>
    <t>新冠肺炎 臺灣 疫苗 侯友宜 刁難</t>
  </si>
  <si>
    <t>2020 年度 代 表字 臺灣 疫 疫情 新冠肺炎</t>
  </si>
  <si>
    <t>歐陽娜 娜 歐陽 妮妮 歐陽 龍 傅娟 新冠肺炎</t>
  </si>
  <si>
    <t>美國 疾 管 中心 cdc 呼吸道 部門 主任 梅森尼爾 nancy messonnier 本 週五 以 電話 記者會 的 形式 向 美國 民眾 說明 美國 新冠肺炎 的 最新 情況 梅森尼爾 公開 表示 亞洲 國家 如 新加坡 南韓 臺灣 泰國 越南 香港 與 日本 都</t>
  </si>
  <si>
    <t>家教 台中 疫 調 新冠肺炎 臺灣</t>
  </si>
  <si>
    <t>新冠肺炎 臺灣 確診 醫護 護理 師</t>
  </si>
  <si>
    <t>新冠肺炎 影響 新北 家 扶僅 募 得 7000 元</t>
  </si>
  <si>
    <t>教育部 統一 將 學校 開學 延至 25 日 新北 市 家 扶 中心 8 日 於遠東 百貨 板橋 中山 店 舉行 用 愛 補 位 鼠 來 寶新春 義賣 為 弱勢 孩童 籌募 助學金 受 新冠肺炎 影響 減緩 民眾 外出 意願 攤位 前 門可羅雀 今年 義賣 收入 僅 7000 多元 讓 社</t>
  </si>
  <si>
    <t>教育部 統一 將 學校 開學 延至 25 日 新北 市 家 扶 中心 8 日 於遠東 百貨 板橋 中山 店 舉行 用 愛 補 位 鼠 來 寶新春 義賣 為 弱勢 孩童 籌募 助學金 受 新冠肺炎 影響 減緩 民眾 外出 意願 攤位 前 門可羅雀 今年 義賣 收入 僅 7000 多元 讓 社 工 同仁 感到 無比 憂心 家 扶 基金會 為 協助 弱勢 孩子 籌募 助學金 從 2 月 3 日 至 9 日 止 全台 家 扶 中心 舉辦 共 63 場 用 愛 補 位 鼠 來 寶新春 義賣 新北 市 家 扶 中心 主任 林夢萍 表示 今年 義賣 活動 雖 受到 疫情 的 影響 收入 大幅 減少 但 弱勢 孩童 在 就學 上 的 需求 卻 未 因 此 而 減少 呼籲 社會 大眾 在 關注 防疫 的 同時 也 能 關懷 弱勢 家 扶兒 成長 的 需求 民眾 可 利用 線 上 捐款 的 方式 説明 兒少 安心 上學 林 夢萍 提到 目前 扶助 家庭 約 2100 戶 4000 名 弱勢 兒童 弱勢 家庭 期待 子女 能 透過 學習 增加 知識 儲備 能力 翻轉 貧窮 然 孩童 求學 的 過程 中 因 經濟 困境 帶來 不少 貧 頸 與 考驗 為 幫助 弱勢 孩子 補足 學習 資源 中心 發起 安心 上學 計畫 盼 社會 大眾 成為 弱勢 孩童 求學 路上 的 點燈 人 新北 市 家 扶 中心 表示 就讀 大 二 的 小宇 就 是 家 扶 扶助 的 對象 小宇 因 父母親 離異 自小 便 由 父親 獨自 扶養 長大 但 高二 那年 因 父 期 突如其來 的 中風 失去 生活 自主 能力 使得 小宇 必須 一 夜 長大 獨自 扛起 自身 的 生活 及 學習 所 需 的 開銷 利用 課 餘 時間 外出 打工 賺取 生活費</t>
  </si>
  <si>
    <t>新冠肺炎 印度 變異 株 delta 秘魯 嬤 確診</t>
  </si>
  <si>
    <t>新冠肺炎 嘉 明湖 向陽 住宿 體溫</t>
  </si>
  <si>
    <t>新冠肺炎 臺灣 eua 臨床 疫苗</t>
  </si>
  <si>
    <t>億萬富翁 慈善家 比爾·蓋茨 bill gates 在 週四 的 部落 客 文章 中 概述 了 世界 需要 採取 哪些 行動 來 制止 新冠肺炎 流行 並 重新 開放 經濟 蓋茨 說 世界 必須 改善 其 治療 方法 疫苗 測試 和 接觸 者 追蹤 他 說 大陸 還 需要 研究 其 開</t>
  </si>
  <si>
    <t>世界 新冠肺炎 蓋茨 疫苗 測試</t>
  </si>
  <si>
    <t>新冠肺炎 引發 人心惶惶 高雄 凱旋 醫院 發現 2 月中 旬 過後 有 部分 原有 焦慮 症狀 的 民眾 回診 比例 增高 大多 接收 太 多 新聞資訊 引發 過度 恐慌 影響 心情 及 睡眠 品質 醫師 呼籲 儘量 轉移 注意力 鼓勵 多 到 戶外 走 一 走調 適 身心</t>
  </si>
  <si>
    <t>新冠肺炎 引發 人心惶惶 高雄 凱旋 醫院 發現 2 月中 旬 過後 有 部分 原有 焦慮 症狀 的 民眾 回診 比例 增高 大多 接收 太 多 新聞資訊 引發 過度 恐慌 影響 心情 及 睡眠 品質 醫師 呼籲 儘量 轉移 注意力 鼓勵 多 到 戶外 走 一 走調 適 身心 凱旋 醫院 成 癮 防治 科 主治醫師 高維聰 表示 原本 有 一些 焦慮 個案 受到 疫情 資訊 影響 使得 原本 穩定 的 病況 又 開始 出現 症狀 因此 頻頻 回診 大部分 主訴 看 太 多 新聞報導 而 忍不住 去 想 高 維 聰 提到 過去 臺灣 民眾 因為 擔心 被 sars 感染 恐慌 持續 好 一陣子 這次 新型 冠狀 肺炎 全台 瘋 搶 口罩 現象 被 媒體 反 覆 與 大量 播送 後 對 閱 聽 民眾 影響 自然 有 不斷 放大 效果 他 認為 現階段 除 極 少數 感染 或 疑 似 感染 而 遭受 隔離 者 外 絕大多數 民眾 是 安全 的 如何 避免 過度 暴露 在 大量 災難 資訊 的 衝擊 情境 中 保有 正常 作息 與 穩定 心情 是 自我 保護 的 重要 原則 他 指出 現代 社會 人際關係 原 已 疏離 冷漠 受到 疫情 影響 人們 更 避免 親密 人際關係 接觸 使 脆弱 的 人際 互動 更加 惡化 恐懼 壓力 是 焦慮 症 的 禍首 疫情 肆虐 下 恐 使 憂鬱 症 及 焦慮 症 這 兩 大 心理疾病 更為嚴重 面對 新冠肺炎 他 籲 不可 掉以輕心 無論 生理 或 心理 尋求 專業 人員 的 協助 與 建議 極 有 必要</t>
  </si>
  <si>
    <t>2020 金馬 奇幻 影展 不受 新冠肺炎 疫情 影響 4 月 如期 於 臺北 台中 登場 26 日 公佈 開幕 片 為 青春 愛情 片 刻 在 你 心底 的 名字 電影 找來 返校 暴 紅 的 國民 學弟 曾 敬驊 和 紅色 氣球 陳昊 森 主演 在 片中 展開 動人 的 同</t>
  </si>
  <si>
    <t>新冠肺炎 全球 疫苗 過期 以色列</t>
  </si>
  <si>
    <t>新冠肺炎 疫情 瑞德西韋 臨床 試驗 暫停</t>
  </si>
  <si>
    <t>新冠 疫情 影響 到 各行各業 的 生計 境外 基金 也 出現 大 失血 除了 淨值 重摔 外 因 投資人 在 3 月 瘋狂 大 贖回 讓 境外 基金 規模 降到 3 兆 元 以下 是 近 六 年 來 的 新低 據 投 信 投 顧 公會 最新 資料 顯示 境外 基金 規模 3 月底 降 至 2823 兆 元 來到 2014 年 1 月底 的 新低 2 月底 時 境外 基金 的 規模 還有 3495 兆 元 短短 一個 月 縮水 了 6720億 元 尤其 海外 債券 基金 更是 重災區 基 優 網 執行 長白 富 美 表示 2019 年 臺灣人 每月 都淨 申購 債券 基金 2 月 依舊 都有 兩三百億 元 淨 申購 規模 惟 3 月 全球 市場 因為 新冠肺炎 疫情 大 流行 重 挫 美國 全球 金融市場 重摔 臺灣 投資 人 3 月 淨 贖回 境外 債券 基金 高達 1189億 元 導致 第一 季 境外 基金 資金 由 淨流入 轉為 淨 流出 相較 去年 臺灣人 淨 申購 境外 債券 基金 高達新 台幣 3675億 元 第一 季淨 贖回 金額 即 佔有 去年 淨申購 規模 的 三 分之一 根據 境外 基金 觀測站 fundlover 的 資料 顯示 最近 一 季 流出 最 多 的 前 十 檔 境外 基金 以 風險性 債券 基金 為主 不過 這 十 檔 基金淨值 在 4 月份 都明顯 彈升 至 4 月 29 日 止 有 五 檔 近 月 彈升 了 5 以上 分別 是 安聯 收益 成長 822 鋒 裕 匯 理 新興 市場 債 基金 583 摩根 中國 美元 1014 富達 新興 市場 基金 774 以及 施羅德 環球 高 收益 債 美元 527 3 月份 贖回 這些 基金 的 投資人 恐 會 相當 扼腕 第一 季也 有 數 十 檔 境外 基金 逆勢 吸 金 前 五 名 分別 是 摩根 環球 債 收益 基金 nn l 新興 市場 債 基金 pimco 多元 收益 債 基金 貝萊德 世界 能源 基金 及 聯 博 全球 多元 收益 基金 其中 前 二 名 的 基金 第一 季 淨流入 更 逾 百億 元 可說是 疫情 下 的 境外 基金 最 大 受惠 者</t>
  </si>
  <si>
    <t>川普 夫婦 確診 新冠肺炎 網 驚 果然 有 十月 驚奇</t>
  </si>
  <si>
    <t>莫德納 bnt 疫苗 臺灣 新冠肺炎</t>
  </si>
  <si>
    <t>一 款 價格 較 低 的 新冠肺炎 疫 苖 亦 宣佈 高達 9 成 防護力 的 好 消息 令 投資人 更加 看好 經濟 將 迅速 復蘇 的 前景 此外 美國 川普 政府 同意 正式 啟動 拜登 上任 前 的 交接 工作 亦 為 市場 帶來 提 振 週二 日經指數 刷新 逾 29 年 來 新 高 週二 日</t>
  </si>
  <si>
    <t>內政部長 徐國勇 近期 行事 低調 但 碰上 新冠肺炎 防疫 提升 還是 卯足 全力 親 上 火線 拍攝 防疫 動 茲 動 跟 內政 部 替代 役男 合拍 影片 宣教 完全 沒有 違和 感 徐國勇 上任 以來 凡事 全力以赴 為了 達成 使命 遇事 幾乎 第一時間 都 能見</t>
  </si>
  <si>
    <t>防疫 徐國勇 替代 役男 違和 感 新冠肺炎</t>
  </si>
  <si>
    <t>香港 許樹昌 新冠肺炎 流感 與 病毒 共存</t>
  </si>
  <si>
    <t>新冠肺炎 蓋 牌 陳時中 本土 疫情</t>
  </si>
  <si>
    <t>新冠肺炎 疫情 衝擊 金門 特產 業 縣府 建設處 縣 工策 會 與 國內 蝦皮 購物 電 商 平臺 合作 成立 金正好 購 商品 專區 期待 趕上 宅 經濟 潮流 打開 另 一道 迎來 好 業績 的 通路 縣長 楊鎮 浯 今 1 日 下午 客串 直播 主 在 躍動 金門 專</t>
  </si>
  <si>
    <t>新冠肺炎 疫情 金門 特產 業 金正好 購</t>
  </si>
  <si>
    <t>今年 國內 投 信業 者 新 基金 募集 多元 不但 檔 數 增加 成效 也 佳 重現 2016 年 國內 高 收益 債 基金 募集 熱潮 導致 多 檔 基金 公告 額 滿 暫停 申購 的 情況 不只 年初 再現 柏瑞 esg 量化 基金 公告 暫停 申購 日前 募集 只 有 五 天 即 宣告 額 滿 的 中信 越南 機會 基金 更 是 2015 年 陸 股 投資 熱潮 後 首 見 的 單一 國家 股票 型基金 募集 額 滿 據 統計 從 2007 年 至 今 新 基金 募集 陸續 出現 過 綠 能 基金 中國 基 金因 過熱 出現 額度 控管 或 暫停 申購 的 公告 隨後 一 波 的 高峰期 則 集中 在 2016 年 聯 博 柏瑞 等 投 信 的 高 收益 債 基金 熱 賣 頻 有 額度 控管 消息 隨後 國內 新 基金 募集 主要 集中 在 etf 值得注意 的 是 年初 起 又 見 柏瑞 esg 量化 債券 基金 公告 暫停 申購 投 信業 者 陸續 推出 各類 主題 式 基金 近期 中信 投 信 募集 越南 基金 更 出現 募集 五 天 即 公告 額 滿 暫停 申購 是2015 年 群 益 中國 新 機會 基金 之後 首 見 股票 基金 募集 額 滿之 作 投 信業 者 表示 由於 銀行利率 過 低 加上 市場 遊資 多 且 市場 對於 新冠肺炎 未來 疫苗 的 研發 普遍認為 會 朝好 的 方向 走 各類 股票 型基金 開始 吸引 投資人 的 目光 不論 募集 中國 5 g 臺灣 高 股息 或 全球 esg 永 續高 收益 債 美國 短 年期 高 收 債 等 基金 都有 不錯 成效 造就 今年 投 信 新 基金 募集 難得 的 榮景 據 統計 本 季 陸續 還有 六 檔 股 債 新 基金 將 展開 募集 3 月底 在 市場 吸 金 近 500億 元 的 元大 投 信 龍頭 高 股息 基金 之後 第二 季已 募集 成立 的 基金 中 包括 安聯 特別 收益 多重 資產 基金 大華 銀 新加坡 房地產 收益 基金 合 庫 美國 短 年期 高 收益 債券 基金 與 凱基 全球 esg 永 續高 收益 債券 基金 都 募集 超過 45億 元 業者 分析 整體 國內 投 信 新 基金 募集 走向 多元 主題 在 市場 遊資 充斥 下 只要 能夠 引起投資人 共鳴 就 可 獲得 不錯 的 募集 成效 加上 投 信業 者 紛 透過 網路 結合 社 群 媒體 行銷 策略 基金 平臺 投資 便利 的 投資 管道 可望 推 升 國內 投 信 整體 基金 的 規模 持續 成長</t>
  </si>
  <si>
    <t>義 大利 孔蒂 實施 新冠肺炎 封鎖</t>
  </si>
  <si>
    <t>疫苗 代 工 臺灣 陳時中 技術 新冠肺炎</t>
  </si>
  <si>
    <t>動感 天 後 翹 臀 珍 珍妮佛羅 培 茲 jennifer lopez 近年 比起 音樂 事業 更 多 是 在 電影 圈 打天下 剩下 的 時間 則 多用 來 陪伴 家人 算 一 算 已經 6 年 沒 推出 唱片 新 作品 而 今年 又 遇上新冠肺炎 全球 擴散 粉絲 多 覺得 天 後 出 輯 無望</t>
  </si>
  <si>
    <t>動感 天 後 翹 臀 珍 珍妮佛羅 培 茲 jennifer lopez 近年 比起 音樂 事業 更 多 是 在 電影 圈 打天下 剩下 的 時間 則 多用 來 陪伴 家人 算 一 算 已經 6 年 沒 推出 唱片 新 作品 而 今年 又 遇上新冠肺炎 全球 擴散 粉絲 多 覺得 天 後 出 輯 無望 沒 想到 翹 臀 珍 在 ig 宣佈 將 推出 新 單 曲 連 封面 都 拍好 了 當然 是 超級 香豔 火 辣 女明星 大多 會 擔心 變 老 變 醜 但 珍妮佛羅 培 茲 倒是 始終 逆 齡 每次 現身 都讓人 想去 查 一下 維琪百科 看看 她 今年 幾 歲 能夠 大量 露出 肌膚 與 曲線 的 服裝 可以 說 是 她 出席 各種 場合 穿 搭上 的 最 大 重點 而 這樣 的 她 在 新 單 曲 封面 部分 也 不 藏私 大 秀 特 秀 一 波 jennifer lopez @jlo 分享 的 貼 文 翹 臀 珍 繼 昨天 在 ig 曬 出 幾 張 為 單曲 拍攝 的 寫真照 今天 乾脆 讓 粉絲 直接 看 個 過癮 公開 單曲 in the morning 正式 封面照只見 51 歲 的 她 頂 著 一頭 棕 金色 性感 濕 發 側身 入 鏡 撫 唇 迷濛 看 著 鏡頭 而 最好 的 穿 搭 就是 身上 不要 穿 任何 東西 翹 臀 珍 竟 大膽 選擇 全裸 入 鏡 照片 走 黑金 色調 搭配 呼應 珍妮佛羅 培 茲 自豪 的 拉丁 裔 焦糖 色 細緻 肌膚 而 她 長期 堅持 健身 果真 全身上下 的 線條 都 很 完美 招牌 電 臀 同樣 挺翹 甚至 還 練出 腹肌 除了 s 曲線 外 也 展現 多數 女性 身上 少見 的 力量 線條 實在 很 難 相信 她 不但 是 兩 個 孩子 的 媽 而且 已經 是 年過半百 的 女人 了</t>
  </si>
  <si>
    <t>新冠肺炎 擴散 全球 在 一般 民眾 一窩蜂 心態 之下 多國 連帶 出現 搶購 物資 潮 其中 臺灣 香港 日本 皆 出現 衛生紙 之 亂 連 澳洲 也 不 例外 對此 澳洲 一家 小報 5 日 特別 增 印 8 頁 空白 版面 供 讀者 應急 似乎 暗 諷 民眾 盲目</t>
  </si>
  <si>
    <t>新冠肺炎 疫情 加速 宅 經濟 發展 包括 索尼 及 微軟 兩 大 遊戲機 廠 近期 宣佈 將 在 年底 推出 新 一代 遊戲機 大 搶 宅 經濟 龐大商 機 索尼 新款 playstation 5 及 微軟 新款 xbox series x 等 核心 處理器 都 採用 由 超 微 amd 量 身 打造 的 全新</t>
  </si>
  <si>
    <t>新冠肺炎 疫情 加速 宅 經濟 發展 包括 索尼 及 微軟 兩 大 遊戲機 廠 近期 宣佈 將 在 年底 推出 新 一代 遊戲機 大 搶 宅 經濟 龐大商 機 索尼 新款 playstation 5 及 微軟 新款 xbox series x 等 核心 處理器 都 採用 由 超 微 amd 量 身 打造 的 全新 架構 半 客 制 化 晶 片 並 交由 台積電 2330 在 下半年 以 7 奈 米制 程量產 法人 預期 對 台積電 維持 下半年 7 奈 米 產能 利用率 有 很 大 助益 全球 主要 國家 近期 都因新冠肺炎 疫情 延 燒 而 宣佈 封城 及 要求 人民 不要 外出 不僅 在 家 遠 距 工作 成為 新 趨勢 宅 經濟 也 成為 市場 矚目 焦點 已 推出 新款 遊戲機 的 任天堂 switch 系統 因 宅 經濟 發燒 而 大 賣 也 讓 索尼 及 微軟 加快 新款 遊戲機 研發 預期 今年底 正式 上市 銷售 微軟 將 在 今年底 推出 新 一代 xbox series x 遊戲機 採用 超 微 打造 的 半 客 制 化 cpu 及 gpu 其中 包括 采用 超 微 zen 2 架構 的 半 客 制 化 8 核心 cpu 核心 運算 時脈 可 達 38 ghz 同時 也 採用 超 微 rdna 2 架構 的 半 客 制 化 gpu 內含 52 個 運算 單位 及 運算 時脈達 1825 ghz 運算 效能 達 12 tflops 每 秒 兆 次 浮點運算 及 支援 先進 的 光線 追蹤 ray tracing 技術 索尼 亦 公佈 了 playstation 5 遊戲機 硬體 規格 其中 cpu 核心 採用 超 微 zen 2 架構 半 客 制 化 cpu 搭載 8 核心 及 運算 時脈達 35 ghz gpu 則 採用 超 微 rdna 2 架構 搭載 36 個 運算 單位 及 運算 時脈達 223 ghz 運算 效能 達 1028 tflops 同樣 支援 光線 追蹤 技術 微軟 xbox series x 及 索尼 playstation 5 等 新款 遊戲機 內建 的 超 微 zen 2 架構 cpu 及 rdna 2 架構 gpu 均 採用 台積電 7 奈 米制 程 生產 但 據 供應 鏈 業者 透露 微軟 新 遊戲機 主 板 上 應是 將 cpu 及 gpu 分開 但 索尼 是 將 cpu gpu i o 晶片組 等 利用 封裝 技術 整 合為 單 顆 半 客 制 化 系統 晶 片 法人 認為 台積電 下半年 接 單 可能 因 新冠肺炎 疫情 仍 無 法 有效 控制 而 出現 較 大 的 下 修 壓力 但 索尼 及 微軟 新 遊戲機 cpu 及 gpu 的 7 奈 米 晶圓 代 工 訂單 正好 會 在 下半年 開始 放 量 可望 有效 抵消 疫情 引發 的 產能 利用率 下 修 風險 有助於 台 積 電 達成 今年 成長 目標</t>
  </si>
  <si>
    <t>蛤 免疫 風濕病 友 會 是 新冠肺炎 高風險 群 台中 榮 總 過敏 免疫 風濕科 主任 黃文男 指出 風濕病 友 致病 機 轉 主要 是 自體 免疫系統 混亂 所 致 有些 病友 誤 為 使用 類固醇 免疫抑制 劑 等 藥物 會 增加 感染 風險 詢問 能 不能 自行 停藥 這 做法</t>
  </si>
  <si>
    <t>新冠肺炎 疫情 蔓延 全球 香港 經濟 重 挫 財政司 司長 陳茂波 22 日 表示 現在 情況 正 處於 水深火熱 比 2003 年 sars 風波 還 嚴峻 許多 中小企業 正 在 承受 生意 斷 崖 式 下跌 面臨 資金 鏈斷裂 的 危機 員工 亦 連接 受 打擊 他 表示 經</t>
  </si>
  <si>
    <t>新冠肺炎 疫情 蔓延 全球 香港 經濟 重 挫 財政司 司長 陳茂波 22 日 表示 現在 情況 正 處於 水深火熱 比 2003 年 sars 風波 還 嚴峻 許多 中小企業 正 在 承受 生意 斷 崖 式 下跌 面臨 資金 鏈斷裂 的 危機 員工 亦 連接 受 打擊 他 表示 經濟 疲弱 情況 暫時 難 扭轉 失業率 在短期內 仍然 會 繼續 上升 值得注意 的 是 截至 昨日 為止 中午 香港 新增 44 例 確診 個案 累積 確診 個案 增至 318 例 突破 300 例 大關 陳 茂波 昨日 以 力保 經濟 元氣 為題 發表 網 志 他 表示 不少 國際 組織 和 經濟學家 都對 前景 感到 悲觀 警告 今年 全球 經濟 可能 陷入 衰退 為 穩住 市場 信心 全球 多國 先 後 宣佈 減息 並為 市場 提供 流動性 多國 政府 更 同時 推出 大規模 財政 措施 應對 疫情 帶來 的 經濟 下行 壓力 陳 茂波 表示 香港 零售 銷售 已 連續 12 個 月 呈現 下跌 最新 數字 將 於 本月底 公佈 相信 經濟 疲弱 情況 暫 難 扭轉 失業率 方面 已 惡化 至 37 逾 9 年 新高 失業人數 逾 13萬 按 月 增加 約 12萬 人 相信 失業率 在短期內 仍 會 繼續 上升 陳 茂波 強調 港 府 已於 財政 預算案 中 提出 由 政府 擔保 向 中小 企 提供 特 惠 低息貸款 計 畫 目前 已 獲 立法會 財委會 通過 正 督促 業 界 準備 預計 下 個 月 內 開始 接受 企業 申請 另外 美國傳統基金會 近日 發佈 2020 年 經濟 自由度 指數 香港 25 年 來 首次 失卻 全球 首 位 陳 茂波 指出 在 12 項 評估 經濟 自由度 的 因素 中 香港 有 7 取得 90 分 或 以上 的 佳績 惟 去年 下半年 的 社會 動盪 引發 治安 問題 令 投資 自由 的 評分 大幅 下跌 以致 總分 下降</t>
  </si>
  <si>
    <t>使用者 付費 柬國 將 向 外國 客 徵收 新冠肺炎 押金 9萬 含 葬 儀 費</t>
  </si>
  <si>
    <t>受到 新冠肺炎 影響 各國 政府 紛紛 採取 鎖國 政策 關閉 邊境 連帶 使 旅遊業 受到 衝擊 近期 疫情 雖 少有 緩解 仍 不能 掉以輕心 為此 柬埔寨 要求 所有 外國遊客 入境 時 必須 繳納 3000 美元 約 新 台幣 9萬 元 的 新冠肺炎 押金 用</t>
  </si>
  <si>
    <t>約 台幣 押金 新冠肺炎 美元 柬埔寨</t>
  </si>
  <si>
    <t>新冠肺炎 臺灣 個案 采 檢 北市</t>
  </si>
  <si>
    <t>基隆 男 高中生 新冠肺炎 美 香 齋 媽媽</t>
  </si>
  <si>
    <t>受到 新冠肺炎 疫情 影響 大陸 國務院 總理 李克強 17 日 表示 要 根據 疫情 持續 向好 態勢 在 保持 必要 疫情 防控 措施 的 同時 取消 妨礙 復工 複產 的 不合理 規定 並 強調 要 讓 更 多 務工人員 儘快 返回 工作崗位 且 有 活 幹 有錢 賺</t>
  </si>
  <si>
    <t>受到 新冠肺炎 疫情 影響 大陸 國務院 總理 李克強 17 日 表示 要 根據 疫情 持續 向好 態勢 在 保持 必要 疫情 防控 措施 的 同時 取消 妨礙 復工 複產 的 不合理 規定 並 強調 要 讓 更 多 務工人員 儘快 返回 工作崗位 且 有 活 幹 有錢 賺 李克強 在 大陸 國務院 常務會議 中 指出 統籌 推進 疫情 防控 和 經濟社會 發展 做好 六 穩 工作 必須 把穩 就業 放在首位 而 穩 就業 的 重要 支撐 在於 穩住 中小 微 企業 各 部門 要 通力合作 幫助 中小 微 企業 渡過 眼下 難關 支持 他們 恢復 經營 增加 就業 崗位 創造 更 多 社會財富 針對 相關 部門 彙報 目前 大陸 復工 複產 遇到 許多 限制 審批 層層加碼 辦理 環節 多 員工 返 崗 限制 多 對此 李克強 表示 現在 來看 大 企業 復工 率 相對 高 一點 而 中小 微 企業 復工 率 則 相對 較 低 兩者 不 相匹配 進而 導致 企業 復工 不能 複產 更 不能 達產 李克強 指出 從 一些 地區 的 實踐經驗 來看 即使 在 疫情 防控 的 關鍵時期 只要 科學 防控 到位 就 能 有效 遏制 病毒傳播 為 應對 疫情 帶來 的 衝擊 一些 方面 推出 不少 臨時性 應急 措施 隨 著 疫情 形勢 變化 要 清理 取消 不合時宜 的 臨時 管制 措施 李克強 表示 現在 一些 地方 出現 限制 企業 註冊 登記 以及 復工 複產 的 不合理 證明 還有 一些 地方 滋生 出 一些 不合理 的 收費 規定 等 這些 一定 要 抓緊 清理 取消 李克強 強調 這些 年 放 管服 改革 一 步 一 步 取得 的 成績 來之不易 決不能 再 走 回頭路</t>
  </si>
  <si>
    <t>新冠肺炎 臺灣 疫苗 臺灣 國務院</t>
  </si>
  <si>
    <t>臺灣區 南 投 縣 同鄉 會 聯合 總會 6 日 在 埔裡 鎮 帝 一 村 餐廳 熱鬧 舉行 一年一度 的 鳳還巢 返鄉 活動 及 全國 鄉親 歌唱 總 決賽 由 總 會長 陳文 質 主持 來自 全台 逾 1200 位 旅外 南 投 同鄉 熱烈 到場 參與 縣長 林明溱 特別 到場 致意 歡迎 鄉親 回 南 投 南 投 溫泉季 也 正式 展開 邀請 旅外 鄉親 呼朋引 伴 回來 泡 溫泉 用 五 倍 振興 券 消費 南 投 優質 農 產 和 美食 滿 200 元 發票 還 能 登錄 參加 抽獎 有 機會 贏得 高額 獎金 林明溱 說 南 投 同鄉 會 聯合 總會 多 年 來 不論是 公益活動 還是 投資 建廠 甚至 是 支持 南 投 縣 優質 農 產 都 積極參與 以 實際行動 支持 故鄉 南 投 不僅 對 縣政 和 經濟 貢獻 良多 這 份 愛鄉 情懷 更 令 人 感佩 新冠肺炎 疫情 發生 後 各項 活動 都 停 擺 旅外 鄉親 思鄉 甚 切 近期 疫情 趨 緩 疫情 警戒 逐漸 解封 1200 名 旅外 鄉親 返鄉 共襄盛舉 並 辦理 全國 鄉親 歌唱 總 決賽 林明溱 指出 南 投 縣 觀光 產業 雖 受 疫情 衝擊 遊客 銳減 幸 疫情 控制 得宜 加上 中央 五 倍 券 上路 縣府 為 促進 觀光 振興 地方 經濟 特別 規 畫 南 投 玩 很 大 千千萬萬 獎 不 完 發票 登錄 抽獎 活動 自 10 月 1 日 起至 明年 4 月 30 日 止 只要 持 南 投 縣 消費 200 元 發票 就 可 上網 登錄 參加 抽獎 周周 抽 10萬 現金 陳文 質 表示 感謝 縣府 每年 大力 支持 鳳還巢 返鄉 活動 讓 南 投 旅外 鄉親 備感 溫馨 今年 參加 鳳還巢 活動 鄉親 相當 踴躍 在 愛妮雅 集團 總裁 陳威 中 支持 下 特別 結合 該會 舉辦 的 全國 鄉親 歌唱 總 決賽 邀請 知名 演藝 人員 上官明 莉 艾成 等 擔任 評審 全場 活動 熱鬧 精彩</t>
  </si>
  <si>
    <t>根據 媒體 取得 的 日本 預算 草案 顯示 安倍 政府 將 編 列 新 的 11 兆 美元 117 兆 日圓 振興 方案 當中 涵蓋 可觀 的 直接 支出 以 遏止 新冠肺炎 危機 將 該 全球 第 三大 經濟體 推向 更 深 的 衰退 深淵 這 是 日本 繼 上月 推出 117 兆 日圓 振興 方案</t>
  </si>
  <si>
    <t>根據 媒體 取得 的 日本 預算 草案 顯示 安倍 政府 將 編 列 新 的 11 兆 美元 117 兆 日圓 振興 方案 當中 涵蓋 可觀 的 直接 支出 以 遏止 新冠肺炎 危機 將 該 全球 第 三大 經濟體 推向 更 深 的 衰退 深淵 這 是 日本 繼 上月 推出 117 兆 日圓 振興 方案 後 新一輪 的 刺激 方案 其 部分 經費 將 由 第二 追加預算 提供 然而 這項 新 的 方案 也 讓 日本 為 了 因應 這次 疫情 對 經濟 造成 傷害 導致 其 支出 總額 累計 達到 218 兆 美元 234 兆 日圓 約等於 日本 國內 生產 毛額 的 40 並 逼近 美國 的 23 兆 美元 經濟援助 方案 規模 草案 內容 指出 在 日本 編 列 第二 輪 的 11 兆 美元 新 振興 方案 當中 將 涵蓋 33 兆 日圓 的 直接 支出 為 對 該 方案 提供 經費 日本政府 將 根據 今 年度 第二 追加預算 額外 發行 319 兆 日圓 的 政府 公債 這 也 將 推 升 日本 今年 度 新債 發行額 將 締造 90 兆 日圓 新高 紀錄 日本首相 安倍晉三 在 週三 27 日 一 場 與 執政黨 議員 的 會議 上 強調 面對 未來 的 艱難 路途 我們 必須 竭盡全力 來 保護 商業 與 就業 我們 也 需要 採取 所 有 必要措施 來 為 另 一 波 疫情 做好 準備 基於 疫情 對 日本 經濟 衝擊 不斷擴大 安倍 先前 就 已經 指示 內閣 官員 擬定 新一輪 的 振興 方案 政府 官員 透露 第二 輪 振興 方案 的 重點 將 包括 增加 醫療 支出 援助 無法 支付 租金 的 公司 對 失去 兼職 工作 的 學生 提供 支援 以及 對 銷售額 銳減 的 企業 給予 更 多 補助 等 安倍 政府 還 將 提撥 10 兆 日圓 準備金 額 以 作為 緊急 支出 使用 至於 日本 在 上月 編 列 的 第一 輪 117 兆 日圓 振興 方案 當時 焦點 放在 發放 現金 給 民眾 以及 因應 疫情 造成 的 立即 傷害 日本 經濟 在 上 季 陷入 4 年 半 來 首次 衰退 凸顯 新冠肺炎 危機 已對 日本 企業 與 消費者 造成 重 擊 並 讓 日本 邁向 戰後 最 嚴峻 的 衰退 困境</t>
  </si>
  <si>
    <t>新冠肺炎 臺灣 快 篩 站 停電 北市</t>
  </si>
  <si>
    <t>新冠肺炎 謝明 源 臺灣 年輕 族群 蔡英文</t>
  </si>
  <si>
    <t>蔡裕明 新冠肺炎 催生 防疫 共同體</t>
  </si>
  <si>
    <t>持續 延 燒 的 新冠肺炎 疫情 對 兩岸關係 形成 新 一 波 的 對抗 影響 所及 就 是 兩岸關係 中 產生 新 的 論述 比較 明顯 的 是從 安全 化 概念 所 建立 新 的 安全觀 對 未來 兩岸關係 影響 深遠 安全 化 的 主要 論點 是 認為 安全 是 一 種 言外</t>
  </si>
  <si>
    <t>火腿 隊 剛 結束 與 西武 隊 之 戰 吳念庭 與 王柏融 同場 較勁 不過 火腿 隊 在 賽後 突然 宣佈 多 7 人 確診 新冠肺炎 加上 原本 的 3 人 球隊 目前 共有 10 人 確診 有 群 聚 感染 風險 因 此 明日 與 西武 之 戰 確定 取消 王柏融 與 吳念庭 的 近況 也 讓 球</t>
  </si>
  <si>
    <t>王柏融 吳念庭 火腿 隊 西武 獅 新冠肺炎</t>
  </si>
  <si>
    <t>英國首相 強生 boris johnson 6 日 因 新冠肺炎 病情惡化 住 進 加 護 病房 不過 目前 已 知 強生 高燒 已 退 已 度過 最 危險 時期 讓 英國 內閣 重 燃 希望 不過 專家 警告 即便 強生 完全 康復 最 慢 恐怕 也 要 等到 夏天 才能 重返 工作崗位</t>
  </si>
  <si>
    <t>英國首相 強生 boris johnson 6 日 因 新冠肺炎 病情惡化 住 進 加 護 病房 不過 目前 已 知 強生 高燒 已 退 已 度過 最 危險 時期 讓 英國 內閣 重 燃 希望 不過 專家 警告 即便 強生 完全 康復 最 慢 恐怕 也 要 等到 夏天 才能 重返 工作崗位 因為 病毒 會 讓 患者 元氣大傷 長期 臥病在床 也 會 讓 患者 肌肉 量 大 幅度 下降 綜合 路透社 英國 太陽 報 the sun 每日 郵報 daily mail 報導 英國首相 強生 住 進 加 護 病房 第二 晚 病況 愈來愈 穩定 醫師 在 第一時間 為 他 輸氧 已 有效 阻止 強生 病情惡化 醫生 判斷 沒有 必要 為 他 戴 上 氧氣 機 或 讓 他 服用 鎮靜劑 同時 強生 也 沒有 肺炎 現象 精神 狀況良好 不過 醫生 仍 安排 他 繼續 住 在 加 護 病房 以利 密切 觀察 英國 泰晤士報 the times 7 日 晚間 更 報導 強生 高燒 已 退 顯示 他 已經 度過 最 危險 時期 有 機會 打敗 病魔 由於 醫生 沒收 他 的 2 支 手機 強生 住 進 加 護 病房 後 就 與 外界 隔絕 聯繫 唐甯街 官員 否認 強生 有 其他 健康 問題 的 傳言 暫 代 首相 職務 的 英國 外相 拉布 dominic raab 週二 稱 強生 是 戰士 相信 強生 短 時間 內 就 會 康復 回來 帶領 內閣 不過 數 名 資深 保守 黨員 對此 持 保留 態度 當中 一 人 表示 現階段 情況 感覺 仍 很 危險 一直 到 他 離開 加 護 病房 病況 明顯好轉 之前 我 想 我們 之中 沒有 人 能 真正 放鬆 專家 對 此 也 不 樂觀 部分 專家 認為 強生 即便 康復 仍要 休息 數 周 才能 完全恢復 體力 最 慢 恐怕 要到 夏天 才能 重返 工作崗位 英國 東安 格利亞 大學 傳染病 專家 韓 特教 授 paul hunter 表示 如果 你 因為 病情嚴重 住 進 加 護 病房 並且 存活 很 明顯 你 需要 一些 時間 康復 而且 通常 只 有 一半 的 病人 能夠 活 下來 我 預期 多數 病況 那麼 嚴重 的 病人 至少 需要 1 個 月 或 可能 2 個 月 時間 才能 康復 恢復 工作 若 從現在起 算 意味 強生 有 可能 要到 夏天 才能 重返 唐寧街 英國 重症 醫學 專家 葛克 特教 授 mike grocott 表示 通常 一個 在 加 護 病房 接受 輸氧 治療 一段時間 無法 下 床 行動 的 病人 身體 機能 會 下降 一段時間 甚至 有 可能 延續 數 周 他 補充 一段時間 沒有 活動 會 對 身體 機能 造成 影響 最 典型 的 是 導致 肌肉 量 力量 下滑 程度 取決 於 臥病在床 的 時間 以及 病情 的 嚴重 程度 另外 也 要 視 患者 的 復原 品質 以及 對 複健 投入 的 時間 不只 專家 剛 擊敗 新冠 病毒 的 重症 患者 matt dockray 也 描述 病毒 如何 榨 幹 他 讓 他 元氣大傷 他 說 出 加 護 病房 以及 真正 出院 後 距離 完全 康復 還有 很 長 一段路 要 走 這 段 時間 需要 6 至 8 周 過程 中 有 可能 失去 希望 但 你 只 能 要求 自己 不 斷 戰鬥</t>
  </si>
  <si>
    <t>臺灣 近日 新冠肺炎 案例 暴 增 北部 更 傳出 校內 感染 高雄醫學大學 為 防止 多 人群 聚 感染 擬將 百 人 以上 課程 改為 線 上 授課 但 因為 先前 並 無 同步 線 上 授課 經驗 高 醫大 在 實 行前 特意 安排 教師 系統 測試 24 日 正式 啟用 獲得 師生 一</t>
  </si>
  <si>
    <t>臺灣 近日 新冠肺炎 案例 暴 增 北部 更 傳出 校內 感染 高雄醫學大學 為 防止 多 人群 聚 感染 擬將 百 人 以上 課程 改為 線 上 授課 但 因為 先前 並 無 同步 線 上 授課 經驗 高 醫大 在 實 行前 特意 安排 教師 系統 測試 24 日 正式 啟用 獲得 師生 一致 好評 高 醫大 醫學 系 系主任 徐仲豪 表示 過往 的 線 上 授課 皆 以 教師 預 錄 影片 給 學生 隨時 登 入 觀看 但 這次 為了 達到 學習 的 最高 效率 採用 全面 性 的 直播 同步 教學 學生 若 有 問題 可以 隨時 利用 app i 高醫 提問 教師 也 可 做 簡單 的 評量 讓 學生 在 家 宛如 在校 上課 一樣 但 測驗 成績 並 不 會 當成 主要 評分 考量 目前 還是 以 期末 考 成績 為 主 線 上 互動 可當 平時成績 或 加分 高 醫大 線 上 授課 采 教師 在校 直播 並 與 資訊 處 密切合作 沒有 網路上 得 使用 困難 學校 為 保障 所有 學生 的 上課 權利 若 學生 有 電腦 或 網路上 問題 每 堂 課 皆 開放 30位 學生 至 學校 采 同樣 模式 上課 徐仲豪 表示 此 直播 授課 模式 自 24 日 啟用 除了 從 原先 面對 學生 改為 鏡頭 有 些許 不 適應 目前 沒有 師生 反應 使用 上 的 問題 大家 皆 對 此種 防疫 措施 相當 滿意 自此 學期開始 高 醫大 盡可能 將 感染 機 率 降到 最低 為 確保 在校 所有 師生 的 健康 安全 除了 謹慎 調查 旅遊 史外 更 強制 規定 所有 師生 必須 持 相關 證件 才 可 進入 校園 此外 由於 高 醫大 情況 特殊 一旁 附屬 醫院 部分 醫生 會 將 汽車 停進 校園 停車場 高 醫大 特意 將 路線 錯開 避免 交互 感染 給予 學生 最 安全 的 就學 環境 另外 配合 防疫 高 醫大 美食街 學生 餐廳 也 將 座位 區 調整 拉大 用餐 間距 也 鼓勵 教職員 生 儘量 以 外帶 方式 消費 以 避免 群 聚 效應 維護 個人 安全</t>
  </si>
  <si>
    <t>新冠肺炎 高 醫大 防疫 同步 線 上 授課</t>
  </si>
  <si>
    <t>政府 針對 受 新冠肺炎 疫情 衝擊 的 小型 攤 商 及 商家 等 小規模 營業 人 提供 最高 申 貸 50萬 元 的 紓困 貸款 專案 台企 銀 2834 昨 20 日 開辦 受理 上路 首日 便 火速 核准 37 件 金額 達 1210萬 元 解決 小型 攤 商 的 燃眉之急 台企 銀</t>
  </si>
  <si>
    <t>政府 針對 受 新冠肺炎 疫情 衝擊 的 小型 攤 商 及 商家 等 小規模 營業 人 提供 最高 申 貸 50萬 元 的 紓困 貸款 專案 台企 銀 2834 昨 20 日 開辦 受理 上路 首日 便 火速 核准 37 件 金額 達 1210萬 元 解決 小型 攤 商 的 燃眉之急 台 企 銀 指出 小規模 營業 人 只要 具 稅 籍 登記 且 每月 銷售額 未 達 開立 統一發票 標準 只要 簡易 評分 達標 並 送 信 保 基金 保證 後 提供 最高 申 貸 50萬 元 的 紓困 貸款 專案 年利率 最高 不 超過 1 貸款 期限 最 長 1 年 力拼 3 個 工作日內 提供 客戶 周轉資金 台 企 銀 表示 首日 核准 申請人 的 產業 遍佈 早餐 店 手搖 杯 飲料店 小吃店 服飾店 及 園藝店 等 該行 行員 主動 關心 詢問 客戶 並 積極 協助 申請人 準備 簡易 資料 專案 開辦 一早 便 確認 申請人 符合 申 貸 標準 並 迅速 予以 核准 協助 受 疫情 影響 的 商家 獲得 及時雨 台 企 銀 指出 紓困 貸款 專案 強調 從寬 從速 從簡 原則 為 加速 申辦 流程 民眾 可 透過 該行 125 家 分行 最新 成立 的 紓困 振興 專區 服務 視窗 詢問 台企 銀 絕對 全力 回應 紓困 貸款 政策 傾 全力 協助 小規模 商家 度過難關</t>
  </si>
  <si>
    <t>新冠肺炎 臺灣 居家 辦公 公務員 律師</t>
  </si>
  <si>
    <t>新冠肺炎 獅子 會 五 股 會長</t>
  </si>
  <si>
    <t>艾倫秀 性騷擾 艾倫 新冠肺炎</t>
  </si>
  <si>
    <t>新冠肺炎 臺灣 補習班 補 教 業者 補 教 業</t>
  </si>
  <si>
    <t>新冠肺炎 臺灣 診所 民眾 納入</t>
  </si>
  <si>
    <t>儘管 美國 新冠肺炎 單日 確診 數 頻 創 新高 但 仍 有 許多 美國 人 說 他們 不 會 接種 疫苗 美國 首席 防疫 專家 佛 奇 anthony fauci 說 就算 新冠肺炎 疫苗 的 效力 只 有 70 75 他 也 會 接受 然而 據 cnn 新聞網 29 日 報導 佛 奇</t>
  </si>
  <si>
    <t>儘管 美國 新冠肺炎 單日 確診 數 頻 創 新高 但 仍 有 許多 美國 人 說 他們 不 會 接種 疫苗 美國 首席 防疫 專家 佛 奇 anthony fauci 說 就算 新冠肺炎 疫苗 的 效力 只 有 70 75 他 也 會 接受 然而 據 cnn 新聞網 29 日 報導 佛 奇 認為 有鑒於 疫苗 保護 力並 不 完整 再 加上 許多 美國 人 不肯 接種 因此 他們 不太可能 獲得 足夠 的 群體 免疫 herd immunity 力 以 平息 爆發 的 疫情 在 美國政府 支持 下 未來 3 個 月 可望 有 3 種 新冠肺炎 疫苗 進行 大規模 臨床 試驗 佛 奇 指出 至今 最 有效 的 就是 痳疹 疫苗 效力 達 97 98 身 為 美國 國家 過敏 與 傳染病 研究所 niaid 主任 佛 奇 說 要是 新冠肺炎 疫苗 的 效力 能 達到 那種 程度 就 太 棒 了 但 他 認為 目前 還 做 不 到 他 表示 藥效 只要 能 達 70 75 他 就 能 接受 了 cnn 新聞網 5 月 所 做 的 民 調 顯示 1 3 美國 人 說 就算新冠肺炎 疫苗 普及 價格 又 低廉 他們 還 是 不 會 想要 接種 當 佛 奇 被 問及 要是 只 有 2 3 美國 人 接種 效力 達 70 75 的 疫苗 美國 能 不能 獲得 群體 免疫力 時 他 回答 不能 不太可能 而 群體 免疫 需要 有 足夠 比例 的 人口 經由 染病 或是 接種 疫苗 對 傳染病 產生 免疫力 使 人 與 人 之間 不 會 造成 傳染 佛 奇 指出 接種 新冠肺炎 疫苗 的 教育 不容易 他 說 美國 普遍 瀰 漫 著 反科學 反 權威 還有 反 疫苗 的 氛圍 相對而言 這 占 了 驚人 多 的 比例</t>
  </si>
  <si>
    <t>因為 新冠肺炎 疫情 全球 升溫 菲律賓 日前 拒絕 大陸 旅客 入境 其中 也 包含 臺灣 引發 我國 抗議 菲國 當局 昨 12 日 表示 菲律賓 總統 杜特蒂 將 親自 審查 對 台 旅遊 禁令 綜合 菲律賓 媒體 每日 詢問者 報 newsinfo inquirer ne</t>
  </si>
  <si>
    <t>因為 新冠肺炎 疫情 全球 升溫 菲律賓 日前 拒絕 大陸 旅客 入境 其中 也 包含 臺灣 引發 我國 抗議 菲國 當局 昨 12 日 表示 菲律賓 總統 杜特蒂 將 親自 審查 對 台 旅遊 禁令 綜合 菲律賓 媒體 每日 詢問者 報 newsinfo inquirer net 馬尼拉 公報 manila bulletin 新聞 網站 rappler 等 報導 菲律賓 總統府 發言人 帕 內 洛 salvador panelo 昨日 表示 針對 我國 抗議 將 臺灣 人民 列入 禁止 入境 名單 他 說 已 收到 來自 臺灣 方面 的 關注 並且 承諾 會 將 這些 要求 轉達 給 菲國 總統 杜特蒂 rodrigo duterte 我們 會 將 特定 群體 的 要求 轉達 給 總統 以 重新考慮 對 台 旅行 禁令 他 說 我們 是 基於 保護國 民 不受 感染 才 實施 旅行 禁令 如果 那裡 指 臺灣 沒有 感染 我們 會 交由 總統 檢 視 不過 帕 內 洛也 強調 菲律賓 將 臺灣 列入 旅遊 禁令 名單 是 根據 世界衛生組織 who 的 建議 who 將 香港澳門 臺灣 列入 大陸 特別行政區 菲律賓 總統府 先前 堅持 除非 who 將 臺灣 從 大陸 行政區 中 拿 掉 他們 才 會 考慮 對 台 解禁 新冠肺炎 疫情 全球 延 燒 各國 相繼 對 大陸 公民 曾赴 大陸 旅行 的 外國 公民 祭出 旅行 禁令 杜特蒂 2 日 也 發佈 指示 禁止 過去 14 天內 曾 赴 大陸 及 其 特別行政區 的 外國 人士 入境 菲律賓 菲國 衛生部 10 日 突然 宣佈 臺灣 也 涵蓋 在 此 項 禁令 之下 隨後 菲國 移民局 民航 委員會 也 相繼 宣佈 對 我 國民 實施 禁令 引發 我國 抗議 政府 已 表示 不 排除 對 菲律賓 祭出 反 制 措施</t>
  </si>
  <si>
    <t>新冠肺炎 臺灣 護理 師 az 804 醫院</t>
  </si>
  <si>
    <t>新冠肺炎 ncp 的 疫情 持續 延 燒 傳染 力 和 發病 速度 都 十分 驚人 讓 全球 民眾 人心惶惶 一 名 大陸 的 女 醫師 抽空 檢測 意外 發現自己 染病 在 短短 幾 個 小時 之內 就 從 無 症狀 到 無法 走路 在 鬼門關 前 走一遭 的 她 日前 順利 康復 出院</t>
  </si>
  <si>
    <t>新冠肺炎 ncp 的 疫情 持續 延 燒 傳染 力 和 發病 速度 都 十分 驚人 讓 全球 民眾 人心惶惶 一 名 大陸 的 女 醫師 抽空 檢測 意外 發現自己 染病 在 短短 幾 個 小時 之內 就 從 無 症狀 到 無法 走路 在 鬼門關 前 走一遭 的 她 日前 順利 康復 出院 也 現身說法 透露 保命 關鍵 根據 陸媒 報導 武漢 第 8 醫院 的 女 醫師 漂 漂 灑灑 化名 上月 23 日 在 醫院 檢查 發現 疑 似 染病 但 因為 沒有 發燒 她 認為 屬於 早期 吃藥 隔離 應該 就 好 了 因此 拿 了 藥 收 十 東西 準備 回家 這時 量 體溫 發現 已經 發燒 至 387 度 回家 後 她 本 想 洗澡 好好 睡 一 覺 沒 想到 踏入 浴室 前 卻 感到 頭痛 嘔吐 全身 也 沒有 力氣 讓 她 驚 覺 病情 發展 這麼 快 我 始料未及 我 必須 馬上 去 醫院 到 醫院 後 幾 天 一直 反 覆 發高燒 全身 也 沒有 任何 力氣 本來 到 第 8 天 一度 好轉 的 病情 卻 突然 急轉直下 出現 呼吸困難 劇烈 咳嗽 好像 剛跑 完 1萬 公尺 長跑 心 臓 隨時 都 會 蹦出來 心 率 很 慢 還有 一 種 說不出 滋味 的 胸 痛 席捲 全身 稍微 一動 就 痛不欲生 等 症狀 她 根據 自己 的 症狀 判斷 出現 了 心包 內膜 炎 伴隨 心包 膜 積液 也 在 昏昏沉沉 中 隱約 聽到 護士 說 情況 不太好 人 快 不行 了 因此 用 僅剩 的 力氣 打電話 給 老公 交代 後事 所幸 最後 經過 治療 漂 漂 灑灑 的 病情 漸漸 好轉 針對 自己 這 20 天 的 瀕死 經歷 她 充滿 感慨 的 表示 只有 經歷 過 生死 才 知道 活 著 真的 很 幸福</t>
  </si>
  <si>
    <t>新北 明 改 回 市政 總 質詢 新冠肺炎 專案 報告 延期</t>
  </si>
  <si>
    <t>新北 市 議會 今 27 日 下午 召開 第 3 屆 第 5 次 定期 會 針對 市政 總 質詢 及 新冠肺炎 專案 報告 議程 藍綠 雙方 各有不同 意見 經過 兩 次 朝野 協商 明日 起 原 訂為 新冠肺炎 紓困 專案 報告 改 回 市政 總 質詢 專案 報告 則 采 臨時 會 方式擇</t>
  </si>
  <si>
    <t>專案 報告 市政 總 質詢 新冠肺炎 紓困 議員</t>
  </si>
  <si>
    <t>第 2 劑 美國 疫苗 接種 新冠肺炎 臺灣</t>
  </si>
  <si>
    <t>nba 勇士 宣佈 格林 與 榜眼 新秀 懷斯曼得 新冠肺炎</t>
  </si>
  <si>
    <t>勇士 先前 宣佈 球隊 有 兩 個 球員 的 新冠 病毒檢測 結果 呈 陽性 球隊 集訓 被迫 推遲 球隊 今日 進行 新 賽季 第一 次 合練 卓 雷蒙格林 和 新秀 榜眼 懷斯曼都 缺席 總 教練 科爾 在 接受 訪問 時 證實 感染 新冠 的 兩 個 球員 就是 格林 和 懷斯曼 科爾 說 你們 都 應該 猜到 了 就是 卓 雷蒙格林 與 懷斯曼 感染 了 新冠肺炎 對於 如何 評價 懷斯曼懷斯曼 科爾 說 這 很 不幸 的 實情 但 事情 就 是 如此 我們 教練團 近日 一直 在 給 他 看 以往 比賽 影 面 而 他 也 正在 努力學習 可惜 碰到 這種 狀況 顯然 2020 年 對於 任何 人 來說 都 不是 理想 的 至於 卓 雷蒙格林 科爾 表示 當 他 準備 好 上場 的 時候 他 就 會 出席 根據 nba聯盟 健康 和 安全 協議 確診 新冠 的 球員 將 接受 10 12 天 隔離 至於 追 夢 格林 和 懷斯曼 何時 歸隊 目前 還 是 個 未知數 即使 解除 隔離 他們 也 需要 幾 天 的 時間 才能 恢復 訓練 科爾 無奈 說 我 知道 由於 病毒 的 特性 他們 還 需要 做 一些 心電圖 檢測 和 心臟 檢測 測試 何時 能 歸隊 都 是 未定數</t>
  </si>
  <si>
    <t>懷斯曼 科爾 勇士 卓 雷蒙格林 新冠肺炎</t>
  </si>
  <si>
    <t>檢場 李翊君 愛 女王 敏淳 香奈兒 簽 入 嚴爵 成立 的 鮪 魚 度 影音 推出 首 支 單 曲 和 你 一起 闖蕩 歌壇 目前 她 正 就讀 美國 柏克利 音樂 學院 因 受 新冠肺炎 疫情 影響 導致 學校 停課 她 今天上午 于 ig 報平安 表示 已 安全 返台</t>
  </si>
  <si>
    <t>輝瑞 bnt 副作用 新冠 疫苗 國 中生 新冠肺炎</t>
  </si>
  <si>
    <t>默克 莊人祥 輕 症 隔離 新冠肺炎</t>
  </si>
  <si>
    <t>新冠肺炎 影響 國產 豬 拼 5 月 外銷 新加坡 計畫恐 延 後</t>
  </si>
  <si>
    <t>港 媒 揭露 陸 政府 未公開 檔 早 在 11 月中 旬 就 有 新冠肺炎 病例</t>
  </si>
  <si>
    <t>新冠肺炎 疫情 持續 延 燒 世界 各國 都 相當 緊張 一般 認為 該病 是 在 去年 12 月 於 武漢 爆發 不過 有 香港媒體 指出 從 中國 大陸政府 的 未公開 檔 中 可以 發現 最 一 開始 的 源頭 是 名 55 歲 湖北 男子 時間 點 則 是 去年 11 月 17 日 根據 香港</t>
  </si>
  <si>
    <t>新冠肺炎 疫情 持續 延 燒 世界 各國 都 相當 緊張 一般 認為 該病 是 在 去年 12 月 於 武漢 爆發 不過 有 香港媒體 指出 從 中國 大陸政府 的 未公開 檔 中 可以 發現 最 一 開始 的 源頭 是 名 55 歲 湖北 男子 時間 點 則 是 去年 11 月 17 日 根據 香港媒體 南華早報 報導 該報 記者 獨家 取得 中國 大陸政府 非 公開 檔 上面 表示 有名 湖北省 55 歲 男子 可能 就 是 第一 名 感染 新冠肺炎 的 病 患 此外 檔 的 日期 遠 比 大家 所 認知 的 12 月 還 早 是 在 11 月 17 日 時 就 有 紀錄 而且 當時 一 天 大 約會 新增 1 5 名 的 新冠肺炎 病 患 而 在 12 月 20 日 時 確診 病例 就 已經 來到 60 例 不過 一 名 具有 醫學界 背景 的 爆 料 者 表示 在 12 月 時 許多 醫生 都只 知道 是 在 治療 一 種 新 的 疾病 並不知道 這些 人 罹 患 的 是 新冠肺炎 現在 專家 極力 想要 找 到 第 0 號 病人 藉 此 找到 新冠病毒 的 來源 而 這些 未公開 檔 提供 了 該 病毒 最 早 的 傳染 方式 希望 能 藉 此 找到 源頭 目前 主要 認為 是 由 野生動物 傳染給 人類 不過 還 需要 經過 更 準確 分析 判斷 才 能夠 確定 該 新冠 病毒 的 起源 更 多 ctwant 報導</t>
  </si>
  <si>
    <t>新冠肺炎 12 月 未公開 11 月 文件</t>
  </si>
  <si>
    <t>陽明 院區 群 聚 感染 急診 北市 聯 醫 新冠肺炎</t>
  </si>
  <si>
    <t>為 因應 新冠肺炎 疫情 臺北市政府 與 衛生 福利 部 及 中央 健 保 署 合作 由 健 保 署 開發 應用程式 介 接 口罩 實 名 制 資料庫 透過 臺北 智慧 城市 專案 辦公室 媒 合 新 創業者 業 安科 技 共同 推動 實 名 制 口罩 自動 販賣 系統 試辦 計 畫 今日 舉</t>
  </si>
  <si>
    <t>為 因應 新冠肺炎 疫情 臺北市政府 與 衛生 福利 部 及 中央 健 保 署 合作 由 健 保 署 開發 應用程式 介 接 口罩 實 名 制 資料庫 透過 臺北 智慧 城市 專案 辦公室 媒 合 新 創業者 業 安科 技 共同 推動 實 名 制 口罩 自動 販賣 系統 試辦 計 畫 今日 舉行 記者會 並 開放 試 買</t>
  </si>
  <si>
    <t>新冠肺炎 臺灣 台中 居酒 屋 群 聚</t>
  </si>
  <si>
    <t>對抗 新冠肺炎 病毒 懷特生 技 新藥 研發 計畫 啟動</t>
  </si>
  <si>
    <t>懷特 黃 耆 多糖 生 技 新冠肺炎</t>
  </si>
  <si>
    <t>新冠肺炎 臺灣 北市 運動 室內外</t>
  </si>
  <si>
    <t>世界衛生組織 who 2 月 11 到 12 日 邀請 全球 大約 400 名 防疫 專家 舉行 新冠肺炎 全球 研究 及 創新 閉門 論壇 總 幹事 譚 德塞 tedros adhanom ghebreyesus 週二 早上 在 開幕典禮 上 致詞 疫情 對 全球 各地 都 造成 了 非常 嚴重 的 威脅 各國</t>
  </si>
  <si>
    <t>新冠肺炎 後果 嚇人 1 5 患者 恐 傷 腦 罹 失 智 等 精神疾病</t>
  </si>
  <si>
    <t>新冠肺炎 是 一 種 引起 呼吸系統 疾病 的 傳染性 疾病 但 它 的 傷害 遠不止 於此 一 項 大型 研究 發現 患者 痊癒 之後 有 高 達 1 5 的 人 有 很 高 的 風險 罹 患 失 智 症 憂鬱 症 和 躁 鬱 症 這 意 謂 著 新冠 病毒 對 人體 的 傷害 不止 在 呼吸道 和 肺部</t>
  </si>
  <si>
    <t>康健 雜誌 新冠肺炎 失 智 症 憂鬱 症 躁 鬱 症</t>
  </si>
  <si>
    <t>一 輛 載運 新冠肺炎 檢測 樣本 的 世界衛生組織 who 車輛 週一 在 緬甸 遇襲 導致 駕駛 死亡 以及 1 名 政府 官員 重傷 據 cnn 與 bbc 新聞網 21 日 報導 who 證實 駕駛 索恩 pyae sone win maung 在 緬甸 西北部 的 若 開 邦 rakhine 遇</t>
  </si>
  <si>
    <t>一 輛 載運 新冠肺炎 檢測 樣本 的 世界衛生組織 who 車輛 週一 在 緬甸 遇襲 導致 駕駛 死亡 以及 1 名 政府 官員 重傷 據 cnn 與 bbc 新聞網 21 日 報導 who 證實 駕駛 索恩 pyae sone win maung 在 緬甸 西北部 的 若 開 邦 rakhine 遇襲 受傷 後 不治 who 週二 在 聲明 中 說 世衛 對 旗 下 人員 在 緬甸 若 開 邦 的 安全事件 中 喪生 深感 悲痛 世衛 東南亞 區域 主任 辛赫 poonam khetrapal singh 則 明言 譴責 任何 對 衛生 人員 施加 的 肢體 言語 或 心理 暴力 而 聯合國 秘書長 古 特瑞 斯 ant nio guterres 也 發 佈 聲明 強烈 譴責 這 起 發生 在 4 月 20 日 的 攻擊 事件 索恩 是 在 收集 新冠肺炎 採樣 途經 緬甸 衝突 斷 的 若 開 邦 時 遇害 他 當時 開 著 標誌 醒目 的 who 專車 但 仍 遭 彈 火 波及 聯合國 說 最近 幾 周 來 緬甸 軍方 和 武裝 反叛 組織 若 開 軍 arakan army 衝突 加劇 已 有 許多 平民 喪生 由於 who 駕駛 遇害 雙方 互相 指責 都說 對方 該 負責 並 否認 和 事件 有關 包括 英美 在內 都 力促 雙方 在 新冠肺炎 疫情 大 流行 之際 停止 戰鬥 而 近兩年來 加強 自治 活動 的 佛教 若 開 軍 雖然 宣佈 為期 1 個 月 的 停火 但 緬甸政府 已 斷然拒絕</t>
  </si>
  <si>
    <t>瑞德西韋 吉利 德 道 瓊 期 新冠肺炎 美 期指</t>
  </si>
  <si>
    <t>新冠肺炎 臺灣 基隆 北 北 基 桃 林右昌</t>
  </si>
  <si>
    <t>陸98 歲 新冠肺炎 危重症 患者 痊癒 出院</t>
  </si>
  <si>
    <t>新冠肺炎 漫延 之際 漸 有 正面 消息 傳出 一 名 98 歲 的 新冠肺炎 危重症 患者 1 日 從 武漢 雷神 山 醫院 康復 出院 這 是 目前 已 知 的 大陸 最 高齡 危重症 康復 患者 據 新華社 報導 98 歲 的 胡 婆婆家 住 武漢市 江岸區 2 月初 出現 高燒 55 歲</t>
  </si>
  <si>
    <t>新冠肺炎 漫延 之際 漸 有 正面 消息 傳出 一 名 98 歲 的 新冠肺炎 危重症 患者 1 日 從 武漢 雷神 山 醫院 康復 出院 這 是 目前 已 知 的 大陸 最 高齡 危重症 康復 患者 據 新華社 報導 98 歲 的 胡 婆婆家 住 武漢市 江岸區 2 月初 出現 高燒 55 歲 的 女兒 丁女士 陪 她 到 醫院 檢查 雙雙 確診 為 新冠肺炎 2 月 13 日 晚 母女 二 人 被 救護車 同時 轉送 到 武漢 雷神 山 醫院 醫護人員 指出 胡婆婆 入院 當天 高燒 達 40 攝氏度 經 監護 照料 3 天 後 體溫 恢復正常 胡婆婆 還 出現 心 肺 功能 障礙 被 確診 為 危重 型 新冠肺炎 醫護人員 給予 抗 感染 抗 病毒 等 藥物 治療 還 採取 補 液 等 營養 支持 經多日 治療 胡婆婆 病情 逐漸 好轉 增加 營養品 供應 恢復 身體 抵抗力 3 月 1 日 上午 11 點 胡婆婆 和 女兒 雙雙 康復 出院 獲 頒發 出院 證明 並 贈送 鮮花 截至 3 月 1 日 雷神 山 醫院 累計 出院 患者 近 200 人 目前 雷神 山 醫院 住院 患者 千 餘 人</t>
  </si>
  <si>
    <t>新冠肺炎 臺灣 高雄 pcr 高市</t>
  </si>
  <si>
    <t>年假 期間 車禍 頻 傳 上個月 21 日西 濱 甚至 有 21 輛 車 連環撞 國民黨 立 委 葉毓蘭 指出 國內 平均 每天 交通 事故 死亡 人數 甚至 直 逼 一 年 下來 新冠肺炎 死亡 人數 但 交通部 用於 交通安全 預算 卻 僅 占 交通部 全年 預算 04 明顯 偏 少</t>
  </si>
  <si>
    <t>年假 期間 車禍 頻 傳 上個月 21 日西 濱 甚至 有 21 輛 車 連環撞 國民黨 立 委 葉毓蘭 指出 國內 平均 每天 交通 事故 死亡 人數 甚至 直 逼 一 年 下來 新冠肺炎 死亡 人數 但 交通部 用於 交通安全 預算 卻 僅 占 交通部 全年 預算 04 明顯 偏 少 對此 交通部長 林佳龍 坦言 已 發現 交通部 道路交通 安全 督導 委員會 道 安 會 預算 偏 少 問題 將 予以 倍增 葉毓蘭 今天 在 立 法院 質詢 時 指出 我國 一 整年 下來 因為 新冠肺炎 而 死亡 人數 共 9 人 但 全年 共 有 3000 人 因為 交通 事故 死亡 平均 每天 有 8 人 且 對照 日本 日本 總人口 是 我國 的 5 倍 但 他們 一 年 因為 交通 事故 死亡 人數 總計 2839 人 反而 比 我國 還 少 葉毓蘭 說 但 其 實有 很多 方法 可以 減少 交通 事故 臺北市 2020 年 因 交通 事故 死亡 106 人 高雄市 卻 有 348 人 臺北 可以 改善 的 原因 包括 在 巷 弄 設有 有 行人 專用道 乃至 改善 路口 交通 工程 等 但 葉毓蘭 質疑 今年 交通部 所屬 機關 預算 共 711億 用 在 投資 道路交通 安全 經費 卻 只 有 3億 僅 占 04 明顯 偏 批 對此 內政部長 徐國勇 辯稱 這 是 因為 葉毓蘭 看 得 比較 狹義 內政 部 也 有 編 預算 改善 道路 品質 所以 廣義 解釋 比率 沒有 那麼 低 不過 林佳龍 則 坦言 他 有 發現 道 安 會 預算 減少 從 十幾 年 前 的 7億 多 減 到 如今 只 有 3億 因此 他 會 請 交通部 倍增 道 安會 預算 此外 葉毓蘭 也 談到 國內 交通 事 受傷 人數 87 是 機車 族 但 政府 的 標 線 抗 滑 係數 人 孔蓋 等 道路 工程設計 乃至 於 燈號 設置 等 卻 很 少從 機車 安全 角度 考量 而且 很 多 路面 車道 禁 行 機車 結果 機車 道 塞 滿 機車 旁邊 的 汽車道 卻 空蕩蕩 車流量 效率 不 彰 尤其 機車 族 當中 有 許多 是 外 送 員 當中 更以 年輕人 居多 請 政府 好好 注重 機車 族 的 安全 與 權益 葉毓蘭 還 提醒 上個月 23 日 台 東海 端 車站 3名 道班工 被 撞 死 近年 也 有 多 起 類似 案例 先前 台鐵普 悠 瑪 事件 檢討 報告 就 指出 司機 尤振 仲 過 勞 產生 交通 問題 台鐵 如不 重視 員工 健康 旅客 保障 在 哪 台 鐵花 大錢 行銷 美化 粉 專 與 車站 幫 局長 出書 有用嗎 預算 要 花在 刀口 上 應該 要 有 一定 比例 預算 用 在 勞工 職 安 交通安全 管理 上</t>
  </si>
  <si>
    <t>預算 葉毓蘭 交通部 交通 事故 死亡 人數 新冠肺炎</t>
  </si>
  <si>
    <t>家長 雇主 可 罰 給 假 新冠肺炎</t>
  </si>
  <si>
    <t>新冠肺炎 疫情 拉 警報 高文 音 主持 的 年代 新聞 聚焦 20 22 日 將 播出 防疫 專題 請來 胸腔 內科 名醫 周百謙 分享 防疫 知識 現場 示範 飛沫傳染 的 範圍 引發 尖叫 連連 高文 音 更 脫口 我 的 媽 啊 周百謙 表示 空氣 中 懸浮 粒</t>
  </si>
  <si>
    <t>新冠肺炎 疫情 拉 警報 高文 音 主持 的 年代 新聞 聚焦 20 22 日 將 播出 防疫 專題 請來 胸腔 內科 名醫 周百謙 分享 防疫 知識 現場 示範 飛沫傳染 的 範圍 引發 尖叫 連連 高文 音 更 脫口 我 的 媽 啊 周 百 謙 表示 空氣 中 懸浮 粒子 及 路人 飛 沫 都 可能 含有 病毒 衣服 及 頭髮 都 是 容易 被 附 著 的 物體 建議 民眾 不要 常 撥 頭髮 並 天天 洗 頭 外出 衣服 也 要 馬上 清洗 更 透露 穿 風衣 較 不 會 被 病毒 附 著 並 誇讚 高文 音 錄 影 當天 梳 的 大腸 防疫 頭 非常 正確 能 有效 減少 觸 碰 及 被 病毒 附 著 的 機 率 而 大腸 防疫 頭 的 秘訣 便 是 儘量 把 頭髮 全部 集中 梳起來 綁成 馬尾 後 將 馬尾 用 繩子 再 纏住 頭髮 較 長 的 人 也 可以 綁 丸子 頭 主要 用意 是 避免 抓 發 資深 媒體 人 王瑞玲 也 秀 出 不出 門 的 防疫 餐 並 分享 家庭 防疫 死角 提供 清潔 攻 略 有效 加強 家庭環境 的 防疫 指數 周 百 謙 醫師 說 在 家中 同時 使用 清淨機 及 除濕機 把 室內 濕度 控制 在 60 到 70 度 的確 可以 有效 減少 病毒 的 活 耀 度 並 建議 近期 少去 日本 及 新 加 玻 正巧 主持人 高文 音 1 月底 剛從 新加坡 回國 但有 進行 自主 管理 且 出國 全程 都 是 依照 防疫 步驟 旅行 更 透露 都有綁 防疫 大腸 頭 觀念 相當 正確 周百謙 醫師 也 指出 新型 病毒 層出不窮 如何 想 出 有效 對策 才 是 長久之計 例如 隱形 口罩 以及 防疫 發 噴 霧 現在 也 都 在 研發 中</t>
  </si>
  <si>
    <t>南 投 縣 埔裡 今天 爆出 景觀 造 景 業者 等 4 人 確診 南 投 縣府 衛生局 協調 埔裡 基督教 醫院 台中 榮 總 埔裡 分院 啟動 埔裡 鎮 新冠肺炎 快 篩 專案 公佈 確診 者 足跡 呼籲 民眾 如 與 確診 者 足跡 有 重疊 者 或 出現 發燒 上呼吸道 症狀 腸胃</t>
  </si>
  <si>
    <t>新冠肺炎 臺灣 南 投 縣 埔裡 啟動 快 篩</t>
  </si>
  <si>
    <t>印尼外交部 今 31 日 宣佈 為 防止 新冠肺炎 疫情 擴散 雅加達 當局 已經 決定 禁止 外國人 入境 轉機 綜合 路透社 新加坡 海峽 時報 the straits times 報導 印尼 外交部長 勒特諾 retno marsudi 今日 表示 印尼 總統</t>
  </si>
  <si>
    <t>印尼外交部 今 31 日 宣佈 為 防止 新冠肺炎 疫情 擴散 雅加達 當局 已經 決定 禁止 外國人 入境 轉機 綜合 路透社 新加坡 海峽 時報 the straits times 報導 印尼 外交部長 勒特諾 retno marsudi 今日 表示 印尼 總統 佐 科威 認為 現在 印尼 的 新冠肺炎 防疫 措施 應該 升級 因此 決定 暫時 禁止 所有 外國人 入境 及 轉機 他 說 預計 今日 就 會 宣佈 相關 限制 入境 措施 細節 持有 工作 許可 及 部分 外交人員 將 不受 新 規定 限制 此外 雅加達 當局 也 會 對 返抵 國門 的 印尼 人 加強 檢查 印尼 自 2 日新冠肺炎 零 確診 神話 破 功 後 疫情 持續 升溫 直至 今日 已經 有 1414 例 確診 病例 當中 首都 雅加達 疫情 最為 嚴重 感染 人數 占 了 將近 一半 印尼 至今 也 有 122 人 不幸 喪命 死亡 人數 居 東南亞 各國 之首 印尼 昨日 傳出 為 圍堵 新冠 病毒 可能 封鎖 包括 雅加達 及 周邊地區 在內 的 大 雅加達 地區 限制 約 3000萬 居民 行動 不過 佐 科威 認為 印尼 疫情 威脅 不只 來自 國內 更 包含 海外 尤其 全球 疫情 中心 已 轉向 美國 及 歐洲</t>
  </si>
  <si>
    <t>pcb 廠 友 銓 電子 5321 2018 年 宣佈 多角化 經營 從 印刷 電路板 產業 跳 脫 轉向 電子 商務 領域 期望 改善 營運 虧損 的 困境 近日 公司 營運 傳出 佳音 受惠 於新冠肺炎 疫情 持續 升溫 宅 經濟 商機 發酵 帶動 友銓 近期 營 收 不 淡 自 2019 年 9</t>
  </si>
  <si>
    <t>pcb 廠 友 銓 電子 5321 2018 年 宣佈 多角化 經營 從 印刷 電路板 產業 跳 脫 轉向 電子 商務 領域 期望 改善 營運 虧損 的 困境 近日 公司 營運 傳出 佳音 受惠 於新冠肺炎 疫情 持續 升溫 宅 經濟 商機 發酵 帶動 友銓 近期 營 收 不 淡 自 2019 年 9 月 起 已 連續 六 個 月 創下 同期 新高 表現 即使 農曆年 剛 過 電 商 產業 進入 淡季 仍 繳 出 單月 營 收 破 億 的 表現 法人 預期 3 月 在 宅 經濟 持續 帶動 下 該 公司 仍 會 有 不錯 成績 友 銓 原為 印刷 電路板 製造商 2018 年 引進 新 團隊 朝 電子 商務 發展 過去 一 年 多 陸續 投資 收購 時尚女裝 品牌 公司 今年 再 與 擁有 pazzo meier q genquo 等 品牌 的 美 而 快 實業 股份 有限公司 進行 股份 交換 已 取得 美 而 快 公司 超過 五 成 股權 友銓 表示 由於 美 而 快為 國內 前 三大 電 商 女裝品牌 預期 疫情 帶動 宅 經濟 下 會 是 今年 不小 的 成長 動能 據 了解 目前 友銓 業務 有 超過 六 成 營 收 來自 電 商 pcb 業務 則 會 持續 縮減 在 電 商 事業 快速 成長 下 帶動 該 公司 營 收 表現 逐漸 改善 不僅 已 連續 七 個 月 合併 營 收 破 億 元 2019 年 前 三 季 稅 後 淨利 058億 元 每股 稅 後 盈 餘 148 元 明顯 優於 2018 年 同期 去年 第 四季 合併 營 收 更 創 歷年 單季 新 高 公司 表示 今 年前 二月 營 收 已 接近 去年 第一 季 表現 看好 新冠肺炎 疫情 帶動 的 宅 經濟 第一 季 可望 保持 年 成長 表現 雖 近期 國內 電 商 服飾 業者 陸續 出現 因 疫情 引發 中國 供應 鍛 鏈 導致 無 商品 可 賣 風險 但 友銓 相較 國內 同業 在 臺灣 採購 與 生產 數量 較 高 並 與 國內 上游 業者 保持良好 關係 預期 受 影響 程度 有限 另外 友銓 指出 今年 將 會 持續 進行 購並 同樣 會 鎖定 電 商 女裝品牌 公司 現在 已經 是 國內 女裝 服飾品牌 龍頭 也 已經 在 宜蘭 設立 旗 下 所 有 品牌 共同 的 倉儲 物流 與 研發 中心 目標 要 再 拉開 與 對手 的 距離 持續 展開 多角化 經營</t>
  </si>
  <si>
    <t>美 股 智慧 型 手機 台積電 新冠肺炎 鴻 海</t>
  </si>
  <si>
    <t>疫苗 郭台銘 鄭文燦 新冠肺炎 臺灣</t>
  </si>
  <si>
    <t>新冠肺炎 疫情 導致 延後 開學 造成 學校 契 作 農友 蔬菜 無處 去 新北 市府 啟動 雙 菜 雙 保 政策 協助 契 作 農友 販 售 產銷 履歷 蔬菜 及 有機 蔬菜 不僅 保證 銷售 更 保障 價格 新北 市長 侯友宜 12 日 前往 板橋 慈惠宮 推廣 民眾 團購</t>
  </si>
  <si>
    <t>新冠肺炎 疫苗 川普 掛 保證 年內 就 有</t>
  </si>
  <si>
    <t>毅嘉 2402 公佈 首季 財 測 受到 新冠肺炎 疫情 影響 單季 營 收 年 減少 20 惟 產品組合 優化 有成 單季 稅 前 淨利 仍 創 近 6 年 同期 新高 展望 第二 季 毅嘉 預估 隨 著 接 單回穩 營 收 獲利 將 可望 增 溫 毅嘉 第一 季 受到 新冠肺炎 疫情 影</t>
  </si>
  <si>
    <t>毅嘉 2402 公佈 首季 財 測 受到 新冠肺炎 疫情 影響 單季 營 收 年 減少 20 惟 產品組合 優化 有成 單季 稅 前 淨利 仍 創 近 6 年 同期 新高 展望 第二 季 毅嘉 預估 隨 著 接 單回穩 營 收 獲利 將 可望 增 溫 毅嘉 第一 季 受到 新冠肺炎 疫情 影響 單季 自 結合 並 營 收 金額 約 1128億 元 較 去年同期 減少 20 合併 毛利率 10 則 較 去年同期 增加 2 合併 營業 利益 約 673萬 元 合併 稅 前 淨利 約 1422萬 元 毅嘉 表示 第一 季 合併 營 收 雖然 收到 新冠肺炎 疫情 衝擊 而 年 減 20 但 在 產品組合 優化 及 管理 效能 持續 提升 之 情況 下 單季 稅 前 淨利 仍 逆勢 達 1422萬 元 創 近 六 年 同期 新 高 毅嘉 表示 展望 第二季度 在 客戶 回補 庫存 需求 之 帶動 下 將 持續 彌補 第一 季遞 延 之 營 收 第二 季 營運 可望 較 首季 回升 而 目前 整體 接 單 與 生產 已 趨於穩定 未來 集團 之 合併 營 收 及 獲利 仍 可望維持 逐 季 增 溫 之 趨勢 惟 對於 新冠肺炎 疫情 對 全球 景氣 發展 及 對 終端 消費 的 影響 仍 需 持續 關注 未來 毅嘉 仍 將 持續 深耕 及 拓展 利基 型 產品 市場 包括 車用 穿戴 裝置 光通訊 及 高 附加 價值 之 消費型 電子產品 預期 整體 毛利率 將 可望 持續 穩健 的 提升 並 進而 帶動 全年度 集團 之 營 收 及 獲利 穩定 的 成長</t>
  </si>
  <si>
    <t>毅嘉 新冠肺炎 消費 應 電子 光通訊 穿戴 裝置</t>
  </si>
  <si>
    <t>市場 擔心 新冠肺炎 疫情 加劇 與 2021 年初 喬治亞州 參議員 選舉 不 確定性 恐 讓 年底 的 耶誕 行情 落空 不過 分析 師 看好 特斯拉 tesla 在內 的 三 檔 個股 預料 仍 有 強勁 漲勢 即便 2020 年 美 股 沒有 出現 耶誕 行情 仍 有 三 檔 個股 不受</t>
  </si>
  <si>
    <t>新冠肺炎 臺灣 北市 柯文哲 個案</t>
  </si>
  <si>
    <t>交通部觀光局 14 日 舉行 2020 全球 推廣 行銷 線 上 會議 由 局長 張錫聰 親自 主持 全球 駐外 辦事處 不分 時區 同時 上線 會議 聚焦 討論 疫 後 市場 振興 策略 及 開放 邊境 後 即 應 啟動 各項 振興 作為 以 盡 速 恢復 來 台 市場 規模 臺灣 觀光 已 連 5 年 挑戰 千萬 人次 2019 年 來 台 人次 再創新高 紀錄 使 臺灣 觀光 邁向 新 的 里程碑 今年 面對 新冠肺炎 疫情 衝擊 尤以 觀光 產業 影響 最 钜 不過 在 考量 疫情 因素 下 認為 各 市場 仍 應 維持 臺灣 觀光 的 聲 量 討論 熱度 與 達標 對此 觀光局 一年一度 的 駐外 辦事處 行銷 推廣 研討會 議 已 由 國際組 在 疫情 期間 分 2 階段 辦理 視 訊 會議 要求 各 駐外 辦事處 應以 新思維 提出 疫 後 各項 計畫 的 必要性 預算 需求 預定 達成 效益 且 必須 逐 案 或 逐年 進行 滾 動 檢討 以 汰蕪 存 菁 因此 各 駐外 辦事處 於 疫情 期間 仍 持續 運用 各種 線 上 活動 辦理 臺灣 通檢 定 或 與 網 紅 旅遊 平臺 合作 宣傳 同時 舉辦 業者 線 上 交流會 及 教育 訓練 運用 不同 露出 通路 宣傳 臺灣 安心 安全 旅遊 環境 盼 能 讓 臺灣 成為 國際 旅客 疫 後 出境 旅遊 的 首選 目的地 之一 因應 各國 疫 後 爭取 國際 旅客 的 競爭 態勢 觀光局 6 月 聽取 各 市場 入境遊 旅 行業 者 建議 並 密集 與 各 駐外 辦事處 研 商 掌握 駐地 觀察 第一手 市場 發展 及 趨勢 共同 擬定 疫 後 有助 快速 拓源 的 行銷 策略 以 能 於 邊境 開放 後 加速 恢復 來 台 旅客 人次 水準 擴大 觀光 產業 復蘇 力 道 對此 各 駐外 辦事處 針對 疫 後 市場 振興 均 提出 不同 對策 觀光局 要求 務必 配合 疫情 影響 民眾 出國 旅遊 需求 加強 數位 行銷 辦理 虛擬 推廣 活動 推出 自由 行 fit 或 適合 團體 旅客 的 高 cp 值 個人化 旅遊 產品 因應 張 錫 聰 表示 全球 觀光 市場 受 新冠肺炎 疫情 衝擊 更 勝於 2003 年 的 sars 來 台 旅客 恢復 去年 水準 將 需要 一 段 復原 期 疫情 趨 緩 後 各國 雖 以 國內 旅遊 優先 但 一旦 邊境 開放 後 觀光局 將 面臨 各國 爭取 國際 旅客 的 激烈 競爭 張 錫 聰 指出 交通部長 林佳龍 亦 關心 觀光局 的 海外 行銷 策略 與 作為 請 各 駐外 辦事處 在 駐地 務必 就 各 目標 市場 變化 及早 部署 同時 應 擬具 疫 後 有助 快速 拓源 的 短 中 長 程 行銷 策略 以 因應 多變 的 市場需求</t>
  </si>
  <si>
    <t>新冠肺炎 臺灣 陳時中 陳秀熙 停 班</t>
  </si>
  <si>
    <t>疫苗 健康 通行證 柯文哲 共 餐 新冠肺炎</t>
  </si>
  <si>
    <t>新冠肺炎 疫情 日益加劇 臺灣 確診 病例 數 攀升 且 24 日 已 突破 200 例 大關 晶圓 代 工 龍頭 台 積 電 總裁 魏哲家 近日 向 員工 發出 通告 即日起 到 4 月 12 前 實施 第一 階段 限制 限定 員工 不能 出國 同時 鼓勵 非生產 線 的 員工 在 分組 辦公 營運 模</t>
  </si>
  <si>
    <t>台中 黃文彬 黃國 瑋 都發 局長 新冠肺炎</t>
  </si>
  <si>
    <t>新冠肺炎 疫情 嚴峻 許多 縣市政府 已 發文 要求 長 照 及 安養 機構 暫停 探訪 不過 屏 東縣 目前 仍未 禁止 而是 交由 業者 決定 因 無 強制力 業者 只 能 柔性 勸導 衍生 問題 因此 希望 縣府 能 明文禁止 縣府 表示 會 依據 中央 疫情 指揮</t>
  </si>
  <si>
    <t>新冠肺炎 屏 東 長 照 安養 屏 東 醫院 屏 東 基督教 醫院</t>
  </si>
  <si>
    <t>外 送 員 新冠肺炎 疫情 送 上樓 妨害自由</t>
  </si>
  <si>
    <t>前往 湖北 武漢市 視察 後 世界衛生組織 who 專家 團隊 24 日 指出 中國 所 採取 的 策略 改變 新增 確診 病例 快速 攀升 的 曲線 兩 周前 團隊 剛 抵達 大陸 時 每天 新 報告 的 確診 病例 逾 2000 例 當 聯合 考察團 結束任務 23 日 報告 的 確診 病例 為 416 例 兩 周 之內 實現 了 80 的 下降 22 至 23 日 中國 世界衛生組織 新冠肺炎 聯合 專家 考察 組 下 簡稱 考察 組 赴 湖北 展開 現場 調研 24 日 晚間 在 北京 的 記者會 針對 大陸 每日 新增 確診 病例 兩 周 之內 實現 了 80 的 下降 考察 組 外方 組長 世衛組織 總 幹事 高級顧問 布魯斯 艾爾沃德 強調 這樣 的 資料 下降 是 切實 的 考察 組 中方 組長 大陸 國家 衛健 委 新冠肺炎 疫情 應對 處置 工作 專家組 組長 梁萬年 則 通報 新冠 病毒 並未 發生 明顯 變異 新冠 病毒 可能 透過 氣 溶膠 傳播 但 在 大陸 並非 主要 的 傳播方式 透過 廣東 四川 的 現場 考察 由 人口學 特徵 來看 患者 平均年齡 51 歲 30 69 歲 占 778 775 的 病例 來自 湖北 考察 組 通報 的 其他 各項 新冠肺炎 流行病 學 特徵 尚有 家庭 聚集 性 78 85 的 聚集 病例 發生 在 家庭 且 透過 對 已 發現 的 密切接觸 者 管理 後 約 1 5 的 密切接觸 者 實驗室 確診 為 陽性 以及 易 感性 新冠 病毒 為 一 種 新 的 病原體 各 年齡層 均 其 不具 免疫力 普遍 容易 感染 24 省 無 新 增 確診 病例 目前 大陸 新冠肺炎 的 抗 疫 成果 持續 擴 增 截至 23 日 共計 6 省 新增 確診 病例 數 為 3 例 及 以下 並 有 24 省 及 新疆生產建設兵團 無 新 增 確診 病例 掛 出 一整 排 24 個 0 據 大陸 國家 衛健 委 網站 訊息 23 日 31 個 省 自治區 直轄市 和 新疆生產建設兵團 報告 新增 確診 病例 409 例 湖北 以外 僅 11 例 累積 確診 達 7萬7150 例 新增 死亡 病例 150 例 包括 湖北 149 例 海南 1 例 累計 死亡 2592 例 24 日 大陸 國務院新聞辦公室 舉行 新聞 發佈會 國家發改委 秘書長 叢亮 指出 2 月 起 透過 國家 統一 調度 330萬 只 n 95 口罩 重點 為 保障 武漢 當中 調 往 武漢 的 醫用 n 95 口罩 268萬 只 近期 每天 調 度量 逾 15萬 只 加上 武漢 本地 生產 每日 可 供應 n 95 口罩 超過 30萬 只 足 以 保障 6萬 餘 位 一線 醫護人員 的 防護 需求 叢亮並 提到 至 2 月 22 日 n 95 日產量 已 達 919萬 只 為 2 月 1 日 的 86 倍 除 西藏 之外 目前 30 個 省區市 均 先後 啟動 口罩 生產線 並 持續 有 新 的 口罩 生產線 投入 生產 截至 2 月 22 日 大陸 全國 口罩 日產量 已 達 5477萬 只 較 2 月 1 日 成 長 28 倍 近 20 天 以來 已 累計 生產 口罩 5 7億 只 陸 開發 試劑 盒 驗 病毒 此外 23 日 中國工程院 院士 鍾 南山 也 透露 大陸 國家藥品監督管理局 應急 新 批 的 兩 個 試劑 盒 將 有助於 鑒別 流感 新冠肺炎 病毒 當中 北京 清華大學 參與 設計 開發 的 六 項 呼吸道 病毒 核酸 檢測 試劑 盒 恒溫 擴 增 晶 片 法 為 全球 首 個 15 小時 內 即可 一次性 檢測 包括 新冠 病毒 在內 6 種 呼吸道 常見 病毒 的 試劑 盒</t>
  </si>
  <si>
    <t>新冠肺炎 疫情 防疫 解封 副 總統</t>
  </si>
  <si>
    <t>新冠肺炎 新冠 疫情 美國 紐約 確診 人數</t>
  </si>
  <si>
    <t>為 何新冠肺炎 難 消滅 柯文哲 曝 北市 447 確診 者 無 症狀</t>
  </si>
  <si>
    <t>確診 者 柯文哲 無 症狀 新冠肺炎 臺灣</t>
  </si>
  <si>
    <t>新冠肺炎 全球 印度 delta delta 進化</t>
  </si>
  <si>
    <t>新冠肺炎 二級 警戒 跨 年 指引 臺灣</t>
  </si>
  <si>
    <t>中信 金 聲明 累計 7 位 員工 確診 新冠肺炎</t>
  </si>
  <si>
    <t>中信 金 上海 商銀 元 大金 確診 新冠肺炎</t>
  </si>
  <si>
    <t>新冠肺炎 臺灣 az 疫苗 接種 85 歲</t>
  </si>
  <si>
    <t>delta 說謊 疫苗 覆蓋率 臺灣 新冠肺炎</t>
  </si>
  <si>
    <t>63 歲 奧斯卡 影帝 湯姆漢克 tom hanks 與 妻子 麗塔威爾遜 rita wilson 上月 12 日 在 澳洲 感染 新冠肺炎 是 好萊塢 首例 確診 的 名 人 他們 經 治療 後 評估 已 痊癒 上 月底 飛 回 加州 洛杉磯 居家 隔離 麗塔 14 日 接受 電視節目 今日 晨</t>
  </si>
  <si>
    <t>63 歲 奧斯卡 影帝 湯姆漢克 tom hanks 與 妻子 麗塔威爾遜 rita wilson 上月 12 日 在 澳洲 感染 新冠肺炎 是 好萊塢 首例 確診 的 名 人 他們 經 治療 後 評估 已 痊癒 上 月底 飛 回 加州 洛杉磯 居家 隔離 麗塔 14 日 接受 電視節目 今日 晨 間 視 訊 訪問 透露 夫妻倆 至今 仍 不 清楚 感染 源頭 但 被 告知 2 人 應是 同時 被 某人 傳染 麗塔 先是 和 觀眾 報平安 表示 她 與 湯姆漢克 目前 身體狀況 正常 並 憶述 當時 疾病 發作 的 經過 當時 感覺 非常 疲倦之 餘 身體 也 極度 疼痛 不適 與 不 想 被 觸 碰 症狀 持續 到 第 9 天時 她 曾 高燒 至 388 度 並 失去 味覺 與 嗅覺 反觀 湯姆漢克 卻 沒有 發燒 也 沒有 失去 味覺 及 嗅覺 她 也 分享 當時 使用 抗 瘧疾 的 氯 奎寧 chloroquine 治療 自 爆 服 藥 後 出現 嚴重 副作用 感到 作嘔 暈 眩 和 肌肉 無力 也 提醒 大眾 一定 要 小心 用藥 因為 不 知道 是否 安全 無 虞 麗達 更 透露 與 湯姆漢克 已 捐 血 給 醫院 研究 看看 是否 能 將 血液 中的 抗體 協助 製成 疫苗 希望 藉 此 能 幫助 其他 病 患</t>
  </si>
  <si>
    <t>官員 口罩 攔截 3 m 口罩 新冠肺炎</t>
  </si>
  <si>
    <t>junior 韓宜邦 新冠肺炎 臺灣 運動</t>
  </si>
  <si>
    <t>新冠肺炎 疫情 在 美 惡化 截至 12 日 已 有 1215 確診 病例 36 死 其中 紐約市 白思豪 表示 現今 該市 確診 人數 為 95 人 但 估計 下 周 恐 破 千 因此 宣佈 紐約市 進入 緊急狀態 並 稱 這 場 疫情 恐 長達 六 個 月 據 美 媒 cnbc 報導 紐約</t>
  </si>
  <si>
    <t>新冠肺炎 疫情 在 美 惡化 截至 12 日 已 有 1215 確診 病例 36 死 其中 紐約市 白思豪 表示 現今 該市 確診 人數 為 95 人 但 估計 下 周 恐 破 千 因此 宣佈 紐約市 進入 緊急狀態 並 稱 這 場 疫情 恐 長達 六 個 月 據 美 媒 cnbc 報導 紐約市 確診 病例 原本 95 人 但 24 小時 之內 突 增 42 起 確診 對此 市 長白 思 豪 bill de blasio 在 記者會 上 表示 目前 該市 有 1780 人 正 在 自主 隔離 29 人 須 強制 隔離 並 預計 下 周 確診 人數 恐 上升 至 千 人 因此 宣佈 紐約市 進入 緊急狀態 白思豪 表示 為了 防止 疫情 擴大 大型 的 聚會所 如 布魯克林 籃 網隊 主場 館 巴克萊 中心 barclays center 麥迪森 廣場 花園 madison square garden 可能 關閉 數 月 他 表示 宣佈 緊急狀態 賦予 市長 新 權力 範圍 廣泛 包括 實施 宵禁 關閉 大眾交通 系統 關閉 公共場合 糧食 配給 商品 價格 限制 以及 停止 酒類 品 銷售 白思豪 坦言 過去 一 天 的 發展 令人震驚 疫情 很 可能 演變成 6 個 月 的 危機 宣佈 緊急狀態 並非 輕率 決定 情勢 已 達 不得已 的 地步 他 也 表示 想 大多數 的 人 都 沒有 經歷 過 像 現在 如此 的 公共 生活 並 向 紐約 市民 透露 每日 將 會 有 重大 改變 措施 不過 提到 是否 會 此 取 類似 大陸 武漢市 的 全市 隔離 白思豪 表示 這 只 會 讓 人 生活品質 降級 且 不切實際 白思豪 也 強調 雖然 許多 公共場所 將 關閉 但 他 會 竭盡全力 確保 學校 正常 上課 孩子 們 需要 食物 家長 們 也 需要 讓 他們 有 地方 去 此外 就 在 白思豪 宣佈 緊急狀態 前 紐約州 州長 古莫 andrew cuomo 也 宣佈 紐約州 即日起 禁止 500 人 以上 的 大型 集會 包括 百老匯 劇院 學校 醫院 公共 運輸 則 排除 在外</t>
  </si>
  <si>
    <t>國際 社會 新冠肺炎 全球 確診 破 300萬 逾 21萬 人 病故</t>
  </si>
  <si>
    <t>新冠肺炎 全球 確診 死亡 病例</t>
  </si>
  <si>
    <t>新冠肺炎 肆虐 歐洲各國 紛紛 祭出 封 城 令 居家 令 除非 必要 民眾 不得 外出 不過 禁閉 關 久 了 悶 壞 的 人們 想盡 各種 方法 出門 就 有 網友 貼出 照片 西班牙 街頭 驚見 人 裝狗 一 名 男子 全 身穿 著 毛茸茸 的 衣服 裝成 一 只 狗</t>
  </si>
  <si>
    <t>新冠肺炎 旺 旺 友聯 隔離 疫苗 防疫 保單</t>
  </si>
  <si>
    <t>新冠肺炎 臺灣 失 聯 員警 大隊 逃逸</t>
  </si>
  <si>
    <t>now 健康 口罩 鬆綁 新冠肺炎 流感</t>
  </si>
  <si>
    <t>2020 年 港 都 杯 全國 田徑 錦標賽 今日 上午 在 高雄 國家 體育場 點燃 戰火 此次 共 吸引 超過 4000 名 國內 好手 參賽 一同 在 國際 級 的 指標 場館 高雄 國家 體育場 角逐 桂冠 而 國內 近日 因 新冠肺炎 疫情 尚未 取得 穩定 控制 主辦單位 為 確</t>
  </si>
  <si>
    <t>2020 年 港 都 杯 全國 田徑 錦標賽 今日 上午 在 高雄 國家 體育場 點燃 戰火 此次 共 吸引 超過 4000 名 國內 好手 參賽 一同 在 國際 級 的 指標 場館 高雄 國家 體育場 角逐 桂冠 而 國內 近日 因 新冠肺炎 疫情 尚未 取得 穩定 控制 主辦單位 為 確保 參賽選手 健康 無 虞 積極 規劃 健全 的 防疫 措施 採訪 封閉式 比賽 高雄 市政府 運動 發展 局長 許文宗 表示 全力 讓 每 位 選手 在 健康 的 狀態 下 能 締造 佳績 滿載而歸 港 都 杯 全國 田徑 錦標賽 至今 邁 入 第 47 年 過去 往往 被譽為 全國 中等學校 運動會 及 全國 大專院校 運動會 前夕 最 重要 的 前哨戰 而今 年 適逢 2020 東京 奧運 的 舉辦 年 賽事 更 被 許多 國內 頂尖 好手 視為 兵家必爭之地 期望 能 在 此 站 奪得 叩 關 奧運 的 門票 例如 臺灣 最速 男 楊俊瀚 奧運 級 欄 神 陳傑 等 好手 都將 披掛上陣 因而 讓 本屆 賽事 張力再 升級 近年來 港 都 杯 全國 田徑 錦標賽 已 朝向 國際化 發展 中 日 韓 澳門 英國 等 國家 均 有 選手 參賽 儼然 成 為 聞名 國際 的 田徑 賽事 而今 年 考量 新冠肺炎 疫情 尚未 全然 平息 主辦單位 為 做 全面 性 防疫 控管 除了 婉拒 國外 選手 參賽 更 積極 規劃 具體 防疫 措施 例如 一 賽事 場館 出入口 將 安排 工作人員 測量 入場 人員 體溫 設置 酒精 以 供 消毒 如 檢測 出 發燒 者 將 謝絕 進場 二 選手 檢錄 區 亦 將 設置 體溫 檢測站 如有 發燒 者 將 安排 強制 送醫 三 相關 裁判 人員 及 工作人員 皆 配戴 口罩 四 現場 設有 醫護人員 及 相關 通報 機制 如有 身體 不適 者 隨即 協助 送醫 五 競賽 場內 廁所 每日 將 定時 安排 人員 消毒 與 清潔 六 積極 宣導 選手 與 教練 作好 自主性 健康 管理 如有 身體 不適 者 均 建議 退 賽 返家 或 協助 就醫 許文宗 指出 港 都 杯 全國 田徑 錦標賽 是 許多 選手 升學 遴選 國手 重大 賽事 參賽 依據 等 重要 指標 故此 次 與 高雄市 體育會 攜手 合作 設置 全面 性 的 防疫 機制 讓 每 一 位 選手 都能 安心 專心 及 全心 的 投入 賽事 高雄 市 體育會 田徑 委員會 沈煥瑤 總 幹事 表示 非常感謝 高雄 市政府 提供 的 行政 協助 讓 每 位 選手 都能 無 後顧之憂 地 專心 出賽 也 謝謝 高雄 市政府 長期 的 支持 讓 高雄市 田徑運動 的 發展 能 扶搖直上 未來 將 與 市府 持續 研 擬 培訓 及 推廣 策略 讓 高雄市 田徑 人才 源源不絕</t>
  </si>
  <si>
    <t>港 都 杯 田徑賽 新冠肺炎</t>
  </si>
  <si>
    <t>蘋果 昨晚 間 發佈 新款 13 吋 macbook pro 筆記型電腦 以 剪刀 腳 鍵盤 magic keyboard 取代 蝶式 鍵盤 以 改善 鍵盤 損耗 問題 並 將 儲存 容量 擴大 一 倍 今年 apple 在 新冠肺炎 爆發 後 加速 新款 macbook 機型 開發 鍵盤 供應商 精 元 2387</t>
  </si>
  <si>
    <t>蘋果 昨晚 間 發佈 新款 13 吋 macbook pro 筆記型電腦 以 剪刀 腳 鍵盤 magic keyboard 取代 蝶式 鍵盤 以 改善 鍵盤 損耗 問題 並 將 儲存 容量 擴大 一 倍 今年 apple 在 新冠肺炎 爆發 後 加速 新款 macbook 機型 開發 鍵盤 供應商 精 元 2387 導光板 模 組 供應商 茂林 -ky 4935 鍵盤 薄膜 觸 控 開關 mts 供應商 科 嘉 -ky 5215 營 收 可望 吃 補 ipad pro 推出 全 新巧 控 鍵盤 同樣 採用 剪刀 腳 設計 讓 相關 供應 鏈 吃 下 大 補 丸 巧 控 鍵盤 採用 懸臂 設計 以 磁力 吸附 ipad pro 能 順暢 調整 至 最 適合 觀看 的 視角 還有 專為 ipad os 中的 多 點 觸 控 手勢 及 游標 的 設計 巧 控 鍵盤 供應 鏈 自 3 月 開始 量 產出 貨 鍵盤 供應商 精 元 鍵盤 薄膜 觸 控 開關 mts 供應商 科 嘉 -ky 以及 導光板 模 組 供應商 茂林 -ky 都 是 獨家 供應商 新款 macbook pro 一 改 舊有 蝶式 鍵盤 設計 採用 與 去年 改版 的 16 吋 macbook pro 和 新款 macbook air 相同 的 剪刀 式 鍵盤 較 蝶式 鍵盤 多 增加 05 公釐 鍵 程 且 鍵 帽 厚度 約 02 公釐 能 為 使用者 提供 更加 舒適 的 按壓 手感 按鍵 回彈力 也 更加 靈敏 精 元 3 月 受惠 於美 系 客戶 新機種 出 貨 且 中國 廠房 全面 復工 3 月 營 收 達 1431億 元 年 增 3722 為 2015 年 11 月 以來 單月 新高 累計 第一 季 合併 營 收 達 2728億 元 相比 去年同期 成 長 1217</t>
  </si>
  <si>
    <t>分離 變異 毒 株 omicron 新冠肺炎 香港</t>
  </si>
  <si>
    <t>中研院 女 研究 人員 感染 新冠肺炎 臺北市 長 柯文哲 認為 不太可能 從 動物 傳 到 人 身上 外界 認為 做 實驗 發生 病毒 外泄 要 有人 負責 柯文哲 10 日 表示 出 問題 擺 出 究 責 態度 大家 就 忙 著 湮滅證據 不必 忙 著 究 責 應先 補 破 洞 柯文哲 今</t>
  </si>
  <si>
    <t>中研院 女 研究 人員 感染 新冠肺炎 臺北市 長 柯文哲 認為 不太可能 從 動物 傳 到 人 身上 外界 認為 做 實驗 發生 病毒 外泄 要 有人 負責 柯文哲 10 日 表示 出 問題 擺 出 究 責 態度 大家 就 忙 著 湮滅證據 不必 忙 著 究 責 應先 補 破 洞 柯文哲 今 早 主持 防疫 記者會 指出 當然 這 是 個 破 口 但有 問題 時 不必 忙 著 究 責 先 補 破 洞 重來 一 遍 p 3 實驗室 處理 新冠肺炎 病毒 的 工作人員 有 症狀 怎麼 會 讓 她 趴 趴 走 11 月 26 日 第一時間 就 應該 攔 下來 現在 不用 煩惱 過去 14 天 足跡 造成 多少 炸彈 柯文哲 表示 這 就 是 人員 訓練 管理 但 他 的 經驗 出 問題 擺 出 究 責 態度 大家 就 忙 著 湮滅證據 還要 去 瞭解 破 口 有 多 大 環境 要 采 檢 人員 進出 管制 還是 要 查 進入 一個 較 文明 國家 不 究 責 是 一 種 文化 錯 了 就 錯 了 快 把 問題 補 掉 就 好</t>
  </si>
  <si>
    <t>新冠肺炎 臺灣 究 責 柯文哲 擺 出</t>
  </si>
  <si>
    <t>日前 北部 一 名 高中生 出遊 希臘 返台 後 出現 身體 不適 症狀 已於 3 月 15 日 確診 感染 新冠肺炎 當 大家 議論紛紛 探詢 到底 是 哪 一 所 學校 記者 隨機 採訪 住 在 雙北 兩 市 近 10 名 的 民眾 大家 竟 都 知 學校 的 名稱 且 答案 都 相同 也 都 祝福 這 名</t>
  </si>
  <si>
    <t>日前 北部 一 名 高中生 出遊 希臘 返台 後 出現 身體 不適 症狀 已於 3 月 15 日 確診 感染 新冠肺炎 當 大家 議論紛紛 探詢 到底 是 哪 一 所 學校 記者 隨機 採訪 住 在 雙北 兩 市 近 10 名 的 民眾 大家 竟 都 知 學校 的 名稱 且 答案 都 相同 也 都 祝福 這 名 學生 早日康復 痊癒 出 院 一 名 家中 有 孩子 就讀 公立 高中 的 家長 說 她 是從 孩子 端 知道 是 xx 高中 的 孩子 可能 是 因為 都 是 同年齡 層 的 孩子 大家 口耳相傳 聽到 說 那 一 所 學校 有 一個 班級 停課 的 消息 另外 一 名 家長 則 是 說 是 聽 公司 科長 家 的 高中生 說 的 可能 是 因為 有 地緣 相近 關係 輾轉 從 認識 的 同學 中 聽到 消息 的 還有 一 名 是 剛當上 新手 爸爸 的 上班族 跟 記者 說 他 是 上網 看 資訊 在 論壇 聽 網友 討論 時 提到 這 一 所 學校 的 名字 與 某個 很 知名 的 食物 類似 然後 進一步 上網 查再 對照 學校 的 名稱 竟 發現 有 相同之處才想 說 應該 就是 這 一 所 學校 吧 而 住 在 該所 學校 附近 的 住戶 說 目前 是 並未 被 當地 裡長 告知 但有 鄰居 看到 附近 的 捷 運 站 做 消毒 不 知道 是否 有 關連性 但 已經 拜 讬 家中 有 慢性 疾病 的 父母 這 段 期間 儘量 勿 靠近 學校 及 步行 路線 可以 改往 他 路 避開 學校 四周 學生 可能 行走 的 路線 與 搭乘 的 捷 運 站 而 這些 居民 都說 希望 包括 這 名 高中生 等 的 確診 患者 可以 在 優秀 醫護人員 的 照料 下 挺 過 這次 疫情 的 侵襲 早日康復 出 院 和 家人 團聚 大家 也 說 因為 政府 說 不能 亂 傳 消息 大家 也 不敢 隨意 公開 說 學校 的 名稱 況且 也 不 知道 是 不是 正確 消息 只能 互相 打氣 彼此 要 好好 照顧 自己 身體健康 共同 挺 過 新冠肺炎 疫情 的 煎熬</t>
  </si>
  <si>
    <t>新冠肺炎 學校 確診 家長 北部</t>
  </si>
  <si>
    <t>新冠肺炎 疫情 升溫 造成 人心惶惶 由 指 南宮為 禳 除 疫情 主辦 3 天 的 祈福 大法 會 持 誦經 懺 呂祖 無 極 寶 懺 孚 佑 帝君 醒 心 真經 孚 佑 帝君 大洞 真經 等 祈福 消 災 撫慰 人心 並 期盼 大眾 同步 同時 虔敬 祈福 22 日 上午 9 點</t>
  </si>
  <si>
    <t>新冠肺炎 疫情 升溫 造成 人心惶惶 由 指 南宮為 禳 除 疫情 主辦 3 天 的 祈福 大法 會 持 誦經 懺 呂祖 無 極 寶 懺 孚 佑 帝君 醒 心 真經 孚 佑 帝君 大洞 真經 等 祈福 消 災 撫慰 人心 並 期盼 大眾 同步 同時 虔敬 祈福 22 日 上午 9 點 在 指 南宮淩 霄 寶 殿 祝 天 祈福 下午 3 點 則 在 純 陽 寶 殿 甘露 施 食 高雄 鳥 松林 內 大安 宮 21 日 上午 特別 來 祈福 由 劉 副 主任委員 率同 委員 等 人 到 指南 宮 虔誠 向 孚 佑 帝君 呂仙祖 參拜 祈福 期盼 疫情 能 逐漸 趨 緩 民眾 都 能 平安 健康 中華 道教 純 陽 祖師 協會 理事長 蔡秋棠 指 南宮 主任委員 高超文 陪同 彼此 交換 經驗 而 大安 宮 與 指 南宮 有 60 年 的 道 誼 指 南宮 表示 21 日 早上 誦 孚 佑 帝君 醒 心 真經 其中 所 記述 的 多 是 人 在 一般 生活 中的 倫理道德 規範 因為 自己 的 私欲 而 不能 遵守 必將 招致 禍害 醒 心經 告訴 我們 這 其中 的 道理 滌 慮 並 洗心 使 內心 清楚 明白 教導 改過遷善 自然 能 消除 一切 災難 指 南宮 說 呂祖 無 極 寶 懺 為 道 藏 裡面 重要 經典 而 孚 佑 帝君 大洞 真經 中 記述 佑 帝 辟邪除 瘟 神 欽 鬼服 吉星 臨門 妖魔鬼怪 滅 沒 無存 便 有 辟邪除 瘟 之 意 能 祈福 消 災 撫慰 人心 指 南宮 強調 孚 佑 帝君 呂仙祖 是 三教 的 梯 航 除 瘟 消 災 的 仙 聖 分別 在 各 宮觀 安排 誦經 達到 整體 與 個別 的 除 瘟 祈福 效果 部分 宮觀 表示 對於 這次 新冠肺炎 疫情 十分 關懷 基於 協會 共識 團結 共同 力量 在 這 3 天 中將 延續 辦理 為 新冠 疫情 禳 瘟 祈福 大法 會 請示 呂祖 祈福 消 災 撫慰 人心</t>
  </si>
  <si>
    <t>金管會 18 日 舉辦 獎勵 本國 銀行 加速 辦理 紓困 振興 貸款 方案 第二 期 評比 優等 銀行 表揚 典禮 主委 黃天牧 指出 全體 銀行 共 較 上期 增加 178 兆 元 的 紓困 貸款 且 自辦 部分 超越 公辦 部分 顯示 各 銀行 有 很 好 的 風險 控管 能力 亦 充分 體 認 疫情 下 共同 協助 客戶 的 重要性 應邀 出席 的 行政院長 蘇貞昌 表示 臺灣 不只 防疫 做到 世界 第一 執行 紓困 措施 的 效率 及 經濟 振興 成績 也 不遑 多 讓 感謝 各 銀行 協助 辦理 紓困 不僅 讓 12萬 家 廠商 免于 倒閉 更 讓 112萬 名 從業人員 免于 失業 後續 針對 三 倍 券 兌領 事宜 仍 請 各 銀行 協助 及 努力 新冠肺炎 疫情 去年 蔓延 全球 嚴重 衝擊 全球 各國 經濟 為 因應 疫情 對 臺灣 經濟 發展 及 民眾 生計 影響 行政院 公佈 新冠肺炎 防治 及 紓困 振興 特別 條例 並 編 列 預算 協助 辦理 紓困 紓困 規模 達 105 兆 元 各部 會 亦 訂 定 相關 紓困 振興 貸款 辦法 以 協助 企業 及 民眾 為 鼓勵 國銀 積極 辦理 各部 會 及 自辦 紓困 振興 貸款 金管會 去年 4 月 9 日 訂 定 獎勵 本國 銀行 加速 辦理 紓困 振興 貸款 方案 分別 就 金額 件數 效率 3 面向 共 17 個 項目 分組 進行 評比 另 對 協助 振興 三 倍 券 發放 等 配合 政府 紓困 後 振興 經濟 作為 亦 列入 評比 加分 項目 金管會 根據 各國 銀 截至 去年 6 月底 辦理 紓困 振興 貸款 成效 於 7 月 29 日 首期 評比 優等 銀行 表揚 典禮 共有 14 家 銀行 獲 表揚 考量 國外 疫情 持續 為 審慎 因 應對 國內 經濟 金融 情勢 影響 金管會 於 9 月底 修正 為 對 13 個 項目 評比 並 將 第二 期 實施 期間 延長 至 去年底 據 金管會 統計 截至 去年底 國 銀 配合 各部 會 紓困 及 自辦 企業 及 個人 的 受理 件數 共 達 143萬4034 件 申請 額度 計 3 兆 1574億 元 已 核准 127萬3079 件 核准 額度 計 3 兆 567億 元 核准 比例 分別 達 89 97 成效顯著 根據 截至 去年底 各 銀行 辦理 紓困 振興 貸款 成效 共有 合 庫 銀 輸 銀 華銀 台銀 北 富 銀 台企 銀 中信 銀 一 銀 國泰 世 華銀 土銀 等 10 家 銀行 在 第二 期 評比 中 獲得 前三名 佳績 其中 以 合 庫 銀 奪得 7 項冠軍 最 強 華銀 及 北 富 銀 各 拿下 2 項冠軍 居次 若以 在 13 項 評比 項目 中 獲得 前三名 的 總 計數 觀察 亦 以 合 庫 銀 共 拿下 9 項 稱霸 其次 依 序 為 台企 銀 8 項 華銀 6 項 一 銀 5 項 台銀 3 項 中信 銀 及 北 富 銀 各 2 項 輸 銀 國泰 世 華銀 及 土銀 各 1 項 金管會 表示 與 上 一期 相較 全體 銀行 共 增加 1 兆 7843億 元 的 紓困 貸款 尤其 自辦 超 逾 公辦 顯示 各 銀行 充分 體 認 在 疫情 下 共同 協助 客戶 的 重要性 盼 透過 相關 政府 機關 銀行 公會 及 銀行業 者 共同努力 推動 及 辦理 紓困 振興 貸款 措施 協助 國人 及 本土 產業 度過 疫情 衝擊</t>
  </si>
  <si>
    <t>金管會 國銀 新冠肺炎 紓困 振興 績優</t>
  </si>
  <si>
    <t>新冠肺炎 臺灣 飯店 小姐 會 死</t>
  </si>
  <si>
    <t>新冠肺炎 疫情 嚴峻 許多 人 開始 在 家 自己 煮 但 想 吃 得 健康 關鍵在於 食 材 是否 新鮮 panasonic 電冰箱 的 三大 保鮮 科技 全面 讓 你 的 食 材 即使 在 炎熱 夏天 也 能 保住 一整 周 的 新鮮 美味 panasonic 電冰箱 的 三大 保鮮 科技 第一 是 新</t>
  </si>
  <si>
    <t>輝瑞 bnt 高端 國產 疫苗 新冠 疫苗 新冠肺炎</t>
  </si>
  <si>
    <t>南韓 人氣 女 歌手 請 夏 7 日 確診 新冠肺炎 twice 成員 sana 因為 近日 與 她 有 近 距離 接觸 過 與 twice 其他 成員 都 接受 了 檢測 稍 早 檢查 結果 岀 爐 全員 都 顯示 為 陰性 讓 粉絲 們 松 了 一口氣 twice 所屬 公司 jyp 娛樂 稍 早 發聲明 表示</t>
  </si>
  <si>
    <t>南韓 人氣 女 歌手 請 夏 7 日 確診 新冠肺炎 twice 成員 sana 因為 近日 與 她 有 近 距離 接觸 過 與 twice 其他 成員 都 接受 了 檢測 稍 早 檢查 結果 岀 爐 全員 都 顯示 為 陰性 讓 粉絲 們 松 了 一口氣 twice 所屬 公司 jyp 娛樂 稍 早 發聲明 表示 包含 sana 在內 的 所有 twice 成員 以及 經紀人 檢測 結果 全員 顯示 都 是 陰性 並 表示 sana 將 遵守 衛生 當局 的 防疫 方針 在 12 月 18 日 之前 施行 居家 隔離 其他 成員 將 依照 計畫 完成 原訂 行程 另外 請 夏 7 日 得知 確診 消息 後 即 在 fan cafe 發文 想 著 byulharang 粉絲 名 若 沒 看到 她 的 消息 一定 會 擔心 便 發聲 告知 大家 表示 自己 非常 非常 抱歉 明明 很 小心 了 是 我 做 得 還 不夠 吧 承諾 會 再以 健康 的 樣子 和 大家 見面 喊話 粉絲 們 也 要 小心 再 小心 別 太 擔心 我們 很快 就 再見面 再一 次 對不起 而 除了 twice 之外 請 夏 確診 前 還 參加 了 gugudan 成員 康美娜 的 生日派對 一起 聚會 的 還有 宇宙 少女 成員 延靜 dia 成員 鄭彩娟 動 線 重疊 者 都已 進行 檢查 並 自行 隔離</t>
  </si>
  <si>
    <t>twice 請 夏 sana 新冠肺炎</t>
  </si>
  <si>
    <t>新冠肺炎 全球 大 流行 導致 日本 國內外 需求 急凍 日本 3 月 製造業 活動 創下 2009 年 來 最 嚴竣 的 萎縮 再度 印證 企業 與 經濟 因 這 場 公衛 危機 受到 的 衝擊 並 突顯出 日本政府 面臨 的 挑戰 au jibun bank 日本 3 月 製造業 採購 經理 人 指數 p</t>
  </si>
  <si>
    <t>澳洲 奧會 aoc 雖 未 採取 加拿大 奧 會 的 強硬態度 但 他們 也 支持 把 東京 奧運 延 後 1 年 aoc 在 23 日 發佈 聲明 澳洲 運動員 應該 把 東奧 時程 預 設為 2021 年 北半球 的 夏季 換言之 aoc 認為 東京 奧運 在 今年 辦不成 了 總理 莫里森 scott morrison 已經 講 明瞭 他 近期 頒佈 的 出國 禁令 同樣 適用于 運動員 如果 新冠肺炎 疫情 持續 下去 就算 東奧 7 月 開幕 澳洲 國家隊 也 根本 出不去 莫里森 說 澳洲 人民 的 健康 勝於 一切 包括 奧運 亦 被 當 成是 非必要 的 出境 澳洲 自 1896 年 雅典奧運 亦 稱為 首屆 奧運 就 沒有 缺席 過 這次 奧 會 與 政府 一條心 aoc 上周 聲明 人民 正 飽受 疾病 失業 之 苦 我們 必須 傾 全力 保護 運動員 的 健康 若 國際 奧 會 最終 不肯 延期 澳洲 國家 隊 已 有 缺席 奧運 的 心理準備</t>
  </si>
  <si>
    <t>劉樂妍 3 月 時 回台 治療 腸 沾 黏 又 因 涉 賄選案 出庭 沒 想到 因 新冠肺炎 疫情 讓 她 一度 被 卡 在 臺灣 令愛 狗 的 她 淚 喊 想 回家 了 昨 1 日 她 終於 搭 到 回 上海 的 飛機 將 接受 隔離 兩 周 她 分享 當地 防疫 旅館 的 開箱 照 一 晚 要</t>
  </si>
  <si>
    <t>劉樂妍 3 月 時 回台 治療 腸 沾 黏 又 因 涉 賄選案 出庭 沒 想到 因 新冠肺炎 疫情 讓 她 一度 被 卡 在 臺灣 令愛 狗 的 她 淚 喊 想 回家 了 昨 1 日 她 終於 搭 到 回 上海 的 飛機 將 接受 隔離 兩 周 她 分享 當地 防疫 旅館 的 開箱 照 一 晚 要價 人民幣 300 元 約 台幣 1270 元 看來 乾淨 整潔 舒適 直 呼 賺到 劉樂妍 3 月 在 微博 分享 多 張 愛犬 照片 說 想念 小玉 想念 所有 的 小狗 想 回家 了 並 強調 很 浪費時間 又 折磨 人 昨 她 在 桃園 機場 發文 宣告 即將 返回 大陸 稍後 她 再 分享 近況 坦言 回來 的 一路上 很 忐忑 在 臺北 時最 便宜 的 防疫 旅館 一 晚 要 2780 元 沒 想到 飯店 知道 她 剛 出院 不肯 收 劉樂妍 則 回 嗆 不收 拉倒 這次 要 回大陸 劉樂妍 做 了 不少 功課 先 開出 條件 是 人民幣 200 到 300 元 約 台幣 846 到 1270 元 後來 被 工作人員 推薦 進 現在 入 住 的 這間 上網 查一晚 要 560 元 約 台幣 2371 元 她 牙 一 咬 答應 後 沒 想到 到 了 現場 工作人員 竟 算 她 300 元 劉樂妍 對 此 寫下 感謝 政府 體貼 我們 真的 非常 感恩 非常感謝 讓 我們 花 300 塊 就 可以 住 到 這麼 好 這麼 好 的 房間 而且 工作人員 都 非常 的 貼心 體貼 還 可以 訂 外 賣 但 劉樂妍 已 從 臺灣 準備 好 足夠 糧食 所以 不用 訂餐 也 不 用 叫外賣 對此 網友 回應 五一 啊 超 值 了 這 房間 300 塊 超 值 不過 現在 餐飲 旅遊 酒店業 不 太 景氣 這個 價 也 是 正常 價 了 還有 浴缸 太好了 吧 這 檔次 300一 晚 真心 不貴</t>
  </si>
  <si>
    <t>汪明荃 新冠肺炎 羅家 英 防疫 期 亂象</t>
  </si>
  <si>
    <t>新冠肺炎 在 全世界 蔓延 美國 主持人 傑西沃特斯 jesse watters 日前 在 節目 上 開炮 要求 大陸 為 疫情 應該 向 世界各地 道歉 澳門 賭 王 何鴻燊 的 兒子 何猷君 昨 4 日 在 微博 發文 要求 大陸 網友 翻 牆 出征 該 主 播 的 ig 討公道 更</t>
  </si>
  <si>
    <t>據 美聯社 報導 中國 大陸 國家 衛生 健康 委員會 副 主任 曾益新 22 日 正式 表態 由於 違背 科學 原則 北京 不 接受 世界衛生組織 who 針對 新冠 病毒 起源 的 第二 階段 調查 計畫 曾益新 強調 所謂 的 實驗室 外流 理論 根本 是 與 常識 及 科學 原則 背道而馳 的 謠言 who 想要 進一步 調查 新冠肺炎 大 流行 的 起源 甚至 是 病毒 到底 是 不是 由 大陸 實驗室 外流 一 事 讓 人 感到 震驚 我們 不可能 接受 這樣 的 病毒 起源 調查 計畫 美聯社 分析 追溯 新冠 病毒 起源 已 脫離 科學 議題 成為 外交 爭議 並 讓 北京 與 華府 等 國 關係惡化 美方 與 他國 指責 北京 在 大 流行 初期 的 諸多 事情 上 並 不透明 相較 之下 北京 則 抨擊 西方 把 科學 議題 泛 政治化 who 秘書長 譚 德塞 日前 承認 歷經 第一 階段 調查 後 要 排除 病毒 為 大陸 實驗室 外泄 的 說法 仍 為 時尚 早 因此 他 希望 北京 能 在 第二 階段 展開 合作 以 獲取 大陸 方面 的 資料 並 提醒 北京 2021 年初 走訪 大陸 的 疫情 調查團 在 取得 原始 資料 上 面臨 重重 挑戰 2019 年 年底 武漢 首次 發現 該 病毒 美聯社 指出 大多數 專家 認為 實驗室 外流 說 的 可能性 甚 低 但 問題 是 其 可能性 是否 小 到 足以 忽視 還是 有 進一步 研究 的 必要 在 who 調查團 於 2021 年初 來到 大陸 並 與 大陸 科學家 進行 調查 後 該 團隊 指稱 沒有 進一步 研究 的 必要 卻 引發 軒然大波 外界 質疑 who 屈服 于 陸方 要求 如今 譚 德塞 則 表示 自己 也 是 實驗室 的 研究員 更是 免疫學家 在 實驗室 工作 過 實驗室 發生意外 常有 的 事情 目前 仍 無 法 輕易 否定 實驗室 外流 說 德國 衛生部長 史 巴恩 jens spahn 則 呼籲 大陸 官方 應 允許 who 繼續 調查 病毒 的 起源 不過 曾益新 則 堅稱 武漢 實驗室 不 存在 可 直接 感染 人類 的 病毒 更 強調 今年 稍 早 走訪 該 實驗室 的 who 國際 專家 小組 也 總結 實驗室 洩漏 的 可能性 很 小 當時 who 國際小組 表示 病毒 很 可能 由 動物 傳染給 人類 估計 可能 是 蝙蝠 蝙蝠 傳染給 穿山甲 穿山甲 又 是 大陸 菜市場 常常 出售 的 桌上 佳餚 曾 還 表示 有 關於 武漢 實驗室 的 工作人員 感染 病毒 再 傳給 他人 的 報導 也 純屬 子虛烏有 大陸 支持 以 科學 的 方式 調查 病毒 起源 並 希望 這樣 的 努力 擴張 到 全球 多 個 國家 與 地區 但 我們 堅決 反對 調查 工作 範 政治化 第二 階段 的 調查 應該 和 成員國 充分 協商 與 討論 後 並以 第一 階段 的 結論 為 基礎 美聯社 表示 對於 外界 指責 大 流行 源於 武漢 且 因為 官僚主義 作 歲 與 企圖 遮掩 導致 疫情 傳播 等 指控 北京 總是 回避 不 願 正面 回應</t>
  </si>
  <si>
    <t>新冠肺炎 who 疫苗 delta 大 流行</t>
  </si>
  <si>
    <t>新冠肺炎 確診 0 漢來 高雄</t>
  </si>
  <si>
    <t>新冠肺炎 臺灣 北市 不明 感染 源 14 天</t>
  </si>
  <si>
    <t>近日 成都 出臺 關於 統籌 新冠肺炎 疫情 防控 和 經濟社會 發展 奮力 完成 2020 年 經濟社會 發展 目標 的 意見 從 聚焦 支持 企業 穩產 滿 產 和 擴能 增效 築 牢 產業 功能 區 生態 集成 優勢 深度 融入 國際 供應 鏈 體系 等 10 方面 提出 33 條 具體 措</t>
  </si>
  <si>
    <t>近日 成都 出臺 關於 統籌 新冠肺炎 疫情 防控 和 經濟社會 發展 奮力 完成 2020 年 經濟社會 發展 目標 的 意見 從 聚焦 支持 企業 穩產 滿 產 和 擴能 增效 築 牢 產業 功能 區 生態 集成 優勢 深度 融入 國際 供應 鏈 體系 等 10 方面 提出 33 條 具體措施 為 奮力 完成 2020 年 經濟社會 發展 目標 提供 制度 保障 在 支援 企業 方面 意見 提出 設立 應對 疫情 穩定 經濟 資金 池 劃撥 10 以上 的 產業 專項資金 用於 貸款 貼息 和 紓困 補貼 重點 扶持 餐飲 住宿 文旅 會展 交通運輸 等 行業 同時 將 實施 中小 微 企業 金融 紓困 專項 行動 建立 企業 紓困 白 名單 此外 成都 還 將 創新 政府採購 服務 力爭 面向 中小企業 採購 比例 達 80 以上 根據 意見 成都 將 建立 完善 重點 企業 用工 一對一 聯絡 和 24 小時 調度 保障機制 深化 與 勞務輸出 大市 大縣 跨 區域合作 定點 定向 按時 按 需 保障 企業 用工 意見 提出 將 加大 防疫 物資 保供 力度 消毒 用品口罩 等 存在 缺口 的 企業 可 提前 2 個 工作日 向 行業 主管部門 或 產業 功能 區 申請 由 市 和 區 市 縣政府 負責 統籌 如 何將 應急 政策 與 長效 支持 政策 結合 化 危 為 機 推動 發展 意見 提出 構建 高 能級 產業 生態圈 鼓勵 企業 參與 產業 功能 區 建設 深度 融入 國際 供應 鏈 體系 建設 適 航 適 鐵 產業 供應 鏈 中心 深化 一帶 一路 供應 鏈 合作 出臺 成都 營商 環境 政策 30 版 全面 建立 符合國際 慣例 和 國際 規則 的 市場經濟 運行機制 和 體系 疫情 讓 基於 數位 技術 的 各類 需求 被 啟動 對此 成都 將 大力發展 新 經濟 推動 實體 經濟 數位化 轉型 制定 創新 產品 服務 目錄 建立 新 經濟 新 產品 發佈會 工作 機制 建立 創新 產品 服務 交易平臺 設立 新 經濟 專業銀行 針對 補 短 板 意見 明確 健全 重大 公共 衛生 應急 管理體系 修訂 突發 公衛 事件 應急 預案 健全 超大 城市 重大 疫情 監測 預警 醫療 救治 緊急 徵用 等 制度 加快 完善 重大 風險 源頭 防控 體系 完善 重大 領域 風險 辨識 預警 機制 系統 優化 城市 應急 智慧 指揮 體系 搭建 基於 大 資料 雲 計算 的 應急 指揮 資訊化 系統</t>
  </si>
  <si>
    <t>新冠肺炎 全球 美國 心肌炎 疫苗 cdc</t>
  </si>
  <si>
    <t>新冠肺炎 無法 出國 高 市交通局 估計 今年春節 南部 出遊 人潮 車潮 將 比 往年 同期 增加 23 成 尤其 初三 初四 高峰期 對 交通 維 運 是 一大 考驗 交通局 官 網 規 畫 資訊 專區 呼籲 民眾 出 門前 上網 掌握 路況 安心 享受 出遊 樂趣 高</t>
  </si>
  <si>
    <t>新冠肺炎 無法 出國 高 市交通局 估計 今年春節 南部 出遊 人潮 車潮 將 比 往年 同期 增加 23 成 尤其 初三 初四 高峰期 對 交通 維 運 是 一大 考驗 交通局 官 網 規 畫 資訊 專區 呼籲 民眾 出 門前 上網 掌握 路況 安心 享受 出遊 樂趣 高 市交通局 分析 往年 資料 挑 出 10 處 交通 疏運 景點 包括 西子 灣 哈 瑪 星 駁 二 特區 旗 津 壽山 佛光山 義 大世界 旗 山 美濃 崗 山 之 眼 交通局 副 局長 黃萬發 指出 新冠肺炎 不能 出國 加上 高鐵 取消 自由 座 預估 南部 春節 車潮 人潮 增 23 成 呼籲 民眾 利用 交通局 官 網 的 即時 交通 資訊 網 查詢 路況 並用 手機 app 高雄 好 停車 找 停車位 此外 南橫公路 已 通到 梅山 口 勢必 吸引 遊客 前往 由於 當地 是 單線 道路 可能 較 壅 塞 交通局 已 協調 中央 公路 總局 加強 宣導 並 請 當地 警方 設 管制 哨 計程車 部分 7 日 至 16 日 止 跳表 已 加計 50 元春節 加成 按 表 計費 即可 而 全市公有 路邊 及 路外 平面 停車場 不含 立體 停車場 及 委 外 平面 停車場 從 除夕 到 初三 暫停 收費 春節 期間 高雄捷 運 維持 營運 至 晚間 12 時 輕軌 則 從 晚間 10 時延長 營運 至 12 時 交通局 也 規 畫 各 景點 捷 運 接 駁 公車 方案 將 車輛 停 於轉 乘 捷 運 站 停車場 搭 捷 運 或 轉 乘 接 駁 公車 即可 快速 進出 景點 再 搭配 電子 票證 享 一 日 二 段 吃到 飽 公車 轉 乘 及 輕軌 等 優惠</t>
  </si>
  <si>
    <t>坎城影展 如火如荼 舉行 在 今年 有 4 部 片 在 影展 播映 的 新 一代 龐德 女郎 法國 女星 蕾 雅 瑟 杜 l a seydoux 卻 傳出 在 出發 參加 活動 前 新冠肺炎 病毒檢測 呈 陽性 可能 因 此 取消 去 坎城影展 的 行程 而 經紀人 也 證實 此 消息</t>
  </si>
  <si>
    <t>新冠肺炎 大陸 接種 大陸 國家 衛健 委 新冠 疫苗</t>
  </si>
  <si>
    <t>新冠肺炎 臺灣 確診 新北 北 市府</t>
  </si>
  <si>
    <t>生 醫 股 基亞 新冠肺炎 病毒檢測 試劑 獲 歐盟 ce 認證</t>
  </si>
  <si>
    <t>基亞 3176 澳洲 子公司 tbg diagnostics limited asx tdl 旗 下 轉投資 的 廈門 德 必 棋 生 技 廈門 德 必 棋 所 開發 的 新冠 病毒 核酸 檢測 試劑 已 取得 歐盟 ce 認證 而 這項 認證 代表 廈門 德 必 棋 所 生產 的 新冠肺炎 檢測 試劑 能 在 接受 歐盟</t>
  </si>
  <si>
    <t>新冠肺炎 全球 南非 兒童 住院 送醫</t>
  </si>
  <si>
    <t>因應 新冠肺炎 桃園 市長 鄭文燦 14 日 到 八 德 視察 護理 之家 瞭解 第一 線 工作人員 辛勞 他 也 說 桃園 目前 還有 2萬 多 劑 流感疫苗 鼓勵 符合 公費 物件 施打 共同努力 加強 防疫 工作 鄭文燦 表示 旭 登 護理 之家 環境 良好 提供 長者</t>
  </si>
  <si>
    <t>屋漏偏逢連夜雨 美國 密西根州 除了 得 應付 新冠肺炎 疫情 州長 惠特莫 19 日 宣佈 密 德蘭 郡 midland 進入 緊急狀態 因為 該 郡 境內 的 艾登維爾 與 山佛德 兩 座 水壩 抵擋不住 連日 暴雨 竟然 潰決 導致 大水 灌 入 農田 街道 釀 災 目</t>
  </si>
  <si>
    <t>屋漏偏逢連夜雨 美國 密西根州 除了 得 應付 新冠肺炎 疫情 州長 惠特莫 19 日 宣佈 密 德蘭 郡 midland 進入 緊急狀態 因為 該 郡 境內 的 艾登維爾 與 山佛德 兩 座 水壩 抵擋不住 連日 暴雨 竟然 潰決 導致 大水 灌 入 農田 街道 釀 災 #breaking evacuation orders issued for areas in and around the city of midland michigan following the collapse of the edenville dam pic twitter com snmtmnj 73 d devastating flooding near midland we re as east far as we can go on isabella street which is partially flooded itself these pictures don t do it justice homes behind me are in at least three feet ofwater if you have not evacuated call 911 and please get out @woodtv pic twitter com dvwzgyjzcl 目前 無 人 因 大水 死傷 當地 已 疏散 3千5百 戶 超過 萬 人 惠特莫 警告 在 之後 的 12 到 15 小時 密 德蘭 市中心 恐怕 會 泡 在 27 公尺 深 的 大水 中 美國國家氣象局 nws 表示 密 德蘭 的 提 塔巴瓦希 河 以及 鄰近 史 特林 的 來 佛 河 都 會 受 洪水 威脅 並 告知 河川 下游 居民 應 儘量 往 高處 避難</t>
  </si>
  <si>
    <t>惠特莫 密西 根 新冠肺炎 美國</t>
  </si>
  <si>
    <t>大陸 防疫 專家 國家 衛健 委 高級別 專家組 組長 鍾 南山 院士 團隊 發表 最新 研究 文章 預測 新冠肺炎 在 大陸 2 月 下旬 達 高峰 對於 疫情 防控 應 嚴格 實施 至 4 月底 鍾 南山 團隊 預測 大陸 疫情 在 2 月 下旬 達到 高峰 4 月底 趨於 平緩 公</t>
  </si>
  <si>
    <t>大陸 防疫 專家 國家 衛健 委 高級別 專家組 組長 鍾 南山 院士 團隊 發表 最新 研究 文章 預測 新冠肺炎 在 大陸 2 月 下旬 達 高峰 對於 疫情 防控 應 嚴格 實施 至 4 月底 鍾 南山 團隊 預測 大陸 疫情 在 2 月 下旬 達到 高峰 4 月底 趨於 平緩 公共 衛生 干預 措施 有效 控制 疫情 發展 但 嚴格 的 防控 措施 像是 早期 篩查 最好 實施 至 4 月底 若 政府 繼續 嚴格 實施 管控 並 提高 診斷 水準 推出 藥物 那 疫情 將 得到 最 大 控制 團隊 指出 若 管控 措施 慢 5 天 實施 大陸 的 疫情 規模 將 擴大 3 倍 如果 減低 對 武漢 的 控管 力度 湖北 可能 會 在 3 月中 旬 出現 第二 次 疫情 高峰 並 延續 至 4 月 下旬</t>
  </si>
  <si>
    <t>祭 儀 原住民 人數 新冠肺炎 戶外</t>
  </si>
  <si>
    <t>新冠肺炎 疫情 在 日本 快速 蔓延 原 定於 7 月 開幕 的 東京 奧運 能否 如期舉行 還 在 未定之天 著名 旅 台日人 日本 人 的 歐吉桑 紛 絲 頁 版 主 直言 如果 真的 辦不成 奧運 日本 經濟 可能 會 很慘 經濟 真的 死定了 據 東網 報導</t>
  </si>
  <si>
    <t>新冠肺炎 疫情 在 日本 快速 蔓延 原 定於 7 月 開幕 的 東京 奧運 能否 如期舉行 還 在 未定之天 著名 旅 台日人 日本 人 的 歐吉桑 紛 絲 頁 版 主 直言 如果 真的 辦不成 奧運 日本 經濟 可能 會 很慘 經濟 真的 死定了 據 東網 報導 著名 粉絲 專 頁 日本 人 的 歐吉桑 版 主 為 居於 臺灣 的 日本 人 他 在 粉絲 頁 上 指出 這 幾 年 日本 經濟 不 佳 日本 人 仍 能 努力 撐 下來 就是 因為 有 東京 奧運 因為 大家 深信 奧運 將 會 帶來 豐碩 的 經濟效益 所以 投入 了 大量 的 資源 如果 取消 奧運 很多 日本公司 可能 要 倒閉 他 表示 由於 新冠肺炎 疫情 重創 許多 產業 旅遊業 尤其 嚴重 若 奧運 無法 舉辦 日本 經濟 真的 死定了 報導 指出 日本 至 今 共 4 次 申辦 或 主辦 奧運 第 1 次 申辦 1928 年 的 東京 奧運 遇到 了 關東 大 地震 第 2 次 主辦 1940 年 的 東京 奧運 因 日本 侵華 被 取消 主辦權 後 由 芬蘭 接辦 但 最後 仍 因 二戰 爆發 而 停辦 第 3 次 主辦 1964 年 的 東京 奧運 當時 相首 岸信 介在 安保 條約 後 因 日本學 運 大 暴動 下臺 第 4 次 主辦 2020 年 的 東京 奧運 目前 陷入 新冠肺炎 疫情 的 麻煩 國際奧會 資深 委員 龐德 亦 承認 如果 新冠肺炎 疫情 在 5 月底 前 不能 得到 控制 東京 奧運 可能 要 取消 最新 預測 認為 2020 東京 奧運會 的 各項 投資 已 高 達 250億 美元 約合 台幣 7630億 元 東京 奧運會 若 被迫 取消 將 對 日本 造成 龐大 經濟損失 東京 奧 組委 去年底 公佈 單是 場地 開支 已 達 67億 美元 酒店業 亦 投資 數 10億 美元 進行 裝修 一旦 奧運會 取消 相關 設施 頓成 大 白象 未 能 創造 收入 之 餘 未來 的 維修 開支 更 帶來 沉重負擔 報導 說 除了 硬體 外 因應 奧運會 帶來 的 門票 電視轉播 商業 贊助 周邊 商品 收入 亦 會 化為烏有 更 可能 面臨 違約 賠償 及 保險 索 償 等 蘇州 屎 粵 諺語 爛攤子 難怪 有 分析員 慨歎 東京 奧運若 辦不成 日本 分分鐘 面臨 破產 級 的 危機</t>
  </si>
  <si>
    <t>臺灣 新冠肺炎 戰 疫 兩岸 包機 秘 辛</t>
  </si>
  <si>
    <t>新冠肺炎 臺灣 接種 學生 bnt</t>
  </si>
  <si>
    <t>大陸 新冠肺炎 疫情 緩和 各 地 開始 陸續 復工 武漢 今日 正式 解封 市場 人士 預期 大陸 水泥 行業 最 艱難 時刻 已 過 水泥 市場需求 及 水泥 價格 第 2 季 可望 開始 回升 今日 水泥 股 多頭 氣勢如虹 水泥 雙雄 的 亞 泥 1102 狂 飆 逾 6 台泥</t>
  </si>
  <si>
    <t>大陸 新冠肺炎 疫情 緩和 各 地 開始 陸續 復工 武漢 今日 正式 解封 市場 人士 預期 大陸 水泥 行業 最 艱難 時刻 已 過 水泥 市場需求 及 水泥 價格 第 2 季 可望 開始 回升 今日 水泥 股 多頭 氣勢如虹 水泥 雙雄 的 亞 泥 1102 狂 飆 逾 6 台泥 1102 漲幅 超過 27 嘉泥 1103 及 環 泥 1104 等 紛紛 連袂 揚升 水泥 類 股 指數 大 漲 在 4 以上 成為 盤面 上 強勢 的 人氣 焦點 亞 泥 在 大陸 的 主要 生產 基地 所 在 華中地區 隨 著 四川 江西 各廠 的 復工 產能 利用率 逐步 增加 到 3 月 下旬 已 達 四 成 水準 湖北 廠 可望 在 4 月 復工 產能 利用率 將 進一步 拉升 亞 泥 營運 將 再度 回溫 今日 股價 以 40 元 開出 盤中 最高 曾沖 至 426 元 漲幅 在 6 以上 大陸 水泥 市場 受 疫情 影響 台泥 所在 的 華南 西南地區 發貨量 降低 但 隨 著 3 月 復工 當地 水泥 市場 漸漸 恢復 穩定 水泥 價格 回穩 法人 預期 台泥 第 2 季 營運 將 漸 回到 成長 軌道 台泥 2019 年 eps 443 元 將 配發 25 元 現金 股利 05 元 股票 股利 今日 股價 開高 走 高 中場 過後 盤中 漲幅 逾 27</t>
  </si>
  <si>
    <t>水泥 股 新冠肺炎 疫情 嘉泥 環 泥</t>
  </si>
  <si>
    <t>computex 2020 臺北 國際 電腦展 新冠肺炎 疫情 影響</t>
  </si>
  <si>
    <t>瑞智 精密 上半年 出 貨 訂單 因 新冠肺炎 疫情 而延 後 至 第 三 季 釋出 加上 大陸 實施 空調 新 國家標準 能 效 促使 大陸 空調業 出清 庫存 造就 第 三 季 營運 傳捷報 銷量 及 合併 營 收 雙雙 創 同期 新 高 瑞智 10 月 進入 外銷 歐美 旺季 目前 接 單優</t>
  </si>
  <si>
    <t>瑞智 精密 上半年 出 貨 訂單 因 新冠肺炎 疫情 而延 後 至 第 三 季 釋出 加上 大陸 實施 空調 新 國家標準 能 效 促使 大陸 空調業 出清 庫存 造就 第 三 季 營運 傳捷報 銷量 及 合併 營 收 雙雙 創 同期 新 高 瑞智 10 月 進入 外銷 歐美 旺季 目前 接 單 優於 9 月 今 12 日 將 參加 元大 證券 主 辦法 說 會 說明 第 四季 營運 展望 瑞 智 9 月 壓縮機 銷售 15056萬 台 月 增 142 年成 長 704 但 受限 客戶 砍價 營 收 並未 隨 銷售 增長 而 同步 增長 反而 呈現 負 成長 9 月 合併 營 收 1436億 元 月 減 025 年 減 337 第 三 季 銷售 台數 48776萬 台 年 增幅 3572 第 三 季 合併 營 收 4629億 元 年成 長 1659 前 三 季 累計 銷售 139961萬 台 年 增 281 締造 歷史 次高 前 三 季 累計 合併 營 收 14109億 元 年 減 889 瑞 智 主管 表示 78 月 大陸 空調業 者 拉 貨 強勁 9 月 下旬 逐漸 進入 歐 美 外銷 旺季 銷售 台數 回升 第 三 季 銷售量 及 合併 營 收 雙雙 改寫 同期 歷史 新高 呈現 淡季 不 淡 瑞 智 主管 表示 當前 全球 市場 仍 受 新冠肺炎 疫情 蔓延 中 美 貿易 摩擦 等 不 確定 因素 影響 瑞智 持續 觀望 市場 機會 隨時 因應 市場 波動 不過 第 四季 進入 壓縮機 外銷 歐 美 市場 旺季 睿智 10 月 接 單 超過 160萬 台 勝過 9 月 大陸 廠 配合 十一 長假 放 8 天 假 生產 出 貨 是否 受 影響 還要 看 後續 出 貨 而 定</t>
  </si>
  <si>
    <t>瑞智 合併 營 收 法 說 會 新冠肺炎 疫情 大陸 空調</t>
  </si>
  <si>
    <t>高雄市 阿蓮 區長 佑 醫院 不 敵 新冠肺炎 疫情 將 於 下月 歇業</t>
  </si>
  <si>
    <t>高雄市 阿蓮 區長 佑 醫院 不 敵 新冠肺炎 疫情 波及 將 在 4 月底 暫時 停業 院方 並 證實 因 受 疫情 影響 病 患 不敢 上門 做 複健 嚴重 影響 醫院 收入 及 營運 經 考量 後 決定 暫時 辦理 停業 未來 將 視 疫情 狀況 再 決定 是否 複業 或 歇業 長 佑</t>
  </si>
  <si>
    <t>隨 著 nba 在 複賽 前 針對 各 隊 進行 全面 性 新冠 檢測 接下來 每天 就 等 看 誰 中標 國王 昨天 一口氣 確認 賈巴厘派克 希爾德 與 艾力克 斯 連 等 3 名 球員 感染 新冠肺炎 也 都 隨即 進行 隔離 溜 馬 主控 布羅格登 也 被 檢測 出新冠 陽性反應 先 後</t>
  </si>
  <si>
    <t>新冠肺炎 ncp 疫情 不斷 升溫 確診 人數 多 達 4萬 起 造成 全球 人心惶惶 大陸 72 歲 健身 達人 邱鈞 曾 聲稱 自己 從未 生病 豈料 竟 染上 肺炎 病逝 不少 專家 也 表示 民眾 防疫 不僅 靠 口罩 勤洗手 更是 重要 近日 一 名 日本 網友 就</t>
  </si>
  <si>
    <t>洗手 新冠肺炎 ncp 生病 速食店</t>
  </si>
  <si>
    <t>新冠肺炎 臺灣 衛生所 鄉鎮 台 東縣</t>
  </si>
  <si>
    <t>新冠肺炎 立 委 考察 北 區 醫療 院所 陳時中</t>
  </si>
  <si>
    <t>竹北 舊 市區 的 竹仁 國小 25 日 開學 首日 校方 以 三角 椎 設置 防疫 通道 學生 排隊 經過 體溫 檢測站 校方 以 專業 大型 額 溫槍 檢測 學生 體溫 比 小型 要 接觸 額頭 的 額 溫槍 還 快速 家長 們 也 很 配合 讓 小朋友 戴 口罩 與其 他 學校 一樣 秩序 還算 良好 總算 開學 了 李姓 家長 說 新冠肺炎 疫情 讓 學校 延後 半 個 月 開學 他 和 很多 上班族 一 樣 不可能 每天 陪 小孩 小朋友 在家 整天 玩 電腦 和 手機 的 日子 總算 結束 學校 事先 有 宣 導 要 在家 先量 體溫 上學 戴 口罩 防疫 很 重要 應該 再延 後 開學 謝姓 家長 認為 現在 新冠肺炎 疫情 好像 愈來愈 嚴重 國內 不斷 出現 確診 病例 萬 一發 生 社區 群 聚 傳染 後果 難以想像 大部 份 小學生 對開 學 都 很 高興 有的 說 在家 實在太 無聊 了 能 上學 和 同學 一起 玩 真好 但 小學生 說 口罩 的 味道不好 聞 好像 要 戴 口罩 上課 一整天 實在 會 很 難受</t>
  </si>
  <si>
    <t>開學 口罩 學校 家長 新冠肺炎</t>
  </si>
  <si>
    <t>張上淳 臺灣 新冠肺炎 死亡 到 院 時間</t>
  </si>
  <si>
    <t>根據 澳盛銀行 上周 出具 的 報告 中國 南韓 與 新加坡 是 企業 債 增加 最 快 最 多 的 亞洲 經濟體 報告 指出 過去 幾 年 中國 南韓 與 新加坡 的 公司 債 迅速 增加 而 新冠肺炎 疫情 打擊 公司 營 收 連帶 影響 其 償還債務 的 能力 報告 指出</t>
  </si>
  <si>
    <t>根據 澳盛銀行 上周 出具 的 報告 中國 南韓 與 新加坡 是 企業 債 增加 最 快 最 多 的 亞洲 經濟體 報告 指出 過去 幾 年 中國 南韓 與 新加坡 的 公司 債 迅速 增加 而 新冠肺炎 疫情 打擊 公司 營 收 連帶 影響 其 償還債務 的 能力 報告 指出 中國 新加坡 與 南韓 的 債務 累積 規模 與 速度 都 是 最高 的 因 爆發 新冠肺炎 疫情 以及 隨之而來 的 政府 相關 舉措 某些 產業 的 企業 營 收 已經 受到 衝擊 如果 這個 情況 持續 下去 恐 將 導致 債 信 評等 降級 債務 違約 並 拖累 經濟 成長 減弱 報告 指出 新加坡 與 南韓 的 能源 企業 受 創 尤重 而 中國 的 地產業 則 已 處於 信用 過度 擴張 報告 並 指出 新加坡 企業 因 面臨 現金 流 與 匯 兌 兩 大 風險 似乎 更 為 脆弱 10 個 企業 產業 別 中 有 6 個 正 面臨 高度 杠杆 與 現金 緊 絀 的 處境 南韓 企業 的 匯兌 風險 雖然 較 低 但 面臨 資金 非常 吃緊 的 風險 三 個 國家 中 以 中國 企業 的情況 最好 10 個 產業 中 僅 有 3 個 產業 的 企業 處於 信用 過度 擴張 而 由於 大部分 債務 屬於 國有 也 算是 一 種 防止 倒 債 的 保證</t>
  </si>
  <si>
    <t>新冠肺炎 全球 確診 累計 人數 突破 千萬 單日 新增 確診 人數 來到 新高 who 示 警 疫情 進入 新 危險 階段 美國 多 州 紛紛 縮減 經濟 重 啟 的 措施 雖然 歐元區 6 月 消費者 信心 指數 仍 維持 於 147 但 根據 歐盟 執委會 資料 顯示 經濟 景氣指數 回</t>
  </si>
  <si>
    <t>北京日報 用戶 端 3 日 報導 全球 什麼 時候 能夠 恢復正常 人員 往來 中國 什麼 時候 能夠 打開 國門 大陸 網 紅 醫生 復旦大學附屬華山醫院 感染 科 主任 張文宏 作出 最新 判斷 指 中國 在 2022 年 上半年 可以 有 條件 地 跟 一些 國家 恢復 往來 至於 未來 是否 需要 反 覆 接種 疫苗 取決 於 今年 接種 疫苗 後 隔 年底 再行 評估 時有 多少 人 打 了 疫苗 還 感染 狀況 而 定 博 鼇 亞洲 論壇 全球 健康 論壇 第二 屆 大會 實現 全民 健康 新冠 疫苗 的 研發 可及性 與 可 負擔 性 分 論壇 2 日 晚間 在 山東 青島 舉行 張文宏 說 世界 各國 有 條件 地 恢復 人員 往來 今年 下半年 就 會 開始 我們 希望 中國 在 2022 年 上半年 可以 有 條件 地 跟 一些 國家 恢復 往來 這 取決 於 打 疫苗 的 速度 張文巨集 表示 一些 疫苗 接種 率 已經 比較 高 的 國家 比如 以色列 美國 英國 會 偷偷 地 在 今年 下半年 先 開始 恢復 人員 往來 並非 別的 國家 不 接納 他們 而是 別的 國家 疫苗 接種 還 沒有 完全 結束 所以 中國 要 趕快 在 今年 年底 把 這個 事情 做 了 同場 論壇 上 大陸 國務院 聯防 聯控 機制 科研 攻關組 疫苗 研發 專 班 工作組 組長 鄭忠偉 介紹 中國 已向 全球 提供 超過 35億 劑 新冠 疫苗 在 2021 年 剩下 的 7 個 月 無論 通過 雙邊 方式 還是 通過 新冠肺炎 疫苗 實施 計畫 covax 中國 向 全球 供應 疫苗 的 數量 一定 會 遠遠 超過 前 5 個 月 張文宏 認為 即使 中國 向 全球 大量 供應 疫苗 但 由於 其他 更 多 國家 疫苗 供不應求 只能 優先 保證 國內 使用 全球 70 多 億 人口 全部 完成 接種 也 得 好幾 年 所以 全球 什麼 時候 恢復 往來 不 知道 但是 一些 國家 有 條件 地 恢復 往來 今年 下半年 就 會 開始 我們 希望 中國 在 2022 年 上半年 可以 有 條件 地 跟 一些 國家 恢復 往來 這 取決 於 打 疫苗 的 速度 儘快 接種 疫苗 滿足 有 條件 開放 的 需要 中國 就 可以 跟 世界 上 疫苗打得 不錯 發病率 低 的 國家 有 條件 地 恢復 人員 往來 未來 新冠 疫苗 會 不 會 像 流感疫苗 一樣 每年 都 要 打 也 是 公眾 頗為 關心 的 問題 在 回答 這 一 提問 時 張文宏 坦言 雖然 大多數 推斷 對 此 都 得出 肯定 的 答案 但 目前 還 不能 確定 他 舉例 說 新冠 感染者 康復 後 帶有 抗體 但 仍 有 20 的 機 率 再次 感染 同樣 疫苗 接種 後 的 保護率 隨 著 時間推移 會 不斷 下降 所以 未來 人們 是 不是 需要 反 覆 接種 疫苗 取決 於 今年 接種 疫苗 以後 在 第二 年 年底 再 進行 評估 看看 有 多少 人 打 了 疫苗 還 感染 第二 年 如果 沒有 再次 感染 那就再 等等 等 到 第 三 年 看看 有 多少 人 感染 直到 打過 疫苗 的 人 普遍 出現 再次 感染 的 現象 這個 時候 就 是 一個 節點 是 疫苗 重新 佈 置 的 最好 時機 張文宏 說 中國 與 大 多數 國家 的 疫情 情況 存在 很 大 差異 張文宏 直言 有 關新冠 疫苗 是否 需要 反 覆 接種 的 相關 資料一定 來自 於 其他 國家 屆時 中國 可以 參考 由 其他 國家 獲得 的 科學 資料 非常 從容 地 進行 新冠 疫苗 接種 的 第二 次 佈 置</t>
  </si>
  <si>
    <t>恢復 張文 宏 中國 國家 新冠肺炎</t>
  </si>
  <si>
    <t>香港 爆發 第 3 波 新冠肺炎 疫情 近 10 天 來 就 新增 了 上 千 起 病例 對 當地 經濟 及 民生 運作 造成 嚴重 衝擊 港 府 再次 收緊 限 聚 令 至 2 人 並 要求 民眾 儘量 待 在 家中 由 亞洲 博覽 館 改建 而 成 的 港版 方 艙 醫院 已於 8 月 1 日 正式 啟用</t>
  </si>
  <si>
    <t>香港 爆發 第 3 波 新冠肺炎 疫情 近 10 天 來 就 新增 了 上 千 起 病例 對 當地 經濟 及 民生 運作 造成 嚴重 衝擊 港 府 再次 收緊 限 聚 令 至 2 人 並 要求 民眾 儘量 待 在 家中 由 亞洲 博覽 館 改建 而 成 的 港版 方 艙 醫院 已於 8 月 1 日 正式 啟用 約 有 20 位 病況 穩定 的 確診 者 在 午後 陸續 入 住 香港醫管局 質素 及 安全 總監 鍾 健 禮 表示 展館 內 第一 階段 可 容納 約 500 張 病床 啟用 初期 每日 收治 數 十 名 病 患 年齡 落 在 18 歲 至 60 歲 之間 患者 入院 前 會 先 在 分流 站 接受 檢查 確定 未 出現 任何 病徵 或是 症狀 輕微 者 才可 留下 以便 將 公立醫院 設施 用於 年長者 及 更 有 需要 的 患者 身上 此外 醫管局 指出 為了 減少 與 確診 者 的 接觸 展館 特別 採用 視 訊 診斷 方式 有別於 一般 傳統 醫院 不過 一旦 有 緊急情況 發生 時 醫護人員 依舊會 穿戴 防護 裝備 後 進入 病 區 進行 診治 8 月 1日 啟用 後 已 有 14 名 醫生 及 50 名 護士 進駐 為 首 批 入住 的確 診病 患 提供 服務 更 多 ctwant 報導</t>
  </si>
  <si>
    <t>香港 新冠肺炎 疫情 方 艙 醫院</t>
  </si>
  <si>
    <t>驚 當年 sars 爆發 他 爆 跟 新冠肺炎 竟 有 一個 共同點</t>
  </si>
  <si>
    <t>新冠肺炎 臺灣 delta 實驗室 陳昶宇</t>
  </si>
  <si>
    <t>臺灣 已 出現 無 旅遊 史新冠肺炎 確診 案例 民眾 憂心 防疫 更加 困難 有 專家 甚至 直指 沒有 旅遊 史 完蛋 啦 它 就 跟 流感 一模一樣 而且 病毒 可能 會 躲 過 人體 免疫系統 的 攻擊 初期 很 難 被 偵 測到 對於 無 出 國史 確診 案例 外界 擔心</t>
  </si>
  <si>
    <t>大 聯盟 宣佈 因 新冠肺炎 疫情 影響 開幕 至少 延期 2 周 不過 這 並 不 代表 2 周後 就 能 撥雲見日 目前 大 聯盟 與 各 球 團 還 在 制定 今年 的 賽程 以及 各項 應變計 畫 但 尚未 有 進一步 說明 讓 球員 不知所措 小 熊隊 球員 奇普 尼斯 jason kipni</t>
  </si>
  <si>
    <t>大 聯盟 停賽 新冠肺炎 美國 疫情</t>
  </si>
  <si>
    <t>大陸 河北省 近日 爆發 新冠肺炎 疫情 更 下令 對 石家莊市 邢臺市 廊坊市 全域 實行 封閉 管理 不幸 的 是 前 女團 f 4 成員 劉樂妍 恰巧 就 住 在 河北省 的 廊坊市 今 14 日 更 在 微博 曝光 樓下 鄰居 一家 人 被 救護車 帶走 的 驚恐 畫面 害</t>
  </si>
  <si>
    <t>大陸 河北省 近日 爆發 新冠肺炎 疫情 更 下令 對 石家莊市 邢臺市 廊坊市 全域 實行 封閉 管理 不幸 的 是 前 女團 f 4 成員 劉樂妍 恰巧 就 住 在 河北省 的 廊坊市 今 14 日 更 在 微博 曝光 樓下 鄰居 一家 人 被 救護車 帶走 的 驚恐 畫面 害怕 自己 也 會 感染 新冠肺炎 37 歲 臺灣 女星 劉樂 妍 這 陣子 都 住 在 河北省 廊坊市 她 今日 更 在 微博 透露 疫情 狀況 指 社區 群 組 炸 了 鍋 因為 樓下 的 超市 老闆 一家 人 全部 被 救護車 帶走 最 可怕 的 是 原來 樓下 超市 老闆 疑 似是 密切接觸 者 包括 她 自己 全社 區 的 人 都曾 跟 老闆 接觸 過 隨後 劉樂妍 也 曝光 了 一 段 超市 老闆 全家人 被 救護車 帶走 的 現場 直擊 4 秒 影片 崩潰 寫下 本來 以為 病毒 離 我 很 遠 結果 在 樓下 哎 呦 我 去 我 每次 還 跟 他 聊天 聊 這麼久 現在 他們 一家 都 被 帶走 了 全部 人 都 趴 在 樓上 往 下 看 小賣部 老闆 被 120 帶走 還 透露 超市 老闆 摸 過 她 的 食 材 劉樂妍 曝光 的 影片 也 引發 大陸 網友 熱 議 不少 人 就 留言 安慰 她 放寬心 沒事 不慌 他們 測出 來 陽性 才 會 抓 你們 別 炸 鍋 你們 社區 被 封 的 可能性 極 高 你們 屬於 密切接觸 者 的 密切接觸 者 他 只 是 密接 不是 陽性 怕 啥 沒事 的 注意 自我 隔離 就 行</t>
  </si>
  <si>
    <t>劉樂 妍 河北省 新冠肺炎</t>
  </si>
  <si>
    <t>新冠肺炎 非 藥物 干預 科學雜誌 年齡 接觸 模式</t>
  </si>
  <si>
    <t>新冠肺炎 臺灣 侯友宜 疫情 持續</t>
  </si>
  <si>
    <t>國內 新冠肺炎 本土 疫情 嚴峻 波及 各 大 醫療 院所 連醫界 龍頭 台大醫院 日前 也 都 爆發 工 務 室 15 名 員工 確診 台大 院長 吳明賢 今天 特別 發信 給 住院 醫師 內容 直言 所有 的 重大 災難 都 是 一面 照妖鏡 痛 批 藉 機 放長假 的 住院 醫師</t>
  </si>
  <si>
    <t>新冠肺炎 擴散 全球 6 日 確診 人數 已 突破 十萬 大關 雖然 病 發 地 大陸 疫情 逐漸 轉 緩 但 歐美 與 中東 地區 轉為 嚴峻 對此 醫學 權威 期刊 刺 胳 針 6 日 發表 社論 指出 疫情 對 開發 程度 不同 的 國家 造成 衝擊 除了 點名 非洲 拉丁美洲</t>
  </si>
  <si>
    <t>上海市 衛健 委 12 日 通報 通過 口岸 聯防 聯控 機制 6 月 11 日 0 24 時 無 新 增 本土 新冠肺炎 確診 病例 境外 輸入 性 新冠肺炎 確診 病例 報告 8 例 其中 1 例 是 在 臺灣 生活 自 臺灣 出發 的 大陸 籍 人士 于 6 月 9 日 抵達 上海浦東國際機場 入</t>
  </si>
  <si>
    <t>上海市 衛健 委 12 日 通報 通過 口岸 聯防 聯控 機制 6 月 11 日 0 24 時 無 新 增 本土 新冠肺炎 確診 病例 境外 輸入 性 新冠肺炎 確診 病例 報告 8 例 其中 1 例 是 在 臺灣 生活 自 臺灣 出發 的 大陸 籍 人士 于 6 月 9 日 抵達 上海浦東國際機場 入 關後 即 被 集中 隔離 觀察 其間 出現 症狀 綜合 流行病 學 史 臨床 症狀 實驗室 檢測 和 影像 學 檢查 結果 等 診斷 為 確診 病例 各 病例 綜合 流行病 學 史 臨床 症狀 實驗室 檢測 和 影像 學 檢查 結果 等 診斷 為 確診 病例 病例 1 為 中國籍 在 塞內加爾 工作 自 塞內加爾 出發 經 法國 轉機 於 2021 年 5 月 31 日 抵達 上海浦東國際機場 入 關後 即 被 集中 隔離 觀察 其間 出現 症狀 病例 2 為 中國籍 在 美國 旅行 自 美國 出發 於 2021 年 6 月 7 日 抵達 上海浦東國際機場 入 關後 即 被 集中 隔離 觀察 其間 出現 症狀 病例 3 為 中國籍 在 泰國 工作 自 泰國 出發 於 2021 年 6 月 8 日 抵達 上海浦東國際機場 入 關後 即 被 集中 隔離 觀察 其間 出現 症狀 病例 4 為 中國籍 在 吉布 地 工作 自 吉布 地 出發 經 衣索比亞 轉機 於 2021 年 6 月 8 日 抵達 上海浦東國際機場 入 關後 即 被 集中 隔離 觀察 其間 出現 症狀 病例 5 為 中國籍 在 臺灣 生活 自 臺灣 出發 於 2021 年 6 月 9 日 抵達 上海浦東國際機場 入 關後 即 被 集中 隔離 觀察 其間 出現 症狀 病例 6 為 中國籍 在 美國 工作 自 美國 出發 於 2021 年 6 月 9 日 抵達 上海浦東國際機場 入 關後 即 被 集中 隔離 觀察 其間 出現 症狀 病例 7 為 中國籍 在 以色列 工作 自 以色列 出發 於 2021 年 6 月 9 日 抵達 上海浦東國際機場 因 有 症狀 入 關後 即 被 送至 指定 醫療機構 隔離 留 觀 病例 8 為 中國籍 在 英國 留學 自 英國 出發 經 荷蘭 轉機 於 2021 年 6 月 9 日 抵達 上海浦東國際機場 因 有 症狀 入 關後 即 被 送至 指定 醫療機構 隔離 留 觀 8 例 境外 輸入 性 確診 病例 已 轉至 定點 醫療機構 救治 已 追蹤 同 航班 密切接觸 者 176 人 均 已 落實 集中 隔離 觀察</t>
  </si>
  <si>
    <t>新冠肺炎 大陸 隔離 觀察 出發 出現</t>
  </si>
  <si>
    <t>新北 市政府 與 旺 旺 文教 基金會 共同 舉辦 讓 奉獻 成為 一 種 榮耀 榮耀 二十 志 力 傳承 公益 演唱會 13 日 下午 在 新北 市政府 多功能 集 會堂 舉辦 邀請 多 位 民歌 知名 藝人 齊聚獻 唱 向 在場 社 福 文化 與 環保 志 工 致敬 新北 市 社會局 副 局長 許秀 能 於 開場 致詞 時 除 代表 市府 感謝 旺 旺 文教 基金會 促成 這 場 公益 演唱會 以外 並 向 在場 志 工 夥伴 表達 謝意 感謝 志 工 們 在 新冠肺炎 疫情 嚴峻 時 協助 送 餐 物資 發放 電話 問安 及 疫苗 接種 站 動 線 引導 等 工作 110 年 上半年 志 工 所 投入 的 服務 時數 逾 1089萬 小時 換算 產值 可 高達 17億 元 新北 市 志 工 共有 24 個 類別 1342 個 志願 服務 團隊 人數 達 17萬1千 多 名 隊 數 及 人數 皆 為 全國 之 冠在 非常 時期 仍 有此 服務 成果 新北 志 工 無私奉獻 的 精神 令人 感到 敬佩 旺 旺 文教 基金會 周哲 仁 主任 示 疫情 打亂 了 臺灣 民眾 生活作息 表演 藝人 衝擊 更為嚴重 需 多 藝人 這 段 時間 幾乎 沒有 任何 收入 感謝 新北 市政府 能 提供 這麼 好 的 場地 讓 出席 藝人 有 個 表演 舞臺 用 歌聲 慰勞 新北 志 工 旺 旺 集團 用 行動 力 關懷 社會 為 默默 奉獻 社會 的 一 群 無名 英 加油打氣 演唱會 由 音樂 磁場 歌手 塗佩岑 擔綱 主持 於 活動 過程 中 展現 厚實 的 主持 功力 志 工 們 全場 笑聲 不 斷 資深 藝人 葉佳修 壓 軸 時 前 以 一 首 外婆 的 澎湖灣 喚起 大家 的 年輕 記憶 金曲 獎 二 重組 南方 二重唱 天籟 之 音 撥動 了 全場 觀眾 的 心弦 冰冰 姐 愛徒 木工 歌手 陳思瑋 高亢 嘹亮 的 歌聲 憾動 全場 中視 我 愛 冰冰 秀 主持 歌手 台 一線 及 迷霧 森林 樂團 以 西洋 搖 滾 演唱 曲風 贏得 全場 志 工 喝采 團長 宋昱錦 為 創作 歌手 去年 以 一 首 相守 專輯 唱 出 時代 的 背景 讓 新北 市 志 工 眷屬 度過 愉快 難忘 的 週末 假期</t>
  </si>
  <si>
    <t>semi 國際 半導體 產業 協會 10 日 公佈 最新 全球 晶圓廠 預測 報告 world fab forecast 全球 晶圓廠 設備 支出 將 從 2019 年 的 低點 反彈 2020 年 穩健 回升 後 可望 在 2021 年 大幅 增長 並 創下 投資額 歷史 新 高 記錄 不過 因為 新冠肺炎 影響 中國 市場 支出 計畫 semi 小幅 下 修 今年 晶圓廠 設備 支出 預估 至 578億 美元 semi 表示 2020 將 是 緩步 成長 的 一 年 晶圓廠 設備 支出 規模 年增率 約 3 來到 578億 美元 主要 受到 2020 上半年 仍 因 2019 下半年 市場 低迷 陰影 籠罩 所 影響 預估 衰退 達 18 但 情勢 將 於 今年 下半年 好轉 市場 開始 出現 復蘇 跡象 新冠肺炎 的 爆發 使 中國 2020 年 晶圓廠 設備 支出 受到 影響 也 因此 semi 更新 並 向 下 修正 去年 11 月 發佈 的 全球 晶圓廠 預測 報告 儘管 新冠肺炎 影響 持續 發酵 中國 今年 的 設備 支出 仍 將 較 去年同期 成 長 5 左右 並 超過 120億 美元 規模 2021 年年 增 率 將 一舉 升到 22 來到 150億 美元 規模 中國 市場 投資 動力 主要 來自 三星 西安 廠 sk 海力士 無錫 廠 中 芯 國際 和 長江 存儲 等 在 晶圓 代 工 龍頭 台 積 電 和 記憶體 大廠 美光 micron 投資 的 帶動 下 臺灣 將 成為 2020 年 最 大 設備 支出 市場 總 金額 將 接近 140億 美元 但 2021 年 將 下滑 5 跌 至 第 三 位 支出 仍 會 超過 130億 美元 2020 年 韓國 在 三星 和 sk 海力士 投資 助長 下 成為 第二 大 晶 圓 設備 支出 市場 年 成長率 達 31 達到 130億 美元 而 2021 年 將 以 26 大幅 增長 態勢 躍居第一 此外 2020 年 也 是 以 新加坡 為主 的 東南亞地區 強勢 成長 的 一 年 年增率 達 33 約 22億 美元 規 栚 2021 年 預計 將 持續 增長 年 成長率 將來 到 26 在 所有 地區 中 歐洲 與 中東 地區 2020 年 的 設備 支出 成長 最 強勁 將 增長 50 以上 來到 37億 美元 在 英特爾 意 法 英飛淩 投資 加 持 下 2021 年 也 將 維持 此 一 增長幅度 日本 目前 的 晶圓廠 設備 投資 主要 由 鎧 俠 kioxia 及 威騰 wd 索尼 美光 等 引 領 2020 年 晶圓廠 設備 支出 幾乎 無 變化 年 成長率 僅 2 2021 年 將 小幅 躍升 近 4 美洲 市場 則 呈現 下滑 趨勢 2020 年 支出 預計 將 比 2019 年 縮減 晶圓廠 設備 投資 下跌 24 至 62億 美元 2021 年 將 繼續 下 探 再降 4</t>
  </si>
  <si>
    <t>因 性侵 案 被 判 23 年 監禁 才剛 入獄 的 美國 著名 電影 製作 人 哈威·韋恩斯坦 被 爆 新冠 病毒檢測 呈 陽性 並且 引起 美國 人 公憤 有 當地 知情 官員 向 媒體 透露 紐約州 文德 監獄 有 2 名 囚犯 的 新冠 病毒檢測 呈 陽性 但 當地 主管 監獄 部門 的 負責 人稱 出於 隱私 相關 法規 他們 不能 透露 確診 者 姓名 但 該 監獄 中 確實 有 2 名 囚犯 的 檢測 結果 呈 陽性 而 根據 環球時報 引述 當地 媒體 報導 指出 因 性侵 案 被 判 23 年 監禁 的 著名 電影 製作 人 哈威·韋恩斯坦 被 爆 新冠 病毒檢測 呈 陽性 然而 相比 他 確診 一 事 美國 民眾 更 關心 的 卻是 在 很多 重症 患者 都得 排隊 等待 檢測 時 為什麼 他 能 馬上 得到 檢測 但 相較 于 韋恩斯坦 這種 大人物 確診 美國 民眾 不約而同 地 把 注意力 放在 了 這事 上 為什麼 一個 性侵 罪犯 能 馬上 接受 檢測 而 其他 百姓 還 得 排長 隊 有 民眾 表示 我 一個 出現 症狀 的 孕婦 朋友 無法 得到 新冠 病毒檢測 為什麼 韋恩斯坦 居然 能 被 檢測 他們 該 把 這人 隔離 起來 不該 把 寶貴 的 檢測 浪費 在 他 身上 此 觀點 引來 不少 同病相憐 的 其他 網友 他們 紛紛表示 自家 年邁 且 症狀 持續 很 久 的 老 母親 也 沒 得到 檢測 機會 我們 需要 一個 答案 其中 一個 網友 在 評論 中 寫到 另外 憤怒 的 美國 民眾 也 爆 料 說 前 幾 天 nba 湖人隊 籃 網隊 的 球員 在 沒有 症狀 的 情況 下 全隊 接受 了 檢測 有人 諷刺 看樣子 他們 已經 給 所有 nba 球員 做 檢測 了 當 成功人士 真好 美國國會 快來 查查 為什麼 這些 人 能 優先 檢測 其他 重症 患者 卻 得 苦 等 著 據 報導 韋恩斯坦 目前 正 在 文德 監獄 接受 關押 和 隔離 此地 距離 紐約市 中心 約 6 小時 車程 在 待 審 期間 韋恩斯坦 一直 被 關押 在 利克斯 島 監獄 也 曾 因 高血壓 和 胸 痛 被 送 往 紐約市 貝爾維尤 醫院 bellevue hospital 但 截至 目前 仍未 有 確切 消息 證明 他 是 在 何處 感染 了 病毒 截至 美東 時間 3 月 22 日 18 時 美國 新冠肺炎 確診 病例 已 超過 33073 例 其中 僅 紐約州 就 達 15777 例 占全美 確診 病例 近 一半</t>
  </si>
  <si>
    <t>彰 化 縣 5 月 14 日 爆發 新冠肺炎 家庭 群 聚 感染 案例 水 果盤 商 家族 有 12 名 親人 相繼 確診 一家人 順利 康復 出院 擔任 社區 理事長 的 長子 與 母親 接受 本報 專訪 述說 住院治療 期間 被 當成 戰犯 圍剿 的 複雜 煎熬 盼 政府 媒體 和 社會 別 再</t>
  </si>
  <si>
    <t>新冠肺炎 臺灣 母親 水 果盤 商 面對</t>
  </si>
  <si>
    <t>近期 因 數量 較 多 的 接種 疫苗 者 遭 變種 病毒感染 的 案例 發生 有 專家建議 補 打 第 3 劑 加強 針 的 說法 極 受 重視 大陸 疾 控 中心 專家 表示 疫苗 接種 後 幾 個 月 抗體 水準 會 有所 下降 但 仍然 有 相當 的 保護 力 是否 補 打 第 3 針 還 需要 開展 相關 研究 包括 接種 疫苗 後 人體 的 免疫 記憶 是否 增強 在 大陸 國務院 聯防 聯控 機制 疫情 防控 和 疫苗 接種 的 新聞 發佈會 上 大陸 疾 控 中心 免疫 規劃 首席專家 王華慶 做出 上述 表示 他 說 當務之急 還是 建立 群體 免疫 屏障 消除 免疫 落差 至於 後續 是否 需要 加強免疫 如果 要 加強 怎麼樣 加強 需要 做 更 多 研究 另外 如果 開展 3 劑 次 或 後續 加強免疫 要 對 安全性 進行 評估 只有 綜合 獲得 充分 證據 以後 才能 決定 是否 加強免疫 對於 接種 疫苗 後 為 何還 感染 是否 因為 疫苗 保護 效力 不夠 王華慶 表示 目前為止 新冠 疫苗 不管 是 在 臨床 試驗 獲得 的 保護 效力 還是 疫苗 上市 以後 獲得 的 保護 效果 其 保護率 都 不是 100 有些 人 接種 疫苗 之後 還 感染 並不 意味 疫苗 保護 效力 不夠 不管 是 保護 效果 也好 還 是 保護 效力 也好 其實 是 對 一個 群體 得出 的 一個 結果 要 預防 新冠肺炎 目前 最好 的 辦法 還是 接種 疫苗 如果 人群 當中 有 免疫力 的 達到 一定 閾值 就 可以 降低 新冠肺炎 的 流行 強度 或者 阻斷 它 的 流行 另 一 位 大陸 疾 控 中心 研究員 馮子健 則 表示 就 廣東 新一輪 疫情 來看 確診 病例 中 沒有 接種 過 疫苗 的 人群 轉為 重症 或者 發生 重症 的 比例 顯著 高於 接種 疫苗 的 人 表明 接種 以後 對 變異 毒 株 仍然 有 保護 作用 在 針對 60 歲 以上 老年人 接種 疫苗 的 安排 上 大陸 衛健 委 疾 控 局 官員 崔鋼 表示 已經 安排 對 60 歲 以上 有 接種 需求 同時 身體狀況 比較 好 的 老年人 進 接種 疫苗 工作 官方 專門 制定 新冠 病毒 sars-cov- 2 疫苗 接種 技術 指南 第一版 對於 60 歲 以上 老人 的 接種 工作 有 一系列 統一 的 接種 建議 和 具體 要求</t>
  </si>
  <si>
    <t>江蘇省 無錫市 南通市 常州市 新冠肺炎</t>
  </si>
  <si>
    <t>臺灣 新冠肺炎 疫情 趨 緩 政府 研 擬 在 7 月 推出 第 三 階段 振興 方案 投 顧 法人 出具 最新 報告 認為 餐廳 業者 及 零售商 將 是 主要 受惠 者 看好 寶雅 5904 統 一超 2912 統一 1216 瓦城 2729 及 臺灣 高鐵 2633 等 以 本</t>
  </si>
  <si>
    <t>臺灣 新冠肺炎 疫情 趨 緩 政府 研 擬 在 7 月 推出 第 三 階段 振興 方案 投 顧 法人 出具 最新 報告 認為 餐廳 業者 及 零售商 將 是 主要 受惠 者 看好 寶雅 5904 統 一超 2912 統一 1216 瓦城 2729 及 臺灣 高鐵 2633 等 以 本地 消費者 為主 力 的 公司 業績 將 更 快 復蘇 臺灣政府 預計 7 月 推出 400 460億 元 振興 方案 研 擬 發放 消費 券 及 旅遊 補助 刺激 國內 經濟 方案 規 畫 每人 可 支付 1000 元 取得 3000 元 振興 券 並提 列 40億 元 紓困 預算 補助 觀光業 自由 行 每 房 補助 1000 元 團體 旅遊 每人每天 補助 700 元 預估 可 創造 近 900億 元 收益 投 顧 法人 分析 在 2008 年 金融 海嘯 後 臺灣政府 於 2009 年 1 月 發放 860億 元 消費 券 儘管 產生 收益 360 560億 元 提升 2009 年 gdp 約 028 034 個 百分點 刺激 效益 低於 預期 但 臺灣 零售 及 餐飲業 2009 年 營 收 分別 年 增 06 51 扭轉 連 2 季 衰退 其中 零售業 中 以 超市 營 收 年 增 36 最 多 百貨公司 和 便利 超 商則 下滑 06 09 而 餐飲業 營 收 年 增 達 5 飲料店 營 收 年 增 達 44 均 超越 其他 零售 通路 而 因應 來 台陸客 減少 衝擊 臺灣政府 2018 2019 年 接連 推出 旅遊 補助 措施 總 金額 分 達 12 15億 元 36億 元 帶動 去年 飯店 住房 率 上升 34 個 百分點 但 住房 收入 年 增 52 仍 低於 餐飲業 的 年 增 57 且 飯店 餐飲 營 收 仍 年 減 18 不過 儘管 餐飲業 去年 業績 復蘇 動能 較 強 但 投 顧 法人 指出 觀光 類 股 指數 去年 上漲 達 18 餐飲 類 股 則 僅 上漲 8 隨 著 臺灣 已 連續 46 天 無 本土 新增 病例 驅使 政府 逐步 鬆綁 大型 聚會 國內 旅遊 等 防疫 相關 規定 投 顧 法人 認為 以 本地 消費者 為主 的 零售 與 餐廳 業者 相較 於 過度 仰賴 國際 及 商務 旅客 的 飯店業 業績 表現 將 更 快 反彈 基於 過去 政府 祭出 振興 政策 零售商 及 餐廳 業者 可望 明顯 受惠 投 顧 法人 看好 以 本地 消費者 為 主要 客群 的 零售 及 餐飲業者 如 寶 雅 統 一超 統一 瓦城 及 臺灣 高鐵 等 公司 業績 復蘇 速度 可望 更 快</t>
  </si>
  <si>
    <t>臺灣 政府 新冠肺炎 振興 投 顧</t>
  </si>
  <si>
    <t>毅嘉 機構 整合 軟板 車市 新冠肺炎</t>
  </si>
  <si>
    <t>斯洛伐克 捐贈 az 疫苗 效期 新冠肺炎</t>
  </si>
  <si>
    <t>在 新冠肺炎 疫 期 鑽石 公主 號 郵輪 等 多 郵輪 在 海上 漂流 多 日 讓 在 郵輪 上 民眾 有如 經歷 一 場 夢魘 不過 搭 高檔 郵輪 出國 仍 是 未來 旅遊 趨勢 尤其 目前 旅遊 綜合險 並 沒有 保障 郵輪 上 的 旅遊 不便 因此 若 民眾 要 搭 郵輪 出遊</t>
  </si>
  <si>
    <t>在 新冠肺炎 疫 期 鑽石 公主 號 郵輪 等 多 郵輪 在 海上 漂流 多 日 讓 在 郵輪 上 民眾 有如 經歷 一 場 夢魘 不過 搭 高檔 郵輪 出國 仍 是 未來 旅遊 趨勢 尤其 目前 旅遊 綜合險 並 沒有 保障 郵輪 上 的 旅遊 不便 因此 若 民眾 要 搭 郵輪 出遊 要買 郵輪 綜合險 對 搭乘 郵輪 者 才會 有 較 多 保障 據 瞭解 產險 業者 在 未來 考慮 推 郵輪 綜合險 但 截至 目前為止 兆豐 保險 仍 是 目前 國內 產險 業者 唯一 推出 郵輪 綜合險 的 產險 業者 至於 郵輪 綜合險 有 那些 專屬 的 保障 兆豐 保險 說 舉例來說 如果 被保險人 或 其 同行 夥伴 如 罹 患 新冠肺炎 或 被 保險 人本 人 因 疑 似 罹 患 新冠肺炎 被 強制 檢疫 而 致 其 必須 取消 預定 之 旅程 若 有 投保 郵輪 綜合險 即可 申請 旅程 取消 理賠 兆 豐 保險 說 如果 被保險人 于 海上 旅遊 期間 被保險人 或 其 同行 夥伴 如 罹 患 新冠肺炎 被 確認 還 可以 申請 4 項 保險 理賠 因 新冠肺炎 為 法定 傳染病 只要 被保險人 或 其 同行 夥伴 罹 患 新冠肺炎 被 確認 者 會 即 認定 符合 重大 傷病 所以 可 申請 下列 4 項 1 程 縮短 保險 被保險人 于 海外 旅行 期間 內 必須 提早 結束 旅程 而 返回 中華民國 境內 之 住 居所 所 需 額外 支出 之 交通費 用 及 住宿 費用 2 郵輪 假期 保險 海上 旅遊 期間 於 岸上 觀光 後 錯過 登 船 費用 3 郵輪 緊急 衛星 電話費 用 保險 4 海外 急難 救助 費用 保險 醫療 轉送 費用 兆 豐 保險 表示 若 被保險人 于 海外 旅遊 期間 被保險人 罹 患 新冠肺炎 於 國外 當地 醫療機構 就診 或 住院 也 可以 申請 海外 突發 疾病 醫療 健康 保險 之 給付 包括 海外 突發 疾病 住院 醫療 保險金 海外 突發 疾病 門診 醫療 保險金 以及 海外 突發 疾病 急診 醫療 保險金</t>
  </si>
  <si>
    <t>新冠肺炎 臺灣 防疫 物資 洗手 液 吳 瓊華</t>
  </si>
  <si>
    <t>東奧 即時 報導 新冠肺炎 東京 游泳</t>
  </si>
  <si>
    <t>國內 新冠肺炎 疫情 嚴峻 三級 警戒 延長 再 加上 疫苗 短缺 民怨 達到 高峰 臺北市 長 柯文哲 坦言 疫苗 覆蓋率 需 達 7 成 以上 才 有 群體 免疫 效果 若 在此之前 先行 解封 感染 人數 就 會 上升 目前 戰略 要 先 撐到 疫苗 到 再說 柯文哲 表</t>
  </si>
  <si>
    <t>國內 新冠肺炎 疫情 嚴峻 三級 警戒 延長 再 加上 疫苗 短缺 民怨 達到 高峰 臺北市 長 柯文哲 坦言 疫苗 覆蓋率 需 達 7 成 以上 才 有 群體 免疫 效果 若 在此之前 先行 解封 感染 人數 就 會 上升 目前 戰略 要 先 撐到 疫苗 到 再說 柯文哲 表示 疫苗 覆蓋率 需要 70 以上 才 有 群體 免疫 效果 覆蓋率 不夠 要 放 掉 三級 管制 感染 人數 就 會 上升 這 也 是 一個 很 困難 的 題目 從 其他 國家 例子 可 看到 封城 來回 好幾 次 柯文哲 重申 他 主張 只要 國際 上有 認證 價錢 不 會 太 理 譜 的 疫苗 能 買 就 先 買 買 多少 算 多少 防疫 管制 在 不 影響 經濟 的 狀態 下 松 到 什麼 程度 如果 不行 的 話 大概 就 是 要 咬緊牙關 撐到 疫苗 來 柯文哲 強調 他 不在 中央 也 不 知道 疫苗 的 狀況 目前 策略 是 以 最低 成本 維持 三級 管制 效果 撐到 疫苗 可以 打到 70 這 是 戰略 沒有 達到 70 就 放開 感染 人數 會 上去</t>
  </si>
  <si>
    <t>溫網 溫布 頓 新冠肺炎 新冠 疫情 新冠 病毒</t>
  </si>
  <si>
    <t>新冠肺炎 疫情 肆虐 全球 黑社會 也 不 閑 著 義 大利 黑手黨 藉 提供 免費 食物 無息貸款 等 好處 收攏 人心 趁機 坐大 勢力 引發 關注 巴西 黑幫 的 防疫 作為 比 政府 還 到位 義 大利 是 疫情 重災區 內政部長 拉莫 格斯 警告 受到 封城</t>
  </si>
  <si>
    <t>新冠肺炎 疫情 肆虐 全球 黑社會 也 不 閑 著 義 大利 黑手黨 藉 提供 免費 食物 無息貸款 等 好處 收攏 人心 趁機 坐大 勢力 引發 關注 巴西 黑幫 的 防疫 作為 比 政府 還 到位 義 大利 是 疫情 重災區 內政部長 拉莫 格斯 警告 受到 封城 影響 商店 咖啡店 餐廳 和 酒吧 被迫 休業 數 百萬 員工 頓失 收入 若 當局 不 立即 協助 這些 商家 與 員工 黑幫 將 提供 服務 加速 招攬 民眾 入 幫 進而 控制 人民 的 生活 英國 衛報 報導 黑手黨 藉 疫情 趁機 送暖 派員 向 貧窮 家庭 配送 免費 食品 與 現金 已 知 活動 範圍 包括 坎帕尼亞 卡拉布裡亞 西西里島 和 普利亞 等 南部 大區 卡拉布裡亞 大區 的卡 坦 劄 羅 省 檢察官 兼 反 黑手黨 調查 員 格拉特利 指出 黑手黨 把 城市 視為 自己 的 領地 他們 需要 照顧 領地 上 的 人民 現在 正是 他們 發揮優勢 的 時候 他們 在 大家 水深火熱 時 提供 免費 食物 猶如 英雄 未來 黑手黨 推舉 誰 出來 選 議員 將 可 得到 民眾 支持 有利 他們 黑幫 犯罪 獲益 他 憂心 表示 若 國家 走 慢 一 步 黑手黨 將 捷足先登 成功 收買 民心 南美洲 的 巴西 黑幫 則 出馬 協助 抗 疫 在 裡約 的 貧民區 黑幫 嫌 政府 防疫 措施 過 慢 先 一 步 警告 民眾 入夜後 最好 從 街道 上 消失 還 喊 出 不 洗手 就 砍手 的 口號 比 之前 無視 群 聚 感染 稱 新冠肺炎 只 是 小 感冒 的 的 總統 波索納羅 更 認真 防疫 據 報導 巴西 衛生部長 曼 德 塔 表示 希望 地方 政府 與 黑幫 進行 合作 共商 遏制 新冠 病毒 的 措施 他 說 政府 需 與 控制 貧民窟 的 黑幫 和 毒販 對話 公共 衛生部門 擔心 貧民窟 衛生條件 差 人口密度 高 且 缺乏 隔離 條件 一旦 疫情 蔓延 破壞性 會 很 大</t>
  </si>
  <si>
    <t>新冠肺炎 疫情 從 武漢 爆 開 後 當地 成為 中國 大陸 抗 疫 的 主戰場 早先 有 一 群 女 護士 剃 光頭 赴 前線 宣誓 抗 疫 決心 引起 話題 昨 一 位 赴 武漢 支援 的 護士 吐露 心聲 希望 疫情 結束 後 政府 配給 一個 男友 女 護士 的 心願 卡 曝光 後 迅速 爆</t>
  </si>
  <si>
    <t>新冠肺炎 疫情 從 武漢 爆 開 後 當地 成為 中國 大陸 抗 疫 的 主戰場 早先 有 一 群 女 護士 剃 光頭 赴 前線 宣誓 抗 疫 決心 引起 話題 昨 一 位 赴 武漢 支援 的 護士 吐露 心聲 希望 疫情 結束 後 政府 配給 一個 男友 女 護士 的 心願 卡 曝光 後 迅速 爆 紅 星島日報 報導 這 名 可愛 的 護士 名叫 田芳芳 她 任職 於 湖南 中醫藥 研究院 附屬 醫院 2 月 10 日 她 隨 武漢 國家 中醫 醫療隊 隊員 一行 從 長沙 出征 武漢 趕赴 武漢 抗 疫 前線 出發 時前 她 豪氣 地 說 沒關係 我 是 單身 我 先上 她 的 父親 是 一 名 醫師 也 曾在 參與 抗 煞 因此 非常 支持 她 赴 武漢 抗 疫 她 目前 待 在 武漢 方 艙 醫院 主要 是 做 醫務 護理 並 對 病人 作 心理 工作 今年 芳齡 30 的 她 2 月 25 日 工作 結束 後 在 紙 上 寫下 這樣 的 心願 希望 疫情 結束 國家 給 我 分配 一個 男朋友 這些 話語 逗樂 現場 同事 和 患者 國家 分配 男友 的 心願 曝光 後 她 在 網路 成為 熱 議 的 話題 人物 媒體 追蹤 問 她 擇偶 條件 她 有些 羞 赧 地 說 我 1 米 69 不能 比 我 矮 還 堅信 男朋友 會 有的 疫情 也 會 結束 的 對於 女 護士 的 心願 ptt 網友 紛紛 留 言說 肥 宅 可 以 國家 分配 女友 嗎 這 要求 我 是 不能 拒絕 的 來 臺灣 吧 國家 分配 的 喔 到時候 別 後悔 喔 但 疫情 不會 結束 了 可惡 我 忽然 發現 中共 其實 好像 也 沒 這麼 差 啊</t>
  </si>
  <si>
    <t>delta 病毒 枋寮 柯文哲 新冠肺炎 臺灣</t>
  </si>
  <si>
    <t>基亞 3176 新藥 開發 雙喜臨門 除了 與 義大 癌 治療 醫院 nk 自然 殺手 細胞 治療 將 啟動 外 與 日本 oncolys biopharma 共同開發 的 溶 瘤 病毒 新藥 obp- 301 授權 夥伴 中外 製藥 應用 於 合併 放射線 治療 食道癌 的 臨床 二期 試驗 也 正式 收錄 第一 名 受試者 該 臨床 預計 收 案 37 人 由於 溶 瘤 病毒 治療 被 視為 是 新 世紀 最 夯 癌症 療法 之一 讓 obp- 301 身價 大 漲 2016 年 該 新藥 以 102億 美元 授權 江蘇 恒瑞 製藥 中 港 澳 權利 2019 年 4 月 則 以 500億 日圓 授權 日本 中外 製藥 擁有 日本 及 臺灣 權利 依 協議 基亞 的 分潤 比例 是 有 三 分之一 而 oncolys 則 占 三 分之二 因此 obp- 301 的 臨床 開發進度 也 攸 關 基亞 階段 里程 金 分潤 入 帳 點 基亞 表示 依 oncolys 於 3 月 4 日 公告 oncolys 接 獲 中外 製藥 通知 obp- 301 合併 放射線 治療 食道癌 的 臨床 二期 試驗 已於 2020 年 3 月 3 日 正式 收錄 第一 名 受試者 目前 obp- 301 除 合併 放射線 治療 食道癌 的 臨床 試驗 外 也 在 臺灣 及 韓國 執行 肝癌 第一 期 臨床 試驗 美國 則 執行 胃癌 及 食道癌 之 合併 免疫抑制 劑 第二 期 臨床 試驗 營運 漸入佳境 除 新藥 授權 外 目前 已 專注 於 細胞 治療 首 個 與 義大 癌 治療 醫院 合作 應用 於 病 患 治療 將 開始 啟動 另外 由於 nk 細胞 也 有助於 免疫力 提升 該 公司 與 香港 中 基 一 號 集團 的 合作 案 亦 延伸 至 中 基 二 號 預期 在 新冠肺炎 風暴 化解 交管 解除 營運 將 吃 大 補 丸</t>
  </si>
  <si>
    <t>nba nhl 史坦普 中心 新冠肺炎 湖 人</t>
  </si>
  <si>
    <t>疫苗 採購 蘇貞昌 高虹 安 新冠肺炎 臺灣</t>
  </si>
  <si>
    <t>新冠肺炎 疫情 快速 升溫 雲 林縣 政府 再 超前 部署 19 日 首次 以 視 訊 舉行 防疫 擴大 專案 縣 務 會報 並 在 雲林 國 中 鬥六 國 中 尋覓 場地 佈置 臨時 縣府 辦公 中心 因應 萬一 必須 移 地 辦公 之 需 每月 固定 召開 一 次 的 縣 務 會報 20 鄉鎮 市 首</t>
  </si>
  <si>
    <t>新冠肺炎 雲 林縣 張麗善 縣 務 會議 視 訊 視 訊</t>
  </si>
  <si>
    <t>臺灣 已經 連續 28 天 沒有 新冠肺炎 本土 確診 案例 過去 例如 登革熱 以及 sras 期間 經過 28 天 潛伏期 後 就 宣佈 解除 本土 疫情 外界 關心 是否 比照 過去 疫情 宣佈 解除 疫情 陳時中 表示 因為 登革熱 不是 全世界 都 有 現在 境外 還</t>
  </si>
  <si>
    <t>陳時中 薛瑞元 李德維 新冠肺炎</t>
  </si>
  <si>
    <t>湖北省 新冠肺炎 第二 大 重災區 孝感市 已 有 逾 3000 人 確診 該市 防控 指揮部 14 日 宣佈 緊急命令 即日起 在 全市 範圍 內 全面 升級 防控 措施 所有 屋苑 實施 全 封閉 管理 除 防疫 人員 醫護人員 等 民生 保障 從業人員 外 其他 居民 一律 不能</t>
  </si>
  <si>
    <t>湖北省 新冠肺炎 第二 大 重災區 孝感市 已 有 逾 3000 人 確診 該市 防控 指揮部 14 日 宣佈 緊急命令 即日起 在 全市 範圍 內 全面 升級 防控 措施 所有 屋苑 實施 全 封閉 管理 除 防疫 人員 醫護人員 等 民生 保障 從業人員 外 其他 居民 一律 不能 外出 所有 居民 日常生活 所 需 物資 由 街道 及 社區 居委會 配送 到家 市 用 所 有 黨員 無條件 服從 調度 主動 參與 防疫 工作 新 措施 原則 上 以 14 天 為 一個 週期 視 疫情 防控 效果 而 決定 解除 或 延長 中新 網 報導 據 孝感市 新冠肺炎 防控 指揮部 14 日 發 佈 緊急命令 全面 升級 防治 管 控 措施 除 抗 疫 車輛 公務用車 救護車 及 警車 等 特種 車輛 外 其它 車輛 一律 禁止 出入 所有 屋苑 所有 街道 及 社區 實施 最 嚴格 的 管控 措施 強闖 屋 苑 道路 出入口 的 人士 公安機關 將 依法 採取 強制措施 報導 說 孝感市 所有 居民 基本 生活必需 物資 由 街道 及 社區 居委會 組織 配送 急需 物品 實行 代購 服務 確診 和 疑似病例 的 家庭成員 必須 送到 集中 隔離 留 觀點 單獨 隔離 留 觀 不得 居家 隔離 嚴防 交叉 感染 加強 發燒 病人 的 預 檢 分 診 分類 隔離 治療 的 管理 不得 讓 一個 發燒 病人 在 社會 上 流動 根據 緊急命令 孝感市 所有 黨員幹部 居民 必須 無條件 服從 居住地 社區 統一 領導 和 調度 積極主動 參與 防疫 工作 緊急命令 還 要求 強化 對 全市 城鎮社區 農村 從 武漢 回 孝感 以及 曾 到 武漢 人員 與 密切接觸 者 的 追蹤 檢查 所有 確診 病例 及 疑似病例 的 密切接觸 者 一律 隔離 治療 孝感 必須 構建 統一 高效 的 醫療 診治 機構 全面 統籌 醫療 資源 和 救治 力量 提高 發燒 病人 收治 率 治癒率 降低 感染 率 病亡 率 東網 報導 稱 孝感市 雲夢縣 公安局 週五 稍 早 時曾 宣佈 在 雲夢 城區 實施 戰時 管制 規定 所有 屋苑 及 樓宇 實施 全 封閉 管理 非 醫護人員 抗 疫 人員 基本 民生 保障 從業人員 等 均 不 得 出入</t>
  </si>
  <si>
    <t>陳時中 檢疫 台商 楊志良 新冠肺炎</t>
  </si>
  <si>
    <t>新冠肺炎 肆虐 翁立友 短收 百萬 患 疾 流 鼻血 惜 罩 如 金</t>
  </si>
  <si>
    <t>金曲 台語 歌王 翁立友 推出 新 專輯 眼中 淚 近來 新冠肺炎 肆虐 他 在 臺灣 5 場 春 酒 邀 約 新加坡 個唱 以及 海外 的 演出 都先 宣告 延期 粗估 短收 破 百萬 不過 他 近 10 年 來 幾乎 每天 都 在工作中 度過 難得 休 長假 多 陪伴 家人 他 說</t>
  </si>
  <si>
    <t>金曲 台語 歌王 翁立友 推出 新 專輯 眼中 淚 近來 新冠肺炎 肆虐 他 在 臺灣 5 場 春 酒 邀 約 新加坡 個唱 以及 海外 的 演出 都先 宣告 延期 粗估 短收 破 百萬 不過 他 近 10 年 來 幾乎 每天 都 在工作中 度過 難得 休 長假 多 陪伴 家人 他 說 休假 對 我 而言 是 個 奢侈 的 夢想 近來 因為 疫情 放大 假 勉勵 自己 休息 是 為了 走 了 更 長遠 的 路 有 時間 就 當 母親 的 司機 他 現 經常 帶 著 母親 到 戶外 走走 母親 也 每天 都 準備 豐盛 美食 讓 他 開心 享用 他 日前 準備 新 專輯 宣傳 行程 穿 上 造型 服 時 發現 腰圍 變 緊 體重 變 胖 趕忙 跟 造型 師 溝通 修改 腰圍 尺寸 卻 被 拒絕 造型 師 勸說 這樣 才能 警惕 保持 身形 他 笑 說 現在 我 都拜讬 老 媽 餐 點 減量 近期 因 疫情 關係 大眾 紛紛 搶購 口罩 他 提到 原本 日常 口罩 不離 身 因 他 患 有 鼻腔 微血管 脆弱 經常 流 鼻血 被 困擾 了 十 年 長期 都 必須 靠 口罩 保持 著適 溫 的 空氣 連 開車 都 必須 配戴 翁立友 直 呼 一直 以來 我 都是惜 罩 如 金 新 專輯 這次 回歸 情歌 風格 他 先前 在 錄音 時 新 歌 一氣呵成 狂 唱 60 遍 表示 看似 淡淡 感傷 的 曲風 歌詞 卻是 溫暖 讓 他 想起 高中 的 戀愛 分享 當時 女友 希望 能 早早 步入 紅 毯 但 他 認為 事業 都還沒 開始 怎 能 承諾 對方 給予 幸福 因而 婉拒 他們 最後 漸 行 漸 遠 結束 青春 戀愛 時光</t>
  </si>
  <si>
    <t>翁立友 新 專輯 母親 口罩 新冠肺炎</t>
  </si>
  <si>
    <t>人民日報 海外版 今 26 日 以 一 場 疫情 撕下 台當局 畫皮 為題 公開 點名 近來 叫 台商 吃 蝙蝠 的 年代 資深 主 播 張雅琴 安幼琪 等 人 痛 批 因為 人 的 出身 種族 身份 而 擁有 淩辱 別人 的 權利 或 只能 被 別人 淩辱 這 是 納粹 還是 民主 是 黑暗 還 是 文明 對於 人民日報 公開 點名 痛 批 年代 電視臺 態度 低調 僅 向 中 時 表示 不 回應 張雅琴 則 回應 我 在 播報 的 時候 有 回答 我 就是說 事實 的 狀況 因為 他 覺得 臺灣 收容 中心 的 菜 不 好吃 所以 他 可以 回去 吃 蝙蝠 因為 蝙蝠 有加 椰汁 也 很 好吃 一 場 疫情 撕下 台當局 畫皮 人民 公敵 是 個 很 令人恐怖 的 身份 因為 人人 可以 得 而 誅 之 不配 享有 法律 保護 人道 待遇 過去 以為 這樣 的 角色 只 存在 於 戲劇 和 歷史 裡 一 場 疫情 讓 人 看到 在 當下 的 臺灣 幾乎 每天 都 產生 人民 公敵 支持 兩岸 統一 是 人民 公敵 稱讚 大陸 是 人民 公敵 甚至 說 句 湖北 家鄉 的 麵條 好吃 也 成 了 人民 公敵 24 日夜 緊急 從 湖北 回台 就醫 的 病童 母子 還 沒 落地 中國 人 吃 我們 的 健 保 的 罵 聲 就 起 某些 電視 主 播 媒體 人 使出 造謠 煽動 的 渾身解數 肉 搜 病童 母親 的 貼 文 短 信 斷章取義 四處 宣揚 仿佛 她 沒有 任何 隱私權 年代 新聞 主 播 安幼琪 居然 理直氣壯 地 喊 既然 大陸 好 為什麼 要 回 臺灣 來 病童 母親 和 安幼琪 擁有 一樣 的 臺灣 身份 就 因為 她 的 娘家 在 湖北 安幼琪 就 有 權利 公開 辱駡 她 嗎 因為 人 的 出身 種族 身份 而 擁有 淩辱 別人 的 權利 或 只能 被 別人 淩辱 這 是 納粹 還是 民主 是 黑暗 還 是 文明 請 煽 起 淩辱之 風 的 民主 進步黨 自己 回答 令 人 痛心 的 是 這 絕不 是 病童 母親 個人 的 遭遇 台商 大陸 配偶 兩岸 婚姻 的 子女 都在新冠肺炎 疫情 中 備受 精神 煎熬 包機 的 台商 返台 抱怨 了 一 句 隔離 中的 伙食 年代 電視臺 的 另 一 位 女主播 張雅琴 惡形 惡言 你 要 不要 回去 吃 蝙蝠 為了 不讓 台商 返鄉 甚至 接下來 的 清明 祭祖 臺灣當局 用 謠言 和 謊言 塑造 了 這樣 一 種 意識 湖北 的 臺胞 回台 就 會 耗盡 臺灣 的 醫療 資源 破壞 臺灣 防疫 所以 臺灣 在 這 場 疫情 裡 創造 了 幾 個 僅 有 一 是 醫療 資源 不夠 同胞 不能 回來 二 是 同胞 回來 會 造成 防疫 破 口 三 是 如果 臺灣 方面 不能 去 檢疫 他們 就 不能 上 飛機 環顧 世界 這 絕對 是 臺灣 僅 有 不知 他們 是否 自認是 臺灣 之 光 臺灣當局 口口聲聲 新聞自由 卻 放任 假新聞 假消息 滿天飛 談話 節目 再就 假 論 假 發揮 一番 三人成虎 仿佛 他們 親聞 親見 假新聞 荒謬 到 什麼 程度 電視 主 播 陳凝觀 開場 就 造謠 北京 變 武漢 啦 還有 電視臺 造謠 武漢 燒 屍 造成 二氧化硫 濃 聚 有 電視臺 截取 音樂 視頻 稱 武漢人 夜半 尖叫 宛如 煉獄 臺灣當局 也 有 媒體 管理 部門 但 卻 讓 謠言 掛 著 新聞 的 招牌 零 成本 坐大 讓 惡質 媒體 達到 自己 挑撥 仇恨 醜化大陸 的 政治 目的 無視 真相 無視 台商 生死 一 場 疫情 撕下 臺灣當局 民主 進步 的 畫皮</t>
  </si>
  <si>
    <t>武漢 的 新冠肺炎 病例 新增 確診 數量 大幅 下降 但 據 武漢市 新冠肺炎 疫情 防控 指揮部 消息 3 月 13 日 至 17 日 連續 5 天 均 有 新 增 確診 病例 來自 於 門診 武昌方 艙 醫院 醫療隊 醫生 說 這 說明 防控 還有 一定 漏洞 武昌方 艙 醫院 醫療隊 醫生</t>
  </si>
  <si>
    <t>武漢 的 新冠肺炎 病例 新增 確診 數量 大幅 下降 但 據 武漢市 新冠肺炎 疫情 防控 指揮部 消息 3 月 13 日 至 17 日 連續 5 天 均 有 新 增 確診 病例 來自 於 門診 武昌方 艙 醫院 醫療隊 醫生 說 這 說明 防控 還有 一定 漏洞 武昌 方 艙 醫院 醫療隊 醫生 說 在 武漢 封城 社區 封閉 疫情 形勢 趨 緩 的 情況 下 還有 門診 新增 病例 這 是 個 危險 信號 說明 防控 還有 一定 漏洞 將 會 是 新冠肺炎 死灰復燃 的 漏洞 所在 另外 他 也 指出 社區 封閉 居民 隔離 期 已 超過 14 天 為什麼 在 隔離 期 沒有 發病 而 最近 突然 發病 也 是 一個 值得 思考 和 警醒 的 問題 他 還 說 如果 這 幾 天 的 新增 病例 是 來自 隔離 點 的 疑似病例 或是 境外 輸入 病例 說明 疫情 已經 得到 了 非常 有效 的 控制 待 這些 遺留 病例 清零 後 社區 也 可以 慢慢 解封 了 但 如果 連續 出現 社區 新發 病人 說明 防控 還有 一定 漏洞 該 醫生 說 來自 社區 的 新增 病例 是 一個 比較 棘手 的 問題 病毒 不 會 憑空 而來 社區 居民 基本 封閉 在 家中 超過 14 天 弄 清楚 感染 源 很 關鍵 如果 是 社區 監管 不嚴 也 不是 最 可怕 的 最 擔心 的 是 存在 未 被 排查 到 的 病源 這 將 會 是 新冠肺炎 死灰復燃 的 漏洞 所在</t>
  </si>
  <si>
    <t>勤業 眾 信 發佈 2020 年 臺灣 產業 趨勢 展望 觀點 陸美 貿易戰 烽火 未 歇 加上 新冠肺炎 疫情 延 燒 加速 高 科技 與 傳 產 製造 產業 供應 鏈 重組 與 整合 腳步 囿於 本土 電子業 與 傳統 製造業 長期 仰賴 大陸 生產力 高 科技 與 半 導體 製造 市場</t>
  </si>
  <si>
    <t>勤業 眾 信 發佈 2020 年 臺灣 產業 趨勢 展望 觀點 陸美 貿易戰 烽火 未 歇 加上 新冠肺炎 疫情 延 燒 加速 高 科技 與 傳 產 製造 產業 供應 鏈 重組 與 整合 腳步 囿於 本土 電子業 與 傳統 製造業 長期 仰賴 大陸 生產力 高 科技 與 半 導體 製造 市場 正 出現 生產 基地 板塊 挪 移 的 現象 勤業 眾 信 聯合 會計師 事務所 客戶 產業 與 市場 負責人 姚勝雄 表示 2019 年 陸美 貿易戰 局勢 多變 英國 脫歐 香港 反 送 中 台 總統大選 等 不 確定性 因素 導致 全球 經濟 發展 力道 疲弱 近期 的 新冠肺炎 疫情 更 打亂 產業佈局 步調 除 行政院 主 計總 處 將 2020 年 gdp 成長率 下 修至 237 跨國 供應 鏈 重組 與 技術 轉型 的 聲浪 也 逐漸 浮 上臺 面 勤業 眾 信 指出 陸美 互相 實施 貿易壁壘 及 懲罰 關稅 已 導致 雙方 進出口 成本上升 大幅 影響 兩 國 消費 產業 發展 關稅 範圍 於 2019 年 下半年 擴 及 消費品 致使 台商 提前 購置 商品 並加速 將 供應 鏈 移 往 其他 國家 中 華信評 也 認為 將 會 有 愈來愈多 的 科技 公司 採取 分散 策略 移 轉 部分 生產 至 亞洲 其他 國家 以 降低 將 大陸 作為 生產 中心 的 依賴度 勤業 眾 信 強調 面對 動盪 中的 2020 年 建議 各 產業 強化 營運 持續 管理 資 安 與 風險管理 加速 外部 創新 智慧 化 轉型 推動 因應 對策 以 應對 未知 的 挑戰</t>
  </si>
  <si>
    <t>新冠肺炎 讓 高中職 以下 學校 開學日 延 後 為 讓 學生 在 多 出來 的 假期 自主 學習 嘉義 市 教育處 搜集 網上 相關 線 上 教學資源 整合 成 平臺 鼓勵 學生 線 上 學習 嘉 義縣 政府 也 把 相關 線 上 學習 資訊 傳給 各 校 透過 學校 管道 鼓勵 學生 自主</t>
  </si>
  <si>
    <t>新冠肺炎 讓 高中職 以下 學校 開學日 延 後 為 讓 學生 在 多 出來 的 假期 自主 學習 嘉義 市 教育處 搜集 網上 相關 線 上 教學資源 整合 成 平臺 鼓勵 學生 線 上 學習 嘉 義縣 政府 也 把 相關 線 上 學習 資訊 傳給 各 校 透過 學校 管道 鼓勵 學生 自主 學習 並 推出 時數 獎勵 措施 不過 卻 有 偏 鄉 學生家長 或 學生 反應 沒有 可 上網 的 設備 城鄉 差距 讓 許多 孩子 與 線 上 學習 無緣 對此 嘉義 縣 市 教育 處長 皆 坦言 確實 有此 狀況 特別 嘉縣偏 鄉 相對 明顯 強調 教育 單位 是 站 在 推廣 角度 且 學習 的 管道 和 方法 很多 家長 和 孩子 可 適 情況 自主 學習 嘉義 市長 黃敏惠 表示 學習 不 止步 在 延後 開學 的 這 段 假期 裡 家長 的 陪伴 與 關心 對 孩子 的 成長 是 很 重要 的 家裡 也 能 成為 孩子 的 學習 場所 並 透過 親 子 共學 陪伴 孩子 一同 學習 成長 所以 嘉義 市 教育處 匯 整 12 年 國教 各 領域 的 教材 放 網路 平臺 供學生 使用 嘉 市 教育 處長 林立生 說明 空白 課程 與 自主 學習 是 12 年 國教 素養 課程 的 內涵 之一 透過 這些 線 上 學習 資源 以 持續 不 間 段 的 方式 引導 孩子 瞭 解 孩子 讓 停課 不停 學 嘉 義縣 教育 處長 陳 添丁 表示 教育處 已將 相關 線 上 學習 資訊 提供 給 各 校 像 梅山鄉 太平國小 就 把 平板 電腦 到 各 學生 家中 讓 學生 在 家 自主 學習 不過 考量 有些 學生 家裡 沒 網路 或是 沒 手機 平板 等 設備 上網 教育處 並未 強制 各 學校 取消 冬令營 和 輔導課 相較 下 學生 也 有 多 元 學習 方式 位元 在 阿里山 的 達 邦 國小 為 讓 學生 的 學習 不 空白 營 隊 照常 舉辦 校長 盧柏全 說 因 鄉 運將 舉辦 孩子 到校 可 參與 訓練 下午 再上 美術 等 課程 在 老師 義務 指導 下 孩子 的 假期 生活 一樣 精彩</t>
  </si>
  <si>
    <t>新冠肺炎 疫情 嚴重 的 地區 大多 集中 在 亞洲 國家 如 大陸 日本 新加坡 位 於義 大利 北部 富裕 的 倫巴 底 lombardy 和 威 內托 veneto 地區 疫情 一夜之間 忽然 爆發 本 週五 在 一 天內 就 通報 了 17 個 新增 案例 其中 有 15 例 都 是 在 倫</t>
  </si>
  <si>
    <t>新冠肺炎 疫情 嚴重 的 地區 大多 集中 在 亞洲 國家 如 大陸 日本 新加坡 位 於義 大利 北部 富裕 的 倫巴 底 lombardy 和 威 內托 veneto 地區 疫情 一夜之間 忽然 爆發 本 週五 在 一 天內 就 通報 了 17 個 新增 案例 其中 有 15 例 都 是 在 倫巴 底 區 而 威 內托 北部 城市 巴多瓦 padua 已 出現 一 死 週五 稍 早 倫巴 底 區 首先 通報 了 6 個 案例 議員 蓋 列拉 giulio gallera 在 記者會 中 說明 發現 了 6 起 冠 狀 病毒 病例 隨即 立刻 開始 檢驗 曾 與 病 患 接觸 過 的 數 百 個人 以 確定 是 否 發生 社區 感染 幾 個 小時 過後 官方 發出 聲明 再 增加 8 名 病 患 其中 5 名 是 醫護人員 有 發現 病例 的 幾 個 小市鎮 都 在 米蘭 的 東南 方 當地 市政府 決定 關閉 學校 運動 中心 辦公室 公共 活動 一律 取消 義 大利 衛生部長 史 班 蘭薩 roberto speranza 表示 義 大利 政府 有 預料到 疫情 蔓延 的可能性 現在 正 檢查 所 有 有 跟 病 患 接觸 過 的 民眾 人數 多達 上百人 但 仍然 必須 一一 檢查 蓋 列拉 說明 這些 新 增 的 病例 都 沒有 中國 大陸 的 旅遊 史 疑 似是 在 義 大利 境內 被 傳染 根據 cnn 報導 義 大利 今天 新增 的 第 一個 病例 就是 在 接觸 過 一 位 剛 去 過 大陸 的 朋友 後 身體 出現 不適 但 這 名 朋友 自己 卻 不是 病例 衛生 單位 正 在 檢測 當事人 判斷 這 名 朋友 是否 曾經 帶有 病毒 當時 傳染給 了 周圍 的 人 然後 自己 在 出現 症狀 之前 就 自體 康復 了 義 大利 境內 在 星期五 之前 只 有 三 個 案例 其中 兩 名 是 來自 武漢 的 大陸 人 另 一 名 是從 大陸 被 撤 僑 返國 的 義大利人 現在 一瞬間 增加 了 17 個 案例 義 大利 一共 累積到 19 個 病例</t>
  </si>
  <si>
    <t>新冠肺炎 臺灣 新竹 縣 楊文科 長 照 機構</t>
  </si>
  <si>
    <t>聯發 科 2454 5 g 再 添 新兵 聯發 科 今日 最新 發表 5 g 系統 單晶 片 soc 新品 天璣 820 採用 7 奈 米制 程 瞄準 中高 端 5 g 智慧 型 手機 聯發 科 在 5 g 的 佈局 上 自 去年 起 就 持續 展現 高度 企圖 心 透過 多元 的 產品 佈局 力求 搶 啖 更 多 的 市 占 率 聯發 科 無線通訊 事業 部 協理 李彥輯 博士 表示 聯發 科目 前 已 推出 旗艦 級 5 g soc 天璣 1000 系列 以及 主攻 中高 端 5 g 手機 市場 的 天璣 800 系列 天璣 820 是 天璣 800 系列 的 成員 綜合 表現 堪稱 同級 最 強 天璣 820 力拼 5 g 市場 的 突破者 之 姿 推動 5 g 應用 普及化 聯發 科 目前 已經 有 天璣 1000 天璣 800 天璣 1000 以及 最新 的 天璣 820 透過 多元 的 產品 佈局 盼 藉 此 加速 5 g 的 滲透 率 也 可以 讓 終端 品牌 廠 可 以 有 更 多 的 選擇 儘管 今年 遭逢 新冠肺炎 衝擊 但 聯發 科 今年 整體 營運 還 是 會 力拼 合理 成長 對 全球 以及 大陸 智慧 型 手機 出貨量 預估 全球 在 17億 至 2億 支 大陸 會 占 其中 的 1億 至 12億 支 另外 當下 美國 大陸 關係緊張 也 恐 導致 大陸 手機 品牌 場 降低 對 高通 採購 聯發 科 順勢 受惠 都將 為 今年 營運 契機 預估 進入 下半年 5 g 的 貢獻 將 更加 明確 浮現 聯發 科 表示 天璣 820 採用 旗艦 級 處理器 常用 的 四大 核 cpu 架構 性能 表現出色 尤其 在 多 核 性能 上 遠超 同級 天璣 820 具備 高性能 的 多 核 架構 大幅 提升 遊戲 性能 結合 聯發 科 hyperengine 20 遊戲 優化 引擎 不僅 能 加速 遊戲 啟動 和 轉場 還 可以 讓 遊戲 滿幀 運行 更 穩定 天璣 820 承襲 天璣 1000 系列 的 先進 5 g 技術 整合 全球 領先 的 聯發 科 5 g 資料機 完整 支援 5 g 獨立 及 非 獨立 組網 sa nsa 在 全球 率先 為 用戶 帶來 5 g 5 g 雙 卡 雙 待 的 功能 先進 的 5 g 雙 載波 聚合 技術 還 可 增加 30 高速 5 g 訊號 的 覆蓋 在 5 g 實 網 測試 中 天璣 820 的 5 g 上下行 速率 顯著 超越 同級 甚至 優於 旗艦 級 競 品 高 傳輸速率 加上 最低 的 遊戲 平均 延遲 提供 高速 5 g 連 網 體驗 同時 天璣 820 搭載 聯發 科 獨家 5 g ultrasave 省 電 技術 以 全球 最 低 5 g 功 耗 帶來 更 長效 的 電池 續航力 另外 天璣 820 搭載 獨立 ai 處理器 apu 30 透過 專屬 硬體 加速 帶來 強勁 的 浮 點 ai 運算 能力 靈活運用 聯發 科技 獨家 的 多工 排 程 技術 在 ai 拍照 影像 優化 等 多種 日常 應用 中都 展示 最佳 表現</t>
  </si>
  <si>
    <t>新冠肺炎 全球 英國 omicron 病例</t>
  </si>
  <si>
    <t>疫情 對 老人 不利 105 歲 人瑞 打敗 新冠肺炎 養生 秘方 也許 幫 大 忙</t>
  </si>
  <si>
    <t>康健 雜誌 新冠肺炎 老人 安養院 免疫</t>
  </si>
  <si>
    <t>台東 60 餘 歲 男子 在 line 群 組 張貼 獲取 越南 超級 國家 秘方 喝 熱 開 水 泡 綠茶 混入 檸檬汁 可 殺 新冠 病毒 病菌 假 訊息 並 要求 轉發給 身邊 的 親朋好友 警方 通知 到案 說明 詢 後 以 違反 嚴重 特殊 傳染性 肺炎 防治 及 紓困 振興 特別 條例 罪名 移送 台東地 檢 署 偵 辦 台 東縣 警察局 接 獲 民眾 檢舉 在 軟 體 line 群 組 查獲 假 訊息 獲取 越南 超級 國家 秘方 喝 熱 開 水 泡 綠茶 混入 檸檬汁 可 殺 新冠 病毒 病菌 經 查 張貼 人 為 60 餘 歲 男子 經 通知 到案 說明 詢 後 以 違反 嚴重 特殊 傳染性 肺炎 防治 及 紓困 振興 特別 條例 罪名 移送 台東 地方 檢察署 偵 辦 該 不實 訊息 內容 為 聲稱 獲取 越南 超級 國家 秘方 新冠肺炎 在 還 沒有 來到 肺部 之前 只要 檸檬 加溫 開水 就 能 消滅 病菌 並 要求 轉發給 身邊 的 親朋好友 經台東 縣政府 衛生局 證實 為 假 訊息 台 東縣 警 局 提醒 依據 嚴重 特殊 傳染性 肺炎 防治及 紓困 振興 特別 條例 第 14 條 散播 有關 嚴重 特殊 傳染性 肺炎 流行 疫情 之 謠言 或 不實 訊息 足 生 損害 於 公眾 或 他人 者 處 三 年 以下 有期徒刑 拘役 或 科 或 並 科 新 台幣 三百萬 元 以下 罰金 盼 大家 不要 輕信 轉 傳 這些 不實 訊息 如 有人 誤 信 可能 影響 疫情 控制</t>
  </si>
  <si>
    <t>新冠肺炎 臺灣 台東 越南 假 訊息</t>
  </si>
  <si>
    <t>血栓 az 多發性 血栓 新冠肺炎 臺灣</t>
  </si>
  <si>
    <t>新冠肺炎 全球 護照 中國 大陸 韓國 南韓</t>
  </si>
  <si>
    <t>雲林 縣府 團隊 警覺新冠肺炎 疫情 的 威脅 早 在 1 月 16 日 即 成立 防疫 應變 中心 邀集 醫療機構 代表 醫師公會 消防 局 鄉鎮 市 衛生所 研 商 應變 措施 1 月 22 日 隨即 與 各 大 醫院 及 相關 單位 進行 防疫 演練 第一時間 喚醒 各 相關 組織 提高</t>
  </si>
  <si>
    <t>雲林 縣府 團隊 警覺新冠肺炎 疫情 的 威脅 早 在 1 月 16 日 即 成立 防疫 應變 中心 邀集 醫療機構 代表 醫師公會 消防 局 鄉鎮 市 衛生所 研 商 應變 措施 1 月 22 日 隨即 與 各 大 醫院 及 相關 單位 進行 防疫 演練 第一時間 喚醒 各 相關 組織 提高 戒備 嚴肅 以 對 雲林 縣府 在 年前 已 招標 抗 揚塵 罩 健康 醫療 用 口罩 緊急 在 1 月 22 日 起 陸續 發放 各 公私 立國 中 含 縣 立 高中 幼稚園 校內 學童 及 教職員 醫療 用 口罩 共計 兒童 6萬3404 盒 幼稚園 及 國小 學童 成人 國 高中生 及 教職員 9萬9140 盒 口罩 舒緩 縣民 搶購 口罩 的 不安 與 緊張 為 照顧 傷病者 自 2 月 3 日 起 本縣 領有 重大 傷病 證明 欲 就醫 之 病 患 及其 陪同 就醫 者 或 體溫 超過 38 度 買不到 口罩 的 民眾 每人 提供 1 片 口罩 保護 自己 也 保護 他人 2 月 12 日 雲 林縣 政府 與 與 台大醫院 雲林 分院 攜手 合作 全國 首創 居家 隔離 檢疫 者 通訊 診療 透過 視 訊 看 診 2 月 18 日 縣府 團隊 再 邀集 計程車 公會 公車 業者 雲林 監理站 等 推動 大眾 運輸 駕駛人 優先 配購 防疫 口罩 以 1 周領 1 次 1 次 領 7 片 提升 防疫 量 能 讓 旅客 能 安心 搭乘 隨 著 檢疫 及 隔離 者 可能 增加 我們 緊接在 2 月 27 日 成立 雲 林縣 居家 檢疫 隔離 關懷 中心 24 小時 單一 視窗 服務 05 5345811 或 1922 專線 協助 就醫 服務 送 餐 垃圾清運 遠 距 通訊 醫療 心理 諮 詢 等 3 月 1 日 起 贈送 雲林 防疫 錦囊 包 陪伴 民眾 安心 度過 檢疫 或 隔離 期間 我們 共同 生活 在 這塊 土地 上 呼吸 著 同樣 的 空氣 面對 這 波 新冠肺炎 的 威脅 讓 我們 同心 防疫 人人 勤 用 肥皂 洗手 減少 群 聚 活動 做好 自身 健康 管理 祈求 臺灣 平安</t>
  </si>
  <si>
    <t>新冠肺炎 臺灣 苗栗 5 月 曾 到</t>
  </si>
  <si>
    <t>新冠肺炎 疫情 險峻 戴 口罩 儼然 成為 全民 最 基本 的 防疫 共識 其實 透過 自製 布 口罩 不但 可 重複使用 更 能 將 醫療 級 口罩 留給 第一線 防疫 醫護人員 慈濟 基金會 為 讓 醫療 級 口罩 留給 需要 的 人 讓 非 醫療 及 非 防疫 第一線 人員</t>
  </si>
  <si>
    <t>大 爆發 韓最 新增 115 確診 累計 1261 人 染 新冠肺炎</t>
  </si>
  <si>
    <t>北 捷 新冠肺炎 北 捷 龍山寺 站 黃珊珊</t>
  </si>
  <si>
    <t>三能 -ky 6671 2019 年 受 中 美 貿易戰 影響 使得 大陸 內需 市場 低迷 拖累 營 收 微 減 受惠 訂制 類產品 自動化 效率 提升 帶動 毛利率 微幅 增加 與 無錫 高薪 企業 優惠 稅率 等 因素 獲利 恢復 成長 動能 法人 預估 三能 2019 年 稅 後 盈 餘 將 在 18億 元 左右 年 增 約 21 eps 可望 挑戰 3 元 2020 年 首季 進入 傳統 淡季 又 逢新冠肺炎 疫情 干擾 法人 預估 三能 首季 營 收 約 3億 元 恐 將 年 減 20 以上 稅 後 盈 餘 將 落 在 012億 元 年 減 將 超過 30 eps 將 在 02 元 左右 展望 2020 年 全年 營運 大陸 受 新冠肺炎 影響 內需 市場 消費 低迷 三能 的 訂單 與 產能 同步 受到 影響 將 拖累 獲利 表現 法人 預期 三能 2020 年 營 收 年 衰退 將 逾 1 成 約 167億 元 稅 後 盈 餘 將 年 減 逾 6 落 在 17億 元 左右 eps 將 挑戰 28 元 三能 股利 政策 主要 配發 現金 股利 為主2018 年 股利 發放率 91 去年 預估 三能 2019 年 有 機會 配發 現金 股利 24 元 現金 殖 利率 約 7 附近</t>
  </si>
  <si>
    <t>中 美 貿易戰 新冠肺炎 三能 內需 現金 股利</t>
  </si>
  <si>
    <t>新冠肺炎 確診 傷亡 補償 陳以信 政府 應 負 全部 責任</t>
  </si>
  <si>
    <t>陳以信 新冠肺炎 臺灣 國家賠償</t>
  </si>
  <si>
    <t>因 近日 來 新冠肺炎 疫情 升溫 相關 防疫 措施 升級 中華 籃協 宣佈 本 周 起 sbl 超級 聯賽 新莊 體育館 總 冠軍賽 場次 改 采 閉門 方式 比賽 不 開放 觀眾 入場 僅 開放 比賽 雙方 球隊 及 相關 工作人員 進入 場內 為 配合 防疫 規定 室內 比賽場</t>
  </si>
  <si>
    <t>因 近日 來 新冠肺炎 疫情 升溫 相關 防疫 措施 升級 中華 籃協 宣佈 本 周 起 sbl 超級 聯賽 新莊 體育館 總 冠軍賽 場次 改 采 閉門 方式 比賽 不 開放 觀眾 入場 僅 開放 比賽 雙方 球隊 及 相關 工作人員 進入 場內 為 配合 防疫 規定 室內 比賽 場館 不得 超過 100 人 本 週六 15 日 起 第 18 屆 sbl 超級 籃球聯賽 將 採取 閉門 比賽 除 球隊 職 隊員 及 相關 工作人員 與 媒體 其 餘 人員 包含 持 貴賓 證件 等 均 不 得 進入 場館 除 比賽 場上 球員 與 裁判 外 全體人員 進入 體育館 須 全程 配戴 口罩 且 禁止 飲食 並於 入口處 測量體溫 及 實 名 制 登記 已 購買 總 冠軍賽 門票 之 球迷 可于 即日起 至 6 月 10 日 至 年代 售票 系統 辦理 全額 退費 不 需 額外負擔 手續費 及 郵資</t>
  </si>
  <si>
    <t>sbl 總 冠軍賽 新冠肺炎 防疫</t>
  </si>
  <si>
    <t>球王 喬柯 維奇 novak djokovic 似乎 差點 就要 放棄 美 網 了 但 他 最後 還是 到達 美國紐約 我 差點 就 放棄 有 很 多 不 確定 因素 現在 也 是 一樣 我 想 打球 所以 我 來 了 我 個人 不 害怕 處在 充滿 健康 風險 的 環境 喬柯 維奇 已經 得 過 新冠肺炎 並 痊癒 喬柯 維奇 選擇 在 紐約市 外 租 屋 居住 而 沒像 其他 選手 一樣 住 進 隔離 區 的 飯店 他 告訴 紐約時報 說 如果 我 害怕 就 不敢 來 了 當然 我 很 謹慎 我 必須 和 大家 共同 遵守規則 但 結果 還 是 無法 預測 場內 和 場外 都 可能 發生 任何 事 由於 眾多 好手 都 沒 參賽 喬柯 維奇 被 看好 可以 為 自己 再 添 1 座 單打 大 滿貫 金杯 他 表示 這 是 我 參賽 的 原因 之一 但 不是 主要 原因 身為 頂尖 球員 我 有 責任 出賽 讓 比賽 持續 進行 是 很 重要 的 如果 大 牌 選手 都 不來 恐怕 比賽 就 沒人 想 看 了 喬柯 維奇 6 月 舉辦 的 表演賽 造成 疫情 擴大 塞爾維亞 與 克羅埃西亞 都 有人 因此 染病 讓 他 被 外界 罵 得 很慘 喬柯 維奇 說 你 問 我 有 沒有 罪 惡感 當然 沒有 你 怎 能 把 全部 的 事 都 推 給 我 一個 人 我 自 認 沒 做錯事 但 我 為 染病 的 人 感到 難過</t>
  </si>
  <si>
    <t>國民黨 新冠肺炎 新冠 病毒 臺灣 大陸</t>
  </si>
  <si>
    <t>全球 新冠肺炎 疫情 未 止 哈薩克 又 出現 不明 原因 肺炎 中國 駐 哈薩克 大使館 今天 發 公告 指 當地 出現 死亡率 遠 高於 新冠肺炎 的 不明 肺炎 單單在 上月 已 有 628 人 死亡 當中 包括 中國 公民 大使館 引述 哈薩克 傳媒 指出 6 月 中旬 以來</t>
  </si>
  <si>
    <t>全球 新冠肺炎 疫情 未 止 哈薩克 又 出現 不明 原因 肺炎 中國 駐 哈薩克 大使館 今天 發 公告 指 當地 出現 死亡率 遠 高於 新冠肺炎 的 不明 肺炎 單單在 上月 已 有 628 人 死亡 當中 包括 中國 公民 大使館 引述 哈薩克 傳媒 指出 6 月 中旬 以來 阿特 勞州 阿克 糾 賓州 和 奇姆肯特 市 肺炎 發病率 較 同期 顯著 升高 截至 目前 3 地 已有近 500 人 感染 30 多 人 病危 今年 上半年 不明 肺炎 共 導致 1772 人 死亡 僅 6 月 就 有 628 人 死亡 大使館 強調 該 不明 肺炎 致死 率 遠 高於 新冠肺炎 當地 衛生部 正 對 該 肺炎 病毒 進行 研究 尚未 明 確定性 並 提醒 當地 中國 公民 切實 注意 相關 情況 提高 防疫 意識 並 留意 當地政府 和 中國 大 使領館 發佈 的 資訊 此外 大使館 建議 僑胞 注意 個人 防護 和 手部 衛生 儘量減少 外出 活動 避免 到 人員 密集 的 公共場所 如 外出 時 要 佩戴 口罩 及 勤洗手 一旦 出現 可疑 症狀 應 主動 及時 就醫 就診 時 應 告知 醫生 旅行 居住 史及 接觸 人員 積極 配合 開展 相關 調查</t>
  </si>
  <si>
    <t>新冠肺炎 臺灣 機票 接種 接種 疫苗</t>
  </si>
  <si>
    <t>莫德納 疫苗 新冠肺炎 輝瑞 牛津</t>
  </si>
  <si>
    <t>因應 疫情 許多 藝 文 表演 延期 取消 高雄 春天 藝術節 創新 嘗試 的 舞 筵 自然 環境 舞蹈 系列 由於 在 戶外 開闊 處 演出 21 日 將 如期舉行 走 出 廳堂 與 環境 共 舞 高 市文化局 表示 工作人員 會 自主 執行 防疫 措施 也 歡迎 民眾 戴 口罩 前往 觀賞 高 市文化局 指出 春 藝 首度 推出 的 舞 筵 自然 環境 舞蹈 系列 節目 包括 5 團 6 檔 16 場 小型 戶外 舞蹈 以 鳳山 黃埔 新村 為 起點 3 月 21 日 至 4 月 4 日 為止 每 週末 陸續 在 駁 二 藝術 特區 大東 藝 文 中心 戶外 廣場 高雄捷 運 車站 等 公共 藝 文場 域 起舞 舞 筵 自然 系列 節目 強調 人 環境 藝術 塑造 城市 裡 最 美麗 的 風景 索拉 舞蹈 空間 舞團 2122 日 午後 在 鳳山 黃埔 新村 內 的 日式 老房 新銳 編舞家 劉依昀 創作 的 百年 樂園 破除 時間 隔閡 喚醒 空間 的 溫度 2829 日 週末 午後 駁 二 藝術 特區 將 有 許程 崴 制 作 舞團 換 你 跳舞 喚醒 人類 體內 的 愛 跳舞 細胞 牧夫 肢 間 舞團 代 袋 無 驚 以 塑膠 廢料 為 主題 索拉 舞蹈 空間 舞團 時間 的 身影 頌揚 過去 的 記憶 期待 未來 的 美好 而 薪傳 兒童 舞團 意象 大東 29 日 在 大東 文化 藝 文 中心 園區 演出 4 月 4 日 的 捷 運 美麗 島 站 光 之 穹 頂 則 有 人體 舞蹈 劇場 帶來 生命 之 光 舞蹈家 們 將 化身 活 的 公共 藝術 用 身體 與 城市 地 景共舞 在 疫情 緊張 時刻 為 市民 帶來 片刻 喘息 高 市文化局 主 秘劉秀 英 說 受 新冠肺炎 疫情 影響 雖然 許多 室內 場館 的 演出 延期 或 取消 但 舞 筵 自然 是 走 出 戶外 的 演出 並非 高風險 場 域 且 工作人員 會 做 好 量 體溫 戴 口罩 勤 消毒 等 防護 工作 開放 空間 觀賞 民眾 距離 也 可 拉開 只要 戴著 口罩 還是 能夠 放心 享受 悠閒 的 週末 午後</t>
  </si>
  <si>
    <t>新冠肺炎 高雄 文化局 舞 筵 自然 鳳山 黃埔 新村</t>
  </si>
  <si>
    <t>新冠肺炎 臺灣 亞東 醫院</t>
  </si>
  <si>
    <t>新冠肺炎 給 薪 防疫 防疫 照顧 假 家長</t>
  </si>
  <si>
    <t>堅稱 新冠肺炎 確診 掛零 北 韓 解除 3600 多 人 隔離 令</t>
  </si>
  <si>
    <t>防疫 措施 倫敦 示威 英國 新冠肺炎</t>
  </si>
  <si>
    <t>新冠肺炎 臺灣 台東 饒 慶鈴 確診</t>
  </si>
  <si>
    <t>美國 食品 藥物 管理局 fda 顧問 小組 週二 30 日 以 些微 差距 支持 默沙東 merck 新冠 口服藥物 molnupiravir 主因 在於 最終 試驗 結果顯示 該藥 有 30 功效 可 降低 高風險 族群 住院 與 死亡 此 藥 可望 於 年底 前 獲得 通過 成為 美國 首 款 治療 新冠肺炎 的 居家 口服藥物 fda 抗 微生物 藥物 諮 詢 委員會 amdac 以 13 票 同意 10 票 反對 的 表決 結果 支持 fda 給予 molnupiravir 緊急 使用 授權 但 建議 物件 僅限於 高風險 族群 fda 通常 會 遵循 專家 小組 建議 預計 於 年底 前 做出 決定 molnupiravir 在 英國 已 獲 授權 使用 該 委員會 歷經 數 小時 辯論 後 決定 支持 該藥 原因 在於 他們 認為 molnupiravir 的 好處 勝於 風險 該藥 可讓 患者 在家 口服 不 像 抗體 藥物 須 借助 醫療 人員 在 醫院 注射 因 此 被 視為 抗 疫 重大突破 據 默沙東 最終 臨床 試驗 結果顯示 與 服用 安慰 劑 的成人 相比 molnupiravir 可 降低 成人 患者 住院 與 死亡 機 率 約 30 遠 低於 初步 資料 顯示 的 50 許多 專家 警告 孕婦 不應 服用 molnupiravir 因為 此 藥 可能 導致 胎兒 畸形 同時 建議 醫生 開立 此 藥 前 須 替 女性 驗 孕 也 有 專家 質疑 此 藥 作用 原理 可能 説明 病毒 突變 成為 更 危險 的 變異 株 專家 認為 此 藥 適用於 治療 輕 至 中度 新冠肺炎 的 高風險 族群 包括 老年人 以及 患有 氣喘 與 肥胖 等 疾病 的 人 多數 專家 表示 已 接種 疫苗 者 不該 服用 此 藥 因為 研究 並未 將 他們 涵蓋 在內 未有 證據 顯示 利大於弊 鑒於 天氣 變 冷 恐 導致 新冠 病例 數量 攀升 加上 非洲 南部 發現 的 新 變種 病毒 omicron 來勢洶洶 默沙東 口服藥 若 獲 授權 可望 為 抗 疫 大戰 增添 利器</t>
  </si>
  <si>
    <t>友達 董事長 彭雙浪 表示 新冠肺炎 是 危機 也 是 機會 點 最近 教育 市場 醫療 市場 訂單 多 導致 客戶 頻頻 加 單 因為 疫情 對 工作 學習 生活型 態 都 造成 改變 疫情 也 導致 很多 學校 停課 採取 遠 端 教學 讓 電子 媒介 像是 手機 平</t>
  </si>
  <si>
    <t>友達 董事長 彭雙浪 表示 新冠肺炎 是 危機 也 是 機會 點 最近 教育 市場 醫療 市場 訂單 多 導致 客戶 頻頻 加 單 因為 疫情 對 工作 學習 生活型 態 都 造成 改變 疫情 也 導致 很多 學校 停課 採取 遠 端 教學 讓 電子 媒介 像是 手機 平板 需求 暢 旺 引爆 宅 經濟 商機 手機 平板 需求 暢 旺 彭 雙浪 表示 2020 年 一 開始 就 有 新冠肺炎 這 只 大 黑 天鵝 不 確定 因素 提升 增加 預測 的 困難 度 這 是 危機 但 也 是 機會 點 觀察 對於 疫情 對 整體 市場 的 影響 電視 方面 因為 去年底 總體 銷售 很 好 而且 庫存 不 高 現在 還有 回補 庫存 的 需求 而且 很多 人 關在 家裡 也 要買 電視 至於 比較 明確 出現 負面影響 的 是 汽車 2 月 大陸 汽車 銷售 只 有 10 分之 1 汽車 產業鏈 長 先前 大陸 車廠 關閉 近期 歐洲 車廠 也 關閉 會 影響 零 元件 需求 至於 教育 和 醫療 應用 產品 因為 線 上 教學 以及 醫療 需求 增加 也 帶動 訂單 增加 目前接 單和 生產 正常 現在 疫情 擴散 到 歐美 市場 這 是 主要 消費市場 預期 今年 經濟 一定 會 受到 影響 衝擊 多 大 還 不 知道 目前 接 單和 生產 正常 和 原來 的 計畫 沒有 太 大 的 差異 彭 雙浪 指出 從 不同 角度 來看 去年 有 兩 只 黑 天鵝 一個 是 英國 要 脫歐 市場 擔心 歐盟 解體 沒 想到 來到 今年 疫情 全球 擴散 歐盟 內 國家 紛紛 鎖國 更加 衝擊 歐盟 另 一個 變化 則 是 發生 在 面板 產 業內 去年 中 美 貿易戰 討論 最 熱烈 的 是 要求 中國政府 不能 再 補貼 因為 以前 中國 面板廠 擴產 主要 就 是 靠 補貼 但 現在 太 多 民生 經濟 復蘇 需要 銀彈 預期 大陸政府 對 面板 產業 補貼 會 減少 力度 這樣一來 產業 秩序 應該 會 更 好 這次 中國 封閉 管理 也 讓 供應 鏈 上 思考 分散 製造 據點 彭雙浪 表示 過去 2030 年 都 在 大陸 供應 鏈 移 轉 需要 時間 公司 也 在 觀察 下游 供應 的 變化 目前 可以 先 做 的 是 備援 機制 面板 前段 產能本來 就 在 臺灣 本地 也 有 部分 後 段模組 產能 可以 直接 從 臺灣 出 貨 然而 過去 是 全球 製造 是 透過 有效率 地 大規模 生產 達到 最低 的 生產成本 一旦 分散 生產 就 打破 了 定律 以後 消費 產品 就 不 會 那麼 便宜 為 因應 生產 模式 調整 友達 今年 也 啟動 為期 3 年 的 台商 回台 400 多 億 元 投資 計畫 友達 總經理 柯富仁 說 主要 投資 在 先端 少量 多樣 場 域 應用 的 產品開發 以及 智慧 製造 並且 建置 2 條 車用 模 組 的 生產線</t>
  </si>
  <si>
    <t>大陸 國家 衛生 健康 委員會 20 日 公告 3 月 19 日 大陸 全境 報告 新增 確診 病例 39 例 全部 為 境外 輸入 新增 死亡 病例 3 例 世界衛生組織 秘書長 譚 德塞 19 日 在 日內瓦 表示 大陸 首次 報告 無 新 增 新冠肺炎 確診 病例 這 是 驚人 的 成就</t>
  </si>
  <si>
    <t>譚 德塞 新冠肺炎 確診 境外 輸入 世界衛生組織</t>
  </si>
  <si>
    <t>紐約市 楊安澤 民主黨 新冠肺炎 大 流行</t>
  </si>
  <si>
    <t>新冠肺炎 疫情 在 全球 延 燒 英國 近日 出現 在 一 天內 死亡 人數 攀升 破百 人 影 後 鮑起靜 最近 到 當地 照顧 女兒 發現 女兒 發燒 醫院 卻 以 非 緊密 接觸 者 為由 拒絕 讓 她 入院 鮑起靜 氣 的 飆 粗 口 藝人 黃安 見 此 卻 發文 虧 說 糗</t>
  </si>
  <si>
    <t>新冠肺炎 疫情 在 全球 延 燒 英國 近日 出現 在 一 天內 死亡 人數 攀升 破百 人 影 後 鮑起靜 最近 到 當地 照顧 女兒 發現 女兒 發燒 醫院 卻 以 非 緊密 接觸 者 為由 拒絕 讓 她 入院 鮑起靜 氣 的 飆 粗 口 藝人 黃安 見 此 卻 發文 虧 說 糗 了 吧 港 媒 報導 指出 鮑起靜 最近 拍 完網 劇 後 就 到 英國 探視 愛女 她 先 在 家中 隔離 14 天 未 料 愛女 這 段 期間 低燒 不退 但 醫院 不收 稱 她 並非 緊密 接觸 者 就 打發 回家 休養 幸好 最後 順利 退燒 但 鮑起靜 仍 十分 憤怒 發文 咒駡 說 那麼 多 人 崇拜 的 大英帝國 請 你 不要 這麼 廢 啦 到 一個 點 了 救救 你 的 人民 又 回答 朋友 說 要 你 自生自滅 呀 搞 什麼 x 政府 對此 黃安發 文說 去年 反 送 中 暴動 時 多少 香港 廢 青 視 英國 為 祖國 各種 不要臉 的 跪 舔 如今 呢 人家 根本 不 認 你 糗 了 吧 大陸 網友 也 回 他 經過 這次 事件 大家 會 看 清楚 很多 事 她們 既 沒 參與 政治 又 沒 叛國 還 是 希望 她 女兒 在 英國 能 平安 王儲 和 首相 都 感染 了 鮑姐 一家 是 愛國 的</t>
  </si>
  <si>
    <t>美 壯漢 染 新冠肺炎 爆 瘦 22 公斤 對照 圖 判若兩人</t>
  </si>
  <si>
    <t>新冠肺炎 麥克 公斤 壯漢 美國</t>
  </si>
  <si>
    <t>金門縣 衛生局 今天 宣佈 已 完整 接種 新冠肺炎 疫苗 滿 5 個 月 的 民眾 可 前往 衛生 福利 部 金門 醫院 接種 第 3 劑 追加 劑 莫德納 提醒 符合 的 鄉親 儘快 接種 以 提升 自我 保護 力 避免 感染 後 重症 之 發生 衛生局 說明 各廠 牌 新冠肺炎</t>
  </si>
  <si>
    <t>新冠 病毒 傳染 力 驚人 發病 速度 和 危險 程度 也 不容 小覷 近日 一 位 來自 武漢 的 女 醫師 po 出 自己 染病 的 親身經歷 她 表示 從沒 症狀 到 不能 走路 僅 幾 個 小時 她 向 所有人 發出 警示 身體 不適 千萬 不要 忍 著 應該 第一時間 去 看 醫生 這 是 保住 性命 的 關鍵 據 武漢 晚報 報導 漂 漂 灑灑 化名 是 武漢市 第 八 醫院 的 一 名 急診科 醫生 半 個 月 前 她 一度 以為 自己 再也 回不來 從 患病 到 病危 再 到 痊癒 度過 了 難忘 的 20 天 病情 發展 之 快 超乎想像 根本 是從 鬼門關 前 走一遭 原先 的 急診科 改 成 發熱 門診 後 漂 漂 灑灑 一直 在 坐 診 1 月 23 日 早上 起床 照例 量 了 體溫 發現 正常 隨後就去 上班 早上 9 點 接 到 醫院 通知 全員 ct 排查 一下 結果 她 拿 到 ct 結果 發現 片子 有 問題 4 個 地方 漂 漂 灑灑 隨即 自我 診斷 我 不 發燒 也 沒有 任何 症狀 應該 處於 早期 回家 吃藥 隔離 應該 很快 就 能好 她 立即 去 藥房 拿 了 藥 回到 辦公室 收 十 東西 回家 這時 感覺 腦袋 有點 熱 一 量 體溫 387 度 發現 發燒 了 決定 馬上 回家 因為 家 距離 醫院 只 需 步行 56 分鐘 她 到家 洗完 澡 準備 睡覺 休息 但 還 沒進 浴室 就 開始 劇烈 頭疼 嘔吐 渾身 無力 沒勁 沒 料到 病情 發展 如此 迅速 她 認為 必須 馬上 去 醫院 此時 科 主任 打來 電話 決定 立即 派 人 到家 社區 門口 來 接 漂 漂 灑灑 回憶 從 家 到 社區 門口 平時 只 要 23 分鐘 那一天 足足 走 了 20 多 分鐘 漂 漂 灑灑 隨後 住院治療 再次 醒 來 已經 是 第 2 天 下午 高燒 了 1 天 1 夜 住院 期間 體溫 高高低低 反反 覆 覆 還 不 停 出 汗 一 天 要 換 好幾 套 內衣 最難 受 的 是 頭痛 乏力 得 厲害 護士 來 給 我 打針 我 連 抬 手 的 勁 都 沒有 一點 胃口 也 沒有 住院 5 天 只 吃 了 少許 稀飯 第 5 天 她 被 確診 感染 新冠肺炎 第 8 天 轉到 武漢市 金銀潭 醫院 繼續 治療 隨後 用 了 激素 衝擊 治療 後 第 2 天 上午 退燒 了 胸 廓 豁然開朗 人 舒服 了 很多 精神 也 有 了 好轉 但 沒 想到 轉院 第 3 天 漂 漂 灑灑 病情 急轉直下 宣告 病危 她 回憶 當時 自己 呼吸困難 劇烈 咳嗽 好像 剛跑 完 1萬 米 長跑 心臟 隨時 都 會 蹦出來 心 率 很 慢 還有 一 種 說不出 滋味 的 胸 痛 席捲 全身 稍微 一動 就 痛不欲生 當時 她 根據 症狀 判斷 自己 出現 了 心包 內膜 炎 還 伴有 心包 積液 我 隱約 聽到 護士 說 情況 不太好 人 快 不行 了 我 自己 也 覺得 當晚 熬 不 過去 了 所幸 醫護人員 及時 趕到 救治 她 又 幸運 闖 過 一 關 之後 她 的 情況 一 天天 好轉 第 8 天 她 覺得 自己 已經 恢復 的 差不多 於是 申請 ct 和 核酸 檢查 最終 在 2 月 11 日 她 康復 出 院 對於 自己 患病 在 鬼門關 前 闖 了 一 回 的 20 天 漂 漂 灑灑 感慨萬千 只有 經歷 過 生死 才 知道 活 著 真的 很 幸福 她 很 感謝 醫院 同事對 她 的 關照 和 支持 也 感謝 金銀潭 醫院 上海 醫療隊 所有 醫務人員 對 她 的 精心 治療 最後 她 表示 想 再上 戰場 跟 兄弟姐妹 們 一起 拼到 最後 等到 隔離 期滿 還要 去 捐獻 血漿 用 自己 的 血 救治 更 多 的 患者 更 多 ctwant 報導</t>
  </si>
  <si>
    <t>肺結核 新冠肺炎 傳染 產後 護理 之家 新北市衛生局</t>
  </si>
  <si>
    <t>苗栗 新冠肺炎 居家 大陸 返台 檢疫</t>
  </si>
  <si>
    <t>新冠肺炎 重 挫 陸 經濟 kpmg 比 sars 影響 更 大</t>
  </si>
  <si>
    <t>新冠肺炎 疫情 衝擊 全球 產業 及 經濟 造成 2020 年 第一 季 經濟 停滯 kpmg 安 侯建業 健康 照 護 與 生 技 產業 服務 團隊 主持人 蘇 嘉瑞 認為 生 醫 產業 數位化 將 產生 三大 改變 包括 溝通 方式 醫療 行為 與 醫療 生態 的 改變 中國 大陸 kpmg 認為</t>
  </si>
  <si>
    <t>新冠肺炎 疫情 衝擊 全球 產業 及 經濟 造成 2020 年 第一 季 經濟 停滯 kpmg 安 侯建業 健康 照 護 與 生 技 產業 服務 團隊 主持人 蘇 嘉瑞 認為 生 醫 產業 數位化 將 產生 三大 改變 包括 溝通 方式 醫療 行為 與 醫療 生態 的 改變 中國 大陸 kpmg 認為 此次 疫情 對於 中國 大陸 gdp 的 影響 將 會 比 sars 的 影響 更 大 依據 每日 煤 電 消耗量 統計 目前 的 產業 經濟 活動 仍 尚未 恢復正常 水準 而 根據 清華大學經濟管理學院 及 kpmg 分析報告 顯示 新冠 病毒 對 商業貿易 及 消費者 活動 的 負面影響 最 大 對 教育 訓練 及 健康 照 護 的 影響 最小 報告 也 顯示 第一 季 中國 市場 與 產業 將 陷入 停滯 shock 第二 季將 會 逐漸 回復 第 三 四季 則 將 反彈 rebound 蘇 嘉瑞 指出 我國 於 今年 3 月 通過 嚴重 特殊 傳染性 肺炎 防治 及 紓困 振興 特別 條例 而 中國 大陸 也 將 在 今年 6 月 1 日 施行 基本 醫療衛生 與 健康 促進法 將 順勢 加強 數位 醫療 服務 系統 分級 醫療 及 基層 醫療 的 強化 另 亦 會 加強 新冠肺炎 的 預防 及 治療 相關 藥品 及 醫 材 的 加速 審核 與 集中化 藥品 採購 與 管理 蘇 嘉瑞 認為 臺灣 生 技 醫療 業者 將 因應 疫情 急起直追 提升 研發 動能 朝 檢測 試劑 疫苗 及 治療 藥物 方向 聚焦 至於 臺灣 生 醫 資 通訊 則 可 利用 此 一 機會 發展 人工智慧 與 遠 距 照 護</t>
  </si>
  <si>
    <t>kpmg 蘇 嘉瑞 中國 大陸 新冠肺炎 ar</t>
  </si>
  <si>
    <t>新冠肺炎 臺灣 南紡 國巨 陽明</t>
  </si>
  <si>
    <t>北京 新冠肺炎 疫情 再起 外傳 感染 源 可能 來自 國外 進口 的 生 鮭魚 為了 避免 生意 大受打擊 許多 餐廳 都 忙 跳出 來 澄清 自家 所用 的 不是 鮭魚 而是 優質 進口 魚 還有 網友 踢 爆 青海省 養殖 場所 飼養 的 根本 不是 鮭魚 而是 淡水</t>
  </si>
  <si>
    <t>北京 新冠肺炎 疫情 再起 外傳 感染 源 可能 來自 國外 進口 的 生 鮭魚 為了 避免 生意 大受打擊 許多 餐廳 都 忙 跳出 來 澄清 自家 所用 的 不是 鮭魚 而是 優質 進口 魚 還有 網友 踢 爆 青海省 養殖 場所 飼養 的 根本 不是 鮭魚 而是 淡水 虹鱒 生 吃 淡水魚 恐 更 容易 造成 感染 北京市 新發地批發市場 的 鮭魚 砧板 上 被 驗 出新冠 病毒 專家 警告 暫時 別 吃 生 鮭魚 後 包括 超市 餐廳 跟 日本 料理店 已 全面 停售 經 追查 後 發現 餐廳 所稱 的 優質 進口 魚 其實 是 大陸 的 國產 品種 虹鱒魚 大陸 有 1 3 的 鮭魚 幾乎 都 是 青海省 所 供應 不過 根據 大陸 經濟 半 小時 日前 報導 有 網友 踢 爆 該地 養殖場 所 飼養 的 其實 是 淡水 虹鱒 並非 真正 的 鮭魚 由於 淡水魚 大多 含有 寄生蟲 更 不宜 生 吃 關於 北京 這 波 疫情 的 病毒 來源 北京市疾控中心 開 記者會 表示 根據 全 基因組 測 序 發現 病毒 是從 歐洲方 向 來 的 截至 16 日 為止 北京 新 一 波 疫情 已 有 106 人 確診 感染 新冠肺炎</t>
  </si>
  <si>
    <t>大陸 新冠肺炎 疫情 嚴峻 疫源地 湖北省 16 日 發出 通告 要求 強化 新冠肺炎 疫情 防控 並 首度 明確指出 所有 社區 實行 24 小時 最 嚴格 封閉 管理 嚴管 外來 車輛 非 必需 不 進出 嚴管 外來人員 非必要 不入 內 嚴 管住 戶 外出 滯留 湖</t>
  </si>
  <si>
    <t>大陸 新冠肺炎 疫情 嚴峻 疫源地 湖北省 16 日 發出 通告 要求 強化 新冠肺炎 疫情 防控 並 首度 明確指出 所有 社區 實行 24 小時 最 嚴格 封閉 管理 嚴管 外來 車輛 非 必需 不 進出 嚴管 外來人員 非必要 不入 內 嚴 管住 戶 外出 滯留 湖北 的 臺灣同胞 其 處境 可想而知 其 染病 風險 似乎 愈來愈 高 蔡 政府 若 有心 接 他們 回來 早 接 比 晚 接好 否則 愈 晚 愈 複雜 困難</t>
  </si>
  <si>
    <t>新冠肺炎 臺灣 獎勵 金 申請 退票</t>
  </si>
  <si>
    <t>breaking defense 14 日 報導 美國聯邦調查局 fbi 局長 瑞伊 christopher wray 在 出席 參議院 情報 委員會 年度 全球 威脅 聽證會 時 證實 目前 fbi 進行 中的 中國 大陸 調查 案 已 逾 2000 起 平均 每 10 小時 就 新增 一起 調 查案 近年 成長率 更 達 1300 民主 黨籍 聯邦 參議員 華納 mark warner 更 直指 中國 大陸 網路 與 新興 科技 為 全球 前 三大 威脅 這 場 聽證會 的 登場 時機 恰 逢 美國 情報 總監 辦公室 office of the director of national intelligence odni 13 日 公佈 2021 年度 威脅 評估 報告 也 因此 該 報告 與 國家 情報 總監 海恩斯 的 證詞 成為 聽證會 的 焦點 相對 於 報告 中 列出 外國 對手 網路 安全 全球 恐怖主義 與 氣候變遷 等 威脅 14 日 的 聽證會 則 聚焦 於 中國 大陸 威脅 網路 安全 新興 科技 與 新冠肺炎 等 一系列 跨國 問題 不過 中國 大陸 帶來 的 挑戰 無疑 是 與會人士 最為 關心 的 焦點 瑞伊 就 指出 每 10 小時 就 有 一起 關於 中國 大陸 的 新 調查 案 成立 我 可 以 保證 這不 是 因為 我們 的 幹員 沒 別的 事 幹 而 一直 追 著 北京 打 日前 美國司法部 才 證實 fbi 在 未 通知 當事人 的 情況 下 自 美國 伺服器 上 刪除 大陸 惡意 軟 體 odni 今年 的 威脅 評估 報告 顯示 許多 威脅 都 與 網路 有關 不論是 外國 駭 客 攻擊 還 是 全球 供應 鏈 上 的 網路 漏洞 又 或是 利用 網路 進行 的 非法 金融 活動 皆 與 網路 有 關係 海恩斯 更 強調 這種 趨勢 的 步調 複雜性 與 影響 已對 情勢 轉變 產生 深刻 的 效應 華納 則 在 聽 完 簡報 後 驚呼 這 真是 近來 我 聽 過 最 驚人 的 威脅 清單 odni 的 報告 與 網路 密不可分 其中 指出 外國 對手 愈來愈 廣泛 地 增加 網路 使用 讓 網路 的 未來 更具 破壞性 並 帶來 混亂 的 網路 行動 隨 著 各國 展開 更具 侵略性 的 網路 行動 平民百姓 也 愈來愈 容易 受到 影響 不論是 企業 新聞媒體 工作者 或 宗教 上 的 少數 族群 都 在 影響 的 範圍 之內 甚至 敵對 網路 戰士 採取 的 行動 儼然 成為 言論自由 的 最 大 威脅 報告 警告 隨 著 各國 面臨 內部 安全 威脅 大型 科技 企業 限制 自由言論 的 挑戰 民主 國家 將 持續 爭辯 如何 保障 隱私 與 公民自由 個人隱私 公民自由 與 國家 安全 之間 的 緊張 關係 將 持續 成為 大眾 辯論 的 焦點 美國 網 戰 司令部 cybercom 與 國家安全局 指揮官 中曾根 paul nakasone 更 表示 網路 威脅 的 不斷 發展 下 雖然 不 會 形成 新 的 法定 權威 卻 可能 暴露 美國 網路 安全 的 盲點 而 這 讓 聽證會 焦點 馬上 聚集 在 大陸 新興 科技 與 美國 因應 新 情勢 的 能力 面對 北京 發展 新興 科技 並 帶來 相應 威脅 美國 應如何 建立 監控 能力 海恩斯 避重就輕 地 回答 情報界 很 清楚 大陸 與 美國 競爭 科技界 龍頭 的 地位 中央情報局 cia 局長 伯恩斯 william burns 則 表示 cia 下轄 的 5 個 處 directorat 中 有 2 個 處 負責 科技 與 網路 威脅 甚至 近 3 分之 1 的 cia 官員 都 在 積極 應對 新興 科技 與 網路 問題 瑞伊 補充 道 除 了 中國 大陸 沒有 任何 政權 能 威脅 美國 的 創新 經濟 安全 與 民主 理念 或是 掌握 一系列 的 工具 能 從 各種 層級 深度 廣度 且 持續 地 影響 美國 企業 學術 機構 與 政府 當 議員 詢問 中曾根 美國 在 網路 安全 上 是 愈來愈好 還是 江河日下 中曾根 坦言 我們 對手 的 表現 是 持續 地 更 好 但 美國 整個 政府 正 努力提高 網路 防禦 力 與 回應 能力 他 強調 美國 發生 過 兩 次 重大 駭 客 入侵 事件 分別 是 美國 資訊科技 公司 solarwinds 與 微軟 企業 電子 郵件 exchanger 伺服器 遇 駭 這 兩 次 入侵 讓 美方 掌握 對手 的 攻擊 範圍 規模 與 複雜性 至於 對於 私人企業 的 建議 特別 是 關鍵 基礎 設施 的 營運商 中曾根 強調 威脅 是很 真實 的 沒有 任一 間 企業 或 政府部門 中的 任何 單位 能夠 提供 國家 必須 的 防禦 換言之 團隊 合作 很 重要 這 也 是 美方 發展 的 關鍵 瑞伊 則 補充 美國 關鍵 基礎 設施 高達 90 由 私人企業 擁有 並 經營 民間 快速 偵 測 並 緩解 風險 的 能力 相當 重要 民間 應 將 網路 安全 視為 戰役 而非 單一 事件 甚至 這 已經 不是 哪個 機構 是否 會 受到 威脅 的 問題 而是 何時 才 會 發生 威脅 考核 過去 各種 威脅 與 風險 單就 網路 安全 來看 任何 一家 企業 的 興衰 都 與 其他 公司 的 盛衰 息息相關 聽證會 上 也 談到 拜登 將 於 911 前 將 所有 部隊 撤離 阿富汗 並 警告 這 恐 讓 恐怖主義 風險 大增 以及 伊斯蘭 國 與 基地 組織 仍 是 國際 間 重大 威脅 不過 海恩斯 認為 這 兩 個 組織 的 能力 都 已經 下降 至於 新冠肺炎 的 起源 究竟 是否 為 大陸 海恩斯 表示 目前 情報界 仍 不 清楚 最初 傳播 的 地點 時間 或 方式 不過 情報界 有 兩 種 觀點 一 種 是 自然 產生 是因為 人 與 動物 接觸 而來 另 一 種 是 因為 實驗室 意外 而外 流</t>
  </si>
  <si>
    <t>新冠肺炎 疫情 影響 各地 捐 血 中心 紛 告 血 荒 為 號召 民眾 響應 捐 血 台南 市政府 警察局 善 化 分局 28 日 在 善 化 區 文康 育樂中心 舉辦 2020 年 員警 節 捐 血 活動 提供 知名 酒店 餐券 家電 等 禮物 吸引 民眾 踴躍 參加 也 成功 募 血 240 袋</t>
  </si>
  <si>
    <t>新冠肺炎 疫情 影響 各地 捐 血 中心 紛 告 血 荒 為 號召 民眾 響應 捐 血 台南 市政府 警察局 善 化 分局 28 日 在 善 化 區 文康 育樂中心 舉辦 2020 年 員警 節 捐 血 活動 提供 知名 酒店 餐券 家電 等 禮物 吸引 民眾 踴躍 參加 也 成功 募 血 240 袋 共計 6萬 cc 善 化 警 分局 今日 28 舉辦 員警 節 捐 血 活動 亦 提供 癌 篩 健檢 捐 血 民眾 不但 可 獲得 精美 好 禮 口罩 調整 帶 洗 發 沐浴組 前 40 名 捐 出 500 cc 者 還 可 自知 名 酒店 自助餐 券 高級 平底鍋 高級 烤箱 全聯 商品 禮 券 及 白米 等 好 禮 中 擇 1 內容 豐富 善 化 警 分局長 方 國璽 表示 員警 維護 社會治安 全年 無 休 即便 是 員警 節 也 可 透過 公益 捐 血 活動 紀念 雖然 今年 因 疫情 影響 規模較 小 但 還是 感謝 熱心 民眾 熱血 挽 袖 回應</t>
  </si>
  <si>
    <t>川普 拜登 首場 辯論 美國 大選 新冠肺炎</t>
  </si>
  <si>
    <t>中國工程院 院士 大陸 防疫 專家 鍾 南山 在 接受 大陸 媒體 訪問 時 總結 兩 個 多 月 在 防控 一線 的 日子 表示 大陸 在 疫情 防控 策略 是 很 正確 的 早期 實施 上游 堵截 把 武漢 傳染源 截斷 在 全國 開展 群防群治 後來 上升 為 聯防 聯控 什麼 叫 聯防 聯控 他 說 自己 的 理解 就是 四 早 早 發現 早報 告 早隔離 早 治療 這 在 大陸 是 成功 的 在 重視 醫療 的 同時 也 注意 總結 規律 比如 它 有 哪些 臨床 特點 哪些 藥 可 能 有效 這些 對 全世界 都 有 很 好 的 指導 作用 鍾 南山 表示 經過 艱苦 努力 現在 大陸 疫情 防控 取得 階段性 重要 成效 這 非常 不容易 但是 境外 疫情 呈 加速 擴散 蔓延 態勢 大陸 疫情 輸入 壓力 持續 加大 到 4 月 3 日 已經 有 700 多 例 境外 輸入 病例 而且 還 在 持續 增加 所以 要 及時 調整 完善 疫情 防控 策略 把 重點 放在 外防 輸入 內防 反彈 上來 入境 人員 必須 都 要 做 檢測 只要 是 陽性 就要 隔離 醫生 看 的 不是 病 而是 病人 鍾 南山 指出 在 他 從醫 以來 覺得 最 大 的 壓力 在於 病人 最後 是 救活 了 還是 去世 了 把 病人 救活 了 康復 了 什麼 都 好說 如果 病人 沒有 救過來 那 他 的 壓力 是 最 大 的 現在 抗擊 新冠肺炎 疫情 也 是 如此 避免 更 多 的 感染 減少 死亡 對於 醫生 來說 還有 什麼 比 這個 更 重要 呢 新冠肺炎 與 sars 相比 除了 肺 纖維 化 等 共同 特點 外 突出 的 特點 是 支氣管 內 黏液 非常 多 阻礙 了 氣管 通暢 容易 導致 繼 發 感染 他 強調 研製 疫苗 是 很 必要 的 新冠 病毒 的 傳染性 比 sars 強 很多 傳染 係數 可以 達到 35 也就是說 1 個 傳 3 個 半 而 sars 頂多 是 1 個 傳 2 個 所以 現在 有些 國家 每天 增加 上萬 名 確診 病例 防治 疫情 從 歷史 的 情況 看 還是 要 靠 疫苗</t>
  </si>
  <si>
    <t>香港 文匯 網 報導 據 江蘇省 衛 健 委 最新 通報 昨天 8 月 31 日 江蘇 無 新 增 新冠肺炎 本土 確診 病例 揚州市 連續 5 日 實現 零 新增 該市 在 昨日 暫停 大規模 核酸 檢測 後 今天 9 月 1 日 重新 在 部分 地區 開展 核酸 檢測 總計 目標 人</t>
  </si>
  <si>
    <t>香港 文匯 網 報導 據 江蘇省 衛 健 委 最新 通報 昨天 8 月 31 日 江蘇 無 新 增 新冠肺炎 本土 確診 病例 揚州市 連續 5 日 實現 零 新增 該市 在 昨日 暫停 大規模 核酸 檢測 後 今天 9 月 1 日 重新 在 部分 地區 開展 核酸 檢測 總計 目標 人群 約 65萬 人 由於 疫情 趨於穩定 揚州市 8 月 31 日 暫停 了 此前 每日 開展 的 大規模 核酸 檢測 不過 當天 晚上 江蘇省委 副 書記 張敬華 主持 召開 揚州市 疫情 防控 工作 調度 會 指出 當前 揚州 疫情 防控 形勢 持續 趨 穩 向好 但 風險 隱患 尚未 徹底清除 必須 牢記 針尖 大 的 窟窿 能 漏 過 鬥 大 的 風 在思想上 持續 擰 緊 螺絲 上緊 發條 在 行動 上 堅持 嚴字 當頭 精准 施策 切實 鞏固 來之不易 的 防控 成果 要 毫不 鬆懈 抓好 核酸 精准 篩查 確保重點 區域 應檢盡 檢 重點 人群 每日 必 檢 不斷 提高 采 檢 送 報 品質 同時 要 毫不 鬆懈 抓好 社區 分級 防控 有序 調整 封閉 封 控 社區 管控 措施 嚴格 查驗 兩碼 一 證 核酸 證明 錯時 組織 群眾 外出 購物 要 毫不 鬆懈 抓好 隔離 管理 落實 健康 監測 足不出戶 環境 消 殺 等 措施 對 隔離 期滿 康復 出院 人員 做好 科學 評估 和 後續 管理 嚴防 滋生 新 的 風險 要 毫不 鬆懈 抓好 社會面 管 控 小型 超市 沿 街 商鋪 農貿市場 等 重點 場所 要 加派 專人 巡查 認真 執行 測 溫 驗 碼 限制 人流量 等 規定 確保 社會秩序 平穩 可 控 隨後 揚州市 新冠肺炎 疫情 防控 工作 指揮部 發佈 通告 稱 為 堅決 打 贏 新冠肺炎 疫情 防控 阻擊戰 切實 保障 人民 群眾 的 身體健康 和 生命安全 定於 9 月 1 日 6 點 30 分 繼續 開展 部分 地區 核酸 檢測 本次 檢測 範圍 包括 邗江區 邗上街道 蔣王街道 新盛街道 竹西街道 維揚經濟開發區 等 5 個 街道 園區 廣陵區 廣陵 經濟開發區 廣陵 新城 灣頭鎮 湯汪鄉 文峰街道 等 5 個 鄉鎮 街道 園區 揚州 經濟技術開發區 揚子 津 街道 蜀 岡 瘦西湖 風景 名勝區 梅嶺街道 瘦西湖街道 2 個 街道 以及 全部 集中 隔離 點 以上 範圍 內 全部 居民 含 外地 在 揚 人員 總計 目標 人群 約 65萬 人 此外 昨天 江蘇省 新增 出院 病例 54 例 均 為 本土 確診 病例 7 月 20 日 至今 全省 累計 報告 本土 確診 病例 820 例 南京市 235 例 淮安市 12 例 揚州市 570 例 宿遷市 3 例 累計 出院 本土 確診 病例 695 例 目前 在 定點醫院 隔離 治療 的 確診 病例 136 例 其中 本土 確診 病例 125 例 輕型 9 例 普通型 116 例 在 醫學觀察 的 無 症狀 感染者 4 例 均 為 境外 輸入 無 症狀 感染者</t>
  </si>
  <si>
    <t>新冠肺炎 大陸 街道 確診 病例 核酸 檢測</t>
  </si>
  <si>
    <t>日本 加拿大 臺灣 who 新冠肺炎</t>
  </si>
  <si>
    <t>臺灣 山葉機 昨 11 日 發表 新款 limi 外觀 採取 簡約 俐落 的 車身 線條 並 優化 細節 呈現 優雅 與 個性 兼具 的 獨特 風格 原本 發表會 受 新冠肺炎 的 影響 改為 線 上 直播 業者 特別 邀請 金曲 新人 zi 助陣 演唱 還有 莫莉 與 潮流 金童 楊艾</t>
  </si>
  <si>
    <t>臺灣 山葉機 昨 11 日 發表 新款 limi 外觀 採取 簡約 俐落 的 車身 線條 並 優化 細節 呈現 優雅 與 個性 兼具 的 獨特 風格 原本 發表會 受 新冠肺炎 的 影響 改為 線 上 直播 業者 特別 邀請 金曲 新人 zi 助陣 演唱 還有 莫莉 與 潮流 金童 楊 艾倫 等 一共 6 名 limi 風格 玩 家 一同 為 新車 揭幕 臺灣 山葉 表示 新款 limi 具有 優異 的 操控性 即 節能 安靜 舒適 符合人體 工 學 的 低 重心 及 水準 設計 相當 容易 騎 乘 即使 是 身 型 嬌小 的 使用者 也 能 輕鬆 駕馭 售價 7萬2000 元 而 配備 造型 座 墊 熏 黑頭 燈 的 墨黑 版 售價 7萬2500 元 kymco 目前 正 主 打 新 名流 125 及 like 125兩 款 七 期 環保 機車 前者 售價 6萬7300 元 起 購車 最高 補助 2萬500 元 光 陽 限 時 加贈 購物 禮 券 1000 元 後者 售價 7萬2000 元 起 購車 最高 優惠 2萬2000 元 內含 光 陽 加碼 市價 6700 元 的 時尚 車身 精品 組 sym 本月 也 主 打 七 期 旗艦 fnx 提供 最高 2萬7000 元 的 優惠</t>
  </si>
  <si>
    <t>愛迪達 飛 雅 特 克萊斯勒 複產 新冠肺炎 疫情</t>
  </si>
  <si>
    <t>新冠肺炎 從 今年 元月 間 在 中國 首次 被 檢測 確認 以來 疫情 從 首當其衝 的 武漢地區 快速 蔓延 迄今 將近 百 日 全球 各地 幾乎 無一倖免 而 最 令人矚目 的 是 當初 形同 冷眼旁觀 一 副 事不關己 甚至 幸災樂禍 的 歐美 先進 國家 地區 不 旋</t>
  </si>
  <si>
    <t>新冠肺炎 疫情 延 燒 本土 確診 案例 突破 6千 例 人心惶惶 的 情況 下 許多 網友 上網 留下 許多 不 理性 的 言論 名 嘴 黃越綏 就 透露 有 酸 民 留言 希望 她 確診 當下 氣 得 反 嗆 萬一 如你所願 而有 個 三長兩短 難道 你 就 不怕 我 三 更 半</t>
  </si>
  <si>
    <t>黃越綏 新冠肺炎 酸 民 確診 三級 警戒</t>
  </si>
  <si>
    <t>新冠肺炎 疫情 持續 延 燒 為 避免 校園 人群 聚集 及 校外 人士 進校 無法 掌 控 增加 肺炎 感染 風險 台中市政府 教育局 27 日 宣佈 即日起 全市 高中職 以下 學校 室內 場地 暫不 開放 外借 後續 將 視 疫情 滾 動 調整 教育局長 楊振升 說 為 避</t>
  </si>
  <si>
    <t>新冠肺炎 疫情 持續 延 燒 為 避免 校園 人群 聚集 及 校外 人士 進校 無法 掌 控 增加 肺炎 感染 風險 台中市政府 教育局 27 日 宣佈 即日起 全市 高中職 以下 學校 室內 場地 暫不 開放 外借 後續 將 視 疫情 滾 動 調整 教育局長 楊振升 說 為 避免 校園 群 聚 效應 產生 校園 室內 場地 包括 教室 體育館 及 活動 中心 等 暫停 開放 出借 以 最 嚴謹 的 態度 全力 維護 師生 健康 校內 戶外 場地 如 操場 籃球場 等 考量 空氣流通 佳 疫情 風險 相對 較 低 維持 開放 可 外借 使用 教育局 指出 對於 部分 學校 室內外 場館 及 設施 已 長期 外借 並 有 固定 物件 的 休閒 運動 者 或 課後 輔導 活動者 將 要求 學校 落實 14 天內 旅遊 史 健康 聲明書 量 測體溫 等 防疫 措施 並 簽訂契約 及 切結 書 若 違規 將 立即 取消 借用 資格 教育局 強調 市府 已 在 開學 前 協助 全市 高中職 以下 464 所 公 私立 學校 完成 校園 消毒 並 要求 學校 特別注意 環境 清潔 也 督促師生 加強 相關 防疫 措施</t>
  </si>
  <si>
    <t>新冠肺炎 外借 場地 教育局 高中職</t>
  </si>
  <si>
    <t>新冠肺炎 疫情 蔓延 全球 新北 市 中 和 區 瓦 磘 裡長 林 綺 芳 10 日 揪 團 前往 西班牙 葡萄牙 返國 後 還 可 領取 1萬4000 元 防疫 補償 金 引發 喧然 大 波 新北 市民 政局 長 柯慶忠 上午 受訪 表示 該 裡長 預計 今 下午 返國 全團 16 位 入境 後 民政</t>
  </si>
  <si>
    <t>國內 今日 再 添 2 名 確診 案例 其中 1 名 50 多 歲 婦女 感染 源 不明 近期 未 出國 未 外出 卻 因 出現 肺炎 症狀 被 通報 進而 確診 新冠肺炎 目前 仍 在 進行 疫 調 中 該 女性 有 糖尿病 心血管 疾病 等 慢性 病史 2 月 14 日 因 低血糖 全身 倦怠</t>
  </si>
  <si>
    <t>新冠肺炎 臺灣 義 大利 面 廠商 發黴</t>
  </si>
  <si>
    <t>新 台幣 補 班 日 獨家 開市 連續 4 天 挑戰 2 字頭 價位 低 接 買 盤 趁勢 搶 進 終場 以 30051 元 平盤 作 收 不過 這 波 新 台幣 逆勢 走 升 對 美元 來到 約 1 年 半 高點 對 歐元 見到 32 字頭 約 是 3 年高 點 對 人民幣 更 是 10 年高 點 散 戶 若要 進場 撿便宜 買點 相對 浮現 昨天 匯市 獨家 開市 外資 進出口商 幾乎 都 放假 去 成交 相對 清淡 盤中 新 台幣 連 4 天 挑戰 2 字頭 最高 來到 29995 元 不過 終場 硬是 被 央行 壓回去 終場 以 平盤 作 收 頗 有 下 周 再戰 味道 新 台幣 延續 去年 漲勢 今年以來 累計 至 升值 幅度 是 025 在 主要 非 美 貨幣 中 僅次於 印尼盾 對於 許多 美元 定 存 族 來說 是 不錯 買點 主要 外幣 中 以 歐元 重跌 263 最 多 人民幣 則 是 小 貶 01 可說是 結 匯 的 相對 好 時機 以 歐元為 例 光是 最近 一 年 對 新 台幣 匯率 已 貶值 超過 6 等於 到 歐元區 消費 就 直接 打 94折 相當 划算 另 一個 是 人民幣 人民幣 受 新冠肺炎 蔓延 影響 持續 走 貶 相較 新 台幣 走 升 台銀 現鈔 賣出 已 跌 破 44 元 來到 4351 即 期價 更 瀕臨 43 元 關卡 為 4311 幾乎 是 10 年 來 最低價 若 先 不 考慮 貨 寄 不 寄 得來 臺灣 對 許多 愛 買 淘 寶 的 剁 手 族 堪稱 是 最 大利 多</t>
  </si>
  <si>
    <t>新冠肺炎 臺灣 宣導 防疫 市場</t>
  </si>
  <si>
    <t>吸血鬼 男 染 新冠肺炎 羅伯派丁森 主演 蝙蝠 俠 再 停 拍</t>
  </si>
  <si>
    <t>蝙蝠 俠 吸血鬼 男 羅伯派丁森 暮 光 之城 新冠肺炎</t>
  </si>
  <si>
    <t>新冠肺炎 疫情 延 燒 大甲鎮 瀾 宮因 堅持 續 辦 媽祖 繞 境 活動 引發 外界 熱 議 而 國內 其他 大型 宗教團體 如 慈濟 法鼓山 中台 禪寺 及 佛光山 皆 對 疫情 審慎 評估 紛紛 宣佈 取消 近期 的 大型 法會 禪 修 與 營 隊 等 活動 其中 舉辦 超過 20 年</t>
  </si>
  <si>
    <t>美國 新冠肺炎 疫情 大 反撲 總統 川普 仍 堅持 不 戴 口罩 民主 黨籍 眾議院 議長 裴洛西 nancy pelosi 昨 28 日 接受 專訪 時 怒 嗆 川普 不是 真 男人 更 火大 表示 美國 早 該 強制 全民 戴 口罩 了 但是 政府 一直 不敢 這麼 做 是因為 怕</t>
  </si>
  <si>
    <t>美國 新冠肺炎 疫情 大 反撲 總統 川普 仍 堅持 不 戴 口罩 民主 黨籍 眾議院 議長 裴洛西 nancy pelosi 昨 28 日 接受 專訪 時 怒 嗆 川普 不是 真 男人 更 火大 表示 美國 早 該 強制 全民 戴 口罩 了 但是 政府 一直 不敢 這麼 做 是因為 怕 惹 怒 川普 綜合 美 媒 財經 內幕 business insider 新聞週刊 newsweek 報導 裴洛 西周 日 接受 美國廣播公司 abc 節目 本 周 this week 專訪 時 再度 對 川普 應對 疫情 不力 開炮 主持人 史蒂法諾普洛 george stephanopoulos 詢問 裴洛西 是否 認為 是 時候 要求 全美 國人 戴 口罩 裴洛西 回應 早 該 這麼 做 了 她 說 我 的 瞭解 是 美國 疾病 管制 暨 預防 中心 u s centers for disease control and prevention cdc 有 建議 戴 口罩 但是 沒有 強制 要求 因為 他們 不 想 冒犯 川普 just in @gstephanopoulos is it time to mandate the wearing of masks across the country definitely long overdue for that speaker nancy pelosi says adding that the cdc recommended use of masks but did not mandate it as to not offend&amp;quot pres trump https t co vk 2 j 2 gsewt pic twitter com 98 dkafdyav 裴洛西 接 著 說 總統 應該 成為 榜樣 你 知道 的 真 男人 就 會 戴 口罩 成為 這個 國家 的 榜樣 戴 上 口罩 不 只 是 保護 自己 也 是 在 保護 其他人 此前 裴洛西 曾 在 大型 造 勢 活動 上 公開 稱 不 戴 口罩 的 川普 是 懦夫 美國 cdc 4 月初 曾 發佈 指示 建議 民眾 戴 上 口罩 並且 指出 使用 簡單 的 布 口罩 也 可以 減緩 新冠 病毒傳播 不過 cdc 的 指令 純粹 為 建議 性質 並不 具 強制力 即便 cdc 發佈 建議 指示 川普 仍 固執己見 公開 宣稱 不 戴 口罩 財經 內幕 指出 在 美國 戴 不 戴 口罩 已不 只 是 健康 問題 更是 政治 問題 許多 美國 人 認為 強制 戴 口罩 違反 個人 權利 目前 美國 部分 地方 政府 已 強制 要求 居民 在 公共場合 戴 上 口罩 不過 聯邦 政府 並未 發佈 適用 全美 的 相關 命令</t>
  </si>
  <si>
    <t>網友 打 新冠肺炎 疫苗 驚見 王菲 謝霆鋒 一起 來 了</t>
  </si>
  <si>
    <t>天 後 王菲和 小 她 11 歲 謝霆鋒 2014 年 爆出 世紀 複合 兩 人 在 公寓 客廳 中 被 拍到 接吻 關係 不言而喻 也 引來 看好 鋒 菲 戀 的 粉絲 熱烈 祝福 近日 有 大陸 網友 去 打 新冠肺炎 疫苗 透露 在 登記處 上 看到 王菲 謝霆鋒 名字 指 兩 人 前 一 天一</t>
  </si>
  <si>
    <t>天 後 王菲和 小 她 11 歲 謝霆鋒 2014 年 爆出 世紀 複合 兩 人 在 公寓 客廳 中 被 拍到 接吻 關係 不言而喻 也 引來 看好 鋒 菲 戀 的 粉絲 熱烈 祝福 近日 有 大陸 網友 去 打 新冠肺炎 疫苗 透露 在 登記處 上 看到 王菲 謝霆鋒 名字 指 兩 人 前 一 天 一起 攜手 來 打 疫苗 可惜 無法 直擊 什麼 時候 來 個 偶遇 多 好 王菲和 謝霆鋒 1999 年 首度 傳出 交往 兩 人 在 鏡頭 前 世紀 牽 手 閃 瞎 一 票 媒體 後來 雙方 分手 後 各自 嫁娶 又 都離 婚後 繞 了 一 圈 7 年前 鬆口 證實 又 開始 交往 先前 有名 嘴 稱 兩 人 分手 還 發誓 若 不 準確 願意 吃 屎 引來 謝霆鋒 本人 反 嗆 最近 香港 記者 香港 朱皮 也 爆 料 兩 人 分開 半 年 也 被 狗仔 照片 打 臉 謝霆鋒 之前 在 直播 中 脫 口 表示 無法忍受 出軌 引來 網友 狂 對號 入座 香港 朱皮 當時 稱 現在 霆 鋒 與 王菲 已 分手 半 年 霆 鋒 口中 的 出軌 絕對 無法 接受 大家 心知肚明 指的 是 誰 吧 但 大陸 媒體 隨後 拍到 謝霆鋒 一身 低調 離開 北京機場 後 就 直 赴 多年 前 與 王菲 被 拍到 複合 共同 生活 的 愛 巢 用 行動 證明 兩 人 分手 傳言 都 是 假像 近日 有 大陸 網友 分享 上月 24 日 去 打 了 新冠 疫苗 第二 針 昨天 王菲和 謝霆鋒 在 這裡 接種 疫苗 今天 我 也 在 這裡 接種 疫苗 喜歡 他倆 真 夠 低調 她 透露 是 在 登記處 上 看到 兩 人 名字 引來 其他 網友 開心 鋒 菲 又 同 框 謝謝 你 告訴 我 這個 好 消息 夠 我 甜 一陣子 了</t>
  </si>
  <si>
    <t>謝霆鋒 王菲 複合 新冠肺炎 疫苗</t>
  </si>
  <si>
    <t>新冠肺炎 疫情 延 燒 臺灣 確診 病例 逐漸 飆 高 臺灣 4 月 疫情 會 降溫 嗎 命 理 時事 分析家 詹 惟 中 解讀 簽詩 表示 4 月份 疫情 並不 樂觀 配合 政府 防疫 措施 輕鬆愉快 地 去 面對 它 宅 神 朱學 恒 不禁 驚 問 一 句 但 物質 生活 不好 是不是</t>
  </si>
  <si>
    <t>新冠肺炎 疫情 延 燒 臺灣 確診 病例 逐漸 飆 高 臺灣 4 月 疫情 會 降溫 嗎 命 理 時事 分析家 詹 惟 中 解讀 簽詩 表示 4 月份 疫情 並不 樂觀 配合 政府 防疫 措施 輕鬆愉快 地 去 面對 它 宅 神 朱學 恒 不禁 驚 問 一 句 但 物質 生活 不好 是不是 主持人 陳鳳馨 在 談話 性 節目 國民大會 問 說 臺灣 4 月 疫情 會 降溫 嗎 由 宅 神 朱學 恒 抽出 簽詩 人生 無量 壽 精神 的 生命 是 永遠 不 會 老 死 的 詹 惟 中 解簽 說 人生 無量 壽 指 的 是 人 的 生命 是 固定 的 積德 行善 當然 長壽 精神 是 指 這個 病毒 無可 預防 但 仍要 保持 心情愉快 運動 樂觀 做 正常 的 活動 這 就 是 正 能量 詹 惟 中 表示 4 月份 疫情 並不 樂觀 大家 保持 精神 生活 就 不 會 老 死 4 月份 放鬆 心情 但 也 不要 太 鬆懈 有所 警覺 配合 政府 的 防疫 措施 以 輕鬆愉快 的 心情 去 面對 它</t>
  </si>
  <si>
    <t>川普 新冠肺炎 傳染 風險 痊癒 病毒檢測</t>
  </si>
  <si>
    <t>新冠肺炎 臺灣 黃珊珊 實驗室 老鼠 咬 傷</t>
  </si>
  <si>
    <t>工業 電腦廠 友 通 2397 受惠 並購 效益 持續 顯現 6 月 自 結合 並 營 收 698億 元 第二 季 合併 營 收 204億 元 上半年 合併 營 收 4216億 元 三者 齊 創 同期 新 高 展望 後市 由於 新冠肺炎 疫情 未 見 緩和 公司 對 下半年 展望 維持 保守 看待</t>
  </si>
  <si>
    <t>工業 電腦廠 友 通 2397 受惠 並購 效益 持續 顯現 6 月 自 結合 並 營 收 698億 元 第二 季 合併 營 收 204億 元 上半年 合併 營 收 4216億 元 三者 齊 創 同期 新 高 展望 後市 由於 新冠肺炎 疫情 未 見 緩和 公司 對 下半年 展望 維持 保守 看待 友 通 2020 年 6 月 自 結合 並 營 收 698億 元 月 增 661 年 增 1202 為 近 3 月 高點 續創 同期 新 高 第二 季 合併 營 收 204億 元 季 減 624 仍 年 增 1681 續創 同期 新高 亦 為 歷史 第 3 高 累計 上半年 合併 營 收 4216億 元 年 增 3216 續創 同期 新 高 友 通 6 月 合併 營 收 續登 同期 高 主要 受惠 並購 工業 自動化 整合 銷售 通路商 羅 升 挹注 若 排除 並購 公司 挹注 友通 6 月 個體 營 收 約 325億 元 月 增 436 年 減 3237 第二 季營 收 94億 元 季 減 1581 年 減 3363 不過 上半年 營 收 3412億 元 仍 年 增 3468 其 陽 3564 6 月 自 結合 並 營 收 155億 元 月 增 達 4386 年 增 947 登 近 5 月 高點 亦 創 同期 新 高 第二 季 合併 營 收 377億 元 季 減 1149 仍 年 增 1445 為 同期 次高 累計 上半年 合併 營 收 804億 元 年 增 3365 續創 同期 新 高 至於 羅升 8374 表現 則 續 疲 6 月 自 結合 並 營 收 217億 元 月 減 751 年 減 17 第二 季 合併 營 收 722億 元 季增 1418 仍 年 減 1326 累計 上半年 合併 營 收 1355億 元 年 減 1394 友 通 董事長 陳其宏 日前 法 說 時 表示 第二 季 並購 效益 仍 將 持續 顯現 但 歐美 需求 已 明顯 受到 疫情 影響 雖然 對 下半年 營運 影響 仍 不 明確 但 他 個人 較 悲觀 看待 認為 需求 仍 將 明顯 受 疫情 影響 預期 今年 上 下半年 營 收 比重 將 大致 相當 友 通 今年 將 攜手 其 陽 搶攻 急速 成長 的 網通 網 安 市場 透過 集團 採購 議價 與 生產 基地 整合 來 提高 產品 競爭力 並 經由 羅升 通路 深耕 智慧 製造 領域 強化 拓展 智慧 製造 智慧 交通 與 基礎 建設 智慧 醫療 3 大 應用領域 以 合計 貢獻 突破 6 成為 目標 友 通 總經理 蔡其南 指出 其 陽 將 專注 於 網通 產品 行銷 研發 結合 友通 資源 加速 開發 軟 體 定義 廣域網路 sd-wan 與 網 安 閘 道 器 等 新 產品 羅升 則 致力 提升 機電 整合 能力 代理 高 毛利新 產品 並 在 智慧 製造 應用 方面 與 友通 聯合 推廣 持續 擴大 營 收 提升 獲利 能力</t>
  </si>
  <si>
    <t>傳 產 新冠肺炎 疫情 尚未 趨 緩 房市 首季 後 才會 較 明朗</t>
  </si>
  <si>
    <t>新冠肺炎 疫情 尚未 趨 緩 房市 是否 受 疫情 影響 而 產生 波動 中信 房屋 研 展室 副 理 張漢超 說 需 等 到 第一 季後 才 會 較為 明朗 民眾 對 房市 房價 勿 須太 過 悲觀 恐慌 按照 過往 資料 統計 即使 大環境 負面 因素 衝擊 房市 但 影響 時間 仍</t>
  </si>
  <si>
    <t>新冠肺炎 疫情 尚未 趨 緩 房市 是否 受 疫情 影響 而 產生 波動 中信 房屋 研 展室 副 理 張漢超 說 需 等 到 第一 季後 才 會 較為 明朗 民眾 對 房市 房價 勿 須太 過 悲觀 恐慌 按照 過往 資料 統計 即使 大環境 負面 因素 衝擊 房市 但 影響 時間 仍然 有限 如果 區域 基本 面具 有 發展性 物件 本質 亦 相當 不錯 那麼 就 不 需 太 過 擔心 房市 短期 內 的 波動 變化 中信 房屋 根據 去年 不動產 交易 實價 資料 以 統計 計量 方式 計算 六都 各 行政區 住宅 大樓 房價 相對 穩定 的 區域 其中 以 新北 台中 最 多 分別 有 5 個 行政區 高雄 有 4 區 臺北 桃園 和 台南 則 分別 各 有 2 區 臺北市 的 文山 北 投 分別 位處 北市 南北 的 邊陲 前往 核心 市中心 距離 較 遠 整體 居住 環境 較為 單純 深受 文教 或 退休 族群 的 喜愛 實價 資料 統計 住宅 大樓 成屋 單價 約 在 50 多 萬 左右 是 六都 價 穩 區 中 價格 最高 的 區域 仔細 觀察 南北 價 穩 區就 可以 發現 所在 區位 大不相同 雙北 幾乎 都 位於 市區 邊陲 地帶 而 桃園 是 緊鄰 于 房市 交易 熱區 旁 台中 台南 與 高雄 則 都 位於 市區 核心 之內 張漢超 指出 上述 現象 可以 反映 市場 價格 敏感度 的 現象 北部 核心 區域 房價 波動 度 大 對 風吹草動 較為 敏感 而 中南部 核心 區域 因 有 買氣 撐 盤 房價 波動 反而 較 穩 的 現象 這 應該 是 南北 市場 結構 上 的 差異 使 然</t>
  </si>
  <si>
    <t>新冠肺炎 疫情 房價 六都 波動</t>
  </si>
  <si>
    <t>美國 fda 核准 近 20 年 來 首 款 阿茲海默 症 新藥 以及 新冠肺炎 疫苗 技術 的 重大突破 使 著 醫療 產業 邁向 另 一個 創新 期 法人 表示 預期 生 技 醫療 產業 的 創新 研發 技術 將 帶動 相關 企業 獲利 營 收 表現 進而 推 升 股價 走勢 生 醫 股 今年 來</t>
  </si>
  <si>
    <t>美國 fda 核准 近 20 年 來 首 款 阿茲海默 症 新藥 以及 新冠肺炎 疫苗 技術 的 重大突破 使 著 醫療 產業 邁向 另 一個 創新 期 法人 表示 預期 生 技 醫療 產業 的 創新 研發 技術 將 帶動 相關 企業 獲利 營 收 表現 進而 推 升 股價 走勢 生 醫 股 今年 來 表現 原本 落後 大盤 然 在 近期 fda 通過 biogen 一 款 治療 阿茲海默 症 的 藥物 aducanumab 為生 醫 股 再度 注入 一 劑 強心針 百 達 投 顧 表示 aducanumab 是 20 年 來 首度 通關 的 相關 藥物 並 帶動 股價 出現 大 漲 走勢 這 對於 老齡化 加劇 的 全球 在 對抗 中樞神經 疾病 上面 帶來 重大 影響 市場 解讀 接下來 類似 的 新藥 研發 專案 有 機會 被 通過 過去 許多 公司 因為 臨床實驗 結果 不足 而 暫停 了 藥物 的 研發 專案 鑒於 fda 此次 的 態度 透露 出 在 藥物 有效性 證據 方面 採取 了 較 靈活性 審查 機制 這 對 整體 生 技 產業 發展 是 相當 正面 的 利多 訊號 保 德 信 全球 醫療 生化 基金 經理 人 江宜虔 指出 以 新冠肺炎 疫苗 開發 為 例 人類 透過 已 發展 20 年 的 基因 序列 技術 作為 基礎 同時 間 基因 排序 的 成本 亦 從 20 年 前 的 1億 美金 大幅 降低 至 現在 的 1千 美元 以下 利用 基因 排序 的 技術 合成 出 mrna 疫苗 且 從 研發 到 上市 僅 耗費 不 到 1 年 的 時間 成為 醫療 產業 研發 的 一大 突破 百 達 投 顧 表示 近期 市場 較 關注 的 還 包含 幾 場 醫 觀察 過去 五 年 生 技 指數 逐 季 表現 第二 季 與 第 三 季 平均 上漲 64 與 427 是 四 個 季度 表現 最佳 的 兩 季 也 值得 投資者 留意 鑒於 近期 通 膨 議題 再起 江宜虔 分析 回顧 過往 歷史 資料 中小型 生 技 股 生命科學 工具 等 以 個股 題材 為主 的 族群 在 利率 上揚 期間 股價 整體 平均 領先 美 股 近 4 8 不妨 可 透過 醫療 生化 基金 來 參與 生 技 股 漲 升</t>
  </si>
  <si>
    <t>az 第二 劑 擴大 接種 52 歲 以上 新冠肺炎</t>
  </si>
  <si>
    <t>康健 雜誌 新冠肺炎 臺灣 諾瓦 瓦克斯 novavax</t>
  </si>
  <si>
    <t>who 將 測試 2 種 新冠肺炎 藥物 專家 呼籲 不要 草率 上市</t>
  </si>
  <si>
    <t>新冠肺炎 疫情 持續 延 燒 讓 許多 國家 人心惶惶 深怕 受到 感染 不過 世界衛生組織 who 宣佈 在 三 周 內 將 公佈 新冠肺炎 的 2 項 藥物 臨床 測試 結果 不過 全球 衛生 專家 呼籲 千萬 不要 草率 上市 根據 cnbc 報導 who 秘書長 譚 德塞</t>
  </si>
  <si>
    <t>新冠肺炎 臺灣 居家 快 篩 社區 快 篩</t>
  </si>
  <si>
    <t>臺灣 新冠肺炎 移 工 體檢</t>
  </si>
  <si>
    <t>新冠肺炎 疫情 對 觀光 餐 旅業 造成 衝擊 台南 大 億 麗 致 酒店 今 30 日 公告 由於 營運 深受 疫情 影響 雖然 房東國 壽 多次 主動 釋出 降 租 善意 但 基於 多 方面 因素 考量 雙方 仍 協議 終止 合約 將 在 6 月 30 日 終止 營運 台南 大 億 麗 致 表</t>
  </si>
  <si>
    <t>新冠肺炎 疫情 對 觀光 餐 旅業 造成 衝擊 台南 大 億 麗 致 酒店 今 30 日 公告 由於 營運 深受 疫情 影響 雖然 房東國 壽 多次 主動 釋出 降 租 善意 但 基於 多 方面 因素 考量 雙方 仍 協議 終止 合約 將 在 6 月 30 日 終止 營運 台南 大 億 麗 致 表示 在 取得 國壽 諒解 後 雙方 協議 於 6 月 30 日 終止 不動產 租約 酒店 於 同日 終止 營運 公司 將 妥善處理 終止 營運 後 的 一切 相關 事宜 有關 酒店 所有 員工 及 客戶 權利 都會 依法 給予 完全 保障 台南 大 億 麗 致 酒店 位於 台南 市 中西區 西門 商 圈 由 生產 汽車 零 組件 起家 的 大 億 集團 與 國壽 合作 並 加盟 麗 致 餐旅 集團 體系 2002 年 1 月 19 日 開幕 迎賓 為 台南 市 首家 五星級 國際 觀光 飯店 飯店 樓高 22 層 地下 5 層 設有 315 間 豪華 客房 及 套房 260 個 停車位 這 也 是 麗 致 餐旅 集團 今年 續台 中亞 致 大 飯店 後 第 2 家 歇業 熄燈 的 據點不過 相較 於 由 亞都 5703 直 營 的 台中 亞 致 台南 大 億 麗 致 為 加盟 據點 僅 由 亞都 旗 下 麗 致 管理 顧問 提供 管理 諮 詢 顧問 對 亞都 營運 直接 影響 不 大</t>
  </si>
  <si>
    <t>台南 大 億 麗 致 新冠肺炎 國壽 停業</t>
  </si>
  <si>
    <t>新冠肺炎 臺灣 臺北市 柯文哲 施打 順序</t>
  </si>
  <si>
    <t>國民黨 立 委 曾銘宗 今日 於 立院 財政 委員會 質詢 有 關新冠肺炎 疫情 假設 沒有 意外 國內 疫情 在 6 月底 前 會 不 會 告一段落 衛福 部長 陳時 中聽 完 後 呆 了 5 秒 表示 有 這樣 的 可能性 但 以 全球 來講 就 不太可能 曾銘宗 詢問 若 假設 沒</t>
  </si>
  <si>
    <t>國民黨 立 委 曾銘宗 今日 於 立院 財政 委員會 質詢 有 關新冠肺炎 疫情 假設 沒有 意外 國內 疫情 在 6 月底 前 會 不 會 告一段落 衛福 部長 陳時 中聽 完 後 呆 了 5 秒 表示 有 這樣 的 可能性 但 以 全球 來講 就 不太可能 曾銘宗 詢問 若 假設 沒有 意外 6 月底 疫情 結束 到 了 秋冬 時會 不 會 又 捲土重來 陳時中 回應 近來 who 發表 抗體 無用論 要 看 在 科學 驗證 後 的 結果 who 近來 說 抗體 可能 沒 辦法 產生 一定 效果 進而 疫苗 研發 無效 性 增加 若 如實 秋冬 再度 死灰復燃 是 必然 的</t>
  </si>
  <si>
    <t>曾銘宗 陳時中 疫情 新冠肺炎 who</t>
  </si>
  <si>
    <t>參加 組團 新冠肺炎 拜登 蕭美琴</t>
  </si>
  <si>
    <t>伊瑟儂 泰國 新冠肺炎 優霸 杯 蘇迪曼杯</t>
  </si>
  <si>
    <t>新冠肺炎 疫情 造成 澳洲 搶購 衛生紙 的 熱潮 各地 超市 一 紙 難 求 不過 昆士蘭 有 一 名 女子 卻 陰錯陽差 的 下 錯 單 一口氣 買 了 全家 12 年 都 用 不 完 的 衛生紙 讓 許多 人 相當 羡慕 看看 新聞報導 澳洲 昆士蘭 一 名 女子 的 2 月 在 網上 訂</t>
  </si>
  <si>
    <t>新冠肺炎 疫情 造成 澳洲 搶購 衛生紙 的 熱潮 各地 超市 一 紙 難 求 不過 昆士蘭 有 一 名 女子 卻 陰錯陽差 的 下 錯 單 一口氣 買 了 全家 12 年 都 用 不 完 的 衛生紙 讓 許多 人 相當 羡慕 看看 新聞報導 澳洲 昆士蘭 一 名 女子 的 2 月 在 網上 訂購 衛生紙 原本 只 想 購買 48 卷 一 箱 的 衛生紙 結果 下成 48 箱 共 買 了 2304 卷 衛生紙 等到 衛生紙 送 到家 她 才 知道 自己 買 錯 了 她 查詢 自己 的 信用卡 帳單 發現 光是 買 衛生紙 就 花 掉 了 3264 澳元 約 台幣 6萬 多 這些 衛生紙 幾乎 可以 維持 他們 一家 人 12 年 的 需求 在 衛生紙 被 搶購一空 的 澳洲 這家 人 女 成 了 大家 羡慕 的 對象 而 這家 人 也 決定 按照 原價 出售 一部分 家裡 多 餘 的 衛生紙 為 社區 抗 疫 募款</t>
  </si>
  <si>
    <t>遊盈隆 聲望 新冠肺炎 蔡英文 總統 執政</t>
  </si>
  <si>
    <t>新冠肺炎 疫苗 南 投 大陸</t>
  </si>
  <si>
    <t>無懼 新冠肺炎 吳思瑤 竟 稱 現在 應 鼓勵 看 展</t>
  </si>
  <si>
    <t>演出 netflix 影集 彼岸 之 嫁 爆 紅 的 田士廣 最近 初嘗 走紅 滋味 日前 他 剛受 國際 知名品牌 coach 吉隆玻 旗艦 店 之 邀 回到 故鄉 馬來西亞 出席 活動 衣錦還鄉 的 他 全程 受到 高 規格 接待 不過 才 返台 兩 天 田士廣 就 驚聞 馬國 已 宣佈 18 日 起 全國 封 城 兩 周 與 經紀人 差 一點 就 回不來 臺灣 的 他 忍不住 驚呼 好 加在 還好 提前 回來 了 田士廣 的 老家 在 柔佛巴魯 此行 回 大馬 他 算是 過 家門 而 不入 前 三 天 忙 工作 後 三 天 忙 著 探訪 音樂界 友人 聊 之後 的 音樂 合作 計畫 忙 到 沒 時間 回家 看家 人 由於 全球 新冠肺炎 疫情 險峻 他 與 經紀人 從 桃園 機場 出境 搭 飛機 開始 到 落地 出席 活動 全程 除了 拍照 用餐 其 餘 時間 幾乎 全戴 著 口罩 搭 機時 更 特別 戴兩層 吃飯 時也 完全 不 交談 防疫 做好 做 滿 他 與 經紀人 廖麗雯 好奇 當地 朋友 戴 口罩 者 不 算 多 對方 苦笑 回 因為 買不到 我們 的 口罩 都 送給 別的 國家 了 大家 都 很 羡慕 他們 可以 住 在 臺灣 政府 和 多數百姓 的 防疫 也 都 做 得 很 嚴謹 甚至 超前 部署 他 返台 後 雖然 僅 需 自我 健康 管理 但 也 主動 表示 會 減少 外出 採買 了 一 堆 備用 食 材 與 生活用品 後 就 不再 出門 田士廣 高中 畢業 後 就 跟隨 哥哥 的 腳步 來 臺灣 讀 大學 雖然 是 科班出身 但 星途 坎坷 過去 7 年 為了 省錢 僅 去年 回 柔佛巴魯 拍 彼岸 之 嫁 才 終於 與 爸 媽 相聚 他 雖然 喜歡 馬來西亞 的 多元 文化 但 對 住 了 多年 的 臺灣 也 已 有 深厚感情 覺得 臺灣 讓 他 很 自在 去年 10 月 拿 到 臺灣 居留證 後 原本 自 認 身體 好 沒 打算 申請 健 保 卡 但 最近 新冠肺炎 疫情 肆虐 他 擔心 馬來西亞 的 疫情 的 同時 對於 自己 有 使用 健 保 的 機會 覺得 很 感激 所以 這 兩 天 打算 去 健 保 局辦 手續 之後 也 會 申請 臺灣 身分 證 但 他 強調 若 有能力 還 是 會 希望 回 饋 自己 的 家鄉</t>
  </si>
  <si>
    <t>新冠肺炎 田士廣 馬來西亞 彼岸 之 嫁</t>
  </si>
  <si>
    <t>過去 不乏 有 酒 醉 或 其他 無 緊急 傷病者 把 救護車 當 免費 小黃 打 119 報案 叫 救護車 送醫 讓 消防 員 不堪 其 擾 新冠肺炎 疫情 延 燒 民眾 紛紛 避免 到 大 醫院 有 消防 救護 人員 發現 這 陣子 濫 用 消防 救護車 的 人 消失 了 此外</t>
  </si>
  <si>
    <t>過去 不乏 有 酒 醉 或 其他 無 緊急 傷病者 把 救護車 當 免費 小黃 打 119 報案 叫 救護車 送醫 讓 消防 員 不堪 其 擾 新冠肺炎 疫情 延 燒 民眾 紛紛 避免 到 大 醫院 有 消防 救護 人員 發現 這 陣子 濫 用 消防 救護車 的 人 消失 了 此外 最近 接 獲 不少 車禍 案件 中 受 輕傷 的 患者 還 會 主動 告知 消防 員 不用 去 醫院 只要 自己 處理 即可 有 消防 員 指出 過去 經常 遇到 民眾 喝了酒 動不動 就 叫 救護車 將 他們 送 到 醫院 後 卻 不 進去 就醫 自行 離開 有 一 次 更 扯 的 是 曾經 有 位 5 旬 老翁 自稱 身體 不適 請 同仁 載 他 去 醫院 消防 員 到 他家 門口 時 發現 老翁 家中 明明 有 家屬 可 載 他 去 醫院 卻 堅持 叫 救護車 另外 除 酒 醉 路 倒 之外 還有 許多 人 因 牙痛 頭痛 腳 痛 等 千奇百怪 的 理由 要求 救護車 載 送至 醫院 令 消防 員 頭痛 不已 不過 新冠肺炎 疫情 升溫 後 許多 民眾 認為 醫療 院所 會 收治 確診 病人 擔心 被 感染 而 避免 到 醫院 讓 基層 消防 員直 呼 受到 疫情 影響 近期 濫 用 救護 資源 的 情況 似乎 變 少 了 許多 不僅如此 連 車禍 受傷 的 民眾 即使 消防 員 建議 到 醫院 救治 仍 堅持 不 去 就醫 有 消防 員說 近日 接 獲 1 件 車禍 救護 到 現場 後 發現 傷者 有 明顯 撕裂 傷 需要 到 醫院 縫合 但 該 名 傷者 一直 不 斷 強調 不用 麻煩 了 還 提到 疫情 期間 不 想去 醫院 且 體恤 消防 員 的 辛勞 堅持 說 自己 回家 包紮 就 好 令 他 印象 深刻</t>
  </si>
  <si>
    <t>快 篩 站 設置 新冠肺炎 臺灣 柯文哲</t>
  </si>
  <si>
    <t>在 新冠肺炎 的 衝擊 下 全球 金融市場 大幅 震盪 投資人 切入 市場 時間 點 困難 度 大增 另一方面 在 全球 央行 齊力 貨幣 量化 寬 松下 又 面臨 超低 利率 甚至 負 利 水準 的 窘境 台新 投 信 為 解決 投資人 面對 擇 時 及 低利 二 大 難題</t>
  </si>
  <si>
    <t>在 新冠肺炎 的 衝擊 下 全球 金融市場 大幅 震盪 投資人 切入 市場 時間 點 困難 度 大增 另一方面 在 全球 央行 齊力 貨幣 量化 寬 松下 又 面臨 超低 利率 甚至 負 利 水準 的 窘境 台新 投 信 為 解決 投資人 面對 擇 時 及 低利 二 大 難題 特別 與 全球 最 大 新興 市場 公司 債 管理者 百 達 攜手 打造 台新 新興 短期 高 收益 債券 基金 為 國內 首 檔 同時 擁有 短期 新興 高收 雙 利基 的 高收 債 基金 可 掌握 收益 與 波動 之間 絕佳 甜蜜 點 將 於 5 月 18 日 開始 募集 台 新 新興 短期 高 收益 債券 基金 經理 人 尹晟 和 表示 新冠 病毒 油價 崩 跌 等 事件 接連 發生 今年 來 金融資產 修正 劇烈 低 波動 率 的 產品 再度 成為 市場 焦點 短 天 期 的 債券 距離 到期日 較 近 變數 因此 較 少 價格 波動 也 因此 較 小 新興 短期 公司 債 平均 存 續 期間 集中 在 1 3 年 過去 十 年 的 年 化 波動 度 僅 525 較 傳統 與 一般 債券 低 就 殖 利率 水準 分析 新興 短期 公司 債 殖 利率 來 到 828 為 近 10 年 新高 也 高於 美國 高 收益 債 和 一般 新興 公司 債 此時 進場 低 接 是 極 佳 投資 機會</t>
  </si>
  <si>
    <t>俄羅斯 總理 米舒斯 京 mikhail mishustin 今日 宣佈 將 對 外籍人士 關閉 該 國 與 歐洲 波蘭 和 挪威 的 陸地 邊界 以 避免 新冠 疫情 進一步 擴散 到 境內 外 媒 引述 米舒斯 京 說法 稱 關閉 邊界 措施 將 於 今日 午夜 正式 生效 所有 因 工作 私人 求學 旅遊 等 目的 入境 的 外籍人士 都 將 受到 禁令 規範 白俄羅斯 人民 外國 官方 代表團 成員 以及 俄羅斯 居民 不受 上述 限制 據 中央 社 報導 俄羅斯 飛地 加里寧格勒 kaliningrad 與 波蘭 有 短短的 陸上 邊界 莫曼 斯克州 murmansk 則 與 挪威 北部 有 長 約 200 公里 的 陸上 邊界 官方 最新 統計 顯示 俄國 迄今 約 有 45 人 確診 新冠肺炎 但 尚未 出現 死亡 病例 俄羅斯 當局 昨日 宣佈 將 減少 往返 歐盟 的 班機 以 遏止 疫情 擴散 上月 20 日 該國 已 關閉 與 中國 大陸 的 邊界 並 開始 限制 伊朗 與 南韓 到訪 旅客 人數</t>
  </si>
  <si>
    <t>新冠肺炎 臺灣 陳時中 疫苗 竹科</t>
  </si>
  <si>
    <t>台積電 轉投資 封 測 廠精 材 3374 今 13 日 召開 線 上 法 說 展望 下半年 營運 董事長 暨 總經理 陳家湘 對 第 三 季 營運 看法 樂觀 預期 營 收 可望 改寫 歷史 新 高 但 新冠肺炎 疫情 及 國際局勢 使 全球 不 確定性 仍 高 客戶 訂單 需求 有 逐月</t>
  </si>
  <si>
    <t>台積電 轉投資 封 測 廠精 材 3374 今 13 日 召開 線 上 法 說 展望 下半年 營運 董事長 暨 總經理 陳家湘 對 第 三 季 營運 看法 樂觀 預期 營 收 可望 改寫 歷史 新 高 但 新冠肺炎 疫情 及 國際局勢 使 全球 不 確定性 仍 高 客戶 訂單 需求 有 逐月 修正 情況 對 第 四季 僅 能 審慎 樂觀 看待 陳 家 湘 表示 精 材 上半年 營運 維持 獲利 較 去年同期 顯著 轉 盈 主要 受惠 3 d 感 測 零 組件 封裝 需求 平穩 相較 過往 季節性 差異 明顯 縮小 所 帶動 而 8 吋 cmos 影像 感測器 cis 營 收 雖有 增加 惟 受 疫情 影響 其中 車用 影像 感測器 營 收 年 減 13 精 材 先前 宣佈 與 母公司 台 積 電 合作 投入 12 吋 晶圓 後 段 測試 代工 服務 陳家湘 表示 已 如期 在 6 月 完成 產 線 建置 7 月 起 逐步 進入 量 產 階段 由於 客戶 需求 殷切 12 吋 晶圓 後 段 測試 營 收 已 貢獻 7 月 營 收 近 2 成 帶動 當月 營 收 顯著 成長 精 材日前 公佈 2020 年 7 月 自 結合 並 營 收 達 611億 元 較 6 月 423億 元 成長達 4432 較 去年同期 53億 元 成長達 153 改寫 歷史 次高 累計 1 7 月 合併 營 收 3356億 元 較 去年同期 2116億 元 成長達 5855 續創 同期 新 高 展望 下半年 營運 陳家湘 表示 12 吋 晶圓 後 段 測試 產能 預期 在 第 三 季將 逐月 顯著 拉升 可望 對 營運 帶來 顯著 貢獻 不過 上半年 需求 增加 的 8 吋 影像 感測器 封裝 下半年 需求 已 見 轉 弱 跡象 預期 全年 營 收 僅 將 微幅 成長 陳 家 湘 表示 由於 訂單 需求 狀況良好 稼 動 率 看來 不錯 對 第 三 季 營運 樂觀 看待 預期 可望 優於 去年同期 的 167億 元 改寫 歷史 新高 對 第 四季 營運 亦 有所 期待 但 仍 需 審慎 觀察 疫情 及 國際 因素 變化 陳 家 湘 指出 由於 全球 疫情 持續 延 燒 近期 外部環境 變化 大 全球 經濟 不 確定性 仍 高 對消 費力 道 的 衝擊 不 可 輕視 加上 近期 客戶 給予 的 訂單 需求 有 逐月 修正 情況 因此 對 精 材 第 四季 營運 僅 能 審慎 樂觀 看待 不敢 太 大意 至於 開發 矽 基 氮化鎵 gan on si 通訊 用 高頻 功率 元件 加工 服務 專案 方面 精 材 發言人 林中安 表示 主要 鎖定 基地 台 的 射 頻 功率 放大器 rf pa 應用 雖然 研發 順利 且 有 量 產能 力 但 整體 市場需求 不如 預期 預期 今年 不 會 量 產 量 產 時程 尚不 明朗 看法 不若 以往 樂觀 精 材 財務 長 林恕敏 說明 第二 季約 4 的 其他 營 收 主要 包括 委 讬 設計 費用 nre 及 12 吋 晶圓 後 段 測試 代工 的 工程 試 產 收入 上半年 資本 支出 19億 元 全年 預估 將 達 116 135億 元 主要 用於 12 吋 晶圓 後 段 測試 代工 無塵室 及 廠務 設施 建置 購置 研發 設備 之用</t>
  </si>
  <si>
    <t>新冠肺炎 臺灣 新冠 疫苗 大裡 仁愛 醫院 az</t>
  </si>
  <si>
    <t>檢查 病毒 日本 陰性 新冠肺炎</t>
  </si>
  <si>
    <t>新冠肺炎 臺灣 陳培哲 賴士葆 蔡英文</t>
  </si>
  <si>
    <t>醫院 開刀房 加 護 病房 以 人工 消毒 至少 要 花 2 個 小時 以上 群 聯 電子 與 鼎 眾 公司 17 日 贈送 新竹 台 大 分院 3 台 專業 醫療 級 的 超 紫光 滅菌 機器人 只 要 5 到 10 分鐘 就 能 快速 消滅 抗藥性 細菌 達 99 為 第一 線 醫護人員 增添 防疫 利器 新竹 台 大 分院 院長 仁院餘 忠 仁 感謝 群 聯 電子 及 鼎 眾 公司 用 高科技 硬 實力 支持 第一 線 醫療 人員 有 了 超 紫 光 滅菌 機器人 後 將 應用 在 該院 防疫 專責 病房 加 護 病房 及 開刀房 等 處 使用 餘忠仁 並說 開刀房 及 加 護 病房 都 有 高 病源 細菌 一般 以 人工 消毒 都 要 花 2 個 小時 以上 超 紫 光 滅菌 機器人 消毒 滅菌 則 不 到 10 分鐘 能夠 有效 減少 醫護人員 及 清潔 人員 直接 接觸 病源 而 造成 傳染 提供 醫護 人 瞥 更 好 的 防疫 環境 讓 來 就醫 的 民眾 更加 安心 群 聯 電子 董事長 潘健成 表示 院內 感染 風險 一直 是 醫療 院所 相當 重視 的 議題 此次 捐贈 的 超 紫 光 滅菌 機器人 除 在 疫情 期間 發揮 最 大 功效 外 更 重要 的 是 能 快速 消滅 抗藥性 微生物 達 9 成 9 以上 降低 院內 感染 風險 提供 病人 及 醫護人員 更 安全 的 醫療 環境 鼎 眾 公司 董事長 江春松 指出 群 聯 電子 之前 捐贈 給 壢 新 及 新 竹馬 偕 醫院 消毒 機器人 後 這次 再 捐贈 給 台大 新竹 分 院 2 台 是 再次 以 實際行動 力 支持 醫療 產業 鼎 眾 也 身受 感召 加碼 捐贈 1 台 消毒 機器人 共同 回應 善舉 希望 能 共同 串連 起 臺灣 醫療 防護 網 將 各地 醫院 的 感染 控制 做到 最好 鼎 眾 公司 董事 江欣惠 說 超 紫 光 滅菌 機器人 原是 該 公司 製造 的 冷門 產品 沒想 到 去年 新冠肺炎 疫情 發生 後 熱銷 100 多 台 多 是 企業 購買 捐贈 給 醫院 在 隔離病房 加 護 病房 及 急診室 等 環境 使用 只要 花 5 到 10 分鐘 就 能 達 消毒 滅 茵 的 成效</t>
  </si>
  <si>
    <t>新冠肺炎 臺灣 張志豪 中和 衛生局</t>
  </si>
  <si>
    <t>大陸 防治 新冠肺炎 疫情 是 一 場 持久戰 演藝圈 的 捐款 捐 物資 行動 也 沒 停過 武打 明星 吳京再 捐 負 壓 救護車 隔離 衣 作家 兼 導演 韓寒 也 以 讀者 和 影迷 的 名義 捐贈 防護 帽 及 防護 鞋 套 給 一線 防疫 醫護人員 幫助 他們 執行 治療 新冠</t>
  </si>
  <si>
    <t>大陸 防治 新冠肺炎 疫情 是 一 場 持久戰 演藝圈 的 捐款 捐 物資 行動 也 沒 停過 武打 明星 吳京再 捐 負 壓 救護車 隔離 衣 作家 兼 導演 韓寒 也 以 讀者 和 影迷 的 名義 捐贈 防護 帽 及 防護 鞋 套 給 一線 防疫 醫護人員 幫助 他們 執行 治療 新冠肺炎 患者 的 同時 也 能 保護 自己 的 健康 陸媒 報導 2 月 27 日 吳京 捐贈 3 輛 負 壓 救護車 10000 件 隔離 衣 等 醫療 物資 並 已 送達 河南 信陽 據 瞭 解 信陽 是 河南 新冠肺炎 確診 人數 最 多 的 城市 因 醫療 物資 相對 匱乏 曾多次 對外 求援 韓寒 在 疫情 剛 爆發 時 曾 透過 中 華思源 基金會 捐 給 武漢 1 台 ecmo 人工 心 肺葉 克 膜 以及 自己 老家 所在 的 上海 金山區 100萬 元 人民幣 協助 購買 核酸 dna 檢測 儀 系統 過氧化氫 霧 化 消毒器 等 物資 最近 他 又 以 韓寒 的 讀者 和 觀眾 朋友 們 的 名義 捐贈 10萬 套 防護 帽 及 防護 鞋 套 陸續 送 往 各地 醫院</t>
  </si>
  <si>
    <t>新冠肺炎 臺灣 林口 三井 自主 停業</t>
  </si>
  <si>
    <t>新冠肺炎 臺灣 智邦 全新 超豐</t>
  </si>
  <si>
    <t>英國 新冠肺炎 疫情 大 爆發 除了 臺灣 留學生 相繼 回國 大批 旅 英 波蘭 人 也 趕忙 搭上 撤 僑 專機 返回 祖國 他們 說 儘管 波蘭 醫療 水準 差 一 截 但是 這次 英國 的 防疫 表現 實在太 慢 太 糟糕 他們 無法 信任 因此 選擇 回國 英國 新冠 肺</t>
  </si>
  <si>
    <t>新冠肺炎 疫情 衝擊 觀光業 高雄旅 宿業 相當 低靡 住宿率 持續 探 底 高雄 市長 韓國瑜 今 26 日 中午 開 直播 促銷 首先 推出 4 間 摩 鐵 飯店 立即 被 秒 殺 搶購 韓國瑜 直說 這 是 跳樓 大拍賣 疫情 間 希望 大家 保持 身 心靈 平衡 雖</t>
  </si>
  <si>
    <t>新冠肺炎 疫情 衝擊 觀光業 高雄旅 宿業 相當 低靡 住宿率 持續 探 底 高雄 市長 韓國瑜 今 26 日 中午 開 直播 促銷 首先 推出 4 間 摩 鐵 飯店 立即 被 秒 殺 搶購 韓國瑜 直說 這 是 跳樓 大拍賣 疫情 間 希望 大家 保持 身 心靈 平衡 雖然 不能 出國 但 熱情歡迎 全台 旅客 來 高雄 玩 接 著 還有 52 家 飯店 陸續 加入 促銷 方案 韓國 瑜 今天 實地 到 樂 逸文 旅 關心 旅 宿業 狀況 這家 是 全台 首 座 以 棒球 為 主題 的 主題 旅館 韓國瑜 也 特地 穿 上 棒球 衣 亮相 旅館 執行長 蔡肇洋 一一 介紹 620 顆 明星 簽名 球 的 棒球 牆 經典 棒 球衣 儼然 是 座 博物館 韓國 瑜 提到 希望 日本 及 韓國球 團 冬天 能 多 到 高雄 訓練 市府 也 在 大力 推動 另外 也 積極爭取 味全龍 隊 明年 一 軍 比賽 將 澄清湖 棒球場 當成 主場 接 著 韓國瑜 直播 推 住宿 優惠 專案 他 說 高雄 3 月 是 愛情 月 推出 海誓山盟 路線 包括 月 世界 崗 山 之 眼 六龜 等 愛河 已經 為 人 熟知 但 還有 茄 定 梓官 興達港 可以 用 驚 豔 兩 個 字 來 形容 韓國 瑜 表示 將 推出 56 家 旅 宿業 促銷 今天 先 提供 4 家 最先 回應 方案 給 大家 搶購 幫 大家 荷包 省 很多 錢 像是 禦 宿 汽車 旅館 鳳 山 館 雙人 房 原價 5300 元 現在 1899 元 原本 限量 3 組 立即 秒 殺 後來 再 另外 追加 50 組 也 同樣 賣 翻 另外 還有 高雄十 大 摩 鐵 冠軍 印 水 涵觀 景摩鐵 原價 5360 元 的 雙人 房 現 殺 到 2020 元 再 送 1000 元 下次 抵 用 券 福華 大 飯店 原價 9900 元 則 下 殺 到 3600 元 再 送 3600 元 餐飲 券 樂 逸文 旅 則 是 原價 2300 元 下 殺 999 元 含 早餐 下午 茶</t>
  </si>
  <si>
    <t>搭乘 公車 交通局 新冠肺炎 公車 智慧 型 站牌</t>
  </si>
  <si>
    <t>新冠肺炎 臺灣 az 出現 疫苗</t>
  </si>
  <si>
    <t>寒假 起跑 遇上 國內 新冠肺炎 疫情 升溫 台 南市 教育 局 建議 師生 寒假 避免 到 外縣市 並 做好 軌跡 紀錄 至於 畢業 旅行 是否 停辦 教育局長 鄭新輝 表示 畢旅 照常 但 避免 到 高風險 區域 校內 寒假 營 隊 課 輔 照常 舉行 校外 營 隊 若 對象</t>
  </si>
  <si>
    <t>寒假 起跑 遇上 國內 新冠肺炎 疫情 升溫 台 南市 教育 局 建議 師生 寒假 避免 到 外縣市 並 做好 軌跡 紀錄 至於 畢業 旅行 是否 停辦 教育局長 鄭新輝 表示 畢旅 照常 但 避免 到 高風險 區域 校內 寒假 營 隊 課 輔 照常 舉行 校外 營 隊 若 對象 為 非特 定性 如無 必要 則 建議 取消 台南 市長 黃偉哲 今天 被 問到 畢業 旅行 如何 因應 時 他 說 畢業 旅行 是 夏天 的 事 目前為止 還 沒 決定 如果 大家 有 防疫 考量 的話 會 請 各 校 從 防疫 角度 思考 要 不 要辦 鄭新輝 說 雖然 台南 市 多數 學校 畢旅 都 已 辦 完 但 仍 有 少部分 學校 還 沒辦 今天 已 在 校長 會議 告知 各 校 畢 旅 不用 停辦 但 不能 前往 高風險 區域 期末 戶外 學習 活動 也 儘量 在 台南 舉辦 寒假 期間 校內 營 隊 輔導 課程 照常 只 需要 做 好 防疫 即可 但 若是 校外 營 隊 為 非 特定 物件 若 沒有 非 參加 不可 的 必要 則 建議 取消 鄭新輝 說 目前 學校 防疫 物資 持續 滾 動式 定期 檢討 目前 物資 無 虞 也 提醒 學校 隨時 盤點 如有 不足 應立即 補充 此外 他 也 請 學校 評估 各項 活動 舉辦 或 參與 必要性 及 風險性 非 屬 必要性 活動 宜 改期 或 取消 必要性 活動 則 採取 室內 100 人 室外 500 人 以上 應 確實 依 集會 活動 防護 措施 及 辦理 原則 規定 辦理 至於 學校 操場 一向 是 社區 居民 運動 場所 因 物件 具 特 定性 因此 還 是 繼續 照常 開放 上學 前 下午 放學 後 的 時候 提供 民眾 運動 另 學校 常有 民眾 來 借 場地 辦 活動 或 辦 喜宴 鄭新輝 說 若 已 借用 且為 婚宴 使用 不 方便 再 改變 場地 仍 出借 但 需 做好 實 名 制 等 防疫 措施 若為 長期 借用 也 要 落實 實 名 制 若為 一次性 出借 性質 則 暫停 出借</t>
  </si>
  <si>
    <t>英新冠肺炎 疫苗 8 日 開 打 前線 醫護 與 長者 優先 接種</t>
  </si>
  <si>
    <t>新冠肺炎 臺灣 陳時中 采 檢 健康 存摺</t>
  </si>
  <si>
    <t>台微 體 4152 子公司 盈 擘 醫藥 26 日 宣佈 最新 一 篇 描述 ispm 21 與 ispm 19 的 潛 在 優勢 的 科學 摘要 獲 國際 醫學 氣霧劑 學 協會 isam 的 科學 委員會 接受 並 將 於 第 23 屆 isam 大會 中 發表 盈 擘 專注 於微 脂 體 吸 入 劑型 藥物 開發 此次 發表 的 研究 報告 為 利用 吸 入 式微 脂 體 抗 病毒 藥物 之 標 靶 傳輸 來 治療 新冠肺炎 之 策略 是 屬於 新 醫療 器材 和 新興 療法 類別 的 海報 將 於 大會 網站 上 以 電子 版本 呈現 並 搭配 口頭 簡報 將 在 今年 5 月 22 至 26 日 於 美國 愛達荷 州 博伊西 市 會議 中心 進行 的 大會 中 以 實體 方式 呈現 isam 大會 乃 世界 上 最 大 的 肺部 藥物 傳輸 和 呼吸 健康 會議 之一 此 研討會 將 聚集 數 百 名 與會者 包括 臨床 醫生 呼吸 健康 護理 專業人士 重症 監護 專業人士 氣霧劑 科學家 和 工程師 製劑 科學家 以及 產品開發 和 監管 專家 大會 的 目的 乃促進 當前 醫學 氣霧劑 最新 技術 的 科學 討論 台 微 體 曾於 瑞士 舉行 的 第 22 屆 isam 大會 中 發表 以 吸 入 式微 脂 體 尼達尼布來 提升 肺部 疾病 治療 的 科學 海報 該 海報 的 科學 摘要 刊登 於 氣霧 藥物 與 肺部 藥物 傳輸 期刊 的 新 醫療 器材 和 新興 療法</t>
  </si>
  <si>
    <t>新冠肺炎 石斑魚 永安 水產 韓國瑜</t>
  </si>
  <si>
    <t>懷疑 染 新冠肺炎 婦 怕 連累 家人 搞 失蹤 10 天 後 竟 成 浮 屍</t>
  </si>
  <si>
    <t>新冠肺炎 疫情 在 大陸 31 個 省分 全都 出現 確診 案例 在 四川 就 有 一 名 女子 因為 接 獲 消息 發現自己 在 確診 患者 出沒 的 地方 工作 懷疑 自己 染 上 新冠肺炎 也 怕 因此 傳染給 家人 選擇 離家出走 沒 想到 10 天 後 竟 成 了 浮 屍 這 名 劉</t>
  </si>
  <si>
    <t>新冠肺炎 疫情 在 大陸 31 個 省分 全都 出現 確診 案例 在 四川 就 有 一 名 女子 因為 接 獲 消息 發現自己 在 確診 患者 出沒 的 地方 工作 懷疑 自己 染 上 新冠肺炎 也 怕 因此 傳染給 家人 選擇 離家出走 沒 想到 10 天 後 竟 成 了 浮 屍 這 名 劉 姓 女子 住 在 四川 德陽 和 丈夫 在 市區 的 市場 經營 雜貨店 日前 因為 聽到 鄰居 說 某 患者 發病 前 曾 前往 該 市場 購物 因此 開始 擔心 自己 感染 新冠肺炎 更 害怕 傳染給 家人 劉女 擔心 感染 儘管 家人 不斷 勸說 甚至 已 前往 醫院 檢查 結果 正常 她 仍 心 有 餘 悸 劉女 在 12 日 淩晨 3 點 起床 穿 上 棉襖 戴著 口罩 出門 當時 丈夫 以為 她 是 出門 散心 沒想 到 上午 5 點 仍 沒有 回家 感到 情形 不對勁 立刻 出門 尋找 但 沒 發現 她 的 蹤跡 只能 報警 處理 當地 警方 接 獲 報案 後 立刻 動員 仍 找 不 到 劉女 21 日 當地 救援 隊 也 介入 協 尋 調閱 監視器 畫面 後 發現劉女 12 日 曾 走上 黃河路 大橋 但 卻 沒有 過橋 的 身影 實際 到 現場 看見 橋上 石頭 欄杆 和 石階 上有 被 踩 踏 的 痕跡 初步 研 判 婦人 可能 跳 河 輕生 家屬 隨後 請 消防隊 打撈 但 由於 水面 未 發現 婦人 猜測 可能 是 被 閘門 口 附近 的 潛流 吸附 在 水底 最後 決定 開 閘門 泄水 後 再行 救援 經過 幾 個 小時 的 搜索 當地 消防 水上 救援 隊 發現 了 疑 似 人體 為了 怕 被 病毒感染 消防 隊員 先 穿 上 防護 服 才 前往 將 人體 撈 上岸 最後 順利 將 遺體 轉運 到 岸邊 經 家屬 辨認 證實 是 失蹤 10 日 的 婦人 而 這 也 讓 家屬 感到 相當 悲痛 對此 德陽市 疫情 應急 指揮部 心理 干預 工作組 專家 劉平 指出 劉女 就 是 屬於 疑 病狀 態 她 從 擔心 被 傳染 到 懷疑 有 病 再 到 心理 確認 自己 有 病 其實 就 是 疑 病 妄想 如果 是 這樣 的 情況 建議 患者 和 家人 認真 對待 最好 及時 到 醫院 心 理科 精神 科 尋求 專業 幫助 大陸 中科院 心理 研究所 副 所長 陳雪峰 建議 在 面對 疫情 時 一定 要 穩定情緒 理性分析 若 真的 無法 放心 一定 要 主動 尋求 心理 援助 才 不 會 做出 不 理性 的 行為 更 多 ctwant 報導</t>
  </si>
  <si>
    <t>新冠肺炎 疫情 全球 肆虐 停 在 日本 橫濱 港 的 鑽石 公主 號 截至 目前為止 已 累計 218 名 旅客 和 船 組員 確診 其中 11 名 屬於 重症 患者 對此 就 有 網友 好奇 海上 郵輪 真的 很 好玩 嗎 貼 文一 出 隨即 掀起 熱 議 數 日前 停泊 在</t>
  </si>
  <si>
    <t>波蘭 環境 部長 確診 新冠肺炎 已 自我 隔離</t>
  </si>
  <si>
    <t>巴西 衛生部長 曼 德 塔 luiz henrique mandetta 本 週三 召開 記者會 宣佈 巴西 確定 出現 首例 新冠肺炎 的 病例 患者 是 一 名 61 歲 巴西 男性 日前 曾 前往 義 大利 北部 衛生部 將 追蹤 搭乘 同一 班 飛機 返回 巴西 的 其他 乘客 這 名 患者 是 一</t>
  </si>
  <si>
    <t>巴西 衛生部長 曼 德 塔 luiz henrique mandetta 本 週三 召開 記者會 宣佈 巴西 確定 出現 首例 新冠肺炎 的 病例 患者 是 一 名 61 歲 巴西 男性 日前 曾 前往 義 大利 北部 衛生部 將 追蹤 搭乘 同一 班 飛機 返回 巴西 的 其他 乘客 這 名 患者 是 一 名 住 在 聖保羅市 的 巴西 男性 二月 初 因 工作 需要 單獨 前往 義 大利 北部 倫巴 底 區 lombardia 於 2 月 21 日 返回 巴西 後 身體 不適 25 日 住 進 聖保羅 愛因斯坦 醫院 檢查 結果 呈 新冠肺炎 陽性 巴西 衛生部 又 委 請 病理 化驗 所 進行 第 2 次 檢驗 結果 也 呈 陽性 才 宣佈 確認 為 巴西 首 個 確診 病例 由於 這 名 病 患 返國 期間 恰 逢 裡約 狂歡節 機場 進出 旅客 流量 大 衛生部 官員 尚不 排除 有 其他 感染 案例 的 可能性 衛生部 表示 目前 巴西 還 有 22 例 疑似病例 其中 11 例 在 聖保羅 2 月初 自 武漢 撤離 回 巴西 的 34 名 巴西 僑民 在 安 納波里斯 anapolis 空軍基地 隔離 檢疫 14 天 後 新冠 病毒檢測 皆 呈 陰性 日前 已 准許 各自 離開 基地 返家 南美洲 為 全球 六大 洲 最 晚 發現 確診 新冠肺炎 病例 的 地區 巴西 的 第一 起 案例 也 是 南美洲 的 首例 顯示 疫情 已經 遍及 全球 當地 正值 夏天 專家 正 在 觀察 這種 病毒 在 熱季 的 表現</t>
  </si>
  <si>
    <t>世界衛生組織 who 組成 的 專家 已 在 大陸 的 北京 廣州 以及 四川 就地 調查 新冠肺炎 疫情 但 未 到訪 爆發 原點 武漢市 引起 外界 懷疑 陸方 是否 有 所 不 願 公開 對此 who 秘書長 譚 德塞 宣佈 正 在 大陸 考察 的 國際 專家 聯合 小組 22 日 將</t>
  </si>
  <si>
    <t>新冠肺炎 臺灣 接種 疫苗 洗 腎 婦人</t>
  </si>
  <si>
    <t>隨 著 全球 新冠 疫情 大 流行 新冠 疫苗 的 需求 更加 迫切 不過 在 許多 疫苗 研究 團隊 宣佈 取得 進展 的 情況 下 大陸 的 新冠 病毒 臨床 研究 專案 數量 卻 出現 停滯 其 研究 立項 在 全球 相關 研究 比例 從 2 3 減至 1 2 大陸 防疫 專家 鍾 南山 認為 要 在 大陸 進行 大規模 臨床 藥物 或 治療 研究 已經 沒有 機會 了 據 英國廣播公司 bbc 報導 目前 除了 大陸 之外 世衛組織 who 也 牽頭 協調 資源 研發 疫苗 全球 兩 大 製藥 商 英國 葛蘭 素 gsk 和 法國 賽諾菲 sanofi 宣佈 聯合 研發 疫苗 也 有 英國 科學家 們 在 臨床 結果 尚未 完成 前 先 讓 疫苗 小 規模 生產 據 who 統計 全球 臨床 試驗 已 由 4 月 7 日 的 927 項 增至 1135 項 而 大陸 相關 臨床 試驗 全球 占比 已 從 一 周 前 的 近 2 3 降 至 近 1 2 英國牛津大學 流行病 學 教授 陳 錚 鳴 對 bbc 表示 中國 前 兩 個 月 的 臨床 試驗 全球 矚目 當時 沒有 協調 浪費 了 資源 陸媒 指出 大陸 現有 598 項 新冠 病毒 臨床 試驗 通過 專案 立項 同時 也 有 40 多 個 專案 被 撤銷 陳錚鳴 表示 大陸 一下子 上 的 專案 太 多 每個 專案 都 需要 病人 最後 搞 得 零打碎敲 一個 項目 可能 用 了 10 個 20 個 甚至 100 個 病人 但是 什麼 問題 也 解決不了 例如 被譽為 人民 的 希望 的 瑞德西韋 remdsivir 在 大陸 的 兩 項 臨床 試驗 已 暫停 原因 是 當前 新冠肺炎 疫情 已 得到 良好 控制 沒有 符合條件 的 患者 入 組 鍾 南山 在 中國 科學 報 上 指出 很多 研究 被 撤銷 是因為 大概 誰 都 想 不 到 中國 會 那麼 快 控制 住 疫情 現在 要 在 中國 進行 大規模 的 臨床 藥物 或是 治療 的 研究 已經 沒 這個 機會 了 他 也 坦承 在 中國 我們 協作 是 相當 困難 這 是 我 自己 的 體會 全國一盤棋 針對 一些 最 要害 的 問題 來 協作 表面 上 都 可以 但 實際上 有些 是 不行 的 世衛組織 最近 期 牽頭 成立 了 一個 由 科學家 醫生 資助者 和 生產商 組成 的 全球 疫苗 研究 小組 以 減少 效率 低下 和 重複勞動 問題 先 前世 衛 組織 已 聲稱 有 3 種 疫苗 進入 臨床 試驗 一 種 在 大陸 另 二 種 在 美國 還有 67 種 疫苗 還 在 研發 中 報導 說 英國牛津大學 研究 團隊 將 於 今年 9 月 有 100萬 支 疫苗 面世 但 這 批 疫苗 被 標示 為 可能 有 風險 目前 該 疫苗 正 在 招募 志願者 參與 試用 牛津大學 詹納 研究所 教授 兼 所長 艾德里安 希爾 adrian hill 說 現在 不僅 是 小 規模 生產 它們 還 在 全球 7 個 地區 有 生產商 其中 3 個 英國 2 個 在 歐洲 1 個 在 印度 一個 在 中國 大陸</t>
  </si>
  <si>
    <t>新冠肺炎 風暴 讓 血庫 鬧 血 荒 彰 化 縣 福興 東區 扶輪 社辦 捐 血 活動 使出 送 口罩 妙招 掀起 熱血沸騰 9 點 半 才 開始 活動 卻 從 清晨 4 點 多 就 有人 來 排隊 讓 人 傻眼 沒見 過 捐 血 這麼 熱 的 怕 是 口罩 荒 比 血 荒 還 嚴重 啊 彰 化 縣 福興</t>
  </si>
  <si>
    <t>全球 新冠肺炎 疫情 迄今 沒有 減緩 趨勢 雲 林縣 政府 再 招標 採購 16萬 多 盒 口罩 盼 在學 期末 前 發給 學生 對象 並 擴 及 教職員工 每人 2 盒 今年初 剛 傳出 新冠肺炎 時 雲 林縣 政府 率先 發 口罩 給 幼稚園 至 縣 立 高中學生 1 月 22 日 先 發 1</t>
  </si>
  <si>
    <t>隨 著 新冠肺炎 蔓延 用於 醫療 的 血液 庫存 也 將 告急 義 大利 傳出 在 60 位 捐血者 中 有 40 人 驗 出新冠 病毒 相當於 將近 7 成 的 人 感染 專家 認為 這些 人 可能 都 是 無 症狀 感染者 據 oggi scuola 報導 義 大利 洛迪 省 的 一個 小鎮 卡 斯</t>
  </si>
  <si>
    <t>新冠肺炎 臺灣 廠 區 員工 garmin</t>
  </si>
  <si>
    <t>新冠肺炎 萬華 板橋 院內 感染 馬偕</t>
  </si>
  <si>
    <t>澳洲 新冠肺炎 疫情 學校 關閉</t>
  </si>
  <si>
    <t>新冠肺炎 臺灣 陳宜民 圈選 接種</t>
  </si>
  <si>
    <t>臺灣 輸出 確診 60 例 新冠肺炎</t>
  </si>
  <si>
    <t>新冠肺炎 大陸 接種 5 歲 港澳臺</t>
  </si>
  <si>
    <t>新冠肺炎 疫情 持續 蔓延 目前 全球 累計 超過 14萬 確診 病例 死亡 人數 達 5千 多 人 bbc 整理 出 世界衛生組織 who 秘書長 譚 德塞 tedros adhanom ghebreyesus 多 次 公開 發言 內容 網友 看 完 拳頭 都 硬 了 bbc 中文 網 摘錄 出 譚 德塞</t>
  </si>
  <si>
    <t>新冠肺炎 帶來 新 問題 臨時工 如何 過日子</t>
  </si>
  <si>
    <t>受到 新冠肺炎 的 影響 日本 厚生 勞動 省 從 3 月 18 日 開始 提供 自由業 者 每日 4100 日圓 約 新 台幣 1147 元 的 救濟 同樣 的 問題 在 澳洲 也 存在 沒有 保障 的 臨時工 causal worker 現在 嚴重 陷入 工作 危機 在 澳洲 工作 的 雇用 方</t>
  </si>
  <si>
    <t>受到 新冠肺炎 的 影響 日本 厚生 勞動 省 從 3 月 18 日 開始 提供 自由業 者 每日 4100 日圓 約 新 台幣 1147 元 的 救濟 同樣 的 問題 在 澳洲 也 存在 沒有 保障 的 臨時工 causal worker 現在 嚴重 陷入 工作 危機 在 澳洲 工作 的 雇用 方式分 成全 職 兼職 及 臨時工 其中 臨時工 因為 工作 時間 不 固定 保障 較 少 也 沒有 特 休 他們 多半 是 在 咖啡 廳 及 餐廳 工作 隨 著 新冠肺炎 爆發 餐飲業 受到 巨大 影響 對於 19 至 30 歲 的 年輕人 許多 收入 不足 的 人 可能 會 變 得 付 不 起 房租 而 無家可歸 尤其 在 墨爾本 或 雪梨 等 大城市 房租 更是 驚人 就算 能 領到 每週 失業 津貼 198 澳 幣 約 新 台幣 3542 元 租金 的 占比 可能 就 超過 59 嚴重 影響 生活品質 其實 在 澳洲 約 有 650萬 人 是 低收入 所得 雖然 政府 提供 一 次 給 付 750 澳 幣 約 新 台幣 13400 元 的 救濟 但 並 不 包括 臨時工的 部分 政府 打算 提出 要 提高 臨時工 時 薪 的 政策 但 遠 水 可能 救 不了 近 火 目前 澳洲 的 工作者 每 4 人 就 有 1 人 被 歸類 在 臨時工 的 範圍 雖然 並非 全部 都 低收入 但 畢竟 例外 是 少數 根據 澳洲 統計局 的 調查 臨時工 的 存款 超過 2400 元 澳 幣 約 新 台幣 43000 元 的 占 346 600 元 澳 幣 約 新 台幣 10700 元 以下 的 也 有 274 更 有 超過 115 的 人 負責 中 如今 受到 新冠肺炎 影響 臨時工 們 可能 連 工作 都 保不住 政府 要 如何 顧及 這些 人 也 是 很 頭疼 的 問題 更 多 ctwant 報導</t>
  </si>
  <si>
    <t>臨時工 約 新 台幣 新冠肺炎 影響 澳 幣</t>
  </si>
  <si>
    <t>流感疫苗 南 投 縣 新冠肺炎</t>
  </si>
  <si>
    <t>陸 員工 傳染 2 同事 德 新冠肺炎 增為 16 例</t>
  </si>
  <si>
    <t>大陸 新冠肺炎 確診 病例 已 破 44萬 宗 死亡 人數 也 超過 千 人 疫情 蔓延 全球 近 30 國 如今 德國 證實 南部 巴 伐 利亞邦 新增 2 例 使 這 歐洲 人口 最 多 國家 的 新冠肺炎 病例 增為 16 例 據 路透 報導 巴 伐 利亞邦 衛生廳 說 新增 2 例 和 慕尼</t>
  </si>
  <si>
    <t>新冠肺炎 武漢 全球 德國 傳染</t>
  </si>
  <si>
    <t>當前 新冠肺炎 疫情 蔓延 全球 2 月 28 日 又 傳出 有 紐西蘭 奈及利亞 亞 塞 拜 然 等 國 出現 首例 確診 病例 讓 全球 出現 疫情 的 國家 數 增至 56 國 總 感染 人數 突破 83000 人 世界衛生組織 who 秘書長 譚 德塞 日內瓦 時間 27 日 發出 警告</t>
  </si>
  <si>
    <t>李培禎 確診 新冠肺炎 後首 報平安 曝 隔離 狀況 不要 跟 我 說 加油</t>
  </si>
  <si>
    <t>李培禎 新冠肺炎 隔離 運動 疫情</t>
  </si>
  <si>
    <t>國際 半導體 產業 協會 semi 公佈 最新 北美 半 導體 設備 出 貨 金額 5 月 達 2346億 元 沖 上 三 個 月 以來 新 高 semi 全球 行銷 長 暨 臺灣區 總裁 曹世綸 表示 儘管 新冠肺炎 疫情 肆虐 全球 5 月 半導體 設備 出 貨 金額 仍 顯示 半導體 產業 的 長</t>
  </si>
  <si>
    <t>國際 半導體 產業 協會 semi 公佈 最新 北美 半 導體 設備 出 貨 金額 5 月 達 2346億 元 沖 上 三 個 月 以來 新 高 semi 全球 行銷 長 暨 臺灣區 總裁 曹世綸 表示 儘管 新冠肺炎 疫情 肆虐 全球 5 月 半導體 設備 出 貨 金額 仍 顯示 半導體 產業 的 長期 韌性 仍 存在 semi 公佈 5 月 北美 半 導體 設備 製造商 出 貨 金額 為 235億 美元 不僅 連續 八 個 月 站 在 20億 美元 關卡 之上 更 達到 三 個 月 以來 新高 月 增 29 年 增 131 在 5 g 及 ai 等 兩 大 新興 技術 持續 發展 帶動 下 使 先進 半導體 記憶體 及 封裝 制程 需求 不 斷 成長 晶圓 代 工 龍頭 台 積 電 下半年 將 開始 放 量 生產 5 奈 米制 程 技術 後續 更 將 有 4 奈 米 及 3 奈 米 等 先進 制程 加入 由於 半導體 大廠 持續 在 制程 及 產 能 上 投資 使 極 紫外光 euv 光罩 盒 家 登 檢測 廠閎 康及宜 特 探針 卡 廠旺 矽 及 精 測 廠務 設備 相關 的 朋 億 及 漢唐 等 可望 受惠 帶動 下半年 營運 持續 暢旺</t>
  </si>
  <si>
    <t>許多 罹 患 新冠肺炎 的 患者 可能 在 愈 後 飽受 頭痛 嗅覺 喪失 胸 痛 等 後遺症 的 折磨 甚至 還 可能 面臨 中風 失語症 器官 受損 等 嚴重 風險 根據 美國 喬治亞 州立大學 與 喬治亞理 工 大學 一 項 新 研究 發現 曾經 接受 氧氣 治療 曾經 有</t>
  </si>
  <si>
    <t>許多 罹 患 新冠肺炎 的 患者 可能 在 愈 後 飽受 頭痛 嗅覺 喪失 胸 痛 等 後遺症 的 折磨 甚至 還 可能 面臨 中風 失語症 器官 受損 等 嚴重 風險 根據 美國 喬治亞 州立大學 與 喬治亞理 工 大學 一 項 新 研究 發現 曾經 接受 氧氣 治療 曾經 有 發高燒 症狀 的 新冠肺炎 患者 他們 有 大腦 額 葉 灰質 體積 減少 影響 到 額 顳 的 神經 網路 的 交流 能力 導致 患者 在 愈 後 可能 會 出現 情緒 障礙 的 原因 曾 高燒 或 缺氧 新冠 患者 大腦 灰質 體積 減少 這項 研究 團隊 神經 影像 科學 轉化 研究 中心 分析 120 例 的 神經系統 患者 的 大腦 斷層掃描 其中 包含 58 例 急性 新冠 病例 及 62 例 非 新冠肺炎 患者 研究 發現 新冠 患者 在 出院 時 與 出院 後 6 個 月 如果 曾經 出現 發高燒 缺氧 症狀 他們 大腦 灰質 體質 會 有 縮小 的 情況 儘管 他們 的 心血管 疾病 已 獲得 良好 控制 但 仍 無法 改變 灰質 減少 的 情況 大腦 灰質 發生變化 愈 後 情緒 障礙 的 原因 灰質 是 中樞神經 系統 很 重要 的 部分 當 灰質 異常 會 影響 神經元 的 功能 與 交流 能力 喬治亞州 大學 心理學 教授 文斯·卡爾霍恩 vince calhoun 表示 精神分裂症 等 情緒 障礙者 這 有 可能 與 灰質 減少 影響 的 神經元 功能 有關 而 新冠 病 患 的 神經系統 併發症 有 越來越 多 趨勢 研究 指出 新冠 病毒 可能 通過 發燒 或 缺氧 症狀 影響 額 顳 網路 導致 大腦 額 葉 灰質 發生變化 這 也 說明 為 何新冠 患者 在 愈 後會 表現 出 情緒 障礙 的 原因 對此 研究 團隊 認為 額 顳 網路 的 灰質 變化 或 可 用作 新冠 患者 在 預後 或 評估 疾病 治療 方案 的 生物 標記 該 研究 已 刊登 在 neurobiology of stress 期刊 上</t>
  </si>
  <si>
    <t>健康 醫療網 新冠肺炎 臺灣 灰質 大腦</t>
  </si>
  <si>
    <t>造成 南韓 新冠肺炎 大肆 感染 的 源頭 韓國新 天地 教主 李萬熙 昨 2 日 召開 記者會 時 首次 下跪 公開 道歉 不過 即使 他 行 大禮 謝罪 仍 止不住 南韓 人民 怒火 而 記者會 當時 他 的 身旁 有 一 名 神秘 女子 不斷 在 他 耳邊 提醒 要 如何</t>
  </si>
  <si>
    <t>造成 南韓 新冠肺炎 大肆 感染 的 源頭 韓國新 天地 教主 李萬熙 昨 2 日 召開 記者會 時 首次 下跪 公開 道歉 不過 即使 他 行 大禮 謝罪 仍 止不住 南韓 人民 怒火 而 記者會 當時 他 的 身旁 有 一 名 神秘 女子 不斷 在 他 耳邊 提醒 要 如何 說話 以及 應對 突然 間 成為 全 南韓 人 最 好奇 的 人物 並 形容 她 是 人間 助聽器 李 萬熙昨 到 會場 時 遭 媒體 圍堵 問 他 是 何時 抵達 研修 院 時 李萬熙 回答 是 2 月 27 日 但 該 女子 立刻 在 他 耳邊 說 請 說 17 日 李萬熙 立刻 改口 但 都 被 現場 媒體 聽 得 一清二楚 接 著 她 又 提醒 李萬熙 當 媒體 問到 他 是否 有 四處 趴 趴 走時 一定 要 回答 媒體 沒有 都 固定 待 在 研修 院內 因此 現場 媒體 都 相當 好奇 這 號 隨時 跟 在 李萬熙 身邊 卻 不 知道 是 何方神聖 的 神秘 女子 身分 韓 研究 新 天地 教 的 專家 分析 這 名 女子 應該 是 相當 于李 萬 熙 第二 任 前妻 金 南茜 的 人物 而且 是 除了 李萬熙 外 實際上 可以 掌 控 新 天地 教會 的 第二 號 人物 專家 表示 這 位 金 姓 女子 在 新 天地 教會 扮演 非常 重要 角色 教會 內 有 12 支派 長老 多 年 來 這些 長老 們 要 知道 教主 李萬熙 人在何處 或是 想要 見 他 甚至 傳達 訊息 都 只能 單獨 透過 這 位 金 姓 女子 傳達 地位 相當 重要 因此 韓國 司法 與 衛生 當局 目前 也 正 密 追查 這 位 金 姓 神秘 女子 來歷 其實 韓劇 救救 我 也 是 以 邪教 背後 醜陋 面 作為 題材 探討 邪教組織 而 劇中 教主 身邊 同樣 有 個 盲目崇拜 他 的 信徒 在教 團 裡面 職稱 是 執 事 負責 幫 教主 處裡 大小事 因此 新 天地 教會 事件 爆發 後 也 讓 大家 聯想 到 這部 韓劇 一度 又 登 上 搜尋 引擎 排行榜</t>
  </si>
  <si>
    <t>李萬熙 新 天地 教會 南韓 新冠肺炎 教主</t>
  </si>
  <si>
    <t>一年一度 的 科技界 盛事 全球 行動 通訊 大會 mwc 今 年度 的 展會 因為 新冠肺炎 ncp 疫情 未 歇 官方 已 宣佈 停辦 創下 33 年 來 首例 其中 有 不少 原定 在 mwc 期間 舉辦 發表會 的 品牌 都 決定 改以 線 上 發表 的 方式 讓 新品 亮相 包含 so</t>
  </si>
  <si>
    <t>一年一度 的 科技界 盛事 全球 行動 通訊 大會 mwc 今 年度 的 展會 因為 新冠肺炎 ncp 疫情 未 歇 官方 已 宣佈 停辦 創下 33 年 來 首例 其中 有 不少 原定 在 mwc 期間 舉辦 發表會 的 品牌 都 決定 改以 線 上 發表 的 方式 讓 新品 亮相 包含 sony oppo 等等 而 華為 huawei 據 瞭解 將 按照 原 定計 畫 在 2 24 舉辦 線 上 發表會 按照 先前 傳聞 全新 的 可 折疊 螢 幕 手機 也 就 是 mate x 的 接班人 有望 登場 根據 huawei central 網站 報導 華為 預定 在 2 月 24 日 西班牙 巴塞隆納 當地 時間 14 00 北京 臺灣 時間 2 月 24 日 下午 9 點 以 線 上 直播 的 方式 舉辦 發表會 內容 將 以 英文 來 進行 發表 據 瞭解 華為 有機 會 進一步 宣佈 他們 在 1 8 n 全 場景 智慧 策略 的 佈局 其中 1 8 與 n 各別 以 太陽 行星 衛星 的 概念 來 理解 指 的 是 華為 手機 八 項 延伸 產品 平板 pc 耳機 音箱 或 音響 類產品 眼鏡 手錶 車機 電視 以及 5 大 應用 場景 包含 智慧 出行 地圖 車載 資訊 系統 等 影音 娛樂 遊戲 影片 等 運動 健康 血壓計 智慧 秤 等 智慧家居 攝影機 掃地 機器人 等 行動 辦公 印表機 投影 機 等 意 指 環繞 華為 手機 的 全 場景 應用 本次 發表會 的 最 主要 焦點 除了 華為 可能 公佈 1 8 n 策略 的 最新 佈局 計畫 外 亮相 新品 可能 包含 mate x 全球 上市 的 計畫 或是 新 一代 可 折疊 螢 幕 手機 mate x 的 下一代 還 有 新 智慧 手錶 平板 5 g 相關 設備 等等 除此之外 預定 在 3 月份 在 法國巴黎 發表 的 p 40 系列 huawei central 也 認為 有 機會 在 本次 發表會 中 有 更 多 消息 曝光</t>
  </si>
  <si>
    <t>桃園 市 新增 4 確診 本土 案例 年齡 為 20 多 歲 至 40 多 歲 之間 皆 為 確診 者 接觸 者 桃園 市政府 公佈 確診 者 足跡 包含 汽車 旅館 好事 多 家樂福 全聯 菜市場 等 確診 者 累計 898 人 目前 居家 隔離 人數 為 411 人 桃園 市 新聞 處 資料 顯示 4 名 確診 者 年齡 為 20 多 歲 至 40 多 歲 累計 確診 案例 898 居家 隔離 人數 411 人 4 人 皆 為 確診 者 接觸 者 分別 為 案 15621 案 15622 案 15623 案 15640 市府 也 公佈 確診 者 足跡 15 至 20 日間 包含 168 motel 平鎮 館 costco 桃園 中壢 店 家樂福 八 德 店 裡 萊 行旅 家樂福 經國 店 小北 百貨 北埔 店 潮 旅館 南 崁 菜市場 貝克漢 汽車 旅館 全聯 龜 山 大同 店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確診 死亡 靈異 美國</t>
  </si>
  <si>
    <t>大陸 央 視 新聞報導 廣州市 疫情 防控 14 日 下午 舉行 新聞 發佈會 繼 天津 發現 中國 首例 omicron 陽性 病例 之後 廣州 也 發現 廣東 首例 境外 輸入 奧 密克 戎 omicron 陽性 病例 病例 男 67 歲 家住 越秀區 華 樂街 天勝村 65 號 11 月 27 日 從 國外 入境 集中 隔離 期間 多次 核酸 檢測 均 陰性 12 月 11 日 解除 隔離 後 乘 飛機 ca 1837 返回 廣州 閉環 轉運 至 越秀區 家中 居家 隔離 12 日 華樂街 社區衛生 服務 中心 為 其 例行 採集 核酸 標本 13 日 淩晨 通報 結果 初篩 陽性 經市 區疾 控 中心 重 採樣 覆 核 結果 均 為 陽性 病例 閉環 轉運 至 廣州醫科大學 附屬 市 八 醫院 隔離 治療 經 進一步 檢查 和 專家 會診 確診 為 新冠肺炎 普通型 目前 病情 穩定 廣州市疾控中心 對 該 病例 的 鼻 拭 子 進行 新冠 病毒 全 基因組 測 序 和 序列 分析 經省市 疾 控 中心 覆 核 報 國家疾控中心 確認 檢 出新冠 病毒 為 omicron 變異 株 截至 12 月 14 日 12 時 累計 排查 到 重點 場所 篩查 人員 10544 人 已 出 結果 均 為 陰性 累計 採集 環境 樣本 132 份 128 份 環境 樣本 檢測 結果 陰性 4 份 陽性 均 為 病例 住所 發現 稍 早 天津市 疾病預防控制中心 對 12 月 9 日 自 歐洲 境外 輸入 新冠 病毒 無 症狀 感染者 呼吸道 標本 進行 新冠 病毒 全 基因組 測 序 和 序列 分析 經 中國疾病預防控制中心 覆 核 均 確認 檢 出新冠 病毒 omicron 變異 株 b 11529 進化 分支 在 津 感染者 系 入境 閉環 管 控 人員 目前 於 定點醫院 隔離 治療 中國 首次 發現 新冠 病毒 omicron 變異 株</t>
  </si>
  <si>
    <t>市場 資金 豐沛 僑 外資企業 入手 新北 廠辦 交易 案 頻 傳 今年以來 包括 開發 國內 新冠肺炎 快 篩 試劑 的 僑 外資 醫療 科技 公司 泰 博 科技 定 河 資產 管理 木木子 投資 等 僑 外資 公司 均 購 入 新北 五 股 三 重 等 地 廠辦 廠房 具 自用</t>
  </si>
  <si>
    <t>新冠肺炎 疫苗 covax</t>
  </si>
  <si>
    <t>近來 歐美 確診 人數 飆 升 疫情 恐怕 捲土重來 在 疫苗 問世 之前 復蘇 之路 遙遙無期 根據 國際航空運輸協會 iata 預測 2024 年 才有 可能 回到 疫情 前 航空 業 的 水準 在 航班 停 飛 航空 公司 紛紛 祭出 裁員 令 之際 貨運 成為 航空 公司 唯一 收入 由於 第 四季 是 傳統 旺季 10 月底 也 將 迎來 另 一 波 運費 漲價 中菲 行 5609 總經理 邱鈞榮 表示 11 月 1 日 運價 漲 定 了 公司 持續 關注 客戶 需求 提供 不同 的 物流 解決 方案 給 客戶 協助 客戶 有效 管控 物流 成本 中菲 行 受惠 於宅 經濟 與 資 通 產品 需求 升溫 廠商 訂單 增加 第一 季 到 第 三 季 已經 繳 出 一 張 漂亮 的 成績單 第 三 季營 收 5403億 元 年 增 16 創 同期 新高 第二 季 每股 獲利 375 元 更是 超過 去年 全年 每股 獲利 第 四季 的 策略 為 穩健 經營 協助 合作夥伴 安全 共度 險峻 的 一 年 對於 中菲 行 第 四季 的 表現 同樣 保持 審慎 樂觀 的 態度 2020 年 1 至 9 月 臺灣 總體 出口量 與 去年同期 相比 成長 14 進口量 與 去年同期 相比 衰退 29 但 若 加上 其他 貨源 來看 總 貨 量 與 去年同期 相比 仍 成長 15 由於 華為 禁令 造成 的 拉 貨 效應 2020 年 9 月 出口貨 量 創下 新高 達到 42900 噸 10 月 則 受到 中秋 與 國慶 連 假 及 中國 十一 長假 的 影響 截至 10 月 25 日 為止 出口量 預估 至 月底 較 上個月 略 減 不 到 一 成 但 總 貨 量 仍 成長 近 3 10 月 連 假 過後 隨 著 iphone 新機 ps 5 等 新品 上市 的 搶購 熱潮 供應 鏈 跟 著 沾光 追加 訂單 帶動 廠商 出 貨 暢 旺 市場需求 看漲 航空 公司 通知 11 月 2 日 起 調 漲 美國 線 運費 本 周 市場行情 約 落 在 美國 西岸 每公斤 運價 新 台幣 330 元 美中 每公斤 運價 新 台幣 340 元 美國 東岸 每公斤 運價 新 台幣 350 元 左右 後續 加上 雙 十一 黑 五 耶誕節 等 商機 運價 可能 還 有 上調 的 可能 由於 美中 貿易戰 與 新冠肺炎 的 衝擊 廠商 開始 反思 供應 鏈 全球化 的 風險 減少 對 中國 的 依賴 根據 經濟部 資料 顯示 2019 年 起 政府 推動 投資 臺灣 三大 方案 帶動 台商 回台 投資 根 留 臺灣 目前 投資額 已 破 11 兆 像是 欣 興 電子 在 桃園 投資 友達 在 台中 投資 群 創 在 台南 投資 國巨 在 高雄 投資 巧 新 在 屏 東 投資 同時 也 創造 了 近 93萬 個 就業機會 帶動 今年 臺灣 經濟 保持 正 成長 此外 因 考量 到 東南亞 人口 紅利 低廉 工資 當地 內需 市場 的 優勢 加上 當地政府 把握 此 波 遷廠 投資 潮 所 釋放 的 利多 例如 印度政府 提供 生產 激勵 計 畫 pli 方案 已 吸引 許多 廠商 陸續 轉移 至 東南亞 印度 設廠 像是 大 聯大 緯 創 台達電 華碩 也 將 生產 基地 移 至 越南 馬尼拉 雅加達 印度 等 地 中菲 行 跟隨 客戶 腳步 看好 印度 成長 潛力 自 2012 年 起 佈 局 印度 市場 至今 於 印度 有 六 個 分公司 首都 新德里 delhi del 南部 班加羅爾 bangalore blr 南部 清 奈 chennai maa 西部 工業 大城 艾哈默德巴德 ahmedabad amd 中部 大城 海德拉巴 hyderabad hyd 第一 大城 孟買 mumbai bom 等 中菲 行 跟隨 客戶 腳步 針對 廠商 已經 設廠 的 地區 提升 員工 與 服務 內涵 隨 著 客戶 需求 服務 整個 供應 鏈 中菲 行 也 重視 人才 培育 透過 定期 訓練課 程 提升 員工 的 專業 度 整體 團隊 能力 提升 員工素質 及 生產力 以 迎接 隨時 的 挑戰</t>
  </si>
  <si>
    <t>新冠肺炎 台南 大學 成大 南部 國立 大學 居家 檢疫</t>
  </si>
  <si>
    <t>周玉蔻 開 罰 新冠肺炎 網友 投票</t>
  </si>
  <si>
    <t>王 大陸 王台慶 崔 苔 菁 柯震東 新冠肺炎</t>
  </si>
  <si>
    <t>墨西哥 總統 羅培茲 歐 布拉多 andres manuel lopez obrador 周日晚 宣佈 他 已 罹 患 新冠肺炎 並 進行 居家 隔離 據 美聯社 和 值得 axios 新聞網 報導 67 歲 的 羅培茲 歐 布拉多 推 文說 他 的 症狀 輕微 並 正在 接受 治療</t>
  </si>
  <si>
    <t>墨西哥 新冠肺炎 總統 疫情 確診</t>
  </si>
  <si>
    <t>湖北省 司法 廳 退休 副 廳長 陳北洋 一家 3 口 都 感染 新冠肺炎 不料 卻 以 醫院 病房 沒有 到 標準 因此 拒絕 到 醫院 隔離 甚至 還 搬 到 另 一個 沒有 感染 的 社區 居住 根本 不 理會 勸導 對此 湖北 司法 廳 表示 紀檢 部門 已經 介入 目前 陳北洋</t>
  </si>
  <si>
    <t>湖北省 司法 廳 退休 副 廳長 陳北洋 一家 3 口 都 感染 新冠肺炎 不料 卻 以 醫院 病房 沒有 到 標準 因此 拒絕 到 醫院 隔離 甚至 還 搬 到 另 一個 沒有 感染 的 社區 居住 根本 不 理會 勸導 對此 湖北 司法 廳 表示 紀檢 部門 已經 介入 目前 陳北洋 及其 家屬 都已 送 進 醫院 隔離 綜合 陸媒 報導 醫護人員 三 催 四 請 但 陳北洋 仍 堅持 不肯 就醫 他 提出 3 個 要求 第一 要 住 好 品質 的 醫院 有 單人房 第二 與 兒子 要 在 同一 間 醫院 第 三同 意 當晚 由 醫院 來 家裡 做 病毒 核酸 檢測 如果 結果 為 陽性 就 進 醫院 陰性 的 話 就 不 走 由於 陳北洋 帶病 搬進 無人 感染 的 社區 造成 附近 民眾 人心惶惶 社區 12 日 在 他 家門口 貼 上 封條 禁止 他 出入 到 了 隔 天 社區 警方 及 醫護 工作組 再次 上門 勸導 雙方 僵持 1 個 半 小時 終於 讓 陳北洋 上車 不過 陳北洋 要求 不 搭 救護車 非得 要 坐 公務用車 的 私家 車 才 走 對此 湖北 司法 廳 表示 陳北洋 一家 已於 13 日 送 進 醫院 隔離 因為 陳北洋 是 省 管 幹部 監委會 將 會 按照 規定 處理 絕對 不 會 放任不管 更 多 ctwant 報導</t>
  </si>
  <si>
    <t>二級 警戒 鬆綁 陳時中 防疫 新冠肺炎</t>
  </si>
  <si>
    <t>日本國 新冠肺炎 今天 新增 確診 1635 例 超越 8 月 7 日 單日 新增 1605 例 創下 新高 紀錄 專家 認為 隨 著 氣溫 下降 第 三 波 疫情 實際上 已經 爆發 面對 疫情 急速 擴大 日本政府 決定 繼續 限制 大型活動 人數 到 明年 2 月 電影院 則 有 條件 放</t>
  </si>
  <si>
    <t>新冠肺炎 疫情 擴散 前 總統 馬英九 也 頻頻 發表意見 不僅 遭 抗 煞 英雄 葉 金川 點名 閉 嘴 更 遭 昔日 下屬 楊志良 嘲諷 不 適合 當 總統 對此 馬英九 今天 27 日 受訪 時 笑 著 回 媒體 他 怎麼 現在 才 知道 呢 讓 全場 傻眼 馬政府</t>
  </si>
  <si>
    <t>新冠肺炎 疫情 擴散 前 總統 馬英九 也 頻頻 發表意見 不僅 遭 抗 煞 英雄 葉 金川 點名 閉 嘴 更 遭 昔日 下屬 楊志良 嘲諷 不 適合 當 總統 對此 馬英九 今天 27 日 受訪 時 笑 著 回 媒體 他 怎麼 現在 才 知道 呢 讓 全場 傻眼 馬政府 任內 的 衛生 署 署長 葉 金川 楊志良 先後 在 2526 日 的 廣播節目 周玉蔻 嗆 新聞 中 輪流 批評 馬英九 葉 金川 點名 馬英九 臺北市 長 柯文哲 與 行政院長 蘇貞昌 少 打 口 水戰 讓 防疫 回歸 專業 楊志良 更是 火力 全開 直說 馬 是 好人 但 根本 不 適合 當 總統 還 強調 這 是 他 跟 葉 金川 的 共識 引發 熱 議 馬英九 今天 提前 參拜 228 紀念館 事後 受訪 時 被 媒體 問及此事 他 先是 喔 了 一 聲 回 他 怎麼 現在 才 知道 呢 接 著 呵 的 一 聲 笑 了 出來 試圖 幽默 打圓場 緩和 氣氛 未 料 在場 媒體 全部 傻眼 沒人 有 反應 馬英九 見狀 後 隨即 正經 回答 先是 稱讚 2 人 都 當過 他 的 衛生 署長 做 的 也 很 好 更 稱讚 楊志良 在 二 代 健 保 以及 美 牛 問題 上 都 給 了 相當 大 的 幫助 接 著 話鋒一轉 表示 2 人 對 他 的 發言 有 很 大 的 誤會 馬錶 示 自己 從未 干擾 指揮官 指揮 疫情 但 在 大陸 有 許多 陸配 子女 在 臺灣 擁有 居留權 按照 國際法 也 有 中華民國 國籍 卻 回不來 但 台僑 不論是 在 陸 港澳 都 可以 回來 很 明顯 有 歧視 之 嫌 自己 身為 前 總統 該 說 的 話 還 是 要 說</t>
  </si>
  <si>
    <t>由於 媒體 傳出 已 有 部 份 藥廠 開始 提供 試用 疫苗 上海華山醫院 知名 感染 科 醫生 張文宏 在 答詢 時 表示 要 再 等 三 個 月 才 知道 疫苗 效果 好不好 總的 趨勢 來說 國際 疫情 還 在 蔓延 連 第一 波 都 還 沒有 過去 呼籲 民眾 要 有 耐心 同時 保持 警覺 據 現代 快 報 報導 張文宏 昨日 在 上海 書展 推廣 華山醫院 感染 科 醫生 團隊 合作 撰寫 的 新書 發表 會上 表示 新冠肺炎 疫情 並未 完全 結束 國際 疫情 仍 在 蔓延 雖然 上海 的 疫情 已經 告一段落 但 風險 始終 存在 需要 保持 警覺 對於 是否 會 有 第二 波 疫情 張文宏 表示 總的 趨勢 來講 現在 第一 波 都 還 沒過 去 呢 要 問 有 沒有 第二 波 至少 第一 波 得 先 過去 中國 大陸 疫情 基本 算是 剿滅 狀態 零星 地 出來 動態 地 清 零 而 備受 期待 的 新冠肺炎 疫苗 的 研發 進度 張文巨集 請 大家 要 耐心 等待 再 等 3 個 月 才能 知道 疫苗 的 效果 好不好 要 等 臨床 三期 試驗 的 結果 談 到 新 發表 的 著作 張文宏 表示 我 經常 是 這樣 跟 大家 說 文明 和 病毒 細菌 之間 只 隔 了 一個 航班 的 距離 我們 知道 世界 上 任何 一個 地方 的 傳染病 都 有 可能 在 很 短 時間 內 來到 我們 的 身邊 事實上 世界 上 很多 古老 的 傳染病 在 我們 的 人類 社會 當中 還 繼續 存在 並 威脅 著 我們 他 說 自從 新冠 疫情 來到 這個 世界 作為 一個 專業 的 感染 科 醫生 也 非常 迷惑 這 場 傳染病 跟 我 接觸 的 其他 傳染病 都 完全 不 一樣 在 2003 年 參加 了 與 sars 的 鬥爭 2009 年 參加 了 h 1 n 1 流感 暴發 的 處理 也 參加 了 2013 年 h 7 n 9 的 處理 但是 每 一 次 傳染病 的 發生 都 感覺 到 這次 新冠 疫情 來得 特別 地 難處 理 而且 至今 大家 也 知道 它 還 在 全世界 蔓延 對 這 場 傳染病 的 未來 跟 大家 一樣 心裡 都懷著 非常 強烈 的 疑惑 和 擔憂</t>
  </si>
  <si>
    <t>新冠肺炎 臺灣 校正 回歸 ptt</t>
  </si>
  <si>
    <t>臺北 榮總 搶救 嚴重 新冠肺炎 患者 率 國際 之 先 使用 類風濕性 關節炎 的 生物 製劑 讓 國內 免 添 第 八 死 北 榮 分享 收治 一 名 重症 婦 的 康復 經驗 原本 已經 休克 還有 呼吸衰竭 必須 插 上 葉克 膜 肺部 整 片 發白 離 鬼門關 只 差 一 步 的 老婦</t>
  </si>
  <si>
    <t>全台 疫情 持續 升溫 因應 三級 防疫 警戒 奇 美 醫學 中心 即日起 防疫 升級 住院 前 病人 皆 須 完成 新冠肺炎 pcr 檢測 急診 收 住院病人 也 需 於 急診 完成 pcr 檢測 全面 監測 非 急病 民眾 暫緩 就診 領 藥 的 慢性病 者 可 提前 線 上 預約 減</t>
  </si>
  <si>
    <t>住院病人 奇 美 醫學 中心 pcr 急診 新冠肺炎</t>
  </si>
  <si>
    <t>新冠肺炎 重創 全球 企業 美 股 道 瓊重 挫 410 點 首季 表現 史上 最慘</t>
  </si>
  <si>
    <t>新冠肺炎 全球 升溫 從 亞洲 歐洲 到 美洲 疫情 蔓延 也 影響 全球 經濟 全球 企業 有 傳出 裁員 甚至 倒閉 訊息 加上 國際 油價 幾乎 崩 盤 美 股 31 日 收盤 重 挫 道 瓊 工業 指數 跌 410 點 美 股 三大 指數 下跌 道 瓊 工業 指數 重 挫 410 32 點</t>
  </si>
  <si>
    <t>新冠肺炎 全球 升溫 從 亞洲 歐洲 到 美洲 疫情 蔓延 也 影響 全球 經濟 全球 企業 有 傳出 裁員 甚至 倒閉 訊息 加上 國際 油價 幾乎 崩 盤 美 股 31 日 收盤 重 挫 道 瓊 工業 指數 跌 410 點 美 股 三大 指數 下跌 道 瓊 工業 指數 重 挫 41032 點 或 184 以 2191716 點 作 收 標準普爾 指數 大 跌 4206 點 或 160 收在 258459 點 科技 股 那 斯 達克 指數 滑落 7405 點 或 095 收 770010 點 值得注意 的 是 道 瓊 工業 指數 和 標準普爾 指數 創下 史 上 最糟 的 第 1 季 表現 跌幅 都 超過 20 道 瓊 指數 季 跌幅 是 1987 年 以來 最 大 標 普 指數 季 跌幅 則 是 2008 年 金融危機 以來 最 大 至於 歐洲 三大 股市 則 受惠 大陸 工廠 活動 加速 復蘇 傳出 利多 面 倫敦 ftse 100 指數 大 漲 20 以 567196 點 作 收 法蘭克福 dax 30 指數 勁揚 12 收在 993585 點巴黎 cac 40 指數 上揚 04 收 439612 點</t>
  </si>
  <si>
    <t>全球 上揚 指數 重 挫 新冠肺炎</t>
  </si>
  <si>
    <t>房業涵 陽明山 主 播 新冠肺炎 臺灣</t>
  </si>
  <si>
    <t>李康生 山中 森林 王子 邱勝翊 謝承均 新冠肺炎</t>
  </si>
  <si>
    <t>新冠肺炎 影響 全球 影視 產業 其中 受 疫情 嚴重 的 國家 如 南韓 與 義大利 等 的 電影票房 更 衝擊 嚴重 為了 避免 虧損 嚴重 電影 公司 紛紛 將 電影 延 檔 迪士尼 今年 首 部 大片 花木蘭 原 定於 美 韓兩國 同步 上映 但因 新冠肺炎 疫情 日</t>
  </si>
  <si>
    <t>新冠肺炎 影響 全球 影視 產業 其中 受 疫情 嚴重 的 國家 如 南韓 與 義大利 等 的 電影票房 更 衝擊 嚴重 為了 避免 虧損 嚴重 電影 公司 紛紛 將 電影 延 檔 迪士尼 今年 首 部 大片 花木蘭 原 定於 美 韓兩國 同步 上映 但因 新冠肺炎 疫情 日 韓 紛紛 延 檔 韓國 方面 映期 未定 而 日本 方面 由 4 月 17 日 上映 延至 5 月 22 日 上映 不過 大陸 目前 未有 延 檔 消息 臺灣 部分 則 如期 於 本月 26 日 上映 想 延 檔 的 不只 電影 公司 還有 粉絲 近日 丹尼爾克雷格 daniel craig 影迷 寫 公開信 要求 電影 公司 將 4 月 上映 的 電影 007 生死 交戰 延 檔 不僅 保住 票房 也 讓 偶像 遠離 新冠 病毒 的 威脅 我們 已經 等 這部 電影 4 年 了 再過 幾 個 月 不 會 損害 影片 的 質素 更 會 幫助 到 丹尼爾 的 最後 一 次 票房 勝仗 外國 粉絲 在 信 中 分析 隨著 007 生死 交戰 在 全球 上映 還有 一個 月 的 時間 該 病毒 的 社區 傳播 在 美國 有 機會 達到 頂峰 華盛頓 已 宣佈 進入 緊急狀態 到 4 月初 戲院 很 可能 會 關門 或者 上座率 會 大大 下降 更 寫道 即使 戲院 開放 沒有 法律 限制 在 007 空降 危機 m 夫人 說 過 你 感覺 有 多 安全 全球 影迷 與其 家人 的 健康 應 更為重要 希望 電影 公司 將 影片 延至 疫情 預期 受 控 的 暑期 再 上映 而 臺灣 方面 電影 仍 如期 於 4 月 8 日 與 觀眾 見面</t>
  </si>
  <si>
    <t>花木蘭 上 007 生死 交戰 丹尼爾克雷格 劉亦菲 新冠肺炎</t>
  </si>
  <si>
    <t>美國 供應商 管理 協會 ism 最新 資料表示 7 月份 製造業 指數 自 上個月 的 526 升至 542 高於 市場 預期 和 前 值 產業 活動 擴張 顯著 此 資料 亦 顯示 美國 製造業 活動 表現 來到 近 一 年 半 來 最高 水準 此 一 消息 激勵 油價 續 漲 超過 1 原油 前 一 周 收 高 wti 原油 7 月 上漲 約 26 而 布蘭特 原油 7 月 漲逾 5 此外 石油輸出國組織 opec 在 7 月初 同意 從 8 月 開始 放寬 產量 限制 從 先前 5 月 起 每日 減產 970萬 桶 改為 自 8 月 起 到 年底 每日 減產 770萬 桶 意味著 即日起 產量 目標 約 增產 150萬 桶 另一方面 截至 8 月 3 日 全球 新冠肺炎 疫情 確診 數 超過 1800萬 例 其中 美國 仍 是 疫情 最 嚴重 國家 確診 超過 466萬 因 opec 放寬 產量 限制 且 新冠肺炎 新增 人數 持續上升 使得 油價 上漲 空間 有限 就 技術 面 觀察 輕 原油期貨 價格 持續 在 月 線 附近 震盪 整理 短 中期 均線 糾結 下檔 季 線 持續 墊 高 可望 成為 支撐 因此 在 價格 帶 量 跌破 40 元 整數 關卡 之前 整體 多方 格局 不 變 短線 建議 中性 偏 多 看待 為 宜 而 投資人 可 透過 期交所 發行 的 布蘭特 原油期貨 參與 原油 行情 以 新 台幣 計價 的 布蘭特 原油期貨 保證金 約 一 口 63000 元 一個 跳動 tick 為 新 台幣 100 元 且 交易 時間 涵蓋 夜 盤 可 完整 涵蓋 歐美 等 國際 主要 原油期貨 市場 交易 時段 滿足 市場 交易 需求 元富 期貨 提供 李娟萍 整理</t>
  </si>
  <si>
    <t>行政院長 蘇貞昌 今 28 日 在 行政院 會 表示 若 至 6 月 7 日前 均 無 新冠肺炎 本土 新增 病例 國內 防疫 規範 措施 將 鬆綁 下 階段 將 陸續 推出 各種 刺激 消費 活絡 商 圈 帶動 國旅 等 振興 措施 及 加速 公共 建設 請 各部 會 合作 預 做 準備 在</t>
  </si>
  <si>
    <t>行政院長 蘇貞昌 今 28 日 在 行政院 會 表示 若 至 6 月 7 日前 均 無 新冠肺炎 本土 新增 病例 國內 防疫 規範 措施 將 鬆綁 下 階段 將 陸續 推出 各種 刺激 消費 活絡 商 圈 帶動 國旅 等 振興 措施 及 加速 公共 建設 請 各部 會 合作 預 做 準備 在後 疫情 時代 爭取 更 好 經濟 成績 蘇貞昌 表示 新冠肺炎 疫情 衝擊 甚 钜 臺灣 疫情 在 超前 部署 眾人 齊力 下 獲得 控制 經濟 所受 衝擊 相對 較 小 2020 年 首季 經濟 成長率 154 穩 居 亞洲 四小 龍 之首 在 世界 各國 中 也 名列前茅 同時 在 發現 金 助 貸款 減 負擔 3 路 並進 下 1 個 月 來 已 合計 紓困 約 950萬 人 蘇貞昌 指出 美國 商業 環境 風險 評估 公司 5 月 公佈 投資 環境 風險 評估 報告 臺灣 投資 環境 穩定 不僅 為 亞洲 第 1 且 居 全球 第 3 僅次於 瑞士 挪威 顯示 臺灣 民主 防疫 成為 世界 典範 國際 對 投資 環境 也 更具 信心 皆 是 未來 臺灣 經濟 發展 的 重要利基 蘇貞昌 表示 國內 已 連續 46 天 無 本土 新增 病例 若 至 6 月 7 日 滿 4 個 潛伏期 無 本土 新增 病例 將 採取 邊境 風險 嚴 管 國內 鬆綁 的 方式 擴大開放 國內 民眾 過 正常 生活 在此之前 請 各部 會 審慎 盤點 相關 鬆綁 工作 並 預先 作業 採取 一致 標準 並 預先 做好 聯繫 蘇貞昌 指出 目前 旅 宿業 預訂 興旺 請 交通部 針對 前置 車輛 遊覽車 鐵路 公路 及 高鐵 車票 等 事前 盤點 若 6 月 7 日 起 開始 有 展演 與 表演 文化部 要 有 預先 售票 等 作法 民間 社團 可能 出遊 有 宮 廟 集會 場所 等 請 內政 部 與 相關 部會 預先 公告 與 安排 蘇貞昌 進一步 指出 面對 第 三 階段 的 振興 將 陸續 宣佈 刺激 消費 活絡 商 圈 帶動 國旅 等 措施 振興 券 原則 要 讓 大家 好 領 好 用 好 刺激 要求 各 部會 腳步 齊一 好好 規 畫說 明 並 聽取 相關 產業 意見 及 互動 做 足 準備</t>
  </si>
  <si>
    <t>行政院 蘇貞昌 新冠肺炎 防疫 鬆綁</t>
  </si>
  <si>
    <t>根據 路透社 報導 即便 這 幾 日新冠肺炎 的 疫情 有 減緩 的 趨勢 全球 對於 新冠 病毒 的 恐懼 仍未 消散 一年一度 的 世界 電信業 界 的 盛事 全球 行動 通訊 大會 今年 預計 於 2 月 24 到 27 日 在 巴塞隆納 舉辦 各 大 廠商 因 擔心 疫情 紛</t>
  </si>
  <si>
    <t>delta cdc 疫苗 新冠肺炎 美國</t>
  </si>
  <si>
    <t>韓聯社 報導 專門 經營 赴 北 韓 旅遊 業務 的 高麗 旅行社 koryo tour 今天 援引 北 韓 內部消息 稱 北 韓 今年 仍 將 舉行 大型 團體操 表演 迎接 8 月 的 光復節 和 10 月 的 建黨 75 周年 紀念日 團體操 表演 最 多 動員 10萬 人 用來 展現 制度 優越性 和 吸引 遊客 北 韓 2013 年 9 月 推出 團體操 阿裡 郎 後 又 於 2018 年 推出 光輝 祖國 去年 推出 人民 的 國家 戰無不勝 的 社會主義 大型 團體操 通常 要 提前 6 個 月 排練 但 北 韓 全力 封 境 限 行 防控 新冠肺炎 疫情 能否 順利 排練 仍 是 未知數</t>
  </si>
  <si>
    <t>熄燈 一 分鐘 江啟臣 新冠肺炎 臺灣</t>
  </si>
  <si>
    <t>受 新冠肺炎 疫情 擴大 影響 亞洲 最 大 的 新加坡 航空展 規模 縮水 部分 參展 代表 與 軍事 迷 還 戴 口罩 觀展 參展 業者 也 提供 軍火 月曆 等 文宣 紀念品 其中 以色列 航 太 公司 贈送 的 口罩 最 搶手 新加坡 航空展 採取 嚴格 的 安全 檢查 措施 確</t>
  </si>
  <si>
    <t>新冠肺炎 新加坡 航空展 紀念品 口罩 搶手</t>
  </si>
  <si>
    <t>大陸 26 日 公佈 新增 11 例 新冠肺炎 確診 病例 均 為 境外 輸入 山東 更 出現 一 名 複 陽 案例 疫苗 施打 情況 方面 據 統計 大陸 過去 一個 月 日均 疫苗 接種 率 約 416萬 劑 次 大陸 衛健 委 預計 今年底 前 有望 達成 全民 8 成 接種 疫苗 的</t>
  </si>
  <si>
    <t>大陸 26 日 公佈 新增 11 例 新冠肺炎 確診 病例 均 為 境外 輸入 山東 更 出現 一 名 複 陽 案例 疫苗 施打 情況 方面 據 統計 大陸 過去 一個 月 日均 疫苗 接種 率 約 416萬 劑 次 大陸 衛健 委 預計 今年底 前 有望 達成 全民 8 成 接種 疫苗 的 群體 免疫 目標 據 瞭解 出現 在 山東省 煙臺市 芝 罘 的 複 陽 治癒 後 又 陽性 個案 王 姓 男子 為 一 名 赴 英國 留學 的 19 歲 男子 曾於 2 月 25 日 自 英國 出發 經 芬蘭 轉機 後 2 月 26 日 抵達 上海 在 隔離 期間 被 診斷 為 確診 病例 治癒 返回 芝罘區 健康 監測 期間 核酸 檢測 均 無 感染 直到 本月 25 日 王男 根據 疫情 防控 規定 接受 覆 查時 核酸 檢測 顯示 為 陽性 目前 該 名 王 姓 患者 的 全部 接觸 者 已 接受 隔離 核酸 檢測 均 無 感染 患者 居住 的 社區 涉及 車輛 和 場所 等 核酸 檢測 同樣 無 感染 大陸 疫情 方面 26 日 公佈 新增 11 例 境外 輸入 病例 分別 為 雲南 3 例 上海 和 四川 各 2 例 江蘇 福建 廣東 和 陝西 各 一 例 無 新 增 疑 似 或 死亡 病例 截至 目前 大陸 累計 90599 人 確診 其中 4636 人 死亡 大陸 疫苗 接種 狀況 方面 據 大陸 國家 衛健 委 官 網 消息 截至 23 日 全 大陸 31 省區市 累計 報告 接種 新冠 病毒 疫苗 近 22億 劑 次 在 過去 一個 月 累計 新增 接種 13億 劑 次 日均 接種 逾 416萬 劑 次 大陸 衛健 委 預計 若 大陸 要 達到 今年 全國 80 人口 接種 疫苗 的 群體 免疫 目標 還 需要 112億 人 接種 新冠 疫苗 目前 距離 該 目標 尚有 9億 人 的 差距 以 按 過去 一個 月 的 日均 接種 速度 估算 還 需 約 7 個 月 時間 有望 在 今年底 前 達標</t>
  </si>
  <si>
    <t>混打 吳昌騰 az 疫苗 新冠肺炎</t>
  </si>
  <si>
    <t>新冠肺炎 臺灣 攤 商 簡訊 實 聯 制 身分 證 字型大小</t>
  </si>
  <si>
    <t>魔術 版 德沃斯 宣佈 拿 出 200萬 美元 來 照顧 nba 魔術 安利 中心 發展 聯盟 球隊 以及 太陽 熊 冰球隊 等 大約 1800 位 因為 新冠肺炎 疫情 影響 而 停 擺 的 員工 德沃斯 表示 團隊 背後 的 員工 都 是 我們 的 家人 我們 很 榮幸 能 在 這 段艱 困 時期 為 那</t>
  </si>
  <si>
    <t>魔術 版 德沃斯 宣佈 拿 出 200萬 美元 來 照顧 nba 魔術 安利 中心 發展 聯盟 球隊 以及 太陽 熊 冰球隊 等 大約 1800 位 因為 新冠肺炎 疫情 影響 而 停 擺 的 員工 德沃斯 表示 團隊 背後 的 員工 都 是 我們 的 家人 我們 很 榮幸 能 在 這 段艱 困 時期 為 那些 受到 布利 影響 的 人 提供 幫助 除了 德沃斯 外 魔術 球員 也 決定 伸出 援手 包含 武 切 維奇 阿隆戈登 富 爾 茲 以撒 奥古斯丁 卡特威廉斯 阿努 米 等 球星 也 提供 各種 金錢 幫助 在 停賽 期間 的 工作人員</t>
  </si>
  <si>
    <t>魔術 nba 新冠肺炎 德沃斯 武 切 維奇</t>
  </si>
  <si>
    <t>新冠肺炎 臺灣 簽約 台積電 鴻 海</t>
  </si>
  <si>
    <t>新冠 疫苗 霧 化 吸入式 大陸 新冠肺炎</t>
  </si>
  <si>
    <t>新冠肺炎 疫情 仍 嚴峻 這些 險種 你 保 了 沒</t>
  </si>
  <si>
    <t>臺灣 本土 新冠肺炎 疫情 持續 嚴峻 截至 6 月 21 日 止 已 累積 有 14005 例 確診 個案 並 有 549 人 不幸 病逝 面對 此次 疫情 來得 又 急 又 快 確實 讓 人 措手不及 先前 民眾 搶 買 防疫 保單 大 爆 單 接續 有 產險 業者 宣佈 停售 商品 都 在</t>
  </si>
  <si>
    <t>臺灣 本土 新冠肺炎 疫情 持續 嚴峻 截至 6 月 21 日 止 已 累積 有 14005 例 確診 個案 並 有 549 人 不幸 病逝 面對 此次 疫情 來得 又 急 又 快 確實 讓 人 措手不及 先前 民眾 搶 買 防疫 保單 大 爆 單 接續 有 產險 業者 宣佈 停售 商品 都 在在 顯示 了 絕大多數 人 面對 疫情 時 感到 焦慮 不安 的 心情 本 周 小 花 平臺 保險 專題 從 個人 保障 面 的 觀點 出發 提出 建議 在 個人 保單 中 有 哪些 險種 能 在 不幸 罹 患 新冠肺炎 時 立即 啟動 理賠 給付 首要 選擇 實支 實 付型 醫療 險 首先 實支 實 付型 醫療 險 是 必不可少 的 小花 平臺 保險 顧問 指出 新冠肺炎 依照 輕 重症 差異 採行 的 治療 方式 各有不同 目前 市面上 的 住院 醫療 險 大致 分為 住院日 額 和 實支 實 付 以及 兼具 兩者 特性 部分 理賠 可 以 二 選 一 的 實支 實 付轉日 額 類型 一般來說 日 額 給付 和 實支 實 付 定義 簡單 明 瞭 日 額 給付 是 指 按照 住院 天數 給付 固定 額度 與 實際 在 醫院 裡 花 了 多少 治療費 用 沒有 關係 而 實支 實 付 則 是 在 醫院 進行 必要 的 自費 治療 項目 時 花 多少 保險 公司 就 依照 比例 限額 給 付 至於 實支 實 付轉日 額 顧名思義 是 指 實支 實 付 沒用到 改用 日 額 理賠 給付 方式 也就是說 當 保戶 住院 後 如果 評估 沒有 太 多 雜費 或是 其它 支出 時 可以 考慮 選擇 以 日 額 給付 方式 改為 領取 依 天數 計算 的 定額 保險金 看 哪個 划算 就 選擇 哪個</t>
  </si>
  <si>
    <t>醫療 險 實支 實 付 日 額 理賠 新冠肺炎 疫情</t>
  </si>
  <si>
    <t>新冠肺炎 疫情 重創 美國 確診 突破 百萬 占 全球 3 分之 1 死亡 人數 跨過 6萬 大關 受到 疫情 波及 百業蕭條 美國 前 5 個 星期 資料 顯示 累計 超過 2640萬 人 因 丟掉 工作 請領 失業 補助 顯見 疫情 對 就業 市場 的 衝擊 嚴峻 由於 疫情 轉 趨</t>
  </si>
  <si>
    <t>新冠肺炎 疫情 重創 美國 確診 突破 百萬 占 全球 3 分之 1 死亡 人數 跨過 6萬 大關 受到 疫情 波及 百業蕭條 美國 前 5 個 星期 資料 顯示 累計 超過 2640萬 人 因 丟掉 工作 請領 失業 補助 顯見 疫情 對 就業 市場 的 衝擊 嚴峻 由於 疫情 轉 趨 和緩 美國 多 個 州 也 開始 漸進重 啟 經濟 請領 失業 救濟金 的 人數 也 逐步 下降 不過 美國勞工部 剛剛 公佈 的 前 周 到 4 月 26 日 為止 當 周 的 初領 失業 救濟金 人數 經 季節性 調整 後 達 380萬 人 數字 雖然 比 4 月 前 3 周 低 但 比 財經 網站 marketwatch 經濟學家 估計 的 350萬 高 這 也 意味 受到 新冠 疫情 波及 美國 過去 1 個 半 月 以來 至少 增加 3020萬 失業 人口 富國銀行 資深 經濟學家 布拉德 表示 儘管 預期 未來 請領 失業 補助 的 會 持續 下降 不過 每週 破 百萬 的 偏 高 資料 仍 可能 持續 一段時間 2 個 月 前 新冠肺炎 疫情 尚未 席捲 美國 每週 平均 新增 失業人數 僅 20 來 萬 寫下 接近 半 世紀 以來 的 新低</t>
  </si>
  <si>
    <t>美國 疫情 就業 市場 新冠肺炎</t>
  </si>
  <si>
    <t>新冠肺炎 臺灣 bnt 血 疹 血小板</t>
  </si>
  <si>
    <t>查理斯 王儲 確診 新冠肺炎 起 底 荒唐 情 史 為 卡 蜜 拉 逼 走 戴安娜</t>
  </si>
  <si>
    <t>新冠肺炎 疫情 肆虐 全球 今日 又 有 重磅 消息 傳出 英國 克萊倫斯 宮 clarence house 證實 現年 71 歲 的 英國 王儲 查理斯 親王 charles philip arthur george 確診 而 妻子 卡 蜜 拉 則 是 逃過一劫 沒有 感染 身 為 英國 王儲 查爾</t>
  </si>
  <si>
    <t>新冠肺炎 疫情 肆虐 全球 今日 又 有 重磅 消息 傳出 英國 克萊倫斯 宮 clarence house 證實 現年 71 歲 的 英國 王儲 查理斯 親王 charles philip arthur george 確診 而 妻子 卡 蜜 拉 則 是 逃過一劫 沒有 感染 身 為 英國 王儲 查理斯 感情世界 一直 是 外界 關注 焦點 而 他 最 有名 的 一 段 情 史 就 是 與 前妻 戴安娜 現任 妻子 卡 蜜 拉 的 三角 戀情 年輕 時期 的 查理斯 曾和 多 位 名 女人 傳出 緋聞 包括 前 英國 駐 西班牙 大 使 之 女 喬治安 娜 羅素 第 八 代 威靈 頓 公爵 之 女 喬治安 娜 羅素 甚至 還有 戴安娜 王妃 莎拉斯賓塞 查理斯 的 花心 更是 連 前妻 都 認證 戴安娜 生前 廚師 曾 出版 過 一 本 回憶錄 書 中 聲稱 戴安娜 認為 不管 自己 還 是 卡 蜜 拉 都 是 被 查理斯 利用 的 女兒 罷了 她 甚至 認為 前夫 從沒 對 感情 專一 過 總是 在 四處 獵 豔 他 天性 如此 也 無法控制 其實 查理斯 的 現任 妻子 卡蜜 拉 一直 以來 都 被 視為 毀掉 查理斯 戴安娜 婚姻 的 罪魁禍首 即便 兩 人 結婚 逾 15 年 卡 蜜 拉 仍 不受 英國 人民 歡迎 她 在 1971 年 邂逅 了 查理斯 王子 不過 這 段 身分 地位 懸殊 的 愛情 一直 被 英國女王 伊莉莎白 二 世 反對 後來 卡 蜜 拉 1973 年 改嫁 他人 查理斯 也 在 1981 年 娶 了 戴安娜 只是 查理斯 卡 蜜 拉 婚後 仍舊 藕斷絲連 即便 在 與 戴安娜 的 婚禮 上 查理斯 還是 找尋 著 卡 蜜 拉 的 身影 讓 戴安娜 事後 回想 婚禮 當天 心碎 表示 這 是 她 人生 最慘 的 一 天 她 永遠 忘不了 卡 蜜 拉 在 她 婚禮 的 模樣 我 的 婚姻 裡 有 3 個人 是 有點 太 擠 了 在 婚姻 中 飽受 折磨 的 戴安娜 終於 在 1996 年 與 查理斯 正式 宣佈 離婚 結束 15 年 婚姻 之後 卡 蜜 拉 也 終於 守 得 雲 開 見 月 明 在 2005 年 扶 正 嫁 給 查理斯 王子 成為 英國史 上 最 不受 歡迎 的 王室 成員 康 沃爾 公爵夫人 殿下</t>
  </si>
  <si>
    <t>歐洲 最高 水準 的 西甲 足球聯賽 因為 新冠 疫情 已 先 停賽 兩 輪 但 真正 複賽 的 時間 遙遙無期 尤其 是 西甲 蝙蝠 軍團 瓦倫西亞 今天 宣佈 該隊 的 球員 與 隊 職員 共有 35 驗 出新冠肺炎 陽性反應 堪稱 全世界 目前 受 疫情 衝擊 最深 的 運</t>
  </si>
  <si>
    <t>瓦倫西亞 西甲 聯賽 新冠肺炎 新冠 疫情 亞特蘭大</t>
  </si>
  <si>
    <t>新冠肺炎 爆發 後 蔡 政府 在 防疫 之際 透過 仇恨 語言 歧視 手段 順勢 打 了 一 場 抗 中保 台 之 戰 藉 機 強化 反 中 牌 的 正當性 只是 疫情 過後 當 各國 逐漸 從 相互指責 的 激情 回歸 至 理性 常軌 眼前 這 場 大內 宣 的 反 中 聖 戰</t>
  </si>
  <si>
    <t>據 英格蘭 公共 衛生 署 public health england 估計 接種 兩劑 阿斯特 捷利康 astrazeneca 新冠 疫苗 阻止 出現 症狀 的 效力 可 達 90 不過 它 也 提醒 目前 還 沒有 足夠 的 資料 顯示 這 就 是 決定性 定論 據 路透 和 每日 郵報 daily mail 21 日 報導 疫苗 大臣 紮哈威 nadhim zahawi 說 要 擊敗 新冠 病毒 再 也 沒有 比 疫苗 更 好 的 武器 他 並 強調 第二 劑 疫苗 對 確保 有 最 強 的 保護 力 並 使 生活 恢復正常 來說 很 重要 此外 獨立 專家 也 讚揚 研究 結果 說 阿斯特 捷利康 是 全球 對抗 新冠肺炎 大 流行 的 關鍵 武器 而 就 在 公佈 相關 結果 的 同一天 英國 醫療 監管 機關 同意 讓 美國 輝瑞 pfizer 疫苗 在 施打前 能 在 正常 冷凍 狀態 下 保存 31 天 而 不必 像 原本 要求 的 要 在 極 冷 的 狀態 下 保存 並 必須 在 解凍 後 5 天內 使用 雖然 在 新冠肺炎 疫情 衝擊 下 英國 是 全球 死亡 病例 最 多 的 國家 之一 但 也 是 最 快 接種 疫苗 的 國家 之一 獲得 了 許多 有關 接種 疫苗 的 資料</t>
  </si>
  <si>
    <t>新冠肺炎 疫苗 全球 az 阿斯特 捷利康</t>
  </si>
  <si>
    <t>新冠肺炎 臺灣 護理 師 醫院 能夠</t>
  </si>
  <si>
    <t>同機 者 染 新冠肺炎 飛機 遭 遣返 旅行 不便 險 賠 不 賠</t>
  </si>
  <si>
    <t>和 鑽石 公主 號 新冠肺炎 複 呈 陽性 病例 同機 臺灣 團 赴 以色列 遭 遣返 產險 業者 表示 若 遇到 上述 旅行 不順遂 情事 投保 旅行 不便 險 賠 不 賠 因 各 產險 保單 契約 規定 不一 然 多半 都 無法 獲得 理賠 補償 但 仍 可 以 跟 保險 公司 申請 退回</t>
  </si>
  <si>
    <t>新冠肺炎 疫情 持續 半 年 各國 的 口罩 產能 提升 也 導致 進口量 增加 根據 食 藥 署 統計 今年 光是 上半年 進口 的 醫用 口罩 就 比 去年 全年 多 出 約 700萬 片 隨 著 口罩 政策 開放 越來越 多 民眾 購買 進口 口罩 食 藥 署 決定 7 月 7 日 起 將 醫</t>
  </si>
  <si>
    <t>新冠肺炎 疫情 持續 半 年 各國 的 口罩 產能 提升 也 導致 進口量 增加 根據 食 藥 署 統計 今年 光是 上半年 進口 的 醫用 口罩 就 比 去年 全年 多 出 約 700萬 片 隨 著 口罩 政策 開放 越來越 多 民眾 購買 進口 口罩 食 藥 署 決定 7 月 7 日 起 將 醫用 口罩 納入 邊境 查驗 的 專案 進入 臺灣 時都 需要 抽查 合格 才能 通關 食 藥 署 醫妝 組 研究員 王兆 儀錶 示 隨 著 新冠 疫情 持續 升溫 各國 大量 業者 投入 醫用 口罩 生產 全球 醫用 口罩 產能 大 增 根據 統計 醫用 口罩 今年 上半年 進口量 已 突破 5400萬 片 已 超過 去年 全年 的 進口量 4700萬 片 目前 進口 臺灣 的 口罩 以 大陸 居多 占近 7 成 其次 是 菲律賓 15 及 義大利 57 隨 著 口罩 政策 開放 民眾 所 使用 的 口罩 已經 不 只 是 臺灣 制 的 實 名 制 口罩 過去 進口 醫用 口罩 只 需 檢 附 報告 並 在 每 23 年 做 一 次 後 市場 抽查 為 加強 管控 食 藥 署 近期 修訂 輸入 藥物 邊境 抽查 檢驗 辦法 將 醫用 口罩 正式 納入 邊境 抽查 檢驗 王 兆 儀錶 示 輸入 醫用 口罩 除 須有 醫療 器材 許可證 外 尚須 符合 抽查 檢驗 規定 依 一般 醫用 口罩 外科手術 口罩 外科手術 d 2 防塵 口罩 不同 口罩 類別 進行 細菌 過濾 效率 壓 差 次 微米 過濾 效率 呼吸 氣 阻抗 等 對應 檢驗 項目 此外 同 報 驗 義務 人 品目 廠 牌 產地 之 醫用 口罩 進口 的 前 3 批 須逐 批 檢驗 皆 合格 後 采 每 10 批 隨機 抽 一 批 的 抽 批 檢驗 如 抽 批 檢驗 有 不合格者 會 回 到 加強 管理 的 逐 批 檢驗 經 檢驗 合格 產品 才能 通關 否則 就要 全數 退 運 7 月 7 日 起 上路</t>
  </si>
  <si>
    <t>口罩 檢驗 抽查 新冠肺炎 邊境</t>
  </si>
  <si>
    <t>牛津大學 新冠 疫苗 新冠肺炎 70 保護 力</t>
  </si>
  <si>
    <t>受累 新冠肺炎 確診 病例 攀升 打擊 引發 市場 對 經濟 前景 擔憂 抵消 減產 及 油品 庫存 下滑 的 利多消息 致 國際 油價 區間 向 下 整理 而 依據 國內 浮動 油價 調整機制 經 考量 亞 鄰 最低價 條件 後 預估 下 周 汽油 柴油 不 調整 下 周 油價 仍</t>
  </si>
  <si>
    <t>受累 新冠肺炎 確診 病例 攀升 打擊 引發 市場 對 經濟 前景 擔憂 抵消 減產 及 油品 庫存 下滑 的 利多消息 致 國際 油價 區間 向 下 整理 而 依據 國內 浮動 油價 調整機制 經 考量 亞 鄰 最低價 條件 後 預估 下 周 汽油 柴油 不 調整 下 周 油價 仍 維持 92 無 鉛 汽油 每 公升 222 元 95 無 鉛 汽油 237 元 98 無 鉛 汽油 257 元 超級 柴油 為 每 公升 196 元 實際 調幅 待 中油 台塑 石化 本 周日 9 27 公佈 為 准 商品 行情網</t>
  </si>
  <si>
    <t>國際 油價 無 鉛 汽油 汽油 下 周 新冠肺炎 確診</t>
  </si>
  <si>
    <t>聯合國 秘書長 古特雷斯 9 日 警告 新冠肺炎 疫情 過 後 的 經濟衰退 可能 觸發 全球 50 年 來 最 嚴重 的 糧食 危機 對過 百萬 名 兒童 及 成年人 造成 長遠 影響 促請 各國 政府 迅速行動 以 阻止 災難 古特雷斯 表示 雖然 主要 農作物 收成 狀況</t>
  </si>
  <si>
    <t>聯合國 秘書長 古特雷斯 9 日 警告 新冠肺炎 疫情 過 後 的 經濟衰退 可能 觸發 全球 50 年 來 最 嚴重 的 糧食 危機 對過 百萬 名 兒童 及 成年人 造成 長遠 影響 促請 各國 政府 迅速行動 以 阻止 災難 古特雷斯 表示 雖然 主要 農作物 收成 狀況良好 各方 亦 致力 避免 出口 禁令 及 貿易 保護主義 行為 但 民眾 尚未 真正 感受 到 新冠肺炎 及 經濟衰退 帶來 最 嚴重 的 影響 他 表示 就算 在 糧食 充裕 的 國家 我們 也 會 發現 食物 供應 鏈 有 被 擾亂 的 風險 據 報 受到 新冠肺炎 影響 今年 約 有 5000萬 人 面臨 陷入 赤貧 但 長期 影響 更為嚴重 例如 兒童 可能 因 營養不良 而 終 身受 害 古特雷斯 提出 一 項 三 點 計畫 以 修復 全球 糧食 系統 並 避免 進一步 破壞 內容 包括 在 受災 最 嚴重 的 地區 提供援助 各國 政府 優先 考慮 保護 糧食供應 鏈 加強 社會 保護 讓 兒童 和 孕婦 獲得 足夠 營養 等 據 聯合國 當天 發佈 的 報告 目前 全球 農作物 的產量 及 供應 良好 但 很多 農民 無法 工作 而且 在 封鎖 令 下 收割 及 運送 進度 都 被迫 減慢 糧食價格 因此 上漲 導致 部分 地區 的 人民 買不起 糧食</t>
  </si>
  <si>
    <t>新冠肺炎 高雄 韓國 瑜 葉匡時 黃捷</t>
  </si>
  <si>
    <t>臺灣 輸出 新冠肺炎 確診</t>
  </si>
  <si>
    <t>駐外 館 首例 我 駐 法 代表處 淪陷 一 職員 確診 新冠肺炎</t>
  </si>
  <si>
    <t>新冠肺炎 肆虐 全球 歐洲多 個 國家 淪為 重災區 我 駐 法國 代表處 一 位 職員 日前 確診 為 新冠肺炎 該 名 確診 職員 在 同 辦公室 的 同仁 即刻 進行 居家 隔離 14 天 據 瞭解 這 是 我國 在 全球 駐外 館 處 出現 的 第一 位 確診 患者 上月 底</t>
  </si>
  <si>
    <t>新冠肺炎 肆虐 全球 歐洲多 個 國家 淪為 重災區 我 駐 法國 代表處 一 位 職員 日前 確診 為 新冠肺炎 該 名 確診 職員 在 同 辦公室 的 同仁 即刻 進行 居家 隔離 14 天 據 瞭解 這 是 我國 在 全球 駐外 館 處 出現 的 第一 位 確診 患者 上月 底 駐 洛杉磯 臺北 經濟 文化 辦事處 因為 同 棟 大樓 傳出 確診 病例 改為 異地 辦公 外交部 證實 駐法 國 代表處 一 位 職員 因 出現 若干 症狀 憑 醫囑 於 4 月 23 日 接受 采 檢 進行 居家 隔離 之後 於 4 月 27 日 確診 為 新冠肺炎 目前 該 職員 持續 居家 隔離 但 已 無 任何 症狀 後續 須 經 當地 醫生 依據 規定 專業 判 斷後 才能 返 處 上班 駐法 國 代表處 已 即 依據 外交部 前 擬定 的 緊急 應變計 畫 進行 相關 因應 措施 包括 與 該 名 確診 職員 在 同 辦公室 的 同仁 即刻 進行 居家 隔離 14 天 該處 並 已 全面 消毒 辦公室 及 公共 區域 等 外交部 指出 駐法 國 代表處 自 3 月 下旬 起實施 遠 距 工作 及 分組 分流 上班 持續 正常 運作 提供 當地 台僑 服務 及 協助 由於 法國 疫情 持續 蔓延 若 駐法 國 代表處 近日 再有 確診 案例 發生 為 維護 駐外 同仁 健康 及 防疫 需求 外交部 屆時 將 酌情 暫時 關閉 該處 領 務 櫃檯 並 隨時 對 外公 佈 相關 發展</t>
  </si>
  <si>
    <t>羅琳 哈利波特 新冠肺炎 新冠 病毒 臺灣</t>
  </si>
  <si>
    <t>全球 受 新冠肺炎 籠罩 世界 各國 都 在 拼 疫苗 覆蓋 一 名 現 居 臺灣 的 烏克蘭 正 妹 tanya 表示 自己 因為 害怕 打 疫苗 會 產生 不良反應 所以 一直 都 沒有 接種 直 到 臺灣 開放 在 台 外國人 施打 後 她 才打 了 第一 劑 疫苗 雖然 打 疫苗 的 副 作</t>
  </si>
  <si>
    <t>全球 受 新冠肺炎 籠罩 世界 各國 都 在 拼 疫苗 覆蓋 一 名 現 居 臺灣 的 烏克蘭 正 妹 tanya 表示 自己 因為 害怕 打 疫苗 會 產生 不良反應 所以 一直 都 沒有 接種 直 到 臺灣 開放 在 台 外國人 施打 後 她 才打 了 第一 劑 疫苗 雖然 打 疫苗 的 副作用 讓 她 非常 後悔 但 她 仍 感謝 臺灣 讓 她 有 機會 打 疫苗 youtube 頻道 不要 鬧 工作室 昨 5 日 上傳 最新 影片 中 來自 烏克蘭 的 正 妹 tanya 指出 烏克蘭 的 新冠 疫苗 接種 率 很 低 逾 25 的 烏克蘭人 到 現在 都還沒 打過 任一 劑 疫苗 因為 烏克蘭 流傳 打 疫苗 會 導致 不孕 甚至 是 讓 政府 有 機會 植入 晶 片 到 他們 體內 tanya 說 自己 害怕 接種 後 產生 的 副作用 所以 從未 想 過 要 打 疫苗 且 一 開始 臺灣 疫苗 量 不足 所以 她 並 不 擔心 這個 問題 但 臺灣 開始 獲得 更 多 疫苗 時 更 大方 地 讓 在 台 外國人 也 能 接種 她 反 覆 思考 好幾 個 禮拜 後決定 相信 臺灣政府 一 次 因為 臺灣 防疫 成功 讓 大家 都 很 安全 tanya 表示 她 打 了 一 劑 疫苗 幾 個 小時 後 開始 感到 暈 眩 肌肉 酸痛 及 發燒 本來 以為 吃 止痛藥 可以 緩解 不適 但 卻 起 不了 任何 作用 她 連續 燒 了 兩 天 又 感受 到 不明 電流 通過 她 的 指尖 從 那 刻起 我 後悔 打 疫苗 了 她 去 了 醫院 檢查 醫師 替 她 抽血 確定 沒有 血栓 並 開 藥 給 她 服用 並 建議 她 還是 要 打 第二 劑 tanya 忍 不落 淚 說 其實 自己 並 不喜歡 去 醫院 若要 去 醫院 還要 臺灣 的 朋友 陪同 再 加上 自己 沒有 健 保 就 必須 自費 看 診 雖然 現在 還 不 確定 自己 是否 要 打 第二 劑 但 她 仍 感謝 臺灣 讓 她 有 機會 打 疫苗 因為 自己 並 沒有 做 任何 事 就 得到 免費 的 疫苗 謝謝 臺灣 讓 我們 在 這 段 時間 安全 的 過日子</t>
  </si>
  <si>
    <t>疫苗 新冠 疫苗 臺灣 烏克蘭 新冠肺炎</t>
  </si>
  <si>
    <t>新冠肺炎 az 疫苗 85 歲 以上 長輩 接種 第 3 天 台南 南化 區公所 派 專車 至 關山 玉 山裡 接送 4 位 長輩 至 北安 宮前 接種 站 施打 疫苗 來回 車程 就 要 一個 半 小時 今日 北安 宮 注射 站 共有 北 寮 玉山 關山裡 40 人 完成 施打 南化 區長 徐全立 表</t>
  </si>
  <si>
    <t>新冠肺炎 az 疫苗 85 歲 以上 長輩 接種 第 3 天 台南 南化 區公所 派 專車 至 關山 玉 山裡 接送 4 位 長輩 至 北安 宮前 接種 站 施打 疫苗 來回 車程 就 要 一個 半 小時 今日 北安 宮 注射 站 共有 北 寮 玉山 關山裡 40 人 完成 施打 南化 區長 徐全立 表示 關山裡 有 10 幾 位 85 歲 以上 長輩 超過 一半 以上 大多 籍在人 不在 原先 調查 有 6 位 願意 施 打的 長輩 因 交通不便 只 有 1 位 有 家 人 願意 接送 出來 打針 另 一 位 臥病在床 無法 坐輪椅 因此 變 無 意願 施打 剩下 4 位元 全部 同意 統一 由 日照 專車 載出來 今日 日照 專車 7 45 由 南化 公所 出發 至 關山裡 接 長輩 原訂 4 人 要來 施 打的 長輩 其中 一 位 臨時 變卦 不 願意 出來 最後 只 接送 關山裡 3 位 及 玉 山裡 1 位 長輩 出來 接種 疫苗 徐全立 表示 後續 如果 開放 75 歲 以上 長輩 接種 公所 也 會 調查 關山裡 長輩 若 人數 增加 非 一 車次 可以 處理 的話考慮 直接 安排 至 關山瑞 峰 國小 在 地 施打 以及 是否 順便 針對 無法 下 床 民眾 入 宅 施 打的 評估 做 最好 的 貼心 安排</t>
  </si>
  <si>
    <t>新冠肺炎 臺灣 關山 長輩 施打</t>
  </si>
  <si>
    <t>馬來西亞 一 名 70 多 歲 長者 日前 因 接觸 過 新冠 確診 者 加上 身體 不適 一共 進行 了 2 次 pcr 核酸 檢測 1 次 抗原 快 篩 3 次 病毒檢測 結果 都 呈現 陰性 不料 卻 突然 昏迷 暴 斃 醫生 解剖 後 證實 死因 為 新冠肺炎 指出 長者 的 肺部 受損 嚴重</t>
  </si>
  <si>
    <t>新冠肺炎 全球 變種 新冠 馬來西亞 陰性 病毒檢測</t>
  </si>
  <si>
    <t>大陸 首 款 新冠肺炎 疫苗 專利 誕生</t>
  </si>
  <si>
    <t>大陸 新冠肺炎 疫苗 研發 再有 進展 大陸 軍事科學院 軍事醫學 研究院 團隊 與 藥廠 康 希諾 聯合 研發 名 為 ad 5 -ncov 的 新冠肺炎 疫苗 已 被 官方 授予 專利權 同時 這 也 是 大陸 第 1 個 獲得 專利 的 新冠肺炎 疫苗 第一 財經 報導 大陸 國家 知</t>
  </si>
  <si>
    <t>大陸 新冠肺炎 疫苗 研發 再有 進展 大陸 軍事科學院 軍事醫學 研究院 團隊 與 藥廠 康 希諾 聯合 研發 名 為 ad 5 -ncov 的 新冠肺炎 疫苗 已 被 官方 授予 專利權 同時 這 也 是 大陸 第 1 個 獲得 專利 的 新冠肺炎 疫苗 第一 財經 報導 大陸 國家智慧財產權局 公告 由 軍事科學院 軍事醫學 研究院 成員 陳薇 率領 的 團隊 與 康 希諾 生物 在 3 月 18 日 聯合 申請 的 ad 5 -ncov 疫苗 專利 已 在 8 月 11 日 被 授予 專利權</t>
  </si>
  <si>
    <t>聯合 新冠肺炎 疫苗 專利 大陸 軍事科學院</t>
  </si>
  <si>
    <t>趙 少康 歧視 蔡英文 蘇貞昌 新冠肺炎</t>
  </si>
  <si>
    <t>國際 油價 崩 盤 新冠肺炎 疫情 蔓延 這 兩 只 黑 天鵝 同時 出現 造成 美 股利 空 壓境 道 瓊 指數 今天 暴跌 2013 點 史上 首度 單日 暴跌 逾 2000 點 3 大 指數 跌幅 也 都 超過 7 創 2008 年 全球 金融 海嘯 爆發 以來 最糟 表現 延續 11 年 的 牛市 瀕</t>
  </si>
  <si>
    <t>國際 油價 崩 盤 新冠肺炎 疫情 蔓延 這 兩 只 黑 天鵝 同時 出現 造成 美 股利 空 壓境 道 瓊 指數 今天 暴跌 2013 點 史上 首度 單日 暴跌 逾 2000 點 3 大 指數 跌幅 也 都 超過 7 創 2008 年 全球 金融 海嘯 爆發 以來 最糟 表現 延續 11 年 的 牛市 瀕臨 終結 全球 金融市場 腥風血雨 除 疫情 影響 之外 主要 也 因 石油輸出 國家組織 opec 上周 未 能 與 以 俄羅斯 為首 的 夥伴 達成 減產 共識 沙烏地 阿拉伯 隨後 放棄 支撐 油 市 閃電 宣佈 多數 外銷 油品 大 降價 並 揚言 增產 導致 國際 油價 今天 狂跌 24 創 1991 年 波灣戰爭 爆發 以來 最慘 單日 跌勢 國際 油價 暴瀉 所 帶來 的 連鎖反應 是 導致 世界各地 股市 連環 崩 盤 加上 全球 疫情 愈來愈 嚴峻 又 一 場 金融風暴 正 在 集結 又 一 次 經濟 危機 已 在 門外 徘徊 兩 只 黑 天鵝 一起 出現 我們 真的 開始 要 擔心 經濟 大 蕭條 將 會 乍 現 眼前</t>
  </si>
  <si>
    <t>新冠肺炎 疫情 肆虐 全球 何時 能 施打 疫苗 成為 全民 關注 議題 藝人 阿緯 五月 初 自費 申請 施打 第一 劑 az 疫苗 近來 更 成功 施 打完 第二 劑 對此 他 坦言 相當 感謝 醫護人員 的 付出 才能 有效率 施打 疫苗 阿緯 五月 初 和 太太 以 保護 自</t>
  </si>
  <si>
    <t>阿緯 az 疫苗 新冠肺炎 發燒</t>
  </si>
  <si>
    <t>3 11 陳時中 新冠肺炎 破 口</t>
  </si>
  <si>
    <t>新聞 透視 新冠肺炎 來勢洶洶 執著 無 社區 傳播 鴕鳥 心態 作祟</t>
  </si>
  <si>
    <t>新冠肺炎 高雄 市政府 韓國 瑜 防疫 高雄</t>
  </si>
  <si>
    <t>大陸 湖北省 武漢市 因 新冠肺炎 而 封城 歷經 76 天 後 終於 在 今 8 日 0 時 正式 解封 武昌 火車站 緩緩 開出 載客 列車 於 0 時 50 分載 442 名 乘客 10 個 多 小時 後 將 抵達 廣州 預計 今日 將 有 5萬5千 人 搭乘 火車 離開 武漢 省委書記 省 新</t>
  </si>
  <si>
    <t>大陸 湖北省 武漢市 因 新冠肺炎 而 封城 歷經 76 天 後 終於 在 今 8 日 0 時 正式 解封 武昌 火車站 緩緩 開出 載客 列車 於 0 時 50 分載 442 名 乘客 10 個 多 小時 後 將 抵達 廣州 預計 今日 將 有 5萬5千 人 搭乘 火車 離開 武漢 省委書記 省 新冠肺炎 疫情 防控 指揮部 指揮長 應勇 7 日 主持 召開 省 防控 指揮部 會議 指出 要 始終 把 人民 群眾 生命安全 和 身體健康 放在 第一 位 保持 突發 公共 衛生事件 一級 應急 回應 不 變 交通 管控 解除 不 等於 防控 措施 解除 打開 城門 不 等於 打開 家門 中共中央 機關報 人民日報 客戶 端 昨 特別 以 鬥 大 的 圖 配 標語 提醒 武漢 就要 解 封 風險 仍 存在 民眾 不應 放鬆 大陸 國家 衛健 委 週二 7 日 上午 公佈 大陸 過去 一 日新 確 新冠肺炎 確診 病例 共 32 宗 全部 為 境外 輸入 全日 無 新 增 死亡 病例 應勇 強調 控管 社區 和 重點 人群 防控 外防 輸出 嚴防 輸入 要 繼續 強化 社區管控 加快 形成 以 物業 志願者 網格 員 為 主體 的 常態 化 防控 隊伍 嚴格執行 人員 進出 社區 身份 必 問 資訊 必 錄 體溫 必 測 口罩 必 戴 守 牢 社區 第一 道 防線 繼續 做 好 群眾 生活 必需品 保供 穩 價 工作 要 嚴格 管 控 公共場所 實施 限制 開放 清單 管理 要 進一步 加強 重點 人群 流 調和 防控 對 治癒 出院 患者 實行 隔離 觀察 複診 複 檢 跟蹤 隨訪 等 全 流程 健康 管理 對 複 陽 病人 加強 跟蹤 管理 和 醫療 救治 開展 無 症狀 感染者 的 監測 預警 篩查 甄別 隔離 管理 醫療 救治 對 其 密切接觸 者 實施 相關 醫學 管理 切實 阻斷 傳播 途徑 要 對 重點 人群 和 特殊 場所 人員 全部 進行 流 調和 核酸 檢測 應勇 也 強調 解除 通道 管控 後 仍要 宣 導 非必要 不 外出 同時 嚴格 健康 碼 管理 實行 人員 憑 健康 碼 綠 碼 安全 有序 流動 要 繼續加強 發熱 門診 管 控 強化 閉環 管理 要 加強 與 外省 區 市 聯防 聯控 精准 對接 第一 入境 口岸 所在地 隔離 結束 後 來 鄂 人員 資訊 確保 納入 社區 管控 綜合 陸媒 報導 乘客 需 遲 證明 健康 的 綠 碼 確認 身分 測量體溫 才能 搭乘 火車 負責人 表示 預計 武漢 今日 共有 276 班 列車 將 開 往 上海 深圳 成都 福州 南寧 等 地 武漢 解封 引起 大陸 多 間 媒體 現場報導 央 視 更以 好久不見 為題 在 公路 機場 等 處 利用 5 g ai 無 人 車 等 設備 進行 全天候 直播 武漢 各地 霓紅燈 亮起 雖是 深夜 但 卻 活力 滿滿 大陸 網友 也 紛紛表示 早上好 啊 武漢 武漢 回來 了 好 激動 啊 歡迎 回來 武漢 加油 全國 人民 都 期待 這 一刻 的 到來 武漢 終於 蘇醒 了</t>
  </si>
  <si>
    <t>強森 ktv 愷 樂 川普 新冠肺炎</t>
  </si>
  <si>
    <t>新冠肺炎 臺灣 嘉義 全聯 足跡</t>
  </si>
  <si>
    <t>長 水泡 成 新冠肺炎 新 症狀 張上淳 證實 國內 有 類似 情況</t>
  </si>
  <si>
    <t>大陸 外交部 副 部長 羅照輝 今 表示 截至 目前 境外 輸入 確診 個案 中 有 90 持 中國 護照 其中 40 為 中國 留學生 他 強調 防止 輸入 病例 為 當前 主要 任務 希望 留學生 和 家長 認真 權衡利弊 才 作出 正確 選擇 針對 新冠 病毒 源頭 他 指出 病毒 源頭 是 科學 問題 需 聽取 專業 科學 意見 強調 中方 採取 最 全面 最 嚴格 措施 應對 疫情 羅 照 輝 指出 中國 至今 已 派出 7 批 醫療 專家組 赴 伊朗 伊拉克 義 大利 塞爾維亞 和 柬埔寨 參與 新冠肺炎 疫情 救援 工作 並 對 83 個 國家 及 世衛 非盟 等 國際 組織 提供 緊急 援助 包括 檢測 試劑 口罩 等 醫療 物資 對於 中方 如何 確定 抗 疫 援助 方案 國家 國際 發展 合作 署 副 署長 鄧波 清 說 主要 考慮 幾 個 因素 包括 當地 疫情 嚴重 程度 醫療衛生 條件 醫療 物資 缺乏 程度 有關 國家 向 中方 提出 的 具體 要求 和 需要 中方 在 充分 保障 國內 抗 疫 需要 的 前提 下 盡力 妥善 制定 援助 方案 包括 物資 品種 數量 雙方 職責 分工 等 他 稱 對於 曾 支持 和 幫助 大陸 抗擊 疫情 的 友好 國家 及 地區 中方 時刻 銘記在心 一定 會 及時 回報</t>
  </si>
  <si>
    <t>新冠肺炎 狗貓 會 傳染 引 恐慌 高 市農業局 病源 污染 非 感染</t>
  </si>
  <si>
    <t>新冠肺炎 在 世界各地 肆虐 疫情 仍 非常 嚴峻 日前 香港 因 傳出 由 新冠肺炎 確診 患者 家中 寵物 犬 口 鼻 檢驗 出新冠肺炎 弱 陽性反應 消息 隨即 引發 社會 大眾 與 犬 貓 飼 主 恐慌 行政院 農委會 與 高雄 市政府 農業局 共同 呼籲 目前 並 沒有</t>
  </si>
  <si>
    <t>新冠肺炎 臺灣 求助 護理 師 空氣</t>
  </si>
  <si>
    <t>新冠肺炎 疫情 持續 延 燒 法務部 制訂 法醫 相 驗 解剖 通報 sop 以 降低 風險 桃園 市 一 名 年 約 30 多 歲 的 男子 上周 六 在工作中 突然 昏倒 緊急 送醫 仍 宣告 不治 檢 警 調查 發現 他 生前 連續 發燒 多 日 不敢 大意 高 規格 由 法醫 採取 檢</t>
  </si>
  <si>
    <t>新冠肺炎 疫情 持續 延 燒 法務部 制訂 法醫 相 驗 解剖 通報 sop 以 降低 風險 桃園 市 一 名 年 約 30 多 歲 的 男子 上周 六 在工作中 突然 昏倒 緊急 送醫 仍 宣告 不治 檢 警 調查 發現 他 生前 連續 發燒 多 日 不敢 大意 高 規格 由 法醫 採取 檢 體 送往 法醫 研究所 等待 化驗 結果 出爐 臺北 醫師 女子 猝死 遭 疑 染 新冠肺炎 所幸 最後 都 排除 法務部 因此 制訂 法醫 相 驗 解剖 通報 sop 以 降低 風險 並 兼顧 家屬 權益 桃園 一 名 30 餘 歲 男子 上周 六 在工作中 昏倒 檢 警 詢問 家屬 發現 他 高燒 多 日 雖然 並非 疾病 管制 署 通報 或是 需 居家 檢疫 隔離 的 案例 但 仍 不敢 大意 立即 啟動 防疫 流程 桃檢 指出 授權 第一線 法醫 跟 檢察官 針對 有 疑慮 的 案例 採取 先 檢驗 後 相 驗 方式 據 瞭解 該案 已 由 法醫 採取 咽喉 等 部位 的 檢 體 征得 家屬 同意 後 將 遺體 暫時 冰存 靜候 化驗 結果 出爐 檢 警 指出 若 化驗 結果為 陽性 即 通報 衛生 單位 後續 處 辦 針對 個案 接觸 史 疫 調 采 驗 若 確認 是 陰性 無 感染 就 按照 原程式 完成 相 驗 厘 清 確切 死因</t>
  </si>
  <si>
    <t>幼稚園 群 聚 松 山國 中 爺爺 新冠肺炎 臺灣</t>
  </si>
  <si>
    <t>板橋 幼稚園 爆發 群 聚 感染 delta 因應 疫情 升溫 新北 市 教育 局 今晚 表示 依 教育部 規定 新北 公立 幼稚園 9 日 起 停辦 跨 班級 課後 留 園 至 9 月底 請 學校 盡 速 通知 家長 並 妥善 溝通 教育局 指出 鼓勵 家長 課後 時段 將 幼兒 接回 自行 照顧 如 家長 因故 無法 提前 接回 請 園 方 安排 人力 協助 家長 提供 基本 照顧 惟 仍 遵循 不 跨 班 原則 降低 各 班間 交互 感染 之 風險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老闆娘 小吃店 小姑娘 確診 新冠肺炎</t>
  </si>
  <si>
    <t>新冠肺炎 az 疫苗 陳時中 臺灣 陳以信</t>
  </si>
  <si>
    <t>新冠肺炎 擴散 7 旬 老婦 惜 緣 不和 老伴 離婚</t>
  </si>
  <si>
    <t>海軍 敦睦 艦隊 訪問 帛 琉 後 已 有 29 名 官兵 感染 新冠肺炎 外界 質疑 是否 有 機密 任務 根據 國防部 今天 公佈 活動 資料 艦隊 一度 進入 南海 靠近 新加坡 東方 海域 附近 專家 認為 艦隊 只有 經過 印尼 新加坡 但 卻 未 停靠 很 有 可</t>
  </si>
  <si>
    <t>海軍 敦睦 艦隊 訪問 帛 琉 後 已 有 29 名 官兵 感染 新冠肺炎 外界 質疑 是否 有 機密 任務 根據 國防部 今天 公佈 活動 資料 艦隊 一度 進入 南海 靠近 新加坡 東方 海域 附近 專家 認為 艦隊 只有 經過 印尼 新加坡 但 卻 未 停靠 很 有 可能 是 為了 開拓 新 航道 亞太 防務 雜誌 總編 鄭繼文 接受 三 立 新聞 台 專訪 時 指出 第 23 天 我 敦睦 艦隊 經過 印尼 新加坡 但因 疫情 關係 並未 停靠 他 分析 說 很 有 可能 是 為了 美國 的 印 太 戰略 佈局 開拓 新 航道 根據 國防部 今天 公佈 的 敦睦 艦隊 安全 回報 資料 艦隊 自 3 月 15 日 離開 帛 琉 後 改 為 向 西南方 繞 過 菲律賓 南方 西裡伯斯海 celebes sea 蘇祿海 進入 南海 3 月 27 日 航 經 新加坡 以東 婆 羅洲 以西 海域 且 接近 赤道 幾乎 是 在 南海 的 南緣 出沒 隨即 向 東 北方 航行 經過 南沙群島 太平 島 與 東沙島 進行 操演 4 月 9 日 回航 左營港</t>
  </si>
  <si>
    <t>敦睦 艦隊 航程 帛 琉 新加坡 新冠肺炎</t>
  </si>
  <si>
    <t>停泊 在 日本 橫濱 港 的 鑽石 公主 號 爆發 大量 新冠肺炎 病例 以色列 衛生 當局 今天 證實 一 名 以色列 婦人 下船 返國 後 被 驗 出 對 新冠肺炎 呈 陽性反應 成為 以色列 首位 確診 感染 肺炎 的 案例 中央 社 引述 路透 和 以色列 時報 th</t>
  </si>
  <si>
    <t>停泊 在 日本 橫濱 港 的 鑽石 公主 號 爆發 大量 新冠肺炎 病例 以色列 衛生 當局 今天 證實 一 名 以色列 婦人 下船 返國 後 被 驗 出 對 新冠肺炎 呈 陽性反應 成為 以色列 首位 確診 感染 肺炎 的 案例 中央 社 引述 路透 和 以色列 時報 the times of israel 報導 以色列 衛生 當局 發出 聲明 指出 在 衛生部 中央 實驗室 進行 的 檢疫 過程 中 發現 一 名 從 日本 鑽石 公主 號 返國 的 乘客 對 新冠肺炎 呈 陽性反應 實驗室 正 在 確認 這項 檢疫 結果 其 餘 回國 的 旅客 今天 皆 呈 陰性 這 名 患者 正 接受 隔離 並 受到 監管 這 並非 在 以色列 境內 發生 的 案例</t>
  </si>
  <si>
    <t>新冠肺炎 臺灣 新北 診所 衛生局</t>
  </si>
  <si>
    <t>基 士 德 -ky 6641 2019 年 eps 為 679 元 董事會 決議 每股 配發 現金 股利 45 元 以 昨日 收盤價 計算 現金 殖 利率 高達 957 新冠肺炎 疫情 蔓延 全球 基 士 德 大陸 工廠 已 在 今年 2 月 10 日 開工 不過 受 供應商 客戶 及 物流 廠商 復工 程度</t>
  </si>
  <si>
    <t>基 士 德 -ky 6641 2019 年 eps 為 679 元 董事會 決議 每股 配發 現金 股利 45 元 以 昨日 收盤價 計算 現金 殖 利率 高達 957 新冠肺炎 疫情 蔓延 全球 基 士 德 大陸 工廠 已 在 今年 2 月 10 日 開工 不過 受 供應商 客戶 及 物流 廠商 復工 程度 不一 使得 2 月 業績 受到 影響 目前 大陸 疫情 已經 明顯 緩和 預估 3 月 起 公司業績 將 逐步 恢復正常 展望 全年度 營運 基 士 德 首季 業績 雖然 受 疫情 影響 但 疫情 控制 後 預期 官方 將 推出 刺激 經濟 方案 以 減輕 經濟 成長 趨 緩 壓力 加上 2020 年 是 大陸 十三五 計 畫 收 官 之年 包含 生態 文明 建設 在內 的 經建計 畫 須有 執行 成果 基 士 德 將 力拼 全年 業績 不致 受到 影響 基 士 德 去年 合併 營 收 為 1992億 元 年增率 666 稅 後 淨利 為 227億 元 年增率 631 eps 為 679 元</t>
  </si>
  <si>
    <t>基 士 德 eps 現金 股利 高 殖 利率 新冠肺炎</t>
  </si>
  <si>
    <t>新創 公司 gogolook 宣佈 攜手 可疑 訊息 查證 機器人 美玉 姨 共同 防範 通訊 軟 體 上 的 潛 在 詐騙 威脅 並 幫助 民眾 第一時間 查證 可疑 訊息 美玉 姨 將 於 19 日 推出 全新 版本 擴大 比對 臺灣 事實 查核 平臺 cofacts 真的假 的 臺灣 事實 查核 中心 以 及 mygopen 查核 資料庫 並 新增 陌生 電話號碼 識別 陌生 line 帳 號 查詢 以及 個 資 帳 密 安全性 檢查 等 三大 功能 gogolook 表示 公司 長期 深耕 防 詐 產業 從 電信 防 詐 出發 跨 足 金融 科技 防 詐 領域 更 在 美玉 姨 的 加入 後 將 服務 範圍 拓展 至 可疑 訊 息 的 防治 隨 著 世界各地 相繼 面臨 可疑 訊 息 的 危害 gogolook 將 複製 whoscall 在 各 國防 詐 的 成功經驗 在 不同 地區 中 打造 專屬 的 可疑 訊息 查證 機器人 服務 解決 各地 因 可疑 訊息 而 產生 的 信任 問題 通訊 軟 體 逐漸 成為 大眾 日常 溝通 的 主要 管道 通訊 軟 體 中 流傳 的 可疑 訊息 也 成為 詐騙 潛在 的 溫床 可疑 訊息 查證 機器人 美玉 姨 自 2018 年 由 臺灣 工程師 徐曦 獨立 開發 透過 連接 真的假 的 聊天 機器人 api 將 真的假 的 cofacts 社 群 所 累積 的 查核 資料 發送給 美玉 姨 的 使用者 今年 的 好友 數 已 突破 30萬 人次 年度 累積 回 覆 量 更 超過 142億 次 最高 近 1900萬 次 的 單月 回 覆 量 則 是 發生 在 新冠肺炎 疫情 期間 隨 著 使用者 持續 增加 衍生 出 不同 類型 的 可疑 訊息 為了 能 提供 更 完善 的 聊天 機器人 服務 美玉 姨 于 今年 加入 gogolook 防 詐 聯盟 的 行列 gogolook 指出 美玉 姨 的 加入 不僅 能 將 防 詐 服務 實踐 於 通訊 軟 體 領域 更 能 整合 多元 的 防 詐 應用 場景 並 累積 研發 能量 強化 gogolook 防 詐 產業鏈 的 佈 局</t>
  </si>
  <si>
    <t>口罩 疫苗 侯友宜 新北 新冠肺炎</t>
  </si>
  <si>
    <t>去年 因 新冠肺炎 疫情 衝擊 演藝圈 不少 人 生計 都 受到 影響 大 牌 如 星 爺 周星馳 傳出 抵押 豪 宅 換 現金 盼 能 以此 度過難關 54 歲 曾 演出 電影 小小 賭聖 的 港 星 葛民輝 最近 則 傳出 搬離 每月 月 租 13萬 港幣 約 47萬 台幣 的 豪 宅</t>
  </si>
  <si>
    <t>去年 因 新冠肺炎 疫情 衝擊 演藝圈 不少 人 生計 都 受到 影響 大 牌 如 星 爺 周星馳 傳出 抵押 豪 宅 換 現金 盼 能 以此 度過難關 54 歲 曾 演出 電影 小小 賭聖 的 港 星 葛民輝 最近 則 傳出 搬離 每月 月 租 13萬 港幣 約 47萬 台幣 的 豪 宅 主因 是 當老闆 的 他 不 願 砍 員工 只好 從 自己 下手 開源節流 全家 改去 住 比較 便宜 的 飯店 去年 因 疫情 重創 影視 產業 作品 停 拍 資金 無法 回流 讓 許多 演藝人 都 叫苦連天 去年 中 傳出 周星馳 將 山頂 超級 豪 宅 天 比高 給 銀行 抵押 貸款 疑 似 財務 出 問題 曾和 他 合拍 翹課 威 龍 的 黃一山 則 代為 回應 表示 星爺 房產 很多 光是 目前 住 的 也 都 價值 超過 20億 他 只 是 拿 出 其中 一 間 房產 抵押 還 錢 不用 擔心 周星馳 的 經濟 狀況 他 會 繼續 住 豪 宅 因為 瘦 死 的 駱駝比 馬 大 67 歲 阿 b 鍾 鎮 濤 去年 也 透露 前 半 年 幾乎 零 收入 他 清楚 不 只 他 經濟 吃緊 不少 樂手 和 幕後 工作人員 也 沒 工作 便 會 邀 樂手 私下 來 幫忙 錄 新 歌 讓 大家 有 些 工作 做 提前 為 將來 做 準備 十分 貼心 而 香港演藝人協會 會長 古天樂 去年 也 發起 支援 計畫 安排 讓 每 位 幕前幕後 演藝 人員 能 領 約 3萬5千 多 元 台幣 的 救助金 希望 可以 稍稍 解除 一點 困境 東網 報導 葛民輝 先前 工作 觸角 多 不僅 做 電臺 主持人 當 演員 還是 自家 潮 牌 的 老闆 但因 疫情 去年 收入 也 苦哈哈 還有 傳言 指 他 業績 呈 直線 下滑 但 他 沒 打算 炒 員工 魷魚 也 不減 薪 傳聞 他 近日 從 月 租約 47萬 台幣 的 豪 宅 搬 出 目前 帶 著 家人 搬 到 飯店 住 寧願 自己 先 過 苦 一點 的 日子 也 不 願 拖 員工 下水 感人 行徑 被 網友 贊 是 有良心 老闆 善良 富人</t>
  </si>
  <si>
    <t>豪 宅 葛民 輝 疫情 周星馳 新冠肺炎</t>
  </si>
  <si>
    <t>新冠肺炎 疫情 延 燒 影響 消費 力道 達爾 膚 6523 3 月 營 收 7950萬 元 年 減 135 首季 營 收 183億 元 年 減 29 達爾 膚 3 月 營 收 7950萬 元 呈 年 減 表現 主因 大陸 轉投資 公司 營 收 不再 併入 合併 報表 若 排除 此 因素 則 較 去年 呈 正</t>
  </si>
  <si>
    <t>新冠肺炎 疫情 延 燒 影響 消費 力道 達爾 膚 6523 3 月 營 收 7950萬 元 年 減 135 首季 營 收 183億 元 年 減 29 達爾 膚 3 月 營 收 7950萬 元 呈 年 減 表現 主因 大陸 轉投資 公司 營 收 不再 併入 合併 報表 若 排除 此 因素 則 較 去年 呈 正 成長 達爾 膚 表示 雖 新冠肺炎 疫情 延 燒 影響 消費 力道 但因 3 月 臺灣 實體 通路 推出 專業 醫 美 節 活動 拉 貨 力 道 提升 以及 網 購 消費 持續 增強 挹注 3 月份 營 收 達爾 膚 指出 將 持續 掌握 網路 消費 宅 經濟趨勢 著 力于電 商 平臺 操作 與 線 上 溝通 以 減緩 疫情 影響 4 月中 將 推出 dr wu 明星 商品 玻 尿酸 保濕 系列 全新 升級 同時 藉 由 專業 醫 美 形象 結合 代言人 與 網路 名人 的 推薦 分享 提升 消費者 的 品牌 忠誠度 及 回 購 率 蓄積 未來 營運 的 成長 動能</t>
  </si>
  <si>
    <t>新冠肺炎 疫情 達爾 膚 3 月 營 收 首季 營 收</t>
  </si>
  <si>
    <t>新冠肺炎 臺灣 停課 delta 北市</t>
  </si>
  <si>
    <t>新冠肺炎 導致 各地 瘋 搶 口罩 繼 口罩 販 售 實 名 制 6 日 上路 後 為 方便 社區 民眾 就近 購買 口罩 台 南市 37 區 衛生所 從 16 日 起 也 加入 販 售 口罩 的 行列 吸引 大批 民眾 排隊 搶購 不過 直到 中午 販賣 結束 台南 市 準備 近 萬 片 口罩 成人</t>
  </si>
  <si>
    <t>新冠肺炎 導致 各地 瘋 搶 口罩 繼 口罩 販 售 實 名 制 6 日 上路 後 為 方便 社區 民眾 就近 購買 口罩 台 南市 37 區 衛生所 從 16 日 起 也 加入 販 售 口罩 的 行列 吸引 大批 民眾 排隊 搶購 不過 直到 中午 販賣 結束 台南 市 準備 近 萬 片 口罩 成人 口罩 被 搶購 僅剩 100 多 片 但 兒童 口罩 卻 賣 出 不 到 一半 還 剩下 1000 多 片 銷售率 只 有 45 市府 衛生局 指出 台 南市 37 區 的 衛生所 口罩 每 一 區 衛生所 各 準備 250 片 口罩 合計 9250 片 其中 兒童 口罩 合計 有 1850 片 從 上午 10 點 開 賣 直到 12 點 結束 市區 的 衛生所 幾乎 被 搶購一空 僅 少數 偏 鄉 衛生局 沒 賣 完 經 統計 各 衛生所 共 賣出 成人 口罩 7276 片 兒童 口罩 834 片 總體 銷售率 達 88 共計 服務 4055 人次 衛生局 認為 儘管 是 第一 天開 賣 但 在 衛生所 事先 規 畫 民眾 動 線下 有效 疏解 人潮 讓 大家 都能 順利 買到口罩 部分 衛生所 還 建議 民眾 自備 環保 袋 分裝 口罩 在 自我 防疫 之 餘 更 能 減 塑 愛 地球 至於 日後 的 販賣 時段 則 由 各 區 衛生所 決定 並 公告 時間 讓 民眾 知悉 衛生局長 陳怡 再次 呼籲 口罩 的 使用 時機 應著 重在 看病 陪 病 探病 的 時候 要 戴 有 呼吸道 症狀 者 應戴 口罩 有 慢性病 者 外出 建議 戴 口罩 健康 民眾 及 一般 學生 無須 戴 口罩 請 民眾 將 口罩 留給 需要 的 人 讓 資源 發揮 最 大 效用</t>
  </si>
  <si>
    <t>李明依 疫苗 長者 死亡 新冠肺炎</t>
  </si>
  <si>
    <t>陳時中 阿中 部長 笑 了 新冠肺炎 臺灣</t>
  </si>
  <si>
    <t>新冠肺炎 林韋地 疫苗 出國 民眾</t>
  </si>
  <si>
    <t>瑞典 佛 系 防疫 新冠肺炎 疫情 群體 免疫</t>
  </si>
  <si>
    <t>實 聯 制 疫情 警戒 新冠肺炎 臺灣</t>
  </si>
  <si>
    <t>新冠肺炎 在 南韓 不斷 蔓延 也 在 當地 掀起 口罩 荒 南韓 政府 25 日 宣佈 週三 26 日 淩晨 零 時 起 限制 口罩 幹 洗手 等 防疫 用品 出口 期限 至 4 月 30 日 為止 南韓 食品 醫藥品 安全 處處長 李 義 表示 政府 決定 週三 起 原則 上</t>
  </si>
  <si>
    <t>新冠肺炎 在 南韓 不斷 蔓延 也 在 當地 掀起 口罩 荒 南韓 政府 25 日 宣佈 週三 26 日 淩晨 零 時 起 限制 口罩 幹 洗手 等 防疫 用品 出口 期限 至 4 月 30 日 為止 南韓 食品 醫藥品 安全 處處長 李 義 表示 政府 決定 週三 起 原則 上 禁止 口罩 出口 出口量 限制 在 當日 產量 10 以內 並 規定 產量 一半 以上 的 口罩 必須 優先 供應 給 南韓 郵政 等 公共 營運商 所有 生產商 必須 每日 向 政府 通報 產量 及 國內 運輸 情況 若 同一 筆 交易 涉及 1萬 個 口罩 也 必須 呈報 在 疫情 重災區 的 大 邱 市 已經 出現 口罩 短缺 情況 連鎖 超市 e-mart 週一 在 大 邱 分店 出售 口罩 引來 超長 人龍 排隊 搶購 報導 指 e-mart 優先 在 大 邱 慶 北 售賣 212萬 個 口罩 沒 想到 大 邱 分店 開 賣 前 就 已經 大排長龍 繞 了 好幾 圈 開 賣 短短 2 小時 就 出售 了 48萬 個 達到 當日 販 售 限制 e-mart 隨即 宣佈 規定 每 位 客人 限 買 30 個 以 讓 更 多 民眾 買到 口罩</t>
  </si>
  <si>
    <t>料 產量 增 週二 馬來西亞 棕櫚油 走低 因 馬來西亞 棕櫚油 局 bmd 估計 6 月 棕櫚油 產量 將 增加 加上 因 新冠肺炎 影響 以致 原油價格 下跌 進而 令 馬來西亞 棕櫚油 價格 收 低 另外 最 大 食用油 進口 國 印度 因 新冠肺炎 削弱 食品 服務業</t>
  </si>
  <si>
    <t>料 產量 增 週二 馬來西亞 棕櫚油 走低 因 馬來西亞 棕櫚油 局 bmd 估計 6 月 棕櫚油 產量 將 增加 加上 因 新冠肺炎 影響 以致 原油價格 下跌 進而 令 馬來西亞 棕櫚油 價格 收 低 另外 最 大 食用油 進口 國 印度 因 新冠肺炎 削弱 食品 服務業 的 需求量 讓 棕櫚油 需求量 跟 著 下降 以及 美國 因 氣候 炎熱 乾燥 影響 大豆 產量 豆油 期貨價格 下跌 都 是 使 棕櫚油 價格 走 低 的 原因 9 月 交割 棕櫚油 跌 32 馬幣 或 134 報 每 噸 2359 馬幣 芝加哥 期交所 豆油 下跌 113 大連 期交所 豆油 跌 124 棕櫚油 跌 095 商品 行情網</t>
  </si>
  <si>
    <t>棕櫚油 馬來西亞 產量 豆油 新冠肺炎</t>
  </si>
  <si>
    <t>中央研究院 院士 中國 醫藥 大學校長 洪 明奇 帶領 的 抗冠 科研 團隊 將 靶 向 治療 癌症 的 策略 與 觀念 應用 於新冠肺炎 治療 研究 找到 了 抑制 冠 狀 病毒 複製 的 核心 蛋白酶 研究成果 刊登 於 8 月份 國際 學術期刊 美國 癌症 研究 雜誌 受</t>
  </si>
  <si>
    <t>中央研究院 院士 中國 醫藥 大學校長 洪 明奇 帶領 的 抗冠 科研 團隊 將 靶 向 治療 癌症 的 策略 與 觀念 應用 於新冠肺炎 治療 研究 找到 了 抑制 冠 狀 病毒 複製 的 核心 蛋白酶 研究成果 刊登 於 8 月份 國際 學術期刊 美國 癌症 研究 雜誌 受到 國際 學術 與 醫療機構 關注 中國醫大 校長 洪 明奇 及 教授 陳曄 帶領 新冠肺炎 病毒 研究 醫療 團隊 將 靶 向 治療 癌症 的 策略 與 觀念 應用 於新冠肺炎 coronavirinae cov 的 治療 研究 在 上 千 種 小 分子 化合物 中 初步 篩選 出 能夠 有效 抑制 新冠 病毒 主要 蛋白酶 活性 的 廣譜型 抑制 劑 gc 376 陳曄並 利用 國家 同步輻射 研究 中心 的 尖端 設備 解析 出 此 藥物 與 病毒 主要 蛋白酶 的 複合 體 3 d 立體 結構 中國醫大 這項 研究成果 發表 在 8 月 29 日 最新 出刊 的 美國 癌症 研究 雜誌 american journal of cancer research 並 被選為 當 期 的 封面 受到國際 學術 領域 重視 洪 明奇 表示 新冠 病毒 的 複製 及 成熟 需要 透過 主要 蛋白酶 對 病毒 多 肽 pp 1 ab pp 1 a 進行 切割 以 產生 病毒 複製 所 需 的 核心 蛋白酶 抑制 劑 gc 376 能夠 模擬 新冠 病毒 主要 蛋白酶 的 受 質 並 與 其 活性 位點 緊密 地 結合 從而 有效 地 抑制 病毒 的 複製</t>
  </si>
  <si>
    <t>新冠肺炎 臺灣 高雄 按摩師 麻將 群 聚</t>
  </si>
  <si>
    <t>2021 臺灣 醫療 科技展 2 日 開幕 新光 醫院 今年 以 卓越 體驗 永續 新光 主題 推出 6 大 展區 特別 規 畫 健康 達人 講座 新光 醫院 副 院長 洪子仁 帶頭 開講 面對 omicron 的 威脅 呼籲 大眾 給 醫 界 時間 不要 太 害怕 也 提醒 民眾 別 因 疫情 耽誤 病情 該 做 的 檢查 還是 要 做 若 讓 將 生日 當 成健檢 日 一輩子 都 不 會 忘記 檢查 臺灣 醫療 科技展 昨 盛大 登場 包括 新光 醫院 等 均 到場 辦 展 其中 尖端 醫療 能 醒 能 走 希望 之 燈 由 尖端 醫 董事長 蘇文龍 等 在 開幕式 上點 亮 象徵 骨髓 間 質 幹細胞 治療 脊 髓 損傷 展開 新紀元 新光 醫院 則 由 董事長 吳東進 率領 院長 侯勝茂 等 人 共同 啟動 儀式 該院 今年 與 新光人壽 新光 銀行 新光 保全 以 卓越 體驗 永續 新光 主題 推出 6 大展 區 為期 4 天 展覽 中 新光 醫院 特別 安排 數場 健康 達人 講座 首日 由 洪子仁 帶頭 分享 防疫 與 國際 醫療 發展 洪 子 仁 表示 2020 年是 人類 歷史 轉捩點 嚴格來說 臺灣 2020 年 沒有 重大 疫情 第一 波 疫情 真正 開始 是 今年 5 月 11 日 當時 獅子 會長 確診 宜蘭 遊藝場 出現 群 聚 隨後 疫情 就 爆發 確診 人數 高峰 的 7 至 10 天 死亡 人數 就 到 高峰 不過 今年 9 月 的 delta 幼稚園 群 聚 就 未 如 5 月 嚴重 原因 在 傳播 時間 規模 強度 都 不同 新北 群 聚 發現 的 較 早 傳播 的 規模 也 因此 不同 幼稚園 接觸 的 強度 也 不如 阿公店 高 在 5 月 15 日 到 6 月 24 日間 國內 每日 確診 人數 達 100 至 500 人 但 6 月 25 日 至今 都 維持 在 百 人 以下 包括 新光 在內 全台 醫院 都 扮演 著 防疫 的 角色 近期 國際 間 出現 新 變異 株 omicron 雖然 傳播 力比 delta 高 但 不 代表 致死 率 高 洪子仁 籲 給 醫學界 3 周 時間 等待 國外 資料 出來 不要 太 害怕 洪 子 仁 提醒 民眾 不要 因為 疫情 耽誤 病情 健康 問題 不是 只 有 新冠肺炎 還有 癌症 心血管 問題 等 該 檢查 就 檢查 新光 醫院 已 在 板橋 設立 健檢 中心 開設 3 個 月 以來 1600 多 人 中 有 26 因 健檢 發現 瘜 肉 另 有 21 人 確診 癌症 提醒 大家 多 注意</t>
  </si>
  <si>
    <t>新冠肺炎 臨床 照 護 經驗 員 榮 醫院 透過 5 g 智慧 跨 海 傳遞</t>
  </si>
  <si>
    <t>透過 新冠肺炎 臨床 員榮 醫院 蒙古</t>
  </si>
  <si>
    <t>新冠肺炎 臺灣 陳時中 新北 快 篩</t>
  </si>
  <si>
    <t>疫情 警戒 黃軒 降級 新冠肺炎 疫情</t>
  </si>
  <si>
    <t>新冠肺炎 在 美 疫情 重災區 的 紐約市 9 日 共有 518 人 死亡 總數 更 突破 5千 大關 而 據 紐約 郵報 指出 當地 太平間 已 不堪 負重 市政府 不得不 動用 無人 島 在 島上 挖 埋葬 過多 屍體 的 壕 坑 無奈 讓 死者 儘快 下葬 報導 指出 紐約市</t>
  </si>
  <si>
    <t>新冠肺炎 疫情 持續 延 燒 除 了 中國 大陸 之外 許多 國家 也 有 確診 病例 傳出 而 外界 目前 預估 日本 可能 會 是 下 一 波 爆發 的 地點 不過 東京 奧會 仍然 表示 要 如期 舉辦 東京 奧運 不過 其他 的 體育賽事 可能 就 沒有 這麼 好運 了 原本 預定 在</t>
  </si>
  <si>
    <t>新冠肺炎 疫情 持續 延 燒 除 了 中國 大陸 之外 許多 國家 也 有 確診 病例 傳出 而 外界 目前 預估 日本 可能 會 是 下 一 波 爆發 的 地點 不過 東京 奧會 仍然 表示 要 如期 舉辦 東京 奧運 不過 其他 的 體育賽事 可能 就 沒有 這麼 好運 了 原本 預定 在 3 月 1 日 舉辦 的 東京 馬拉松 主辦單位 表示 因為 新冠肺炎 影響 因為 影響 東京 奧運 的 積分 所以 留下 2百 名 職業 跑 者 進行 比賽 不過 其 餘 的 參賽者 都將 被 取消 資格 東京 馬拉松 組委會 表示 為了 保護 眾多 參賽者 的 安全 決定 取消 大眾 跑 者 的 參賽權 不過 參賽 資格 將 可以 延續 至 明年 使用 但是 參賽 時還 是 要 繳 交 報名 費 而今 年 比賽 的 報名 費及 慈善 賽 捐款 將 不予 退還 這 也 讓 許多 參賽者 不滿 要求 主辦單位 退回 報名 費用 不過 這 舉動 大概 是 徒勞無功 因為 在 官網 的 規章 當中 有 明確規定 若 因為 不可 抗拒 因素 導致 賽事 取消 將 不予 退還 報名 費用 不過 有 購買 今年 紀念 衣服 的 跑 者 仍 會 收到 物品 更 多 ctwant 報導</t>
  </si>
  <si>
    <t>高市 3 位 民眾 參加 土耳其 團 旅行 返台 確診 感染 新冠肺炎 其中 有 1 位 民眾 去 了 一 間位 在 鳳山 五甲 的 診所 雖然 衛生局 後來 出面 澄清 該 名 個案 並未 進入 診所 內 可是 診所 還是 遭到 網路 霸 淩 歧視 診所 為 此 自行 貼 公告 休 診 到 4 月 6 日</t>
  </si>
  <si>
    <t>診所 衛生局 肺炎 網路 新冠肺炎</t>
  </si>
  <si>
    <t>美國 川普 經濟 白宮 新冠肺炎</t>
  </si>
  <si>
    <t>新冠肺炎 影響 全球 一 年 多 時間 臺灣 原本 在 國際 間 是 出了名 防疫 頂尖 但 連日 確診 人數 大 爆炸 民眾 開始 瘋 搶 糧食 口罩 深怕 會 面臨 封城 窘境 香港 資深 藝人 黃秋生 去年 曾 為了 工作 來 台 居留 數 月 近期 再度 抵 台 慘 遇 疫情 升溫 他</t>
  </si>
  <si>
    <t>黃秋生 臺灣 新冠肺炎 疫情 隔離 14 天</t>
  </si>
  <si>
    <t>八 貫 tpu 新冠肺炎 航 太 救生 熱 可塑性 聚氨酯 彈性體</t>
  </si>
  <si>
    <t>就 全美 疫情 來看 新增 病例 速度 已 放緩 不過 歐洲恐 又 再度 失控 許多 城市 出現 反 口罩 反 防疫 限制 示威 使得 疫情 持續 惡化 歐洲新冠肺炎 確診 人數 突破 400萬 人 逾 20萬 人 死亡 儘管 新冠肺炎 的 疫苗 研發 已 進入</t>
  </si>
  <si>
    <t>就 全美 疫情 來看 新增 病例 速度 已 放緩 不過 歐洲恐 又 再度 失控 許多 城市 出現 反 口罩 反 防疫 限制 示威 使得 疫情 持續 惡化 歐洲新冠肺炎 確診 人數 突破 400萬 人 逾 20萬 人 死亡 儘管 新冠肺炎 的 疫苗 研發 已 進入 第 三 階段 人體 試驗 不過 在 疫苗 問世 之前 生 技 醫療 類 股 仍 為 市場 主流 帶動 了 整體 醫療 防疫 概念 股 的 成交量 因此 生 技 類 股 市場 有 避險 及 資金運用 需求 日益 增加 的 情況 所以 臺灣期貨交易所 於 今年 6 月 8 日 上市 臺灣 生 技 期貨 及 臺灣 永續 期貨 其中 臺灣 生 技 期貨 成分股 涵蓋 上市 及 上櫃 新藥 研發 醫 材 及 藥品 製造 等 指標 股票 可 表彰 臺灣 整體 生 技 醫療 產業 的 表現 也 符合 現今 市場 聚焦 產業 另外 還有 波動 性 高 的 特點 有 潛 在 避險 及 交易 需求 臺灣 生 技 期貨 契 規模 約 23萬 而 保證 金為新 台幣 21000 元 杠杆 約 為 11 倍 因此 臺灣 生 技 期貨 的 最 大 優勢 在於 門檻 低 操作 彈性 高 交易人 可以 較 低 資金 成本 進行 交易 及 避險 提升 資金 效率 以 技術 面 來看 臺灣 生 技 期貨 3 日 呈現 開高走低 格局 本週一 度 攻上 所有 均線 之上 不過 無法 有效 站上 3 日 再次 回 測 月 線 支撐 維持 上有 壓下 有 撐 的 走勢 在 站穩 月 線 之前 短線 建議 投資人 先以 中性 區間 看待 臺灣 生 技 期貨 期貨交易 為 高 杠杆 的 保證金 交易 有 高度 的 投資 風險 投資人 應 衡量 自我 的 投資 能力 適度 作 加 減 碼 並 設定 停 損 機制 以利 有效 控制 投資 風險</t>
  </si>
  <si>
    <t>美國 因 受到 新冠肺炎 疫情 重 擊 不僅 死亡 人數 破 10萬 確診 人數 也 破 180萬 是 全球 之 最 失業率 也 高 達 20 為了 救 經濟 政府 在 3 月底 通過 2萬億 美元 經濟 刺激 法案 成為 美國 歷史 上 最 大 規模 的 經濟 紓困 方案 美籍 youtuber 莫彩</t>
  </si>
  <si>
    <t>美國 因 受到 新冠肺炎 疫情 重 擊 不僅 死亡 人數 破 10萬 確診 人數 也 破 180萬 是 全球 之 最 失業率 也 高 達 20 為了 救 經濟 政府 在 3 月底 通過 2萬億 美元 經濟 刺激 法案 成為 美國 歷史 上 最 大 規模 的 經濟 紓困 方案 美籍 youtuber 莫彩 曦 hailey 近日 終於 收到 這筆 救濟金 她 也 拍 影片 開箱 見證 這 難得 的 經驗 莫彩 曦 收到 美國財政部 寄 來 的 支票 上面 有 警告 若 想 偷 政府 的 錢或 濫 用 支票 會 被 罰 1萬 元 美金 和 進 監獄 10 年 而 她們 會 2 個 月 後 才 收到 支票 原來 是 川普 想 把 自己 的 簽名 印 在 上面 所以 才 會要 重新 印刷 而 因為 她 和 老公 adam 是 夫妻 所以 它們 總共 拿 到 2400 元 美金 約 台幣 71000 而 這個 支票 就是 要 刺激 經濟 所 以 不少 人 都 會用 在 房租費 或 生活費 上 畢竟 現在 美國 狀況 很 不好 大家 都 很 辛苦 莫彩曦 希望 這筆 錢 能 真正 花在 最好 的 地方 能 刺激 經濟 也 幫助 別人 所以 她們 希望 網友 能 提供 意見 不少 粉絲 看到 後 也 都 建議 她們 可以 去 幫助 一些 當地 小店 或是 幫助 一些 弱勢 族群 也 可以 多多 幫助 服務業 因為 美國 很多 服務業 都 失業 多 消費 才能 維持 底層 人民 生活</t>
  </si>
  <si>
    <t>莫彩 曦 youtuber 支票 美國 新冠肺炎</t>
  </si>
  <si>
    <t>新冠肺炎 疫情 升高 台中 市 累計 已 有 3 家業 者 通報 無 薪 假 勞工 局 仍 在 審核 中 目前 觀光 旅遊業 還 撐住 沒有 通報 無 薪 假 觀光 旅遊業 表示 儘量 讓 員工 休 春節 上班 的 補 假 與 特 休假 因應 疫情 後 生意 反彈 勞工 局 已 擬定 協助 觀</t>
  </si>
  <si>
    <t>新冠肺炎 疫情 升高 台中 市 累計 已 有 3 家業 者 通報 無 薪 假 勞工 局 仍 在 審核 中 目前 觀光 旅遊業 還 撐住 沒有 通報 無 薪 假 觀光 旅遊業 表示 儘量 讓 員工 休 春節 上班 的 補 假 與 特 休假 因應 疫情 後 生意 反彈 勞工 局 已 擬定 協助 觀光 旅遊業 因應 疫情 策略 及 作為 組成 無 薪 假 訪視 輔導 小組 力 挺 勞資 因應 疫情 困境 勞工 局長 吳威志 強調 事業 單位 如因 疫情 影響 致 業務 緊縮 營運 困難 依 勞動部 因應 景氣 影響 勞 雇 雙方 協商 減少 工時 應 行 注意事項 經 與 勞工 協商 同意 實施 無 薪 假 目前 勞工 局 尚未 接 獲 觀光 旅遊業者 通報 無 薪 假 市府 表示 目前 有 包括 塑膠 建材 與 機械製造 等 3 家業 者 通報 無 薪 假 員工 人數 計 66 人 但 需 經 是否 高階 主管 減 薪 勞資 協商 同意 等 條件 才會 通過 無 薪 假 審核 目前 還 在 審核 階段 疫情 持續 延 燒 對 觀光 旅遊業 的 企業 營運 造成 衝擊 為 預先 因應疫情 衝擊 勞資關係 及 勞動 權益 勞工 局 18 日 邀集 台中 市 18 個 觀光業 公會 協會 工會 等 代表 整合 勞動部 勞動力 發展署 中 彰 投 分署 觀光旅遊 局 等 資源 向 觀光業 者 說明 因應 疫情 協助 措施 傾聽 業者 心聲 台中 市 旅館 商業 同業公會 理事長 鄭生昌 說 勞工 局 整合 相關 資源 協助 業者 面對 困境 為 業者 加油打氣 勞動部 勞動力 發展署 中 彰 投 分署 科長 蕭盈潔 表示 勞工 局 與 分署 密集 合作 為 事業 單位 提供 服務 事業 單位 若 經 勞工 局 通報 實施 無 薪 假 會 提供 充電 再 出發 計畫 協助 此外 事業 單位 若 未 實施 無 薪 假 可 善用 企業 人力資源 提升 計畫 及 小型企業 人力 提升 計畫 提升 勞工 技能 吳 威志 說 為 提早 因應 輔導 業者 勞工 局 組成 無 薪 假 訪視 輔導 小組 並 整合 勞工 局 大量 解雇 預警 機制 資 遣 通報 輔導 勞資 爭議 調解 職業 訓練 就業 媒 合 諮 詢 及 勞工 權益 基金 等 資源 成為 勞資雙方 面對 疫情 困境 最 堅實 的 後盾</t>
  </si>
  <si>
    <t>世衛組織 大陸 以外 新冠肺炎 確診 逾 2萬 人 全球 已 破 10萬</t>
  </si>
  <si>
    <t>世界衛生組織 3 月 7 日公 佈 的 最新 資料 顯示 大陸 以外 新冠肺炎 確診 病例 已 逾 兩萬 例 達 2萬1114 例 世衛組織 每日 疫情報告 顯示 截至 歐洲 中部 時間 7 日 10 時 北京時間 7 日 17 時 中國 以外 新冠肺炎 確診 病例 較 前 一 日 增加 3633 例</t>
  </si>
  <si>
    <t>世界衛生組織 3 月 7 日公 佈 的 最新 資料 顯示 大陸 以外 新冠肺炎 確診 病例 已 逾 兩萬 例 達 2萬1114 例 世衛組織 每日 疫情報告 顯示 截至 歐洲 中部 時間 7 日 10 時 北京時間 7 日 17 時 中國 以外 新冠肺炎 確診 病例 較 前 一 日 增加 3633 例 達 2萬1114 例 死亡 病例 則 較 前 一 日 增加 78 例 達 413 例 全球 新冠肺炎 確診 病例 較 前 一 日 增加 3735 例 突破 10萬 達 10萬1927 例 死亡 病例 則 較 前 一 日 增加 106 例 達 3486 例 報告 顯示 過去 24 小時 內 哥倫比亞 秘魯 多哥 梵蒂岡 報告 首例 確診 病例</t>
  </si>
  <si>
    <t>中職 領先 全球 開 打 吸引 國內外 媒體 爭相 報導 2 日 美國 權威 報紙 紐約時報 特別 派 記者 至 桃園 球場 採訪 當日 正好 是 樂天桃 猿 隊 史千勝 今日 以 長 篇幅 刊登 中職 以 無 觀眾 方式 在 疫情 期間 順利 開 打 也 提到 中職 近期 將 開放 觀眾 進場 紐約時報 派 記者 至 臺灣 採訪 介紹 中職 在 空無一人 的 球場 內 進行 比賽 用 播報 員 的 說法 這 是 全球 唯一 正在 進行 的 體育比賽 在 新冠肺炎 疫情 下 中職 正 帶 給 世界 希望 在 觀眾席 上 的 是 假人 而 不是 真 的 球迷 球場 內 隨處可見 酒精 每個 人 都 儘量 保持 距離 甚至 球員 不能 隨地吐痰 吐 瓜子 而 所有 教練 和 球員 都 異口同聲 表示 現在 還 能 比賽 相當 幸運 報導 中 採訪 到 中信 兄弟 總 教練 丘昌榮 就算 沒有 球迷 我們 仍 知道 有 很多 人 在 關注 我們 同時 也 採訪 到 今年 世界 全壘打 王 朱 育賢 紙板 觀眾 一 開始 會 覺得 有 點 奇怪 但 當 紙板 觀眾 增加 我們 把 這 當作 另 類 行銷 手法 不過 沒有 球迷 的確 讓 球員 難 以 提高 腎上腺素 桃 猿 總 教練 曾豪駒 也 說 少 了 一點 能量 不 像 真正 的 比賽 那麼 刺激 目前 臺灣 疫情 已 趨 緩 在 記者 採訪 時 就 已 有 開放 球迷 進場 的 消息 臺灣 抗 疫 有成 獲得 世界 關注 兄弟 投手 教練 佛斯特 也 感到 驕傲 在 疫情 之前 很多 人 沒 聽 過 臺灣 的 中職 但 現在 即使 是 espn 也 會 報導 我 的 美國 朋友 也 很 嫉妒 臺灣 還 能 進行 比賽 此外 紐約時報 也 採訪 到 了 樂天 啦啦隊 女孩 倪暄 她 像 紐 時說 因為 關心 疫情 所以 希望 透過 應援 來 為 世界 帶來 正面 能量 當晚 是 桃 猿 隊 史千勝 有些 球迷 在 球場 外 為 球隊 歡呼 而 現在 球迷 真的 能 進場 了 8 日 開始 確定 每場 最 多能 開放 一千 人</t>
  </si>
  <si>
    <t>中職 紐約時報 開 打 新冠肺炎</t>
  </si>
  <si>
    <t>百事公司 北京 新冠肺炎 大陸 大興區 磁 魏 路</t>
  </si>
  <si>
    <t>臺北 小 巨蛋 新冠肺炎 臺灣 足跡 臺北市</t>
  </si>
  <si>
    <t>彰 化 縣 衛生局 17 日 主動 采 驗 由 美 返台 的 少年 意外 發現 無 症狀 確診 新冠肺炎 個案 衛福 部長 陳時中 下令 彰 化 縣政府 政風 處 介入 調查 引發 爭議 對此 陳時中 今天 親 上 廣播節目 一 次 講 清楚 為何 要 由 政風 處 來 調查 的 原因 陳時中</t>
  </si>
  <si>
    <t>北歐國家 丹麥 也 難 逃 新冠肺炎 的 疫情 肆虐 本 週三 公佈 累積 病例 數字 達到 514 例 代表 在 短短 兩 天 之內 就 暴 增 了 10 倍數 量 衛生部長 magnus heunicke 說 這 是 歐洲 前所未見 的 新冠肺炎 疫情 擴散 速度 丹麥政府 宣佈 從 本 週五</t>
  </si>
  <si>
    <t>北歐國家 丹麥 也 難 逃 新冠肺炎 的 疫情 肆虐 本 週三 公佈 累積 病例 數字 達到 514 例 代表 在 短短 兩 天 之內 就 暴 增 了 10 倍數 量 衛生部長 magnus heunicke 說 這 是 歐洲 前所未見 的 新冠肺炎 疫情 擴散 速度 丹麥政府 宣佈 從 本 週五 13 日 起 關閉 各級 學校 兩 周 包含 所有 室內 文化 機構 圖書館 休閒 設施 托兒 中心 從 下週一 起 也 關閉 兩 周 並 建議 私人機構 協會 及 宗教團體 一樣 關閉 兩 周 針對 醫院 療養院 其他 醫療機構 將 實施 更 嚴格 的 限制 公 部門 非必要 職位 的 職員 在 未來 幾 天內 將 開始 在 家 辦公 原本 1000 人 以上 的 活動 取消 現在 改 為 100 人 以上 的 活動 就 必須 取消 丹麥 是 歐洲第 2 個 對 新冠肺炎 的 疫情 實施 封鎖 的 國家</t>
  </si>
  <si>
    <t>日本 愛知縣 的 觀光旅館 富士 見 莊 宣佈 破產 成為 日本 首 家 因 受 新冠肺炎 疫情 影響 宣佈 破產 的 旅館 東京 商工 調查 指出 位於 愛知縣 蒲郡 市 西浦 溫泉 的 富士 見 莊 設立 於 1956 年 可 眺望 三 河灣 的 景觀 以及 新鮮 的 魚 貝類 是 其 最</t>
  </si>
  <si>
    <t>日本 愛知縣 的 觀光旅館 富士 見 莊 宣佈 破產 成為 日本 首 家 因 受 新冠肺炎 疫情 影響 宣佈 破產 的 旅館 東京 商工 調查 指出 位於 愛知縣 蒲郡 市 西浦 溫泉 的 富士 見 莊 設立 於 1956 年 可 眺望 三 河灣 的 景觀 以及 新鮮 的 魚 貝類 是 其 最 大 賣 點 2005 年 的 業績 高 達 5億5千萬 日圓 約 台幣 1億5千268萬 元 但 之後 業績 不振 2013 年 8 月 起 資金 調度 困難 問題 開始 浮現 該 旅館 近年來 靠 大 批 大陸旅行團 入住 而 維持 營業 但 2020 年 1 月 受到 新冠肺炎 疫情 的 影響 大陸 觀光團 相繼 取消 預約 又 正值 春節 長假 期間 對 業績 是 一大 打擊 由於 旅館 經營 前途 難料 於是 決定 營業 至 2 月 21 日後 關門大吉 旅館 的 資本額 為 9600萬 日圓 約 台幣 2千665萬 元 至於 負債 有 多少 則 還要 清算</t>
  </si>
  <si>
    <t>旅館 破產 業績 富士 見 莊 新冠肺炎</t>
  </si>
  <si>
    <t>新冠肺炎 疫情 延 燒 對 交通 觀光業 衝擊 開出 第一 槍 臺灣 高鐵 2633 公佈 3 月 營 收 2377億 元 年 減 4 成 月 減 13 創下 2010 年 10 月 以來 新低 累計 今年 首季 營 收 僅 96億 元 比 去年同期 衰退 1838 單季 營 收 6 年 新低 罕見 跌</t>
  </si>
  <si>
    <t>臺灣 高鐵 新低 單季 新冠肺炎 月 營 收</t>
  </si>
  <si>
    <t>新冠肺炎 紓困 防疫 最新 措施 大學 指 考 延至 7 3 5</t>
  </si>
  <si>
    <t>陸明君 老公 新冠肺炎 臺灣 星級 餐廳</t>
  </si>
  <si>
    <t>好 噁 啊 新冠肺炎 環境 大 消毒 卻 放 著 排水溝 浮 廢油 飄 垃圾</t>
  </si>
  <si>
    <t>好 噁 啊 伸港 鎮 中興 路上 中興 運動 公園 附近 的 排水溝 浮 著 廢油 垃圾 散發 惡臭 讓 人 走過 都湧 起 一陣 陣 的 嘔吐 感 不禁 質疑 新冠肺炎 衝擊 環境 都大 消毒 了 公園 旁 的 排水溝 卻 塞 成 這樣 太 恐怖 了 中興 公園 平常 多 人 去 運</t>
  </si>
  <si>
    <t>好 噁 啊 伸港 鎮 中興 路上 中興 運動 公園 附近 的 排水溝 浮 著 廢油 垃圾 散發 惡臭 讓 人 走過 都湧 起 一陣 陣 的 嘔吐 感 不禁 質疑 新冠肺炎 衝擊 環境 都大 消毒 了 公園 旁 的 排水溝 卻 塞 成 這樣 太 恐怖 了 中興 公園 平常 多 人 去 運動 近日 下雨 排水溝 水位 漲起 浮現 髒汙 的 原形 讓 許多 深感 無奈 這 就 是 我們 生活 的 環境 只 會 噴灑 消毒 排水 的 髒汙 都 不 清 水溝 堵 了 也 不理 這樣 的 環境 就 不 會 污染 嗎 這樣 的 水溝 要 清 了 吧 賴清美 表示 接到 民眾 抱怨 到 現場 一 看 真得 嚇 一 跳 排水溝 近 200 公尺 應該 是 堵塞 最近 又 下雨 水位 上漲 呼籲 相關 單位 盡 速 處理 要是 雨勢 不停 溝 水 漲 出來 溢 流到 路面 住家 豈 不 要 大 遭殃 衛生 安全 堪 慮 啊</t>
  </si>
  <si>
    <t>新冠肺炎 疫情 持續 升溫 台南 首 廟 天壇 22 日 舉辦 消 災 祈福 法會 台南 市長 黃偉哲 率 局 處 首長 區長 和 30 多 家 廟宇 共同 參與 面對 25 日 開學 在即 他 強調 市府 正 與 專家學者 研 商 比 中央 更 嚴格 的 停課 標準 避免出現 學校 依 規定 上課</t>
  </si>
  <si>
    <t>新冠肺炎 疫情 持續 升溫 台南 首 廟 天壇 22 日 舉辦 消 災 祈福 法會 台南 市長 黃偉哲 率 局 處 首長 區長 和 30 多 家 廟宇 共同 參與 面對 25 日 開學 在即 他 強調 市府 正 與 專家學者 研 商 比 中央 更 嚴格 的 停課 標準 避免出現 學校 依 規定 上課 家長 卻 不敢 讓 小孩 上學 的 窘境 新冠肺炎 來勢洶洶 天壇 廟 方 人員 12 日 向 主 祀 神明 玉 皇上 帝 請示 舉辦 消 災 祈 禳 大法 會 連 獲 9 個 聖 筊 22 日 請出 廟 內 供奉 的 張天師 普化天 尊 與 太 乙 真人 坐鎮 請來 百年 歷史 的 經文 社員 念誦 3 部 經書 為 社會 祈福 祈求 別 讓 疫情 進入 社區 面對 下 週二 開學 黃偉哲 表示 幸好 教育部 決定 延後 2 周 開學 有 充分準備 防疫 物資 的 時間 他 說 中央 有 停課 標準 但 台南 正 在 研 商 比 中央 更 嚴格 的 停課 標準 目前 還 是 會 先 遵循 中央標準 近日 會 儘快 與 防疫 中心 校方 家長 討論 停課 標準 黃偉哲 表示 俗話說 要人 也 要 神 除了 努力 盡 人事 也 要 聽 天命 上 天 的 保佑 也 是 人民 企盼 希望 藉 由 法會 讓 大眾 安心 期望 疫情 早日 解除</t>
  </si>
  <si>
    <t>三藩市 疑 現 社區 傳播 新冠肺炎 首例 病源 不明</t>
  </si>
  <si>
    <t>一 名 在 沙加 緬度 郡 sacramento county 接受 治療 的 索拉諾 郡 solano county 居民 從未 接觸 新冠肺炎 病 患 但 卻 染病 可能 成為 第一 宗人 傳 人 的 社區 傳播 病例 據 ktla 5 電視臺 26 日 報導 疾病 管制 與 預防 中心 cdc 週三 宣</t>
  </si>
  <si>
    <t>新冠肺炎 臺灣 國產 疫苗 疫苗 柯文哲</t>
  </si>
  <si>
    <t>新冠肺炎 攪局 全錄 放棄 350億 美元 收購 惠普 案</t>
  </si>
  <si>
    <t>受到 新冠肺炎 疫情 衝擊 經營 狀況 全錄 xerox 宣佈 撤回 對 個人 電腦 及 印表機 大廠 惠普 hp 高達 350億 元 約 新 台幣 1 兆 500億 元 的 收購案 根據 外 媒 彭博社 的 報導 隨 著 肺炎 疫情 帶來 的 不 確定性 增加 全錄 將 放棄 收購 惠</t>
  </si>
  <si>
    <t>受到 新冠肺炎 疫情 衝擊 經營 狀況 全錄 xerox 宣佈 撤回 對 個人 電腦 及 印表機 大廠 惠普 hp 高達 350億 元 約 新 台幣 1 兆 500億 元 的 收購案 根據 外 媒 彭博社 的 報導 隨 著 肺炎 疫情 帶來 的 不 確定性 增加 全錄 將 放棄 收購 惠普 這 場 自 去年 11 月 揭開序幕 的 350億 元 現金 加 股票 敵意 收購 終於 畫下 句 點 雖然 惠普 在 第一時間 已經 拒絕 這項 並購 但是 一直 沒讓 全錄 放棄 並購 的 念頭 直 到 新冠肺炎 疫情 造成 市場 動盪 全錄 在 經濟 條件 上 無法 負擔 此 並購 而 喊停 全錄 指出 現有 的 市場 環境 條件 對 全錄 持續 推動 hp 公司 的 收購 並 沒有 幫助 因此 該 將 撤回 收購 hp 的 提議 全錄 在 聲明 提到 兩 家 公司 合併 有 長期 財務 和 策略 上 的 好處 數 個 月 來 的 拖延 已 損 及 支援 這項 交易 的 hp 股東 利益 考量 員工 客戶 合作夥伴 及 其他 人 的 健康 安全 福祉 及 疫情 因應 措施 下 決定中止 這個 計畫 更 多 ctwant 報導</t>
  </si>
  <si>
    <t>新冠肺炎 確診 快 篩 解 隔離 檢查</t>
  </si>
  <si>
    <t>日本 又 一 男 星 確診 傑尼斯 男團 關 8 成員 橫山 裕 因 出現 喉嚨 疼痛 症狀 且 發燒 到 38 度 檢測 後 確認 染 新冠肺炎 而 2 位 經紀人 也 都 是 陽性 所幸 其他 4 名 成員 成員 檢測 結果 是 陰性 去年 9 月 關 8 成員 大倉 忠義 率先 確診 沒</t>
  </si>
  <si>
    <t>關 8 橫山 裕 傑尼斯 新冠肺炎 紅 白 歌唱 大賽</t>
  </si>
  <si>
    <t>delta 基因 定 序 板橋 新北 市 新冠肺炎</t>
  </si>
  <si>
    <t>瑄瑄 哈 孝遠 剖腹產 新冠肺炎 臺灣</t>
  </si>
  <si>
    <t>新冠肺炎 的 疫情 繼續 擴散 特別 是 中國 大陸 以外 地區 感染 人數 呈 跳躍式 增加 上周 美國 疫情 惡化 紐約州 宣佈 進入 緊急狀態 另外 歐洲義 大利 情況 也 更加 嚴峻 已經 大規模 封鎖 疫區 除 中國 以外 目前 全球 受 波及 國家 正好 是 10</t>
  </si>
  <si>
    <t>衛福部 上周 三大 動作 召開 記者會 公開 招募 新冠 疫苗 的 臨床 試驗 受試者 遭 外界 質疑 有 帶頭 違法 之 虞 立法委員 蔣 萬安 今 在 衛環 委員會 質詢 時 指出 食 藥 署 曾 明文 規範 臨床 試驗 受試者 的 招募 原則 需 經 人體 試驗 委員會 核 可 後 才能 刊登 且 不得 用 記者會 社 群 媒體 製作 圖表 廣發 民眾 的 方式宣 傳 亦 不能 用 設立 報名 截止日 告知 民眾 欲 報 速 從 以免 向隅 根本 是 帶頭 遊 走 法律 邊緣 蔣 萬安 指出 上周 三 的 記者會 中 衛福部 不但 宣佈 招募 人體 試驗 受試者 平臺 上線 還 製作 圖表 因為 有 您 疫苗 有 譜 的 文宣 放上 社 群 媒體 廣發 有 明顯 的 廣告 嫌疑 且 人體 試驗 受試者 平 臺上 還 設有 達標 人數 的 倒數 計時器 全數 文 宣 內容 都 未 提及 進行 人體 試驗 的 危險性 與 風險 蔣 萬安 表示 過去 衛福部 曾 函文 表示 相關 的 人體 臨床 試驗 招募 必須 經過 人體 試驗 委員會 核准 後 才能 開始 且 招募 廣告 不得 具 受試者 將 可 獲得 免費 醫療 或 費用 補助 等 內容 也 不能 用 名額有限 即將 截止 或 立即 聯繫 以免 向隅 等 文字 也 不能 用 含有 強制 引誘 鼓勵性 質 的 圖表 圖片 或 符號 蔣 萬安 批評 但 上周 的 衛福部 記者會 卻 帶頭 遊 走 法律 邊緣 未來 若 業者 也 比照辦理 先 設立 受試者 招募 平臺 網站 再 結合 引誘 性 的 圖表 文 宣 亂象 恐 會 頻 傳 對 此 衛福部 次長 薛瑞元 解釋 上周 所 公佈 的 受試者 平臺 並 不是 招募 受試者 只 是 先 詢問 民眾 的 意向 平臺 已 利 後續 藥廠 開發 疫苗 的 受試者 招募 薛瑞元 強調 新冠肺炎 已是 危及 全世界 的 公共 衛生 議題 有 開發 疫苗 的 迫切 需求 因此 必須 用 個案 來 討論 若 就 上周 的 記者會 內容 目前 大致 上 都 合乎 法規 但 若 委員 對 平臺 上 揭露 的 累積 登記 人數 有 意見 可以 再 檢討</t>
  </si>
  <si>
    <t>新冠肺炎 疫情 持續 升溫 為 維護 校園 安全 東海大學 即日起 謝絕 訪 客 入校 校方 指出 除 每日 固定 進出 的 廠商 外 洽 公 者 必須 先 由 校內 窗口 提出 申請 此外 路思義 教堂 的 主 日 崇拜 活動 也 改 采 網路 直播 方式 舉辦 東海大學 指出</t>
  </si>
  <si>
    <t>由於 擔心 疫情 在 全球 迅速 蔓延 美國股市 反彈 乏力 道指 和 標 普 500 指數 再度 收 跌 根據 摩根士丹利 資本 國際 msci 全球 股指 表現 全球股市 市值 在 過去 四 個 交易日 內 蒸發 33 兆 美元 大陸 境內 新增 新冠肺炎 感染 病例 數量 首次 被 全</t>
  </si>
  <si>
    <t>由於 擔心 疫情 在 全球 迅速 蔓延 美國股市 反彈 乏力 道指 和 標 普 500 指數 再度 收 跌 根據 摩根士丹利 資本 國際 msci 全球 股指 表現 全球股市 市值 在 過去 四 個 交易日 內 蒸發 33 兆 美元 大陸 境內 新增 新冠肺炎 感染 病例 數量 首次 被 全球 其他 國家 和 地區 超越 亞洲 報告 了 數 百 個 新增 病例 巴西 證實 了 拉丁美洲 的 第一 例 感染 這種 新病毒 也 蔓延到 了 巴基斯坦 希臘 和 阿爾及利亞 全球 食品 集團 雀巢 暫停 所有 商務旅行 直到 3 月 15 日 美國 衛生 當局 迄今已 處理 了 59 個 病例 其中 大部分 是從 一 艘 在 日本 隔離 數日 的 郵輪 上 撤回 的 美國 人 但是 總統 川普 指責 經常 批評 他 的 有線電視 頻道 用盡 渾身解數 讓 新冠肺炎 疫情 看起來 盡可能 的 糟 包括 令 市場 恐慌 目前 已 有約 8萬 人 確診 感染 新冠肺炎 近 2800 人 死亡 其中 絕大多數 在 大陸 雖然 嚴格 的 隔離 措施 有助於 減緩 疫情 在 大陸 的 傳播 速度 但 在 全球 其他 地方 傳播 速度 正在 加快 世界衛生組織 who 表示 大陸 週二 報告 了 412 例 新增 病例 而 其他 37 個 國家 報告 了 459 例 然而 世衛組織 總 幹事 譚德 賽 週三 在 日內瓦 建議 各國 外交官 不要 隨意 使用 大 流行 一 詞 世衛組織 對 該詞 的 定義 為 一 種 全球 範圍 傳播 的 新 疾病 譚德 賽 表示 隨意 地 使用 大 流行 這個 詞 沒有 任何 實際 的 好處 但 它 在 放大 不必要 的 不合理 的 恐懼 和 恥辱感 以及 導致系統 癱瘓 方面 確有 顯著 的 風險 這 也 可能 意味著 我們 無法 再 控制 病毒 但 實際上 我們 是 可以 控制 住 病毒 的 他 指出 這 也 可能 意味著 我們 無法 再 控制 病毒 但 事實 並非如此</t>
  </si>
  <si>
    <t>大陸 傳播 蒸發 新冠肺炎 股市</t>
  </si>
  <si>
    <t>新冠肺炎 斯洛伐克 總理 呼吸道 感染 加 高燒 緊急 住院</t>
  </si>
  <si>
    <t>封城 破百 雙北 陳時中 新冠肺炎</t>
  </si>
  <si>
    <t>新冠肺炎 肆虐 華仔 大陸 巡演 全 喊 卡</t>
  </si>
  <si>
    <t>新冠肺炎 臺灣 施打 疫苗 作業 疫苗 接種</t>
  </si>
  <si>
    <t>新冠肺炎 全球 澳洲 墨爾本 維多利亞州 戶外</t>
  </si>
  <si>
    <t>新冠肺炎 臺灣 陳時中 疫苗 林濁水</t>
  </si>
  <si>
    <t>據 廣州日報 報導 廣州 已 不只 連續 19 日 實現 零 新增 新冠肺炎 確診 病例 7 月 8 日 上午 最後 6 名 確診 患者 從 廣州醫科大學 附屬 市 八 醫院 出院 後 本 波 廣州 發生 的 新冠 疫情 所 有感 染病 患 已 全部 治癒 實現 清零 更 重要 的 是 在 這 波</t>
  </si>
  <si>
    <t>世界 行動 通訊 大會 mwc 24 日 將 如期舉行 惟 新冠肺炎 攪局 包括 英特爾 亞馬遜 及 愛立信 等 國際 大廠 紛紛 宣佈 退 展後 臺灣 兩 大 廠商 聯發 科 2454 與 中 華電 2412 11 日 也 雙雙 退出 法人 認為 現階段 復工 情況 比 展覽 更為</t>
  </si>
  <si>
    <t>世界 行動 通訊 大會 mwc 24 日 將 如期舉行 惟 新冠肺炎 攪局 包括 英特爾 亞馬遜 及 愛立信 等 國際 大廠 紛紛 宣佈 退 展後 臺灣 兩 大 廠商 聯發 科 2454 與 中 華電 2412 11 日 也 雙雙 退出 法人 認為 現階段 復工 情況 比 展覽 更為重要 往年 mwc 展 不但 是非 蘋 陣營 大 秀 肌肉 的 舞臺 更是 通訊 科技領域 的 風向 球 惟 今年 受到 疫情 干擾 風光 不再 萬寶 投 顧 董事長 朱成志 認為 儘管 各 大 廠商 不 參加 mwc 展 投資人 也 無 需 過度 解讀 因 現階段 復工 狀況 相比 規格 更為重要 若 陸 廠 能夠 順利 復工 後續 新品 各自 發表 對 公司 營運 影響 並不大 朱成志 指出 新冠肺炎 疫情 高峰 其實 已 過 從 兩 大 資料 觀察 其一 非 湖北 地區 確診 人數 持續 下滑 其二 確診 新增 病例 呈現 波動 下降 因次 預期 大陸 復工 狀況 只 會 越來越 好 電子 股 將 回歸 基本 面 儘管 mwc 在 全球 大 廠 紛紛 退出 後 規模 急 縮 相關 個股 題材 熱度 不再 但 非蘋 陣營 包括 三星 華為 小米 oppo 等 大廠 在 內 上半年 的 新機 仍 將 陸續 發表 相關 供應 鏈 包括 聯發 科 華通 敦 泰 臻 鼎 -ky 晶技 等 台廠 供應 鏈 仍 有望 受惠 11 日 股價 同步 出現 強勁 走勢</t>
  </si>
  <si>
    <t>新冠肺炎 疫情 未 歇 疫苗 被 視為 推動 解封 的 希望 而 對於 沒有 透過 大中華 地區 代理商 上海 複 星 醫藥 購買 指揮官 陳時中 表示 是 bnt 主動 聯繫 對此 藥師 林士峰 認為 陳時中 要 繞過 大中華 區 總代理 上海 復興 和 德國 原廠 下單</t>
  </si>
  <si>
    <t>陳時中 疫苗 bnt 上海 復興 新冠肺炎</t>
  </si>
  <si>
    <t>受 新冠肺炎 影響 各 家業 者 都 在 想方設法 讓 產能 運作 順利 其中 pcb 鑽 針 廠 尖點 科技 8021 表示 除了 成立 防疫 應變 小組 積極 投入 防疫 作業 以外 目前 臺灣 廠部 份 產能 全開 全力 支援 大陸 地區 需求 由於 尖點 在 大陸 生產</t>
  </si>
  <si>
    <t>受 新冠肺炎 影響 各 家業 者 都 在 想方設法 讓 產能 運作 順利 其中 pcb 鑽 針 廠 尖點 科技 8021 表示 除了 成立 防疫 應變 小組 積極 投入 防疫 作業 以外 目前 臺灣 廠部 份 產能 全開 全力 支援 大陸 地區 需求 由於 尖點 在 大陸 生產 據點 為 江蘇 河北 廣東 四川 配合 大陸 地區 各 所在地 政府 機關 發佈 之 規定 復工 時間 不一 唯 復工 初期 因 員工 返 崗 人數 不足 產能 利用率 偏 低 三月 份 是否 能 恢復正常 取決 於 疫情 受 控 程度 尖點 一月 受到 農曆 春節 工作 天數 減少 以及 新冠肺炎 疫情 影響 一月 營 收 202億 元 較 上月 減少 305 較 去年同期 減少 206 累計 2019 年 營 收 達 3006億 元 較前年 減少 84 不過 尖點 聚焦 收斂 策略 一段時間 調整 長期 營運 表現 不 彰 之 子公司 規模 雖然 營 收 規模 下降 但 減虧 效益 確保 了 獲利 表現 去年 第 三 季 毛利率 為 327 是 自 2016 年 以來 首度 回到 30 以上 的 毛利 水準 分別 較 第二 季及 前年 同期 增加 64 及 42 個 百分點 因應 5 g 時代 來臨 由於 5 g 技術 所 需 的 高 頻率 也 為 pcb 制程 帶來 挑戰 尖點 已 推出 一系列 應用 於 5 g 領域 的 鑽 針 對應 5 g 產品 使用 的 基 板 具 高頻 厚 板 高層 數 等 特性 以 提供 客戶 更 好 的 加工 精度 及 孔壁 品質 需求</t>
  </si>
  <si>
    <t>對比 美國 新冠肺炎 疫 持續 升溫 大陸 官方 26 日 則 高調 宣佈 武漢 在 院 的 患者 已經 歸 零 且 境外 輸入 確診 病例 已有近 6 成 治癒 出 院 不過 眼下 黑龍江 綏芬河市 疫情 仍舊 嚴峻 官方 已 要求 市民 非必要 不得 離市 而 面對 五 一連 假</t>
  </si>
  <si>
    <t>對比 美國 新冠肺炎 疫 持續 升溫 大陸 官方 26 日 則 高調 宣佈 武漢 在 院 的 患者 已經 歸 零 且 境外 輸入 確診 病例 已有近 6 成 治癒 出 院 不過 眼下 黑龍江 綏芬河市 疫情 仍舊 嚴峻 官方 已 要求 市民 非必要 不得 離市 而 面對 五 一連 假 將 至 也 有 多 地 政府 祭出 限 行 令 要求 校園 師生 不得 赴 外地 旅行 大陸 國家 衛健 委 26 日 發佈 消息 指 湖北 25 日 無 新 增 確診 病例 且 新增 11 例 治癒 出院 病例 無 新 增 死亡 病例 衛健 委 新聞 發言人 米鋒 在 同日 下午 國務院 聯防 聯控 機制 記者會 上 稱 經過 武漢 和 全國 援 鄂 醫務人員 的 共同努力 今日 武漢 所有 在 院 新冠肺炎 患者 已 歸零 綏 城 設置 市 內碼 限制 移動 但 武漢 疫情 的 趨 緩 並不 代表 危機 解除 當前 面臨 疫情 境外 輸入 威脅 的 黑龍江 綏芬河市 在 26 日 發佈 通告 要求 綏芬河市 按照 中 風險 地區 管理 全城 畫 定 重點 管控區 嚴格 實行 九 嚴一保 管控 措施 並且 市內 人員 將 單獨 設置 市 內碼 以 限制 市民 離市 造成 疫情 擴散 風景區 恐 人潮 多 嚴加 防範 公告 指 若 綏芬河 市民 遇 特殊 情況 需 出 市 須 向 出 城 檢疫站 出示 3 日內 核酸 檢驗 陰性 的 證明 且 離開 後 必須 在 目的地 實施 14 天 集中 隔離 醫學觀察 並 進行 2 次 核酸 檢驗 另外 為 因應 五 一連 假 大陸 也 有 多 地區 要求 校園 師生 不 得 到 外地 旅遊 還有 一 部 份 地區 宣佈 五一 假期 期間 學生 不放 假 如 安徽省 淮北市教育局 在 24 日 發佈 通告 提到 為 嚴格 管 疫情 要求 所有 市內 師生 在 五一 及 端午 連 假 不 得出 市 旅遊 宣佈 五一 不放 假 的 地區 則 有 浙江 杭州 和 安徽 馬鞍山市 等 今年 大陸 五一 假期 長達 5 日 按 日前 清明連 假 的 經驗 看來 各 大 旅遊 風景區 仍 可能 聚集 龐大 人潮 須 嚴加 防範</t>
  </si>
  <si>
    <t>新冠肺炎 疫情 持續 升溫 醫療 人員 的 工作量 也 遽 增 有 網友 貼出 醫療 人員 的 便當 同時對比 了 日前 武漢 台商 包機 返台 後 的 便當 這 讓 她 忍不住 感歎 到底 是 醫院 便當 太 可憐 還是 隔離 所 便當 太 豐盛 原 po 在 dcard 發文 表示</t>
  </si>
  <si>
    <t>新冠肺炎 疫情 持續 升溫 醫療 人員 的 工作量 也 遽 增 有 網友 貼出 醫療 人員 的 便當 同時對比 了 日前 武漢 台商 包機 返台 後 的 便當 這 讓 她 忍不住 感歎 到底 是 醫院 便當 太 可憐 還是 隔離 所 便當 太 豐盛 原 po 在 dcard 發文 表示 之前 看 到 武漢 返台 台商 在 抱怨 隔離 所 的 便當 於是 就 請 男友 傳 了 醫院 的 員工 便當 沒 想到 照片 一傳 過來 讓 她 震驚 不已 餐盒 裡 的 白飯 不但 沒有 裝滿 主菜 一塊 肉 擺在 其中 一小 格子 另外 還有 少量 配 菜 原 po 留言 為 我 男友 醫院 的 員工 感到 難過 據說 他們 男生 根本 吃不飽 還 得 抽空到 樓下 全家 覓食 原 po 更 拿 了 日前 武漢 台商 在 隔離 所 的 便當 與 男友 的 便當 來 做 比較 到底 是 醫院 便當 太 可憐 還是 隔離 所 便當 太 豐盛 原 po 還 補充 據說 原本 一個 70 塊 漲 到 80 塊 而且 男友 絕對 沒有 把 主菜 拿 掉 她 也 不 忘 請 大家 能夠 稍微 體諒 吃不飽 還要 上 戰場 抗 疫 的 醫護人員</t>
  </si>
  <si>
    <t>新冠肺炎 疫情 延 燒 新北 市 藍色 公路 受到 嚴重 衝擊 整體 運量 銳減 8 成 以上 每天 營業額 不 到 2000 元 臺北 航運公司 不堪 虧損 已向 新北 市府 申請 取消 平日 航班 僅 留 假日 航班 若 疫情 持續 延 燒 恐 引發 骨牌效應 新北 市交通局</t>
  </si>
  <si>
    <t>新加坡 新冠肺炎 疫情 緊張 22 日 中午 總 確診 人數 破 萬 大關 來到 10141 例 新加坡 總理 李顯龍 宣佈 軟 封 城 令 延長 到 6 月 1 日 除此之外 因為 疫情 關係 從 22 日 開始 關閉 飲料店 甜 點 店 及 點心店 消息 一 出讓 當地人 崩潰 許多 人</t>
  </si>
  <si>
    <t>國立 成功 大學 結合 產 官 學界 10 日 宣佈 在 沙侖 智慧 產業 創新 園區 組成 創新 聯盟 受 邀 與會 的 行政院 副 院長 陳其邁 羡慕 沙侖 智慧 產業 園區 有成 大 提供 頂尖 研發 能量 是 發展 大 南方 計 畫 的 核心 未來 將 帶領 臺灣 邁向 工業 40 時代 的 關鍵 朝向 綠 能 智慧 科技 前進 歸 仁 區 沙侖 部落 原先 在 前 台南 市長 賴清德 規 畫 為 沙侖綠 能 園區 在 蔡英文 總統 啟動 大 南方 計 畫 後 一舉 升級成 沙侖 智慧 產業 園區 以 成功 大學 提供 學術 領域 成大 校長 蘇慧貞 10 日 宣佈 成立 沙侖 智慧 產業 創新 聯盟 包括 中研院 工研院 交大 學術 單位 進駐 提供 技術 與 學術研究 發展 智慧 醫療 綠 能 減 碳 與 智慧 運輸 目標 是 成為 領導 亞洲 的 綠 能 智慧 科技 實驗場 域 其中 智慧 醫療 已經 在 此次 新冠肺炎 防疫 中 展現 成果 台南 市長 黃偉哲 稱 沙侖 智慧 園區 早 在 2016 年 即已 定位 是 蔡英文 大 南方 計 畫 中 最 接近 成熟 的 方案 未來 將 成為 南 臺灣 的 動能 引擎 還 會 設置 台南 會展 中心 三井 outlet 等 生活 機能 單位 是 塊 星光 熠熠 的 土地 陳其邁 羡慕 台南 市 有 學術 基礎 雄厚 的 成大 提供 創新 研發 能量 還 稱讚 成大 主導 的 沙侖 智慧 產業 創新 聯盟 是 大 南方 計 畫 的 核心 未來 將 帶領 臺灣 走向 工業 40 時代 陳其邁 參觀 示範 版 方 艙 陳其邁 在 會後 參觀 成大 自主 研發 的 示範 版 方 艙 醫院 每個 病房 都 有 標準 的 隔離 措施 他 稱 臺灣 已 20 多 天 無 本土 案例 成大 研發 的 方 艙 醫院 更 符合 傳染病 者 的 隔離 空間 但 希望 臺灣 不要 用到</t>
  </si>
  <si>
    <t>新冠肺炎 全球 日本 delta 東京都</t>
  </si>
  <si>
    <t>英國 106 歲 嬤 2 度 戰勝 新冠肺炎 曝 長壽 秘訣 全 脂 牛奶 威士卡</t>
  </si>
  <si>
    <t>英國 一 名 106 歲 的 女子 在 與 新冠肺炎 抗爭 2 次 後 感覺 比 以往 任何 時候 都健康 她 透露 自己 的 長壽 秘訣 就是 全 脂 牛奶 和 威士卡 根據 每日 郵報 報導 住 在 默西賽德 郡 merseyside 聖海倫 st helen s 伊莉莎白 閣</t>
  </si>
  <si>
    <t>瑪麗 新冠肺炎 106 長壽 秘訣 全 脂 牛奶</t>
  </si>
  <si>
    <t>美國 新冠肺炎 疫情 再度 邁向 可怕 里程碑 死亡 人數 於 昨 18 日 突破 25萬 人 新冠 死亡 時間 快 轉 每 1 分鐘 就 有 至少 1 人 喪命 疫情 嚴峻 的 德州 艾爾帕索 el paso 還 得 動用 10 台 冷藏 貨車 充當 行動 停 屍 間 讓 囚犯 充當 屍體 搬運工</t>
  </si>
  <si>
    <t>新冠肺炎 死亡 美國 25萬 人 1 分鐘</t>
  </si>
  <si>
    <t>新冠肺炎 疫 期 延 燒 影響 各行各業 層面 甚 廣 已 有 跨國 營養品 公司 推出 線 上 教學 邀請 國內外 專家 開辦 免費 線 上 營養 講座 營養師 表示 皮膚 和 黏膜 是 人體 的 第一 道 防線 均衡 攝取 4 大 營養素 可 降低 疾病 發生 機 提升 全民 健</t>
  </si>
  <si>
    <t>新冠肺炎 疫 期 延 燒 影響 各行各業 層面 甚 廣 已 有 跨國 營養品 公司 推出 線 上 教學 邀請 國內外 專家 開辦 免費 線 上 營養 講座 營養師 表示 皮膚 和 黏膜 是 人體 的 第一 道 防線 均衡 攝取 4 大 營養素 可 降低 疾病 發生 機 提升 全民 健康 因應 疫情 美 商 賀寶芙 將 原訂 的 萬人 年度 會員大會 延期 並 將 重點 轉向 線 上 教學 民眾 可 免費 參加 賀寶芙 營養師 林若君 表示 皮膚 和 黏膜 是 人體 第 一道 也 是 最 大 的 防護 體 皮膚 呼吸道 以及 腸道 則 是 抵抗 病原 的 最 前線 將 直接 影響 疾病 發生 機 因此 平時 照顧 好 免疫系統 對 傳染病 防禦 尤其 重要 林若君 建議 民眾 均衡 攝取 下列 4 大 營養素 可 提升 自體 防護力 1 維 它 命 a c d e 胡蘿蔔素 和 鋅 維 它 命 a 和 胡蘿蔔素 能 維護 眼睛 鼻子 口腔 肺 及 胃腸 道 各 處 的 黏膜 健康 鞏固 免疫系統 的 第一 道 防線 維 它 命 c e 則 幫助 維持 細胞膜 和 呼吸道 黏膜 組織 的 完整性 以 阻擋 外來 病菌 維 它 命 d 的 含量 會 影響 呼吸道 感染 的 機 率 而 攝取 足量 的 鋅 有助 皮膚 和 黏膜 的 生成 2 優質 蛋白質 免疫系統 需要 蛋白質 才能 正常 運作 不僅 是 構成 身 體細胞 白血球 和 抗體 的 主要 成份 也 是 修補 受損 組織 黏膜 修復 和 維持 免疫 機能 的 主角 3 益生 菌 免疫系統 有 70 是 在 腸道 補充 益生 菌 有助於 調整 腸道 生態 保護 腸道 黏膜 進而 提升 自我 保護 力 4 綠茶 茶葉 能 説明 身體 免疫系統 對抗 感冒 病毒 抑制 病菌 其中 以 綠茶 的 兒 茶素 含量 最高 兒 茶素 能夠 覆蓋 在 突起 的 粘膜 細胞 上 防止 病毒 和 粘膜 結合 2 月 22 日 的 線 上 講座 認識 新冠 病毒 加強 防疫 將 邀請 台大 食品科技 研究所 所長 潘敏雄 賀寶芙 榮譽 科學 長 steven henig 博士 期望 藉 由 講師 們 在 飲食 保健 與 疾病 預防 領域 的 專業知識 幫助 民眾 更 有效 提升 自我 免疫 保護 力</t>
  </si>
  <si>
    <t>本土 個案 確診 新冠肺炎 解封 臺灣</t>
  </si>
  <si>
    <t>全球 新冠肺炎 疫情 未 歇 檢測 需求 持續 攀升 普生 4117 加速 搶 進 新冠 檢測 商 機 17 日 公告 普 生 新冠肺炎 核酸 檢測 試劑 盒 4 pco 052 e 暨 普 生 病毒 核酸 萃 取 試劑 pun 012 e 之 專案 製造 已 取得 衛福部 核准 核准 制</t>
  </si>
  <si>
    <t>全球 新冠肺炎 疫情 未 歇 檢測 需求 持續 攀升 普生 4117 加速 搶 進 新冠 檢測 商 機 17 日 公告 普 生 新冠肺炎 核酸 檢測 試劑 盒 4 pco 052 e 暨 普 生 病毒 核酸 萃 取 試劑 pun 012 e 之 專案 製造 已 取得 衛福部 核准 核准 製造 期間 至 110 年 12 月 31 日 止 限 於 國內 中央 主管機關 或 指定 檢驗 機構 進行 試驗 普 生 指出 目前 出 貨 產品 以 核酸 檢測 試劑 為主 國家 包括 印度 印尼 墨西哥 馬來西亞 等 每月 出貨量 約 落 在 10 20萬 劑 正在 等待 印度 的 政府 大型 標 案 該 政府 約 釋出 500 600萬 劑 且 有 當地 韓國 等 多 家業 者 競標 若 順利 取得 標 案 營運 有 機會 再 成長 各國 對 新冠肺炎 檢測 試劑 產品 仍 保持 高度 需求 普生旗 下 rt-pcr 核酸 試劑 抗原 抗體 快 篩 試劑 以及 elisa 血清 抗原 抗體 試劑 持續 進行 臺灣 美國 澳洲 加拿大 等 地 申請 認證 強化 海外 市場 佈 局並 提高 竹科廠 產能 稼 動 率 以 滿足 全球 檢測 所 需 伴隨 新冠 病毒 檢驗 試劑 出 貨 拉 抬 普生 8 月 營 收 5482萬 元 月 增 2622 年成 長 31053 創 歷史 次高 紀錄 前 8 月 營 收 263億 元 年 增 5939 普 生 旗 下 三 款 新冠肺炎 試劑 產品 進度 上 除 gb sars-cov- 2 real-time rt-pcr 核酸 檢測 試劑 已 獲 歐盟 印度 澳洲 等 認證 以及 臺灣 tfda 醫療 器材 專案 製造 核准 許可 批准 持續 供應 印度 印尼 試劑 訂單 需求 並 進行 美國 加拿大 摩洛哥 墨西哥 及 奈及利亞 認證 申請 中 此外 普生 與 中研院 合作 研發 抗原 抗體 快 篩 試劑 正 採取 結合 美國 danner laboratory 檢驗 實驗室 進行 臨床 試驗 增加 臨床 試驗 收 案件數 超過 各國 申請 規範 提高 試劑 檢測 準確率</t>
  </si>
  <si>
    <t>新冠肺炎 持續 除了 日本 南韓 境內 也 大 爆發 而 女星 江泳 錡 上月 不畏 被 隔離 風險 冒 死 為 粉絲 批 貨 還 因 體力不支 在 機場 昏倒 返台 後 她 想去 做 按摩 卻 被 老闆 拒絕 對此 她 的 老公 楊煥 心疼 發文 21 日 回國 韓國才 一級 根</t>
  </si>
  <si>
    <t>新冠肺炎 臺灣 疫苗 採購 難題</t>
  </si>
  <si>
    <t>2020 東京 奧運 因為 新冠肺炎 疫情 從 原訂 今年 7 月 24 日 開幕 延後 到 明年 7 月 23 日 才 正式 展開 日本 外國 特派員 協會 在 4 月份 的 刊物 封面 將 東京 奧運會徽 與 病毒 示意圖 結合 象徵 奧運 受到 疫情 影響 延期 不過 這個 設計 引起 東奧</t>
  </si>
  <si>
    <t>東京 奧運 新冠肺炎 協會 外國 特派員</t>
  </si>
  <si>
    <t>臺灣 到底 有 沒有 通知 世衛組織 新冠肺炎 會 人 傳人 秘書長 譚 德塞 說 沒有 但 疫情 指揮官 陳時中 說 病 患有 隔離 治療 公 衛 專業 人員 即 能 研 判 有 人 傳人 的 可能 而 目前 可以 找 到 的 資料 最 早 提到 人 傳人 的 是 香港 醫師 何柏</t>
  </si>
  <si>
    <t>新冠 病毒 人 傳人 譚 德塞 陳時中 新冠肺炎</t>
  </si>
  <si>
    <t>陳時中 分 州 處理 旅遊 警示 新冠肺炎</t>
  </si>
  <si>
    <t>蒙古 通報 新冠肺炎 首例 患者 為 法國 籍 人士</t>
  </si>
  <si>
    <t>新冠肺炎 疫情 持續 延 燒 為了 防疫 台南 市 安定區 無 患 子 生 技 公司 捐贈 4680 瓶 噴霧式 幹 洗手 液 給 台南 市 警察局 保護 執勤 員警 健康 安全 同時 也 將 捐贈 安定區 4 所 國 中小 200 罐 洗手 乳 讓 小朋友 勤洗手 健康 跟 著 走 古寶 無 患 子 生</t>
  </si>
  <si>
    <t>新冠肺炎 疫情 持續 延 燒 為了 防疫 台南 市 安定區 無 患 子 生 技 公司 捐贈 4680 瓶 噴霧式 幹 洗手 液 給 台南 市 警察局 保護 執勤 員警 健康 安全 同時 也 將 捐贈 安定區 4 所 國 中小 200 罐 洗手 乳 讓 小朋友 勤洗手 健康 跟 著 走 古 寶無 患 子 生 技 公司 負責人 王高榮 表示 新冠肺炎 疫情 發生 後 公司 幹 洗手 液 訂單 大增 但因 原 物料 供給 不及 尤其 瓶子 與 壓頭 缺貨 到處 調 貨 仍 無 法 滿足 需求 且 還有 不少 廠商 訂貨 但 公司 仍 排除萬難 捐贈 4680 瓶 噴霧式 幹 洗手 液 給 台南 市 警察局 19 日 由 局長 周幼偉 代表 接受 王 高榮 強調 防疫 視同 作戰 希望 讓 第一 線 執勤 的 員警 人手 一 瓶 幹 洗手 液 值勤 時 可 隨時 清潔 手部 避免 感染 病毒 此外 高中 以下 學校 25 日 即將 開學 各 學校 嚴格 防疫 王高榮 也 決定 回 饋 鄉里 捐贈 安定區 4 所 國 中小 每 校 50 罐 洗手 乳 幫助 學校 防疫 大 作戰 讓 學生 在校 勤洗手 確保 病菌 不 上 身 王 高榮 表示 目前 與 防疫 有關 的 產品 都 出現 供貨 與 生產 的 壓力 雖然 公司 催 貨 壓力 不 少 但 仍 希望 替 防疫 的 工作 奉獻 一 份 心力 也 期許 在 大家 共同努力 下 臺灣 能 度過 這次 新冠肺炎 危機</t>
  </si>
  <si>
    <t>高鐵 確診 新冠肺炎</t>
  </si>
  <si>
    <t>新冠肺炎 新冠 病毒 日本 臺灣 全球</t>
  </si>
  <si>
    <t>新冠肺炎 臺灣 疫苗 護照 陳時中 who</t>
  </si>
  <si>
    <t>msi 微星 2377 今日 宣佈 其三 款 最新 產品 因 出色 的 設計 贏得 了 2020 年 德國 if 設計 大獎 微星 榮獲 2020 德國 if 設計獎 的 產品 為 msi gs 66 stealth 電 競 筆 電 msi mpg sekira 500 x 電 競 機殼 msi mpg sekira 500 g 多 工 電腦 機殼 獲獎 產品 將 於 5 月 2 至 10 日 在 德國 柏林 cafe moskau 展出 msi 微星 科技 行銷 副總經理 程惠正 表示 微星 將 持續 為 遊戲 玩 家 內容 創作者 和 所有 消費者 提供 最 先進 的 前瞻 設計 至於 新冠肺炎 對 微星 的 影響 公司 表示 公司 昆山 廠 和 深圳廠 目前 的 復工 情況 如何 以及 供應 鏈 是否 有 出現 供貨 吃緊 情況 目前 公司 不 方便 對 這個 議題 發表意見 msi 微星 科技 榮獲 2020 德國 if 設計獎 的 產品 為 msi gs 66 stealth 電 競 筆 電 msi mpg sekira 500 x 電 競 機殼 msi mpg sekira 500 g 多 工 電腦 機殼 獲獎 產品 將 於 5 月 2 至 10 日 在 德國 柏林 cafe moskau 展出 msi gs 66 stealth 電 競 筆 電 以 輕薄 機身 佐 以 強大 效能 靜音 機 箱 中 配備 了 300 hz 超 極 速 電 競 螢 幕 並以 世界 上 最薄 的 風扇 葉片 成就 三風 扇 冷卻 設計 再 搭配 99 9 whr 長效 電池 及 沈穩 低調 的 黑色 msi 微星 mpg sekira 500 x 電 競 機殼 搭載 四 組 可 調 燈 效 的 argb 風扇 不僅 可 顯示 數 百萬 種 顏色 更 展現出 玩 家 的 獨特 電競 風格 配備 雙面 白金 等級 免 工具 可 拆 換 的 強化 玻璃 面板 使 mpg sekira 500 x 看起來 像是 一個 堅固 的 堡壘 其 上方 搭載 可 抽換 式 的 散熱器 支架 支援 高達 三 組 側向 通風 的 水冷 風扇 為 玩 家 激烈 的 馬拉松式 電 競 戰場 帶來 極 佳 的 散熱 效果 msi 微星 mpg sekira 500 g 是 全球 首 款 專為遊戲 玩 家 和 多 工 用戶 設計 的 機殼 它 的 外觀設計 有別于 傳統 電腦 主 打 高貴 時尚 金屬 風格 黑色 鋁合金 面板 經過 金屬 拉絲 處理 泛出 細密 的 髮絲 光澤 再 飾 以 玫瑰 金邊 框 mpg sekira 500 g 它 的 mid tower 機殼 直追 full tower 容量 可 支援 e-atx 大 尺寸 主機板 風扇 和 水冷 排 讓 使用者 能夠 輕鬆 直觀 地 建構 怪物 級 電腦主機</t>
  </si>
  <si>
    <t>美 新冠肺炎 確診 數飆 破 萬 人 大關 旅遊 警示 升到 最高 不要 出國</t>
  </si>
  <si>
    <t>據 央 視 新聞 引述 美國 媒體 報導 截至 美東 時間 19 日 上午 11 時 左右 美國 新冠肺炎 確診 病例 至少 10259 例 死亡 病例 至少 152 例 美國國務院 19 日 將 旅遊 警示 提升 至 最高 的 第 四級 建議 所有 美國 公民 避免 出國 旅行 美國 全</t>
  </si>
  <si>
    <t>據 央 視 新聞 引述 美國 媒體 報導 截至 美東 時間 19 日 上午 11 時 左右 美國 新冠肺炎 確診 病例 至少 10259 例 死亡 病例 至少 152 例 美國國務院 19 日 將 旅遊 警示 提升 至 最高 的 第 四級 建議 所有 美國 公民 避免 出國 旅行 美國 全國 公共廣播 電臺 指出 在 新冠 病毒 確診 病例 數 跨越 10000 大關 是 個 重要 里程碑 儘管 到 目前為止 病例 仍 集中 在 少數 幾 個 州 但 目前 所有 50 個 州 哥倫比亞特區 及 波多黎各 都 發現 患者 感染 的 報告 報導 說 最近 幾 天 紐約州 的 疫情 已 超過 加利福尼亞州 和 華盛頓州 的 疫情 紐約州 已 有 3000 例 確診 州長 安德魯 庫莫 andrew cuomo 週三 在 對 記者 說 美國海軍 醫療 軍艦 安適號 usns comfort 正 準備 派 往 到 紐約 以 支援 紐約 收治 大量 湧入 的 新冠肺炎 感染者 目前 美國 為 阻止 病毒 擴大 傳播 已 有 許多 州 下令 關閉 酒吧 和 餐館 有些 州 則 發佈 就地 避難 命令 並 要求 民眾 暫停 旅行 以 避免 疫情 出現 更 大 範圍 的 傳播 據 路透社 報導 美國國務院 在 網站 上 更新 全球 旅遊 警示 將 其 提升 至 最 嚴重 的 第 4 級 呼籲 民眾 不要 旅行 do not travel 在 海外 旅行 的 民眾 若 仍 有 班機 情況 下 立即 返國 而 在 海外 定居 的 僑民 也 應 避免 出國 旅行 該 網站 指出 全球 許多 國家 受到 新冠 病毒 衝擊 已 實施 邊境 管制 與 強制 隔離 措施 並 在 沒 預先 通知 情況 下 就 關閉 邊界 禁止 非 該國 民眾 入境 加上 許多 國際航班 取消 郵輪 停航 若 民眾 仍 選擇 出國 旅遊 不但 旅行 計 畫 可能 遭 打亂 更 可能 被迫 無限期 滯留 在 海外</t>
  </si>
  <si>
    <t>南韓 新冠肺炎 新增 確診 病例</t>
  </si>
  <si>
    <t>新冠肺炎 國產 疫苗 臺灣 解 盲 高端</t>
  </si>
  <si>
    <t>新冠肺炎 臺灣 學生 確診</t>
  </si>
  <si>
    <t>印度 新冠肺炎 疫情 惡化 多 地 宵禁 盼 擴大 接種 疫苗</t>
  </si>
  <si>
    <t>印度 第二 波 新冠肺炎 疫情 持續 惡化 昨天 單日 新增 病例 再 創紀錄 新增 3萬5886 例 創下 102 天 新高 紀錄 疫情 嚴重 的 馬哈拉什特拉 省 和 新德里 計畫 為 更 多 人 施打 疫苗 根據 統計 印度 昨天 一 天 新增 3萬5886 例 2019 冠 狀 病毒 疾病 c</t>
  </si>
  <si>
    <t>聯發 科 2454 今日 舉辦 股東會 由 董事長 蔡明介 執行長 蔡力行 主持 儘管 今年 全球 爆發 新冠肺炎 但 聯發 科 營運 穩住陣腳 上半年 營 收 將 相較 去年同期 會 成長約 10 蔡力行 也 說 聯發 科 上半年 交出 不錯 成績 也 希望 下半年</t>
  </si>
  <si>
    <t>聯發 科 2454 今日 舉辦 股東會 由 董事長 蔡明介 執行長 蔡力行 主持 儘管 今年 全球 爆發 新冠肺炎 但 聯發 科 營運 穩住陣腳 上半年 營 收 將 相較 去年同期 會 成長約 10 蔡力行 也 說 聯發 科 上半年 交出 不錯 成績 也 希望 下半年 可以 繼續 針對 新冠肺炎 對 整體 智慧 機 產業 的 衝擊 蔡明介 表示 在 疫情 衝擊 下 的確 對 整體 智慧 型 手機 市場 上半年 造成 不 確定性 最近 比較穩定 下來 手機 的 整體 銷售 確實 有 減少 只 是 手機 在 疫情 的 時候 其實 也 是 一個 很 重要 的 通訊 產品 這 可說是 一個 新 的 趨勢 蔡力行 則 指出 今年 的 新冠肺炎 對 產業 影響 確實 非常 大 尤其 在 大陸 市場 第一 季 出現 非常 大 影響 第二 季 後續 也 看到 一些 惟 聯發 科 在 如此 的 環境 下 還 是 表現 相當 不錯 也 反映 在 第一 季財報 第二 季財 測 整體 預估 上半年 的 營 收 和 去年同期 會 成長約 10 在 如此 辛苦 的 環境 下 可以 做到 如此 主要是 長年 經營 和 產品組合 加上 和 客戶 密切合作 今年 是 5 g 剛剛開始 成長 的 一 年 聯發 科 搶 在 成長 初期 的 時候 就 已經 進入 市場 產品 線 豐富 在 高階 中 階 還有 入門 款 都有 很 好 的 產品 第一 季 5 g 晶 片 就 已經 出 貨 第二 季則 迎來 高度 成長 聯發 科 對於 5 g 的 發展 非常 有 信心 除 5 g 的 看好 外 蔡力行 進一步 說 今年 4 g 全年 在 全球 衰退 相當 多 但是 聯發 科 會 保持 很 好 的 市 占 率 主要 就是 因為 產品 優異 具有 競爭力 市 占 率 會 繼續 提升 至於 其 發 產品 上 他 坦言 疫情 確實 造成 影響 但是 居家 辦公 遠 端 學習 等 相關 需求 就 不錯 整體 來說 聯發 科 上半年 交出 不錯 成績 也 希望 下半年 可以 繼續</t>
  </si>
  <si>
    <t>新冠肺炎 疫情 延 燒 蔡壁如 強力 推動 公衛 師法 立法</t>
  </si>
  <si>
    <t>新冠肺炎 疫情 衝擊 台 在 陸 求職者 63 回流 或 南進 東 協</t>
  </si>
  <si>
    <t>大陸 新冠肺炎 疫情 持續 也 衝擊 了 臺灣人 西 進 求職 的 熱情 求職 網站 104 人力 銀行 17 日 公佈 一 份 報告 顯示 面對 大陸 工廠 短期 難以 正常 復工 目前 在 中國 工作 且 有 主動 應徵 的 轉 職 者 中 有 63 的 人 向 大陸 職 場 說 掰掰 離開 大陸</t>
  </si>
  <si>
    <t>大陸 新冠肺炎 疫情 持續 也 衝擊 了 臺灣人 西 進 求職 的 熱情 求職 網站 104 人力 銀行 17 日 公佈 一 份 報告 顯示 面對 大陸 工廠 短期 難以 正常 復工 目前 在 中國 工作 且 有 主動 應徵 的 轉 職 者 中 有 63 的 人 向 大陸 職 場 說 掰掰 離開 大陸 職 場 的 人中 有 95 回流 臺灣 其 餘 流向 東 協 國家 該 平臺 預估 受 疫情 陰影 籠罩 加上 大陸 工廠 延後 開工 面試 大幅 削弱 求職者 西進 或 續留 意願 回流 臺灣 南進 東 協 成 趨勢 104 人力 銀行 的 這 份 報告 以 武漢 封城 的 1 月 23 日 為 比較 分水嶺 根據 報告 封城 前 兩 周 1 月 10 日 至 1 月 22 日 目前 在 中國 工作 且 有 主動 應徵 的 轉 職 者 中 不 回 中國 以及 續回 中國 的 比例 各 占 一半 但 封城 後 兩 周 1 月 23 日 至 2 月 8 日 不 回 中國 的 比例 升高 到 63 續回 中國 的 比例 降到 37 對此 104 獵 才 招聘 暨 人才 經營 事業 群資深 副總經理 晉 麗 明 指出 大陸 許多 工廠 延後 開工 企業 用人 祭出 延 後 報到 延後 面試 甚至 延後 招募 加上 大陸 多 處 封 城 造成 心理 恐慌 皆 已 大幅 削弱 求職者 西進 或 續留 意願 晉 麗 明 分析 短期 看 新冠肺炎 疫情 讓 臺灣 求職者 對 大陸 職 場 與 生活 感到 不安 長期 而言 近年 大陸 管理 職 已 在 地 化 全球 企業 逐漸 將 一般 製造業 轉移 至 東南亞 因此 人才 回流 臺灣 轉 往 東協 已成 趨勢 在 此 時間 點 大陸 企業 征 才 轉 趨 觀望 是否 調 降 薪資 水準 或 調整 福利 將 對 大陸 企業 與 求職者 造成 壓力</t>
  </si>
  <si>
    <t>新冠肺炎 疫情 趨 緩 苗栗縣 內 國 中小 校園 開放 成 各界 關注 焦點 27 日 苗 栗 縣長 徐耀昌 宣佈 30 日 起 平日 及 假日 重新 開放 校園 戶外 空間 與 場地 讓 社區 民眾 散步 運動 但 務必 遵守 校園 門 禁 管理 與 防疫 新 生活 運動 規範 肺炎 疫情 爆</t>
  </si>
  <si>
    <t>謝忻 小甜甜 金援 回應 新冠肺炎</t>
  </si>
  <si>
    <t>人類 在 感染 新冠肺炎 的 病毒 後 會 對 肺部 產生 廣泛 的 損害 尤其 是 重症 的 情況 下 甚至 會 呼吸衰竭 而 死亡 負責 美國 肺 協會 ala 的 醫師 亞伯特 albert rizzo 接受 inverse 採訪 探討 如何 保護 肺部 的 問題 首先 如果 是 沒有</t>
  </si>
  <si>
    <t>新冠肺炎 亞伯特 問題 病毒 肺部</t>
  </si>
  <si>
    <t>新冠肺炎 疫情 在 郵輪 鑽石 公主 號 上 擴散 所有 乘客 在 船上 隔離 兩 個 禮拜 期滿 後 終於 在 昨 21 日 晚間 由 華航 包機 接回 船上 19 名 檢驗 陰性 的 台籍 遊客 與 1 位 醫生 返台 其中 機場 在 機上 的 溫情 廣播 也 讓 乘客 網友 感動不已 華航 在 臉</t>
  </si>
  <si>
    <t>新冠肺炎 疫情 昨 在 臺灣 一舉 增加 23 例 累計 確診 個案 數 破百 例 連帶 也 讓 部分 民眾 的 預期 心理 擔憂 封鎖 國境 可能 會 讓 食物 跟 民生 用品 短缺 昨夜 包含 全聯 好 市 多 在內 的 各 大 連鎖 賣 場 均 出現 搶購 泡 面 罐頭 衛生紙 等 物品 網</t>
  </si>
  <si>
    <t>新冠肺炎 疫情 昨 在 臺灣 一舉 增加 23 例 累計 確診 個案 數 破百 例 連帶 也 讓 部分 民眾 的 預期 心理 擔憂 封鎖 國境 可能 會 讓 食物 跟 民生 用品 短缺 昨夜 包含 全聯 好 市 多 在內 的 各 大 連鎖 賣 場 均 出現 搶購 泡 面 罐頭 衛生紙 等 物品 網友 也 推薦 大家 應該 購買 囤 四 樣 東西 據 網友 fant 1408 在 批 踢踢 論壇 發文 表示 最近 開始 有人 屯糧 開始 狂 掃 麵條 雞蛋 蔬菜 吐 司 這 是 沒有 意義 的 行為 因為 缺糧 很 明顯 不 會 是 短期 內 發生 的 事 原 po 說 在 這種 情況 下 應該 思考 的 是 如何 儲存 可以 長期 保存 的 三 個 月份 糧食 如果 在 美國 當然 沒 問題 但是 臺灣 這種 小 房子 冰箱 怎麼 可能 放 的 下 所以 我 推薦 大家 應該 購買 囤 四 樣 東西 第一 麵茶 粉 第二 高蛋白 粉 第 三 膳食 纖維 第 四 綜合 維他命 該 網友 認為 這 四 樣 不 占 空間 可 同時 有 飽 足 感 兼顧 營養 均衡 但 還是 要 視 個人 需求 和 政府 公佈 的 疫情 發展 採買 勿 輕信 來源 不 名 之 社 群 平臺 轉 傳 文章</t>
  </si>
  <si>
    <t>新冠肺炎 肆虐 長 達 數 月 去年底 開始 休 長假 的 張惠妹 阿妹 今年 工作 計畫 全數 暫緩 新 專輯 進度 也 毫無 下落 她 的 經紀人 陳鎮川 27 日 表示 妹 目前 完全 靜下來 新 專輯 連 開 案 都 還 沒 陳 鎮 川 日前 受 邀 代言 名車 他 謙稱 自</t>
  </si>
  <si>
    <t>新冠肺炎 肆虐 長 達 數 月 去年底 開始 休 長假 的 張惠妹 阿妹 今年 工作 計畫 全數 暫緩 新 專輯 進度 也 毫無 下落 她 的 經紀人 陳鎮川 27 日 表示 妹 目前 完全 靜下來 新 專輯 連 開 案 都 還 沒 陳 鎮 川 日前 受 邀 代言 名車 他 謙稱 自己 半 開玩笑 跟 朋友 說 上半年 演唱會 都 取消 了 就 找 點 好玩 的 事 做做 廣告 曝光 後 阿妹 還 沒看 過 陳鎮川 笑 說 我 哪 好意思 跟 她 討論 會 害羞 啦 陳 鎮 川 身 兼 填詞人 製作 人 舞臺 導演 並 擔任 張惠妹 羅志祥 林憶蓮 及 艾怡良 等 天王 天 後 的 經紀人 近年 不少 廠商 邀 約 代言 都 被 他 婉拒 今年初 車 商 洽談 合作 好不容易 才讓 他 點頭 陳鎮川 說 主要 是 產品 的 廣告 文案 比較 回歸 個人 沒 那麼 像 在 賣東西 的 感覺 不然 我會 覺得 很 糗 習慣 在 車裡 聽 音樂 他 當年 擔任 連環泡 編劇 時買 了 人 生 第一 部 車 因為 住 北 投 交通 不 方便 那 時候 買 車 貸款 貸 了 不少 他 喜歡 在 車上 聽 音樂 大聲 唱歌 抒發 情緒 而且 我 開車 很 慢 喜歡 看 沿途 景色 路邊 人事 物 他 把 車子 視為 房子 甚至 避難所 因為 我 的 工作 跟 音樂 有 關 要 聽 得 非常 仔細 但 我 必須 在 車子 裡 聽 音樂 才聽得 進去 這個 習慣 到 現在 還是 這樣</t>
  </si>
  <si>
    <t>萬金石 馬拉松 新冠肺炎 臺灣 派出所</t>
  </si>
  <si>
    <t>英國政府 首 波 入境 免 隔離 國家 名單 中 臺灣 包含 在內 另 據 政府 高層 透露 日本 越南 可望 成為 下 一 波 對 台 鬆綁 入境 的 國家 新冠肺炎 疫情 仍 在 蔓延 臺灣 並未 在 歐盟 安全 國家 旅客 入境 名單 中 但是 英國 將 臺灣 納入 第一</t>
  </si>
  <si>
    <t>英國政府 首 波 入境 免 隔離 國家 名單 中 臺灣 包含 在內 另 據 政府 高層 透露 日本 越南 可望 成為 下 一 波 對 台 鬆綁 入境 的 國家 新冠肺炎 疫情 仍 在 蔓延 臺灣 並未 在 歐盟 安全 國家 旅客 入境 名單 中 但是 英國 將 臺灣 納入 第一 波 安全 名單 也就是說 時 臺灣 旅客 10 日 入境 英格蘭 地區 時 可 免除 隔離 14 天 的 檢疫 未來 會 有 哪些 國家 對 臺灣 旅客 進行 入境 鬆綁 管制 據 東森 新聞 雲 報導 政府 高層 透露 下 一 波 可望 是 臺灣人 最 喜歡 去 觀光 的 日本 和 越南 根據 日 媒 報導 日本政府 最 快 7 月中 旬 進行 第二 波 放寬 入境 對象 包括 中國 大陸 韓國 及 臺灣 至於 越南 越南 考慮 對 連續 30 天 沒有 社區 病例 的 國家 在 7 月底 重 啟 國際 航線 優先 名單 中 包括 臺灣 越 捷 航空 表示 預計 7 月中 要 恢復 台越 定期 航班 不過 據 越南 民航 局長 丁越勝 dinh viet thang 表示 旅客 入境 後 仍 需 自費到 指定 地點 隔離 14 天</t>
  </si>
  <si>
    <t>國家 臺灣 入境 越南 新冠肺炎</t>
  </si>
  <si>
    <t>新冠肺炎 怎 暴 增 100 例 綠 委 臺灣人 弄 破的</t>
  </si>
  <si>
    <t>澳門 連兩 日共 新增 四 例 新冠肺炎 確診 病例 為 避免 疫情 擴大 澳門 新冠 病毒感染 應變 協調 中心 5 日 宣佈 澳門 部分 娛樂場所 將 於 6 日 零 時 起 關閉 受 影響 的 場所 包括 電影院 劇院 室內 遊樂場 遊戲機 及 電子遊戲室 網吧 桌球室</t>
  </si>
  <si>
    <t>澳門 連兩 日共 新增 四 例 新冠肺炎 確診 病例 為 避免 疫情 擴大 澳門 新冠 病毒感染 應變 協調 中心 5 日 宣佈 澳門 部分 娛樂場所 將 於 6 日 零 時 起 關閉 受 影響 的 場所 包括 電影院 劇院 室內 遊樂場 遊戲機 及 電子遊戲室 網吧 桌球室 保齡球場 按摩 院 美容院 健身房 健康 俱樂部 卡拉 ok 場所 酒吧 夜總會 舞廳 及 歌舞廳 等 10 月 4 日 至今 澳門 新增 4 例 新冠肺炎 確診 病例 上述 新 增 病例 的 感染 源頭 的 調查 仍 在 進行 中 自 疫情 發生 以來 澳門 累計 確診 病例 增至 72 例 為 防止 病毒 在 社區 傳播 澳門 防疫 部門 已對 新增 病例 的 居住地 工作地 以及 近期 曾 到訪 的 地點 列為 紅 黃 碼 區 實施 管控 此外 自 4 日 晚間 21 時 啟動 第 三 次 全民 核酸 檢測 計畫 7 日 21 時 結束 檢測 範圍 包括 澳門 居民 所有 在 澳門 逗留 的 人士</t>
  </si>
  <si>
    <t>澳門 關閉 娛樂場所 新冠肺炎 場所</t>
  </si>
  <si>
    <t>本土 確診 發燒 感染 源 新冠肺炎</t>
  </si>
  <si>
    <t>野村證券 調查 發現 蘋果 iphone 第二 季 砍 單 20 科技產業 分析 師李佳 伶 指出 經驗 顯示 蘋果 砍 單 通常 是 一系列 的 動作 未來 幾 個 月 仍 須 持續 提防 同時 iphone 供應 鏈 上半年 營運 將 低於 預期 第 三 季 變數 居高不下 風險 無法 輕忽 受制於 新冠肺炎 侵擾 野村 上周 開始 觀察 到 蘋果 對 供應 鏈 砍 單 呼應 了 大 立 光 在 法 說 會上 短線 偏 保守 觀點 李佳伶 不 諱言 蘋果 本 季 砍 單 來得 比 預期 稍 早 考量 過往 經驗 蘋果 砍 單 未來 幾 個 月 應會 持續 發生 直 到 下單 量 與 實際 需求 相符 這次 也 不 例外 有鑑於此 野村 認為 iphone 供應 鏈 受到 蘋果 砍 單 影響 即便 第二 季 彌補 首季 遭 新冠肺炎 疫情 衝擊 的 損失 上半年 營 收 恐難 達成 財 測 預期 此外 儘管 市場 對 iphone 第 三 季 訂單 預期 相當 高 但 相比 其他 android 品牌 智慧 機 砍 單幅 度 下 季 iphone 出貨量 實有 很 大 不確定性 假設 新 iphone 延遲 一個 月 將 使 下半年 新 iphone 出貨量 短少 1500 2000萬 支 野村證券 也 已 把 2020 年 5 g 版 iphone 整體 出貨量 由 7000萬 支 降為 6300萬 支 根據 外資 觀點 來自 蘋果 營 收 占 比較 高 五 成 以上 的 主要 供應 鏈 包括 鴻 海 和 碩 可 成 鎧勝 -ky 玉晶光 tpk-ky gis-ky 臻 鼎 -ky 台郡 瑞儀 等 法人 說明 iphone 第二 季 遭 砍 單 對 相關 供應 鏈 應有 程度 不一 衝擊 若 下半年 新機 發表 時程 不如 預期 影響 可能 更 大 這些 個股 中 野村 對 tpk-ky gis-ky 瑞儀 前景 較為 保守 值得 留意 的 是 玉晶光 約 有 九 成 營 收 來自 蘋果 長期 也 都 是 市場 關注 焦點 摩根 大通 證券 依舊 對 玉晶光 市 占 提升 題材 富有 信心 維持 正向 觀點 但 最新 也 指出 鑒於 肺炎 疫情 衝擊 智慧 機 銷售 需求 比 預期 更為 疲弱 加上 下半年 新 iphone 或 將 延遲面世 罕見 下 修對玉 晶光 財務 預期 李佳伶 提醒 儘管 蘋果 iphone 部分 訂單 可能 是 推遲 到 第 三 季 若 將 第二 三 季 訂單 合併 計算 下 修 幅度 不致 那麼 激烈 然 砍 單 狀況 出現 後 通常 會 對 供應 鏈 氣氛 至少 造成 一 兩 個 月 的 負面 效果 現在 應先 避開 iphone 產品 占營 收 比重 偏 高 的 供應 鏈 廠商 短期 來講 較 專注 于 airpod ipad 高效能 運算 hpc 的 電子 供應 鏈 是 較佳 選擇</t>
  </si>
  <si>
    <t>川普 新冠肺炎 疫苗 紐約 美國 大選</t>
  </si>
  <si>
    <t>懷特 4108 搶 搭 新冠 病毒 列車 正 透過 旗 下 懷特 精製 黃 耆 多糖 研究 中心 開發 抗 病毒 藥物 的 新 適應症 加上 5 月 營 收 以 1034萬 交出 月 增 9347 年 增 4221 佳績 11 日 激勵 買 盤搶進 奔 上漲 停 價 2225 元 成交量 也 放大 至 4545 張 順勢 突破 均線 預期 將 可望 挑 戰前 高 2275 元 受惠 大陸 研究 發現 新冠肺炎 患者 經 感染 後 體內 負責 免疫 作用 的 t 細胞 以及 表面 的 cd 4 cd 8 等 受體 均 受到 肺部 發炎 影響 而 大幅 降低 懷特 認為 旗 下 癌 因 性 疲憊 症 藥物 將 有助於 提升 人體 t 細胞 與其 受體 的 數值 目前 正 展開 研究 能 開發 出 對抗 新冠 病毒 的 新 適應症</t>
  </si>
  <si>
    <t>金在中 稱 得 新冠肺炎 1 小時 內 反 轉 喊 愚人節 玩笑 網 罵 爆</t>
  </si>
  <si>
    <t>伊朗 新冠肺炎 死亡 達 237 例 當局 釋放 7萬 囚犯</t>
  </si>
  <si>
    <t>伊朗 今天 通報 過去 24 小時 新增 43 起 新冠肺炎 死亡 病例 死亡 總數 達到 237 人 確診 數 新增 595 例 全國 累積 7161 例 確診 另外 有鑒於 疫情 持續 擴散 伊朗 已 釋放 約 7萬 名 囚犯 路透社 報導 根據 伊朗 司法部門 的 米桑 mizan 新聞</t>
  </si>
  <si>
    <t>新冠肺炎 疫苗 擴大開放 給 高齡 長者 優先 施打 近日 卻 傳出 多 起 老人 接種 後 猝死 案件 儘管 科學 證據 顯示 利大於弊 仍 引起 不少 國人 擔憂 對此 重症 醫療 醫師 黃軒 表示 為了 預防 意外 發生 長者 若要 出門 接種 疫苗 應謹 守</t>
  </si>
  <si>
    <t>臺灣 新冠肺炎 利大於弊 疫苗 接種</t>
  </si>
  <si>
    <t>拜登 14 日 在 選舉人 團 確認 勝 選 後 的 首場 演說 中 頻頻 咳嗽 清 喉嚨 讓 民眾 驚嚇 他 是否 得 了 新冠肺炎 他 當天 稍後 證實 正在 和 感冒 搏鬥 不過 強調 只是 輕微 感冒 14 日 全美 各州 選舉人 團 投票 確認 拜登 勝 選 入主 白宮 在 正式 確認 勝</t>
  </si>
  <si>
    <t>拜登 14 日 在 選舉人 團 確認 勝 選 後 的 首場 演說 中 頻頻 咳嗽 清 喉嚨 讓 民眾 驚嚇 他 是否 得 了 新冠肺炎 他 當天 稍後 證實 正在 和 感冒 搏鬥 不過 強調 只是 輕微 感冒 14 日 全美 各州 選舉人 團 投票 確認 拜登 勝 選 入主 白宮 在 正式 確認 勝 選 後 的 首場 演說 中 拜登 卻 幾度 講到 聲音 沙啞 頻頻 清 喉嚨 咳嗽 讓 美國 民眾 嚇壞 了 擔心 他 是否 得 了 新冠肺炎 據 福斯 新聞 fox news 報導 在 演說 後 和 支持 者 的 視 訊 中 拜登 認 了 正在 和 感冒 搏鬥 不過 強調 只是 輕微 感冒 感謝 你 我 有 一點 感冒 我 很 抱歉 拜登 說 但 他 隨即 話鋒一轉 感謝 民眾 支持 但 你 看看 你們 做 到 了 不是 開玩笑 的 這次 選戰 就 像 當年 我 以 29 歲 之 姿 參選 參議員 我 相信 一般 老百姓 能 合力 達成 你們 沒讓 我們 失望 你們 沒讓 這個 國家 失望 另 據 美國版 太陽 報 the u s sun 報導 拜登 週一 在 演說 中 頻頻清 喉嚨 引發 網友 擔憂 他 的 健康 下滑 有 網友 拜 讬 他 喝 點 水吧 喬 你 嚇壞 我們 了 也 有人 建議 他 做 一下 新冠 病毒檢測 不過 也 有 網友 點出 拜登 是 舊疾復發 指出 他 本來 就 有 胃 食道 逆流 因此 導致 他 必須 經常 清 喉嚨 福斯 新聞 指出 近 幾 個 禮拜 以來 拜登 與 副手 賀錦麗 kamala harris 經常 進行 新冠 病毒檢測 拜登 最近 一 次 檢測 是 在 11 日 檢測 結果 為 陰性</t>
  </si>
  <si>
    <t>拜登 感冒 演說 咳嗽 新冠肺炎</t>
  </si>
  <si>
    <t>新冠肺炎 不 辦 實體 法會 改辦 宅 法會 線 上 祈福</t>
  </si>
  <si>
    <t>新冠肺炎 疫情 嚴峻 全球 確診 數 超過 72萬 奪 走 3萬 條 以上 人命 美國 確診 已 破 14萬 例 旺 好運 平臺 董事長 許良源 邀請 寰宇 媽祖 文化 國際交流 協會 理事長 蔡 詠 鍀 用 宅 法會 模式 辦理 百 廟 眾 聖 護 蒼 生 為 全球 疫情 祈</t>
  </si>
  <si>
    <t>新冠肺炎 疫情 嚴峻 全球 確診 數 超過 72萬 奪 走 3萬 條 以上 人命 美國 確診 已 破 14萬 例 旺 好運 平臺 董事長 許良源 邀請 寰宇 媽祖 文化 國際交流 協會 理事長 蔡 詠 鍀 用 宅 法會 模式 辦理 百 廟 眾 聖 護 蒼 生 為 全球 疫情 祈福 法會 希望 祈福 燈 能 照亮 7 天 法會 為 世界 疫情 帶來 光明 希望 本次 法會 共有 206 間 宮廟 參與 超過 7000 人 報名 的 百 廟 眾 聖 護 蒼 生 為 全球 疫情 祈福 法會 主辦單位 為 配合 政府 集會 指引 以 科技 宅 法會 取代 傳統 拜拜 避免 群 聚 感染 風險 透過 粉絲 團 海內外 直播 平臺 實況轉播 法會 科儀 集結 900萬 名 信 眾 於 線 上 集體 祝禱 內政 部 部長 徐國勇 也 透過 錄 影 致詞 並 由 前 立法 院長 王金平 獻上 祈福 燈 法會 已 從 今天 開始 舉行 法會 至 4 月 5 日 為止 今天 就 有 近 4萬 粉絲 透過 直播 平臺 見證 科技 宅 法會</t>
  </si>
  <si>
    <t>金門 戰地 軍管 36 年 意外 保留 純種 臺灣 梅花鹿 族群 金酒 公司 採取 土產 鹿茸 搭配 精選 高粱 酒 調和 出 20 版 的 頂級 金門 鹿茸酒 首 批 7萬 瓶 問世 就 吸引 消費者 注意 進入 詢問 度 超高 的 新品 排行榜 金 酒 公司 指出 根據 學術 單位 研究 證實 臺灣 原生 種 梅花鹿 自 1969 年 就 已 絕跡 只 在 金門 外島 還 保有 純種 的 臺灣 梅花鹿 原因 除 金門 無污染 環境 條件 外 主因 還 在 地 屬 四面 皆 海 的 離 島 加上 長達 36 年 的 戰地 政務 軍管 大幅 降低 與 外界 鹿 只 雜交 的 機會 金門 本地 飼養 的 梅花鹿 長期 食用 金酒 每天 免費 提供 的 酒糟 帶來 降低 飼養 成本 經濟效益 更 因 酒糟 含有 豐富 的 有機物 質 和 營養成分 進而 加 乘 提升 鹿只 品質 產出 金門 頂級 鹿茸 金門 酒廠 過去 即 曾 生產 05 公升 裝 酒精 40 度 的 金門 鹿茸酒 在 2017 世界 食品 品質 評 鑒 大 賞 中 大放異彩 榮獲 金獎 的 肯定 此次 金門 酒廠再次 與 金門 養 鹿 協會 合作 研發 推出 03 公升 裝 30 度 的 新品 金門 鹿茸酒 維持 高 品質 的 鹿茸 來源 和 男女 皆 適 飲 的 健康 內涵 金 酒 說明 由 金門 酒廠 酒 體 中心 專業 品酒 師 進行 感官 鑒定 與 把關 精心 挑選 珍貴 鹿茸 及 酒 體 調配 完美 的 4 比 1 差度 比例 的 金門 鹿茸酒 呈現 迷人 的 琥珀 色 口感 溫和 柔順 入口 後 味蕾 釋放出 濃郁 富含 扎實 層次感 的 鹿茸 香氣 展現 中華 傳統 漢方 的 優質 特色 由於 鹿茸 在 藥補 中 是 相當 高貴 的 藥材 和 營養 補給品 有 滋補 強身 增強 體力 的 功效 目前 適逢 新冠肺炎 疫情 席捲 全球 金酒 也 希望 這款 新 酒 為 消費 大眾 增強 免疫力 適量 飲用 帶來 健康 平安 首 批 7萬 瓶 上市 未 稅單 價 新 台幣 350 元 將 于 金門 地區 金酒 公司 門市 及 養 鹿 產銷 班 販 售</t>
  </si>
  <si>
    <t>中央 舞廳 酒店 新冠 新冠肺炎</t>
  </si>
  <si>
    <t>受 新冠肺炎 疫情 影響 獨居 老人 生活 更 形 艱 困 星展銀行 捐贈 臺灣 2250萬 元 採購 每 袋 價值 500 元 的 星 展暖 心 食 袋 南 投 縣 獨居 老人 也 將 受惠 南 投 縣長 林明溱 5 日 與 政務委員 唐 鳳 台南 市長 黃偉哲 等 人 透過 視 訊 交流 表達 謝</t>
  </si>
  <si>
    <t>受 新冠肺炎 疫情 影響 獨居 老人 生活 更 形 艱 困 星展銀行 捐贈 臺灣 2250萬 元 採購 每 袋 價值 500 元 的 星 展暖 心 食 袋 南 投 縣 獨居 老人 也 將 受惠 南 投 縣長 林明溱 5 日 與 政務委員 唐 鳳 台南 市長 黃偉哲 等 人 透過 視 訊 交流 表達 謝意 林明溱 指出 南 投 縣 人口老化 程度 居 全台 第 3 僅次於 嘉義 雲 林縣 全縣 列 冊 需 關懷 的 獨居 長者 達 2756 人 此次 南 投 縣 食物 銀行 獲 贈 的 星展暖 心 食 袋 將 優先 分 贈 給 這些 獨居 老人 讓 他們 得到 生活 關懷 與 實質 補給 視 訊 會議 由 星展銀行 臺灣區 總經理 林鑫川 主持 並 邀請 供應 暖 心 食 袋 的 良品 小農 代表 包括 友善 大地 有 機米 社會 網路 日曬 關 廟 面 臺灣 好 漁 魚鬆 直接 跟 農夫 買 焦鹽 玉米 棒 及 茶 籽 堂 洗手 乳 等 業者 代表 參與 唐 鳳 臺灣 食物 銀行 聯合會 理事長 方荷生 都 肯定 星展銀行 善用 網路 視 訊 提高 防疫 期 的 作業 效率 及分享 精神 黃偉哲 也 肯定 星展銀行 採購 小 農產品 關懷 獨居 老人 同時 也 嘉惠 受 疫情 衝擊 的 小農</t>
  </si>
  <si>
    <t>新北 市 林務局 新冠肺炎 拉拉山 臺灣</t>
  </si>
  <si>
    <t>電梯 防疫 新冠肺炎 吳鳳 科大</t>
  </si>
  <si>
    <t>台中 市 12 日 獲 中央 配發 7萬3500 劑 疫苗 開 打 3 天 驚 傳 4 例 在 注射 新冠肺炎 後 過世 有 3 名 逾 80 歲 長者 另 1 名 為 60 歲 腎臟 癌 末 患者 施打 站 雖 打氣 不減 卻 現 長者 緩 打 潮 市府 統計 較 開 打 2 天 均 日 打 7千 多 人 今日 僅 5307 人</t>
  </si>
  <si>
    <t>台中 市 12 日 獲 中央 配發 7萬3500 劑 疫苗 開 打 3 天 驚 傳 4 例 在 注射 新冠肺炎 後 過世 有 3 名 逾 80 歲 長者 另 1 名 為 60 歲 腎臟 癌 末 患者 施打 站 雖 打氣 不減 卻 現 長者 緩 打 潮 市府 統計 較 開 打 2 天 均 日 打 7千 多 人 今日 僅 5307 人 接種 施打 率 驟降 24 台中 市 衛生局長 曾 梓 展 表示 統計 全市 因 接種 新冠 疫苗 出現 不良反應 通報 共 83 案 施打 疫苗 後 有 3 人 死亡 並 已 通報 中央 以 厘 清 死亡 與 疫苗 的 相關性 另 1 人 為 腎臟 癌 末 及 糖尿病 患者 醫師 判定 死因 為 重症 引發 急性 呼吸衰竭 與 施打 疫苗 無關 其他 3 案 則 住院 曾 梓 展 指出 3 例 死亡 個案 後續 將 由 衛生局 協助 家屬 提出 預防接種 受害 救濟 申請 收集 相關 病歷 資料 提送 中央 審議 若 確定 因 預防接種 致死 最高 將 給 付 600萬 元 救濟金 民眾 接種 疫苗 後 若 出現 不良反應 請 立即 就醫 可 申請 藥害 救濟</t>
  </si>
  <si>
    <t>新冠肺炎 臺灣 不良反應 長者 緩 打</t>
  </si>
  <si>
    <t>新冠肺炎 疫情 蔓延 全球 高雄 市立 小港 醫院 與 神光 晶 片 公司 20 日 合作 簽約 首次 公開 發表 針對 新冠肺炎 的 定量 快 篩 儀器 the one 從 檢 體 採樣 到 快 篩 結果 僅 10 至 15 分 目前 正 與 醫院 合作 臨床 測試階段 未來 將 可望 申請 專案 量</t>
  </si>
  <si>
    <t>新冠肺炎 ncp 的 疫情 持續 延 燒 繼 亞洲各國 之後 病毒 也 開始 陸續 進攻 歐洲 義 大利 不但 在 昨天 出現 第二 起 死亡 案例 確診 病例 更是 從 29 起 暴 增至 79 例 使 民眾 人心惶惶 政府 更 下令 封鎖 10 座 城鎮 對此 就 有 網友 在 ptt 發問</t>
  </si>
  <si>
    <t>新冠肺炎 ncp 的 疫情 持續 延 燒 繼 亞洲各國 之後 病毒 也 開始 陸續 進攻 歐洲 義 大利 不但 在 昨天 出現 第二 起 死亡 案例 確診 病例 更是 從 29 起 暴 增至 79 例 使 民眾 人心惶惶 政府 更 下令 封鎖 10 座 城鎮 對此 就 有 網友 在 ptt 發問 想 知道 義 大利 有 沒有 可能 成為 歐洲 破 口 日前 有 網友 在 ptt 的 ncov 2019 板 發文 表示 現在 義 大利 的 感染 人數 已經 來到 79 人 正式 超越 香港 更 可怕 的 是 歐洲申 根 可以 讓 歐盟 內 各國 人員 到處 趴 趴 走 又 指出 義 大利 北邊 和 法國 東 德國 南 比利時 盧森堡 連接 的 是 西歐 的 重要 工業區 經濟命脈 讓 他 不禁 猜想 如果 整個 西歐 工業區 得 像 之前 大陸 完全 停工 消毒水 口罩 備齊 後 慢慢 等待 復工 封鎖 城市 邊境 嚴格 查哨 管制 西歐 的 經濟 會 不 會 遭受 致命 打擊 文章 曝光 後 引起 熱 議 不少 人 紛紛 留言 表示 英國 這時 脫歐 會 不 會 是 最好 時機啊 絕對 之後 可能 再 破 美國 應該 早就 爆 了 德法都 沒 對 境內 做 積極 檢驗 整個 歐洲 只 有 英國 和義 大利 有 在 積極 who 可以 廢 了 大城市 比較 可能 啦 其他 地方 不容易 啦 其中 也 有 知情 人士 點出 義 大利 大陸 人 多 和 鐵路 恐怕 是 引起 失控 的 關鍵 鐵路 都通 一定 失控 跟 黑 死 病 途徑 很 像 溫洲 人 在 義 大利 有 30萬 人 上下 有 個 城市 出生 100 人 之中 38 人 是 溫洲 後代 大陸 湖北 之外 就 屬 浙江 溫洲 最 嚴重 破 口 絕對 是 中 歐盟 國境 模糊 一 國 爆 全部 爆</t>
  </si>
  <si>
    <t>羅一鈞 到 院前 死亡 快樂 缺氧 新冠肺炎 臺灣</t>
  </si>
  <si>
    <t>who 陳時中 黃創 夏 臺灣 新冠肺炎</t>
  </si>
  <si>
    <t>新冠肺炎 全球 美國 社會 動盪 槍械</t>
  </si>
  <si>
    <t>新冠肺炎 臺灣 足跡 確診 足跡</t>
  </si>
  <si>
    <t>許淑華 跨 年 疫情 臺北市政府 新冠肺炎</t>
  </si>
  <si>
    <t>新冠肺炎 疫情 今年以來 威脅 全球 而 臺灣 疫情 從 1 月底 開始 升溫 從 勞動部 勞工 保險局 統計 發現 申請 育 嬰 留職停薪 的 人數 也 從 2 月 開始 顯現 特別 是 男性 保險 人 以 30 至 34 歲 的 男性 保險 人 為 例 年 增 58 在 金融業 工作 小孩 不</t>
  </si>
  <si>
    <t>新冠肺炎 育 嬰 留職停薪 津貼 勞保局</t>
  </si>
  <si>
    <t>新冠肺炎 敦睦 艦隊 海軍 高雄 韓國瑜</t>
  </si>
  <si>
    <t>防疫 王浩宇 柯文哲 選舉 新冠肺炎</t>
  </si>
  <si>
    <t>新冠肺炎 臺灣 疫苗 護理 師 急診室</t>
  </si>
  <si>
    <t>衛福 部長 陳時中 今 拍板 下令 十二月 一 日 起 海外 國人 若無 核酸 檢測 證明 不得 返國 被 外界 指 有 違憲 疑慮 對此 前 立 委 沈富雄 分析 新冠肺炎 疫情 後 得 出 3 個 結論 並 批評 陳時中 是 嚇破 了 膽 只能 一 昧 守成 完全 沒有 應變能力 沈</t>
  </si>
  <si>
    <t>沈富雄 陳時中 新冠肺炎 疫苗 流感</t>
  </si>
  <si>
    <t>新冠肺炎 臺灣 護理 師 受傷 韌帶</t>
  </si>
  <si>
    <t>新冠肺炎 臺灣 高雄 陳其邁 大 寮</t>
  </si>
  <si>
    <t>受到 新冠肺炎 疫情 波及 民間 社團 舉辦 捐 血 活動 大幅 減少 新竹 捐 血 中心 血庫 安全 儲備 量 不 到 4 天 桃園 市長 鄭文燦 連續 兩 天 到 捐 血 中心 加油打氣 號召 民眾 挽 起 袖子 捐 血 他 也 說 會 協調 社團 以 一定 頻率 持續 舉辦 捐 血 活動 擔</t>
  </si>
  <si>
    <t>受到 新冠肺炎 疫情 波及 民間 社團 舉辦 捐 血 活動 大幅 減少 新竹 捐 血 中心 血庫 安全 儲備 量 不 到 4 天 桃園 市長 鄭文燦 連續 兩 天 到 捐 血 中心 加油打氣 號召 民眾 挽 起 袖子 捐 血 他 也 說 會 協調 社團 以 一定 頻率 持續 舉辦 捐 血 活動 擔憂 群 聚 感染 鄭文燦 表示 疫情 影響 民間 社團 捐 血 活動 及 人數 銳減 可是 醫院 血庫 耗 量 是 固定 的 目前 新竹 捐 血 中心 血庫 安全 儲備 量 不 到 4 天 因此 希望 民眾 發揮 愛心 踴躍 捐 血 他 也 會 協調 各 社團 固定 舉辦 捐 血 活動 讓 醫療 院所 無 後顧之憂 新竹 捐 血 中心 表示 大約 1 個 月 前 就 開始 受到 疫情 衝擊 導致 血庫 的 存量 大幅 減少 中心 分析 主要 是 民眾 因 疫情 影響 出門 意願 降低 加上 平常 號召力 強 的 社團 慈善 團體 等 也 擔心 群 聚 感染 減少 舉辦 捐 血 活動 每 小時 消毒 1 次 不過 新竹 捐 血 中心 強調 捐 血 的 場地 會 固定 1 小時 消毒 1 次 也 會 讓 捐血人 保持 適當 距離 防疫 措施 相當 完善 經過 說明 後 也 有 部分 社團 承諾 將 會 繼續 舉辦 捐 血 活動 也 盼 民眾 持續 參加 此外 捐 血 中心 也 說 血庫 安全 儲備 量 基本上 是 7 天 為 宜 目前 只 剩 不 到 4 天 可以 說 是 相當 緊 繃 因 此 呼籲 民眾 踴躍 捐 血 不過 因應 疫情 如果 是 3 月 19 日 起 曾經 出國 民眾 回國 後 暫緩 捐 血 28 天 如果 是 曾 被 確診 新冠肺炎 而 痊癒 者 與 確診 病例 密切接觸 者 也 暫緩 捐 血 28 天</t>
  </si>
  <si>
    <t>勞動 基金 投資 今 1 日 公佈 今年 上半年 受到 新冠肺炎 疫情 影響 投資 績效 受 創 但 隨 著 各國 管制 措施 鬆綁 金融市場 回升 投資 收益 亦 逐步 回穩 7 月 單月 獲利 1780億 元 今年 累計 收益 轉正 整體 勞動 基金 今年 截至 7 月底 累計</t>
  </si>
  <si>
    <t>勞動 基金 投資 今 1 日 公佈 今年 上半年 受到 新冠肺炎 疫情 影響 投資 績效 受 創 但 隨 著 各國 管制 措施 鬆綁 金融市場 回升 投資 收益 亦 逐步 回穩 7 月 單月 獲利 1780億 元 今年 累計 收益 轉正 整體 勞動 基金 今年 截至 7 月底 累計 收益 282億 元 勞動 基金 運用 局 指出 新冠肺炎 疫情 自 今年初 快速 蔓延 全球 金融市場 呈現 斷 崖 式 下跌 導致 多 元 投資 全球 金融市場 的 勞動 基金 績效 並 不 理想 世界 各國 為 振興 受 疫情 創傷 之 經濟 情勢 紛紛 持續 擴大 寬鬆 貨幣政策 以及 財政 刺激 方案 再 加上 主要 經濟體 逐漸 放寬 封鎖 措施 與 疫苗 藥物 研發 出現 進展 下 全球 經濟 於 7 月 重 回 成長 步伐 股票 及 債券市場 亦 大幅 回升 msci 全球 及 臺灣 加權 股價指數 累計 今年 至 7 月底 表現 分別 為 129 557 勞動 基金 運用 局 依 市場 情勢 審慎 動態 調整 資產 配置 均衡 佈局 於 國內外 金融市場 7 月 單月 獲利1780億 元 爰 今年 截至 7 月底 止 整體 基金 規模 為 4 兆 4051億 元 累計 收益 為 282億 元 收益率 066</t>
  </si>
  <si>
    <t>勞動 基金 單月 獲利 新冠肺炎 投資 績效</t>
  </si>
  <si>
    <t>新冠肺炎 就醫 累計 確診 發燒</t>
  </si>
  <si>
    <t>大陸 橫店 影視 城 因 新冠肺炎 疫情 影響 全面 停工 半 個 月 多 直到 上月 13 日 起 開始 復工 22 歲 女星 關曉彤 近來 也 準備 開始 拍戲 但 日前 卻 被 拍到 現身 醫院 的 發燒 門診 意外 掀起 討論 關曉彤 近日 在 媽媽 的 陪伴 下 前往 橫店 準備 復工</t>
  </si>
  <si>
    <t>大陸 橫店 影視 城 因 新冠肺炎 疫情 影響 全面 停工 半 個 月 多 直到 上月 13 日 起 開始 復工 22 歲 女星 關曉彤 近來 也 準備 開始 拍戲 但 日前 卻 被 拍到 現身 醫院 的 發燒 門診 意外 掀起 討論 關 曉彤 近日 在 媽媽 的 陪伴 下 前往 橫店 準備 復工 拍戲 卻 有 陸媒 拍到 母女倆 和 工作人員 一行 人 現身 醫院 門診 正好 是 發熱 發燒 門診 因此 引發 外界 猜測 而 據 新浪 娛樂 求證 關曉 彤工作人員 的 說法 對 方則 表示 曉 彤 健康狀況 良好 圖 是 配合 當地 例行 檢查</t>
  </si>
  <si>
    <t>因應 新冠肺炎 疫情 新竹 市政府 為 避免 群 聚 感染 保護 親 子 們 的 健康 3 區 的 親 子 館 自 2 月 起 就 陸續 減少 課程 並於 3 月底 全面 休館 市府 考量 目前 疫情 狀況 稍 有 趨 緩 決定 14 日 起 采 分流 且 實 名 制 入場 重新 開館 市府 社會處長 李 季縈</t>
  </si>
  <si>
    <t>因應 新冠肺炎 疫情 新竹 市政府 為 避免 群 聚 感染 保護 親 子 們 的 健康 3 區 的 親 子 館 自 2 月 起 就 陸續 減少 課程 並於 3 月底 全面 休館 市府 考量 目前 疫情 狀況 稍 有 趨 緩 決定 14 日 起 采 分流 且 實 名 制 入場 重新 開館 市府 社會處長 李 季縈 表示 廣受大 小朋友 喜愛 的 新竹 市 3 個 親 子 館 因 新冠肺炎 疫情 影響 於 3 月底 起 全面 休館 14 日 重新 開放 後 將 采 分流 措施 每日 入 館 分為 3 梯次 分別 為 上午 10 點 下午 1 點 半 及 3 點 半 另 東區 及 香山 區 親 子 館 每次 可以 有 50 組 親 子 北 區 親 子 館 因 場地 較 小 每次 入 館 為 10 組 親 子 想要 預約 入 館 的 家長 即日起 可 至 新竹 市 托 育 資源中心 親 子 館 網頁 https wpcc hccg gov tw 登記 預約 入 館 日期 及時 段 李 季縈 指出 各 親 子 館 開館 前 已 全面 進行 消毒 工作 包含 每日 以 稀釋 漂白 水 清潔 地板 擦拭 設施 設備 及 教 玩具 圖書 並 開起 氣窗 大門 排風扇 空調 使 親 子 館 室內 保持 通風 再 用 紫外線 消毒 燈 進行 消毒 以 最高 規格 及 安全 的 環境 迎接 大 小朋友 開館 後 也 會 持續 進行 工作人員 及 入 館 民眾 健康 管理 工作人員 每日 上班 均 先 清洗 手部 及 量 額 溫 服務 親 子 的 工作人員 須 全程 佩戴 口罩 入 館前 所有 親 子 除了 實 名 制 登記 外 都 要 進行 手部 消毒 及 量 額 溫 落實 各項 防疫 措施</t>
  </si>
  <si>
    <t>通風 二氧化碳 幼稚園 新冠肺炎 臺灣</t>
  </si>
  <si>
    <t>法 德 藥 新冠肺炎 疫情 老 藥 新用 利巴韋林 吸 入 劑</t>
  </si>
  <si>
    <t>美國 新任 總統 拜登 26 日 對 聯邦 政府 下 了 一道 命令 要求 官方 機構 不再 使用 中國 病毒 這樣 的 用語 來 稱呼 新冠肺炎 對此 資深 媒體 人 黃暐瀚 表示 拜登 此舉 不是 因為 顧忌 中共 而是 在乎 被 歧視 的 亞裔 美國 人 想當初 他 這樣 呼</t>
  </si>
  <si>
    <t>3 rd covid test here in bangkok the tournament starts tomorrow #bangkok #thailandopen #tournament #badminton pic twitter com lc 5 c 7 yzkqa yonex 泰國 羽球 公開賽 今天 從 32 強 賽事 點燃 戰火 原本 在 參賽 名單 的 印度 前世 界 球 後 賽娜 saina nehwal 在 最新 一 次 的 病毒 采 檢 呈 陽性反應 在 大會 建議 下 退 賽 她 的 丈夫 卡 夏普 parupalli kashyap 也 是 這次 參賽選手 之一 因為 是 密切接觸 者 也 得 退 賽並 前往 醫院 隔離 而 其他 檢驗 結果 陰性 的 印度 球員 可以 繼續 參賽 賽娜 原 訂 今天 要 出戰 馬來西亞 選手 琪 索 娜 kisona selvaduray 可惜 在 第 三 次 病毒 采 檢 收到 確診 的 壞 消息 也 奉送 琪 索 娜 直接 晉級 16 強 她 的 丈夫 卡 夏普 也 退 賽赴醫 隔離 外 媒 並 提到 另 一 位印度 男子 選手 普拉 諾伊 hs prannoy 也 一度 傳出 確診 不過 後來 官方 證實 他 是 陰性 仍 在 參賽 名單 中 將 在 明天 出戰 馬來西亞 好手 李梓嘉 賽娜 不久前 透過 社 群 網站 分享 接受 檢測 的 影片 她 也 展現出 期待 比賽 的 心情 可惜 首輪 前夕 確診 無緣 角逐 冠軍 世界 羽聯 bwf 透露 截至 1 月 6 日 在 設置 的 泡泡 園區 裡 的 824 位與 賽 者 的 檢驗 結果 都 是 陰性 而且 在 前往 泰國 前 都 要 提出 新冠肺炎 檢測 陰性 的 證明 都 是 希望 努力 讓 與會 人員 安全 完成 任務</t>
  </si>
  <si>
    <t>長庚醫院 日前 通過 衛生 福利 部 核准 新冠肺炎 疫苗 第 3 劑 混打 計畫 試驗 對象 為 第一 線醫護人員 及 航空 機組人員 人數 共計 400 人 林口 長庚醫院 副 院長 邱政洵 表示 機組人員 時間 較 難 配合 仍 在 邀請 加入 中 醫護人員 則 非常 踴躍</t>
  </si>
  <si>
    <t>長庚醫院 日前 通過 衛生 福利 部 核准 新冠肺炎 疫苗 第 3 劑 混打 計畫 試驗 對象 為 第一 線醫護人員 及 航空 機組人員 人數 共計 400 人 林口 長庚醫院 副 院長 邱政洵 表示 機組人員 時間 較 難 配合 仍 在 邀請 加入 中 醫護人員 則 非常 踴躍 他 預計 2 周內 可 開始 施打 施 打完 1 個 月 後 得到 初步 資料 邱政洵 說 國內 最先 取得 的 是 az 疫苗 較 其他 疫苗 相對 弱 一點 許多 醫護人員 很 希望 加入 試驗 目前 還 在 籌備 中 參與者 也 必須 簽署 同意書 第 3 劑 加強 劑 實驗 將 分 為 4 組 包括 半 劑 莫德納 1 劑 莫德納 1 劑 bnt 以及 1 劑 高端 並 在 施打 1 個 月 6 個 月 與 12 個 月 後 抽血 觀察 綜合 抗體 變化 以及 t 細胞 反應 邱政洵 指出 此 試驗 有 2 個 特點 包括 臺灣 第一 以及 比較 4 種 疫苗 劑型 是 在 全球 第 3 劑 試驗 中 少見 的 能 做 完整 的 免疫 調查 他 說 最後 抽血 是 1 年 後 可以 觀察 第 3 劑 的 免疫 狀況 資料 不只 提供 給 臺灣 還有 全世界 對於 新冠肺炎 的 研究 邱政洵 表示 目前 為 施打前 的 準備期 法規 上 也 取得 同意 了 希望 2 周內 可 打 施 打完 1 個 月 抽 第 1 次 血 可以 看到 第 3 劑 加強 針 的 立即 反應 但 重點 還是 要 看 半 年 1 年 後 的 資料 邱說 各國 拿 到 的 疫苗 廠 牌 數量 都 不 一樣 如何 利用 不同 資源 做 有效 施打 相關 資訊 是 很 必須 的 至於 未來 要 打到 第 幾 劑 疫苗 才 夠 他 認為 最近 沒 再 看 到 更 致命 傳染性 更 高 的 病毒 演化 也 開始 看到 抗 病毒 藥物 的 研發 他 個人 比較 樂觀 是否 會 像 流感 每年 打 1 劑 還 言之過早</t>
  </si>
  <si>
    <t>新冠肺炎 臺灣 第 3 劑 施打 試驗</t>
  </si>
  <si>
    <t>疫苗 處置費 健 保 署 疫苗 陳時中 新冠肺炎</t>
  </si>
  <si>
    <t>陸委會 正名 新冠肺炎 羅智強 嗆 館長 你 說 呢</t>
  </si>
  <si>
    <t>足跡 時間 彰 化 縣 衛生局 接觸 史 新冠肺炎</t>
  </si>
  <si>
    <t>長 照 機構 工作人員 新冠肺炎 臺灣 林延鳳</t>
  </si>
  <si>
    <t>因應 新冠肺炎 疫情 澳洲 自 3 月 18 日 開始 要求 國民 返國 23 日 起 要求 各 大 娛樂場所 歇業 以來 祭出 多 項 防疫 措施 就是 要 民眾 乖乖 待 在 家中 減少 外出 而 餐廳 也 只 可 以 外帶 禁止 內 用 但是 有 一家 餐廳 被 民眾 爆 料 裡面 坐 了</t>
  </si>
  <si>
    <t>因應 新冠肺炎 疫情 澳洲 自 3 月 18 日 開始 要求 國民 返國 23 日 起 要求 各 大 娛樂場所 歇業 以來 祭出 多 項 防疫 措施 就是 要 民眾 乖乖 待 在 家中 減少 外出 而 餐廳 也 只 可 以 外帶 禁止 內 用 但是 有 一家 餐廳 被 民眾 爆 料 裡面 坐 了 好幾 位 顧客 警方 前往 查看 差點 沒 嚇 死 澳洲 昆士蘭 一家 歐式 料理 餐廳 continental cafe 因為 受到 肺炎 影響 認為 店裡 生意 慘澹 實在太 冷清 老闆 波 唐斯 beau downs 於是 向 隔壁 理髮廳 借來 沒 在 使用 的 假 人頭 放滿 用餐 的 桌上 看起來 比較 有 人氣 想不到 老闆 一個 幽默 舉動 讓 民眾 以為 店家 違反規定 私自 營業 因 此 向 警方 檢舉 警方 前往 店裡 一 看 發現 都是假 人頭 也 忍不住 笑 出來 雖然 老闆 想法 相當 有 創意 不過 大多 民眾 認為 看起來 毛毛 的 有點 詭異 而 將 假 人頭 送給 老闆 波 唐斯 的 理髮廳 店 長路 克 luke reynolds 則 稱讚 對方 此 舉動 認為 波 唐斯 很 會 廢物利用</t>
  </si>
  <si>
    <t>澳洲 新冠肺炎 肺炎 隔離 防疫</t>
  </si>
  <si>
    <t>儘管 美國 新冠肺炎 單日 確診 人數 持續 創 新高 加上 市場 預估 即將 登場 的 第二 季財報 季 恐 出現 12 年 來 最糟 成績 但 仍 無 法 抑制 美 股 漲勢 那斯 達克 指數 10 日 再創新高 美國 吉利 德 藥廠 gilead sciences 表示 新冠肺炎 藥物 瑞德</t>
  </si>
  <si>
    <t>儘管 美國 新冠肺炎 單日 確診 人數 持續 創 新高 加上 市場 預估 即將 登場 的 第二 季財報 季 恐 出現 12 年 來 最糟 成績 但 仍 無 法 抑制 美 股 漲勢 那斯 達克 指數 10 日 再創新高 美國 吉利 德 藥廠 gilead sciences 表示 新冠肺炎 藥物 瑞德西韋 remdesivir 可 改善 臨床 復原 狀況 並 讓 死亡 風險 降低 62 受 此 激勵 吉利 德 10 日 股價 大 漲逾 2 道 瓊 工業 指數 10 日 收盤 大 漲 36921 點 或 14 報 260753 點 標 普 500 指數 揚升 1 以 318504 點 作 收 那斯 達克 指數 終場 上揚 06 收在 1061744 點 再創 收盤 新高 紀錄 亞馬遜 和 網 飛 10 日 股價 再次 締造 新 猷 帶領 那 指 上攻 就 周線 而言 道 瓊 指數 全周揚 升 09 標 普 指數 收 高 17 那斯 達克 指數 勁揚 4 2020 年 迄今 道指 和 標 指 分別 下跌 86 和 14 但 那 指 漲幅 超過 18 新冠肺炎 疫情 重創 全球 經濟 市場 早已 預期 第二 季 企業 獲利 可能 直線 下滑 美 股 可能 不受 黯淡 的 業績 影響 持續 維持 上漲 趨勢 根據 refinitiv 資料 顯示 標 普 500 百大 企業 第二 季 獲利 估計 暴跌 44 將 創下 全球 金融危機 以來 最差 季度 表現 2008 年 第 四季 企業 獲利 崩 跌 67 網 飛 百事可樂 美 鋁 以及 多 家 重量級 金融 股 將 率先 公佈 業績 包括 摩根 大通 富國銀行 花旗集團 高盛和 美國銀行 boa 等 根據 refinitiv 資料 金融 股 第二 季 獲利 可能 腰斬 縮 幅 超過 52 網 飛 的 財 報 將 於 23 日 出爐 根據 路透社 統計 美國 10 日新冠肺炎 新增 確診 案例 突破 69萬 人 已 連續 三 日 刷新紀錄 美國 九 個 州 單日 確診 案例 亦 創下 新 高 截至 11 日 美國 確診 案例 逼近 330萬 例 死亡 人數 超過 136萬 人</t>
  </si>
  <si>
    <t>上揚 美國 美 股 那 指 新冠肺炎</t>
  </si>
  <si>
    <t>蘇花 改 通車 後 花蓮 觀光 休閒 養生 產業 前景 看俏 國內 金融 壽險 國外 主權 基金 等 不約而同 在 新冠肺炎 疫情 發生 後 於 最近 實地考察 花 蓮 新 地標 台 開 新 天堂 樂園 洄 瀾 灣 園區 等 周邊 商業 與 旅館 用地 擬 危機 入市 有意 共同 投</t>
  </si>
  <si>
    <t>蘇花 改 通車 後 花蓮 觀光 休閒 養生 產業 前景 看俏 國內 金融 壽險 國外 主權 基金 等 不約而同 在 新冠肺炎 疫情 發生 後 於 最近 實地考察 花 蓮 新 地標 台 開 新 天堂 樂園 洄 瀾 灣 園區 等 周邊 商業 與 旅館 用地 擬 危機 入市 有意 共同 投資 開發 台開 董事長 邱複生 昨日 證實 將 引進 策略 投資人 打造 觀光 文創 還 有生 技 園區 台 開 洄 瀾 灣 特區 總面積 達 80 公頃 其中 35 公頃 為 開心 農場 水鳥 花園 馬 場 自行車道 等 生態環境 另 可 開發 面積 45 公頃 其中 23 公頃 為 新 天堂 樂園 旅館 商業 用地 住宅 用地 及 養生 村 等 22 公頃 為 光華 樂活 創意 園區 工業區 台 開 指出 現 正 由 安泰 銀行 籌組 25億 聯 貸 案 未來 將 配合 工業 局 輔導 與 近來 台商 回流 需求 將 光華 樂活 創意 園區 打 造成 觀光 工廠 文創 及 生 技 等 園區 蘇花 改 通車 後 臺北 到 花蓮 只要 約 25 小時 左右 約 與 到 台中 開車 時間 相當 台開透露 當地 觀光 工廠 需求增 溫 目前 如 立川 漁場 乳製品 業者 等 表示 有 意願 進駐 園區 另 有 物流 影視 食品 代 工業 雲端 產業 也 同樣 表達 高度 進駐 意願 園區 建蔽率 70 容積 率 300 最小 單位 1200 坪 每坪 價格 約 65萬 至 8萬 元 起 新 天堂 度假 養生 花 蓮 異軍突起 至於 花 蓮 新 天堂 度假 養生 村 占地 約 3 173 坪 總 樓板 面積 14350 坪 地下 一 層 地上 10 層 樓高 近 50 公尺 中庭 十 米 挑 高 共 734 間 房間 分 標準 房 與 精品 套房 每間 都 是 飯店 級 精 裝修 樓層 規 畫 上 除 3 樓有 寵物 旅館 3 9 樓為 住宿 房間 1 2 樓則 有 醫療 等 複合式 市集 10 樓 養生 俱樂部 與 全球 知名 酒店 ibis 品牌 飯店 合作 24 小時 飯店 級 管理 未來 也 將 是 ai 智慧 養生 村 目前 施工進度 約 20 至 25 間 預計 明年 8 月 取得 使 照 2022 年 農曆 春節 前 營運 新冠肺炎 防疫 時期 花蓮 異軍突起 台開 指出 蘇花 改 的 通車 帶來 車潮 人潮 讓 花蓮 資產 土地 能見度 大幅 攀升 也 推 升 12 月 到訪 台開新 天堂 樂園 人潮 高 達 70萬 人次 業績 顯著 提升</t>
  </si>
  <si>
    <t>東南亞 新冠肺炎 添亂 打亂 光學 鏡頭 廠佳 淩 4976 出 貨 進程 在 客戶 生產 及 原 物料 供給 都 出現 影響 下 致 第 三 季 訂單 能見度 受阻 不過 佳 淩 強調 訂單 只是 延後 不 會 不見 為 免 客戶 復工 後 急 單 湧現 現 已 預先 做好 產 線 調</t>
  </si>
  <si>
    <t>東南亞 新冠肺炎 添亂 打亂 光學 鏡頭 廠佳 淩 4976 出 貨 進程 在 客戶 生產 及 原 物料 供給 都 出現 影響 下 致 第 三 季 訂單 能見度 受阻 不過 佳 淩 強調 訂單 只是 延後 不 會 不見 為 免 客戶 復工 後 急 單 湧現 現 已 預先 做好 產 線 調配 以期 將 可能 的 影響 降到 最低 佳 淩 4 日 舉行 股東會 佳 淩 董事長 劉嘉彬 樂看 去年 營運 倒吃甘蔗 強調 隨 著 全球 車市 在 去年 下半年 解凍 佳 淩 營運 也 走 出 谷底 順利 轉 虧 為 盈 經 統計 去年 光是 光學 鏡頭 應用 產品 的 年增率 就 達到 六 成 今年 車用 市場 續熱 也 帶動 佳 淩 訂單 持續 滿載 上半年 營 收 913億 元 年增率 10285 累計 前 五月 自 結 稅 後 純益 也 達到 3492萬 元 換算 eps 032 元 與 去年 上半年 每股 淨損 067 元 相較 可謂 逆轉 勝 由於 車用 市場 持續 暢旺 據悉 今年 第二 季時 佳 淩 客戶 給 的 預測 訂單 已 來到 910 月 不料 受 新冠肺炎 影響 不單 今年 5 月 ic 傳出 缺 料 問題 隨後 6 月 又 傳出 越南 疫情 趨於 嚴重 到 7 月 就 連 馬來西亞 也 陷入 疫情 佳 淩 坦言 在 疫情 前景 不 明下 客戶 下單 動作 略顯 遲滯 部分 原料 也 出現 缺貨 問題 第 三 季 的 業績 能否 明顯好轉 目前 還要 再 觀察 越南 和 馬來西亞 兩 國 疫情 的 進展 所幸 第二 季 的 營 收 基期 不 高 僅 437億 元 挑戰 的 壓力 不 大 佳 淩 指出 目前 消費性 產品 的 來料 沒有 問題 只 是 客戶 因 疫情 停工 而延 後 拉 貨 此 部分 訂單 仍 會 按 既 定計 畫 來生 產 只 是 不 像 之前 得 加班 因應 如此一來 雖 會 為 短期 營 收 帶來 負面影響 但因 加班 減少 反倒 可以 省 下 加班費 對 獲利 來說 也 不啻 是 好事 一 件 至於 車用 鏡頭 部分 因為 得 搭配 客戶 的 主要 零 元件 一起 出 貨 此 部分 的 訂單 遞 延 則 是 受累 于 客戶 端 缺 料 不過 佳 淩 強調 去年 下半年 新增 的 自動化 產 線 目前 仍如常 運作 只是 稼 動 率 由 滿載 略 降 至 七 八成</t>
  </si>
  <si>
    <t>大陸 新冠肺炎 疫苗 料 最 快 年底 上市</t>
  </si>
  <si>
    <t>臺灣 疫情 升至 三級 警戒 舉凡 進入 店家 都得 實施 實 聯 制 近日 一 名 超 商店 員 表示 一 名 阿嬤 說 要 繳費 卻 不 會 使用 實 聯 制 只好 教 對方 用 手 寫 沒 想到 對 方竟 嗆 我 不會 甚至 大聲 嗆 店員 你們 都會 得 肺炎 該 名 超 商 員工 昨 23 日 於臉書 社團 爆 料 2 公社 抱怨 平日 上班 已經 很 忙 最近 因應 疫情 升溫 還要 查核 每個 客人 有無 落實 實 聯 制 近日 遇到 一 名 想要 繳費 的 阿嬤 他 向 對方 表示 要 完成 實 聯 制 才 可以 進入 店裡 阿嬤 卻 以 我 不會 回應 原 po 表示 阿嬤 因為 沒有 智慧 型 手機 只能 使 用 手 寫實 聯 制 他 也 願意 一 步 一 步 教導 結果 阿嬤 卻 不 斷 跳針 喊 我 不 認 識字 我 不 會 寫 啊 原 po 說 阿嬤 已不 是 第一 次 來 店裡 之前 明明 有 自己 填寫 成功 的 經驗 他 只好 要 阿嬤 回家 請 家人 幫忙 繳費 豈 知 阿嬤一 聽 直接 爆 氣 怒 嗆 你們 都 會 得到 肺炎 原 po 無奈 地說 店員 其實 都 很 願意 幫忙 如果 我們 都 幫忙 寫 真的 會 沒完沒了 教會 他們 才是 最 重要 的 況且 現在 走 到 哪 都 需要 實 聯 制 並 呼籲 大家 教 進入 超 商 完成 實 聯 制 後 可以 主動 示 出給 店員 看 可 幫助 你 我省 下 很 多 時間 貼 文 曝光 後 網友 也 發表 自身 意見 不 歧視 老人 是 有些 老人 真的 很 歡 這 位 阿 嬤 的 口德 好 差 建議 家人 該幫 老人家 刻 印章 蓋 一下 就 好 辛苦 了 只能 說 什麼 人 都有 其實 不 只 是 老人家 這 幾 天 出現 很多 狀況 也 有 很多 中年人 甚至 是 年輕人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實 聯 制 超 商</t>
  </si>
  <si>
    <t>新冠肺炎 疫情 持續 延 燒 有 愛心 團體 擔心 這 段 期間 在 艋 舺 公園 周 遭 的 街 友 乏 人 照料 19 日 下午 在 公園 附近 發送 愛心 便當 資深 藝人 劉尚謙 也 擔任 志 工 協助 發送 劉 表示 這次 活動 是 朋友 發起 的 他 覺得 很有意義 所以 來 參加 希望</t>
  </si>
  <si>
    <t>新冠肺炎 疫情 持續 延 燒 有 愛心 團體 擔心 這 段 期間 在 艋 舺 公園 周 遭 的 街 友 乏 人 照料 19 日 下午 在 公園 附近 發送 愛心 便當 資深 藝人 劉尚謙 也 擔任 志 工 協助 發送 劉 表示 這次 活動 是 朋友 發起 的 他 覺得 很有意義 所以 來 參加 希望 給 社會 送暖 送 愛心 發起 活動 的 朱品臻 表示 這次 預計 發送 600 個 便當 和 礦泉水 她 本身 是 嫁 來 臺灣 的 越南 外 配 因緣際會 做 生意 有 一些 獲利 為了 回 饋 社會 這 3 年 多 來 她 都會 進行 一些 公益活動 她 表示 這次 來 艋 舺 公園 是 想到 疫情 期間 街 友 可能 乏 人 關注 所以 準備 便當 和 飲料 希望 他們 可以 飽餐一頓 朱 的 義舉 果然 吸引 大批 人潮 許多 人 接過 便當 後 立刻 跑 到 公園 角落 大 快 朵頤 有 街 友 就 開心 表示 好久 沒有 吃到 排骨 了</t>
  </si>
  <si>
    <t>愛心 便當 熱心 公益 劉尚謙 艋 舺 公園 新冠肺炎</t>
  </si>
  <si>
    <t>亞 系 外資 針 對聯 詠 3034 出具 最新 研究 報告 指出 在 疫情 衝擊 下 智慧 型 手機 和 電視 相關 出 貨 前景 轉 趨 保守 故 一舉 將 聯 詠 評等 持有 調 降 至 減 碼 目標價 由 193 元下 修到 144 元 亞 系 外資 指出 聯 詠 的 智慧 型 手機 和 電視 相關 產品 占營 收 合計 高 達 70 只是 由於 新冠肺炎 疫情 衝擊 預期 下半年 需求 前景 不 佳 尤其 oled 滲透 率 低於 預期 加上 智慧 型 手機 需求 放緩 恐 拖累 聯 詠 2020 年 oled 驅動 ic 和 tddi 兩 大 成長 動能 表現 恐 拖累 聯 詠 業績 決定 調 降 聯 詠 評等 由 中立 的 持有 調 降 至 賣 出 的 減 碼 目標價 由 193 元下 修到 144 元 另外 亞 系 外資 也 預估 聯 詠 今年 第二 季營 收 將 季增 4 第 三 季營 收 將 季 減 14 決定 調 降 2020 年 2021 年 每股 盈 餘 預估 降幅 分別 為 19 21 分別 為 1202 元 1302 元 亞 系 外資 指出 預估 聯 詠 2020 年 oled 驅動 ic 與 tddi 營 收 將 分別 年 增 24 及 年 減 8 低於 先前 預估 的 年 增 123 年 增 5 而 iphone se 新機 推出 後 反應 熱烈 將 帶動 消費 趨勢 轉 往 中低 階 智慧 型 手機 恐 不利於 oled 螢 幕 滲透 率 提高 以及 手機 零 組件 升級</t>
  </si>
  <si>
    <t>聯 詠 新冠肺炎 智慧 型 手機 oled 驅動 ic tddi</t>
  </si>
  <si>
    <t>6 月 大 嬰 染 新冠肺炎 詭異 過程 曝光 醫 一 股 寒意 升起</t>
  </si>
  <si>
    <t>狄志為 美 廉 社 口罩 搶購 新冠肺炎</t>
  </si>
  <si>
    <t>新冠肺炎 疫情 延 燒 歐 cdc 示 警 部分 國家 恐 步入 義 大利 後塵</t>
  </si>
  <si>
    <t>目前 新冠肺炎 在 歐洲 擴散 歐洲 疾病 預防 管制中心 ecdc 示 警 疫情 正 朝向 社區性 傳播 發展 確診 案例 也 不斷 攀升 若 持 疫情 持續 惡化 擔憂 其他 國家 也 會 出現 類似 像 義 大利 與 中國 大 爆發 的 情形 應立即 採取 相對 防疫 措施 保護</t>
  </si>
  <si>
    <t>義 大利 歐洲 新冠肺炎 預防 管制中心</t>
  </si>
  <si>
    <t>鑽石 公主 號 郵輪 幾乎 每天 都 爆出 30 例 以上 新冠肺炎 確診 病例 導致 日本 境內 總 確診 數 不 斷 飆 升 日本政府 的 防疫 能力 也 遭 質疑 包括 吉裡巴斯 在內 目前 全球 已經 有 4 個 國家 限制 日本 人 入境 日本 讀賣新聞 今 13 日 報導</t>
  </si>
  <si>
    <t>川普 新冠肺炎 確診 肺 受損 機 率</t>
  </si>
  <si>
    <t>森林 遊樂區 松雪樓 新冠肺炎 臺灣 防疫</t>
  </si>
  <si>
    <t>鈺 齊 首季 稅 後 淨利 eps 新冠肺炎</t>
  </si>
  <si>
    <t>侯友宜 金山 家 族群 聚 快 篩 新冠肺炎</t>
  </si>
  <si>
    <t>自己 先 做 好 防疫 安全 才能 保護 人民 交通 員警 大隊 增設 自動 測 溫 除 菌 門 民眾 申請 交通 事故 資料 及 辦理 計程車 審驗 事宜 以及 執勤 同仁 都 要 經過 這 道門 殺菌 多 一 層 防護 的 保障 大大降低 感染 風險 每 位 同仁 都 說 贊 考量 目前 正值 防疫 緊要關頭 包含 實 聯 制 量 體溫 噴 酒精 外 增設 uvc 短波 長 紫外線 自動 測 溫 除 菌 門 同時 兼具 除 菌 與 體溫 量 測 功能 運用 高科技 節省 人工 量 測體溫 所 需 的 人力 與 時間 更 避免 接觸 造成 感染 測 溫 功能 採用 非 接觸式 紅外線 測 溫 儀器 檢測時間 小於 1 秒 誤差 小於 03 當 體溫 超過 375 度 時就 會 自動 出現 警報 及 閃 紅燈 警示 另外 除 菌 消毒 方面 採用 uvc 除 菌 燈管 照射 2 至 3 秒 後 可 達到 9 成 以上 的 消毒 成效 交通 員警 大隊 大隊長 陳松 寅 再三 囑咐 員警 在 執行 防疫 勤務 務必 做好 自身 安全 防護 保護 自身 健康 與 安全 才 有能力 保護 人民 大家 胼手胝足 共同 來 防止 新冠肺炎 疫情 擴散</t>
  </si>
  <si>
    <t>新冠肺炎 臺灣 除 菌 測 溫 自動</t>
  </si>
  <si>
    <t>新冠肺炎 全球 延 燒 大陸 南韓 投入 中藥 療法 臺灣 中醫 團隊 也 研發 獨家 中藥方 臺灣 清冠 一 號 經 研究 可 阻斷 新冠 病毒感染 抑制 細胞 激素 風暴 出現 5 月 已 完成 中藥廠 非 專屬 授權 最 快 7 月 進軍 歐美 不過 專家 諮 詢 小組 召</t>
  </si>
  <si>
    <t>新冠肺炎 全球 延 燒 大陸 南韓 投入 中藥 療法 臺灣 中醫 團隊 也 研發 獨家 中藥方 臺灣 清冠 一 號 經 研究 可 阻斷 新冠 病毒感染 抑制 細胞 激素 風暴 出現 5 月 已 完成 中藥廠 非 專屬 授權 最 快 7 月 進軍 歐美 不過 專家 諮 詢 小組 召集人 張上淳 認為 目前 僅 試驗組 臨床 實證 資料 還 不足 建議 可 和 其他 如 東南亞 國家 合作 待 實證 證據 齊全 後 再 考量 納入 治療 指引 中醫師 公會 全國 聯合會 昨 分享 治療 新冠肺炎 成果 由 三軍 總 醫院 台中 榮 總 彰 化 基督教 醫院 彰 化 醫院 以及 高雄長 庚共 5 家 醫院 參與 治療 研究 醫院 以 衛福部 中醫藥 研究所 公佈 的 新冠 病毒 病 中醫 臨床 分期 治療 指引 共 21 名 確診 者 參與 其中 1 名 危重症 5 名 重症 15 名 輕 症 最後 均 康復 出 院 國家 中醫藥 研究所 所長 蘇奕彰 表示 有數 千年 歷史 的 中醫 在 治療 呼吸 疫病 已 有 豐富 經驗 sars 期間 也 有 投入 研究 這次 針對 輕 症 重症 危重症 恢復期 患者 給予 不同 藥方 研究 團隊 發現 多數 病人 在 中醫 介入 後 發燒 症狀 緩解 心跳 血壓 也 明顯 穩定 8 到 10 天 就 能 三 采 陰性 出院 且 無 任何 副作用 進一步 研究 發現 中藥 能 阻斷 患者 朝 重症 發展 並 加速 痊癒 速度 同時 減少 複 陽 重症 後 肺 纖維 化 等 併發症 三 總 中醫 部 主任 黃怡嘉 表示 收治 一對 重症 夫婦 住院 第一 周 服用 奎寧 時 發生 心律不整 發燒 咳嗽 等 副作用 因此 增加 中醫 會診 開始 服用 中藥 8 天 後 就 三 次 陰性 解除 隔離 2 人 也 在 隔離 1 個 多 月 後 痊癒 出院 相擁而 泣</t>
  </si>
  <si>
    <t>新冠肺炎 產險 理賠 已 逾 3 000 案</t>
  </si>
  <si>
    <t>金管會 保險局 24 日 公佈 今年 到 3 月 23 日 為止 關於 新冠肺炎 產險 業 共有 3281 件 理賠 案 理賠 金額 共 2896萬 多元 主要 是 信用卡 綜合 保險 旅 行業 責任險 中的 旅遊 不便 條款 啟動 即 民眾 規劃 出國時 旅行 目的地 仍未 被 公佈 為</t>
  </si>
  <si>
    <t>金管會 保險局 24 日 公佈 今年 到 3 月 23 日 為止 關於 新冠肺炎 產險 業 共有 3281 件 理賠 案 理賠 金額 共 2896萬 多元 主要 是 信用卡 綜合 保險 旅 行業 責任險 中的 旅遊 不便 條款 啟動 即 民眾 規劃 出國時 旅行 目的地 仍未 被 公佈 為 第 三級 且 在 公佈 前 就 已 刷 卡 投保 旅 綜 險 等 相關 保單 產險 公司 就 會 理賠 班機 取消 或 行程 被 取消 縮短 的 損失 平均 每 件 約 8千 多 元 現在 全球 都 被 列入 新冠肺炎 疫情 的 第 三級 旅遊 警告 區 旅行 綜合險 或 旅遊 不便 險 若 在 宣佈 前 投保 就 必 賠 宣佈 後 投保 也 沒有 用 因此 國內 產險 業 全面 停售 旅行 綜 保險 即 民眾 現在 要 出國 出差 也 無法 投保 旅 綜 險 或 旅遊 不便 險 也就是說 出發 前 24 小時 行程 因 新冠肺炎 因素 被 取消 或 縮短 的 損失 目前 已 無 保單 可 理賠 且 由於 旅行社 4 月底 前 也 不出 團 因此 旅 行業 責任險 亦 已 沒有 投保 的 情況 保險局 表示 產險 業 的 旅行 綜合險 都 含有 旅遊 延誤 行李 延誤 或 遺失 旅遊 縮短 或 活動 取消 等 旅遊 不便 險 的 部分 其中 行程 在 24 小時 前 被 取消 或 縮短 造成 被保險人 已 先 支付 的 旅遊 費用 損失 旅遊 不便 險 會 理賠 不過 大部分 的 保單 都 會 有 疫區 除外 條款 即已 被 宣佈 第 三級 的 地區 被保險人 仍 執意 前往 行程 被 取消 或 縮短 的 損失 保單 不 理賠 為 免 有 爭議 現在 產險 公司 都已 停售 旅 綜 險 由於 新冠肺炎 疫情 擴大 現在 全球 都已 被 公佈 為 第 三級 警告 區域 若 民眾 現在 投保 旅 綜 險 將 無 法理 賠 目前 所有 產險 公司 已 無法 銷售 含 旅行 不便 在內 的 保單 如 旅行 綜合險 旅 行業 責任險 等 至於 刷 卡 送 的 信用卡 綜合 保險 仍 是 有效 但是 仍 是 要 看 理賠 條款 旅行 不便 的 部分 若 刷 卡 去 的 地方 是 第 三級 被 取消 行程 或 縮短 行程 的 損失 是 不 賠 但 旅行 平安險 部分 的 人身 保障 等 還是 有效</t>
  </si>
  <si>
    <t>新冠肺炎 臺灣 健身 中心 消費者 消基會</t>
  </si>
  <si>
    <t>新冠肺炎 臺灣 足跡 溪湖 彰 化</t>
  </si>
  <si>
    <t>新冠肺炎 臺灣 王世堅 疫苗 蘇貞昌</t>
  </si>
  <si>
    <t>又 一 高官 中 鏢 西班牙 副 總理 確診 新冠肺炎</t>
  </si>
  <si>
    <t>新冠肺炎 襲擊 歐洲 政壇 多 位 政要 及 高級官員 傳出 感染 新冠肺炎 西班牙政府 週三 25 日 表示 副 總理 卡爾沃 carmen calvo 接受 新冠 病毒檢測 結果 為 陽性 根據 路透社 報導 西班牙政府 表示 這 是 卡爾沃 第二 次 接受 檢測 第</t>
  </si>
  <si>
    <t>新冠肺炎 臺灣 疫 調 5 月 確診 者</t>
  </si>
  <si>
    <t>nba 緊急 停賽 之後 球員 的 荷包 也 可能 遭受 重大 打擊 他們 的 合約 幾乎 都 是 保證 支付 但 依據 現行 勞資 協議 資方 遭遇 不可抗力 時 不必 支 薪 包括 戰爭 自然災害 恐怖 攻擊 流行病 這 一 次 的 新冠肺炎 已 被 宣 告 為 全球 大流</t>
  </si>
  <si>
    <t>nba 緊急 停賽 之後 球員 的 荷包 也 可能 遭受 重大 打擊 他們 的 合約 幾乎 都 是 保證 支付 但 依據 現行 勞資 協議 資方 遭遇 不可抗力 時 不必 支 薪 包括 戰爭 自然災害 恐怖 攻擊 流行病 這 一 次 的 新冠肺炎 已 被 宣 告 為 全球 大 流行 老闆 大概 不 用 付錢 了 美 媒 福斯 財經 分析 一般 全職 nba 球員 的 工時 是 這樣 算 的 每季 平均 為 926 場 比賽 包括 例行 賽 82 場 表演賽 5 場 季後 賽 56 場 每 停賽 1 場 就 扣除 1 場 的 薪資 簡言之 假設 聯盟 本 季 就此 腰斬 球員 大概 會 損失 25 年薪 如果 nba 在 30 天 後 復工 直接 打 季後 賽 球員 就 少掉 18 場 例行 賽 的 薪資 聯盟 以前 雖然 也 有 過 封 館 的 縮水 球季 那時 至少 能 安心 打完 季 後 賽 目前 最好 的 情況 還 是 打完 整個 球季 端 看 美國政府 是否 能 控制 疫情</t>
  </si>
  <si>
    <t>新冠肺炎 臺灣 疫苗 az 陳時中</t>
  </si>
  <si>
    <t>西班牙 21 歲 足球 教練 去世 體壇 首 位 因 新冠肺炎 病逝</t>
  </si>
  <si>
    <t>新冠肺炎 疫情 持續 肆虐 歐洲 已經 成為 重災區 許多 體育選手 都 遭到 感染 而 在 西班牙 出現 了 第一 位 體壇人士 因為 新冠肺炎 死亡 的 案例 死者 是 在 馬拉加 當地 擔任 教練 的 francisco garcia 當時 除 了 新冠肺炎 之外 他 還 患有 白</t>
  </si>
  <si>
    <t>新冠肺炎 francisco garcia 西班牙 21 歲</t>
  </si>
  <si>
    <t>嘉義 縣 最 大 連鎖酒店 長 榮 文苑 去年底 試 營運 出師不利 遇 上 新冠肺炎 雖 住房 率 持續 受 影響 下滑 1 日 長 榮 文苑 仍 照 時程 開幕 同步 推出 優惠 住房 專案 抽獎 等 活動 先 搶 一 波 清明連 假 觀光 潮 未來 再 結合 故宮 南院 等 周邊 景</t>
  </si>
  <si>
    <t>全聯 清 消 新冠肺炎 臺灣 消毒</t>
  </si>
  <si>
    <t>星期六 有 兩 個 非洲 國家 通報 新冠肺炎 的 案例 納米比亞 與 盧安達 出現 了 確診 病 患 至今 已 累計 19 個 非洲 國家 出現 新冠肺炎 根據 路透社 報導 納米比亞 衛生部長 尚 古拉 kalumbi shangula 在 記者會 表示 該國 境內 今天 首度 通報 有</t>
  </si>
  <si>
    <t>新冠肺炎 疫情 蠢動 交通部長 林佳龍 今天 視察 台鐵 與 高 鐵板橋 車站 後 表示 所有 搭乘 大眾 運輸 乘客 必要 戴 口罩 才能 搭車 並 呼籲 全體 民眾 配合 不要 防疫 讓 有 缺口 但 消息 一 出 網友 譁然 表示 異議 交通部長 林佳龍 是 在 今 31 晚</t>
  </si>
  <si>
    <t>新冠肺炎 疫情 重創 澳洲 教育 事業 國際 學生 不來 財務 缺口 擴大 澳洲 大學 爆 大規模 裁員 潮 今年以來 已經 有 超過 11萬 名 大學 教職員 失業 這 還 不 包括 臨時 員工 及 兼職 員工 英國 衛報 the guardian 報導 新冠肺炎 疫情</t>
  </si>
  <si>
    <t>新冠肺炎 疫情 重創 澳洲 教育 事業 國際 學生 不來 財務 缺口 擴大 澳洲 大學 爆 大規模 裁員 潮 今年以來 已經 有 超過 11萬 名 大學 教職員 失業 這 還 不 包括 臨時 員工 及 兼職 員工 英國 衛報 the guardian 報導 新冠肺炎 疫情 導致 國際 學生 人數 驟減 學校 財源 被 砍 斷 澳洲 國立 大學 the australian national university 與 新南 威爾斯 大學 university of new south wales 昨 16 日 分別 宣佈 各 裁員 215 人 及 256 人 澳洲 國立 大學 為了 因應 疫情 帶來 的 衝擊 決定 2021 至 2023 年 每年 節省 13億 美元 支出 至今 已經 裁員 465 人 多 所 大學 同樣 面臨 財務 缺口 擴大 的 窘境 澳洲 全國 高等教育 聯盟 national tertiary education union 指出 目前 各 大學 已經 裁員 逾 11萬 人 這 還 不 包括 數 千 名 已經 被 解雇 或 不 被 續約 的 臨時 員工 及 兼職 人員 非 營利 組織 澳洲 大學 聯盟 universities australia 預估 至 年底 大學 失業人數 將 會 攀上 21萬 人 至 2023 年 高等教育 將 會 損失 160億 美元 澳洲 國立 大學 7 月 才 表決 通過 節省 1 350萬 美元 的 支出 方案 導致 90 人 失業 未來 學校 每年 將 再 節省 103億 美元 支出 預期 更 多 人 將 失業 新南 斯威爾 大學 副 校長 賈可 布斯 ian jacobs 在 給 員工 的 信件 中 指出 學校 明年 面臨 37億 美元 的 財務 缺口 校方 預計 將 削減 38 人力 針對 大學 龐大 的 資金 壓力 澳洲 教育部長 特 漢 dan tehan 表示 對於 教育 事業 前景 仍 樂觀 相信 疫情 趨 緩 後 澳洲 將 能 吸引 更 多 國際 學生 不過 澳洲 廣播公司 新聞網 abc news 報導 澳洲 教育部 也 坦言 很難說 國際 學生 何時 會 回來 根據 澳洲 內政 部 department of home affairs 的 統計資料 澳洲 境內 有555萬 人 持有 學生 簽證 不過 從 國外 入境 的 國際 學生 人數 已經 驟減 澳洲 統計局 australian bureau of statistics 指出 2019 年 7 月 有 144萬 名 留學生 入境 不過 今年 7 月 只 有 40 人 入境 根據 澳洲 廣播公司 新聞網 統計 今年 3 月 6萬 名 留學生 入境 後 每月 入境 學生 人數 就 驟降 至 2 位數 4 月 只 有 30 人 入境</t>
  </si>
  <si>
    <t>澳洲 大學 留學生 裁員 11萬 新冠肺炎</t>
  </si>
  <si>
    <t>新冠肺炎 走向 流 感化 打 兩劑 az 等於 沒 打 專家 這樣 說</t>
  </si>
  <si>
    <t>新冠肺炎 臺灣 omicron az 流 感化</t>
  </si>
  <si>
    <t>流感 更 甚於 新冠肺炎 一 張圖 證明 民眾 心情</t>
  </si>
  <si>
    <t>國人 健康 力 指標 變動 趨勢 圖 中大 台 經 中心 提供 新冠肺炎 疫情 重大 打擊 全球 的 方方面面 在 臺灣 民眾 可能 不 這樣 想 今 25 日 和 2 月 消費者 信心 指數 cci 同步 公佈 的 國人 健康 力 指標 顯示 民眾 對 自己 健康 感到 樂觀</t>
  </si>
  <si>
    <t>世衛 宣佈 新冠肺炎 全球 風險 上調 非常 高</t>
  </si>
  <si>
    <t>世界衛生組織 who 秘書長 譚 德塞 2 月 28 日 宣佈 將 新冠肺炎 疫情 全球 風險 從 高 上調 至 非常 高 不過 他 仍 強調 全球 仍 有 機會 控制 疫情 譚 德塞 說 過去 幾 天 全球 新冠肺炎 病例 和 受 疫情 影響 國家 的 數量 持續 增加 這 現象</t>
  </si>
  <si>
    <t>義 大利 新冠肺炎 疫情 延 燒 22 日 確診 病例 累計 達到 51 例 由於 新增 病例 均 出現 在 北部 地區 當天 北部 12 個 城鎮 宣佈 關閉 學校 體育館 餐廳 咖啡館 酒吧 及 其他 公共場所 暫停 一切 辦公 商業 娛樂 及 公眾 活動 停止 公共交通</t>
  </si>
  <si>
    <t>義 大利 新冠肺炎 疫情 延 燒 22 日 確診 病例 累計 達到 51 例 由於 新增 病例 均 出現 在 北部 地區 當天 北部 12 個 城鎮 宣佈 關閉 學校 體育館 餐廳 咖啡館 酒吧 及 其他 公共場所 暫停 一切 辦公 商業 娛樂 及 公眾 活動 停止 公共交通 當局 敦促 居民 未來 一 周 不要 外出</t>
  </si>
  <si>
    <t>美國勞工部 週四 公佈 6 月 非農 就業 報告 資料 意外 強勁 單月 就業人口 大 增 480萬 創 史上新 高 紀錄 失業率 也 下滑 至 111 由此 顯示 新冠肺炎 造成 的 經濟衰退 可能 已經 結束 不過 最近 疫情 再度 升高 則 可能 衝擊 經濟 復蘇 的 力道 與</t>
  </si>
  <si>
    <t>美國勞工部 週四 公佈 6 月 非農 就業 報告 資料 意外 強勁 單月 就業人口 大 增 480萬 創 史上新 高 紀錄 失業率 也 下滑 至 111 由此 顯示 新冠肺炎 造成 的 經濟衰退 可能 已經 結束 不過 最近 疫情 再度 升高 則 可能 衝擊 經濟 復蘇 的 力道 與 時程 受到 官方 就業 報告 資料 出奇 亮麗 的 激勵 美 股 週四 早 盤 跳 空 開高 道 瓊 工業 指數 大 漲 近 400 點 或 15 來到 26120 點 標 普 5百 指數 勁揚 13 那斯 達克 綜合 指數 跳 漲逾 130 點 或 13 來到 10291 點 的 歷史 新 高 根據 勞工 部 公佈 的 資料 6 月 就業人口 總共 暴 增 480萬 創下 1939 年 開始 此 項 統計 以來 的 單月 最 大 增幅 紀錄 其中 民間 部門 大 增 4767萬 政府部門 小 增 33萬 資料 遠 優於 市場 預期 華爾街 經濟學家 的 預估 值 為 增加 300萬5 月 就業人口 增幅 也 從 250萬 上 修至 270萬 失業率 從 5 月 的 133 下滑 至 111 優於 市場 預期 的 123 儘管 就業 市場 已 展開 復蘇 但 離 強盛 狀態 仍 有 一大 段距離 4 月份 就業人口 狂 減 2000萬 即使 連續 兩 個 月 就業人口 強勁 反彈 但 經濟 部門 迄今 仍 流失 約 1000萬 個 就業 而 失業率 今年 2 月 時 還 創下 35 的 50 年 新低 另 一個 值得 觀察 的 重點 是 官方 就業 報告 搜集 資料 的 時間 為 6 月中 而 6 月 下旬 美國 新冠肺炎 疫情 突然 加溫 每日 新增 確診 人數 甚至 已 突破 前 高 恐為 就業 市場 與 經濟 復蘇 埋 下 新 變數 此外 上周 截至 6 月 27 日 初領 失業 救濟 人數 報 143萬 僅 較 前 一 周 僅 減少 55萬 請領 人數 高於 市場 預期 的 136萬 請領 失業 救濟 人數 3 月底 一度 飆 至 近 700 萬曆 史 高點 之後 雖 一路 下滑 但 近來 減幅 明顯 趨 緩 顯示 企業 仍 持續 裁員 田納西大學 勞動 經濟學家 華納梅克 marinane wanamaker 表示 我們 正 處於緩步 復蘇 的 初期 疫情 若 無法 獲得 控制 我 認為 復蘇 時程 就 會 拉長 密西 根 州立大學 經濟學 教授 庫克 lisa cook 也 指出 整體 局勢 依然 危急 有 很多 的 小企業 與 商家 仍然 處於 永久 停業 狀態</t>
  </si>
  <si>
    <t>這 恐怕 能 視為 川普 連任 警訊 路透社 的 民 調 指出 川普 上任 以來 現在 是 共和黨 支持者 對 未來 最 悲觀 的 時候 40 年 共和黨 鐵 粉 表示 對 川普 感到 厭惡 另外 將近 4 成 支持者 相信 美國 走 錯 道路 路透社 易普索 reuters ipsos 6 月初 做 的 民 調 顯示 由於 新冠肺炎 疫情 經濟 低迷 以及 非裔 男子 之 死 引發 的 全美 動盪 3 大 危機 衝擊 美國 社會 現在 是 川普 上任 以來 共和黨 支持者 對 國家 未來 最 感 悲觀 的 時刻 只 有 46 的 共和黨 支持者 認為 美國 走 在 正確 道路 上 這個 數字 是 2017 年 8 月 以來 最低 和 3 月初 疫情 大 爆發 之前 相比 當時 還 有 70 共和黨 支持者 對 未來 感到 樂觀 現在 則 有 37 共和黨 支持者 相信 國家 走 在 錯誤 道路 上 當中 17 表示 如果 現在 舉行 大選 他們 會 投 給 拜登 不過 另外 63 仍 計畫 持續 支持 川普 路透社 針對 十 多 名 共和黨 支持者 進行 採訪 他們 都 認為美國 已 走 錯 方向 上屆 大選 中投 給 川普 的 48 歲 北卡羅萊納州 居民 奈特 matthew knight 表示 對 川普 處理 這些 危機 的 方式 感到 失望 想想看 發生 的 這些 事 川普 根本 沒 幫到 忙 事情 都 錯 了 他 說 本來 打算 再 投 給 川普 但 如果 情況 繼續 惡化 他 將 重新考慮 另外 一 名 40 年 來 從未 投 給 民主黨 的 62 歲 共和黨 鐵 粉 馬麥 可 bill mcmichael 則 表態 今年 11 月 可能 投 給 拜登 因為 他 對 川普 的 所作所為 感到 厭惡 儘管 共和黨 支持者 對 美國 愈來愈 感到 悲觀 不過 整體而言 川普 目前 的 支持 度 仍 維持 在 40 多數 支持者 仍 滿意 他 的 施政 表現 部分 支持者 即便 對 未來 感到 憂慮 但 出於 對 拜登 的 不 信任 以及 相信 川普 能 挽救 經濟 今年底 他們 仍 打算 投 川普 一 票 路透社 易普索 這 份 民 調 于 網路 進行 總共 獲得 1113 名 美國 成人 填寫 信賴 區間 為 正負 3 個 百分點</t>
  </si>
  <si>
    <t>疫情 川普 造 勢 大屠殺 新冠肺炎</t>
  </si>
  <si>
    <t>新冠肺炎 大陸 獼猴桃 批次 排查</t>
  </si>
  <si>
    <t>新冠肺炎 臺灣 施打 疫苗 郭信良</t>
  </si>
  <si>
    <t>不畏 新冠肺炎 疫情 全球 肆虐 對 經濟 活動 帶來 強烈 衝擊 台穩 精密 公司 憑 藉 著 廠 區 擁有 無數 自 歐 日 進口 的 高階 齒輪 研磨 與 加工 設備 及 生產 技術 領先 業 界 的 賣 點 近期 持續 接 獲 中部 知名 輪胎 大廠 及 南部 塑膠 押出機 大廠 齒輪 箱 的 訂單</t>
  </si>
  <si>
    <t>不畏 新冠肺炎 疫情 全球 肆虐 對 經濟 活動 帶來 強烈 衝擊 台穩 精密 公司 憑 藉 著 廠 區 擁有 無數 自 歐 日 進口 的 高階 齒輪 研磨 與 加工 設備 及 生產 技術 領先 業 界 的 賣 點 近期 持續 接 獲 中部 知名 輪胎 大廠 及 南部 塑膠 押出機 大廠 齒輪 箱 的 訂單 在 機械業 黯淡 的 不景氣 聲 中 掛 起 一 盞 明燈 台 穩 公司 總經理 廖 德川 指出 面對 新冠肺炎 來勢洶洶 衝擊 全球 經濟 與 投資 活動 台穩 積極 尋找 新出路 因應 其中 在 產業 機械 齒輪 箱 市場 的 拓展 方面 已 成功 接 獲 中部 知名 輪胎 大廠 海外投資 所 需 的 膠料 密煉機 用 的 大型 齒輪 箱 訂單 總計有 四 條 生產線 每個 搭配 的 大型 齒輪 箱 重 達 16 噸 為 台穩 迄今 所 生產 過 最 大型 的 齒輪 箱 在 台穩 員工 加緊 趕 工 生產 後 近期 都已 順利 出 貨 完畢 並 獲得 客戶 的 肯定 後續 預計 將 追加 數 款 中小型 密煉機 用 的 齒輪 箱 也 將 委 由 台穩 製造 廖 德川強調 該款 大型 膠料 密煉機 主要 做為 橡膠 料 與 混 合劑 的 攪拌 混 練 使用 其 搭載 的 齒輪 箱 除了 外 型 之 巨大 為 台穩 以往 所 未 生產 過 外 其 馬達 功率 更 要 達到 3000 馬力 在技術上 並要 做 到 兩 個 出力 軸 的 轉速 要 同步 業 界 要 投入 開發 並 不容易 但 台穩 卻 順利 把 它 完成 每個 齒輪 箱 的 交貨 時程 還 較 原訂 的 六 八 個 月 大幅 縮短 為 四 個 月 讓 客戶 至為 滿意 為 台穩 進軍 輪胎 產業 設備 市場 打出 漂亮 的 第一 仗 另 在 塑膠 機械 齒輪 箱 市場 的 開發 方面 台穩 產品 憑 藉 著 品 項 豐富 齊全 及 擁有 高精度 高 效率 與 高 可靠 度 等 三高 特色 持續 接 獲 南部 知名 塑膠 押出機 大廠 各款 機械 齒輪 箱 訂單 穩固 了 台穩 的 經營 基礎 值得一提的是 台穩 在 董事長 黃明和 總經理 廖 德川 以 轉動 全世界 矢志 做 精密 齒輪 業 第一 品牌 的 卓越 經營 理念 帶領 下 近期 再 斥資 數 千萬 元 增購 德 商 hofler 齒輪 研磨機 日商 東京 技術 cnc 齒輪 檢測機 等 業 界 最 頂尖 的 齒輪 加工 與 檢測 設備 可用 來生 產 錐度 齒輪 擺 線 齒輪 等 特殊 齒輪 及 產業 機械 用 客 制 化 大型 齒輪 箱 鎖定 要 進攻 壓鑄機 塑 橡膠機械 與 鋼鐵 機械 等 市場</t>
  </si>
  <si>
    <t>北京 新增 新冠肺炎 確診 病例 1 例 累計 400 例</t>
  </si>
  <si>
    <t>25 日 據 北京 衛健 委 官方 微博 消息 24 日 0 時至 24 時 北京市 新增 1 例 新冠肺炎 確診 病例 該 病例 有 外省市 接觸 史 已 送至 定點 醫療機構 進行 救治 24 日 北京市 新增 疑似病例 18 例 現有 疑似病例 73 例 新增 密切接觸 者 3 例 累計 確定</t>
  </si>
  <si>
    <t>25 日 據 北京 衛健 委 官方 微博 消息 24 日 0 時至 24 時 北京市 新增 1 例 新冠肺炎 確診 病例 該 病例 有 外省市 接觸 史 已 送至 定點 醫療機構 進行 救治 24 日 北京市 新增 疑似病例 18 例 現有 疑似病例 73 例 新增 密切接觸 者 3 例 累計 確定 密切接觸 者 2487 例 其中 1748 例 已 解除 醫學觀察 17 例 新冠肺炎 患者 分別 從 地壇醫院 佑安醫院 解放軍總醫院 第 五 醫學 中心 海澱醫院 普仁 醫院 潞河醫院 牛 堡 屯 分院 昌平區醫院 大興區人民醫院 順義區醫院 出院 其中 9 名 男性 8 名 女性 年齡 最小 1 歲 最 大 89 歲 截至 24 日 24 時 北京市 累計 確診 病例 400 例 出 院 215 例 死亡 4 例 危重 型 13 例 400 例 確診 病例 中 男性 病例 189 例 占 472 女性 病例 211 例 占 528 年齡 範圍 為 6 個 月 至 94 歲 其中 5 歲 以下 14 例 占 35 6 歲 至 17 歲 13 例 占 32 18 歲 至 59 歲 263 例 占 658 60 歲 及 以上 110 例 占 275</t>
  </si>
  <si>
    <t>住院 默沙東 口服藥 新冠肺炎 藥物 死亡率</t>
  </si>
  <si>
    <t>近來 疫情 獲得 控制 對於 餐飲 禁止 內 用 到 15 日 是否 考慮 提早 解禁 新北 市長 侯友宜 今 主持 疫情 說明會 表示 現在 疫情 還是 在 觀察 期間 我們 應該 戒慎 恐懼 嚴陣以待 來 面對 第一 波 入侵 新北 的 delta 病毒 目前 仍 在 嚴密 觀測 掌 控 希望 能 有效 控制 疫情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北京 爆發 第二 波 新冠肺炎 傳 鮭魚 為 傳染源 對此 胸腔 暨 重症 醫生 黃軒 直言 倒 楣 的 魚 被 人 宰殺 了 還要 被 誣陷 啊 新冠 病毒 需 受體 ace 2 幫忙 才可 成功 進入 感染 細胞 而 此 受體 僅 存 於 哺乳類 動物 不 存在 魚中 黃軒表</t>
  </si>
  <si>
    <t>近來 因為 新冠肺炎 疫情 影響 傳出 部分 旅遊業 觀光 業大 放 無 薪 假 或是 鼓勵 員工 多 休假 勞動部 預計 在 21 日 修正 充電 再 出發 訓練 計畫 補助 訓練 津貼 為 每 小時 158 元 每月 120 小時 補助 訓練 費用 上限 也 提高 到 新 台幣 350萬</t>
  </si>
  <si>
    <t>近來 因為 新冠肺炎 疫情 影響 傳出 部分 旅遊業 觀光 業大 放 無 薪 假 或是 鼓勵 員工 多 休假 勞動部 預計 在 21 日 修正 充電 再 出發 訓練 計畫 補助 訓練 津貼 為 每 小時 158 元 每月 120 小時 補助 訓練 費用 上限 也 提高 到 新 台幣 350萬 元 目前 匡列 預算 約 5億 元 受到 新冠肺炎 疫情 影響 如 觀光 旅遊業 營運 受到 影響 及 衝擊 事業 單位 為 維持 營運 可能 採行 勞 雇 協商 減少 工時 為 協助 在職 勞工 安心 安穩 工作 勞動部 且 充分利用 暫時 減少 工時 參加 訓練課 程 修正 充電 再 出發 訓練 計畫 將 傳染病 防治法 所 定 傳染病 防治 事由 納入 計畫 適用 規定 並 提高 對 勞工 及 事業 單位 的 補助 計 畫 修正 後 針對 這 段 期間 減少 工時 參加 訓練 課程 的 勞工 補助 訓練 津貼 時數 上限 特別 自 100 小時 提高 為 120 小時 每 小時 比照 基本工資 發給 158 元 參訓 勞工 最高 可 領到 1萬8960 元 的 訓練 津貼 為 協助 事業 單位 利用 這 段 期間 提升 人力資本 辦理 訓練 課程 的 補助 訓練 費用 上限 也 從 原 190萬 元 提高 到 350萬 元 勞動部 常務 次長 林 三 貴 表示 為了 協助 事業 單位 穩定 雇用 勞工 目前 勞動力 發展署 提供 充電 再 出發 計 畫 為了 協助 在職 勞工 安心 工作 修正 相關 計畫 把 辦 訓 費用 從 190萬 元 提高 為 350萬 元 訓練 津貼 上限 則 從 100 小時 修正 為 120 小時 最高 可 領 1萬8960 元 該 計畫 申請 期間 從 2 月 21 日 至 今年 8 月 31 日 為止 實施期 程從 受理 申請 開始 至 今年 12 月 31 日 為止</t>
  </si>
  <si>
    <t>目標 3 月初 上櫃 的 山富 旅行社 2743 12 日 舉辦 業績 發表會 面對 新冠肺炎 強 襲 觀光 旅遊業 山富 董事長 陳國森 表示 公司 走 入 資本 場 後 旅行團 將 多元化 主題 化 與 優質化 並 強化 自由 行 的 元件 商品 與 套裝 同時 啟動 數位 轉型</t>
  </si>
  <si>
    <t>目標 3 月初 上櫃 的 山富 旅行社 2743 12 日 舉辦 業績 發表會 面對 新冠肺炎 強 襲 觀光 旅遊業 山富 董事長 陳國森 表示 公司 走 入 資本 場 後 旅行團 將 多元化 主題 化 與 優質化 並 強化 自由 行 的 元件 商品 與 套裝 同時 啟動 數位 轉型 計畫 擴大 營運 動能 與 企業 規模 受到 新冠肺炎 疫情 衝擊 山富 旅遊 預估 到 4 月底 營 收 損失 近 8000萬 元 不過 陳國森 表示 旅遊 已是 需求 疫情 終 會 淡化 山富 立足 市場 超過 30 年 曾 歷經 金融風暴 與 sars 因 開發 高端 旅遊 商品 與 導入 網路 資訊 系統 安然 度過 危機 如今 危機 入市 公司 對 後市 仍 審慎 樂觀 山 富 旅遊 成立 於 1988 年 目前 實收 資本額 為 282億 元 全台 設有 15 個 營業 據點 共有 504 名 員工 此次 配合 上櫃 前 擬 現 增 發行 新股 3800 張 其中 3230 張 將 辦理 公開 承銷 屆時 實收 資本額 將 會 膨脹 至 32億 元 山 富 2019 年 自 結合 並 營 收 516億 元 年 減 029 營 收 下滑 主要 原因 是 為 提升 毛利率 而 做 更 精確 的 銷售 規劃 不過 山富 2109 年 前 三 季 毛利率 82 營益 率 13 優於 前年 同期 711 028 稅 後 淨利 052億 元 年 增 8543 eps 185 元 優於 前年 同期 1 元 山富 2017 至 2018 年 平均 股利 分配 率 約 60 現金 股息 殖 利率 平均 達到 4 以上 陳國森 表示 山富 股利 政策 是 維持 股東 穩健 長期 獲利 今年 公司 營運 重點 將 會 力拼 毛利率 持續 提升 在 股利 發放 上 今年 殖 利率 將 有 機會 較往年 成長 為了 擴大 營運 動能 山富 今年 整合 虎 航 和 日本 新 潟 縣政府 資源 將 於 3 月 至 10 月 推出 新 潟 獨家 包機 共 120 個 來回 航次 此 將 會 有助 山富 降低 部 份 日本 旅行團 操作 成本 並且 以 差 異化 產品 來 集 客</t>
  </si>
  <si>
    <t>女星 李毓芬 五官 立體 氣質 高冷 性感 去年 推出 新 單 曲 相信 你 believe in you 愛情 電影 絕世 情歌 後 爆發 新冠肺炎 後 就 很 少 出席 公開場合 連社群 平臺 也 不常 更新 近日 她 終於 發文 呼籲 粉絲 要 注意 健康 附上 的 美</t>
  </si>
  <si>
    <t>女星 李毓芬 五官 立體 氣質 高冷 性感 去年 推出 新 單 曲 相信 你 believe in you 愛情 電影 絕世 情歌 後 爆發 新冠肺炎 後 就 很 少 出席 公開場合 連社群 平臺 也 不常 更新 近日 她 終於 發文 呼籲 粉絲 要 注意 健康 附上 的 美 照 乍 看 沒 穿衣 立刻 引起 網友 討論 新冠肺炎 持續 蔓延 李毓芬 18 日曬 出 兩 張 照片 向 外界 溫馨 喊話 想念 各位 願 大家 平安 健康 做好 防疫 勤洗手 戴 口罩 去 人 多 的 地方 儘量 戴著 眼鏡 帽子 手套 等等 不要 管 造型 美不美 了 安全 第一 畫面 中 她 留 著 及 肩 微 卷 的 頭髮 身上 看不到 任何 一 件 衣服 只用 黑白相間 的 毛毯 遮住 重點部位 露出 肩 頸 線條 鎖骨 和 修長 的 美 腿 性感 的 相當 高級 讓 網友 看 得 血脈 賁張 直 呼 女神 芬 也 要 保重 但 你 太 美 了 你 很 懂 欸 想念 的 時候 放 這種 照片 任何 事情 隨 著 時間 的 累積 一點 一點 的 努力 總能 完成 些 什麼 吧 就 像是 打遊戲 也 是 一樣 吧 tia lee @leeyufen 分享 的 貼 文 於 pst 2020 年 2 月 月 18 日 上午 2 10 張貼 想念 各位 願 大家 平安 健康 做好 防疫 勤洗手 戴 口罩 去 人 多 的 地方 儘量 戴著 眼鏡 帽子 手套 等等 不要 管 造型 美不美 了 安全 第一 tia lee @leeyufen 分享 的 貼 文 於 pst 2020 年 2 月 月 18 日 上午 2 19 張貼</t>
  </si>
  <si>
    <t>李毓芬 沒穿 新冠肺炎 網友 防疫 裸體</t>
  </si>
  <si>
    <t>新冠肺炎 臺灣 快 篩 陽性 pcr 匡列</t>
  </si>
  <si>
    <t>新冠肺炎 疫情 衝擊 各行各業 對 工具機 產業 影響 頗 大 工具機 大廠 崴 立 機電 將 從 加強 兩岸 三 廠 生產 調控 擴大 利基 市場 加速 新機種 開發 及 積極 管控 生產成本 等 多管齊下 期 透過 各項 開源節流 措施 將 危害 降 至 最 低 新冠肺炎 疫</t>
  </si>
  <si>
    <t>新冠肺炎 疫情 衝擊 各行各業 對 工具機 產業 影響 頗 大 工具機 大廠 崴 立 機電 將 從 加強 兩岸 三 廠 生產 調控 擴大 利基 市場 加速 新機種 開發 及 積極 管控 生產成本 等 多管齊下 期 透過 各項 開源節流 措施 將 危害 降 至 最 低 新冠肺炎 疫情 肆虐 全球 但 崴 立 機電 在 兩岸 投資 行動 仍 持續 進行 中 其中 臺灣 新竹 廠 新建 工程 已 發包 預定 2022 年 完工 產 能 將 是 舊廠 的 13 倍 大 蘇州 廠 擴建工程 也 如期 進行 中 預定 今 年內 啟用 產 能 將 大幅 增加 八成 合計 兩 廠 總 投資規模 達 15億 元 約 增加 3萬 平方米 的 新廠區 展現 崴 立 不畏 疫情 追求 永續 經營 決心 崴 立 總經理 蘇錦添 強調 崴 立 新竹 台中 與 蘇州 等 兩岸 三 座 工廠 目前 各 有 其 主力 產品 生產 利基 與 營運 定位 呈現 三足鼎立 未來 將 更進一步 加強 三 廠 的 技術 與 資源 共用 來 提高 崴 立 的 整體 經營 綜 效 邁向 永 續 茁壯 發展 的 企業 崴立 機電 經營 團隊 核心成員 主要 來自 臺灣 工研院 機械 所 團隊 成軍 30 多 年 來 在 董事長 關永昌 以 誠信 創新 團隊 分享 做為 核心 經營 價值 帶領 下 始終 專注 在 高階 工具機 的 研發 與 創新 迄今 開發 出 龍門 加工機 五 面 世家 立式 加工機 臥式 鏜 銑 機 五 軸 世家 高速 機群 立 車 家族 等 七大 高階 產品 群 並 兩 度 勇奪 臺灣 工具機 研發 創新 競賽 特優獎 名聞 海內外 市場 成為 臺灣 工具機 產業 的 領航 標竿 企業 由 崴 立 研發 上市 的 大型 龍門 加工機 主體 結構 相當 強固 且 加工 性能 優異 加工 精度 極 高 成為 客戶 的 首選 品牌 享有 好 口 碑 另外 崴 立 研 發出 各種 不同 型態 的 高階 五 軸 加工 機種 頗 適合 航 太 螺旋 葉片 機體 結構 件 等 零件 加工 無論 其 材質 是 鋁 鎳 或 鈦 難 削 硬 材 該 公司 均 可 提供 客戶 最 適當 的 產品 與 加工 解決 方案 產品 並 已 成功 外銷 到 美國 波音 飛機 供應 鏈 體系 深受 客戶 的 肯定</t>
  </si>
  <si>
    <t>美國股市 今天 在 抗 新冠肺炎 實驗性 藥物 瑞德西韋 remdesivir 取得 正面 結果 大幅 抵銷 美國 經濟衰退 噩耗 下 大幅 勁揚 道 瓊 收盤 大 漲 53231 點 瑞德西韋 的 利多 蓋過 美國 首季 gdp 萎縮 48 的 利 空 美 股 大 漲 道 瓊 工業 指數</t>
  </si>
  <si>
    <t>美國股市 今天 在 抗 新冠肺炎 實驗性 藥物 瑞德西韋 remdesivir 取得 正面 結果 大幅 抵銷 美國 經濟衰退 噩耗 下 大幅 勁揚 道 瓊 收盤 大 漲 53231 點 瑞德西韋 的 利多 蓋過 美國 首季 gdp 萎縮 48 的 利 空 美 股 大 漲 道 瓊 工業 指數 收盤 上漲 53231 點 漲幅 221 以 2463386 點 作 收 標準普爾 指數 上漲 7612 點 漲幅 266 收 293951 點 那 斯 達克 指數 收盤 大 漲 30698 點 漲幅 357 收 891471 點 歐 股 今天 也 收紅 倫敦 ftse 100 指數 收盤 上漲 15675 點 漲幅 263 以 611525 點 作 收 法蘭克福 dax 30 指數 生 盤 上揚 31211 點 漲幅 或 289 收在 1110774 點 巴黎 cac 40 指數 收盤 上漲 10132 點 漲幅 222 收 467111 點 美國 藥廠 吉利 德 gilead sciences 製造 的 瑞德西韋 發表 第 三期 開放性 臨床 試驗的 初段 結果 評估 瑞德西韋 5 日 或 10 日 療程 用於 治療 新冠 重症 個案 的 療效 及 安全性 差異 報告 指出 重症 個案 從 治療 開始 到 第 14 天 使用 瑞德西韋 5 日 療程 者 有 60 可以 出院 10 日 療程 者 有 52 3 瑞德西韋 組 的 死亡率 為 80 安慰 劑 組 則 為 116 美國 國家 過敏 與 傳染病 研究院 national institute of allergy and infectious diseases 聲明 指出 使用 瑞德西韋 的 病 患 恢復 速度 比 接受 安慰 劑 的 患者 快 31 使用 瑞德西韋 治療 的 病 患 恢復 的 中 位數 時間 為 11 天 接受 安慰 劑 的 患者 則 為 15 天 美國 傳染病 專家 佛 奇 表示 這項 資料 顯示 瑞德西韋 在 減少 復原 時間 上 具有 明確 顯著 正面 效果 研究 結果 也 顯示 使用 瑞德西韋 的 病 患 死亡率 較 低 但 差異 很 小 這項 試驗 從 2 月 21 日 展開 總計有 美 歐 亞 68 地 總計 1063 人 參與</t>
  </si>
  <si>
    <t>瑞德西韋 抗 新冠肺炎 有效 美 股 歐 股</t>
  </si>
  <si>
    <t>日本 和歌 山縣 湯 淺 町 目 當於 鎮 濟 生 會 有 田 醫院 的 醫師 患者 等 共 5 人 感染 新冠肺炎 使 原本 寧靜 的 小鎮 被 嚴重 汙名 化 除了 觀光客 取消 訂 房 外 還有 人 要 退 故鄉 納稅 的 回禮 和歌 山 縣知事 仁阪吉 伸 怒斥 荒謬 令</t>
  </si>
  <si>
    <t>日本 和歌 山縣 湯 淺 町 目 當於 鎮 濟 生 會 有 田 醫院 的 醫師 患者 等 共 5 人 感染 新冠肺炎 使 原本 寧靜 的 小鎮 被 嚴重 汙名 化 除了 觀光客 取消 訂 房 外 還有 人 要 退 故鄉 納稅 的 回禮 和歌 山 縣知事 仁阪吉 伸 怒斥 荒謬 令人氣憤 湯 淺 町 人口 僅 1萬2千 人 原是 個 寧靜 的 小鎮 但 現在 因為 世界遺產 熊 野 古道 以及 有 上 百年 歷史 的 重要 傳統 建築物 群 保存 地區 而 1 年 約 吸引 50萬 名 觀光客 尤其 是 來自 大陸 的 遊客 每日 新聞 報導 當地 的 有 田 醫院 傳出 醫生 和 患者 感染 消息 後 許多 人 都 打電話 尋問 現在 去 你們 那裡 沒 問題 嗎 等 光 23 月 當地 的 飯店 餐廳 等 就 被 取消 約 400 人 的 住宿 或 宴會 預定 還有 人 詢問 可不可以 取消 故鄉 納稅 的 回禮 日本 鼓勵 回 饋 鄉里 納稅人 可 選擇 不在 居住地 納稅 而是 繳稅 給 鄉里 當地 也 會 提供 地方 特產 致謝 即 所謂 的 故鄉 納稅 愛知縣 至 16 日 中午 就 接 到 223 件 詢問 電話 甚至 有人 說 請 告訴 我 感染 患者 的 地址 仁阪 表示 好像 湯 淺 町 整個 都 被 污染 一樣 遭到 日本 全國 的 霸 淩 今後 考慮 舉辦 加油 湯 淺 等 活動</t>
  </si>
  <si>
    <t>湯 淺 和歌 山縣 故鄉 納稅 新冠肺炎 確診</t>
  </si>
  <si>
    <t>聯 准會 fed 主席 鮑爾 與 美國 財長 穆努欽 30 日前 往 眾議院 金融服務 委員會 作證 鮑爾 在 預先 準備 的 書面 證詞 表示 美國 重 啟 經濟 的 時間 比 他們 預期 來得快 但 解封 也 帶來 風險 像是 數 州 確診 病例 升高 鮑爾 表示 我們 已 進入 重要 的 新 階段 這 一切 比 我們 預期 來得快 儘管 我們 樂見 經濟 活動 復蘇 但 這 也 帶來 新 的 挑戰 也 就 是 我們 必須 控制 好 肺炎 疫情 另外 商業 圓桌會議 週一 公佈 第二 季季調 報告 其中 追蹤 ceo 未來 半 年 的 資本 支出 與 聘用 計畫 的 經濟 展望 綜合 指數 下 探 至 343 點 創下 歷史 次 低 僅 高於 2009 年 第一 季 的 5 點 大多數 執行長 認為 疫情 對 營運 的 衝擊 至少 會 延續 到 2021 年底 而且 有 將近 三 分之一 的 受訪者 表示 衝擊 會 延續 到 2022 年 商業 圓桌會議 的 成員 包括 蘋果 通用汽車 與 嬌 生 等 美國 知名 的 大 企業 調查結果 顯示 在 前所未見 的 疫情 危機 衝擊 下 美國 經濟 展望 存在 高度 的 不 確定性 之前 隨 著 各 地區 陸續 解封 市場 樂觀 預期 美國 經濟 將 順利 邁開 復蘇 不料 最近 疫情 再度 升溫 上週五 單日 新增 確診 人數 飆 至 逾 45萬 創下 新高 紀錄 導致 包括 德州 等 地區 被迫 宣佈 延後 解封 計 畫 擔任 商業 圓桌會議 理事長 的 沃爾瑪 執行長 麥克 米隆 doug mcmillon 表示 對抗 新冠肺炎 一 役 離 成功 還有 一大 段距離 員工 客戶 與 社區 的 健康 與 安全仍 是 營運 的 首要 目標 呼籲 聯邦 州 與 地方 政府 的 議員 應 共同 合作 採取 防止 疫情 蔓延 的 所有 必要措施</t>
  </si>
  <si>
    <t>新冠肺炎 臺灣 車流量 周 休 二 日 蘇花 改</t>
  </si>
  <si>
    <t>美國 疫苗 開發商 諾瓦 瓦克斯 novavax 週四 表示 在 英國 進行 第 三 階段 臨床 試驗 初步 發現 其 新冠肺炎 疫苗 防護力 893 雖然 對 英國 與 南非 的 新 變種 病毒 防護力 會 降低 但 仍 具 一定 防護力 消息 刺激 其 股價 在 美 股 週五 盤中 狂</t>
  </si>
  <si>
    <t>美國 疫苗 開發商 諾瓦 瓦克斯 novavax 週四 表示 在 英國 進行 第 三 階段 臨床 試驗 初步 發現 其 新冠肺炎 疫苗 防護力 893 雖然 對 英國 與 南非 的 新 變種 病毒 防護力 會 降低 但 仍 具 一定 防護力 消息 刺激 其 股價 在 美 股 週五 盤中 狂 漲 42 至 190 美元 諾瓦瓦克斯 在 英國 針對 15萬 人 進行 的 試驗 還 在 進行 中 但 試驗 期間 分析 發現 迄今 參與 試驗 的 人士 裡 有 62 人 感染 新冠 病毒 當中 僅 6 人 有 接種 其 餘 是 施打 安慰 劑 感染者 裡 逾 半 是 新 變種 病毒 諾瓦瓦克斯 強調 其 疫苗 對 最初 出現 的 新冠肺炎 防護力 可 高達 956 即使 後來 出現 的 新 變種 病毒 防護力 也 達 856 儘管 諾瓦瓦克斯 的 英國 試驗 顯示 其 疫苗 對 新冠 病毒 與 新 變種 病毒 都 有 相當 防護力 但 對 南非 新 變種 病毒 的 防護力 就 低 許多 諾瓦瓦克斯 在 南非 進行 第二 階段 臨床 試驗 參與 試驗 的 志願者 裡 部 份 人 身體 帶有 人類 免疫 缺乏 病毒 hiv 若 單純 分析 hiv 呈 陰性反應 的 志願者 疫苗 防護力 60 若 包含 帶有 hiv 的 志願者 整體防護 力 下降 至 49 諾瓦瓦克斯 表示 迄今 在 試驗 裡 發現 的 感染者 約 90 是 感染 新 變種 病毒 因此 其 正 準備 研發 專門 針對 南非 新 變種 病毒 的 疫苗 疫苗 防護力 之所以 在 南非 明顯 變 低 許多 科學家 認為 這 跟 南非 新 變種 病毒 具 更 多 突變性 有關 諾瓦瓦克斯 執行長 埃 爾克 stanley erck 說 英國 試驗 結果 是 引人注目 並 有 公司 期望 的 那麼 好 至於 在 南非 的 防護 效果 是 高於 大家 預期 外界 估計 諾瓦瓦克斯 的 初步 結果 有助 其 疫苗 獲得 英國 批准 使用 英國政府 表示 只要 得到 主管機關 批准 該 疫苗 下半年 就 能 出 貨 美國政府 則 要求 試驗 人數 規模 更 大 來 確定 其 防護 效果</t>
  </si>
  <si>
    <t>新冠肺炎 衝擊 業績 反 增 4 成 愛 買 抹 茶 霜淇淋 67 折 快 閃</t>
  </si>
  <si>
    <t>新冠肺炎 疫情 衝擊 各 產業 愛 買 受惠 於 宅 經濟 大 爆發 實體 通路 和 線 上 購物 本月 業績 較 去年同期 最高 成長 65 今 19 日 起至 3 月 3 日 正值 春季 下午 茶 大 賞 近 300 款 指定 沖 泡 飲品 烘焙 糖果 餅乾 等 商品 58 折 起 70 款</t>
  </si>
  <si>
    <t>新冠肺炎 疫情 衝擊 各 產業 愛 買 受惠 於 宅 經濟 大 爆發 實體 通路 和 線 上 購物 本月 業績 較 去年同期 最高 成長 65 今 19 日 起至 3 月 3 日 正值 春季 下午 茶 大 賞 近 300 款 指定 沖 泡 飲品 烘焙 糖果 餅乾 等 商品 58 折 起 70 款 草莓 抹 茶 商品 限定 推出 愛 買 與 日本 京都 宇治 市 的 吉祥物 茶 茶 小 王子 聯名 的 餅乾 甜 點 沖 泡 飲品 系列 商品 共 16 款 日本 京都 茶 茶 小 王子 宇治 抹 茶 霜淇淋 在 新北 板橋 南雅 店 和 桃園 店 成立 快 閃 櫃 每支 原價 120 元 67 折 嘗 鮮 價 80 元 烘焙 區 也 同步 有 抹 茶 奶 凍 卷 抹 茶 紅豆 蛋糕 等 抹 茶 限定 商品 也 因 草莓 季 到來 推出 近 60 款 草莓 限定 烘焙 糖 餅 等 草莓 口味 糖 餅 新品 占 2 成 其中 觀察 到 去年 2 月 草莓 季 烘焙 甜品 賣 8萬 個 今年 共有 14 款 草莓 烘焙 商品 包括 月 賣 3000 多 盒 的 草莓 卡 士 達 蛋糕 粉紅色 大理石 紋理 切 面的 草莓 吐 司 和 表面 像 被 粉紅 緞帶 環繞 草莓 瑞士 卷 等 近來 因 宅 經濟 發燒 2 月 上 半 月 愛 買 整體 業績 較 去年同期 成 長 4 成 愛 買 線 上 購物 較 去年同期 成 長 65 訂單數 成 長 9 成 實體 通路 業績 成 長 2 成 來客 數 成長 1 成 生鮮 米 油 即 食品類 商品 均 成長 2 至 3 成 這次 檔 期間 190 款 米 油 沖 泡 家庭 清潔 和 個人 清潔 等 商品 買 1 送 1 持 happy go 卡 買 dm 指定 商品 單筆 滿 100 元享 點數 5 倍 送 刷 遠東 商銀 信用卡 或 持 happy cash 有錢 卡扣 款 加碼 再多 送 5 倍 點數 會員 累計 最 多 點數 10 倍 送 至於 與 foodpanda 熊貓 商城 外 送 平臺 合作 的 分店 在 既 有 4 家 後 再 增加 2 家 也 就 是 在 雙北 地區 的 南雅 店 永和 店 景美店 和 忠孝 店 後 20 日 起 有 楊梅店 21 日 起 有 台南 店 擴 及 桃園 台南 現有 上線 近 900 項 生鮮 即 食品 等 商品 其中 食品類 商品 品 項數 增加 3 成</t>
  </si>
  <si>
    <t>新冠肺炎 臺灣 志 工 確診 中和</t>
  </si>
  <si>
    <t>新冠肺炎 疫情 趨 緩 新北 市長 侯友宜 今 22 日 宣佈 下週一 25 日 起 將 展開 第 2 階段 第 4 梯次 漸進 開放 管制 包括 畢業 旅行 校外 教學 隔宿 露營 等 活動 皆 可 如期 舉辦 但 須 落實 防疫 措施 家長 可 自行決定 是否 參與 後續 則 將</t>
  </si>
  <si>
    <t>新冠肺炎 疫情 趨 緩 新北 市長 侯友宜 今 22 日 宣佈 下週一 25 日 起 將 展開 第 2 階段 第 4 梯次 漸進 開放 管制 包括 畢業 旅行 校外 教學 隔宿 露營 等 活動 皆 可 如期 舉辦 但 須 落實 防疫 措施 家長 可 自行決定 是否 參與 後續 則 將 視 疫情 發展 滾 動式 調整 侯友宜 表示 以 學生 健康 安全 為 最高 原則 也 希望 給 孩子 們 一個 難忘 的 回憶 新北 市 教育局長 張明文 補充 單日 校外 教學 僅 限 新北 市 境內 跨縣 市 畢業 旅行 隔宿 露營 則 建議 校方 儘量 安排 白天 活動 以 開放 且 沒有 人群 擁擠 之處 為 首選 此外 板橋 玩具 窩 博物館 展覽 廳 小型 演講 廳 等 也 將 在 下 周起 部分 開放 但 采 實 名 制 預約 制 落實 防疫 措施 風景區 也 取消 2 平方公尺 1 人 的 人數 限制</t>
  </si>
  <si>
    <t>印尼 桃園 陳學聖 鄭文燦 新冠肺炎</t>
  </si>
  <si>
    <t>高雄市 85 大樓 內 的 日 租 套房 發生 1 名 女 租 客 陳屍 屋內 47 歲 蔣姓 女子 因 2 天 沒有 出門 打掃 的 房務 人員 4 日 直覺 有異 向 警方 報案 警 消 獲 報 破門 發現 蔣女 倒 在 門後 嘴角 滲 血 已 死亡 多時 經過 檢測 後 呈現 陰性 檢 方將 擇期 解剖 複驗 據 瞭解 蔣女 是 日 租 套房 長期 租 客 離婚 並 育 有 1 個 就讀 大學 的 女兒 但 2 人 並未 同 住 因 蔣女疑 似曾 吐血 導致 房 內地 上有 血跡 身上 則 無 外傷 或 自 殘 痕跡 房內 也 未 發現 有 藥 袋 或 任何 違 禁毒 藥物 警方 研 判 死亡 時間 約 2 天 初步 排除 有 外力 因素 轄區 苓 雅 警 分局 指出 打掃 的 房務 人員 4 日 下午 1 時 30 分 敲 蔣女 房門 但 未獲 回應 由於 蔣女 已 2 天 未曾 出門 當下 心裡 覺得 奇怪 通知 旅館 報案 警 消 獲 報到 場 封鎖 現場 取得 房東 同意 後 打開 房門 並 剪 斷 門鍊 進 房後 發現 蔣女 已 死亡 立刻 通報 鑒 識 人員 采 證 警方 表示 蔣女 平日 獨居 在 這 間日 租 套房 內 屋內 門窗 無 破壞 跡象 蔣女 身上 也 沒有 明顯 外傷 暫時 排除 他殺 經查蔣 女 並 無 居家 隔離 檢疫 或 匡列 等 相關 資料 但 蔣女 嘴邊 有 血 也 有 疑 似 嘔吐 物 等 穢物 讓 警方 繃緊神經 不知 是否 和 新冠肺炎 有關 警方 處理 現場 采 證 時 全程 做好 防疫 防護 措施 也 依 程式 報請 相關 單位 採集 檢 體 送驗 以 檢測 出爐 結果 證實 為 陰性 至於 確切 死因 仍 待 檢察官 解剖 相 驗</t>
  </si>
  <si>
    <t>華航 機師 確診 新冠肺炎 足跡</t>
  </si>
  <si>
    <t>為 即將來臨 的 東京 奧運 做 準備 日本 朝日新聞 今 6 日 報導 日本 擬 於 2021 年 春天 放寬 外國 觀光客 入境 放寬 亞洲地區 新冠肺炎 疫情 控制 較 好 國家 的 小型 觀光團 入境 例如 臺灣 及 中國 路透社 報導 日本 朝日新聞 今日</t>
  </si>
  <si>
    <t>新冠肺炎 疫情 延 燒 近期 重要 活動 包括 保生 大帝 媽祖 聖誕 等 大型 宗教 活動 都 已 暫停 為 讓 信 眾 可為 神明 慶 生 及 祈福 民政局 推出 線 上 祈福 活動 與 永和 保福 宮 三峽 紫微 天 後宮 土 城 慈法 禪寺 及 三 重 先 嗇 宮 等 宗教團體 合作 民</t>
  </si>
  <si>
    <t>不畏 新冠肺炎 疫情 影響 改編 臺灣 校園 靈異 傳說 的 鬼 片 女鬼 橋 2 月 27 日 上映 經過 連 假 後 全台 獲 2300萬 票房 佳績 4 天 就 勝過 春節 賀歲 檔 的 國片 冠軍 電影 公司 更 表示 女鬼 橋 是 228 連 假 的 全台 冠軍 讓 低迷 的 電影 市場 一</t>
  </si>
  <si>
    <t>不畏 新冠肺炎 疫情 影響 改編 臺灣 校園 靈異 傳說 的 鬼 片 女鬼 橋 2 月 27 日 上映 經過 連 假 後 全台 獲 2300萬 票房 佳績 4 天 就 勝過 春節 賀歲 檔 的 國片 冠軍 電影 公司 更 表示 女鬼 橋 是 228 連 假 的 全台 冠軍 讓 低迷 的 電影 市場 一 掃 疫情 陰霾 票房 傳出 捷報 男 主角 林哲熹 感謝 影迷 支持 這 幾 天都 有 看到 很 網友 的 影評 能夠 讓 大家 討論 是 很棒 的 事 也 希望 票房 繼續 成長 讓 我們 有 機會 做出 更 好 的 續集 片中 著 魔 戲 演得 超 好 的 張 寗 則 說 很 開心 劇組 一起 努力 的 心血 能 被 看到 大家 要 記得 戴好 口罩 再 進 戲院 觀賞 喔 孟耿 如 表示 覺得 很 感謝 大家 喜歡 女鬼 橋 如果 有 去 看 的 會 知道 我們 除了 驚 悚 以外 劇情 有 很多 巧 思 謝謝 支持 繼續 努力 而 嚴正嵐 則 是 包場 邀請 親朋好友 一起 觀賞 就 連曾 沛 慈也 低調 現身 力挺 演員 詹宛儒 則 說 很多 人 不敢相信 僅僅 拍 了18 天 但 我們 做到 了 在 僅 有的 預算 之下 交出 了 一 張 漂亮 的 成績單 謝毅宏 表示 能 參與 這 部 電影 對 我 來說 始終 是 一個 里程碑 不僅僅 因為 它 是 恐怖片 而是 能 跟 這麼 好 的 團隊 合作 這麼 好 的 演員 們 學習 葛丞 也 坦言 電影 無論是 劇本 發 想到 演員 選 角 除了 謹慎 行事 之外 也 願意 啟用 大量 新生代 演員 身為 初生之犢 自己 當然 也 是 其中 的 受惠 者 1 日 晚間 林哲熹 拉 片中 演員 嚴正嵐 一起 上 自己 的 youtube 直播 結果 林哲熹 貼身 助理 大費周章 畫 上 鬼妝 戴 假 長髮 直接 坐在 現場 後方 讓 嚴正嵐 開心 聊天 時一 看 畫面 嚇到 尖叫 她 笑駡 說 你們 的 直播 也 太 用心 了 吧 林 哲 熹 則 說 我們 都 是 下 重 本 女鬼 橋 電影 將 校園 熱門 靈異 話題 改編 再 加上 曾因 直播 撞鬼 鬧 上 新聞 的 真實 事件 2018 年 一 位 同學 淩晨 獨自 到 女鬼 橋 直播 本來 邊 走 邊說 沒有 異狀 直到 眼尖 網友 在 鏡頭上 發現 直播 背景 的 樹上 疑 似 有 一 名 身 穿 白衣 女子 飄 在 空中 不斷 驚 悚 留言 快逃 啊 整起 直播 事件 引起 網路 爆 量 熱 議 轟動 全台 本片 以此 為 靈感 觸發 集結 紅衣 小 女孩 粽 邪 製作 團隊 打造 全新 年度 話題 之 作 全片 一連串 不間斷 的 快 節奏 驚 悚 恐怖 橋段 讓 觀眾 與 角色 心境 同步 一路 從頭 膽戰心驚 直奔 到 最後 驚人 結局</t>
  </si>
  <si>
    <t>女鬼 橋 直播 林哲熹 電影 新冠肺炎</t>
  </si>
  <si>
    <t>新冠肺炎 連 3 天 零 確診 逾 半 月 沒 本土 案例 疫情 中心 士氣 大振 停業 近 3 周 的 酒店 舞廳 業者 盼 政府 歡欣 之 餘 儘快 讓 他們 重新 營業 業者 估計 全台 酒店 從業人員 依附 酒店 為生 約 25萬 人 停業 迄今 損失 營業額 破 百億 衍生</t>
  </si>
  <si>
    <t>全球 普生 試劑 檢測 試劑 新冠肺炎</t>
  </si>
  <si>
    <t>2020 年 應是 一個 美好 的 開始 然而 意外 的 黑 天鵝 降臨 新冠肺炎 衝擊 全球 經濟 與 產業 供應 鏈 斷 鏈 危機 爆發 東京 奧運 延期 所有 的 產業 預測 失效 數字 一再 下 修 疫情 平息 點 尚是 未知數 在後 疫情 時代 科技產業 該 如何 重 啟</t>
  </si>
  <si>
    <t>新冠肺炎 病毒 疫情 于 歐美國家 持續 擴大 市場 對 疫情 造成 的 經濟 衝擊 擔憂 持續上升 截至 3 月 11 日 vix 指數 竄升 至 539 點 野村 投 信 表示 近期 市場 波動 下 股 債 齊 跌 高 收益 債券 和 新興 市場 主權 債 在 修正 過後 價值 面 投資 吸引力 浮</t>
  </si>
  <si>
    <t>新冠肺炎 病毒 疫情 于 歐美國家 持續 擴大 市場 對 疫情 造成 的 經濟 衝擊 擔憂 持續上升 截至 3 月 11 日 vix 指數 竄升 至 539 點 野村 投 信 表示 近期 市場 波動 下 股 債 齊 跌 高 收益 債券 和 新興 市場 主權 債 在 修正 過後 價值 面 投資 吸引力 浮現 利差 均 遠 高於 十 年 平均 後續 利差 收斂 空間 大 nn l 新興 市場 債券 基金 經理 人 胡璋健 表示 過去 十 年 僅見 過 兩 次 新興 市場 主權 債 的 信用 利差 接近 目前 的 水準 就 長期 角度 而言 此次 修正 提供 相當 好 的 進場 時機 在 基本 情境 下 信用 利差 可能 在 未來 的 六 個 月 三 個 月 或者 甚至 是 一 周 便 大幅 收斂 至 事件 發生 前 的 水準 並 帶來 可觀 的 資本 利得 機會 歐義銳 榮新興 市場 債券 基金 總代理 第一 金 投 信 表示 歐美日 等 成熟 國家 維持 寬鬆 政策 壓抑 利率 水準 而 新興 債 的 高 殖 利率 優勢 可望 吸引 國際 資金 投懷送抱 尤其 美國 聯 准會 fed 持續 購 債 釋放 流動性 預期 美元 走勢 趨 貶 將 促使 部分 資金 轉向 對 美元 敏感度 較 低 的 新興 債 資產 野村 環球 高 收益 債 基金 經理 人 郭臻臻 表示 整體而言 此 疫情 屬 短暫 的 意外事件 雖然 目前 疫情 擴散 至 全球 不過 各國 央行 積極 採取 適當 行動 應可 降低 對 經濟 的 衝擊 目前 經濟 仍 處於 復蘇 軌道 企業 財 報 獲利 也 多 優於 預期 今年 債券 到期 量 低 違約 率 可望 維持 低檔 待 風險 偏好 恢復 可 維持 高 收益 債 漲勢 對 高 收益 債 持 正面 看法 台 新 優先 順位 資產 抵押 高 收益 債券 基金 經理 人 尹晟 和 表示 在 美國 官方 積極 拉 抬 經濟 及 降息 因應 下 美國 高 收益 債 後市 行情 看俏 其中 具 擔保 及 優先 雙 優勢 的 高 收益 債 防禦 性 足 波動 較 小 表現 將 相對 穩健 投資人 可 建立 基本 部位 以 降低 整體 資產 波動 性 佛蘭克林 華美 全球 高 收益 債券 基金 經理 人 張瑞明 表示 現階段 市場 投資 情緒 仍 處於 恐慌 階段 可 預見 的 是 寬鬆 貨幣 環境 將 持續 維持 有利 固定 收益 類 資產 表現 搭配 美國 連續 降息 對 非 能源 類 的 高 收益 債 仍 具 支撐力 道</t>
  </si>
  <si>
    <t>新冠肺炎 第 32 案 路徑 曝光 藍 38 公車 及 駕駛 嚴格 自管</t>
  </si>
  <si>
    <t>三 重 客運 新冠肺炎</t>
  </si>
  <si>
    <t>中部 又 傳 外籍 工程師 染 新冠肺炎 莊 人 祥 回應</t>
  </si>
  <si>
    <t>紡 拓 會 1 日 召開 董事會 進行 董監事 改選 新任 董監事 一致 推選 台塑 企業 總裁 王文淵 擔任 董事長 為 其 3 度 接掌 董事長 希望 借重 其 豐富 經營 經驗 長 才 及 國際 高度 聲望 在 面對 新冠肺炎 疫情 及 貿易戰 沖 擊中 再次 帶領 臺灣 紡織業 突</t>
  </si>
  <si>
    <t>紡 拓 會 1 日 召開 董事會 進行 董監事 改選 新任 董監事 一致 推選 台塑 企業 總裁 王文淵 擔任 董事長 為 其 3 度 接掌 董事長 希望 借重 其 豐富 經營 經驗 長 才 及 國際 高度 聲望 在 面對 新冠肺炎 疫情 及 貿易戰 沖 擊中 再次 帶領 臺灣 紡織業 突破 困境 再創 新 局 此次 董事會 亦 推選 代表 上游 的 力麗 董事長 郭紹儀 中游 的 佳 和 董事長 翁茂 鍾 下游 的 南緯 董事長 林瑞嶽 出任 紡 拓 會 副董事長 而 宜進 董事長 詹正田 在 卸下 董事長 職務 後 亦 將 續任 常務董事 職務 繼續 為 臺灣 紡織業 盡 一 份 心 力 紡 拓 會 表示 詹正田 2017 2020 年 就任 董事長 期間 除 首次 舉辦 科技 紡織 征 才 博覽會 以 解決 缺 才 問題 並 與 中國 大陸 韓國 越南 等 地 重要 紡織 相關 組織 定期 舉辦 交流活動 同時 積極 組織 會 內 董事 及 監察 人 參與 國際 重要 紡織 會議 及 活動 與 國際 建立 友好 的 互動關係 而 新任 董事長 王文淵 向來 為 紡織業 及製造業 領航者 過去 曾 在 2005 2008 年 2009 2011 年 2 度 出任 紡 拓 會 董事長 目前 身 兼 工業 總會 理事長 面對 今年 新冠肺炎 疫情 衝擊 全球 經濟 王文淵 再度 被 推選 3 度 出任 紡 拓 會 董事長 職務 可望 再次 任重道遠 王文淵 表示 紡織業 曾 是 臺灣 主要 創造 外匯 的 產業 現在 雖 逐漸 沒落 占 gdp 比重 不 高 但 臺灣 為 全球 機能性 紡織品 主要 原料 供應 來源 可見 紡織業 仍 是 臺灣 的 重要 基本 工業 必須 加以 扶植 持續 發展 因應 全球 紡織 產品 走向 機能性 環保 及 智慧 趨勢 王文淵 指出 未來 3 年 將 以 帶動 產業 整體 發展 為 首要 目標 強化 研發 與 創新 設計 能力 朝高 價值 及 差 異化 產品 精進 以 提升 附加 價值 拓展 海外 市場 讓 臺灣 優質 機能性 紡織品 能 大放異彩 續朝永 續 發展 目標 邁進</t>
  </si>
  <si>
    <t>新冠肺炎 優質 龍頭企業 三 種 操作</t>
  </si>
  <si>
    <t>防疫 大 資料 陳其邁 分析 新冠肺炎</t>
  </si>
  <si>
    <t>美國 退役 高球 選手 吉姆金 jim king 於 當地 時間 8 月 10 日 病逝 死因 是 新冠肺炎 的 併發症 他 今年 86 歲 吉姆金 年輕 時 擁有 188 公分 104 公斤 的 壯碩 體格 被 認為 是 pga 美 巡 賽 裡 有名 的 硬漢 吉姆金 的 老友 路易士 jeff lewis 說</t>
  </si>
  <si>
    <t>美國 退役 高球 選手 吉姆金 jim king 於 當地 時間 8 月 10 日 病逝 死因 是 新冠肺炎 的 併發症 他 今年 86 歲 吉姆金 年輕 時 擁有 188 公分 104 公斤 的 壯碩 體格 被 認為 是 pga 美 巡 賽 裡 有名 的 硬漢 吉姆金 的 老友 路易士 jeff lewis 說 吉姆金 是 世上 最 強悍 最 勇敢 的 傢伙 之一 吉姆金 家住 佛州 的 朱庇特 鎮 佛州 是 近來 美國 疫情 嚴重 爆發 的 地方 另 一頭 在 紐約 舉行 的 美國 網球 公開賽 也 受到 這 波 疫情 衝擊 美國 網協 本 周 緊急 宣佈 本月 24 日 開 打的 資格 賽 改為 閉門 比賽 依照 美國 網協 6 月 時 的 規劃 美 網 將 會 全程 開放 觀眾 如今 疫情 再起 加上 資格 賽 的 選手 較 多 隨行 人員 估計 有 2500 人 決定 不 開放 觀眾 進場 美 網 的 主 賽 將 於 本月 31 日 開 打 這 是 大會 重要 的 收入 來源 目前 的 計畫 是 照常 開放 全部 觀眾 球王 喬柯 維奇 novak djokovic 在 東京 奧運 受傷 預計 休養 到 美 網 回歸 納達爾 rafael nadal 因為 腳傷 放棄 溫網 與 奧運 也 計畫 在 美 網 複出 費德勒 roger federer 仍 為 膝傷 所 困擾 他 告訴 法新社 說 我 現在 不比 受傷 之前 了 那 時候 我 只在乎 自己 排名 多少 下一場 要 打 什麼 現在 有 很多 困難 我 還 得 考量 身體狀況 出賽 的 目標 團隊 的 意見</t>
  </si>
  <si>
    <t>美國 美 網 atp 新冠肺炎 佛州</t>
  </si>
  <si>
    <t>沈榮津 新冠肺炎 快 篩 試劑 還要 半 年 才能 上 路</t>
  </si>
  <si>
    <t>新冠肺炎 失控 義 大利 經濟 恐 陷 衰退</t>
  </si>
  <si>
    <t>義 大利 新冠肺炎 疫情 惡化 政府 採取 封城 措施 卻 打擊 經濟 活動 導致 該國 經濟 陷入 衰退 的 風險 大 增 而 為了 防範 病毒 擴散 至 全 歐洲 大陸 花旗 瑞士 信貸 與 野村 控股 等 投 行 宣佈 禁止 員工 至 義國 出差 最新 資料 顯示 義 大利 新冠 肺</t>
  </si>
  <si>
    <t>義 大利 新冠肺炎 疫情 惡化 政府 採取 封城 措施 卻 打擊 經濟 活動 導致 該國 經濟 陷入 衰退 的 風險 大 增 而 為了 防範 病毒 擴散 至 全 歐洲 大陸 花旗 瑞士 信貸 與 野村 控股 等 投 行 宣佈 禁止 員工 至 義國 出差 最新 資料 顯示 義 大利 新冠肺炎 確診 人數 至少 229 人 死亡 7 人 成為 歐洲 疫情 最 嚴重 的 國家 有鑒於 疫情 持續 擴大 義國 政府 宣佈 封鎖 12 個 城鎮 其中 包括 北部 最 富裕 的 倫巴 底 lombardy 和 威尼托 veneto 凱 投 宏觀 capital economics 資深 歐洲 經濟學家 阿倫 雷諾茲 jack allen-reynolds 指出 受到 新冠 疫情 衝擊 義 大利 恐難 逃 連兩季 萎縮 經濟 陷入 衰退 的 命運 阿倫 雷諾茲 表示 義 大利 政府 採取 積極 防疫 措施 封鎖 城鎮 大多 是 產值 貢獻 龐大 的 區域 恐 令 該國 經濟衰退 機 率 升高</t>
  </si>
  <si>
    <t>藥 商擬 發 聯合 聲明 不 倉促 推 新冠肺炎 疫苗</t>
  </si>
  <si>
    <t>路透 報導 多 家 正 研發 新冠肺炎 疫苗 的 藥 商計畫 本 周 發表 聯合 聲明 強調 在 有 足夠 資料 顯示 其 疫苗 安全 有效 前 不會 急 著 向 美國 申請 上市 批准 以 消除 外界 對 政治 施壓 加快 疫苗 上市 所 引發 的 安全 疑慮 外傳 輝瑞 pfizer 嬌 生</t>
  </si>
  <si>
    <t>路透 報導 多 家 正 研發 新冠肺炎 疫苗 的 藥 商計畫 本 周 發表 聯合 聲明 強調 在 有 足夠 資料 顯示 其 疫苗 安全 有效 前 不會 急 著 向 美國 申請 上市 批准 以 消除 外界 對 政治 施壓 加快 疫苗 上市 所 引發 的 安全 疑慮 外傳 輝瑞 pfizer 嬌 生 johnson johnson 莫德納 moderna 和 賽諾菲 sanofi 等 參加 聯合 聲明 但 這些 藥 商 沒有 立即 就 此 做 評論 華爾街日報 上週五 最先 報導 聯合 聲明 的 消息 據 瞭解 聯合 聲明 目的 是 公開 承諾 把 接受 注射 疫苗 民眾 的 安全 列為 首要任務 只 會 在 第 三 階段 臨床實驗 裡 有 足夠 資料 證明 疫苗 安全 有效 才會 向 政府 申請 緊急 使用 授權 或 上市 批准 外界 揣測 川普 為 勝 選 連任 可能 會 向 主管機關 尤其 食品 藥物 管理局 fda 施壓 在 11 月 3 日 總統大選 前 批准 疫苗 使用 來 拉 高聲 勢 fda 過去 一些 做法 惹 爭議 像 3 月 對 川普 鼓吹 的 羥 氯 奎寧 和 氯 奎寧 發出 緊急 使用 授權 來 治療 新冠肺炎 病 患 但 6 月 因 有 證據 顯示 可能 引發 心臟 併發症 和 增加 死亡 風險 而 取消 授權 川普 8 月 開 記者會 高調 宣佈 fda 緊急 授權 以 康復者 血漿 治療 新冠肺炎 病 患 但 fda 局長 哈恩 stephen hahn 後來 就 記者會 提及 一些 未 被 正確 引用 的 資料 道歉 專家 批評 哈恩 過度 強調 血漿 療法 的 好處 媒體 報導 疾病 管制 與 預防 中心 cdc 行文 要求 各州 做 好 最 快 10 月底 配送 疫苗 準備 和 輝瑞 對 其 疫苗 可望 10 月底 會 有 正面 實驗 結果 表達 極 樂觀 態度 令 外界 揣測 疫苗 最 快 在 大選 前 上市 立即 引發 政治 施壓 聯想 儘管 白宮 立即 表明 絕 無 政治 施壓 但 不少 科學家 和 公共 衛生 專家 仍 對 可能 的 政治 施壓 表達 憂慮 社會 的 氛圍 促使 藥 商 希望 透過 聯合 聲明 來 消除 民眾 對 疫苗 安全性 的 疑慮</t>
  </si>
  <si>
    <t>新冠肺炎 臺灣 施打 疫苗 北市</t>
  </si>
  <si>
    <t>因應 新冠肺炎 疫情 延後 開學 的 高中職 以下 各級 學校 25 日 正式 開學 新竹 市 警察局 考量 家長 關心 疫情 發展 及 學童 上 下學 安全 特於 今天上午 加強 校園 安全 巡邏 和 守望 勤務 動員 警力 54 人 並 結合 義警 民防 義交 等 協 勤 民力 33</t>
  </si>
  <si>
    <t>因應 新冠肺炎 疫情 延後 開學 的 高中職 以下 各級 學校 25 日 正式 開學 新竹 市 警察局 考量 家長 關心 疫情 發展 及 學童 上 下學 安全 特於 今天上午 加強 校園 安全 巡邏 和 守望 勤務 動員 警力 54 人 並 結合 義警 民防 義交 等 協 勤 民力 33 人 以 有效 疏處 交通 維護 安全 市 警 局長 鄧學鑫 表示 學童 們 結束 了 為期 5 周 的 寒假 回到 校園 除了 適應 開學 後 的 各項 作息 以 進入 新 學期 的 校園生活 更 要 注重 保持 勤洗手 正確 使用 口罩 的 習慣 除此之外 家長 們 也 非常 關心 學童 們 在 校園 內 的 人身安全 市 警 局 除 配合 各 校 需求 強化 各項 校園 安全 維護 作為 另 也 持續 執行 校園 訪視 並 建立 緊急 聯絡 電話 單一 視窗 以 發揮 緊急 應變能力 展現 波 麗 士 大人 親 民 愛 民 的 服務 形象 對 校園 外 逗留 學童 加以 關懷 並 適時 提供 協助 以 防止 意外 發生 落實 關懷 學童 安全 作為 另 市 警 局 也 針對 校園 周邊 治安 顧慮 場所 加強 巡邏 臨檢 等 攻勢 勤務 對於 可疑 人士 進行 盤查 以 維護 師生 安全 營造 本市 校園 安心 健康 之 學習 環境 讓 家長 及 學童 們 更 能 放心 市 警 局 同時 提醒 學童 出門 上下學 要 結伴同行 行蹤 應 告知 父母 並 言明 返家 時刻 養成 隨手關門 習慣 不 接受 陌生人 的 金錢 玩具 及 禮物 不 食用 陌生人 給予 的 糖果 或 飲料 同時 不 搭乘 陌生人 車子</t>
  </si>
  <si>
    <t>臺灣 華泰 名品 城 北市 新冠肺炎 world gym</t>
  </si>
  <si>
    <t>經濟部 公佈 針對 當前 經濟 出具 最新 看法 11 月 出口 及 民間 消費 均 有 創 高 表現 在 疫苗 利多 以及 基期 較 低下 國際 研 調 機構 ihs markit 也 預估 明年 全球 經濟 成長 上 看 45 經濟部 統計 處 指出 今年 受 新冠肺炎 疫情 肆虐 各國 實施</t>
  </si>
  <si>
    <t>經濟部 公佈 針對 當前 經濟 出具 最新 看法 11 月 出口 及 民間 消費 均 有 創 高 表現 在 疫苗 利多 以及 基期 較 低下 國際 研 調 機構 ihs markit 也 預估 明年 全球 經濟 成長 上 看 45 經濟部 統計 處 指出 今年 受 新冠肺炎 疫情 肆虐 各國 實施 封鎖 管制 嚴重 衝擊 全球 經濟 國際原油 與 原 物料 價格 重 挫 ihs markit 12 月 預測 今年 全球 經濟 成長 40 為 2010 年 以來 首度 負 成長 明年 可望 在 疫苗 研發 利多 各國 經濟 逐步 回復 加上 低 基期 因素 成長 45 統計 處 表示 受惠 於 國際品牌 消費性 電子 新品 陸續 推出 遠 距 商機 持續 發酵 以及 新興 科技 應用 產品 需求 續 增 11 月 我國 出口 金額 及 製造業 生產指數 為 歷年 單月 次高 及 新高 分別 年 增 120 82 民間 消費 方面 因 新式 車款 熱銷 雙 11 檔 期 加碼 促銷 及 展店 效應 等 挹注 推 升 11 月 零售 及 餐飲業 營業額 均 創 歷年 同月 新高 年增率 分別 為 25 08 展望未來 全球 肺炎 疫情 帶動 產業 積極 推 展 數位 轉型 趨勢 不 變 且 我國 半導體 產業 先進 制程 具有 競爭 優勢 加上 消費性 電子 新品 及 逢 年終 銷售 旺季 均 可望 挹注 我國 出口 及 製造業 生產 成長 動能 惟 近期 全球 肺炎 疫情 再起 加上 美中 貿易 及 科技 爭端 未 解 國際 經濟 情勢 不 確定性 仍 高 宜 持續 關注 並 妥善 因應</t>
  </si>
  <si>
    <t>經濟部 新冠肺炎 解封 消費 電子 數位 轉型</t>
  </si>
  <si>
    <t>新冠肺炎 本土 確診 疫情 升溫 兼任 民眾党 主席 的 臺北市 長 柯文哲 昨 出席 民眾黨 國家 治理 學院 國政 班結業 式 前 受訪 表示 解決 疫情 擴散 終究 還是 要 靠 施打 疫苗 在 疫苗 施打前 的 半 年 空 檔 他 主張 臺灣 應 要 有 一定 程度 鎖國 不</t>
  </si>
  <si>
    <t>國產 疫苗 陳時中 新冠肺炎 臺灣 緩不濟急</t>
  </si>
  <si>
    <t>岡山 秀 傳 醫院 田寮 區 後 防疫 時期 新冠肺炎 高雄市 衛生局</t>
  </si>
  <si>
    <t>廚工 消毒 泰安 確診 新冠肺炎</t>
  </si>
  <si>
    <t>臺北市 大安區 某 防疫 旅館 24 日 上午 傳出 一 名 年 約 80 歲 居家 檢疫 男性 倒 臥 旅館 內 身亡 警 消 獲 報 到場 初步判斷 男子 身上 無 明顯 外傷 北 市府 也 證實 有 接 獲 訊息 臺北市 長 柯文哲 表示 新冠肺炎 死亡率 是 2 但 會 讓 原本 健康 危</t>
  </si>
  <si>
    <t>臺北市 大安區 某 防疫 旅館 24 日 上午 傳出 一 名 年 約 80 歲 居家 檢疫 男性 倒 臥 旅館 內 身亡 警 消 獲 報 到場 初步判斷 男子 身上 無 明顯 外傷 北 市府 也 證實 有 接 獲 訊息 臺北市 長 柯文哲 表示 新冠肺炎 死亡率 是 2 但 會 讓 原本 健康 危險 因素 放大 好幾 倍 會 再 請 醫療 部門 去 研究 有 哪些 危險 因數 柯文哲 說 全世界 1億6千 多 人 感染 過 可以 更 精確 的 分類 防疫 旅館 也 有 近 的 遠 的 有 症狀 的 可以 放 醫院 健康 的 放 較 遠 的 可以 把 病人 快 篩 後 做 更 精確 的 分配 而 新冠肺炎 會 讓 健康 危險 因數 放大 好幾 倍 這 是 很 明確 的 現象</t>
  </si>
  <si>
    <t>大安區 防疫 旅館 居家 檢疫 新冠肺炎 臺灣</t>
  </si>
  <si>
    <t>太空人 王牌 投手 韋藍德 justin verlander 偕同 辣 妻 阿普頓 kate upton 一起 做 公益 他們 要 捐 出 在 賽季 暫停 時大 聯盟 所 預支 的 薪資 並 拍 影片 透露 將 把 每週 獲得 的 薪水 捐贈 給 正 為 新冠肺炎 努力 的 非 營利 組織 來回 饋 社會 也 支</t>
  </si>
  <si>
    <t>澳洲 與 阿斯特 捷利康 簽訂 新冠肺炎 疫苗 協議</t>
  </si>
  <si>
    <t>澳洲 總理 莫里森 scott morrison 18 日 稍晚 表示 澳洲 已 與 英國 製藥 廠 阿斯特 捷利康 astrazeneca 簽訂 新冠肺炎 疫苗 生產 和 配送 協議 將 為 澳洲 2500萬 人口 提供 足夠 的 疫苗 所有 民眾 皆 能 獲得 疫苗 但 優先 順序 將 由 醫療 小</t>
  </si>
  <si>
    <t>澳洲 總理 莫里森 scott morrison 18 日 稍晚 表示 澳洲 已 與 英國 製藥 廠 阿斯特 捷利康 astrazeneca 簽訂 新冠肺炎 疫苗 生產 和 配送 協議 將 為 澳洲 2500萬 人口 提供 足夠 的 疫苗 所有 民眾 皆 能 獲得 疫苗 但 優先 順序 將 由 醫療 小組 決定</t>
  </si>
  <si>
    <t>阿斯特 捷利康 簽訂 新冠肺炎 疫苗 協議 澳洲</t>
  </si>
  <si>
    <t>江蘇 揚州 採取 了 疫情 以來 最 嚴格 的 社區 管控 措施 澎湃 新聞 今天 14 日 報導 8 月 13 日 揚州 發佈公告 要求 疫情 重點 管控 區域 內 的 封閉 社區 封控 管理 社區 均 嚴格執行 足不出戶 此前 揚州 已對 主城區 低 風險 社區 實施 了 封 控管 理 規定 在 疫情 重點 管控 區域 內 每戶 每 3 5 天 可限 一 人 憑證 外出 採購 如今 隨 著 疫情 形勢 不斷 變化 當地 進一步 升級 管控 措施 取消 了 原來 的 規定 實施 統一 的 足不出戶 政策 7 月 31 日 揚州 緊急 發佈 關於 進一步 加強 新冠肺炎 疫情 防控 工作 的 通告 第 5 號 其中 提到 對 主城區 有 確診 病例 或 無 症狀 感染者 的 社區 實施 封閉 管理 所在 單元 的 居民 實施 集中 隔離 並 要求 居民 足不出戶 而 對 主城 低 風險 社區 實施 封 控管 理 每個 社區 原則 上 保留 1 個 出入口 社區 居民 非必要 不 外出 對 進 出 人員 嚴格執行 查蘇 康 碼 行程 碼 測體溫 戴 口罩 等 防控 措施 進入 到8 月份 揚州 新增 本土 確診 病例 呈 直線 上升 之 勢 不斷 有 社區 被 劃為 中 高風險 地區 從而 被 納入 封閉 管理 的 硬 隔離 之列 8 月 7 日 江蘇省 省長 吳政隆 在 揚州 檢查指導 疫情 防控 工作 時 作出 了 揚州 疫情 正 處於 爆發 期 的 判斷 第二 天 8 月 8 日 揚州 再次 發佈 通告 除了 強調 封閉 社區 要 實行 足不出戶 之外 還 提及 原則 上 封控 管理 社區 每戶 每 3 5 天 限 一 人 憑 出入證 和 蘇康 碼 核酸 檢測 陰性 證明 經 測 溫後 進出 社區 自然村 採購 生活 必需品 8 月 10 日 下午 吳政隆 在 大陸 國家 省 揚州市 疫情 防控 三級 對接 會上 指出 還有 部分 感染者 是 通過 社會 篩查 發現 的 這 表明 在 社區 和 城中村 管控 應隔盡 隔 應隔 快 隔 等 方面 還 存在 薄弱環節 和 漏洞 次日 8 月 11 日 揚州 在 新冠肺炎 患者 相對 集中 區域 設置 六 個 疫情 重點 管控 區域 要求 相關 區域 內 的 封控 管理 社區 的 居民 不得 離開 所 在 社區 嚴禁 聚集 性 活動 非必要 不出 戶 而 區域 外 人員 則 一律 不得 進入 8 月 13 日 管控 措施 再度 升級 官方 要求 疫情 重點 管控 區域 內 的 封閉 封控 管理 社區 均 嚴格執行 足不出戶 揚州 官方 稱 對於 居民 生活 所 需 的 物資 宣導 採用 線 上線 下 相 結合 的 方式 採購 由 供貨方 配送 到 社區 門口 最後 由 當地 統籌 社區 工作者 中共黨員 幹部 志願者 等 力量 做好 即 到 即 送 服務</t>
  </si>
  <si>
    <t>新冠肺炎 大陸 揚州 主城區 足不出戶</t>
  </si>
  <si>
    <t>新冠肺炎 臺灣 萬華 華西街 黑幫</t>
  </si>
  <si>
    <t>新冠肺炎 肆虐 全球 臺灣 本土 疫情 延 燒 三級 防疫 警戒 延長 至 28 日 對此 就 有 網友 不禁 好奇 餐飲業 到底 有 多 慘 貼 文一 出 隨即 掀起 熱 議 更 有 內行人 點名 一類 型 的 餐廳 受到 的 衝擊 最 大 原 po 在 ptt 八卦板 以 餐飲業 現</t>
  </si>
  <si>
    <t>新冠肺炎 肆虐 全球 臺灣 本土 疫情 延 燒 三級 防疫 警戒 延長 至 28 日 對此 就 有 網友 不禁 好奇 餐飲業 到底 有 多 慘 貼 文一 出 隨即 掀起 熱 議 更 有 內行人 點名 一類 型 的 餐廳 受到 的 衝擊 最 大 原 po 在 ptt 八卦板 以 餐飲業 現在 到底 有 多 慘 為題 po 文 透露 自家 巷口 的 小吃店 自 發佈 三級 警戒 後 就 一直 關門 直到 近日 才 開張 火鍋 店 更慘 雖然 每天 營業 卻 幾乎 沒人 想 外帶 回家 讓 他 不禁 好奇 有人 也 是 做 餐飲 的 嗎 這 波 疫情 下 到底 有 多 慘 貼 文一 出 隨即 掀起 網友 熱 議 紛紛 留言 回應 還好 吧 還是 賣 很貴 鹹酥雞 生意 好 到 爆炸 我 離職 同事 賣 飲料 比 上班 好賺 特例 嗎 剛好 過濾 爛 店 好 的 店家 外帶 外 送 根本 接 不 完 也 有人 感歎 年輕人 為主 力 的 幾乎 都 倒 了 老店 都 沒事 小吃 還好 餐廳 本來 就 是 做 內 用 的 外帶 不 到 兩 個 月 賠 了 差不多 300萬 另外 有 不少 網友 一面倒 點名 吃 氣氛 裝潢 漂亮 的 網 美 餐廳 即便 能 外帶 恐怕 依舊 難以 生存 吃 裝潢 的 網 美 店 應該 最慘 網 美 店 一定 先 倒 吃 氣氛 的 也 全 死 小 確 幸 放假 吃 聚餐 類 這類 客 層 都 gg 了 吃到 飽 吃 氣氛 的 店 都 很慘 啦</t>
  </si>
  <si>
    <t>新冠肺炎 臺灣 餐飲 內 用 網 美 店</t>
  </si>
  <si>
    <t>新冠肺炎 臺灣 宜 蘭縣 宜蘭 18 人</t>
  </si>
  <si>
    <t>臺灣 人壽 關懷 保戶 並 共 體 時艱 即日起 宣佈 新 增 保戶 三大 服務 關懷 措施 一 取消 新冠肺炎 30 日 疾病 等待 期 之 限制 凡 生效 日期 在 4 月 30 日 含 之前 的 保戶 於 投保 後 確診 新冠肺炎 者 皆 適用 二 個人 險 保戶 若為 醫院 或 診所 之</t>
  </si>
  <si>
    <t>臺灣 人壽 關懷 保戶 並 共 體 時艱 即日起 宣佈 新 增 保戶 三大 服務 關懷 措施 一 取消 新冠肺炎 30 日 疾病 等待 期 之 限制 凡 生效 日期 在 4 月 30 日 含 之前 的 保戶 於 投保 後 確診 新冠肺炎 者 皆 適用 二 個人 險 保戶 若為 醫院 或 診所 之 醫 事 人員 于 執行 職務 時 不幸 確診 感染 新冠肺炎 額外 提供 新 台幣 5萬 元 一次性 慰問金 三 新增 新冠肺炎 確診 保戶 之 房屋 汽車貸款 本金 利息 亦可 緩繳 3 個 月 本次 新增 的 保戶 關懷 措施 是 針對 專案 期間 內 新 投保 或 原 已是 臺灣 人壽 之 保戶 提供 的 增值 服務 為 讓 保戶 安心 一旦 確診 為 新冠肺炎 即 可 立即 獲得 保障 特地 取消 30 日 疾病 等待 期限 制 同時 為 讓 第一 線 工作 之 醫 事 人員 得以 安心 工作 於 執行 職務 時 確診 感染 新冠肺炎 將 提供 額外 新 台幣 5萬 元 慰問金 本 專案 先行 開放 至 4 月 30 日 屆時 將 視 疫情 狀況 評估 調整事實上 臺灣 人壽 早已 針對 新冠肺炎 疫情 啟動 包括 提供 續期 保費 及 保單 借款 利息 緩繳 3 個 月 並 設置 單一 視窗 受理 辦理 解約 保單 借款 給付 滿期 金 或 還 本金 等 服務 並 通融 得以 傳真 方式 提出 申請 同時 也 針對 健康 醫療 險 保戶 如 感染 新冠肺炎 申請 理賠 包含 1998 年 之前 保單 及其 法定 傳染病 雖 列為 除外 責任者 基於 有利於 被保險人 考量 仍 予以 給付 被保險人 且 被 要求 入住 負 壓 隔離病房 也 將 比照 加 護 病房 住院 項目 賠付 此外 臺灣 人壽 現 已 提供 完善 數位 金融服務 包括 網路 投保 視 訊 生 調 及 理賠 申請 均 可 透過 數位 管道 一 指 搞 定 用 視 訊 進行 投保 之 生存 調查 對於 已 符合 失 能 但 需 檢 附 生存 證明 的 保戶 亦可 透過 視 訊 取代 往返 戶政 機關 申請 戶籍謄本 降低 保戶 與 員工 外出 與 人 接觸 感染 的 風險 若需 申請 住院 醫療 理賠 疫情 期間 可 透過 臺灣 人壽 官 網 登 入 龍 e賠 專區 依 線 上 導 引 填寫 申請書 拍照 上傳 診斷 證明書 等 應備 檔 影像 迅速 完成 理賠 申請 30 分鐘 理賠金 即可 入 帳 而 在 高雄榮 總 就醫 之 保戶 還 可 透過 臺灣 人壽 eclaim 理賠 區塊 鏈 平臺 線 上 授權 醫院 以 區塊 鏈 技術 傳送 就醫 資料 不用 再 往返 醫院 開立 診斷 證明書</t>
  </si>
  <si>
    <t>保戶 肺炎 新冠 新冠肺炎 人壽</t>
  </si>
  <si>
    <t>位於 西門 町 電影 街 的 日新 威 秀 影城 陪 觀眾 走過 13 個 年頭 因 租約 到期 地主 有意 改建 為 商城 訂 於 9 月 8 日 吹 響 熄燈號 日新 威 秀 影城 前身 為 日新 旗艦 店 威秀 影城 於 2007 年 8 月 3 日 接手 經營 並 耗資 千萬 重新 改裝 2008 年 5 月 引進 數位 放映 系統 隔 年 4 月 3 日 砸 下 6千萬 改 建 第一 廳 全台 第 1 個 數位 imax 影 廳 應運而生 日新 威 秀 非 商場 影城 僅 有 4 座 影 廳 共 800 多 個 座位 卻 仍 在 今年 新冠肺炎 疫情 期間 站穩 臺北市 票房 前 10 名 威秀 資深 公關 經理 表示 選擇 停業 這 件 事 其實 討論 已久 今 確定 要 退出 西門 町 一線 戰場 但 若 未來 有 機會 再 與 地主 合作 也 想 續 前緣 期待 有 合作 空間 至於 影城 工作人員 將 會 照 勞基法 走 提前 告知 員工 部分 人員 則 平行 轉調 至 其他 威秀 影城 繼續 打 拼</t>
  </si>
  <si>
    <t>新冠肺炎 輝瑞 bnt 疫苗 郭台銘 永齡 基金會</t>
  </si>
  <si>
    <t>花蓮 新冠肺炎 臺灣 采 檢 個案</t>
  </si>
  <si>
    <t>印尼 首 現 新冠肺炎 患者 死亡 病例</t>
  </si>
  <si>
    <t>據 印尼 雅加達 郵報 報導 11 日 印尼 報告 了 該國 境內 首例 新冠肺炎 患者 死亡 病例 為 該國 發現 的 第 25 例 病例 據 報導 印尼 衛生部 疾病 控制 和 預防 總 幹事 烏 裡安 托 achmad yurianto 說 第 25 例 患者 在 接受 了 近 三 天 的</t>
  </si>
  <si>
    <t>據 印尼 雅加達 郵報 報導 11 日 印尼 報告 了 該國 境內 首例 新冠肺炎 患者 死亡 病例 為 該國 發現 的 第 25 例 病例 據 報導 印尼 衛生部 疾病 控制 和 預防 總 幹事 烏 裡安 托 achmad yurianto 說 第 25 例 患者 在 接受 了 近 三 天 的 治療 後 11 日 淩晨 2 點 左右 死亡 印尼 目前 確診 病例 累計 27 例</t>
  </si>
  <si>
    <t>印尼 病例 患者 死亡 新冠肺炎</t>
  </si>
  <si>
    <t>新冠肺炎 臺灣 本土 個案 西部 確診 地圖</t>
  </si>
  <si>
    <t>歐洲議會 辯論 新冠肺炎 疫情 6 議員 發聲 極力 挺 台</t>
  </si>
  <si>
    <t>新冠肺炎 臺灣 蔡英文 死亡率 林環 牆</t>
  </si>
  <si>
    <t>鳳梨 陳吉仲 臺灣 鳳梨 蘇貞昌 新冠肺炎</t>
  </si>
  <si>
    <t>世衛組織 who 總 幹事 譚 德塞 tedros adhanom ghebreyesus 在 通報會 上 表示 現在 對 新冠 病毒 已 有 更 多 的 瞭 解 這次 疫情 讓 全球 衛生系統 不堪重負 破壞 了 全球 經濟 並 導致 了 社會 混亂 估計 新冠肺炎 的 致死 率 是 流感 的 10 倍</t>
  </si>
  <si>
    <t>世衛組織 who 總 幹事 譚 德塞 tedros adhanom ghebreyesus 在 通報會 上 表示 現在 對 新冠 病毒 已 有 更 多 的 瞭 解 這次 疫情 讓 全球 衛生系統 不堪重負 破壞 了 全球 經濟 並 導致 了 社會 混亂 估計 新冠肺炎 的 致死 率 是 流感 的 10 倍 據 新華 網 報導 譚 德塞 表示 今天 是 世衛組織 收到 新冠肺炎 首批 報告 以來 的 第 100 天 已對 這種 新 的 病毒 有 了 更 多 瞭 解 自 兩 個 月 前 啟動 第 一個 戰略 準備 和 回應 計畫 以來 情況 發生 了 很 大 變化 他 指出 全球 範圍 內 的 病毒傳播 使 衛生系統 不堪重負 破壞 了 全球 經濟 並 導致 了 社會 混亂 估計 新冠肺炎 的 致死 率 是 流感 的 10 倍 希望 這個 提醒 能 讓 某些 國家 重新 評估 疫情 風險 摒棄 疫情 政治化 的 陰謀 全球 合作 共 抗 疫情 他 表示 雖然 大家 已經 目睹 了 新冠 病毒 對 發達國家 造成 的 危害 但 它 在 更 貧窮 和 更 脆弱 的 國家 可能 造成 的 破壞 仍未 完全 顯現 我們 承諾 盡 我們 所能 來 阻止 這 一切 的 發生 在 這 條 抗 疫 路上 我們 還有 很 長 的 路 要 走</t>
  </si>
  <si>
    <t>一 名 領有 臺灣 身分 證 的 女子 昨 14 日 從 上海 搭 機 返台 在 松山機場 入境 並 在 機場 收下 居家 檢疫 通知書 卻 仍 搭乘 高鐵 回 高雄 遭 高雄市 衛生 局 開出 舉 發單 需 在 10 天內 陳述 正當理由 否則 最高 開 罰 15萬 元 據 向 高雄市 衛生局 向 中央 社 表示 該 女子 返台 後 未 出現 新冠肺炎 症狀 在 機場 收下 居家 檢疫 通知書 因 通知書 上有 標示 不可 搭乘 運輸 交通 工具 女子 仍 搭乘 高鐵 南下 左營 衛生局 因而 對 她 開出 舉 發單 據 瞭解 這 名 女子 應依 規定 居家 檢疫 14 天 不過 她 卻 自行 搭乘 高鐵南 下 高雄 並 在 高 鐵站 內 打電話 叫 他 老公 接 她 回家 電話 內容 被 其他 旅客 聽到 經 通報 高鐵 公司 鐵路 員警 後 中央 疾 管 單位 隨即 通知 高雄市 衛生局 在 女子 尚未 到家 前 已 在 家門口 前 堵 她 並 當場 開立 舉 發單 高雄 市 衛生局 疾病 管制 處 表示 該 女子 違反 傳染病 防治法 第 58 條 第 1 項 第 4 款 規定 並 依同法 第 69 條 開 罰 1萬 元 至 15萬 元 的 罰 鍰 女子 收下 舉 發單 後 依 規定 可 在 10 內 陳述 正當理由 否則 最高 將 被 開 罰 15萬 元 對此 高鐵 公司 提出 二 點 說明 1 本案 因 可能 涉及 違反 傳染病 防制 法 相關 規定 高鐵 公司 於接 獲 通報 後 除 立即 通知 鐵路 員警 外 並 針對 該 旅客 搭乘 之 列車 及 行經 動 線 進行 加強 消毒 2 高鐵 公司 再次 呼籲 旅客 若 已 接 獲 居家 檢疫 居家 隔離 通知 者 依照 規定 不 得 搭乘 大眾交通 工具 高鐵 公司 也 將 積極 配合 政府 防疫 措施 以 維護 旅客 安全</t>
  </si>
  <si>
    <t>拜登 政府 為了 向 全球 展示 美國 對抗 氣候變遷 的 決心 積極 推動 立法 加速 減 碳 而 最新 目標 轉向 冷媒 美國 環保 署 epa 近日 頒佈 新法 目標 在 未來 15 年 將 冷媒 採用 的 氫 氟 碳化物 hfcs 供應量 減少 85 去年 12 月 美國國會 通過 規模 2 兆 美元 的 新冠肺炎 紓困 法案 時 已 包含 制定 相關 氣候 法規 的 命令 今年 5 月 美國 環保 署 依照 命令 提出 減少 氫 氟 碳化物 供應 的 新 法規 經過 數 月 公眾 評論 期 後 在 9 月 23 日 公佈 最終 版本 最終 版本 目前 只 明定 氫 氟 碳化物 逐步 汰 換 的 階段性 過程 與 實施辦法 估計 在 10 月 1 日前 補足 更 多 法規 細 項 並 建立 交易 制度 讓 氫 氟 碳化物 用量 大 的 企業 與 用量 小 的 企業 進行 交易 根據 最終 版本 美國 二氧化碳 排放量 將 自 2022 年 至 2050 年 減少 45億 公噸 相當 於 2019 年 美國 發電 排 碳 量 的 3 倍 美國 企業 將 因 減 碳 而 省下 法規 成本 而 政府 也 能 省 下 氣候變遷 對策 的 公共 支出 估計 2022 年 至 2050 年 美國 將 因 此 創造 2720億 美元 經濟效益 今年 5 月 環保 署 提出 的 最初 版本 估計 2022 年 至 2050 年 二氧化碳 排放量 減少 47億 公噸 並 創造 2840億 美元 經濟效益 環保 署長 雷根 michael regan 表示 最終 版本 的 差異 主要 來自 公眾 評論 期 收集 到 的 各方 意見 雷根 表示 新 法規 向 全世界 展現 美國 全力 投入 氣候變遷 議題 的 決心 新 法規 獲得 美國 化工 製造業 廣泛 支持 因為 近年 業者 投入 龐 大 資金 發展 較 環保 的 替代 冷媒 然而 替代 冷媒 的 品質 不一 且 市場 尚未 普及 令 專家 擔心 新法 上路 後 將 使 供應商 及 顧客 面臨 漲價 的 過度 期 雖然 氫 氟 碳化物 不 像 上 一代 冷媒 採用 的 氟 氯 碳化物 cfcs 那樣 破壞 臭氧層 但 依舊 屬於 高污染 性 的 溫室 氣體 責任 大氣 政策 聯盟 估計 新法 上路 可能 使 冷氣 及 其他 冷卻 設備 價格上漲 2 與 當年 氟 氯 碳化物 汰 換 期 的 價格 漲幅 相當</t>
  </si>
  <si>
    <t>飛 特立 航空 遭 檢舉 安排 非 編制 內 員工 施打 疫苗 交通部 民用 航空局 漏 夜 比對 員工 名冊 健 保 資料 等 相關 事 證 後 確認 疫苗 施打 名冊 中 有 16 位非 現有 編制 員工 因 此舉 已 違反規定 將 依 違反 傳染病 防治法 移 請 主管機關 從嚴 處罰 民航 局 本月 25 日 接 獲 檢舉 指 飛 特立 航空 提報 的 疫苗 施打 名單 中 有 並非 現職 員工 與 高階 主管 家屬 民航 局 除 要求 飛 特立 航空 提出 說明 並 派員 實地 檢查 攜 回 相關 資料 比對 後 於今 早 完成 調查 民航 局 表示 飛 特立 自 4 月 12 日 起至 今 提報 的 疫苗 施打 對象 共有 106 人 經民航 局 逐一 比對 員工 名冊 健 保 資料 與 員工 工作 內容 等 相關 資料 後 確認 其中 16 人 並非 飛 特立 現有 編制 內 員工 飛 特立 提報 的 疫苗 施打 名冊 確實 違反規定 民航 局 表示 進一步 瞭 解 後 這 16 位 違反規定 人員 中 有 4 位 為 7 月 1 日 才 要到 公司 任職 的 新進人員 含 1 位 實習生 另 12 位 為 公司 監察 人 兼職 人員 與 該 公司 執行 空 拍 等 業務 往來 物件 雖然 業者 解釋 這些 人員 均 因 頻繁 進出 機場 確實 有 施 打 疫苗 需求 但 民航 局 仍 認定 屬 不 符合規定 相關 調查結果 將 立即 依 違反 傳染病 防治法 移送 主管機關 從嚴 處分 民航 局 表示 航空 業 相關 從業人員 疫苗 持續 施 打中 最近 獲 配 的 1萬 劑 莫德納 疫苗 上周 起 也 陸續 在 桃園 機場 松山機場 等 地 施打 1萬 劑 莫德納 疫苗 中 飛 特立 獲 配 8 劑 民航 局 比對 資料 後 前述 16 位非 現職 員工 有 4 位 施 打 莫德納 疫苗 民航 局 表示 航空 業 從業人員 人數 眾多 施打 物件 與 優先 順序 均 由 業者 造冊 提報 並 列出 優先 順序 後續 除 持續 要求 造冊 單位 需 確實 依照 相關 規定 提報 名單 並 依 優先 順序 施打 疫苗 外 也 已 要求 業者 應 充分 向 員工 說明 排序 原則 與 方式 避免 尚未 施 打的 員工 產生誤解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民航 局 疫苗 飛 特立 航空 臺灣</t>
  </si>
  <si>
    <t>新加坡 是 東南亞 交通樞紐 往來 旅客 眾多 由於 新冠肺炎 持續 延 燒 致使 新加坡 疫情 越發 嚴重 截至 16 日 為止 患者 已 多 達 72 例 當地 許多 活動 紛紛 取消 其中 包括 蕭敬騰 老蕭 原定 4 月 18 日 的 演唱會 至於 韋禮安 3 月 28 日 在 金沙</t>
  </si>
  <si>
    <t>新加坡 是 東南亞 交通樞紐 往來 旅客 眾多 由於 新冠肺炎 持續 延 燒 致使 新加坡 疫情 越發 嚴重 截至 16 日 為止 患者 已 多 達 72 例 當地 許多 活動 紛紛 取消 其中 包括 蕭敬騰 老蕭 原定 4 月 18 日 的 演唱會 至於 韋禮安 3 月 28 日 在 金沙 會議展覽 中心 的 演唱會 以及 林宥嘉 的 idol 4 月 25 日 新加坡 站 目前 都 按 原訂 計畫 舉行 受到 疫情 影響 新加坡 今年 入境 遊客 人數 和 消費 預計 下降 三 成 粗估 每天 損失 18萬 至 2萬 人次 的 旅客 各行各業 連帶 受到 影響 在 這 波 經濟 風暴 中 新加坡 當地 僅剩 少數 公開 活動 照常進行 包括 韋禮安 的 而立 演唱會 以及 林宥嘉 的 idol 演唱會 韋禮安 演唱會 的 主辦單位 日前 聲明 表示 我們 的 歌迷 朋友 藝人 和 工作人員 的 健康 安全 始終 是 我們 的 重中之重 將 持續 關注 當地 衛生局 的 防控 建議 強調 目前 處於 特殊 時期 生命 為重 防疫 為重 隨時 採取 進一步 措施 韋禮安 的 經紀人 16 日 表示 現在 疫情 狀況 難說 也 是 且 看 且 走 會 隨時 留意 當地 狀況 配合 新加坡政府 防疫 措施 而 林宥嘉 所屬 唱片 公司 華研 也 確認 新加坡 場 照常 舉行 不 排除 視 當地 疫情 隨時 變動 但 目前 都還 沒有 取消 或 延期 的 消息 主辦 方還 在 看 情況</t>
  </si>
  <si>
    <t>演唱會 韋禮安 新加坡 林宥嘉 新冠肺炎</t>
  </si>
  <si>
    <t>新冠肺炎 疫情 影響 民眾 出遊 興致 卓蘭 柑橘 買氣 明顯 衰減 坪林 社區 自力救濟 將 今年 賣 不 完 的 桶 柑 加工 製成 果乾 獨家 技術 去除 表皮 精 油 苦澀味 保留 柑橘 的 酸 甜 滋味 再 透過 網路 銷售 除 拓展 銷路 延長 農 產 銷售 時間 也 期</t>
  </si>
  <si>
    <t>新冠肺炎 疫情 影響 民眾 出遊 興致 卓蘭 柑橘 買氣 明顯 衰減 坪林 社區 自力救濟 將 今年 賣 不 完 的 桶 柑 加工 製成 果乾 獨家 技術 去除 表皮 精 油 苦澀味 保留 柑橘 的 酸 甜 滋味 再 透過 網路 銷售 除 拓展 銷路 延長 農 產 銷售 時間 也 期望 替 社區 打出 品牌 苗栗縣 卓蘭鎮 有 水果 王國之 稱 農民 多 以 販賣 鮮果 為主 農曆 年前 陸續 出產 的 桶 柑 受到 今年過年 較 早 影響 產 期 採收 不 完 果農 原想 留到 過 年 後 繼續 採收 開放 遊客 到 產地 采果 購買 沒 想到 新冠肺炎 疫情 升溫 遊客 不如 預期 桶 柑 除 價格 下跌 也 出現 賣 不 完 的 窘境 剛 上任 的 坪林 社區 理事長 黃豐民 嘗試 開發 多元化 產品 去年 製作 手工 果醬 今年 再 研發 柑橘 果乾 他 將 品質 高 但 賣 相差 的 桶 柑 透過 川 燙 醃制 低溫 風乾 等 方式 製成 果乾 光是 去 苦 的 工法 就 得 花 1 天 1 夜 鮮果 製成 果乾 平均 得 花 4 天 雖是 連皮帶肉 入口 卻 沒有 柑橘 表皮 精 油 的 苦澀味 這 就 是 與眾不同 的 關鍵 黃豐民 指出 果乾 常見於 網路 販 售 但 多 以 柳橙 為主 用 柑橘 當 原料 的 比較 少見 透過 加工 技術 不但 能 延長 銷售 期 還 能 增加 銷路 與 產值 若 成功 得到 市場 青睞 包含 水梨 草莓 等 當地 水果 都 能 再 加工 創造 利潤 希望 透過 網路 行銷 以 社區 名義 大量 推廣 吸引 社區 果農 加入 加工 的 行列</t>
  </si>
  <si>
    <t>新冠肺炎 全球 封城 雪梨 delta</t>
  </si>
  <si>
    <t>疫情 加速 醫藥 創新 新藥 技術 開啟 產業 獲利 之 窗 帶領 生 技 醫療 產業 未來 成長 可期 法人 指出 新冠 疫情 加速 全球 醫藥 革命 倘若 未來 疫情 流 感化 抗 疫 商 機 除 各類 疫苗 外 治療 新冠 確診 者 的 主力 藥物 未來 銷售 前景 亦 十分 樂觀 目前 藥廠 持續 致力 技術 發展 包括 mrna 技術 平臺 癌症 免疫 療法 抗體 藥物 基因 編輯 藥物 等 挹注 相關 個股 未來 營運 動能 及 投資 潛力 再 加上 大廠 在手 現金 充沛 近期 有 機會 加速 並購 動作 生 技 醫療 基金 短 中長期 題材 源源不絕 新光 全球 生 技 醫療 基 金經理 人 李淑蓉 表示 2021 年 6 月 以來 那斯 達克生 技 指數 nbi 表現 強勁 指數 一度 創 新高 上漲 原因 除 阿茲海默 症 與 基因 編輯 藥物 有 重大進展 還 包括 疫苗 股 納入 標 普 指數 接 獲 大 單 各國 擴大 疫苗 適用 年齡 等 利多 不 斷 近期 美國 fda 又 正式 批准 輝瑞 bnt 新冠 疫苗 使 其 成為 全球 首 支 獲 美國 藥 證 的 授權 疫苗 預估 未來 將 大幅 提升 民眾 主動 接種 意願 或 地方 政府 企業 學校 等 一 波 波 強制 施打 令 皆 可 直接 帶動 疫苗 另 一 波 銷售 動能 李 淑 蓉 也 相當 看好 治療 新冠肺炎 的 新藥 例如 藥廠 再生 元 製藥 禮 來 製藥 之 抗體 類 藥物 已 在 美國 英國 日本 等 國 陸續 獲 批 上市 或 獲得 緊急 使用 授權 適用於 早期 治療 可 降低 患者 發展 為 重症 隨 著 近幾個月 全球 新冠 確診 人數 上升 相關 廠商 接 單 狀況 也 呈現 爆發 狀態 而 此類 藥物 未來 甚至 有 機會 達到 預防 新冠肺炎 的 功用 法人 分析 生 技 創新 技術 包括 mrna 平臺 阿茲海默 症 藥物 癌症 免疫 療法 抗體 藥物 基因 編輯 藥物 等 今年 陸續 帶動 生 技 類 股 表現 具備 明星 級 產品 及 下一代 突破 技術 的 中小型 生 技 製藥 股 投資 前景 備受 期待 若 透過 基金 投資 團隊 主動 選 股 更 能 深度 挖掘 這類 潛力 新星 掌握 上漲 契機</t>
  </si>
  <si>
    <t>中國 20 日 新增 26 例 新冠肺炎 北京 占 22 例</t>
  </si>
  <si>
    <t>日本 捐贈 124萬 劑 新冠肺炎 疫苗 給 臺灣 大陸 國 台辦 也 表態 要 捐 疫苗 對此 行政院長 蘇貞昌 今 4 日 下午 回應 大陸 疫苗 依 目前 我國 法律 是 不能 進來 蘇貞昌 說 對於 任何 關係 國人 健康 的 疫苗 政府 都以 非常 嚴謹 的 態度 注重</t>
  </si>
  <si>
    <t>日本 捐贈 124萬 劑 新冠肺炎 疫苗 給 臺灣 大陸 國 台辦 也 表態 要 捐 疫苗 對此 行政院長 蘇貞昌 今 4 日 下午 回應 大陸 疫苗 依 目前 我國 法律 是 不能 進來 蘇貞昌 說 對於 任何 關係 國人 健康 的 疫苗 政府 都以 非常 嚴謹 的 態度 注重 安全性 有效性 同時 用 科學 檢驗 並且 要 符合 法律 規定 大陸 疫苗 依 目前 我國 法律 是 不能 進來 同時 中國 對於 所 生產 的 疫苗 相關 的 資料 資料 都 不 給 外界 清楚 瞭 解 也 沒有 辦法 知道 它 的 安全性 有效性</t>
  </si>
  <si>
    <t>疫苗 蘇貞昌 法律 規定 大陸 疫苗 新冠肺炎</t>
  </si>
  <si>
    <t>瑞士 錫永 新冠肺炎 新冠 疫情 新冠 病毒</t>
  </si>
  <si>
    <t>盧廣仲 去年 舉行 大 人中 世界 巡迴演唱 會後 原定 今年 將 舉行 2020 春季 巡演 於北 中南 legacy 舉行 4 場 演出 不料 近期 新冠肺炎 肆虐 全球 盧廣仲 所 屬 添翼 音樂 10 日 晚間 於臉書 發文 考量 疫情 發展 與 不 確定性 確保 每 位 觀眾 與</t>
  </si>
  <si>
    <t>盧廣仲 去年 舉行 大 人中 世界 巡迴演唱 會後 原定 今年 將 舉行 2020 春季 巡演 於北 中南 legacy 舉行 4 場 演出 不料 近期 新冠肺炎 肆虐 全球 盧廣仲 所 屬 添翼 音樂 10 日 晚間 於臉書 發文 考量 疫情 發展 與 不 確定性 確保 每 位 觀眾 與 演出 人員 之 健康 安全 不 造成 醫療 人員 的 負擔 經 評估 後 決定 延後 本次 四 場 演出 盧廣仲 也 發文 表示 謝謝 大家 的 體諒 與 支持 希望 所有人 平安 健康 疫情 早日 結束 許多 粉絲 也 相當 體諒 紛紛 留言 等 你 健康 最 重要 大家 要 帶 著 健康 的 身體 再見面 晚點 見 也 還 是 會見 的 也 有 粉絲 敲 碗 盧廣 仲 開 直播 我們 乖乖 等待 偶爾 直播 也 是 很 可以 的 唷 公告 指出 盧廣仲 春季 巡迴 演唱會 3 29 台中 legacy 4 11 高雄 live warehouse 4 18 臺北 legacy 4 19 臺北 legacy 場次 目前 將 延後 舉行 延期 後 之 新 演出 日期 將 與 場館 方 協調 後 公告 已 購票者 可 保留 原票 券 至 新 的 相 對應 場次 進場 尚未 取 票 者 為 避免 票 券 遺失 可 延至 近 新 演出 日前 再 取 票 如因 改期 而 無法 參與者 可 辦理 退票 退票 辦法 將 與 新 的 演出 日期 一併 公告 造成 不便 敬請 見諒</t>
  </si>
  <si>
    <t>印度 變異 株 delta 侵襲 之下 新冠肺炎 突破性 感染 頻 傳 許多 國家 也 開始 接種 第 3 劑 疫苗 近期 一 項 刊登 於 新英格蘭 醫學雜誌 針對 bnt 疫苗 的 研究 指出 接種 第 3 劑 疫苗 可 提升 對 delta 的 保護 力 尤其 對 年長 族群 更為 明顯</t>
  </si>
  <si>
    <t>印度 變異 株 delta 侵襲 之下 新冠肺炎 突破性 感染 頻 傳 許多 國家 也 開始 接種 第 3 劑 疫苗 近期 一 項 刊登 於 新英格蘭 醫學雜誌 針對 bnt 疫苗 的 研究 指出 接種 第 3 劑 疫苗 可 提升 對 delta 的 保護 力 尤其 對 年長 族群 更為 明顯 學者 指出 bnt 第 3 劑 的 接種 是 有 必要 的 特別 是 針對 年長者 不過 在 思考 第 3 劑 之外 也 要 將 其他 策略 如 混打 次 世代 疫苗 納入 考量 台 大公 衛學院 團隊 今 分享 國際 針對 完整 接種 第 3 劑 疫苗 的 研究 臺北醫學大學 口腔 衛生學 系 教授 嚴明 芳 分享 一 項 刊登 於 新英格蘭 醫學雜誌 的 研究 該 研究 分析 了 以 色 利 4868 名 接種 2 劑 bnt 疫苗 的 醫院 工作人員 發現 完整 接種 半 年 後 igg 抗體 濃度 顯著 降低 而 中和 抗體 濃度 則 是 於 2 劑 疫苗 施打 後 前 3 個 月 迅速 下降 之後 維持 穩定 且 男性 中和 抗體 濃度 較 女性 低 65 歲 以上 老年人 較45 歲 以下 年輕人 低 另 一 篇 同 刊登 於 新英格蘭 醫學雜誌 的 研究 則 分析 了 美國 18 85 歲 完整 接種 8 個 月 後 施打第 3 劑 bnt 疫苗 的 民眾 並 將 其 區分 為 年輕 和 年長者 公衛 博士 張維容 表示 研究 發現 不論是 針對 武漢 株 或 delta 在 接種 第 3 劑 bnt 後 1 個 月 中和 抗體 的 濃度 都 較完整 接種 後 1 個 月 上升 對 年長 族群 更是 大幅 提升 在 delta 保護 力 方面 針對 年輕 族群 原本 完整 接種 後 1 個 月 對 delta 的 保護 力將 下降 22 但 接種 第 3 劑 後 保護 力 下降 的 幅度 變 低 顯示 對 delta 的 保護 力 提升 年長 族群 方面 對 delta 保護 力 的 下降 則 從 37 減少 至 8 顯示 效果 對 年長者 更為 明顯 台 大公 衛學院 教授 陳秀熙 表示 bnt 第 3 劑 的 接種 是 有 必要 的 特別 是 年老 族群 面對 delta 病毒 在 思考 第 3 劑 之外 也 應 考慮 其他 策略 如 混打 及 未來 的 次 時代 疫苗 台 大公 衛 團隊 未來 也 會 就 此 提出 進一步 分析</t>
  </si>
  <si>
    <t>新冠肺炎 臺灣 第 3 劑 delta bnt</t>
  </si>
  <si>
    <t>az 新冠肺炎 抵 台 臺灣 第一 劑</t>
  </si>
  <si>
    <t>新冠肺炎 肆虐 歐洲 成為 重災區 總統 蔡英文 日前 宣佈 捐贈 歐美 1000萬 片 口罩 其中 包含 歐洲 700萬 片 我國 駐 德 代表 謝志偉 指出 他 一整天 不斷 接到 國會議員 來 致謝 甚至 也 對 臺灣 被 排除 在世 衛 組織 之外 感到 不能 接受 這些 外</t>
  </si>
  <si>
    <t>刑事 局 偵查員 新冠肺炎 確診 足跡 史</t>
  </si>
  <si>
    <t>財政部 8 日 公佈 2021 年 1 月 進出口 統計 1 月 出口值 為 3427億 美元 創下 史 上 單月 新高 年增率 則 為 368 出口 連七紅 順利 達 陣 官員 分析 關鍵 在 春節 因素 2020 年 春節假期 在 1 月底 但 2021 年 為 2 月中 一來一往 多 三 天 統計 日數 加上 電子業 維持 多頭 趨勢 傳 產 回 溫 跡象 未 減 因此 延續 出口 好 成績 官員 分析 新冠肺炎 出現 變種 病毒 仍 是 目前 全球 經濟 最 大 變數 尤其 外國 封鎖 措施 未 解除 牽制 經濟 復蘇 腳步 惟 我國 出口 動能 在 四大 利多 領航 下 維持 高檔 包括 遠 距 商機 火紅 iphone 12 手機 銷售 超乎 預期 原 物料 行情 走 升 還有 傳 產 貨品 供需 提升 2021 年 1 月 進口 值 2808億 美元 同為 我國 史上 單月 新高 年增率 為 299 其中 以 農工 原料 電子 零 元件 進口 力 道 強勁 可見 廠商 備 貨 需求 不減 反 增 在 5 g 新興 應用 與 電子 新品 備 貨 需求 未 減加上 中國 大陸 農曆 春節 前 還 有 一 波拉 貨 潮 預計 我國 2021 年 首季 出口 動能 仍 能 維持 正 成長 態勢</t>
  </si>
  <si>
    <t>新冠肺炎 novavax 英國 疫苗 試驗</t>
  </si>
  <si>
    <t>nba 新冠肺炎 疫情 全面 停賽 預估 損失 10億 美元</t>
  </si>
  <si>
    <t>面對 新冠肺炎 疫情 如臨大敵 的 nba 絕對 沒有 想到 爵士 中鋒 戈貝爾 是 壓到 駱駝 的 最後 一 根 稻草 專家 預估 nba 宣佈 全面 停賽 之後 的 最終 損失 金額 將 高達 10億 美元 根據 富比 世 統計 nba 在 2018 19 賽季 總收入 88億 美元 比賽 門</t>
  </si>
  <si>
    <t>面對 新冠肺炎 疫情 如臨大敵 的 nba 絕對 沒有 想到 爵士 中鋒 戈貝爾 是 壓到 駱駝 的 最後 一 根 稻草 專家 預估 nba 宣佈 全面 停賽 之後 的 最終 損失 金額 將 高達 10億 美元 根據 富比 世 統計 nba 在 2018 19 賽季 總收入 88億 美元 比賽 門票 收入 占 了 22 換算 之後 是 194億 美元 30 支 球隊 平均 門票 收入 6467萬 美元 再 平均 41 個 主場 比賽 平均 每場 比賽 門票 收入 158萬 美元 nba 宣佈 全面 停賽 之後 例行 賽還 剩下 256 場 若 依照 2018 2019 賽季 的 平均 每場 門票 收入 158萬 美元 來 計算 光是 例行 賽 就要 損失 40448億 美元 除了 門票 外 nba 最 大 收入 來自 於 電視 商 的 轉播權 利金 nba 在 2014 年 與 espn 和 tnt 簽下 9 年高 達 240億 美元 的 轉播權 利金 2016 17 賽季 開始 換算 起來 nba 每年 可 以 從 轉播 單位 拿 到 26666億 美元 占 了 nba年度 收入 30 一旦 nab 宣佈 全部 停賽 轉播 權利 金 勢必會 大打折扣 南加州大學 教授 卡特 表示 以 ncaa 瘋狂 三月 季 後 賽為 例 光是 一個 月 的 效益 就 有 93億 美元 nba 未來 一個 月 的 例行 賽 季後 賽 與 總 決賽 所 損失 的 恐怕 不只 這個 數字 此外 nike 從 2017 18 賽季 每年 贊助 nba 超過 4000萬 美元 nba 停賽 聯盟 將 彌補 贊助商 的 損失 如此一來 nba 倘若 接下來 整季 停賽 的話 門票 轉播 權利 金 以及 球衣 贊助商 等 方面 的 損失 就 要 高達 10億 美元 以上 這 還 不 包含 其他 的 贊助商 因此 新冠肺炎 疫情 讓 財大氣粗 的 nba 損失慘重 而 對於 小 市場 球隊 恐怕 會 是 重大 打擊</t>
  </si>
  <si>
    <t>新冠肺炎 nba 停賽 損失 戈貝爾</t>
  </si>
  <si>
    <t>大陸 國家 衛健 委 高級別 專家組 組長 鍾 南山 5 日 表示 經過 3 個 月 的 努力 新冠肺炎 疫情 在 大陸 獲得 一定 程度 的 控制 大陸 進入 低 危險 階段 但 不 等於 沒有 危險 提醒 民眾 不論 在 居家 公司 或 公共場所 都 要 保持 一定 距離 同時 也 不</t>
  </si>
  <si>
    <t>大陸 國家 衛健 委 高級別 專家組 組長 鍾 南山 5 日 表示 經過 3 個 月 的 努力 新冠肺炎 疫情 在 大陸 獲得 一定 程度 的 控制 大陸 進入 低 危險 階段 但 不 等於 沒有 危險 提醒 民眾 不論 在 居家 公司 或 公共場所 都 要 保持 一定 距離 同時 也 不 要 參加 集會 聚餐 不 要 去 公眾 比較 多 的 地方 鍾 南山 稱 只要 做到 保持 距離 及 不 參與 集會 或 聚餐 這 兩 條 就 能 保持 這 疾病 不 會 傳染給 更 多 人 不 出現 第二 波 甚至 第 三 波 疫情 做到 群 防 群 控 的 早 發現 早報 告 早隔離 和 早 治療 能 使 大陸 更 快 復工 複學 他 又 指出 有些 國家 現在 疫情 還 比較嚴重 大陸 要 特別注意 外來 輸入 個案 在 大陸 產生 更 多 感染 的 問題</t>
  </si>
  <si>
    <t>新冠肺炎 新冠 病毒 臺灣 大陸 全球</t>
  </si>
  <si>
    <t>蔡英文 簽署 新冠肺炎 特別 條例 贈 筆 陳時中</t>
  </si>
  <si>
    <t>立法 院 三讀通過 新冠肺炎 特別 條例 後 總統 蔡英文 在 4 小時 內 就 簽署 法案 以利 行政院 盡 速 依法 推動 600億 元 特別 預算案 預計 行政院 會 在 27 日 院會 中 通過 特別 預算案 院長 蘇貞昌 3 月 3 日 赴 立 法院 備詢 特別 預算案 經過 兩 天 委員會</t>
  </si>
  <si>
    <t>大陸 四川 成都 一 名 機場 工作人員 在 未 接觸 確診 者 的 情況 下 感染 delta 變異 株 事後 衛生 單位 疫 調 發現 他 曾摸 過 確診 者 摸 過 的 電 扶梯 扶手 兩 人 之間 相隔 105 分鐘 且 經 基因 定 序 後 發現 為 同一個 感染 源 根據 大陸 週刊 瞭 望 報導 7 月 25 日 晚間 8 點 35 分 左右 有 一家 三 口 搭 機降 落於 天府 機場 3 人 在 機場 內 停留 僅 短短 10 分鐘 其中 小 男孩 未戴 口罩 一下 機 後 就 一路 奔跑 到 電 扶梯 入口 等待 父母 期間 他 的 手 就 放在 手 扶梯 的 扶 手上 當時 還 有 輕微 咳嗽 一家人 出 機場 後 就 直接 搭乘 計程車 返家 到 晚間 10 點 20 分 前 機場 內 經過 的 旅客 都未 碰 觸 小 男孩 摸 過 的 電 扶梯 扶手 直到 一 名 負責 巡邏 機場 的 工作人員 踏 上 手 扶梯 後 不經意 將 右手 扶 握 于小 男孩 碰 觸 的 扶 手上 結果 遭到 感染 事後 衛生 單位 調查 發現 機場 人員 與 小 男孩 相隔 105 分鐘 但 僅 是 接觸 了 同樣 的 手 扶梯 表面 就 感染 delta 變異 株 且 經過 基因 定 序 確定 兩者 皆 為 同一 傳染源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有鑒於 新冠肺炎 疫情 肆虐 歐洲 足球 總會 決定 將 歐洲 國家 杯 延賽 一 年 uefa postpones euro 2020 by one year because of pandemic 先前 歐洲各國 足球聯賽 早已 受到 疫情 拖累 而 紛紛 暫停 賽事 包括 英格蘭 足球 超級 聯賽 pr</t>
  </si>
  <si>
    <t>有鑒於 新冠肺炎 疫情 肆虐 歐洲 足球 總會 決定 將 歐洲 國家 杯 延賽 一 年 uefa postpones euro 2020 by one year because of pandemic 先前 歐洲各國 足球聯賽 早已 受到 疫情 拖累 而 紛紛 暫停 賽事 包括 英格蘭 足球 超級 聯賽 premier league 與 西班牙 足球 甲級聯賽 等 如今 素有 小 世界盃 之 稱 的 2020 年 歐洲 國家 杯 euro 2020 延後 一 年 舉辦 防範 疫情 確定 延賽 歐洲 足球 總會 uefa 近日 緊急 開會 決議 為了 防範 新冠肺炎 疫情 在 歐洲 持續 擴大 而 決議 延賽 該 機構 表示 歐洲 國家 杯 延賽 將 導致 3億 歐元 約 327億 美元 的 損失 四 年 一度 的 歐洲 國家 杯 原 定於 今年 6 月 12 日 7 月 12 日 登場 主辦 城市 涵蓋 英國倫敦 蘇格蘭 格拉斯哥 與 都柏林 等 但 如今 卻 受 肺炎 疫情 影響 而 延至 明年 6 月 11 日 7 月 11 日 舉辦 uefa 主席 切 費林 aleksander ceferin 表示 球員 球迷 與 工作人員 的 健康 是 我們 的 首要 考量 此時 大家 最 需要 的 是 團結一心 每個 人 都 要 犧牲 一些 東西 才能 獲得最佳 結果 隨 著 歐洲 淪為 疫情 重災區 新冠肺炎 確診 病例 暴 增 法國 義 大利 與 西班牙 等 國 相繼 推出 封鎖 措施 與 旅遊 禁令 外界 對於 歐洲 國家 杯 延期 舉辦 早 有 心理準備 在 uefa 宣佈 歐洲 國家 杯 延 賽後 該 組織 旗 下 的 歐洲 冠軍聯賽 champions league 與 歐足總 歐洲 聯賽 europa league 可望 獲得 更 多 時間 打完 暫時 停 擺 的 賽事 uefa 希望 歐洲各國 聯賽 所有 賽事 都 能 在 本賽季 6 月 30 日前 完成 但 能否 達到 此 目標 取決 於 疫情 是否 獲 控制 並 趨 緩 該 組織 表示 球迷 群 聚 為 他們 支持 的 球隊 喝采 加油 恐 導致 肺炎 病毒 散播 得 更 快 增加 政府 防疫 困難 與 公衛 負擔 而 這 正是 他們 將 賽事 延 後 的 考量 因素 之一 衝擊財務 損失 3億 歐元 uefa 表示 歐洲 國家 杯 延賽 將 造成 3億 歐元 損失 但 總比 取消 賽事 損失 4億 歐元 436億 美元 來得 好 切 費林 表示 延 後 歐洲 國家 杯 將 對 我們 帶來 極大 財務 衝擊 但 我們 將 盡全力 確保 此 賽事 發展 不受 影響 事實上 歐洲 國家 杯 這類 體壇 盛事 創造 的 經濟 產值 極大 以 2016 年 為 例 歐洲 國家 杯 當時 為 主辦國 法國 帶來 約 13億 美元 收益 延賽 總比 取消 好 安 侯建業 聯合 會計師 事務所 kpmg 分析 師 拉特瑞 andrea sartori 表示 幸好 歐洲 國家 杯 只是 延期 而非 完全 取消 因為 不論是 任何 等級 賽事 取消 肯定 會 帶來 極大 的 經濟 衝擊 uefa 旗 下聘 雇 約 400 名 工作人員 負責 籌備 歐洲 國家 杯 賽事 如今 比賽 延後 一 年 這些 人 能否 保住 飯碗 還是 一大 問題 kpmg 亦 預估 指出 受到 此次 肺炎 疫情 的 影響 歐洲 足球 五大 聯賽 陸續 宣佈 暫停 賽事 若 這些 賽事 最終 真的遭到 取消 那 門票 電視轉播 與 比賽 贊助 的 損失 合計 恐怕 高達 40億 歐元 約 438億 美元</t>
  </si>
  <si>
    <t>新冠肺炎 臺灣 高雄 足跡 確診</t>
  </si>
  <si>
    <t>就算 大陸 cba 因為 新冠肺炎 疫情 陷入 無限期 停賽 林書豪 卻 沒 停止 自己 苦練 不 休 腳步 林書豪 6 日 在 ig 貼出 自己 努力 練習 全新 投籃 姿勢 影片 更 自嘲 過往 投籃 動作 有 夠 醜 不過 豪 哥 最後 沒 忘記 跟 好友 周傑倫 嗆 聲 該 你 了 吧 兄弟</t>
  </si>
  <si>
    <t>im hot over the years i&amp;apos ve continually lowered my shot pocket and smoothed out my shooting motion this is the best my shots ever felt effortless lower jump quicker release more fluid and much deeper range s o trainer @jwafan for literally hundreds of thousands of reps of work over the last 9 years and shushhh i know i stepped on the line once side note i almost threw up looking at pictures of my old shot slide right lol your turn @jaychou 該 你 了 吧 兄弟 #extracredit #thewaitinggametour jeremylin 林書豪 @jlin 7 分享 的 貼 文 於 pst 2020 年 3 月 月 5 日 下午 3 17 張貼 就算 大陸 cba 因為 新冠肺炎 疫情 陷入 無限期 停賽 林書豪 卻 沒 停止 自己 苦練 不 休 腳步 林書豪 6 日 在 ig 貼出 自己 努力 練習 全新 投籃 姿勢 影片 更 自嘲 過往 投籃 動作 有 夠 醜 不過 豪 哥 最後 沒 忘記 跟 好友 周傑倫 嗆 聲 該 你 了 吧 兄弟 我 的 手感 火熱 我 不 斷 訓練 降低 我 的 出手 點 舒緩 投籃 動作 這 是 我 有史以來 感覺 最 棒 的 投籃 姿勢 省力 更 低 的 跳躍 點 更 快 的 出手 更 柔和 與 更 高 的 球 線 弧度 林書豪 說 噓 我 知道 過去 我 的 投籃 很 醜 看 那些 照片 都快 吐 了 林書豪 並非 只 用 嘴巴 說說 從 這個 投籃 影片 當中 可以 看到 豪 哥 不管 快速 移動 到 任何 一個 三分球 出手 點 都能 空心 命中 仔細 數 下來 他 竟然 一口氣 連進 11 球 難怪 他 會 如此 滿意 自己 全新 調整 的 投籃 姿勢 接 著 就 等 他 在 場上 真正 使用 不僅 在 個人 ig 秀 出 自己 百步穿楊 影片 林書豪 也 貼 了 4 張 自己 過去 待 在 勇士 尼克 與 湖 人 等 隊 的 投籃 照片 確實 怎麼 看 都 怪怪的 難怪 連 他 自己 都嫌 醜 只是 聽到 豪 哥 如此 嗆 聲 不 知道 周傑倫 是否 也 會 馬上 貼出 投籃 影片 回 嗆 自己 好友</t>
  </si>
  <si>
    <t>國內 自 上月 起 爆發 一 波 新冠肺炎 疫情 行政院 也 宣佈 全國 進入 三級 警戒 至 6 月 14 日 行政院長 蘇貞昌 今日 表示 在 審 酌 各部 會 意見 後 已 裁 示 全國 三級 警戒 延長 至 6 月 28 日 蘇貞昌 指出 全國 各級 學校 將 配合 停止 到校 上課 到 暑假</t>
  </si>
  <si>
    <t>新冠肺炎 臺灣 擴大 防疫 會議 三級 警戒</t>
  </si>
  <si>
    <t>非裔 男子 之 死 點燃 全美 各地 示威 抗爭 美國 疾病 管制 暨 預防 中心 cdc 已經 提出 警告 抗爭 行動 可能 再一 次 引爆 新冠肺炎 疫情 不過 示威 人士 說出 心聲 認為 疫情 讓 他們 太 無助 現在 終於 有 一 件 事 重要 到 能夠 親自 參與 明尼 蘇</t>
  </si>
  <si>
    <t>非裔 男子 之 死 點燃 全美 各地 示威 抗爭 美國 疾病 管制 暨 預防 中心 cdc 已經 提出 警告 抗爭 行動 可能 再一 次 引爆 新冠肺炎 疫情 不過 示威 人士 說出 心聲 認為 疫情 讓 他們 太 無助 現在 終於 有 一 件 事 重要 到 能夠 親自 參與 明尼蘇達州 非裔 男子 佛洛伊德 george floyd 遭 白人 員警 壓 頸 後 喪命 全美 乃至 全世界 示威抗議 不斷 美國 cdc 專家 警告 抗爭 行動 可能 為 新冠 病毒 提供 良好 的 傳播 機會 不過 美國有線電視新聞網 cnn 報導 23 歲 的 示威 人士 jazondre gibbs 昨 6 日 吐露 心聲 在 經歷 數 周 困 在家 的 生活 後 她 很 高興 終於 有 一 件 事 能夠 親自 參與 她 說 這 場 疫情 讓 她 感到 很 無助 沒 辦法 控制 做 了 多少 病毒檢測 盤點 口罩 庫存 但 參加 抗議 發送 食物 水 等 是 她 可以 親自 掌 控 的 因 此 週六 一大早 她 就 驅車 前往 華府 市中心 擺攤 為 示威 人士 送 上 食物 水 瓶 幹 洗手 液 等 36 歲 的 工程師 佛斯特 sarah foster 也 表示 在 消極 數周後 她 終於 找到 機會 能夠 有 一番 作為 終於 有 一 件 非常 重要 的 事 我們 能夠 參與 幫忙 當然 人們 確實 比 建議 的 6 英尺 距離 還要 近 一些 但 我 認為 我們 在 做 的 事 實在太 重要 每個 人 會 找 到 保持 距離 的 方式 的 佛斯特 說 美國 約翰霍普金斯 衛生 安全 中心 johns hopkins center for health security 醫學 人類學 資深 研究員 monica schoch-spana 分析 人們 認為 佛洛伊德 喪命 引發 的 災難 相當 急迫 因此 即便 擔憂 新冠肺炎 疫情 他們 也 甘冒 風險 上街</t>
  </si>
  <si>
    <t>穆迪 投資者 服務公司 moody s investors service 18 日 發佈 報告 警告 新冠肺炎 疫情 延 燒 不僅 對 大陸 經濟 帶來 影響 更 可能 拖累 整個 亞太地區 成長 放緩 而 交 銀 國際 控股 公司 bocom international 則 認為 此次 肺炎 對於 大</t>
  </si>
  <si>
    <t>穆迪 投資者 服務公司 moody s investors service 18 日 發佈 報告 警告 新冠肺炎 疫情 延 燒 不僅 對 大陸 經濟 帶來 影響 更 可能 拖累 整個 亞太地區 成長 放緩 而 交 銀 國際 控股 公司 bocom international 則 認為 此次 肺炎 對於 大陸 經濟 衝擊 更 勝於 sars 危機 穆迪 週二 在 報告 中 調 降 大陸 今年 經濟 成長 預估 從 原本 的 58 降 至 52 同時 警告 肺炎 帶來 嚴重 但 短期 的 經濟 衝擊 更 可能 波及 整個 亞太地區 經濟 穆迪 指出 受到 肺炎 疫情 影響 大陸 進口 需求 下滑 這 是 拖累 亞太地區 經濟 放緩 的 主因 穆迪 表示 貿易 與 觀光業 恐 受傷 最深 而 其他 產業 亦 難 逃 供應 鏈 被迫 中斷 的 命運 而 香港 澳門 將 承受 最 大 打擊 畢竟 這 兩地 與 大陸 經濟往來 十分 密切 穆迪 報告 指出 受到 全球 貿易 放緩 拖累 亞太地區 去年 經濟 明顯 減速 如今 又 遭遇 肺炎 疫情 衝擊 交 銀 國際 亦 抱 持 類似 看法 直指 此次 肺炎 疫情 對於 大陸 經濟 的 衝擊 恐 超越 2003 年 sars 期間 該 公司 指出 其中 受 影響 最深 的 將 是 服務業 該 產業 如今 產值 約 占 大陸 國內 生產 毛額 gdp 的 59 比重 遠 高於 2003 年 的 43 交 銀 國際 預估 光是 電影 餐飲 與 觀光業 的 收入 損失 便 可能 超過 1 兆 人民幣 這 約 占 2019 年 第一 季 gdp 的 5 交 銀 國際 亦 指出 若 疫情 持續 升溫 的話 大陸 中小型 企業 恐 面臨 存亡 危機 這些 企業 貢獻 60 以上 的 全國 gdp 大陸 經濟 先前 早已 出現 放緩 跡象 再 加上 此次 疫情 打擊 如今 更 整合 的 產業鏈 許多 中小企業 可能 因 此 倒閉</t>
  </si>
  <si>
    <t>新冠肺炎 的 病毒傳播 力 不容 小覷 各國 全都 繃緊神經 實施 防疫 作為 從 特定 國家 返台 的 國人 需 須 配合 政策 自主 管理 14 天 不過 日前 有 位 媽媽 控訴 她 帶 1 歲 女兒 從 南韓 返台 她們 急 著 要 打 疫苗 卻 遭 3 家 醫院 拒絕 讓 這 名 媽媽 控訴</t>
  </si>
  <si>
    <t>返台 韓國 蘇怡甯 居家 檢疫 新冠肺炎</t>
  </si>
  <si>
    <t>網路 再 傳 新冠肺炎 相關 疫情 假 訊息 有 網友 在 20 日 下午 於 ptt 版 上 發文 指 親戚 在 竹 市府 上班 下午 停 班 囉 疑 似 有 確診 案例 市府 晚間 發出 新聞稿 澄清 並 無 停 班 情形 也 無 確診 病例 並 再次 呼籲 民眾 勿 傳 假 訊息 以免 觸 法 今</t>
  </si>
  <si>
    <t>市府 肺炎 疫情 呼籲 新竹 市 新冠肺炎</t>
  </si>
  <si>
    <t>嘉義 市 工廠 耐 斯 百貨 家樂福 新冠肺炎</t>
  </si>
  <si>
    <t>新冠肺炎 臺灣 確診 小吃店 基隆</t>
  </si>
  <si>
    <t>新冠肺炎 疫情 延 燒 臺灣 超前 部署 受到 肯定 美國 商業 雜誌 富比 士 近日 在 官網 列出 各國 抗 疫 有 傑出 表現 的 女性 領導者 蔡英文 總統 名列 其中 蔡英文 今天 表示 關鍵 在 全體 國人 的 團結一心 臺灣 的 防疫 才 會 有 這樣 的 好 成績</t>
  </si>
  <si>
    <t>新冠肺炎 疫情 延 燒 臺灣 超前 部署 受到 肯定 美國 商業 雜誌 富比 士 近日 在 官網 列出 各國 抗 疫 有 傑出 表現 的 女性 領導者 蔡英文 總統 名列 其中 蔡英文 今天 表示 關鍵 在 全體 國人 的 團結一心 臺灣 的 防疫 才 會 有 這樣 的 好 成績 也 讓 世界 看 到 臺灣人 的 努力 與 傑出 富比 士 在 官網 讚譽 蔡英文 防疫 最 早 最 明快 並 提到 蔡英文 領導 的 政府 早 在 1 月份 出現 疫情 跡象 時 就 採取 了 124 項 措施 來 阻止 疫情 蔓延 讓 臺灣 至 今 不必 像 其他 地區 一樣 採取 封鎖 措施 並 有 餘 力 捐贈 1000萬 個 口罩 幫助 歐美國家 對此 總統府 發言人 張惇涵 表示 總統 認為 關鍵 在 全體 國人 的 團結一心 臺灣 的 防疫 才 會 有 這樣 的 好 成績 也 讓 世界 看 到 臺灣人 的 努力 與 傑出 臺灣 防疫 表現 與 國際 支援 廣受 肯定 這 也 都 是 政府 上下一致 將士用命 與 全體 國民 共同努力 所 締造 的 成果 臺灣 也 會 繼續 向 世界 展現國家 實力 與 貢獻 的 熱誠 至於 國際 媒體 對 女性 領導 的 肯定 蔡英文 也 認為 這 也 是 臺灣 所 堅持 的 性別 平 權 進步 價值 的 體現 我們 也 相信 臺灣 會 持續 往 這 條 道路 前進</t>
  </si>
  <si>
    <t>新冠肺炎 大 流行 壓抑 需求 原油 供給 過剩 創 史上 新高</t>
  </si>
  <si>
    <t>原油價格 已 跌 至 2016 年 以來 的 最低水準 因為 在 opec 與其 盟國 之間 的 價格 戰中 新冠肺炎 繼續 對 全球 需求 造成 壓力 從而 推動 了 供應 過剩 截至 紐約 時間 上午 8 00 國際 基準 布倫特 原油期貨 價格 下跌 多 達 10 至 每桶 30 49 美元</t>
  </si>
  <si>
    <t>原油價格 已 跌 至 2016 年 以來 的 最低水準 因為 在 opec 與其 盟國 之間 的 價格 戰中 新冠肺炎 繼續 對 全球 需求 造成 壓力 從而 推動 了 供應 過剩 截至 紐約 時間 上午 8 00 國際 基準 布倫特 原油期貨 價格 下跌 多 達 10 至 每桶 3049 美元 西 德州 中質油 同時 下跌 813 至 每桶 2915 美元 在 新冠肺炎 大 流行 期間 對 航空 燃料 汽油 和 柴油 的 需求 大幅 下降 因為 航空 公司 取消 了 航班 巡航 線路 關閉 了 運營 並 告知 消費者 實行 社交 疏遠 根據 ihs markit 的 報導 石油 需求 的 前景 已 陷於 困境 而 opec 與其 盟國 之間 的 全球 價格 戰則 有 可能 將 供應 推 至 前所未有 的 水準 ihs 在 報告 中 說 如果 俄羅斯 和 沙烏地 阿拉伯 之間 的 全球 價格 戰 繼續 進行 同時 世界 在 新冠肺炎 大 流行 中 陷入 衰退 那麼 今 年前 六 個 月 的 石油 過剩 可能 會 增長 到 8億 至 13億 桶 ihs markit副 總裁兼 石油市場 負責人 吉姆·伯克哈德 jim burkhard 告訴 媒體 上 一 次 出現 如此 大規模 的 全球 盈 餘 從未 如此 在 這 之前 本世紀 全球 六 個 月 最 大 的 盈 餘 是 36億 桶 即將 到來 的 將 是 這 個數 字 的 兩 倍 甚至 更 多 ihs markit 說 石油 過剩 的 主要 原因 是 新冠肺炎 大 流行 帶來 的 需求 急劇 急劇下降 而 沙烏 阿拉伯 宣佈 將 每天 增加 260萬 桶 原油 供應 這 打 壓 了 價格 俄羅斯 還 表示 它 可以 每天 增加 多 達 30萬 至 50萬 桶 的 原油 產量 報告 稱 美國 石油工業 可能 是 供應 過剩 打擊 最 嚴重 的 國家 之一 未來 一 年 半 的 時間 裡 美國 的 日產量 可能 下降 多 達 200萬 至 400萬 桶 摩根 大通 jpmorgan 稱 這 可能 導致 負債累累 的 美國 葉岩 公司 違約 該 公司 預計 假設 原油 在 2020 年 下半年 升至 40 美元 桶 並 在 明年 升至 50 美元 桶 累積 的 高 收益 能源 違約 率 將 達到 24 主要 在 2021 年 如果 到 2022 年 原油價格 保持 在 每桶 40 美元 附近 該 比率 可能 會 更 高 達到 59</t>
  </si>
  <si>
    <t>全球 數字 世界 新冠肺炎 大 流行</t>
  </si>
  <si>
    <t>受 新冠肺炎 疫情 影響 中職 熱身賽 及 例行 賽 賽程 都 可能 隨之 變動 中職 聯盟 研 判 4 月 1 日 進行 的 6 搶 1 資格 賽會 延期 因此 提早 做出 應變 措施 只要 延賽 或 停辦 中職 開幕 戰 都會 改 回 原本 的 3 月 28 日 開 打 今年 中職 賽程 因應 6 搶 1 奧運</t>
  </si>
  <si>
    <t>受 新冠肺炎 疫情 影響 中職 熱身賽 及 例行 賽 賽程 都 可能 隨之 變動 中職 聯盟 研 判 4 月 1 日 進行 的 6 搶 1 資格 賽會 延期 因此 提早 做出 應變 措施 只要 延賽 或 停辦 中職 開幕 戰 都會 改 回 原本 的 3 月 28 日 開 打 今年 中職 賽程 因應 6 搶 1 奧運 資格 賽在 4 月初 舉行 因此 開幕 戰 提早 至 3 月 14 日 開 打 雖然 世界 棒 壘 總會 wbsc 要到 3 月 4 日 才 會 宣佈 6 搶 1 是否 延賽 或 停辦 不過 中職 研 判 目前 疫情 影響 6 搶 1 可能 會 延賽 因此 提早 做出 決策 目前 決議 中職 熱身賽 照常 舉行 不過 會 加強 進場 觀眾 的 防疫 措施 包含 強烈建議 觀眾 戴 口罩 球場 設置 熱像儀 或 額 溫槍 等 球場 及 工作人員 消毒 等 熱身賽 及 例行 賽 因應 6 搶 1 賽事 因此 比 往年 提早 兩 周開 打 不過 如今 可能 因為 疫情 影響 開幕 戰 回歸 原訂 時間 中間 的 空 窗 期 則 由 各 球 團 自行安排 訓練 等</t>
  </si>
  <si>
    <t>自從 去年 新冠 疫情 在 世界各地 大 爆發 以來 臺灣 一直 維持 極 低 的 感染 人數 很 不幸 的 最近 出現 了 大 轉折 新冠 疫情 開始 在 臺灣 各地 爆發 讓 政府 官員 醫療 人員 社會 大眾 措手不及 恐慌 及 各種 傳言 四處 快速 蔓延 這 讓 我 想起 去年 一月 下旬 開始 參與 中國 大陸 對抗 新冠肺炎 的 情況 那時 中國 大陸 也 是 一團亂 不但 西醫 對 新冠 病毒 的 肆虐 無可奈何 很多 中醫師 在 沒有 臨床 治療 新冠肺炎 的 經驗 下 跳出 來 討論 如何 治療 新冠肺炎 各地 的 中醫 教授 及 中醫 主管機關 也 不斷 提出 不同 的 看法 建議 各式各樣 的 中藥 通 方 來 應付 新冠 疫情 讓 人 眼花繚亂 不知所措 隨 著 疫情 的 擴大 中國 大陸 開始 大幅度 啟動 中醫 抗 疫 也 有 了 很多 的 臨床 統計 及 比較 去年 四月 中 中國國務院 基於 大量 的 臨床 回饋 正式 對 國際 推 展 中藥方 清 肺 排 毒 湯 認定 是 中 西藥 中 唯一 有 大量 臨床 療效 的 特效藥 四月 之後 中國 大陸 各地 數萬人 服用 過 清 肺 排 毒 湯 成效 卓越 另一方面 中國 領頭 抗 疫 的 鍾 南山 院士 發表 他 團隊 的 中藥 研究 體 外 實驗 顯示 中藥方 連花 清 瘟 能 抑制 新冠 病毒 複製 發揮 抗 炎 作用 連花 清 瘟 一時 聲名大噪 被 很多 中文 媒體 大幅 報導 也 被 推銷 到 世界 各國 華人 聚集 的 地方 臺灣 目前 陷入 病情 恐慌 之中 即使 醫療 主管機關 平時 根本 不 重視 中醫 在 不得已 的 情況 下 開始 大力 推 展 臺灣 中醫 團隊 提出 的 清 冠一號 報章 媒體 也 大幅度 宣 傳 說是 臺灣 的 創舉 拯救 世界 的 特效藥 真的 如此 嗎 根據 臺灣 中醫 團隊 的 解說 以 魚腥草 和 板藍根 對抗 新冠 病毒 為 清 冠一號 的 主力 我 相當 不 認同 這樣 的 說法 這不 是 中醫 的 理論 及 思維 中醫 治病 從來 就 不是 利用 什麼 中藥材 來 對 抗 病毒 而是 設法 改變 身體 內部 平衡 狀態 另一方面 臺灣 沒有 發表 有 關新冠 病毒 對 中藥 反應 的 生化 研究 報告 目前 唯一 可以 引用 的 生化 研究 就是 前面 提到 的 鍾 南山 團隊 對 連花 清 瘟 的 體 外 測試 而 我們 也 不難 發現 清 冠一號 是 參考 連花 清 瘟 而來 除了 都以 魚腥草 和 板藍根 為 主力 清 冠一號 為了 避免 使用 一些 國家 管制 嚴格 的 麻黃 改用 荊芥 防風 其它 幾 味 中藥材 的 用意 也 和 連花 清 瘟 大同小異 從 別人 經驗 來 學習 無可厚非 然而 在 肺 家 疫病 清熱解毒 的 方向上 清 冠一號 用藥 不如 連花 清 瘟 到位 更 重要 的 是 如 我 書 當 張仲 景遇 上 史丹佛 及 網頁 文章 中 指出 據 中國 大陸 多 個 醫學 團隊 的 研究 分析 後 結論 連花 清 瘟 不能 減少 輕 症 轉 重症 的 機 率 大多數 的 情況 下 連花 清 瘟 也 不能 加速 病毒 核酸 檢測 轉陰 所 需要 的 時間 而 同樣 的 問題 也 會 隨 著 清 冠一號 的 廣泛 使用 而 浮現 出來 提出 清 冠一號 的 中醫 團隊 臨床 病例 非常少 屈指可數 大半 又 是 輕 症 病 患 而 極 少數 的 中 重症 病例 也 以 西醫 治療 為主 中藥 只是 西藥 下 的 輔助 在 這樣 的 情況 下 中醫 團隊 對 新冠肺炎 治療 的 理解 有限 卻 大力 推 展 清 冠一號 是 很 不負責任 的 雖然 對 肺 家 輕微 發熱 的 病人 而言 清 冠一號 或許 可以 幫忙 緩解 症狀 然而 對於 肺 家 嚴重 發熱 肺 寒或 寒熱 夾雜 肺部 積液 等等 的 病人 而言 不但 效果 不 彰 許多 情況 下 可能 反而 加重 病情 不要 忘記 根據 世界各地 對 新冠 病逝 病人 的 解剖 分析 因為 肺部 胸腔 積 滿 濃 稠 液體 而 死亡 的 病人 數量 遠大 過 肺部 纖維 化 而 死亡 的 病人 數量 目前 已經 有 海外 確診 華人 自行 購買 清 冠一號 服用 病情 反而 加劇 緊急 聯絡 診所 求助 這樣 的 講解 下 許多 讀者 可能 還 是 很 迷惑 我們 再 拿 一個 更 容易 理解 的 事情 來 討論 無論是 mrna 疫苗 或 滅 活 病毒 疫苗 都 是 讓 人體 模擬 學習 被 病毒 攻擊 後 如何 抵抗 換句話說 打完 疫苗 後 的 反應 可以 代表 一個人 剛剛 感染 新冠 病毒 時 可能 的 初始 反應 美國 是 全世界 施打新冠 疫苗 人數 最 多 的 國家 已經 有 超過 一億兩千五百萬 人 打 了 新冠 疫苗 約 美國 人口 的 38 在 這麼 大量 的 個案 統計 下 美國 疾病 管理局 cdc 指出 大多數 的 人 打完 疫苗 後 除了 打針 處 酸痛 外 最常 看到 的 反應 是 疲勞 頭疼 肌肉 酸痛 惡 寒 發燒 噁 心 反胃 等等 如果 只 憑 這些 症狀 來 判斷 最 接近 的 是 傷寒論 的 葛根湯 證 而 臨床 上 治療 確診 輕 症 病人 葛根湯 也 確實 是 最常 開 的 中藥方 而非 清 冠一號 的 中藥 組合 瘟疫 肆虐 下 人命關天 我們 應該 讓 資料 說話 應該 讓 有 大量 臨床 成功 治癒 病例 的 醫生 說話 而 不是 看到 病毒感染 發熱 就 清熱解毒 也 不是 抓 著 極 少數 的 病例 來 無限 放大</t>
  </si>
  <si>
    <t>李宗恩 清冠 一 號 新冠肺炎 臺灣 確診</t>
  </si>
  <si>
    <t>新冠肺炎 臺灣 新北 侯友宜 確診</t>
  </si>
  <si>
    <t>朱學 恒 宅 神 新冠肺炎 新冠 病毒 臺灣</t>
  </si>
  <si>
    <t>新北 確診 數 陳時中 吳秉睿 新冠肺炎</t>
  </si>
  <si>
    <t>台中 臺灣 長 榮 機師 新冠肺炎 空姐</t>
  </si>
  <si>
    <t>五專 開 打 國中 新冠肺炎 臺灣</t>
  </si>
  <si>
    <t>大陸 25 日新冠肺炎 確診 67 例 大 增 4 成</t>
  </si>
  <si>
    <t>大陸 國家 衛健 委 26 日 資料 顯示 25 日 大陸 31 省市 新增 新冠肺炎 確診 病例 67 例 均 為 境外 輸入 這 是 近日 大陸 疫情 資料 緩和 後 又 一 次 大增 幅度 較 24 日 增加 逾 40 衛健 委 指出 3 月 25 日 大陸 31 省市 新增 新冠肺炎 確診 病例 67 例 均</t>
  </si>
  <si>
    <t>大陸 國家 衛健 委 26 日 資料 顯示 25 日 大陸 31 省市 新增 新冠肺炎 確診 病例 67 例 均 為 境外 輸入 這 是 近日 大陸 疫情 資料 緩和 後 又 一 次 大增 幅度 較 24 日 增加 逾 40 衛 健 委 指出 3 月 25 日 大陸 31 省市 新增 新冠肺炎 確診 病例 67 例 均 為 境外 輸入 其中 上海 18 例 內蒙古 12 例 廣東 11 例 北京 6 例 福建 6 例 陝西 3 例 天津 2 例 浙江 2 例 江蘇 2 例 雲南 2 例 山西 1 例 吉林 1 例 河南 1 例 此外 新增 死亡 病例 6 例 截至 3 月 25 日 24 時 大陸 累計 確診 病例 81285 例 累計 死亡 病例 3287 例 中國政府 網 25 日 披露 大陸 國務院 總理 中央 應對 疫情 工作領導小組 組長 李克強 23 日 在 小組會議 上 強調 各地 不應 為 零 報告 而 瞞報 漏 報 要 實事求是 公開 透明 發佈 疫情 訊息</t>
  </si>
  <si>
    <t>印尼 新冠肺炎 雅加達 防疫 口罩</t>
  </si>
  <si>
    <t>新冠肺炎 讓 蒜頭 帶來 銷路 疫情 發生 以來 莿 桐鄉 農會 蒜頭 精 被 搶購一空 正 加緊 加工 中 臺灣 蒜頭 採收 期約 清明節 蒜 商 通常 在 採收 前 才 到 產地 下 訂 今年 蒜 商 提前 到 雲 林產 地下 訂 雲 林縣 蒜頭 產量 占 全台 九 成 其中 莿 桐鄉 又</t>
  </si>
  <si>
    <t>新冠肺炎 讓 蒜頭 帶來 銷路 疫情 發生 以來 莿 桐鄉 農會 蒜頭 精 被 搶購一空 正 加緊 加工 中 臺灣 蒜頭 採收 期約 清明節 蒜 商 通常 在 採收 前 才 到 產地 下 訂 今年 蒜 商 提前 到 雲 林產 地下 訂 雲 林縣 蒜頭 產量 占 全台 九 成 其中 莿 桐鄉 又 占 雲林 三 成 莿 桐鄉 蒜頭 產量 占 雲 林縣 三 成 農會 2005 年 開始 加工 製成 蒜頭 精 銷售量 穩定 新冠肺炎 爆發 後 因 蒜頭 有 增強 免疫力 的 保健 功效 訂單 增加一倍 莿桐 農會 總 幹事 張鈺萱 表示 蒜頭 精 訂單 從 過年 連續 3 周 供不應求 新冠肺炎 疫情 意外 締造 莿 桐鄉 農會 蒜頭 精 的 第二 春 她 表示 除了 蒜頭 精 熱銷 蒜頭 醬 也 爆 紅 有 一家 麵包店 因 很多 顧客 詢問 有 沒有 大蒜 麵包 相關 的 產品 他們 找到 莿 桐鄉 農會 買 了 青蒜 醬 和 黑 蒜 也 想買 新鮮 蒜頭 想 研發 新 產品 讓 大家 更 喜歡 蒜頭 臺灣 本土 蒜頭 的 價格 每年 受 進口 蒜頭 數量 而 波動 今年 可望 待價而沽 張鈺萱 表示 臺灣 在 清明節 採收 蒜頭 盤 商會 在 採收 前 才會 到 產地 下 訂 距離 清明節 還有 45 天 今年 一大 批 盤商 已 提前 到 產地 下 訂 都 是 受到 疫情 意外 帶來 的 商機 餘姓 蒜 農 表示 大盤商 提早 兩 個 月 來 田裡 詢問 是否 要 開始 買賣 了 今年 比較 搶市 市場 攤販 也 表示 蒜頭 買氣 多 了 兩 成 零售價 目前 每 台斤 約 130140 元 新冠肺炎 蒜頭 精 莿 桐鄉 大蒜 麵包</t>
  </si>
  <si>
    <t>蒜頭 莿 桐鄉 新冠肺炎 新冠肺炎</t>
  </si>
  <si>
    <t>已 把 事業 生活 重心 轉 往 大陸 的 資深 藝人 黃安 常在 微博 評論 兩岸 時事 日前 他 回台 過年 卻 因 新冠肺炎 疫情 回不去 只 能 繼續 待 在 臺灣 的 他 不僅 上街 跟 民眾 排隊 買 口罩 並 持續 在 微博 發文 更 因 港臺 還 稱 新冠肺炎 為 武</t>
  </si>
  <si>
    <t>黃安 臺灣 高大成 大陸 新冠肺炎</t>
  </si>
  <si>
    <t>新冠肺炎 洪秀柱 吳斯懷 防疫 戰爭</t>
  </si>
  <si>
    <t>湖北 的 新冠肺炎 疫情 得到 控制 先前 疫情 頗為 嚴峻 的 浙江 也 好轉 但 3 月 2 日 浙江 新增 新冠肺炎 確診 病例 7 例 戶籍 皆 為 青田縣 且 均 為 境外 輸入 病例 都在義 大利 貝加莫 工作 綜合 陸媒 報導 浙江省 3 月 3 日 公佈 新冠肺炎 疫情 情況 2</t>
  </si>
  <si>
    <t>湖北 的 新冠肺炎 疫情 得到 控制 先前 疫情 頗為 嚴峻 的 浙江 也 好轉 但 3 月 2 日 浙江 新增 新冠肺炎 確診 病例 7 例 戶籍 皆 為 青田縣 且 均 為 境外 輸入 病例 都在義 大利 貝加莫 工作 綜合 陸媒 報導 浙江省 3 月 3 日 公佈 新冠肺炎 疫情 情況 2 日 新增 確診 病例 7 例 皆 為 麗水市 青田縣 報告 的 義 大利 輸入 病例 該 7 例 病例 與 首例 境外 輸入 病例 王某某 為 密切接觸 者 在 義 大利 貝加莫 同一 家 餐廳 工作 8 人 生活 在 義 大利 無 湖北 武漢 接觸 史 返 陸 檢測 陽性 隔離 治療 2 月 26 日 確診 的 6 人 一同 乘坐 su 2415 h 航班 從 米蘭 到 莫斯科 2 月 27 日 再 從 莫斯科 乘坐 su 206 h 航班 到達 上海浦東國際機場 2 月 28 日 6 人 包車 進入 青田 當即 落實 隔離 觀察 措施 3 月 2 日 6 人 經檢測 新冠肺炎 核酸 檢測 均 呈 陽性 現 正 在 定點醫院 隔離 治療 另 一 名 確診 患者 葉某 男 34 歲 戶籍 青田縣 三溪口 街道 與 首例 病例 為 密切接觸 者 在 義 大利 貝加莫 同一 家 餐廳 工作 2 月 28 日 患者 葉某 乘坐 lh 0273 航班 從 義 大利 到 德國 2 月 29 日 再 從 德國 乘坐 ca 0936 航班 到達 上海浦東機場 2 月 29 日 患者 包車 進入 青田 當即 落實 隔離 觀察 措施 3 月 2 日 新冠肺炎 核酸 檢測 呈 陽性 現 正 在 定點醫院 隔離 治療 據 義 大利 緊急 民防 部 新冠肺炎 應急 委員會 通報 截至 當地 時間 3 月 3 日 零 時 義 大利 新冠肺炎 累計 確診 病例 已 增至 2084 例 較 前 一 天 新增 373 例 確診 病例 中 重症 病例 為 166 例 死亡 病例 增至 52 例 歐洲 疫情 風險 升為 中高 當地 時間 3 月 2 日 歐洲疾 控 中心 宣佈 將 新冠肺炎 在 歐洲 蔓延 的 疫情 風險 級別 從 原來 的 中 升級 為 中高 義 大利 倫巴第 大區 公共 衛生局 呼籲 當地 65 歲 以上 族群 在 未來 3 周內 無 特殊 情況 儘量留在 家中 不要 外出</t>
  </si>
  <si>
    <t>受 新冠肺炎 影響 各地 媽祖 祈福 繞 境 活動 紛紛 暫緩 每年 吸引 數萬人 參加 的 彰 化 媽祖 祈福 文化 節 也 在 媽祖 指示 下 延期 改辦 祈福 法會 28 日 彰 化 萬景 藝苑 董事長 陳蒼興 同為 臺灣 祈福 敦請 五明佛學院 龍 迦 仁波切 主 法 在 園區 內</t>
  </si>
  <si>
    <t>新冠肺炎 臺灣 疫苗 立法委員 公開</t>
  </si>
  <si>
    <t>新冠肺炎 疫情 升溫 南韓 全境 擴散 確診 人數 不斷 攀升 截至 目前為止 已 達 893 例 9 死 大 邱 也 出現 誇張 的 購買 口罩 的 排隊 人龍 當天 141萬 個 kf 94 口罩 短短 1 小時 就 搶購一空 對此 就 有 網友 好奇 為何 南韓 檢驗 新冠肺炎 可以</t>
  </si>
  <si>
    <t>新冠肺炎 疫情 升溫 南韓 全境 擴散 確診 人數 不斷 攀升 截至 目前為止 已 達 893 例 9 死 大 邱 也 出現 誇張 的 購買 口罩 的 排隊 人龍 當天 141萬 個 kf 94 口罩 短短 1 小時 就 搶購一空 對此 就 有 網友 好奇 為何 南韓 檢驗 新冠肺炎 可以 驗 得 又 快 又 多 反倒 日本 鑽石 公主 號 郵輪 卻 驗 了 2 星期 還 驗 不 完 貼 文一 出 隨即 掀起 熱 議 原 po 今 25 日 在 ptt 八卦板 po 文 指出 韓國 可以 一下子 爆出 這麼 大量 的 確診 人數 背後 應該 送 檢 幾 萬 例 吧 為啥 韓國有 這種 檢驗 力量 日本 光是 鑽石 公主 號 3700 人 驗 了 2 個 星期 還 驗 不 完 怎麼 韓國 又 快 又 多 有 沒有 八卦 貼 文一 出 隨即 掀起 網友 熱 議 不少 人 留言 吐 槽 日本 真的 笑死人 日本 鐵了心 蓋 牌 臺灣政府 快 採取行動 日本 驗 得 好像 還 比 臺灣 少 根本 在 亂 搞 等到 無法 收 十 時 再 欲哭無淚 日本 文組太 多 檢驗 能量 大概 只有 韓國 的 十分 之一 不過 也 有 網友 點出 背後 差異 關鍵 人家 韓國 實驗室 全開 卯起來 驗 有人 說是 叫 二級 生物 實驗室 也 去 驗 臺灣 只 派 三級 韓國 讓 低等 的 實驗室 也 投入 檢驗 是 有 風險 的 看起來 檢驗 數 很多 但 低等 實驗室 很 有 可能 因為 設備 不夠 被 感染 人家 開 p 2 實驗室 來 大量 檢驗 不過 那是 特殊 時期 的 非常 辦法 而且 有 風險 p 2 設備 夠 嗎 這種 不 照 sop 走 很 可能 釀 災 不要 亂 捧 這種 做法</t>
  </si>
  <si>
    <t>新冠肺炎 疫情 持續 升溫 大甲 媽 繞 境 續 辦 與否 成熱 議 話題 對此 淡江大學 蘭 陽 校園 教授 兼 全球 發展 學院院長 包 正 豪 認為 因為 防疫 可以 禁止 台商 包機 返國 禁止 醫 事 人員 出國 為什麼 不 可以 因為 防疫 禁止 媽祖 繞 境 活動</t>
  </si>
  <si>
    <t>康健 雜誌 新冠肺炎 臺灣 口罩 運動</t>
  </si>
  <si>
    <t>第 三 劑 莫德納 新冠肺炎 三類 人 接種</t>
  </si>
  <si>
    <t>新冠肺炎 臺灣 捐贈 疫苗 ait</t>
  </si>
  <si>
    <t>英國 上週末 發現 新冠肺炎 的 新 變種 病毒 其 傳染 力 更 強而 引發 外界 恐慌 但 多 位 專家 認為 目前 針對 新冠肺炎 而 研發 的 多 款 疫苗 仍 能 有效 地 預防 新 變種 病毒 的 感染 華盛頓大學 醫學院 健康 指標 和 評估 研究所 ihme 的 肺 科 專</t>
  </si>
  <si>
    <t>變種 病毒 疫苗 新冠肺炎 英國 預防</t>
  </si>
  <si>
    <t>外交部 新冠肺炎 駐外 館 處 異地 遠 距 分組 辦公 新冠肺炎</t>
  </si>
  <si>
    <t>鑒於 新冠肺炎 疫情 日益嚴重 七大 工業國 g 7 領袖 週一 16 日 緊急召開 視 訊 會議 會後 發佈 共同聲明 強調 將 緊密 合作 以 對抗 疫情 並 推出 支撐 經濟 所 需 的 財政 與 貨幣政策 加拿大 央行 週一 宣佈 新 的 挹注 市場 流動性 措施 將</t>
  </si>
  <si>
    <t>新冠肺炎 ncp 肆虐 全球 引發 臺灣 出現 口罩 之 亂 政府 近日 更 推行 口罩 實 名 制 的 政策 也 積極 拓展 生產線 近日 有 網友 在 ptt 發文 曝光 德國 口罩 的 驚人 的 價錢 但有 網友 也 透露 天價 背後 的 關鍵 原因 一 名 人 在 德國 的</t>
  </si>
  <si>
    <t>刑事 局 偵 四大 隊 16 日 接 獲 衛生 福利 部 疾病 管制 署 轉 報 指 在 抖 音 app 上 竟 有 民眾 公開 刊載 臺灣 已 有 數 百 人 因 感染 新冠肺炎 死亡 的 不實 訊息 涉 觸犯 傳染病 防治法 第 63 條 之 規定 警方 追查 發現 行為人 是 一 名 14 歲 國中 少女</t>
  </si>
  <si>
    <t>刑事 局 偵 四大 隊 16 日 接 獲 衛生 福利 部 疾病 管制 署 轉 報 指 在 抖 音 app 上 竟 有 民眾 公開 刊載 臺灣 已 有 數 百 人 因 感染 新冠肺炎 死亡 的 不實 訊息 涉 觸犯 傳染病 防治法 第 63 條 之 規定 警方 追查 發現 行為人 是 一 名 14 歲 國中 少女 將 她 與 家 長傳 辦到 案 全案 依 違反 傳染病 防治法 少年 事件處理 法 移 請 士 林地院 少年法庭 審理 是 警方 目前 查獲 年紀 最小 的 假 訊息 散佈者 少女 到案 後 供稱 只 是 為了 想要 提高 自己 的 關注 度 才在 1 月底 po 出 該 影片 事後 懊悔不已 警方 統計 從 1 月 23 日 至 2 月 20 日 員警機關 偵 辦 新冠肺炎 相關 網路 假 訊息 案件 計 83 件 其中 已 移送 49 件 71 人 其 餘 案件 積極 偵 處 中</t>
  </si>
  <si>
    <t>肺炎 少女 警方 新冠肺炎 傳染病 防治法</t>
  </si>
  <si>
    <t>洗 腎 az 疫苗 臺灣 新冠肺炎 猝死</t>
  </si>
  <si>
    <t>新冠肺炎 到底 何時 結束 他 看 完 古書 預言 嚇 一 跳</t>
  </si>
  <si>
    <t>新冠肺炎 疫情 在 全球 大 爆發 確診 病例 激增 who 終於 宣佈 進入 全球 大 流行 財經專家 賴政憲 看到 古書 預言 嚇 一 跳 新冠肺炎 可能 會 拖 4 年 賴政憲 在 談話 性 節目 驚 爆 新聞 線 表示 古書 五 公 經 就 有 預言 這次 新冠肺炎</t>
  </si>
  <si>
    <t>新冠肺炎 疫情 在 全球 大 爆發 確診 病例 激增 who 終於 宣佈 進入 全球 大 流行 財經專家 賴政憲 看到 古書 預言 嚇 一 跳 新冠肺炎 可能 會 拖 4 年 賴政憲 在 談話 性 節目 驚 爆 新聞 線 表示 古書 五 公 經 就 有 預言 這次 新冠肺炎 早就 寫 好 了 五 公 經 是 北宋 時候 的 預言 書 這 是 佛家 的 預言 開始 是 子 醜 之年 今年 是 子 年 明年 是 醜年 子 醜 之年 江 邊起 從 武漢 開始 那 什麼 時候 會 結束 呢 但 看 辰 年 中秋 月 高峰 在 辰 年 現在 子 年 是 2020 年 辰 年 是 2024 年 的 中秋 可能 會 拖 4 年 另外 這 個子 醜 我們 現在 的 子 醜 是 2020 年 跟 2022 年 另外 再 加 12 年 就 是 2032 年 跟 2033 年 搞不好 會 再來 一 次 賴政憲 接 著 指出 很多 人 說 這個 病毒 以後 12 年 會 來 一 次 因 這次 新冠 病毒 的 變種 並 不是 自然 變異 所以 這個 病毒 讓 大家 這麼 害怕 有 可能 會 這樣 那 再來 寅 卯辰 年 八 九月 因此 有 可能 會 到 2023 年 遍地 死 入 不堪 言 也 很 有 可能 會 拖 4 年 到 5 年 這 是 我們 現在 最 擔心 的</t>
  </si>
  <si>
    <t>新冠肺炎 古書 疫情 賴政憲</t>
  </si>
  <si>
    <t>新冠肺炎 的 致死 率 到底 要 怎麼 算 才 貼近 事實 世界衛生組織 who 表示 致死 率 僅 2 上下 且 大陸 以外 的 地區 只 有 極少數人 染病 要 大家 別 過度 反應 世衛 的 演算法 是 死亡 人數 除以 確診 人數 按照 此 演算法 確實 致死 率 僅 2 上</t>
  </si>
  <si>
    <t>新冠肺炎 的 致死 率 到底 要 怎麼 算 才 貼近 事實 世界衛生組織 who 表示 致死 率 僅 2 上下 且 大陸 以外 的 地區 只 有 極少數人 染病 要 大家 別 過度 反應 世衛 的 演算法 是 死亡 人數 除以 確診 人數 按照 此 演算法 確實 致死 率 僅 2 上下 但 自 1 月底 開始 新冠肺炎 在 大陸 的 致死 率 就 一直 在 2 上下 但 同時 間 治癒 人數 卻 一直 增加 當 有人 被 確診 為 新冠肺炎 到 醫院 救治 只 有 兩 種 可能 一 是 治癒 二 是 死亡 所以 比較 能 反映 出 收治 情況 的 致死 率 應該 是 以 死亡 人數 治癒 數 死亡 人數 來 計算 致死 率 這樣 可以 反映 救治 情況 2 月 1 日 的 死亡率 是 346 但 18 日 已 降 至 55 代表 你 1 日 因 確診 踏入 醫院 時 治好 的 機 率 有 654 但 如果 是 昨天 則 已 高 達 945 反觀 按 世衛 演算法 2 月 1 日 跟 18 日 的 致死 率 都 是 2 上 下</t>
  </si>
  <si>
    <t>美國 川普 who 新冠肺炎 疫情</t>
  </si>
  <si>
    <t>高雄銀 2836 走 出 慶 富 案 陰影 2019 年 稅 後 淨利 創 774億 元 次高 年 增 6148 每股 盈 餘 eps 072 元 展望 今年 面對 降息 及 新冠肺炎 疫情 衝擊 總經理 陳長義 表示 將 持續 強化 風險 承擔 能力 並 透過 增量 策略 來 緩解 利差 收</t>
  </si>
  <si>
    <t>高雄銀 2836 走 出 慶 富 案 陰影 2019 年 稅 後 淨利 創 774億 元 次高 年 增 6148 每股 盈 餘 eps 072 元 展望 今年 面對 降息 及 新冠肺炎 疫情 衝擊 總經理 陳長義 表示 將 持續 強化 風險 承擔 能力 並 透過 增量 策略 來 緩解 利差 收益 減少 衝擊 以 達到 預定 業務 目標 高雄 銀 2019 年 淨 收益 3719億 元 年 增 628 創 近 15 年 新 高 稅 前 淨利 886億 元 年 增 達 8162 稅 後 淨利 774億 元 年 增 達 6148 雙創 歷史 次高 每股 盈 餘 eps 072 元 優於 前年 044 元 董事會 擬 配 息 015 元 配股 045 元 合計 派利 06 元 高雄 銀 2019 年 資產 報酬率 roa 029 股東權益 報酬率 roe 518 分 創 近 13 年 近 4 年高 點 資本 適足 率 bis 自 1105 升至 1211 第一 類 資本 比率 自 851 升至 1004 逾 放 比 自 081 降 至 048備抵 呆帳 覆蓋率 自 14792 升至 24553 陳 長 義 指出 高雄銀 去年 調整 資產 獲利 結構 追求 穩定 成長 策略 包括 強化 中小企業 融資 降低 長天 期 大額 存款 使 存款 利差 自 14 提升 至 144 加上 財務 績效 操作 良好 適時 處分 有價證券 實現 獲利 挹注 淨利 差 亦 自 099 提升 至 106 均 創 近 5 年 最佳 紀錄 面對 新冠肺炎 疫情 衝擊 陳長義 表示 高雄銀 成立 緊急 應變 小組 實施 異地 備援 辦公 確保 營運 不 中斷 同時 也 力挺 在 地產業 除 繼續 推動 金融 三 箭 外 加碼 推出 齊心 防疫 高銀 最 相挺 專案 融資 配合 政府 政策 辦理 企業 紓困 及 振興 貸款 與 客戶 一起 共度 難關 陳 長 義 指出 疫情 對 全球 經濟 及 資本 市場 均 造成 相當 大 影響 目前 很 難 判斷 影響 程度 多 大 將 適時 調整 營運 策略 持續 強化 風險 承擔 能力 此外 金融界 面臨 國外 降息 影響 今年 仍 將 透過 增量 策略 來 緩解 利差 收益 減少 衝擊 達到 預定 業務 目標</t>
  </si>
  <si>
    <t>中 租 -ky 5871 公佈 2020 年 1 月 自 結合 並 營 收 4698億 元 雖 因 春節 工作 天數 較 少 中國 大陸 銷貨 業務 認 列 準則 變更 影響 較 去年 12 月 5928億 元 減少 2074 降 至 近 11 月 低點 仍 較 去年同期 4508億 元 成長 422 改寫 同期 新 高 觀察 中 租 1 月 各 地區 業務 概況 中 租 表示 臺灣 及 東協 地區 營 收 分別 年 增 14 30 中國 大陸 則 因 銷貨 業務型 態 變更 改為 不再 承擔 存貨 風險 的 業務 模式 會計 認 列 準則 改 采 淨 額 法 認 列 使 營 收 較 去年同期 減少 但 新增 業績 與 業務 動能 維持 中 租 發言人 廖英智 說明 中 租 在 中國 大陸 的 銷貨 業務 原先 未 考慮 交貨 遞 延 報關 失敗 等 貿易風 險 今年 從嚴 認定 跟 客戶 約定 不 承擔 相關 風險 責任 依據 會計 認 列 準則 性質 需 視同 貿易 融資 業務 相關 營 收 由 原先 的 總額 法 改為 淨 額 法 認 列 廖英智 表示 相關 營 收認 列 改 采 淨 額 法 僅 會 影響 營 收 認 列 數額 不 影響 實際 業績 及 獲利 認 列 若以 交易 總額 推算 中 租 1 月 自 結合 並 營 收 為 53億 元 年 增 18 中國 大陸 地區 營 收 為 年 增 19 中 租 旗 下 仲利 國際 在 中國 大陸 擁有 近 50 個 據點 對於 新冠肺炎 疫情 影響 廖英智 表示 目前 僅 武漢 分公司 尚未 復工 需 等待 官方 通知 其他 地區 分公司 均 已 陸續 復工 而 往年 2 月 向來為 全年 最 淡月 此次 疫情 影響 程度 目前 仍 在 匯 整 評估 中</t>
  </si>
  <si>
    <t>侯友宜 新冠肺炎 臺灣 民 調 蔡英文</t>
  </si>
  <si>
    <t>李 四川 川 伯 臺灣人 新冠肺炎 疫苗</t>
  </si>
  <si>
    <t>日本共同社 報導 日本政府 今 5 日 已 開始 規劃 暫停 已經 向 來自 大陸 韓國 的 旅客 發放 簽證 的 效力 未來 還 計畫 要求 來自 兩 國 的 遊客 暫時 不 要 前往 日本 路透社 也 引述 讀賣新聞 指出 日本政府 正在 考慮 中止 已經 發給 來自 陸 韓 旅客 的 簽證 效力 此外 為了 抑制 新冠肺炎 疫情 東京 也 打算 對 所有 來自 陸 韓 的 旅客 強制 隔離 14 天 預計 日本首相 安倍晉三 將 在 今日 晚間 的 防疫 會議 上 討論 這些 事項 先前 日本 奧運 大臣 橋本聖子 seiko hashimoto 曾 表示 即便 新冠肺炎 疫情 延 燒 各國 東京 奧運 將 如期 在 7 月 舉行</t>
  </si>
  <si>
    <t>委內瑞拉 反對派 領袖 瓜 伊多 確診 新冠肺炎</t>
  </si>
  <si>
    <t>歷經 震驚 各界 的 紛紛擾擾 後 美國海軍 高層 已 建議 讓 因 新冠肺炎 爭議 遭 拔 官 的 羅斯福 號 uss theodore roosevelt cvn- 71 航母 艦長 克勞齊 brett crozier 複職 據 美聯社 與 政治 politico 新聞網 24 日 報導</t>
  </si>
  <si>
    <t>新冠肺炎 疫情 延 燒 影響 時尚 圈 明星 名人 時尚 編輯 參加 歐美 時裝周 不過 仍 有 少數 人 照 原 定計 畫 出席 活動 越南 近日 就 出現 多 起 確診 其中 包含 曾赴 歐洲 參加 米蘭 巴黎 時裝周 活動 的 越南 鋼鐵 大亨 女兒 名 媛 姊妹 花 阮娥 ng</t>
  </si>
  <si>
    <t>新冠肺炎 疫情 延 燒 影響 時尚 圈 明星 名人 時尚 編輯 參加 歐美 時裝周 不過 仍 有 少數 人 照 原 定計 畫 出席 活動 越南 近日 就 出現 多 起 確診 其中 包含 曾赴 歐洲 參加 米蘭 巴黎 時裝周 活動 的 越南 鋼鐵 大亨 女兒 名 媛 姊妹 花 阮娥 nguyen nga 和 阮紅蓉 nguyen hong nhung 據 外 媒 報導 兩 人 曾赴 歐洲 參加 米蘭 及 巴黎 時裝周 活動 2 月 19 日前 往 米蘭 參加 gucci 大 秀 25 日 前往 巴黎 參加 saint laurent ysl 大 秀 搭 機 返回 越南 後 確診 同班 機 多 名 乘客 也 都 中標 儘管 環境 嚴峻 許多 國際 時尚雜誌 編輯 包括 elle instyle harper s bazaar 依舊 派出 編輯 到場 然而 根據 臺灣 gucci 與 saint laurent 公關 表示 此次 時裝周 並未 有 臺灣 編輯 參加</t>
  </si>
  <si>
    <t>新冠肺炎 肆虐 全球 隨 著 病毒 不 斷 進化 delta 印度 變異 株 已 取代 alpha 英國 變異 株 成為 目前 最 流行 株 傳播 力 強到 就算 接種 2 劑 疫苗 仍 有 機會 感染 各國 紛紛 考慮 施打第 三 劑 疫苗 胸腔 重症 專家 北市 聯 醫 陽明 院區 胸腔 內科 醫</t>
  </si>
  <si>
    <t>治療 中的 癌症病人 因 無 法 等待 治療 必須 頻繁 進入 醫院 感染 新冠肺炎 的 風險 比 平常人 更 高 一旦 染病 還 容易 導致 重症 或 死亡 和信 治 癌 中心醫院 及 癌症 病友 團體 呼籲 政府 應將 目前 需 予 積極 治療 的 癌症 病友 列入 7 月 起 的 疫苗</t>
  </si>
  <si>
    <t>癌症 疫苗 新冠肺炎 和信 治 癌 中心醫院</t>
  </si>
  <si>
    <t>美國 首都 出現 首例 新冠肺炎 死亡 案例</t>
  </si>
  <si>
    <t>美國 首都 出現 首例 新冠肺炎 死亡 案例 記者 許昌平 報導 當地 時間 3 月 20 日 美國 華盛頓 哥倫比亞特區 衛生部門 宣佈 該 地區 出現 首 個 與 新冠肺炎 有關 的 死亡 病例 據 海外 網 報導 據 美國廣播公司 福克斯 新聞網 20 日 最新消息 死者</t>
  </si>
  <si>
    <t>美國 首都 出現 首例 新冠肺炎 死亡 案例 記者 許昌平 報導 當地 時間 3 月 20 日 美國 華盛頓 哥倫比亞特區 衛生部門 宣佈 該 地區 出現 首 個 與 新冠肺炎 有關 的 死亡 病例 據 海外 網 報導 據 美國廣播公司 福克斯 新聞網 20 日 最新消息 死者 為 一 名 59 歲 的 男性 他 在 出現 發燒 和 咳嗽 症狀 後 于 上周 住 進 醫院 據悉 該 患者 除 了 新冠 病毒檢測 呈 陽性 外 身體 也 存在 潛在 的 健康 問題 當前 全美 50 個 州 以及 華盛頓 哥倫比亞特區 全部 出現 新冠肺炎 患者 據 美國 約翰·霍普金斯大學 發 佈 的 即時 統計資料 顯示 截至 臺北 時間 3 月 21 日 2 時 美國 新冠肺炎 累計 確診 病例 為 14631 例 死亡 病例 210 例</t>
  </si>
  <si>
    <t>新冠 美國 肺炎 新冠肺炎 死亡</t>
  </si>
  <si>
    <t>日本 資本 支出 新冠肺炎 經濟 衰退</t>
  </si>
  <si>
    <t>新冠肺炎 臺灣 學生 開學 確診</t>
  </si>
  <si>
    <t>大陸 國家 衛生 健康 委員會 3 月 20 日 公佈 3 月 19 日 全 大陸 31 個 省 和 新疆生產建設兵團 報告 新冠肺炎 新增 確診 病例 39 例 新增 死亡 病例 3 例 湖北 2 例 遼寧 1 例 新增 疑似病例 31 例 新增 治癒 出院 病例 730 例 在 境外 輸入 確診 病例 方</t>
  </si>
  <si>
    <t>大陸 國家 衛生 健康 委員會 3 月 20 日 公佈 3 月 19 日 全 大陸 31 個 省 和 新疆生產建設兵團 報告 新冠肺炎 新增 確診 病例 39 例 新增 死亡 病例 3 例 湖北 2 例 遼寧 1 例 新增 疑似病例 31 例 新增 治癒 出院 病例 730 例 在 境外 輸入 確診 病例 方面 3 月 19 日 新增 報告 境外 輸入 確診 病例 39 例 截至 3 月 19 日 累計 報告 境外 輸入 確診 病例 228 例 截至 3 月 19 日 全 大陸 31 個 省 和 新疆生產建設兵團 累計 報告 新冠肺炎 現有 確診 病例 6569 例 其中 重症 病例 2136 例 累計 治癒 出院 病例 71150 例 累計 死亡 病例 3248 例 累計 報告 確診 病例 80967 例 現有 疑似病例 104 例</t>
  </si>
  <si>
    <t>確診 病例 新冠肺炎 境外 輸入 疑似病例 新 增</t>
  </si>
  <si>
    <t>曾 兩 度 獲選 wnba 全明星 球員 的 芝加哥 天空 中鋒 史蒂芬妮 stefanie dolson 上個月 才 被 診斷 出 感染 新冠肺炎 如今 康復 的 她 接受 紐約 郵報 訪問 表示 其實 她 的 全家人 都 感染 到 新冠肺炎 其中 以 她 的 母親 最為 嚴重 所幸 現 已</t>
  </si>
  <si>
    <t>曾 兩 度 獲選 wnba 全明星 球員 的 芝加哥 天空 中鋒 史蒂芬妮 stefanie dolson 上個月 才 被 診斷 出 感染 新冠肺炎 如今 康復 的 她 接受 紐約 郵報 訪問 表示 其實 她 的 全家人 都 感染 到 新冠肺炎 其中 以 她 的 母親 最為 嚴重 所幸 現 已 痊癒 出 院 新冠 病毒 離 我們 非常 近 大概 在 1 個 月 之前 整個 家庭 包含 我 新冠 病毒檢測 都 呈現 陽性 這個 病毒 對 我們 打擊 很 大 史蒂芬妮 說 我 媽媽 被 送 到 醫院 待 了 大約 4 天 因為 她 出現 重症 但 在 醫療 人員 治療 下 她 現在 平安 回家 了 所以 我 想 跟 所有 醫療 人員 表示感謝 你們 正 在 做 的 事情 帶 給 人們 鼓勵 真的 非常 棒 你們 冒著 生命危險 幫助 我們 我 就 想 跟 你們 說 聲 謝謝 史蒂芬妮 說 她 在 上 季 場 均 93 分 56 籃板 協助 芝加哥 天空 拿下 20 勝 14 敗 東區 第 3 戰績</t>
  </si>
  <si>
    <t>史蒂芬妮 wnba 新冠肺炎 醫療 人員 芝加哥</t>
  </si>
  <si>
    <t>臺灣 醫 界 聯盟 基金會 執行長 林 世嘉 表示 新冠肺炎 疫情 推動 知識 快速 進展 帶來 產業 發展 的 新 契機 應 給予 合數 位 科技 為 抗 疫 下 半 場 進行 超前 佈署 由 醫 界 聯盟 基金會 與 衛生 福利 部 辦理 數位 醫療 防疫 專家 會議 登場 首場 是 數位</t>
  </si>
  <si>
    <t>全球 防疫 數位 科技 我國 新冠肺炎 疫情</t>
  </si>
  <si>
    <t>雲 林縣 今 25 日 出現 第 7 例 新冠肺炎 確診 個案 以及 第 14 例外 縣 市 確診 者 但有 雲 林縣 足跡 確診 者 案 5083 是 麥寮 鄉 一家 往返 麥寮 與 汐止 家 的 工程 行 老闆 他 的 妻子 案 2776 19 日 在 臺北 確診 但 新北 衛生局 未 通知 雲 林縣 衛生</t>
  </si>
  <si>
    <t>雲 林縣 今 25 日 出現 第 7 例 新冠肺炎 確診 個案 以及 第 14 例外 縣 市 確診 者 但有 雲 林縣 足跡 確診 者 案 5083 是 麥寮 鄉 一家 往返 麥寮 與 汐止 家 的 工程 行 老闆 他 的 妻子 案 2776 19 日 在 臺北 確診 但 新北 衛生局 未 通知 雲 林縣 衛生局 以致 沒有 匡列 她 丈夫 居家 隔離 案 5083 直到 23 日 發燒 才 就醫 采 檢 確診 雲 林縣 長 張麗善 表示 5083 是 65 歲 男性 平時 居住 麥寮 鄉 三 盛 村 假日 回 新北 市 汐止 區 住家 1516 日 曾 返回 汐止 其妻 案 2776 19 日 於 臺北市 醫院 確診 5083 在 16 日 下午 回到 麥寮 雖 19 日 也 出現 症狀 但 未 警覺 衛生局長 曾春美 表示 目前 雙北 的 確診 案例 非常 多 其妻 案 2776 19 日 確診 的 訊息 並未 告知 雲 林縣 衛生局 若 獲悉 一定 會 匡 列 她 丈夫 居家 隔離 案 5083 從 16 日 到 23 日 都 在 麥寮 工業區 出入 19 日 傍晚 6點 至 8 點 曾 到 水林鄉 助 念 20 日 曾 到 藥局 23 日 發燒 被 救護車 護送 就醫 采 檢 ct 值 是 19 匡列 居家 隔離 5 人 自主 健康 監測 29 人 今天 新增 外縣市 感染 但有 雲林 足跡 的 確診 者 是 住 臺北市 北 投 52 歲 女性 案 4354 平時 居住 北 投 12 日 身體 不適 就醫 14 日 至 17 日 返回 崙背 鄉 阿 勸 村 探視 父親 在 父親 去 診所 就醫 17 日 下午 返回 臺北 19 日 明顯 有 發燒 症狀 21 日 就醫 采 檢 23 日 確診 匡列 隔離 12 人 自主 健康 監測 30 人 因應 這 兩 起 感染 事件 雲 林縣 衛生局 明天 26 日 下午 2 點 到 6 點 將 在 麥寮 鄉 三 盛 村 福 安宮 及 後天 27 日 早上 9 點 到 下午 3 點 在 崙背 鄉 詔 安 客家 文化館 回廊 做 熱區 快 篩 褒忠鄉 新湖村 集會 所 明天 下午 2 點 到 6 點 也 同步 快 篩 曾春美 表示 今天 在 東勢 鄉 安南 村鎮 玄宮 快 篩 195 人 全部都是 陰性</t>
  </si>
  <si>
    <t>雲林 工程 公司 新冠肺炎 臺灣 就醫</t>
  </si>
  <si>
    <t>台資 大陸 廠 自 10 日 起 力拼 復工 包括 台積電 聯電 國巨 華 新科 玉晶光 等 指標性 電子 大廠 陸續 啟動 復工 提 振 市場 信心 15 檔 復工 概念 股 動 起來 統計 10 11 日 公告 復工 或 部分 復工 的 上市 櫃 企業 大陸 廠 區 家數 已 逾 70 家 台積電 聯電 國巨 華 新科 玉晶光 等 指標性 電子 大廠 10 日 已 啟動 復工 群 創 鴻 海 和 碩 緯 創 英業達 廣達 可 成 臻 鼎 -ky 華通 健 鼎 定穎 康控 -ky 台虹 等 部分 大陸 廠 也 已於 10 日 起 陸續 啟動 復工 美 律 及 豐泰 的 大陸 四 廠 則 宣佈 將 於 12 日 起 開始 上班 等待 核准 許可 延後 復工 的 公司 則 有 仁 寶 台泥 亞 泥 gis-ky 建 准 啟棋 楠梓 電 等 各廠 積極 做好 防疫 加緊 趕 工 而 法人 近 二 日 買超 的 復工 概念 股 包括 欣興 華通 國巨 華 新科 等 15 檔 個股 預先 卡 位 復工 後 的 搶 料 補 庫存 商機 法人 指出 雖然 大陸 廠 復工 不 代表 有 產能 復工 產能 大多數 在 20 30 上下 工廠 必需 每天 繼續 申請 等待 地方 政府 單位 核 可 但 已 有 越來越 多 廠商 獲得 許可 加入 復工 行列 兆 豐 投 顧 董事長 李秀利 指出 企業 復工 率 與 疫情 高度 相關 雖 開工 初期 未 達 全面 復工 但 湖北省 以外 復工 率 若 能 逐步 攀升 仍 有助於 產 能 拉升 統一 投 顧 董事長 黎方 國 則 指出 指標 電子 大廠 啟動 復工 有助於 提 振 市場 信心 尤其 是 華人 勤奮 只 要 做好 防疫 採取 二班制 三 班 制 加緊 趕 工 產能 有望 加速 跟上 進度 此外 由於 新冠肺炎 造成 經濟 停頓 大陸 人民 銀行 9 日 宣佈 本 周 起 設立 人民幣 3000億 元 額度 的 專項 轉 融資 業務 從 10 日 起 開始 發放 預期 這 將 對 疫情 最 嚴重 的 湖北 浙江 廣東 河南 等 各 省 企業 有 相當 正面 幫助 上證指數 連日 翻紅 已 躍 過 2900 點 關卡 一旦 疫情 淡化 股市 將 先行 表現 宏遠 投 顧 副總經理 陳 國清 表示 一 者 大家 會 謹慎 因應 二者 很多 工廠 已 自行 生產 口罩 口罩 會 逐漸 充足 加上 美國 吉利 德 已 生產 可 治癒 肺炎 的 新藥 伴隨 著 治癒 的 病人 越來越 多 可望 降低 引發 新 一 波 的 感染 潮</t>
  </si>
  <si>
    <t>大陸 國務委員 兼 外長 王毅 15 日 與 西班牙 外交大臣 岡薩雷斯 通電話 並 承諾 大陸 將 向 西班牙 提供 新冠 疫情 新冠 援助 王毅 表示 大陸 抗擊 疫情 已 取得 重要 進展 讓 疫情 入 趨 緩 期 不過 疫情 現在 在 全球 多 點 暴發 西班牙 確診 人數 也 快速 增加 陸 方將 抱 持 公開 透明 態度 致力 於 抗擊 疫情 的 國際 合作 為 本國 世界 人民 健康 安全 負責 岡薩雷斯 讚賞 陸方 防疫 成果 並 對 其 承諾 援助 表達 感謝 並稱 西班牙 目前 正 全力 對抗 疫情 但 國內 醫療 資源 短缺 希望 陸方 能 提供 相關 援助 同時 也 希望 兩 方 防疫 專家 能 進行 視 訊 會議 交流 防疫 經驗 岡薩雷斯 也 重申 表示 反對 將 新冠肺炎 汙名 化 王毅 回 應稱 相信 兩 方 共同 抗擊 疫情 過程 中 陸西 兩國人民 友誼 將 更加 深化 各 領域 實 務 合作 將 進一步 加強</t>
  </si>
  <si>
    <t>華爾街 知名 經濟學家 暨 投 行 evercore isi 董事長 海曼 ed hyman 示 警 新冠肺炎 可能 導致 美國 陷入 經濟衰退 並 將 美國 第二 和 第 三 季 經濟 成長 預測 砍 至 零 成長 海曼 1 日 在 標 題為 肺炎 衰退 的 報告 中 指出 美國 新冠肺炎 確</t>
  </si>
  <si>
    <t>華爾街 知名 經濟學家 暨 投 行 evercore isi 董事長 海曼 ed hyman 示 警 新冠肺炎 可能 導致 美國 陷入 經濟衰退 並 將 美國 第二 和 第 三 季 經濟 成長 預測 砍 至 零 成長 海曼 1 日 在 標 題為 肺炎 衰退 的 報告 中 指出 美國 新冠肺炎 確診 案例 持續 增加 美國 的 疫情 似乎 才剛 開始 範圍 嚴重性 和 持續 期間 皆 不 確定 肺炎 會 如何 影響 美國 目前 仍 不得而知 暗示 疫情 持續 發酵 的話 美國 經濟 不 排除 連兩季 出現 負 成長 經濟 連續 兩 季負 成長 即 符合 技術性 衰退 定義 美國 2019 年 第 四季 國內 生產 毛額 gdp 成長 21 2019 年 全年 擴張 23 逾 30 年 來 海曼 在 機構 投資人 雜誌 institutional investor 的 年度 調查 被 評選 為 最佳 經濟學家 海曼 對 美國 經濟 前景 的 看法 是 華爾街 最 悲觀 的 預測 之一 許多 專家 認為 美國 經濟 只 是 暫時 放緩 新冠肺炎 疫情 持續 延 燒 嚴重 打擊 全球 經濟 成長 前景 使 投資人 湧 向 避險 資產 讓 美 股 3 大 指數 上周 經歷 金融危機 以來 最 大 周 線 跌幅 海曼 指出 上周 國際金融 市場 傳出 相當 負面 訊號 包括 標 普 500 指數 美國 公債 殖 利率 油價 和 信貸 利差 等 情況 仍 不明朗 我們 或許 過度 反應 但 也 不 希望 反應 不足 截至 3 月 1 日 美國 新冠肺炎 確診 病例 已經 超過 70 起 新冠肺炎 快速 在 韓國 義 大利 日本 英國 和 中東 等 大陸 以外 地區 爆發 新冠肺炎 疫情 重創 大陸 經濟 大陸 官方 公佈 的 2 月 製造業 採購 經理 人 指數 pmi 由 1 月 的 50 崩 跌 至 357 降 至 史上 新低 水準 海曼 先前 預估 新冠肺炎 恐 讓 大陸 第一 季 經濟 零 成長 海曼 預測 若 新冠肺炎 疫情 緩和 美國 2020 年 第 四季 經濟 可望 反彈 至 成長 2 2021 年 加速 至 擴張 3 高盛亦 下 修 今年 第一 季 美國 經濟 成長 預測 預估 成長率 僅 12</t>
  </si>
  <si>
    <t>昨天 3 22 疾 管署 宣佈 新 增 16 例 新冠肺炎 確診 分別 為 桃園 市 新增 5 例 最 多 臺北市 新北 市 台中 市 各 3 例 台 南市 彰 化 縣 各 1 例 昨天 3 22 國內 新增 16 例 確診 13 例 境外 3 例 本土 有 1 老師 1 長 照 機構 護理 師 中 鏢 從 疾</t>
  </si>
  <si>
    <t>超前 部署 防 新冠肺炎 新 北大 規模 防災 演習</t>
  </si>
  <si>
    <t>針對 新冠肺炎 在 國際 延 燒 新北 市政府 今日 動員 各局 處 並 協 請 國軍 支援 於新店 央 北社區 舉辦 全國 也 是 國際 首 場 大規模 演習 本 場 演習 設想 狀況 系 針對 平時 居家 防疫 整備 居家 檢疫 關懷 零星 個案 確診 單一 社區 感染 到 大 規模</t>
  </si>
  <si>
    <t>針對 新冠肺炎 在 國際 延 燒 新北 市政府 今日 動員 各局 處 並 協 請 國軍 支援 於新店 央 北社區 舉辦 全國 也 是 國際 首 場 大規模 演習 本 場 演習 設想 狀況 系 針對 平時 居家 防疫 整備 居家 檢疫 關懷 零星 個案 確診 單一 社區 感染 到 大規模 社區 擴散 等 情況 完成 社區 感染 前 中 後期 全方位 防疫 實兵演練 以 提升 各項 防疫 管 控 及 應變能力 強化 防疫 部署</t>
  </si>
  <si>
    <t>美國 生 技 藥廠 莫德納 moderna 週一 宣佈 已經 向 美國 申請 新冠肺炎 疫 苖 的 緊急 使用 授權 之後 也 將 向 歐盟 申請 許可 週一 稍 早 前 莫德納 宣佈 後期 臨床 試驗 的 完整 結果顯示 自家 研發 的 新冠肺炎 疫 苖 防護力 高 達 941 且 未 存在 嚴</t>
  </si>
  <si>
    <t>美國 生 技 藥廠 莫德納 moderna 週一 宣佈 已經 向 美國 申請 新冠肺炎 疫 苖 的 緊急 使用 授權 之後 也 將 向 歐盟 申請 許可 週一 稍 早 前 莫德納 宣佈 後期 臨床 試驗 的 完整 結果顯示 自家 研發 的 新冠肺炎 疫 苖 防護力 高 達 941 且 未 存在 嚴重 的 安全 疑慮 美國食品藥品監督管理局 fda 宣佈 諮 詢 委員會 將 於 12 月 17 日 開會討論 這項 申請 這 將 使 莫德納 的 候選 疫 苖 成為 第二 個 可能 獲得 美國 監管 機關 支持 並於 今年 內 推出 的 高度 有效 疫苗 由 輝瑞公司 pfizer 和 德國 biontech 共同開發 的 新冠 疫 苖 在 關鍵性 試驗 中 亦 產生 高 達 95 的 有 效力 此款 疫 苖 將 比 莫德納 疫 苖 提早 一 周 接受 外部 專家 小組 審查 在 諮 詢 委員會 的 專家 提出 建議 後 美國 fda 將 決定 是否 發佈 緊急 使用 授權 eua 繼 週一 以 飆漲 20 作 收 後 莫德納 盤後 再 漲 3 今年以來 其 股價 已經 上漲約 700 除了 向 美國 遞出 申請 之外 莫德納 表示 也 將 向 歐洲 藥品 管理局 european medicines agency 申請 有 條件 的 許可 並 將 持續 與其 他 負責 疫 苖 審查 的 主管機關 進行 協商 該 公司 並 表示 可望 在 2020 年 底 之前 為 美國 備 妥 約 2000萬 劑 疫苗 足以 供 1000萬 人 接種</t>
  </si>
  <si>
    <t>新任 湖北省委 常委 武漢市委 書記 王忠林 14 日 就 新冠肺炎 疫情 召開 疫情 防控 指揮部 視 訊 例會 王忠林 強調 堅決 打 好 武漢 保衛 戰 要求 各 部門 將 救治 患者 作為 重中之重 繼續 新建 方 艙 醫院 增加 床位 配 足 配 齊 醫護人員 和 醫</t>
  </si>
  <si>
    <t>新任 湖北省委 常委 武漢市委 書記 王忠林 14 日 就 新冠肺炎 疫情 召開 疫情 防控 指揮部 視 訊 例會 王忠林 強調 堅決 打 好 武漢 保衛 戰 要求 各 部門 將 救治 患者 作為 重中之重 繼續 新建 方 艙 醫院 增加 床位 配 足 配 齊 醫護人員 和 醫療 物資 完善 援漢 醫療隊 各項 服務 提高 收治 率 和 治癒率 力求 做到 床 等 人 王 忠 林 表示 以 行百里者半九十 形容 疫情 防控 工作 稱 愈 到 關鍵 階段 就 愈 要 克服 厭戰 鬆懈 畏難情緒 另 要求 各 部門 將 救治 患者 作為 重中之重 繼續 新建 方 艙 醫院 增加 床位 配 足 配 齊 醫護人員 和 醫療 物資 完善 援漢 醫療隊 各項 服務 提高 收治 率 和 治癒率 力求 做到 床 等 人 王又 強調 要 繼續 做好 救治 防控 物資 保障 等 與 時間 賽跑 與 病魔 較量 王 忠 林又 要求 各級 黨政 主要 負責人 需 嚴格 履行 第一 責任人 責任 加強 統一 領導 完善 快速 發現 解決 問題 的 指揮 機制 而 各級 幹部 則 要 靠 前指 揮 深入 一線 落實 中央 各項 決策 部署 以及 省 市 工作 要求 要 嚴格 督導 督查 採取 不 發 通知 不 打招呼 不 聽 彙報 不用 陪同 接待 直奔 基層 直 插 現場 的 四不 兩 直 方式 嚴肅 查處 不 擔當 不作為 亂 作為 問題 他 強調 要 發揮 武漢 產業 優勢 強化 物資 保障 及 醫療 物資 擴能 生產 和 對外 採購 另 強化 輿論 引導 加大 正面 宣傳 及 訊息 發佈 及時 回應 輿論 關切 穩定 及 管控 社會 嚴厲 打擊 各類 犯罪行為 包括 安全 生產 哄抬 物價 等 行為</t>
  </si>
  <si>
    <t>醫療 物資 新冠肺炎 王忠林 湖北</t>
  </si>
  <si>
    <t>全球 許多 民眾 皆 視 2020 年 為 近年來 最 令 人 心痛 的 一 年 除 了 許多 國際級 名人 逝世 之外 肆虐 全球 至今 造成 6千5百萬 人 確診 150萬 人 病 歿 的 新冠肺炎 不僅 造成 全球 經濟 衝擊 民眾 生活型 態 也 因此 大為 轉變 中 時 新聞網 精選 美</t>
  </si>
  <si>
    <t>全球 許多 民眾 皆 視 2020 年 為 近年來 最 令 人 心痛 的 一 年 除 了 許多 國際級 名人 逝世 之外 肆虐 全球 至今 造成 6千5百萬 人 確診 150萬 人 病 歿 的 新冠肺炎 不僅 造成 全球 經濟 衝擊 民眾 生活型 態 也 因此 大為 轉變 中 時 新聞網 精選 美聯社 年度 照片 一 探 今年 遭 新冠 病毒 影響 的 各種 樣 貌 一對 西班牙 夫婦 隔 著 防護 隔離 層 相擁 親吻 由於 新冠 病毒 會 藉 由 飛 沫 傳播 為了 避免 接觸 衛生 專家建議 人們 握手 相擁 以及 接吻 等 親密 動作 應 減少 與 避免 一 名 厄 瓜 多 的 法醫 人員 正在 替 因 新冠 病毒 病 歿 的 死者 噴灑 消毒劑 受 疫情 影響 許多 未 能 負擔 醫療 費用 的 人民 經常 倒 死 在 街頭 上 一 名 戴著 氧氣 口罩 的 烏克蘭 高齡 新冠 患者 重症 的 新冠 患者 容易 出現 呼吸困難 此時 最 重要 的 是 能 及時 得到 醫治 和 使用 適當 的 輔助 呼吸 而 疫情 高峰 時 呼吸器 在 全球 各國 也 大喊 缺貨 一 名 內 無家可歸 的 新冠 患者 在 洛杉磯 日落 大道 上 坐 著 輪椅 上 淋 著 雨 新冠 疫情 讓 無家可歸 的 遊民 處境 更 雪上加霜 加州 政府 已於 3 月中 旬 簽署 緊急命令 將 撥款 15億 美元 幫助 無家可歸 的 民眾 度過 疫情 一 名義 大利 醫護人員 在 長期 戴 上 口罩 後 臉上 已 留下 痕跡 新冠 疫情 也 導致 醫護人員 人力 吃緊 不僅 工時 加長 甚至 醫護人員 被迫 面臨 個人 防護 設備 不足 之下 仍 須 面對 病 患 的 困境 一 名 西班牙 殯 喪 業者 推 著 裝有 新冠 患者 遺體 的 棺材 西班牙 也 飽受 新冠 疫情 重創 嚴重 程度 一度 在 歐洲各國 中 處於 高峰 一 名 穿 著 特有 的 穆斯林 外衣 卡多爾 面 帶 防毒面具 的 伊朗 女 士 正 參加 因 新冠 病 歿 者 的 喪禮 一 名 戴著 口罩 的 墨西哥 性工作者 疫情 也 迫使 各行各業 必須 打破 過往 營運 模式 成人 產業 也 不 例外 圖 為 美國 首席 防疫 專家 國家 過敏 和 傳染病 研究所 所長 佛 奇 佛 奇 在 疫情 於美 爆發 之 初 以 平易近人 的 方式 向 人民 解釋 病毒 與 防疫 方式 讓 他 在 疫情 中 成為 全美 最 受 信任 的 人物 之一 不過 由於 佛 奇 的 建議 時常 與 川普 相左 讓 他 成為 川普 盟友 中的 炮轟 物件 一 名 阿根廷 的 84 歲 高齡 婦女 在 院方 通知 可以 出院 後 臉上 顯出 高興 神情</t>
  </si>
  <si>
    <t>新冠肺炎 疫情 尚未 解除警報 高雄市 又 面臨 漢 他 病毒 威脅 衛生局 今 28 日 公佈 新增 1 例 漢 他 出血熱 確診 個案 30 多 歲 居住 在 鹽埕區 的 男性 出現 發燒 等 症狀 日前 已 康復 出院 27 日經 疾 管署 研 判 確診 衛生 單位 針對 工作地</t>
  </si>
  <si>
    <t>新冠肺炎 漢 他 病毒 高雄 疫 調 鹽 埕</t>
  </si>
  <si>
    <t>紓困 龔明 鑫 新北 市 侯友宜 新冠肺炎</t>
  </si>
  <si>
    <t>新冠肺炎 暫停營業 world gym 大安 店 確診 者</t>
  </si>
  <si>
    <t>臺灣 新冠肺炎 疫情 近來 趨 緩 不過 何時 能 打到 疫苗 仍 是 國人 關心 議題 廖人帥 上個月 才 宣佈 已經 在 大陸 打到 疫苗 昨 9 日 在 instagram 宣佈 已經 接種 完 第二 劑 並 po 出 手 拿 證明 的 自 拍 畫面 引發 網友 議論 廖人帥 昨 9 日 開</t>
  </si>
  <si>
    <t>臺灣 新冠肺炎 疫情 近來 趨 緩 不過 何時 能 打到 疫苗 仍 是 國人 關心 議題 廖人帥 上個月 才 宣佈 已經 在 大陸 打到 疫苗 昨 9 日 在 instagram 宣佈 已經 接種 完 第二 劑 並 po 出 手 拿 證明 的 自 拍 畫面 引發 網友 議論 廖人帥 昨 9 日 開心 在 instagram 宣佈 接種 完 第二 劑 疫苗 並 拍出 施 打完 疫苗 才能 拿 到 的 貼紙 開心 表示 我 是 超級 賽 亞 人 了 接 著 曬 出 一 張 示意圖 提醒 所有人 戴 口罩 的 重要性 至少 被 傳染 的 機 率 最低 小於 1 而 關注 臺灣 疫情 的 他 似乎 知道 13 日 即將 進行 微 解封 不 忘 呼籲 管 你是 不是 微 解封 口罩 都 戴好 不然 又 要 封 了 喔 廖人帥 日前 發文 沒 想到 有 一 天 每次 出門 都 是 參與 俄羅斯 輪盤 自殺式 的 賭博 遊戲 看 誰 運氣 好 能 不 被 傳染 看 誰 運氣 好 能 打上 疫苗 還要 真實有效 的 疫苗 看 誰 運氣 好 能 不 死 接 著 曬 出 門診 注射 室 的 招牌 寫下 疫苗 got 但 沒 說明 在 大陸 接種 了 哪 種 疫苗 不過 卻 引發 網友 批評 他 則 錄 影片 反擊 強調 是 登記 排隊 得到 通知 後 去 施打 並 沒有 利用 特權 更 怒 嗆 酸 民 今天 換 作 是 你們 有 特權 面對 生死關頭 你們 會 不 會用 廖人帥 從 男團 circus 出道 5 年前 拍攝 張靚穎 dust my shoulders off mv 獲得 紅 點 設計 大獎 最佳 設計獎 卻 屢屢 與 金曲 獎 擦身而過 去年 拍攝 天 後 蔡依林 甜 秘密 mv 引發 正反 兩極 評論 當時 他 坦言 因為 這些 負 評 失眠 許久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廖人帥 疫苗 新冠肺炎 微 解封 第二 劑 疫苗</t>
  </si>
  <si>
    <t>紐約州 州長 古莫 andre cuomo 日前 才 出書 暢談 新冠肺炎 大 流行 期間 如何 抗 疫 與 領導 統禦 孰料 紐約時報 4 日 卻 爆 料 古莫 資深 助理 要求 衛生 當局 在 官方 報告 中 隱匿 2020 年 6 月 護理 之家 已 逾 9000 人 死亡 的 真實 數字 最終 衛</t>
  </si>
  <si>
    <t>紐約州 州長 古莫 andre cuomo 日前 才 出書 暢談 新冠肺炎 大 流行 期間 如何 抗 疫 與 領導 統禦 孰料 紐約時報 4 日 卻 爆 料 古莫 資深 助理 要求 衛生 當局 在 官方 報告 中 隱匿 2020 年 6 月 護理 之家 已 逾 9000 人 死亡 的 真實 數字 最終 衛生 官 好 只好 重寫 報告 此舉 不僅 讓 古莫 團隊 與 衛生 官員 關係緊張 也 讓 該州 衛生 高層 爆出 出走 潮 深陷 性騷擾 醜聞 的 古 莫不 只 被 貼 豬哥 州長 的 標籤 抗 疫 天王 形象 也 破 功 還 被 譏為 偽君子 要 他 辭職 下臺 的 聲音 不絕於耳 報導 中 指出 在 紐約州 衛生 官員 寫 的 疫情報告 中 詳細 記載 大 流行 期間 死於 護理 之家 的 具體 患者 數 然而 古莫 的 最 資深 助理 要求 衛生 官員 不 要 將 逾 9000 人 死亡 的 數字 寫 出 使得 官員 只得 捧 回 報告 重寫 再 呈 上 最終 此 一 數字 遭 刪除 而 未公開 報導 點名 幕僚 戴 羅沙 melissa derosa 紐約州 金融服務 署 department of financial services 署長 萊斯威爾 linda lacewell 以及 紐約 州立大學 校長 馬拉 崔斯 jim malatras 為 要求 報告 改寫 的 藏 鏡 人 他們 沒有 一個 有 公共 衛生 專業 背景 報導 披露 衛生部 負責 撰寫 報告 的 亞當斯 eleanor adams 其 初稿 遭 馬拉 崔斯 要求 大幅 改寫 報告 就 在 兩 人間 往返 數次 遠超過 州長 辦公室 對 機構 報告 的 正常 程式 甚至 可用 強烈 來 形容 衛生 官員 憂心 馬拉 崔斯 的 要求 會 讓 報告 過度 簡化 而 不再 是 真實 科學報 告 卻 擔心 堅持下去 飯碗 會 不 保 不過 即使如此 經 馬拉 崔斯 改寫 的 版本 也 沒有 把 死亡 人數 刪 掉 而是 到 戴 羅沙 與 萊斯威爾 那裡 才將 之 刪除 紐約時報 披露 原本 紐約州 衛生部門 護理 之家 的 報告 中 死亡 數字 遠 比古 莫 版 多 出 近 5 成 相較 於 其他 州 的 護理 之家 紐約州 死亡 總數 為 9250 人 遠超過 第 2 高 的 新澤西州 6150 人 不過 由於 紐約州 檢察官 2021 年 初時 吐露 紐約州 官方 少 算了 數 千 名 死於 新冠肺炎 的 護理 之家 病 患 古莫 最終 還是 公佈 完整 資料 其 緩 頰 道 因為 擔心 川普 見獵心喜 因 政治 動機 而 發動 調查 故 將 其 留 中 不 發 但 根據 紐約時報 披露 的 檔 以及 訪談 的 6 名 衛生 官員 古莫 與其 助理 實際 施壓 隱匿 疫情 的 時間 點 還要 再往 前 推 數 個 月 當時 古莫 助理 激戰 衛生 高層 官員 時間 點 早於 聯邦 當局 要求 紐約州 提供資料 之前 然而 助理 此舉 卻 暴露 古莫 試圖 控制 大 流行 中的 疫情 數位 置 公共 衛生 專業知識 不理 只 為了 鞏固 其 抗 疫 天王 的 政治 領導 地位 紐約時報 分析 州長 助理 赤裸裸 地 要求 改寫 報告 讓 撰寫 報告 的 官員 和 州政府 團隊 關係緊張 進而 引爆 高級 公共 衛生 官員 的 出走 潮 過去 一 周 以來 古神 堅 不可 搖 的 地位 因 陸續 有 女性 出面 指控 性騷擾 而 開始 崩潰 就 在 性騷擾 沸沸揚揚 之際 又 再 傳出 古莫 隱瞞 護理 之家 疫情 導致 議員 剝奪 因 大 流行 而 授予 的 緊急 權力 聯邦 檢察官 也 開始 介入 調查 在 疫情 大流 情 初期 古莫 下令 禁止 療養院 拒收 曾 在 醫院 接受 新冠 疫情 治療 的 病 患 這 道 命令 與其 他 州 命令 相似 目的 在 防止 醫院 因 患者 過 多 而 不堪 負荷 但 到 了 春季 末 共和 黨員 批評 古莫 此舉 讓 護理 之家 疫情 大 爆發 更 有 人 質疑 紐約州 的 計算 方式 若 護理 之家 的 病 患 之後 因 症狀 嚴重 轉送 醫院 並 在 醫院 逝世 將 不 計入 護理 之家 的 死亡 人數 中 從而 模糊 護理 之家 疫情 嚴重性 事實上 官方 最後 發佈 的 報告 結合 古莫 個人 出書 成功 塑造 其 抗 疫 英雄 的 形象 相較 之下 檢察 總長 辦公室 公佈 的 新聞稿 指出 古莫 針對 護理 之家 的 指導 與 聯邦 政府 雷同 卻 讓 身處 其中 的 居民 遭受 傷害 的 風險 增加</t>
  </si>
  <si>
    <t>古莫 護理 之家 紐約州 大 流行 新冠肺炎</t>
  </si>
  <si>
    <t>國內 本土 新冠肺炎 疫情 持續 嚴峻 位於 新北 市 瑞芳區 的 九份 風景區 今 6 日 店家 多 直接 關門 街道 上 冷冷清清 以往 的 遊客 人潮 車潮 已不 複 見 瑞芳 警 分局 則 表示 反而 傳統 市場 及 大 賣 場 等 處 湧入 大批 人潮 已 加強 人潮 車</t>
  </si>
  <si>
    <t>國內 本土 新冠肺炎 疫情 持續 嚴峻 位於 新北 市 瑞芳區 的 九份 風景區 今 6 日 店家 多 直接 關門 街道 上 冷冷清清 以往 的 遊客 人潮 車潮 已不 複 見 瑞芳 警 分局 則 表示 反而 傳統 市場 及 大 賣 場 等 處 湧入 大批 人潮 已 加強 人潮 車潮 管控 嚴防 疫情 擴散 瑞芳 警 分局 表示 為 避免 傳統 市場 因人 潮 擁擠 成為 防疫 破 口 呼籲 民眾 少去多 買 一 次 購 足 除此之外 由於 傳統 市場 因 各 地攤 商 混雜 管理 不易 為了 加強 管制 力道 警方 到場 協助 管制 瑞芳 警 分局 自 6 月 1 日 起 即已 開始 安排 警力 到 中 正路 民族街 至 民生 街 路段 外攤 市場 協助 除 取締 未 佩戴 口罩 者 外 也 加強 勸導 避免 群 聚 情形 發生 同時 配合 區公所 做 總量 人數 管制 瑞芳 警 分局 呼籲 民眾 採買 前 登記 實 聯 採買 時 一 次 購 足 採買 後 避免 逗留 與 政府 共同努力 嚴守 社區 防線 瑞芳 警 分局長 陳忠龍 表示 目前 疫情 持續 嚴峻 請 民眾 務必配合 政府 防疫 政策 戴 口罩 勤洗手 待 在家 少群聚 全民 共同 防疫 落實 防疫 工作 才能 守護 自己 和 家人 健康</t>
  </si>
  <si>
    <t>新冠肺炎 臺灣 確診 員警機關 派出所</t>
  </si>
  <si>
    <t>nba 突發 詹姆斯 驚 傳 確診 新冠肺炎 恐 缺席 達 10 天</t>
  </si>
  <si>
    <t>湖 人 詹姆斯 健康 安全 協議 國王 新冠肺炎</t>
  </si>
  <si>
    <t>新冠肺炎 大陸 報告 無 症狀 感染者 境外 輸入</t>
  </si>
  <si>
    <t>新冠肺炎 臺灣 無人 校園 泰山 高中</t>
  </si>
  <si>
    <t>因應 新冠肺炎 疫情 化學 兵 持續 在 北市 捷 運站 消毒</t>
  </si>
  <si>
    <t>因應 新冠肺炎 疫情 國防部 持續 派遣 化學 兵 部隊 協助 地方 政府 執行 消毒 工作 陸軍 33 化學 兵 群 今日 前往 臺北市 醫院 捷 運 站 及 重要 車站 實施 環境 消毒 許多 一早 出門 上班 的 民眾 看到 化學 兵 進行 消毒 工作 也 紛紛 拿 起 手機 紀錄 他</t>
  </si>
  <si>
    <t>因應 新冠肺炎 疫情 國防部 持續 派遣 化學 兵 部隊 協助 地方 政府 執行 消毒 工作 陸軍 33 化學 兵 群 今日 前往 臺北市 醫院 捷 運 站 及 重要 車站 實施 環境 消毒 許多 一早 出門 上班 的 民眾 看到 化學 兵 進行 消毒 工作 也 紛紛 拿 起 手機 紀錄 他們 以 行動 守護 家園 的 身影 陸軍 33 化學 兵 群 上午 共 派遣 145 員 官兵 分組 前往 臺北市 采 檢 站 捷 運 站 及 醫院 週邊 以 偵 搜 車 悍馬車 背負式 消毒器 mds- 106 輕型 消毒器 氣霧 式 消毒器 等 機具 針對 車站 出入口 樓梯 把手 及 洗手間 等 民眾 易 接觸 的 部分 進行 重點式 消毒 降低 民眾 感染 風險</t>
  </si>
  <si>
    <t>新冠肺炎 臺灣 化 學兵 捷 運 站 消毒</t>
  </si>
  <si>
    <t>新北 市長 侯友宜 28 日 下午 赴 三 重 228 和平 紀念 公園 參加 紀念 儀式 與 受難者 及 家屬 一同 向 228 事件 亡 者 英靈 紀念碑 獻花 致意 原本 預計 有 130 多 位 受難者 本人 及 家屬 出席 但因 新冠肺炎 疫情 僅 23 位 到場 侯友宜 到場 後 向 受難者 遺</t>
  </si>
  <si>
    <t>新北 市長 侯友宜 28 日 下午 赴 三 重 228 和平 紀念 公園 參加 紀念 儀式 與 受難者 及 家屬 一同 向 228 事件 亡 者 英靈 紀念碑 獻花 致意 原本 預計 有 130 多 位 受難者 本人 及 家屬 出席 但因 新冠肺炎 疫情 僅 23 位 到場 侯友宜 到場 後 向 受難者 遺孀 周金桂 近百 歲 受難者 曾 仲影 逐一 拱手 致意 典禮 先 默哀 1 分鐘 侯友宜 獻花 並行 3 鞠躬禮 隨後 陪同 受難者 代表 環繞 228 紀念碑 雖然 無法 見證 228 但是 永遠 記 得 帶 給 我們 更 大 力量 的 精神 侯友宜 感謝 受難者 及 家屬 的 包容 原諒 強調 臺灣 要用 愛 寬容 不要 對立 跟 衝突 大家 團結 走 在 一塊 尤其 現在 新冠肺炎 肆虐 大家 不要 口水 對立 衝突 要 團結 向前 走 帶 著 民主 的 力量 愛 這塊 土地 新北 市 228 總會 理事長 洪顯詔 表示 感謝 受難者 出席 尤其 近百 歲 曾仲影 堅持 參加 令 他 很 感動 他 強調 歷史 絕對 不能 忘記 曾問 過 3 歲 的 小朋友 為何 放假 他 竟 回 應 是 國定假日 小朋友 不 知道 不能 怪罪 但 政府 一定 要 把 歷史 公開 社會 才 會 和諧 進步 我 感覺 死 了 好多 次 我 被 以為 是 共 匪 冤獄 了 幾 十 年 前後 進出 監獄 多次 曾 仲影 表示 最近 剛從 北市 搬 來 新北 從不 缺席 過 228 紀念 活動 因為 事件 對 他 影響 甚 大 他 不曾 忘記 傷痛 盼 政府 還 他 公道</t>
  </si>
  <si>
    <t>以色列 向來 標榜 以 科技 治國 現在 面臨 新冠肺炎 疫情 的 威脅 以色列 想要 動用 國防科技 來 防疫 以 國 國防部 宣稱 能用 取得 人們 的 手機 資訊 再 用 間諜 軟 體 分析 出 可能 感染 新冠肺炎 的 人 再 針對 這些 人 進行 檢測 根據 路透社 報導</t>
  </si>
  <si>
    <t>以色列 向來 標榜 以 科技 治國 現在 面臨 新冠肺炎 疫情 的 威脅 以色列 想要 動用 國防科技 來 防疫 以 國 國防部 宣稱 能用 取得 人們 的 手機 資訊 再 用 間諜 軟 體 分析 出 可能 感染 新冠肺炎 的 人 再 針對 這些 人 進行 檢測 根據 路透社 報導 以 國 國防部長 班奈特 naftali bennett 週一 對 媒體 表示 這項 措施 區 要 內閣 同意 預計 會 通過 然後 還 需要 檢察 總長 的 同意 因為 涉及 民眾 個 資 問題 一旦 取得 這 兩 個 單位 的 同意 48 小時 即可 上路 以色列 有 一 天 檢測 5千 名 的 能力 現在 衛生 當局 希望 針對 重點 民眾 進行 檢測 然而 許多 感染 新冠肺炎 的 人 初期 並 沒有 症狀 若 用 症狀 當作 受 測 的 標準 不 一定 準確 所以 以 國 希望 能 動用 軍事 級 的 科技 蒐集 手機 資訊 分析 大眾 的 移動 路徑 將 有 感染 風險 的 人 全部 鎖定 追蹤 並 檢測 這個 軟 體 根據 是否 有 接觸 過 確診 病 患 將 全民 分做 1 到 10 個 風險 等級 這個 政策 馬 上 引起 人權 政黨 的 反對 認為 已經 違反 個人隱私 及 自由 以色列 目前 累計 的 確診 病例 為 4347 例 死亡 15 例 在 國會 傳出 有人 確診 之後 總理 班傑明·納坦雅胡 benjamin netanyahu 也 正 在 家中 自我 隔離</t>
  </si>
  <si>
    <t>黃百 璐 德國 分居 新冠肺炎 孔友瀚</t>
  </si>
  <si>
    <t>中部 成新冠肺炎 重災區 人心惶惶 防疫 物資 搶手</t>
  </si>
  <si>
    <t>新冠肺炎 疫情 持續 升溫 全台 累計 確診 22 例 中 中部 就 高達 6 例 包含 全國 首 例 重症 死亡 一 夕 間 中部 淪為 肺炎 重災區 網路上 真假 訊息 謠言 滿天飛 搞 得 民眾 人心惶惶 加上 開學 在即 也 引發 部分 家長 焦慮 口罩 消毒</t>
  </si>
  <si>
    <t>受 新冠肺炎 影響 大陸 每年 3 月初 登場 的 全國 兩會 全國人大 政協會議 今年 將 罕見 延後 舉行 大陸 全國人大 委員長 會議 和 全國政協 主席 會議 17 日均 建議 2020 年 兩會 延 後 召開 這 是 改革 開放 以來 大陸 全國人大 會議 首次 延</t>
  </si>
  <si>
    <t>受 新冠肺炎 影響 大陸 每年 3 月初 登場 的 全國 兩會 全國人大 政協會議 今年 將 罕見 延後 舉行 大陸 全國人大 委員長 會議 和 全國政協 主席 會議 17 日均 建議 2020 年 兩會 延 後 召開 這 是 改革 開放 以來 大陸 全國人大 會議 首次 延後 召開 根據 新華社 17 日 報導 中共中央政治局 常委 全國人大常委會 委員長 栗 戰書 於 13 屆 全國人大常委會 第 47 次 委員長 會議 上 決定 13 屆 全國人大常委會 第 16 次 會議 2 月 24 日 在 北京 舉行 會議 建議 下週一 審議 關於 禁止 非法 野生動物 交易 革除 濫 食 野生動物 陋習 切實 保障 人民 群眾 生命 健康 安全 的 決定 草案 的 議案 以及 關於 推遲 召開 第 13 屆 全國人民代表大會 第 3 次 會議 的 決定 草案 的 議案 等 上述 消息 透露 出 大陸 人 大將 審議 的 幾 個 重要 事項 一 與 本次 新冠肺炎 疫情 有 關的 野生動物 保護 法 等 二 新冠肺炎 疫情 蔓延 全球 大陸 兩會 能否 於 3 月 如期 召開 就 在 大陸 人大 開會 的 同時 中共中央政治局 常委 全國政協 主席 汪洋 17 日 也 主持 主席 會議 會 中 同樣 提到 研究 關於 推遲 召開 政協 第 13 屆 全國 委員會 第 3 次 會議 和 常務委員會 第 十 次 會議 的 有關 事項 等 三 人大 還 將 在 會議 上 審議 人事 任免 等 日前 中共中央 已 調任 上海 市長 應勇 接替 湖北省委 書記 蔣超良 職務 濟南市委 書記 王忠林 接替 武漢市委 書記 馬國強 職務 根據 大陸 憲法 和 有關 法律 規定 大陸 全國人民代表大會 會議 每年 舉行 一 次 全國人大 會議 由 全國人民代表大會常務委員會 召集 因此 推遲 召開 會議 也 需要 全國人大常委會 作出 決定 全國人大常委會法工委 發言人 臧鐵偉 17 日 受訪 時 表示 全國 人大代表 近 3千 人 其中 多數 人 目前 都 在 第一線 防疫 為 疫情 防控 委員長 會議 認為 有 必要 適當 延 後 全國人大 會議 據 大陸 國家 衛健 委 資料 顯示 16 日 大陸 新增 2048 起 確診 新增 死亡 案例 105 起 累計 確診 病例 突破 7萬 達 70548 例 累計 死亡 病例 達到 1770 例</t>
  </si>
  <si>
    <t>新冠肺炎 疫情 持續 蔓延 目前 全球 確診 人數 已 高 達 912276 例 其中 美國 共 累計 超過 20萬 確診 病例 為 全球 最高 而 各州 政府 為 防疫 紛紛 頒佈 禁 足 令 但 竟 有 70 名 大學生 無視 防疫 禁令 仍 在 2 周前 包機 飛往 墨西哥 度過 春假</t>
  </si>
  <si>
    <t>臺灣 有 來自 世界各地 的 美食 也 有 不少 在 地 小吃 但 有些 料理 因 食 材 關係 所以 相當 少見 先前 有 民眾 注意 到 臺灣 養殖 漁業 盛行 其中 養 甲魚 技術 好 甲魚 又 有益 身體 但 卻 無法 成為 主流 料理 有 老饕 秒 解惑 直言 煮法 不對 新冠肺炎 讓 大陸 甲魚 便當 一 夕 爆 紅 但 臺灣 幾乎 聞所未聞 一 名 網友 聽 聞鱉 甲魚 肉 膠 原 蛋白 高 鱉 蛋粉 也 對 寵物 爆 毛有 幫助 更何況 在 臺灣 養殖 漁業 發達 養 鱉 的 技術 更是 一等一 但 他 在 臺北 卻 很 少 看見 鱉 料理 他 只好 到 批 踢踢 實業 坊 求解 好奇 為何 產 鱉 大國 卻 不吃 鱉 有 不少 網友 看到 熱情 留下 個人 看法 很多 人 不敢 吃 爬蟲 類 以前 看 過 魚池 漂浮 很多 排泄物 沒 差 我 只 喝血 沒 肉 又 難 咬 但 也 有 一些 老饕 揭露 關鍵 因為 真的 不會 煮 腥味 太 重 甲魚 湯 很 難 耶 臺灣 煮法 不對 而 根據 本草綱目 記載 鱉 甲魚 吃 起來 味 甘 有 滋 陰 補 腎 和 清退 虛 熱 等 功效 但 鱉 膽固醇 含量 高 肝臟 不好 的 民眾 就 不 適合 食用</t>
  </si>
  <si>
    <t>臺北市 新冠肺炎 臺灣 采 檢 確診</t>
  </si>
  <si>
    <t>確診 者 王文彥 新冠肺炎 臺灣 桃園</t>
  </si>
  <si>
    <t>尼泊爾 新冠肺炎 疫情</t>
  </si>
  <si>
    <t>奎寧 可 治 新冠肺炎 陳時中 回 應 了</t>
  </si>
  <si>
    <t>奎寧 新冠肺炎 陳時中</t>
  </si>
  <si>
    <t>導電 漿 料廠 勤 凱 4760 佈 局 5 g 相關 介質 濾波器 導電 漿 有成 順利 通過 大廠 認證 目前 已 開始 出 貨 5 g 基站 成為 公司 營運 成長 新 動能 受惠 於 被動 元件 太陽能 及 5 g 相關 應用 需求 強勁 勤 凱 目前 產能 滿載 業績 可望 自 9 月 起 展現 強勁 成長 力道 勤 凱 預估 9 月 及 10 月 營 收 將 逐月 走 高 挑戰 單月 歷史 新高 第 4 季將 優於 第 3 季 今年 業績 將 創下 歷年 新高 明年 亦 可望 比 今年 好 勤 凱 主要 產品 為 電容 電阻 電感 等 被動 元件 所 使用 內 電極 與 端 電極 之 導電 銀 漿 銀 鈀 漿 與 銅 漿 等 導電 漿 料 客戶 包括 國巨 2327 奇 力新 2456 華 新科 2492 及 台達電 2308 集團 幹坤 等 國內外 大廠 為 擴大 下游 客戶 的 應用 公司 近 兩 年 積極 開發 其他 漿 料 的 產品 如 觸 控 面板 導電 漿 料 軟 性 電路 薄膜 按鍵 開關 導電 漿 料 ic 電子 封裝 導電 漿 料 以及 矽 晶 太陽能電池 導電 漿 料 等 全球 加速 5 g 基地 台 建置 5 g 網路 因 高速 高頻 特性 帶動 許多 關鍵 材料 升級 轉換 其中 介質 濾波器 由 過去 金屬 材質 轉為 陶瓷 材質 由於 陶瓷 不 具備 導電性 因 此 產生 新 的 導電 銀 漿 需求 看好 此 市場需求 勤 凱 去年 投入 開發 應用 於 5 g 基地 台 介質 濾波器 導電 銀 漿 去年底 陸續 完成 5 g 基地 台 介質 濾波器 導電 漿 送樣 目前 已 通過 網通 設備 大廠 認證 並 小量 出 貨 成為 推 升 勤 凱 科技 未來 營運 重要 動能 在 太陽能 電池 導電 漿 料 部分 勤 凱 太陽能 背 銀 導電 漿 自 去年底 開始 出 貨 主攻 臺灣 與 東南亞 市場 隨 著 新冠肺炎 疫情 過後 各國 加速 復工 全球 太陽能 市場 已 開始 復蘇 勤 凱 新 產品 太陽能 背 銀 導電 漿 出貨量 也 明顯 增加 對 公司 營 收 貢獻 如 預期 拉高 在 今年 進入 成長 期 公司 也 陸續 增加 新 客戶 可望 成為 業績 成長 的 另 一個 新 推手 受惠 於蘋果 新機 拉貨 啟動 且 5 g 基地 相關 新 產品 佈 局 發酵 勤 凱 營 收 擺脫 因 客戶 調整 庫存 下滑 頹勢 8 月 合併 營 收回 升至 9126萬 元 月 增 046 較 去年 同月 則 大幅 成長 12776 累計 1 到 8 月 合併 營 收 74億 元 年 增 10537 由於 宅 經濟 持續 推 升 nb 及 雲端 需求 且 5 g 及 車用 電子 新 應用 日增 為 被動 元件 產業 注入 新 成長 動能 勤 凱 近期 因 客戶 訂單 湧入 產能 滿載 勤 凱 也 樂觀 看待 第 4 季及 明年 業績 勤 凱 預估 營 收 將 自 9 月 起 展現 強勁 成長 力道 9 月 及 10 月 營 收 將 逐月 走 高 挑戰 單月 歷史 新高 並 一路 旺 到 年底 第 4 季將 優於 第 3 季 今年 業績 將 創下 歷年 新高 隨 著 新 產品 佈 局 發酵 明年 亦 可望 比 今年 好</t>
  </si>
  <si>
    <t>逆 行者 應召女 不懼 新冠肺炎 開 著 露營車 趴 趴 走 接 客</t>
  </si>
  <si>
    <t>新冠肺炎 全球 肆虐 許多 人 待在家裡 實在 悶 壞 了 這時 除了 醫護人員 逆行 往 疫區 前進 外 還有 一 種 服務 業 也 不懼 感染 病毒 往 前 沖 英國 有 名人 妻 應召女 就 是 開 著 露營車 前進 疫區 一 天 接 7 名 客人 還 嫌 太 少 她 自 比</t>
  </si>
  <si>
    <t>新冠肺炎 全球 肆虐 許多 人 待在家裡 實在 悶 壞 了 這時 除了 醫護人員 逆行 往 疫區 前進 外 還有 一 種 服務 業 也 不懼 感染 病毒 往 前 沖 英國 有 名人 妻 應召女 就 是 開 著 露營車 前進 疫區 一 天 接 7 名 客人 還 嫌 太 少 她 自 比 這樣 的 服務 好比 第一線 醫護 重要 這 名 住 在 英國 南約克郡 的 應召女郎 已婚 她 開 著 露營車 就 在 後座 為 男性 提供 服務 目前 平均 1 天 有 7 名 客 但是 她 認為 目前 不能 外出 這些 男人 一定 悶 壞 了 所以 客人 應該 比 現在 還 要好 即使 每天 40 人 也 還算 保守 而 她 的 服務 價格 每 15 分鐘 收費 30 英鎊 約 台幣 1200 元 的 價格 為 算是 中 等 據 每日 星報 報導 這 名人 妻 應召女 的 老公 是 一個 電子遊戲 作曲家 但是 家庭 關係 不是 很 好 各自 有 生活 方式 不過 她 大 棘 棘 開 著 露營車 到處 趴 趴 走 接 客 做 生意 有無 違反 防疫 規定 當地 警方 說 大多數 居民 都 遵守隔離 準則 但 如果 有人 無視 這些 規則 將 會 採取行動</t>
  </si>
  <si>
    <t>逆 行者 應召女 不懼 新冠肺炎 開 著</t>
  </si>
  <si>
    <t>晶 華 2707 國際 酒店 集團 董事長 潘思亮 表示 此次 新冠肺炎 疫情 造成 的 衝擊 是 911 sars 金融 海嘯 的 總和 認為 政府 對於 租金 稅金 的 減免 程度 應該 高於 以往 以 插管 拯救 確診 重症 的 觀光業 不過 他 也 認為 此 波 疫情</t>
  </si>
  <si>
    <t>晶 華 2707 國際 酒店 集團 董事長 潘思亮 表示 此次 新冠肺炎 疫情 造成 的 衝擊 是 911 sars 金融 海嘯 的 總和 認為 政府 對於 租金 稅金 的 減免 程度 應該 高於 以往 以 插管 拯救 確診 重症 的 觀光業 不過 他 也 認為 此 波 疫情 將 有助於 失序 的 飯店 產業 供需 恢復正常 潘思亮 表示 此 波 疫情 對 航空 觀光 產業 受 創 最 慘重 國際 觀光 飯店 住房 率 出現 前所未見 的 雪崩 下滑 對此 非常 焦急 並 積極 對 政府 官員 提出 建 言 近 10 天 所見 的 政府 官員 及 媒體 已 超越 過去 10 年 潘思亮 認為 臺灣 在 超前 部署 下 防疫 作為 可說是 全球 第一 肯定 政府 火速 透過 補助 紓困 及 振興 培訓 提升 計畫 將 一 開始 即 確診 重症 的 觀光業 插管 救治 避免 爆發 倒閉 失業 的 經濟 社區 感染 阻止 經濟 病毒 擴散 潘思亮 認為 此 波 疫情 造成 的 衝擊 規模 是 過去 911 sars 金融 海嘯 的 總和 針對 關鍵 的 稅金 租金 薪金 3 金 問題政府 已 針對 薪金 祭出 藥方 至於 稅金 及 租金 過去 sars 時期 是 減半 認為 面對 此次 衝擊 的 劇烈 程度 應該 要 加倍 減免 油 電 水費 亦 應 減半 同時 潘思亮 認為 租金 是 當中 的 關鍵 因為 6 成 的 飯店 必須 支付 房東 租金 建議 可 減免 業主 的 地價稅 和 房屋 稅 或 鬆綁 壽險業 不動產 最低 投資 報酬率 限制 讓 壽險業 有 降低 租 客 租金 的 空間 在 政府 超前 部署 紓困 下 潘思亮 強調 會 維護 所有 集團 員工 權利 不 會 讓 任何 員工 走 並 藉 此 機會 強身 應戰 他 表示 故宮 晶 華雖會 進行 營運 調整 進行 裝修 但 不 會 關門 捷 絲 旅 林森館 台大館 也 研議 裝修 計畫中 雖然 疫情 對 產業 營運 衝擊 甚 钜 但 潘思亮 也 認為 此次 將 提醒 業主 留意 投資 風險 重視 飯店 管理 專業 使 過往 一窩蜂 投入 興建 開發 導致 嚴重 供過於求 的 國內 飯店 市場 得以 冷靜下來 不 會 再 開得 那麼 瘋狂 有助於 市場 供給 逐步回歸 正常</t>
  </si>
  <si>
    <t>晶 華 潘思亮 觀光業 新冠肺炎 疫情</t>
  </si>
  <si>
    <t>臺灣大學 管中 閔 畢業生 新冠肺炎 小心</t>
  </si>
  <si>
    <t>漢來 美食 1268 今 28 日 召開 股東 常會 通過 2019 年 財 報 及 盈 餘 分派 案 擬 配發 每股 現金 股利 7 元 其中 以 盈 餘 配發 4918 元 資本 公積 配發 2082 元 展望 今年 公司 以 各式 開源節流 方式 因應 新冠肺炎 疫情 逆風 並 按 原定 計</t>
  </si>
  <si>
    <t>全國 新冠肺炎 疫情 警戒 標準 升至 第 3 級 交通部觀光局 公佈 各 國家 風景區 旅客 服務 中心 觀光 遊樂業 防疫 措施 以及 6 月 14 日前 的 大型 群 聚 活動 取消 延期 資訊 國家 風景區 部分 封閉型 景點 部分 66 處 遊客 中心 114 處 販賣 店 全</t>
  </si>
  <si>
    <t>全國 新冠肺炎 疫情 警戒 標準 升至 第 3 級 交通部觀光局 公佈 各 國家 風景區 旅客 服務 中心 觀光 遊樂業 防疫 措施 以及 6 月 14 日前 的 大型 群 聚 活動 取消 延期 資訊 國家 風景區 部分 封閉型 景點 部分 66 處 遊客 中心 114 處 販賣 店 全部 關閉 152 處 開放型 景點 則 於出 入口處 放置 公告 請 遊客 勿 前往 並 機動 派員 至 景點 勸 離 遊客 觀光 遊樂業 則 自即日起 至 5 月 28 日 暫停營業 觀光局 已 通知 業者 配合 辦理 並 請 業者 將 公告 暫停營業 時間 於 進出口 及 相關 網站 考量 桃園 國際機場 仍 有 配合 防疫 服務 旅客 需要 因此 桃 機 旅客 服務 中心 將 維持 營運 並 加強 防疫 措施 而 松山機場 國際 線 台中 台南 及 高雄機場 等 旅客 服務 中心 自即日起 停止 現場 服務 改以 電話 提供 服務 大型活動 部分 5 月 2223 日 南 莊 花卉 節 亮點 活動 幹 花香 氛 蠟燭 手 作 5 月 27 日 觀音 觀 鷹 樂活行 腳 系列 觀音 觀 鷹市集 活動 5 月 29 日 關山 小鎮 自行車 漫 旅 6 月 3 日 世界 自行車 日 騎遊 環 台 活動 與 世界 自行車 日 響應 活動 6 月 5 日 愛 玩 中 彰 小鎮 旅 展 市集 6 月 6 日 秀姑巒溪 泛舟 鐵人三項 等 活動 取消 福隆 國際 沙雕 藝術季 延至 6 月 8 日後 開幕 東 海岸 大地 藝術節 開幕 場次 及 月光海 音樂 首場 延至 7 月 22 日 過 山 古道 尋 寶趣 及 蟹 蟹 你 的 愛 延至 6 月 9 日 觀音 觀 鷹 樂活行 腳 系列 綠 竹筍 季 推廣 活動 南 莊 花卉 節 亮點 活動 花月 夕照 花卉 餐桌 參 山 騎 旅 二林 水 深度 農游 單 車行 參 山 騎 旅 獅頭 山 小鎮 騎 旅 2021 屏 東 觀光 圈 經典 小鎮 藝術 嘉年華 活動 北 寮 赤嶼 淨灘 減 塑 活動 澎 湖 自行車 領騎 服務 活動 等 活動 則 待 後續 公告 日期</t>
  </si>
  <si>
    <t>新冠肺炎 臺灣 活動 關閉 自行車</t>
  </si>
  <si>
    <t>新冠肺炎 臺灣 特教 生 葉姓 體育課</t>
  </si>
  <si>
    <t>國際 半導體 產業 協會 semi 19 日 公佈 發佈 年度 半導體 產業 矽 晶圓 出 貨 預測 報告 看好 全球 矽 晶圓 產業 前景 預測出 貨 量 2021 年 將 創下 歷史 新高 且 成長 力 道 一路 走 強 延續 到 2024 年 業 界 預期 矽 晶圓 供不應求 且 價格 持續 調 漲 法人 看好 環球 晶 台勝科 合 晶 嘉晶 等 矽 晶圓廠 營運 可望 再 旺 三 年 semi 發佈 年度 矽 晶圓 出 貨 預測 報告 2021 年 受惠 於 半導體廠 產能 滿載 並 積極 回補 庫存 矽 晶圓 出貨量 預估 達 13998百萬 平方 吋 msi 較 2020 年 大幅 成長 139 並 創 下年 度 出貨量 歷史 新 高 semi 全球 行銷 長 暨 臺灣區 總裁 曹世綸 指出 在 終端 市場 推動 下 半導體 出現 強勁 的 長期 成長 需求 帶動 矽 晶圓 出貨量 顯著 攀升 這 波 成長 態勢 持續 增強 可望 延續 好幾 年 的 時間 不過 總體經濟 復蘇 步伐 放緩 以及 晶圓 製造 產能 何時 增加 以 因應 不斷 地 增長 需求 也 都 可能 帶來 一定 的 影響 semi 預期 2022 年 全球 矽 晶圓 出貨量 將 達 14896百萬 平方 吋 較 今年 成長 64 2023 年 再 成 長 46 達 15587百萬 平方 吋 2024 年 突破 16000百萬 平方 吋 大關 達 16037百萬 平方 吋 等於 未來 三 年 的 出貨量 將 逐年 創下 歷史 新 高 雖然 法人 對於 終端 市場需求 轉 弱 有所 疑慮 但 半導體 晶圓 製造 產能 仍 供不應求 台積電 在 法人 說明會 中 分析 主要 原因 在 於新冠肺炎 疫情 帶動 的 數位 轉型 加速 裝置 內含 晶 片 silicon content 大幅 增加 而 隨 著 晶圓廠 新 產 能開 出 帶動 矽 晶圓 強勁 需求 包括 日本 信 越 shin-etsu 日本 勝 高 sumco 臺灣 環球 晶 德國 世創 siltronic 等 全球 四大 廠 均 看好 矽 晶圓 市場 供不應求 情況 會 延續 到 2023 年 而 semi 則 預期 會 一路 走 強到 2024 年 矽 晶圓 2022 年 缺貨 且 2023 年 仍 會 供不應求 矽 晶圓廠 與 半導體廠 協商 2022 年 長 約 已 順利 調 漲 合約 價 並 獲得 客戶 預付款 用以 擴建 矽 晶圓 產 能 以 因應 2023 2024 年 強勁 需求 業者 預期 2022 年 長 約 合約 價 全面 上漲 其中 6 吋 及 8 吋 矽 晶圓 合約 價 上漲 約 10 12 吋 矽 晶圓 合約 價 調 漲 約 15 對 環球 晶 台勝科 合 晶 嘉晶 營運 帶來 正面 助益</t>
  </si>
  <si>
    <t>新冠肺炎 全球 疫苗 第 2 劑 副作用 嚴重</t>
  </si>
  <si>
    <t>看好 大陸 車市 需求 提升 與 官方 政策 扶持 大陸 乘 聯會 25 日 上調 年初 時 的 預估 預料 2021 年 大陸 新 能源 車 銷量 可望 達到 220萬 輛 這項 估計 較 2020 年 大陸 新 能源 車 銷量 增長 逾 六 成 顯見 對 今年 大陸 新 能源 車 前景 看 佳 新浪 財經 25 日 報導 大陸 乘 聯會 秘書長 崔東樹 表示 2021 年 大陸 新 能源 乘用車 的 銷量 可望 達到 200萬 輛 左右 這 較 2020 年 的 117萬 輛 增長 將近 70 由此 推算 2021 年 大陸 新 能源 汽車 的 銷量 也 有 希望 達到 220萬 輛 增量 規模 達 90萬 輛 2020 年 受到 新冠肺炎 影響 大陸 新 能源 車 銷量 呈現 先 低 後 高 走勢 全年 銷量 達 1367萬 輛 年 增 109 2021 年 1 月 乘 聯會 預估 2021 年 全年 大陸 新 能源 汽車銷量 為 150萬 輛 稍後 中 汽 協 則 預估 2021 年 的 新 能源 汽車銷量 為 180萬 輛 如今 乘 聯會 上調 預測 數字 較 2020 年銷量 大增 逾 六 成 市場 人士 指出 隨 著 大陸 疫情 趨 緩 新 能源 汽車 需求 提升 加上 看好 市場前景 中外 業者 如 特斯拉 吉利 比亞迪 長城 蔚來 等 都 加大 投入 力度 大陸 互聯網 巨頭 阿裡巴巴 騰訊 百度 等 也 積極 與 車 企及 供應 鏈 者 結盟 希望 在 市場 搶 得 先機 因此 新 能源 車 產銷 拉高 是 可以 想見 的 事 同時 大陸政府 政策 上 支持 補貼 車企 並 鼓勵 汽車 下鄉 大力 推 展 停車場 充電 樁 換 店 站 等 新 能源 汽車 配套 建設 以及 加速 動力電池 回收 體系 建設 這些 都 有利於 新 能源 車 的 推廣 更是 車 企業 者 另 一個 可 開發 的 廣闊 市場</t>
  </si>
  <si>
    <t>不管 是 情侶 還是 夫妻 兩 人 相處 最 重要 就是 互相 尊重 一 名 女網友 在 網路 吐苦水 表示 自己 平時 在 英國 念書 因為 新冠肺炎 的 關係 回 臺灣 終於 見到 男友 讓 女網友 相當 開心 但 兩 人 與 朋友 出去 時 男友 總 愛 叫 她 留英 直到</t>
  </si>
  <si>
    <t>不管 是 情侶 還是 夫妻 兩 人 相處 最 重要 就是 互相 尊重 一 名 女網友 在 網路 吐苦水 表示 自己 平時 在 英國 念書 因為 新冠肺炎 的 關係 回 臺灣 終於 見到 男友 讓 女網友 相當 開心 但 兩 人 與 朋友 出去 時 男友 總 愛 叫 她 留英 直到 問 別人 才 知道 什麼 意思 讓 女網友 非常 難過 這 名 女網友 在 zuvio 校園 發文 表示 因為 疫情 關係 從 英國 返回 臺灣 與 男友 1 年 沒見 內心 相當 興奮 但 回來 後 男友 一直 叫 她 流鶯 流鶯 女網友 說 可能 一陣子 沒 接觸 中文 的 關係 我 其實 聽 不 太 懂 我 一直 以為 他 是 說 留英 但 沒 道理 他 講 留英 他 朋友 會 一直 笑 吧 開始 受不了 的 女網友 詢問 男友 朋友 到底 在 笑 什麼 對 方才 說 男友 其實 是 在 罵 你 流鶯 不過 也 強調 男友 是 開玩笑 結果 女網友 查 流鶯 究竟 是 什麼 意思 不查 還好 一 查 發現 流鶯 是 很 難聽 的 詞 這 讓 女網友 非常 生氣 又 失望 即使 男 不斷 道歉 仍無 法 消除 心中 的 疙瘩 網友 看 完 女網友 經歷 勸 她 快點 分手 認為 男友 非常 不 懂 的 尊重 將 無聊 當 有趣 會用 這種 玩笑 對待 自己 女友 的 也 不是 什麼 多 正經 的 人 很 不 尊重 人 尤其 是 說 給 朋友 一起 笑 如果 是 男人 之間 笑 對方 的 垃圾 話 就 算了 是 自己 女友 還 這樣 說實話 是 把 沒禮貌 當 幽默 不是 無腦 而已 的 小 問題</t>
  </si>
  <si>
    <t>高爾夫 pga 美 巡 賽 這個 月 恢復 比賽 每 一 站 比賽 都會 針對 所有 選手 杆弟 工作人員 進行 新冠肺炎 病毒檢測 本 周 出現 首位 病毒檢測 呈 陽性 的 病例 是 美國 選手 瓦尼 nick watney 大會 也 針對 和 他 有 近 距離 接觸 的 11 人 進行 病毒</t>
  </si>
  <si>
    <t>難 逃 新冠肺炎 魔掌 華盛頓大學 病理學 教授 逝世</t>
  </si>
  <si>
    <t>史 瓦茲 華盛頓大學 醫學院 新冠肺炎</t>
  </si>
  <si>
    <t>義 大利 體育部 8 日 緊急 下達 禁賽 令 防止 新冠肺炎 疫情 蔓延 所有 賽事 暫停 到 4 月 3 日 為止 但 指標 聯盟 義甲 接 獲 命令 當天 卻是 照 踢 不誤 部長 暴跳如雷 這 也 是 沒 辦法 的 事 英媒 bbc 指出 單是 閉門 1 場 就讓 尤文圖斯 承受 300萬 歐元</t>
  </si>
  <si>
    <t>義 大利 體育部 8 日 緊急 下達 禁賽 令 防止 新冠肺炎 疫情 蔓延 所有 賽事 暫停 到 4 月 3 日 為止 但 指標 聯盟 義甲 接 獲 命令 當天 卻是 照 踢 不誤 部長 暴跳如雷 這 也 是 沒 辦法 的 事 英媒 bbc 指出 單是 閉門 1 場 就讓 尤文圖斯 承受 300萬 歐元 的 損失 唯一 的 對抗 手段 是 電視轉播 如果 比賽 也 停 了 就 什麼 都 沒了 不守 規矩 的 不只 義甲 閉門 比賽 的 歐洲 聯賽 狼 隊 出戰 施洛萬 現場 居然 出現 2萬 多 位 觀眾 施洛萬 因為 球迷 種族歧視 而 一度 被 禁止 售票 然後 他們 就 把 票 拿 來 招待 小孩子 看球 視 防疫 如無 物 義國 奧會 聲明 他們 正 面臨 史無前例 的 緊急狀態 但 義甲 踢 完 10 日 的 薩索羅 對 佈雷西亞 才 開始 停賽 在 禁令 後 多 踢 了 6 場 球 義 甲 停 賽後 歐冠足 仍以 閉門 方式 續 踢 除了 受制於 轉播 合約 歐洲 足球比賽 的 賽程 很 滿 卡住 一個 就 會 影響 到 很多 比賽 雖然 疫情 比較 輕微 英格蘭的 英超 亦 面臨 停賽 壓力 如果 停賽 命令 下達 英媒 預估 他們 大概 不 會 像 義甲 那麼 囂張 利物浦 不愧 是 一 支 悲劇性 的 球隊 他們 好不容易 要 奪下 英 超 改制 以來 的 隊 史首冠 暌違 30 年 因為 撞 上 疫情 必須 趕在 停賽 之前 封王 如果 第 2 名 的 曼 城 連 輸 兩 場 利物浦 有 機會 於 週末 加冕 但 目前 的 情況 即使 摘 下 冠軍 肯定 也 無法 享受 奪冠 遊行 了</t>
  </si>
  <si>
    <t>新冠肺炎 回馬槍 年輕人 兒童 確診 數 暴 增</t>
  </si>
  <si>
    <t>新冠肺炎 肆虐 才 知道 什麼 是 幸福</t>
  </si>
  <si>
    <t>或許 只有 當 災難 來臨 的 時候 我們 才 知道 什麼 是 真正 的 幸福 2020 年 的 春天 註定 會 成為 每 一個 中國人 刻骨銘心 的 記憶 新冠肺炎 疫情 防控 期間 城市 如此 安靜 可 這 安靜 之下 卻 湧動 著 1500萬 天津 人民 的 心跳聲 醫護 員 與 百姓</t>
  </si>
  <si>
    <t>或許 只有 當 災難 來臨 的 時候 我們 才 知道 什麼 是 真正 的 幸福 2020 年 的 春天 註定 會 成為 每 一個 中國人 刻骨銘心 的 記憶 新冠肺炎 疫情 防控 期間 城市 如此 安靜 可 這 安靜 之下 卻 湧動 著 1500萬 天津 人民 的 心跳聲 醫護 員 與 百姓 相 扶持 截至 3 月 5 日 18 時 天津 已 連續 一 周 無 新 增 病例 而 在 確診 的 136 例 患者 中 已 有 128 例 患者 治癒 出 院 這 背後 不僅 有 一線 白衣戰士 的 辛苦 付出 也 有 著 萬千 百姓 的 配合 理解 與 相互 扶持 疫情 讓 我們 學會 珍惜 疫情 總會 過去 這 段 日子 教會 我們 珍惜 每 一個 平常 而 又 不 平常 的 日子 珍惜 每 一個 愛 我們 和 我們 愛 的 人 春天 一定 會 在 冬天 後 到來 而 這些 影像 將 會 留在 記憶 中</t>
  </si>
  <si>
    <t>國際 油價 跌跌 不休 首當其衝 將 是 規模較 小 的 石油 生產國 國際 能源 署 iea 警告 油價 崩 跌 恐 讓 脆弱 產油國 的 石油 收入 銳減 高 達 85 the paris-based agency said that countries such as ecuador iraq and nigeria would be particularly hard hit by the price slump 新冠肺炎 來勢洶洶 不但 迫使 歐美國家 封國 或 封城 也 對 全球 經濟 造成 重創 並 進而 導致 石油 需求 受到 侵蝕 此時 又 遭遇 俄羅斯 與 沙烏地 阿拉伯 兩 大 產油國 爆發 油價 戰爭 在 油價 連連 探 底下 也 讓 規模較 小 的 非 主要 產油國 招架 無力 只能 眼睜睜 的 看 著 身為 國內 經濟 主要 來源 的 石油 收入 不 斷 萎縮 石油 收入 銳減 難 抗 疫 總部 位於 巴黎 的 國際 能源 署 iea 警告 這 波 油價 崩 盤 當中 受 創 最深 將 屬 厄 瓜 多 伊拉克 與 奈及利亞 等 產油國 因此 iea 呼籲 國際貨幣基金 imf 在 必要 情況 下 介入 以 避免 因為 這些 石油 收入 銳減 讓 這些 國家 更 沒有 能力 因應 肺炎 疫情 危機 iea 執行 董事 畢 羅爾 fatih birol 表示 若 油價 仍舊 停留 在 每桶 30 美元 的 水準 附近 我們 將 可 預見 這些 脆弱 產油國 的 石油 收入 將 下滑 介於 50 到 85 此 情況 將 使 這些 油 國 的 石油 收入 將 創下 20 年 來 最低 因此 他 強調 國際金融機構 可能 需要 介入 並 採取 必要 行動 iea 指出 石油輸出 國家組織 opec 的 其他 會員國 像是 阿爾及利亞 與 安哥拉 等 目前 也 深陷 危機 之中 主要 是 它們 對 石油 與 天然氣 營 收 高度 倚賴 該 情況 勢必 也 將 加劇 opec 內部 歧異 例如 該 組織 老大哥 沙烏地 阿拉伯 為了 與 俄羅斯 搶佔市場 版圖 不惜 甘冒 低 油價 可能 造成 的 重傷 將 持續 增產 對 市場 灌油 這 兩 大 產油國 在 3 月初 因為 對於 如何 因應 肺炎 危機 看法 不同 導致 雙方 的 減產 協議宣告 破裂 緊接 兩 國 的 油價 戰爭 也 開始 揭開序幕 產油國 社會 經濟 重創 由於 油價 近來 實在 跌 得 太 凶 iea 與 opec 日前 還 曾 罕見 的 發佈 聯合 聲明 聲稱 油價 從 1 月初 的 每桶 70 美元 暴跌 迄今 很 可能 將 導致 社會 與 經濟 的 重大 衝擊 特別是在 醫療保健 與 教育 等 公共部門 的 支出 將 受到 影響 iea 曾 在 一 份 報告 中 指出 相較 於 前 一 波 的 2014 年 油價 暴跌 這次 許多 國家 對於 因應 油價 崩 盤並 沒有 做 太 多 準備 為 支付 公務員 薪資 與 退休 年金 伊拉克 將 面臨 每月 40億 美元 的 預算赤字 然而 未來 它 在 醫療 服務 上 預料 還 會 承受 更 多 壓力 奈及利亞 的 經濟 對於 這次 油價 衝擊 也 準備 不足 目前 該國 的 人均 國內 生產 毛額 gdp 已 萎縮 近 三 分之一 除了 opec 外 在 中東 身 為 最 大 產油國 之一 的 阿曼 也 恐 將 為了 捍衛 該國 貨幣 盯緊 美元 匯 制 而 將 陷入 一 場 艱苦 的 戰役 畢 羅爾 認為 這 可能 將 使 阿曼 的 外匯存底 大幅 縮減 至於 已經 必須 減少 支出 的 厄 瓜 多 預料 將 是 這 波 油價 崩 盤 的 最 大 受害者 iea 表示 該國 油氣 營 收 預料 將 驟減 85</t>
  </si>
  <si>
    <t>受到 新冠 疫情 衝擊 這 12 年 醫療 院所 門診量 大 減 但 仍 有 患者 天天 往 醫院 跑 2020 年 就醫 次數 之 冠 是 1 名 50 多 歲 罹 患 骨關節炎 頭痛 的 男性 1 年內 就診 839 次 等於 每天 至少 就醫 2 次 以上 健 保 署 統計 2019 年 就醫 總 件數 37億 件 2020 年 就醫 總 件數 減少 至 34億 件 就醫 件數 減少 2000 多 萬 次 幾乎 每個 人 少看 1 次 門診 但 仍 有 33萬 人 去年 就醫 次數 超過 90 次 該 名 中年男子 因為 骨關節炎 頭痛 神經痛 自覺 全身 疼痛 而 到處 就醫 從 醫學 中心 看 到 基層 診所 去年 就醫 次數 多 達 839 次 平均 1 天 至少 跑 2 趟 此外 高 就醫 次數 民眾 看病 科別 前 3 名 分別 為 家 醫科 內科 耳鼻喉科 醫療 費用 達 39億 元 為 近 3 年 新 高 健 保 署 醫務 管理 組 表示 這 位 患者 系 因 腳 受傷 總覺 不 舒服 而 持續 就醫 整年 下來 健 保 支付 此 民眾 的 醫療 費用約達 548萬 元 就醫 次數 第 2 名 為 1 名 40 多 歲 女性 因 罹 患 關節 病變 頭痛 及 目眩 等 疾病 就醫 564 次 第 3 名 則 是 30 多 歲 女性 就醫 原因 為 長期 失眠 精神疾病 等 就醫 555 次 至於 今年 上半年 雖然 56 月 本土 疫苗 大 爆發 但 1 至 6 月 仍 有人 就醫 次數 超過 300 次 就醫 原因 仍以 關節炎 頭痛 為主 總計 622 人 就醫 次數 超過 90 次 健 保 費用 達 5000 多 萬元 健 保 統計 國人 每年 平均 就醫 15 次 平均 每月 至少 就醫 診 1 次 比起 經濟 合作 暨 發展 組織 oecd 國家 高出 67 次 這 也 使得 門診 醫療 費用 支出 占 了 健 保 總額 一半 以上 對此 健 保 署 表示 為 來 將 推動 整合 門診 例如 高齡 糖尿病 新冠肺炎 等 減少 門診 次數 也 可能 提高 一點 部分 負擔 在 醫療 資源 使用 及 分配 上 仍 更為 合理</t>
  </si>
  <si>
    <t>新冠肺炎 疫情 延 燒 政府 推出 口罩 實 名 制 後 藥局 仍 可見 許多 排隊 人潮 作家 苦 苓 日前 點出 現在 還 在 排隊 買 口罩 的 應該 只 有 四 種 人 引來 許多 議論 對此 挺 韓五 虎將 之一 的 杏仁 哥 直言 有時候 他 常在 想 這些 只 會 挖苦 人</t>
  </si>
  <si>
    <t>苦 苓 排隊 杏仁 哥 口罩 新冠肺炎</t>
  </si>
  <si>
    <t>慧 洋 -ky 2637 4 日 公告 2 月 營 收 845億 元 年 減 1984 累計 前 2 月 營 收 1852億 元 年 減 1721 2 月 單月 稅 前 虧損 為 064億 元 自 結 每股 稅 前 虧損 009 元 累計 前 2 月 稅 前 虧損 03億 元 自 結 每股 稅 前 虧損 004 元 慧 洋 指出 公司 主力 巴拿馬 型船 bpi 指數 2 月 5 日 之後 一路 回升 3 月 市場 轉 趨 樂觀 慧 洋 上 一 次 單月 出現 虧損 是 2017 年 4 月 因 ecb 執行 賣 回權 出現 虧損 公司 分析 第一 季為 運輸業 傳統 淡季 今年 再 加上 新冠肺炎 疫情 影響 市場 信心 以及 延緩 開工 造成 的 生產 停工 港口 缺 工 影響 作業 流程 使 波羅的海 幹 貨船 綜合 指數 bdi 大跌 2 月份 平均 指數 為 460 點 較 上月 平均 668 點 跌幅 達 31 散裝 航運業 呈現 保守 觀望 態度 慧 洋 因 有 近 半 船隻 簽 有 長期 租約 使 營 收 跌幅 較 bdi 緩和 不過 公司 原 估 今年 首季 因 低硫 油 問題 有 較 多 船隻 進廠 裝 脫 硫 器 有利 運價 提升 有些 到期 合約 不急 著 簽 新約 未 料 遭遇 新冠肺炎 打亂 市場 另 公司 長 約 中 約 有 一 成 與 指數 做 連結 也 讓 這 兩 個 月 收入 減少 2 月中 下旬 大陸 正式 復工 後 原 物料 進口 與 產品出口 帶動 運輸 需求 回 補下 市場 運價 已 見 回穩 巴拿馬 型船 運費 指數 bpi 自 2 月 5 日 最低 520 點 回升 至 2 月 28 日 905 點 最為 明顯 漲幅 74 本月 3 日 續 漲 至 935 點 在 船隊 佈局 與 換 租方 面 慧 洋 今年 仍 將 照 預定 計 畫 交付 7 艘 節能 新 船 其中 2 艘 加 裝 脫 硫 設備 並 依 市況 適時 汰 舊 老 舊 船舶 針對 疫情 對 散裝 航運業 之 影響 慧 洋將 持續 審慎 評估 適時 調配 船舶 配置 保留 營運 彈性</t>
  </si>
  <si>
    <t>杏 一 醫療 4175 3 月 合併 營 收 497億 元 較 去年同期 成 長 1604 第一 季 合併 營 收 達 1435億 元 較 去年同期 成 長 1736 隨 新冠肺炎 疫情 持續 延 燒 杏 一 積極 配合 政府 防疫 措施 除了 社區 健 保 藥局 配合 口罩 領 用 及 民眾 衛教 並 在</t>
  </si>
  <si>
    <t>杏 一 醫療 4175 3 月 合併 營 收 497億 元 較 去年同期 成 長 1604 第一 季 合併 營 收 達 1435億 元 較 去年同期 成 長 1736 隨 新冠肺炎 疫情 持續 延 燒 杏 一 積極 配合 政府 防疫 措施 除了 社區 健 保 藥局 配合 口罩 領 用 及 民眾 衛教 並 在 醫院 型 門市 推出 暖 心 方案 祭出 團購 活動 予 前線 醫護 提供 n 95 口罩 及 民生 用品 回 饋 醫護人員 辛勤 付出 杏 一 更 體貼 國人 推出 宅 配 優惠 方案 提供 長者 居家 隔離 者 與 大眾 更 彈性 的 購買 管道 杏 一 全力 協助 國人 抗 疫 三月 業績 逆勢 成長 杏 一 近年 積極 投入 社區型 門市 滿足 各 年齡層 的 需求 而 杏 一 強勁 的 成長 力 道 即 來自 于強健 的 展店 實力 以及 開設 地 點 的 策略 正確 目前 杏 一 門市 已 遍 佈 各 大 醫院 周邊 黃金 地點 以及 深入 社區 全台 門市 數 共 256 家 分店 透過 會員制 度 創造 高 黏 著 度 消費群 而 新設 的 門市 也將 持續 帶入 新會員 創造 亮 眼 營 收 表現</t>
  </si>
  <si>
    <t>新冠肺炎 疫情 杏 一 n 95 口罩</t>
  </si>
  <si>
    <t>國軍 敦睦 艦隊 發生 群 聚 感染 磐石 艦 上 共計 有 27 名 官兵 確診 新冠肺炎 臺北市 長 柯文哲 被 問及此事 時 他 說 軍人 是 國家 命脈 該 檢討 就 檢討 大家 應 坐 下來 開誠佈公 該 怎麼 解決 就 怎麼 解決 他 說 就 他 的 專業 來看 這 是 危機</t>
  </si>
  <si>
    <t>國軍 敦睦 艦隊 發生 群 聚 感染 磐石 艦 上 共計 有 27 名 官兵 確診 新冠肺炎 臺北市 長 柯文哲 被 問及此事 時 他 說 軍人 是 國家 命脈 該 檢討 就 檢討 大家 應 坐 下來 開誠佈公 該 怎麼 解決 就 怎麼 解決 他 說 就 他 的 專業 來看 這 是 危機 就 要 把 問題 處理 掉 對於 封城 演習 柯文哲 表示 下 個 禮 拜會 桌上 演習 對於 很多 縣 市 都 在 做 封城 計 畫 臺北市 做法 是 什麼 柯文哲 表示 一般 演習 是 書面 作業 才 是 桌上 演習 後來 實體 演練 前面 還是 要 做 他 說 北市 封 城 與否 比 想像中 困難 行政院 跟 立院 關 起來 要 怎麼 做 北市 要 跟 中央 協調 他 說 北市 不是 要 封就 封 下 個 禮 拜會 桌上 演習 至於 多少 人 確診 會 封 城 柯文哲 表示 封城 有 各種 程度 按照 實際上 的 需要 或 執行 上 困難 與否 執政 上有 務實 考量 成本 跟 效益 因此 無法 回應 多少 人 確診 就 封城 對於 磐石 艦 上 共計 有 27 名 官兵 確診 新冠肺炎 柯文哲 被 問及此事 時 他 說 軍人 是 國家 命脈 該 檢討 就 檢討 大家 應 坐 下來 開誠佈公 該 怎麼 解決 就 怎麼 解決 他 說 就 他 的 專業 來看 這 是 危機 就 要 把 問題 處理 掉 他 說 越 混亂 的 時刻 越 不要 罵人 先 把 問題 解決 才是 重點 他 說 應該 先 把 危機 處理 完 現在 不是 獵 女巫 的 時候</t>
  </si>
  <si>
    <t>永捷 4714 受惠 轉 單 效應 3 月 合併 營 收 1億673萬 元 年 增 24 倍 第一 季 合併 營 收 1億7441萬 元 年 增 40 永捷 說 今年 除了 在 國防 類 新 產品開發 已 完成 階段性 認證 通過 在 新 客戶 開發 上有 顯著 成效 預期 可 在 未來 帶進 業績 成長 目前 因 石油價格 大幅 下降 原 物料 成本 也 隨之 降低 毛利率 有 逐月 上升 的 趨勢 待 市場 恢復 公司 獲利 將 可隨 著 業績 成長 一同 提升 永 捷 指出 受 新冠肺炎 疫情 影響 全球 傳 產 供應 鏈 大亂 大陸 與 許多 東南亞 國家 出 貨 都 不 穩定 許多 大廠 開始 都 把 訂單 移 往 臺灣 由於 臺灣 在 疫情 控制 上 相對 穩定 可 有效 降低 客戶 風險 因此 永捷 在 紡織 類 樹脂 及 tpu 等 產品 出貨量 提升 受惠 于 客戶 近期 急 單 與 轉 單 需求 第一 季 業績 逆勢 激增 永 捷 在 可 撓性 有機 發光 二極體 flexible oled 顯示器 高硬度 耐磨材料 已 陸續 試 產 驗證 配合 客戶 不斷 開發 折疊 顯示器 新 產品 的 佈 局 目前 已經 開發 出 十幾 種 新 產品 線 未來 有望 帶動 出 貨 成長</t>
  </si>
  <si>
    <t>永捷 3 月 營 收 首季 營 收 新冠肺炎 疫情</t>
  </si>
  <si>
    <t>旅館 專責 防疫 新冠肺炎 臺灣</t>
  </si>
  <si>
    <t>大陸 近 7 日新冠肺炎 確診 境外 輸入 占 8455</t>
  </si>
  <si>
    <t>劉致榮 隔離 新冠肺炎 麥爾茲 堡</t>
  </si>
  <si>
    <t>新冠肺炎 民眾 蔡英文 選手 李德維</t>
  </si>
  <si>
    <t>香港 10 日 新增 5 例 新冠肺炎 輸入 個案 當中 包括 3 名 男 患者 為 機組人員 港 專家 指出 未來 21 天 要 小心 有 病徵 人士 要 儘早 就醫 或 檢測 希望 儘早 發現 社區 傳播 鏈 避免 爆發 第 5 波 疫情 香港大學 感染 及 傳染病 中心 總監 何柏良 今 1</t>
  </si>
  <si>
    <t>香港 10 日 新增 5 例 新冠肺炎 輸入 個案 當中 包括 3 名 男 患者 為 機組人員 港 專家 指出 未來 21 天 要 小心 有 病徵 人士 要 儘早 就醫 或 檢測 希望 儘早 發現 社區 傳播 鏈 避免 爆發 第 5 波 疫情 香港大學 感染 及 傳染病 中心 總監 何柏良 今 11 日 表示 港 府 目前 豁免 檢疫 安排 存在 漏洞 建議 嚴加 管控 相關 豁免 檢疫 安排 要求 機組人員 也 需要 在 酒店 隔離 後 才能 進入 社區 何 柏良 指 由於 歐美 實施 與 病毒 共存 策略 機組人員 在 當地 感染 風險 增加 但 抵 港 後 仍 可 以 豁免 檢疫 自由 在 社區活動 相關 安排 需 考慮 對 其他 民眾 是否 公平 香港 呼吸系統 專科醫生 梁子超 今 也 表示 2 名 確診 機師 曾 到 過 社區 不同 地方 很 難 排除 有 傳播 風險 未來 21 日 要 小心 有 病徵 人士 要 儘早 看 醫生 或 檢測 希望 儘早 發現 社區 傳播 鏈 避免 爆發 第 5 波 疫情</t>
  </si>
  <si>
    <t>明達醫 6527 2019 年 稅 後 淨利 9107萬 元 年 增 3 成 以 加權 股本 計算 每股 盈 餘 約 42 元 董事會 決議 每股 將 配 息 255 元 現金 殖 利率 約 4 明達醫 去年 大陸 去年 營 收 占比約 13 相較 前 一 年 的 4 5 成長 大陸 新冠肺炎 疫情 衝擊</t>
  </si>
  <si>
    <t>明达医 6527 2019 年 税 后 净利 9107万 元 年 增 3 成 以 加权 股本 计算 每股 盈 馀 约 42 元 董事会 决议 每股 将 配 息 255 元 现金 殖 利率 约 4 明达医 去年 大陆 去年 营 收 占比约 13 相较 前 一 年 的 4 5 成长 大陆 新冠肺炎 疫情 冲击 市场需求 递 延 法人 认为 2 月 起 营 收 表现 恐 将 受到 影响 首季 业绩 保守 看待 但 由于 市场需求 只是 递 延 明达医 下半年 业绩 仍 可望 回升 回升 外加 全自动 眼底 相机 及 自动 磨片 机 新品 上市 中长期 业绩 仍 乐观 明达医 开发 出 台湾 第一 台由 国人 自行 研发 设计 生产 制造 的 专业 眼底 照相机 及 全自动 眼压计 产品 并 积极 朝 医疗 耗材 领域 发展 包括 引进 德国 知名 大 厂 内视 镜 耗材 明达医 深耕 高 阶 医疗 仪器 代 工业 务 另外 也 有 自有 品牌 crystalvue 业务 除了 代 工业 务 获得 全球 知名 厂商 长期 odm 合约 自有 品牌 产品 的 销售 代理商 已 遍 佈 全世界 40 多 个 国家</t>
  </si>
  <si>
    <t>明達醫 配 息 現金 殖 利率 新冠肺炎</t>
  </si>
  <si>
    <t>新冠肺炎 臺灣 東方紅 確診 南 投</t>
  </si>
  <si>
    <t>精選 中 時 新聞網 5 件 不可不 知 的 國際 大事 帶 讀者 掌握 今天 2 月 19 日 的 國際 新聞 重點 1 各國 防疫 反應 過度 專家 曝 新冠 病毒 可怕 關鍵 大陸 新冠肺炎 確診 病例 數 仍 持續 攀升 包括 美國 在內 全球 多國 對 陸 實施 入境 限制 措</t>
  </si>
  <si>
    <t>1 分鐘 看 世界 新冠肺炎 日本 美 股 土耳其</t>
  </si>
  <si>
    <t>新冠肺炎 持續 在 中國 市場 造成 影響 系統 廠 春節 後 的 復工 時間 仍 受到 衝擊 智慧 手機 出貨量 亦 同步 減少 三星 在 此 之際 利用 越南 廠 產能 擴大 出 貨 及 搶攻 市 占 持續 蠶食 大陸 品牌手機 廠 市 占 三星 因 此 擴大 對 零 組件 供應 鏈 下單 神</t>
  </si>
  <si>
    <t>新冠肺炎 持續 在 中國 市場 造成 影響 系統 廠 春節 後 的 復工 時間 仍 受到 衝擊 智慧 手機 出貨量 亦 同步 減少 三星 在 此 之際 利用 越南 廠 產能 擴大 出 貨 及 搶攻 市 占 持續 蠶食 大陸 品牌手機 廠 市 占 三星 因 此 擴大 對 零 組件 供應 鏈 下單 神 盾 6462 受惠 急 單 湧入 且 放 量 出 貨 並 同步 對 晶圓 代工廠 追加 投 片 量 以 因應 客戶 強勁 需求 供應 鏈 傳出 由於 復工 時間 延後 部分 陸系 品牌 春節 前 發表 的 新機 目前 仍 無 法 大量 鋪 貨 三星 由於 大部分 組裝 產能 設 在 越南 因此 不受 衝擊 目前 正在 向 供應 鏈 追 單 準備 搶 食 陸 手機 品牌 在 海 外市 占 率 法人 表示 指紋 辨識 ic 廠 神 盾 已經 接 獲 三星 追 單 出 貨 將 可望 開始 一路 放 量 到 3 月 新冠肺炎 從 中國 爆發 疫情 後 開始 對 全球 市場 造成 影響 原因 在於 目前 各 大 系統 廠 仍以 中國 為 主要 生產 據點 因此 自 農曆 春節假期 後 業者原因 預期 上周 便 可 全面 復工 不過 中國 各省 政府 因 新冠肺炎 而 決議 延後 復工 日期 後 供應 鏈 開始 連帶 受到 衝擊 供應 鏈 指出 目前 部分 系統 廠 雖 已經 獲得 復工 許可 但 由於 仍舊 缺 工 因此 產能 回復 有限 當前 各 大 智慧 手機 組裝廠 幾乎 都落 在 中國 大陸 因此 部分 陸系 品牌 在 春節 前 發表 的 新機 出貨量 相當 有限 使 陸廠 手機 在 第一 季 未能 全面 搶攻 全球 市場 三星 由於 先前 已經 全面 關閉 大陸 的 組裝廠 將 生產 鏈 移 轉至 越南 及 印度 等 東南亞 市場 因此 在 本次 系統 廠 延 後 開工 衝擊 潮 當中 受 影響 程度 相當 低 供應 鏈 傳出 三星 目前 正在 向 供應 鏈 緊急 追 單 準備 搶 食 陸系 品牌 在 海外 的 市 占 率 神 盾 由於 目前 至少 有 五 成 營 收 來自 三星 貢獻 因 此 將 可望 受惠 于 三星 追 單 大 搶 海外 市 占 率 帶動 神 盾 業績 全面 衝刺 法人 指出 神 盾 接 獲 的 三星 急 單 除了 加大 拉 貨 力道 之外 也 已經 向 晶圓 代工廠 追加 投 片 量 預期 神 盾 出貨量 有 機會 一路 放大 到 3 月 左右 神 盾 公告 2020 年 1 月 合併 營 收 達 548億 元 寫下 歷史 同期 次高 相較 2019 年 同期 成 長 384 法人 看好 神 盾 可望 受惠 于 三星 追 單 效益 帶動 神 盾 第一 季 合併 營 收繳 出 亮 眼 成績單</t>
  </si>
  <si>
    <t>社交圈 發病 彰 化 縣 新冠肺炎 臺灣</t>
  </si>
  <si>
    <t>新冠肺炎 臺灣 疫 調 璩 大成 北市</t>
  </si>
  <si>
    <t>台新 投 信 今 21 日 表示 在 新冠肺炎 的 黑 天鵝 衝擊 下 全球 金融市場 普遍 難以 倖免 面臨 修正 潮 但 新興 短期 高 收益 債 發揮 短 天 期 低 波動 及 高息 收 優勢 深 具 抗跌 力 台新 投 信 指出 在 雷曼 事件 美國 降 評 油價 重 挫</t>
  </si>
  <si>
    <t>台新 投 信 今 21 日 表示 在 新冠肺炎 的 黑 天鵝 衝擊 下 全球 金融市場 普遍 難以 倖免 面臨 修正 潮 但 新興 短期 高 收益 債 發揮 短 天 期 低 波動 及 高息 收 優勢 深 具 抗跌 力 台新 投 信 指出 在 雷曼 事件 美國 降 評 油價 重 挫 中 美 貿易戰 及 新冠肺炎 等 重大 利 空 期間 新興 短期 高 收益 債 跌幅 明顯 小於 全球 高收 債 美國 高 收益 債 美國 短 高 收 債 甚至 在 中 美 貿易戰 期間 逆勢 上揚 建議 投資人 將 新興 短期 高 收 債 納入 資產 配置 組合 強化 資產 防禦 力 台 新 新興 短期 高 收益 債券 基金 經理 人 尹晟 和 表示 據 bloomberg 統計 在 2008 年 雷曼 事件 引發 的 金融 海嘯 期間 全高 收 美 高 收 及 美國 短 高 收 等 最 大 跌幅 分別 達 308 2972 2273 但 新興 短 高 收 最 大 跌幅 僅 124 在 2018 年 中 美 貿易戰 期間 全高 收 美 高 收 及 美國 短 高 收 等 最 大 跌幅 分別達 382 467 24 但 新興 短 高 收 卻 逆勢上漲 089 在 此次 新冠肺炎 爆發 至 3 月 20 日 止 全高 收 美 高 收 及 美國 短 高 收 等 最 大 跌幅 分別 達 1937 1873 1438 而 新興 短 高 收 跌幅 僅 817 從 各 重大 經濟 事件 衝擊 來看 新興 短 高 收 的 抗震 特性 皆 明顯 勝 出 尹晟 和 指出 受到 新冠 病毒 的 影響 國際貨幣基金 imf 最新 發佈 的 世界 經濟 展望 報告 下 修 了 全球 經濟 成長率 由 29 調 降 至 3 其中 已 開發 國家 陷入 較 大 的 衰退 經濟 成長 降 至 61 而 新興 市場 在 中國 與 印度 的 拉 抬下 經濟 僅 微幅 衰退 1 且 預估 明年 將 恢復 66 的 高 增速 另 由 fed 與 ecb 聯手 大舉 降息 與 擴張 資產負債表 一旦 疫情 平復 可望 出現 資金 行情 並 使 新興 高收 債 表現 受惠</t>
  </si>
  <si>
    <t>big city 遠東 巨 城 購物 中心 因應 新冠肺炎 疫情 2 月 起 即 建立 完善 防疫 機制 9 日 起更 提升 防疫 等級 實施 顧客 入 館 量 測體溫 與 管制 除了 部分 入口 以 人工 進行 額 溫量 測 外 更 斥資 約 150萬 添 購 3 台 熱像儀 打造 全年齡 消費者 最 安全 無</t>
  </si>
  <si>
    <t>新冠肺炎 巨 城 消費者 防疫 體溫</t>
  </si>
  <si>
    <t>新冠肺炎 病例 不斷 增加 尤其 大陸 不時 傳出 醫療 緩不濟急 的 消息 武漢 當地 居民 更是 人人自危 一 名 住 在 華南 海鮮 市場 附近 的 武漢 高中生 指出 封城 後 他 與 家人 都 足不出戶 一家 人 每天 靠 做 3 件 事 躲 過 感染 這 名 學生 接受 中新</t>
  </si>
  <si>
    <t>新冠肺炎 最新 試劑 研發 成功 一 次 測 6 種 病毒 只 需 90 分鐘</t>
  </si>
  <si>
    <t>自從 新冠肺炎 疫情 發生 以來 大陸 各界 專業人士 紛紛 加緊 研究 腳步 有 專家 研發 出 最新 檢驗 病毒 的 試劑 可 在 90 分鐘 內 完成 六 種 呼吸道 病毒檢測 而且 靈敏度 比 原本 的 高三倍 並能 在 30 分鐘 內 確認 病 患 體內 是否 有 抗體 能 有 校 幫</t>
  </si>
  <si>
    <t>自從 新冠肺炎 疫情 發生 以來 大陸 各界 專業人士 紛紛 加緊 研究 腳步 有 專家 研發 出 最新 檢驗 病毒 的 試劑 可 在 90 分鐘 內 完成 六 種 呼吸道 病毒檢測 而且 靈敏度 比 原本 的 高三倍 並能 在 30 分鐘 內 確認 病 患 體內 是否 有 抗體 能 有 校 幫助 臨床 醫務人員 做 鑒別 診斷 據 人民 網 報導 大陸 工程院 院士 清華大學 醫學院 講 席教授 程 京 昨 6 日 發表 多 個 新款 試劑 盒 有 三大 特色 第一 可以 在 90 分鐘 以內 完成 高靈敏度 的 檢測 靈敏度 可以 比 過去 的 還要 高三倍 第二 個 特色 是 針對 咽 拭 子 採樣 過程 中 獲得 的 抗原 檢測 在 30 分鐘 之內 就 可以 快速 地 獲知 病 人體 內 是否 有 病毒 的 存在 第 三 則 是 針對 抗體 檢測 同樣 也 是 在 30 分鐘 內 完成 程京 表示 已 有 七 個 專案 近 入 臨床 階段 最新 審批 上市 的 一 款 試劑 盒 有 三大 優點 第一 是 利用 恒溫 擴 增 晶片 技術 一 次 能 對 六 種 呼吸道 病毒 進行 快速 檢測 第二 是 檢測 速度 更 快 所有 檢測 能 在 90 分鐘 內 完成 第 三 是 能 幫助 臨床 醫務人員 做 鑒別 診斷 迅速 區分 哪些 人 是 新冠 病毒感染 哪些 患者 是 其他 病毒感染 能 區分 合併 感染 交叉 感染 等 不同 情況 更 多 ctwant 報導</t>
  </si>
  <si>
    <t>日本 捐贈 124萬 劑 az 新冠肺炎 疫苗 昨 運 抵 臺灣 新北 市長 侯友宜 今 5 日 前往 五 股 視察 全市 首 座 大型 室內 疫苗 接種 站 他 表示 新北 市 大 中型 的 疫苗 接種 站 總共 有 23 處 整個 安排 的 動 線 跟 順序 都 非常 清楚 整個 作業 的 流程 so</t>
  </si>
  <si>
    <t>日本 捐贈 124萬 劑 az 新冠肺炎 疫苗 昨 運 抵 臺灣 新北 市長 侯友宜 今 5 日 前往 五 股 視察 全市 首 座 大型 室內 疫苗 接種 站 他 表示 新北 市 大 中型 的 疫苗 接種 站 總共 有 23 處 整個 安排 的 動 線 跟 順序 都 非常 清楚 整個 作業 的 流程 sop 早就 準備 就緒 了 就 等待 中央 疫苗 發送 下來 我們 就 可以 立即 施打 至於 新北 市 可 獲得 多少 疫苗 侯友宜 說 中央 有 說 過 用 高風險 中 風險 的 方式 來 分配 疫苗 尊重 中央 在 整個 疫苗 的 分配 方式</t>
  </si>
  <si>
    <t>新冠肺炎 臺灣 整個 疫苗 準備</t>
  </si>
  <si>
    <t>新華社 報導 大陸 國家 主席 習近平 23 日 晚間 先後 與 法國 總統 馬克洪 埃及 總統 塞西 英國首相 強 森 通電話 表達 對 各國 新冠肺炎 疫情 的 關切 習近平 介紹 大陸 疫情 防控 形勢 強調 願 同 各方 一道 加強 在 聯合國 20 國 集團 等 架構 下 協</t>
  </si>
  <si>
    <t>新華社 報導 大陸 國家 主席 習近平 23 日 晚間 先後 與 法國 總統 馬克洪 埃及 總統 塞西 英國首相 強 森 通電話 表達 對 各國 新冠肺炎 疫情 的 關切 習近平 介紹 大陸 疫情 防控 形勢 強調 願 同 各方 一道 加強 在 聯合國 20 國 集團 等 架構 下 協調 合作 開展 聯防 聯控 協助 發展中國家 和 有 需要 的 各國 加強 能力 抵禦 疫情 衝擊 習近平 向 馬克洪 強調 今年 1 月 以來 在 抗擊 新冠肺炎 疫情 的 關鍵時期 與 馬克洪 3 次 通話 充分體現 雙方 高度 互信 及 高 水準 的 陸法 關係 他 注意 到 法方 正 採取 一系列 積極 有效 防控 措施 陸方 願 繼續 向 法方 提供 力所能及 的 支持 和 幫助 習近平 應 詢 介紹 了 陸方 疫情 防控 的 形勢 強調 願 同 法方 一道 推動 有關 各方 加強 在 聯合國 20 國 集團 等 架構 下 協調 合作 開展 聯防 聯控 完善 全球 衛生 治理 幫助 發展中國家 和 其他 有 需要 的 國家 加強 能力 建設 抵禦 疫情 給 世界 經濟 帶來 的 衝擊馬克 洪 表示 法方 願 同 陸 方 開展 雙邊 衛生 合作 並 共同 推動 各 方在 20 國 集團 世衛組織 等 多邊 框架 內 加強 合作 攜手 戰勝 疫情 應對 疫情 給 世界 經濟 帶來 的 衝擊 兩 國 元首 同意 保持 密切 溝通 推動 雙邊 各 領域 交往 合作 確保 陸 法 關係 繼續 在 高 水準 上 向前 發展 維護 陸法 陸歐 產業鏈 供應 鏈 穩定 習近平 對 埃及 總統 塞西 指出 疫情 發生 後 埃 方 對 大陸 抗擊 疫情 表達 了 支援 埃及 當前 也 面臨 抗擊 疫情 的 緊迫 任務 陸方 願 同 埃 方 及時 分享 疫情 資訊 防控 救治 經驗 醫療 研究成果 提供 醫療 物資 支援 埃 方 疫情 防控 工作 共同 抗擊 疫情 塞西 表示 埃 方 感謝 陸方 提供 的 支持 和 幫助 相信 通過 共同 抗擊 疫情 埃 陸兩 國 友好關係 將 更加 深入 埃 陸 是 特殊 友好 的 夥伴 他 高度重視 埃 中 關係 願 同 陸方 共同努力 推進 兩 國 各 領域 務實 互利 合作 加強 在 國際事務 中的 溝通 協調 習近平 向 強森 強調 大陸政府 高度重視 保護 海外 大陸 公民 身體健康 和 生命安全 希望 英方 採取 切實有效 措施 維護 好在 英 大陸 公民 特別 是 留學生 的 健康 安全 和 正當權益 各國 要 在 聯合國 和 20 國 集團 架構 內 推進 合作 加強 資訊 和 經驗交流 共用 加強 科研 攻關 合作 支援 世衛組織 發揮 應有 作用 強 森 表示 當前 英國 疫情 形勢嚴峻 正 研究 借鑒 陸方 有益 經驗 採取 科學 有效 防控 措施 英方 將 盡力 照顧 好在 英 大陸 公民 特別 是 留學生 的 健康 和 安全 疫情 當前 任何 國家 都 不能 獨善其身 各國 應 加強 合作 英方 支援 世衛組織 發揮 重要 作用 希望 各 方在 20 國 集團 等 多邊 架構 內 深化 有關 合作 陸 英兩 國 今年 將 分別 舉辦 生物 多樣性 公約 第 15 次 締約方 大會 和 聯合國 氣候變化 框架 公約 第 26 次 締約方 大會 雙方 要 以此 為 契機 推動 國際 社會 加強 衛生防疫 合作 他 並 期 疫情 過後 早日 訪 陸</t>
  </si>
  <si>
    <t>就 在 未 接種 新冠 疫苗 的 民眾 確診 率 飆 升 之際 美國 新冠肺炎 首席專家 佛 奇 anthony fauci 警告 美國 正 朝 錯誤 的 方向 走 據 bbc 新聞網 26 日 報導 delta 新冠 變種 病毒 在 接種 率 低 的 區域 攀 向 感染 高峰 佛 奇 說 衛生 官員 為</t>
  </si>
  <si>
    <t>就 在 未 接種 新冠 疫苗 的 民眾 確診 率 飆 升 之際 美國 新冠肺炎 首席專家 佛 奇 anthony fauci 警告 美國 正 朝 錯誤 的 方向 走 據 bbc 新聞網 26 日 報導 delta 新冠 變種 病毒 在 接種 率 低 的 區域 攀 向 感染 高峰 佛 奇 說 衛生 官員 為了 遏制 確診 病例 正 考慮 要 修正 已 接種 疫苗 者 的 戴 口罩 守則 此外 他 指出 有關 單位 也 在 評估 要 讓 較 容易 患病者 打 加強 疫苗 佛 奇 說 美國 正 變成 未 接種 者 新冠 大 流行 的 狀況 官方 資料 顯示 美國 有 49 的 人口 也 就 是 超過 1627億 人 已 完成 疫苗 接種 而 在 4 月 之前 美國 在 接種 疫苗 上 原本 領先 許多 國家 但 4 月 後 接種 率 卻 開始 下降 而 在 接種 率 上 美國 南方 各州 特別 低 有些 地方 打 第一 劑 疫苗 的 比例 甚至 還 不 到 一半 就 在 56 月 新冠 確診 數 降低 後 美國 每天 的 確診 數 又 開始 攀升 美國 至今已有 超過 3400萬 人 確診 逾 61萬 人 喪生 在 疫情 複 燃 後 相關 數字 也 隨 著 上升 而 這 趨勢 有 部分 是 因 高 傳染性 的 delta 變種 病毒 迅速 蔓延 所 致 其中 疫情 飆 升 最 快 的 州 是 如 佛州 德州 和 密蘇里州 等 接種 率 較 低 的 州 稍 早 公共 衛生局 局長 莫西 vivek murthy 說 在 新冠 死者 中 有 995 都 沒有 接種 疫苗 另一方面 原本 美國 疾病 管制 與 預防 中心 cdc 說 接種 過 兩劑 疫苗 的 民眾 可以 不 戴 口罩 恢復 疫情 前 的 活動 但 佛 奇 說 地方 政府 可以 在 現有 的 cdc 綱領 下 頒佈 自 有 的 規則 例如 洛杉磯 就 規定 無論 有 沒有 接種 疫苗 民眾 在 室內 時 都 必須 戴 口罩</t>
  </si>
  <si>
    <t>delta 新冠肺炎 變種 佛 奇 洛杉磯</t>
  </si>
  <si>
    <t>衛報 7 月 1 日 消息 川普 政府 已經 向吉利 德 gilead 購買 了 超過 50萬 劑 瑞德西韋 remdesivir 這 是 吉利 德 公司 789 月份 所有 產能 的 90 預計 在 接下來 的 三 個 月 裡 除 美國 以外 的 其他 國家 將 很 難 買到 該 治療 藥物 專家 和 醫 界 都 對 美國 對 瑞德西韋 的 單方面 行動 及其 不顧 他國 情況 感到 震驚 而且 如果 在 有 疫苗 可用 的 情況 下 川普 政府 已經 表明 它 準備 出價 和 超越 其他 所有 國家 以 確保 獲得 美國 所 需 的 醫療 用品 利物浦大學 高級 訪問 研究員 安德魯·希爾 andrew hill 博士 說 他們 用 盡 了 瑞德西韋 的 大部分 的 供應 因此 歐洲 沒有 任何 東西 瑞德西韋 是 吉利 德 生產 的 是 美國 許可證 頒發 機構 批准 的 第一 種 用於 治療 新冠肺炎 的 藥物 已 被 證明 可以 幫助 人們 更 快 地 從 疾病 中 康復 目前 提供 給 全球 藥物 試驗 的 前 140000 劑 已經 用 完 在 川普 政府 已經 購買 了 超過 50萬 劑 這 是 所有 吉利 德 公司 生產 的 未來 3 個 月 的 9 成 產能 美國 衛生 和 公共服務 部長 亞曆克斯·阿紮爾 alex azar 表示 川普 總統 達成 了 一 項 了不起 的 協議 以 確保 美國 人 能夠 獲得 新冠肺炎 的 首 個 授權 治療劑 在 可能 的 範圍 內 我們 希望 確保 任何 需要 瑞德西韋 的 美國 患者 都能 得到 它 川普 政府 正在 竭盡所能 以 瞭解 有 關新冠肺炎 的 救生 療法 的 更 多 資訊 並 確保 美國 人民 能夠 獲得 這些 選擇 不過 瑞德西韋 一個 療程 要花費 3千 美元 被 批評 可能 只 有 相當 財力 的 人才 有 資格 接受 這個 治療</t>
  </si>
  <si>
    <t>衛報 瑞德西韋 美國 川普 政府 新冠肺炎</t>
  </si>
  <si>
    <t>法國衛生部 星期六 公佈 最新 新冠肺炎 疫情 數字 將近 4500 人 確診 新冠肺炎 其中 300 人 住 加 護 病房 91 人 死亡 隨後 法國總理 愛德華·菲力普 edouard philippe 也 對外 宣佈 從 星期六 午夜 開始 全國 大 部分 商店 餐廳 遊 憩 場</t>
  </si>
  <si>
    <t>法國衛生部 星期六 公佈 最新 新冠肺炎 疫情 數字 將近 4500 人 確診 新冠肺炎 其中 300 人 住 加 護 病房 91 人 死亡 隨後 法國總理 愛德華·菲力普 edouard philippe 也 對外 宣佈 從 星期六 午夜 開始 全國 大 部分 商店 餐廳 遊 憩 場所 將 關閉 直到 疫情 和緩 為止 根據 路透社 報導 總理 菲力普 表示 政府 已經 別無選擇 大多數 人 都 沒有 遵守 先前 政府 警示 的 防疫 措施 太 多 人 都還 在 外頭 活動 沒有 注意 公共 衛生 安全 以致於 疫情 持續 擴散 現在 只 剩下 一 條 路 宣佈 封鎖 法國 從 星期六 午夜 開始 只有 民生 必需品 的 商店 可以 營業 包括 超市 藥局 加油站 他 也 強調 即便 加油站 目前 沒有 關閉 民眾 也 必須 限制 自身 的 移動 盡可能 待 在 家中</t>
  </si>
  <si>
    <t>案 379 新冠肺炎 確診 者 為 一 名 酒店 公關 疫情 中心 發言人 莊人祥 表示 目前 其 接觸 者 有 71 位 已經 采 檢 5 位 其中 3 例 為 陰性 另 2 位 尚 檢驗 中 莊人祥 指出 疫 調 部分 還 在 持續 進行 將 針對 目前 可 掌握 的 工作人員 還 有 客人 部分 進行</t>
  </si>
  <si>
    <t>案 379 新冠肺炎 確診 者 為 一 名 酒店 公關 疫情 中心 發言人 莊人祥 表示 目前 其 接觸 者 有 71 位 已經 采 檢 5 位 其中 3 例 為 陰性 另 2 位 尚 檢驗 中 莊人祥 指出 疫 調 部分 還 在 持續 進行 將 針對 目前 可 掌握 的 工作人員 還 有 客人 部分 進行 瞭 解 至於 還 沒有 辦法 掌握 的 相關 人 等 將 與 內政部警政署 合作 追蹤 至於 案 379 的 身份 從 家庭 主婦 變 酒店 女 公關 是否 在 疫 調 有所 隱匿 陳時中 表示 是否 對 她 開 罰 還要 再 研究 一下 畢竟 也 不 會 在 第一 次 講錯 就 開 罰 會 再 請 行政 人員 瞭解 一下 至於 疫 調 的 問題 莊人祥 坦言 開 記者會 和 做 疫 調 時間 有限 疫 調 人員 應有 掌握 但是 填寫 回來 的 資料 在 記者會 上 說明會 比較 保守 做 疫 調 的 時候 有 掌握 到 若 講 得 太 多 晚上 疫 調 行動 會 打折 但 疫 調 一直 都有 在 進行</t>
  </si>
  <si>
    <t>新冠肺炎 臺灣 大陸 接種 疫苗 臺胞</t>
  </si>
  <si>
    <t>新冠肺炎 湖北 台商 陳時中 封城</t>
  </si>
  <si>
    <t>日本 出現 第 一個 新冠肺炎 死亡 病例</t>
  </si>
  <si>
    <t>日本政府 今天 證實 出現 第一 起 新冠肺炎 死亡 病例 死者 是 一 名 居住 在 神奈川縣 的 80 多 歲 女性 這 也 是 除了 菲律賓 外 全球 第二 宗在 大陸 以外 地區 的 新冠肺炎 死亡 案例 日本 厚生 勞動 大臣 加藤勝 信 在 記者會 中 表示 死者 並 無 海外</t>
  </si>
  <si>
    <t>日本政府 今天 證實 出現 第一 起 新冠肺炎 死亡 病例 死者 是 一 名 居住 在 神奈川縣 的 80 多 歲 女性 這 也 是 除了 菲律賓 外 全球 第二 宗在 大陸 以外 地區 的 新冠肺炎 死亡 案例 日本 厚生 勞動 大臣 加藤勝 信 在 記者會 中 表示 死者 並 無 海外 旅遊 史 婦女 因為 身體 出現 症狀 本月 初即 入院 接受 治療 稍後 轉 往 其他 醫院 在 今天 過世 加藤 審慎 指出 老婦 人 是否 因 新冠肺炎 死亡 仍 不 清楚 新冠 病毒 與 婦人 之 死 之間 的 關聯 尚未 明朗 但 她 是 日本 第一 位 新冠 病毒 呈 陽性反應 的 死亡 案例</t>
  </si>
  <si>
    <t>出現 新冠肺炎 死亡 病例 神奈川縣 80 歲</t>
  </si>
  <si>
    <t>賈永婕 hfnc 救命 神 器 新冠肺炎 臺灣</t>
  </si>
  <si>
    <t>伊朗 首 傳 兩 人 確診 新冠肺炎 當日 即 宣告 不治</t>
  </si>
  <si>
    <t>伊朗 衛生部 證實 週三 有 兩 人 初步 確診 新冠肺炎 這 是 伊朗 首度 通報 新冠肺炎 的 案例 兩 起 確診 病例 都 出現 在 伊朗 首都 德黑蘭 南方 的 什葉 派 聖城 庫 姆 qom 病 患 都 是 伊朗人 而 當日 稍晚 庫 姆 醫科 大學 負責人 向 媒體 表示 這 兩 名</t>
  </si>
  <si>
    <t>伊朗 衛生部 證實 週三 有 兩 人 初步 確診 新冠肺炎 這 是 伊朗 首度 通報 新冠肺炎 的 案例 兩 起 確診 病例 都 出現 在 伊朗 首都 德黑蘭 南方 的 什葉 派 聖城 庫 姆 qom 病 患 都 是 伊朗人 而 當日 稍晚 庫 姆 醫科 大學 負責人 向 媒體 表示 這 兩 名 病 患 已 在 醫院 不治 身亡 伊朗 衛生部 發言人 賈漢 普爾 kianush jahanpour 也 證實 兩 名 病 患 不幸 死亡 的 消息 死因 為 呼吸系統 疾病 這 兩 名 病 患 當日 檢驗 出新冠 病毒 後 隨即 住院 隔離 治療 然而 病情 迅速 惡化 當日 逝世 目前 新冠肺炎 已 造成 全球 2014 人 死亡</t>
  </si>
  <si>
    <t>由於 越南 新冠肺炎 疫情 升高 越南 總理 阮春福 21 日 宣佈 即日起 暫停 所有 國際航班 入境 但 未說明 期限 至 何時 為止 據 路透 報導 阮春福 發表 聲明 說 越南 將 暫停 所有 搭載 外國 乘客 的 航班 服務 這 是 為了 減少 入境 旅客 數量</t>
  </si>
  <si>
    <t>由於 越南 新冠肺炎 疫情 升高 越南 總理 阮春福 21 日 宣佈 即日起 暫停 所有 國際航班 入境 但 未說明 期限 至 何時 為止 據 路透 報導 阮春福 發表 聲明 說 越南 將 暫停 所有 搭載 外國 乘客 的 航班 服務 這 是 為了 減少 入境 旅客 數量 截至 21 日 越南 新冠肺炎 累計 確診 病例 為 92 起 同日 越南 衛生部 也 呼籲 國內 所有 衛生工作者 包括 醫科 學生 與 退休 醫護人員 一起 加入 國家 的 抗 疫 工作 越南政府 昨 20 日 下午 宣佈 自 21 日 淩晨 0 時起 來自 各國 的 所有 入境者 皆 須 集中 隔離 14 天 若 發現 發燒 咳嗽 呼吸困難 等 症狀 者 將 立即 送醫 隔離</t>
  </si>
  <si>
    <t>臺灣 企業 永續 學院 主辦 的 2020 年 第 13 屆 臺灣 企業 永續獎 tcsa 今 進行 頒獎 中華 航空 連續 7 年 摘 下 臺灣 企業 永續獎 長 榮 航空 則 再次 拿 到 企業 永續 報告 類 運輸業 白 金獎 並 首度 獲 頒 企業 永續 綜合 績效 類 臺灣 top 50 永續 企業 獎 今年 在 新冠肺炎 疫情 下 航空 業 經營 不易 華航 董事長 謝世謙 表示 公司 持續 推動 永續 經營 在 經濟 環境 和 社會面 努力 達成 企業 使命 繼 本月 14 日 獲得 道 瓊 永續 指數 djsi 肯定 連續 4 年 榮獲 全球 航空 業 第 3 名 的 佳績 今 再 獲 頒 全球 及 臺灣 企業 永續獎 長 榮 航空 總經理 孫嘉明 指出 長 榮 的 永續 發展 藍圖 圍繞 著 公司 安全 服務 永續 的 核心 價值 不斷 地 以 紀律 來 落實 飛 航 安全 以 真誠 來 做 好 服務 以 創新 來 成就 永續 他 說 即使 今年 全球 航空 業 受到 新冠肺炎 疫情 嚴重 衝擊 長 榮 仍以 世界 在 變 安全 不 變 疫情 再 難 克服困難 的 原則 擬定 策略 調整 態度 落實 行動 以 厚植 企業 韌性 持續 創造 投資人 員工 社會 大眾 及 利害關係 人 最 大 的 利益 善 盡 企業 社會 責任</t>
  </si>
  <si>
    <t>永續獎 中華 航空 長 榮 航空 新冠肺炎 航空 業</t>
  </si>
  <si>
    <t>廣告 主要 為了 吸引 人 關注 因此 圖片 與 字形 設計 顯得 格外 重要 日本 中華 料理 連鎖店 餃子 的 王將 為了 新冠肺炎 防疫 措施 日前 在 店門口 貼 海報 表示 只要 外帶 商品 可 享 10 折價 明明 是 開心 的 優惠活動 但 由於 字形 相當</t>
  </si>
  <si>
    <t>廣告 主要 為了 吸引 人 關注 因此 圖片 與 字形 設計 顯得 格外 重要 日本 中華 料理 連鎖店 餃子 的 王將 為了 新冠肺炎 防疫 措施 日前 在 店門口 貼 海報 表示 只要 外帶 商品 可 享 10 折價 明明 是 開心 的 優惠活動 但 由於 字形 相當 詭異 讓 民眾 看 得 不禁 寒毛 直 豎 日本 網友 @obamametal 經過 餃子 的 王將 時 發現 店家 為了 防疫 鼓勵 民眾 外帶 食物 回家 吃 因此 在 店門口 貼出 全 商品 特價 優惠 指 在 3 月 22 日前 享有 限定 回 饋 全 商品 外帶 都 折價 10 但 值得注意 的 是 店家 使用 的 字體 竟是 古 印體 這 通常 用於 日本 靈異 節目 因此 讓 不少 人 覺得 毛毛 的 pic twitter com ak 1 fnt 4 d 5 g 許多 人 紛紛表示 這 字體 是 怎麼回事 如果 你 常看 恐怖 節目 的話 真的 會 留下 既定 印象 雖然 有點 怪 但 真的 引起 我 注意 了 古 印體 給 人 恐怖感 可能 是 受 七龍珠 的 影響 而 年長者 沒看 過 七龍珠 就 覺得 這 字體 給 人 歷史 的 印象 而 更 年輕 一 輩 則 認為 字 澎 澎 的 很 可愛 原 po 也 表示 廣告 最後 寫 著 便宜 到 恐怖 推測 這 可能 是 店家 使用 古 印體 的 原因</t>
  </si>
  <si>
    <t>nfl 例行 賽還 沒開 打 就 有 球員 嚴重 違規 海鷹 隊 菜 鳥 席弗 藍德 kemah siverand 因為 偷 帶 女人 進入 球隊 飯店 直接 被 球 團 宣佈 開除 nfl 球隊 目前 在 訓練營 雖然 他們 例行 賽 不 打算 採用 隔離 式 的 泡泡 來 阻擋 新冠肺炎 他們 仍然</t>
  </si>
  <si>
    <t>nfl 美國 海鷹 隊 例行 賽 新冠肺炎</t>
  </si>
  <si>
    <t>新北 市 侯友宜 今 26 日 主持 疫情 說明會 全市 新增 0 例 確診 居家 列管 數 55 人 今天 可 解 隔 2 人 目前 新北 市 疫情 近 2 周多為 0 但 也 不能 太 輕忽 疫情 侯 強調 國外 疫情 仍 嚴峻 必須 要 阻絕 於 境外 要 戒慎 恐懼 面對 疫情 侯友宜 說 新北 再 0 是否 已經 非常 穩定 是否 都 沒有 問題 還是 要 特別 提醒 市民 目前 警戒 二級 維持 至 10 月 4 日 delta 印度 變異 株 仍然 肆虐 新加坡 南韓 日本 甚至 包含 歐美 都 非常 嚴重 必須 要 阻絕 於 境外 要 戒慎 恐懼 此外 警戒 二級 有 相關 規定 還是 要 提醒 市民 今天 為 周日 人潮 儀錶 板 仍然 有 警示 烏來 十分 瀑布 已經 達到 40 容留 量 建議 市民 非必要 不要 再 前往 都會 隨時 提醒 把 疫情 穩 穩 守 住 尤其 面對 千變萬化 的 病毒 要 學會 謙卑 學習 全力以赴 守 好意 情 臺灣 疫情 愈趨 穩定 侯友宜 表示 期盼 可以 長期 看到 0 阻絕 於 境外 沒有 病毒 再 進來 口罩 一定 要戴好 一定 要 遵守 相關 規定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唐玲 胃癌 醫院 量 能 新冠肺炎 臺灣</t>
  </si>
  <si>
    <t>針對 海軍 敦睦 艦隊 發生 新冠肺炎 群 聚 感染 其中 1 名 確診 官兵 曾經 到 過屏 東大 學 即刻 啟動 疫 調 發現 確診 個案 是 音樂 系 校友 16 日 夜間 到校 參加 社團活動 地點 為 屏 師校區 表演 廳 一 樓 弦樂 社 未曾 到 過 其他 校內 場所 當天 直接</t>
  </si>
  <si>
    <t>針對 海軍 敦睦 艦隊 發生 新冠肺炎 群 聚 感染 其中 1 名 確診 官兵 曾經 到 過屏 東大 學 即刻 啟動 疫 調 發現 確診 個案 是 音樂 系 校友 16 日 夜間 到校 參加 社團活動 地點 為 屏 師校區 表演 廳 一 樓 弦樂 社 未曾 到 過 其他 校內 場所 當天 直接 接觸 同學 共有 3 名 現 已 居家 隔離 檢疫 中 並 並 進行 環境 消毒 並 密切 追蹤 相關 學生 後續 健康 情況 屏 大 指出 直接 接觸 的 3 名 同學 17 日 均 未 到校 上課 18 日 19 日 是 假日 沒有 課程 20 日 即 居家 檢疫 也就是說 與 這 3 名 同學 一起 修課 的 同學 都 未 接觸 不必 恐慌 另 全校 與 這 3 名 直接 接觸 的 同學 有 過 接觸 的 師生 共有 20 名 學生 及 9 名 教職員工 目前 均 自主 健康 管理 並 持續 疫 調 中 已經 啟動 安心 就學 方案 實施 線 上 教學 至於 確診 個案 曾 到 過 的 場館 週末 均 已 全面 消毒 屏 大 也 宣佈 即日 暫停 所有 學生 社團活動 且 出入 校園 均 須 佩戴 識別證 非 洽 公者 不得 進入</t>
  </si>
  <si>
    <t>新冠肺炎 屏 大 消毒 音樂 系 取消 社團</t>
  </si>
  <si>
    <t>國內 新冠肺炎 確診 人數 日益 增多 因此 從 國外 回到 臺灣 的 旅客 都 要 進行 隔離 檢疫 而 在 機場 工作 的 人 也 無不 小心翼翼 但 今 28 日 傳出 觀光局 桃園 機場 旅客 服務 中心 的 一 名 男員工 因 身體 不適 就醫 後 確診 為 新冠肺炎 病例 根據</t>
  </si>
  <si>
    <t>確診 觀光局 新冠肺炎 桃園 機場 旅客</t>
  </si>
  <si>
    <t>鈺 太 6679 第二 季 營運 受惠 疫情 下 帶動 的 居家 商 機 nb 市場 活絡 有助於 鈺 太 mems 微機 電 系統 麥克風 出 貨 長線 也 在 窄 邊框 nb 滲透 率 看俏 下 於 產業界 具有 發展 優勢 除 nb 市場 外 鈺 太 在 無線 藍芽 耳機 tws 遊戲機 以及 智慧 tv 方面 下半年 也 可望 有 新進展 不僅 第二 季 營運 表現 可望 勝 第一 季外 下半年 仍 具有 正向 動能 今年 上半年 因為 全球 受到 新冠肺炎 衝擊 居家 辦公 遠 端 教學 趨勢 快速 成長 帶 動筆 電 需求 急速 攀升 預計 鈺 太 第二 季在 此 趨勢 下 筆 電 mems 麥克風 出 貨 將 明顯 貢獻 營運 動能 整體 業績 表現 將 勝 第一 季 目前 各 大 pc 品牌 廠 為 優化 視覺 體驗 于原 機身 架構 下 設計 將 螢 幕 邊框 縮 窄 以求 提高 呈現 的 畫面 比例 窄 邊框 筆 電 mems 麥克風 由 樓式 與 鈺 太 承作 兩者 市 占率各 約 50 mems 麥克風 單價 亦 高於 傳統 nb 2016 年 為 窄 邊框 筆 電 的 第一 年 彼時 滲透 率 僅 1 2 今年 預計 滲透 率 可以 上 看 22 23 隨 鈺 太 在 nb 逐步 拓展 營運 其 市 占 率 已 由 2018 年 的 20 攀升 至 目前 35 40 未來 在 產業 持續 具有 優勢 地位 tws 自 去年 以來 躍升 消費 電子 當紅 炸 子雞 鈺 太 在 tws 藍 芽 耳機 以 搭載 anc 自動 降 噪 為 主要 切入口 而 預計 在 今年 終端 市場 推出 的 中高 階 產品 也 會 陸續 撘 載 anc 毛利率 會 相較 先前 tws 高 且 普及率 會 持續 提升 鈺 太 目前 已 和 各 主 晶 片 設計 合作 鈺 太 將 於 第 三 季 量 產 支援 anc 方案 智慧 tv 品牌 廠 將 tv 轉換成 帶 語音 控制 隨 客戶 第二 季 開始 復工 鈺 太 亦 將 跟隨 出 貨 遊戲機 客戶 將 遞 延 於 下半年 推出 新款 機種 鈺 太 預計 也 可望 在 第 三 季 陸續 出 貨 鈺 太 第一 季營 收 367億 元 季 減少 5 年 增加 34 單季 毛利率 攀升 到 335 每股 稅 後 eps 為 14 元 帶動 毛利率 成長 的 原因 主要 是 產品 結構 變化 與 成本 控管 所 致 鈺 太 第一 季 產品 結構 為 數位式 麥克風 占比 69 類比 式 麥克風 占比 11 audio 占 比 6 電源 晶 片 5 以及 其他 產品 9 其中 類比 式 麥克風 與 電源 晶 片 兩者 下滑 幅度 大 是 因 主要 消費 區域 位於 大陸 受到 新冠肺炎 疫情 拖累 所 致 預計 該 衝擊 到 第二 季隨著 疫情 在 大陸 陸續 解封 後 已經 得到 緩解 鈺 太 5 月 營 收 147億 元 續創 單月 歷史 新高 月 增加 482 年 增加 2844 累計 前 5 月 營 收 654億 元 年 增加 3199</t>
  </si>
  <si>
    <t>新冠肺炎 疫情 衝擊 社 福 捐款 急凍</t>
  </si>
  <si>
    <t>全球 新冠肺炎 疫情 不見 趨 緩 影響 民眾 出門 意願 產業 多少 都 受 衝擊 就 連靠著 各界 善款 支應 的 社 福 團體 也 不 例外 小額 捐款 數目 急凍 在 開源 不易 只能靠 著 節流 度 冬 屏 東 創世 近日 拆 掉 一半 燈管 力拼 省 電 因為 不 知道 防疫 還</t>
  </si>
  <si>
    <t>全球 新冠肺炎 疫情 不見 趨 緩 影響 民眾 出門 意願 產業 多少 都 受 衝擊 就 連靠著 各界 善款 支應 的 社 福 團體 也 不 例外 小額 捐款 數目 急凍 在 開源 不易 只能靠 著 節流 度 冬 屏 東 創世 近日 拆 掉 一半 燈管 力拼 省 電 因為 不 知道 防疫 還 得 持續 多久 咳 創世 屏 東 分 院長 林艾 樺 深深 歎 了 口氣 說 社 福 團體 最 重要 的 捐款 旺季 就是 年底 與 年初 年底 企業 為了 節稅 年初 民眾 領 了 年終獎金 通常 都 會 順勢 捐款 作 公益 未 料 這 波 疫情 來得 又 快 又 急 年底 還 沒 感受 一過 了 農曆年 彷 佛 變 了 一個 世界 連 二手 市集 都 少 了 買氣 收入 相較 同期 少 了 將近 4 成 林艾樺 表示 植物人 照 護 服務 還 是 得 繼續 包括 使用 的 醫 材 健康 食品 開銷 都 是 固定 只能 從 日常生活 去 省 抬頭 看看 日光燈 從 過去 每格 4 盞 已經 全部 減半 她 開玩笑 地 說 現在 每天 都 是 想 著 要 如何 省錢 力拼 節流 也 想 著 如何 開源 創世 目前 推動 守護 天使 方案 林艾樺 說 希望 找到 每月 願意 主動 捐款 的 善士 透過 每月 固定 善款 挹注 就 像是 守護 院 民 的 天使 讓 植物人 及 家屬 都 能 無 後顧之憂</t>
  </si>
  <si>
    <t>捐款 疫情 年底 新冠肺炎 創世</t>
  </si>
  <si>
    <t>板橋 萬華 馬偕 醫院 新冠肺炎 侯友宜</t>
  </si>
  <si>
    <t>新冠肺炎 臺灣 疫苗 到貨 立 委</t>
  </si>
  <si>
    <t>因 著 新冠肺炎 的 影響 一年一度 的 西班牙 巴塞羅納 世界 通訊 大會 mwc 也 取消 以後 各 大 廠商 都 改以 網路 發表會 來 公佈 品牌 最新 產品 像 華為 就 在 24 日 晚上 發表 了 全新 升級 版 5 g 折疊 手機 huawei mate xs 而 其他 陸 牌手機 如 oppo 也 將</t>
  </si>
  <si>
    <t>因 著 新冠肺炎 的 影響 一年一度 的 西班牙 巴塞羅納 世界 通訊 大會 mwc 也 取消 以後 各 大 廠商 都 改以 網路 發表會 來 公佈 品牌 最新 產品 像 華為 就 在 24 日 晚上 發表 了 全新 升級 版 5 g 折疊 手機 huawei mate xs 而 其他 陸 牌手機 如 oppo 也 將 於 3 月 6 日 舉行 全球 線 上 發表會 預計 將 推出 全新 find x 2 系列 至於 小米 雖 早已 發表 了 陸 版 的 小米 10 系列 不過 國際版 將 會 延 後於 歐洲 發表 華為 全新 的 升級 版 5 g 折疊 手機 huawei mate xs 也 是 今年 讓 消費者 期待 的 手機 之一 畢竟 三星 的 galaxy z flip 折疊 手機 甫 在 台 推出 就 被 一掃而空 因此 華為 的 折疊 新機 想當然 也 是 本 年度 的 一大 亮點 此次 採用 了 業 界 獨有 的 鷹翼 鉸鏈 折疊 設計 仍 是 以外 折 螢 幕 在外 的 方式 呈現 展開 後 為 8 吋 的 柔性 顯示 螢 幕 合上 後 則 變成 66 吋 和 638 吋 的 雙螢幕 手機 再配 上 多 組 5 g 天線 品牌 最高 性能 的 kirin 990 5 g soc 旗艦 晶 片 等 硬體 下 不過 要價 2499 歐元 台幣 約 8萬2300 元 因此 同樣 主攻 高端 消費層 至於 小米 10 系列 早已 發佈 陸 版 系列 採用 了 1億 像 素 8 k 超高 解析 度 相機 可說是 本次 最 大 亮點 更 搭載 了 高通驍 龍 865 處理器 配上 對稱 式 身歷聲 喇叭 為 今年 品牌 的 旗艦 頂級 機種 小米 10 pro 更 在 甫 推出 就 以 相機 124 分 躍 升為 dxomark 上 第 1 位 不過 目前 因 新冠肺炎 影響 國際版 將 延 後於 歐洲 舉行 而 另 一陸 牌手機 oppo 則 預計 於 3 月 6 日 舉辦 全球 線 上 發表會 將 推出 全新 find x 2 系列 新機 主 打 迄今為止 最好 的 螢 幕 訂制 的 旗艦 級 圖像 感光 元件 作主 打</t>
  </si>
  <si>
    <t>射 頻 元件 及 功率 放大器 pa 大廠 skyworks 墨西哥 封 測 廠 受到 新冠肺炎 疫情 影響 被 當地政府 要求 停工 至 4 月底 雖然 skyworks 手中 仍 有 庫存 因應 市場需求 但 考量 到 封 測 廠 停工 若 延長 至 5 月 將 對 全球 pa 元件 供應 造成 衝擊 據 了</t>
  </si>
  <si>
    <t>射 頻 元件 及 功率 放大器 pa 大廠 skyworks 墨西哥 封 測 廠 受到 新冠肺炎 疫情 影響 被 當地政府 要求 停工 至 4 月底 雖然 skyworks 手中 仍 有 庫存 因應 市場需求 但 考量 到 封 測 廠 停工 若 延長 至 5 月 將 對 全球 pa 元件 供應 造成 衝擊 據 瞭解 skyworks 近期 已 轉 單 臺灣 封 測 代工廠 測試 大廠 京元 電 2449 獲 急 單加持 第二 季營 收 將 創 歷史 新 高 全球 新冠肺炎 疫情 蔓延 墨西哥政府 要求 境內 所有 工廠 暫停 所有 非必要 的 營運 到 4 月 30 日 skyworks 位於 墨西哥 封 測 廠 暫停 營運 skyworks 在 聲明 中 表示 墨西哥 封 測 廠 因為 新冠肺炎 情 而 暫時 停工 到 4 月 30 日 預期 不 會 對 公司 營運 造成 明顯 影響 但是 若 新 工 要求 延後 到 5 月 skyworks 恐無 法 滿足 客戶 需求 並 會 對 營運 造成 衝擊 skyworks 將 在 5 月 4 日 召開 2020 年 會計年度 第二 季 法人 說明會 並 對外 說明 新冠肺炎 造成 的 影響 skyworks 是 全球 pa 元件 市場 龍頭 包括 蘋果 華為 三星 索尼 等 全球 手機 廠 都 是 其 主要 客戶 並 與 聯發 科 高通 華為 海思 等 手機 晶 片 廠 有 緊密 合作 受惠 於 5 g 市場 進入 成長 爆發 期 skyworks 位於 美國 的 自有 砷 化 鎵 gaas 晶圓廠 仍 全線 滿載 投 片 超過 80 以上 自有 產能 的 後 段封 測 業務 都 在 墨西哥 廠 完成 skyworks 墨西哥 封 測 廠 暫時 停工 到 4 月底 手中 庫存 水位 仍 可因 應 市場需求 但 該 廠 的 停工 時間 若 延續 到 5 月 將 直接 影響 到 pa 元件 出 貨 由於 全球 主要 手機 廠 第二 季已 陸續 啟動 將 於 下半年 推出 的 5 g 智慧 型 手機 的 零 組件 備 貨 skyworks 若 5 月 後 無法 順利 供貨 將 對 下半年 手機 出 貨 造成 影響 而 據 業 界 消息 skyworks 為了 降低生產 斷 鏈 風險 近期 計畫 擴大 對封 測 代工廠 釋出 委 外代 工 訂單 除了 將 部分 封裝 訂單 釋出 予 日 月光 最 重要 的 測試 代工 急 單已 交 由 京元電 代 工 測試 機台 開機 數 上 看 43 台 且 測試 訂單 將 逐步 放 量 到 下半年 京元 電 受惠 於 5 g 基地 台及 手機 晶 片 等 測試 訂單 到位 加上 cmos 影像 感測器 cis 及 伺服器 相關 晶 片 測試 訂單 續 強 3 月 合併 營 收 月 增 120 達 2491億 元 創下 單月 營 收 歷史 新高 與 去年同期 相較 成 長 354 第一 季 合併 營 收 季 減 20 達 7001億 元 與 去年同期 相較 成 長 331 為 歷年 同期 新高 紀錄 法人 看好 京元電 第二 季營 收 將 創 歷史 新 高</t>
  </si>
  <si>
    <t>新冠肺炎 本土 疫情 延 燒 全國 三級 警戒 自 5 月 19 日 實施 至今 已 逾 1 個 月 中央 宣佈 再 延長 至 7 月 12 日 百工 百業 衝擊 大 專門 照顧 植物人 的 創世 基金會 哀嚎 成為 重災區 因為 植物人 的 所 需 開銷 8 成 來自 各界 捐款 如今 捐款 斷 崖 式</t>
  </si>
  <si>
    <t>新冠肺炎 臺灣 植物人 創世 捐款</t>
  </si>
  <si>
    <t>中 時 新聞網 精選 5 件 不可不 知 的 國際 大事 帶 讀者 掌握 今 27 日 的 國際 新聞 重點 1 生死 成 謎 南韓 總統 顧問 金正恩 依然 健在 北 韓 領導人 金正恩 許久 未公開 露面 生死 行蹤 成 謎 美 媒 盛傳 他 已經 成為 植物人 也 有 報導 說 他 在 躲 新冠肺炎 南韓 方面 則 堅稱 金正恩 身體狀況 良好 南韓 總統 文在寅 的 統一 外交 安保 特別 顧問 文 正仁 26 日 向 美國 媒體 透露 金正恩 仍 活 著 而且 狀況 很 好 2 神 隱 多 日 專列 停靠 元 山 北 韓 領導人 金正恩 的 健康狀況 成 全球 焦點 他 的 行蹤 也 依舊 成 謎 南韓 總統 特別 顧問 指出 金正恩 平安 健康 美國 智庫 證實 金正恩 的 專列 出現 在 元山 南韓 媒體 甚至 表示 北 韓 可能 在 金正恩 指導 下 試射 飛彈 有 媒體 指出 隨 著 五一勞動節 的 逼近 金正恩 的 狀況 到底 如 何將 會 更為 清晰 3 英 首相 強森 今日 復工 英國首相 辦公室 發言人 昨天 證實 英國首相 強 森 boris johnson 治療 加 休養 整整 超過 3 周後 27 日 將 重返 工作崗位 比 原定 時間 提早 他 缺席 期間 的 代理人 外務大臣 拉布 說 強森 迫不及待 全面 復工 而 強森 的 複出 有助於 提 振 政府 與 英國 的 士氣 4 who 呼籲 別 發 免疫 通行證 世界衛生組織 who 表示 迄今 尚無 證據 顯示 擁有 新冠 抗體 的 痊癒 者 可 免疫 不 會 受到 二 次 感染 所以 無法 保證 免疫 護照 或是 無風險 證書 的 準確性 並 提醒 各國 政府 不 要 發放 免疫 通行證 immunity passport 5 不 尋常 年輕 新冠 患者 中風 死亡數 激增 新冠肺炎 高風險 族群 不再 只 局限 於 高齡 人士 美國 醫院 近期 發現 愈來愈多 年輕 新冠 患者 因 中風 喪命 顛覆 過去 高齡 患者 死亡 風險 較 高 的 認知</t>
  </si>
  <si>
    <t>新冠肺炎 持續 肆虐 全球 也 打破 臺灣 長達 1 年 多 的 平靜 日常 掀起 本土 確診 潮 醫療 量 能 因此 吃緊 所幸 民間 也 以 各自 的 方式 努力 送 上 後援 女星 賈永婕 就 向 各界 親友 募款 買 救命 神 器 捐 給 全台 醫院 還 天天 親自 送 便當 如今 雖 暫</t>
  </si>
  <si>
    <t>賈永婕 抗 疫 女神 愛心 便當 救命 神 器 新冠肺炎</t>
  </si>
  <si>
    <t>美國商務部 週五 公佈 1 月 個人所得 創 11 個 月 來 最 大月 增幅 個人 支出 符合 市場 預期 至於 個人消費 支出 物價 pce 指數 持續上升 但 仍 低於 fed 通 膨 率 目標 相關 資料 顯示 新冠肺炎 疫情 未 爆發 前 的 美國 經濟 仍 穩定 成長 但 消費</t>
  </si>
  <si>
    <t>美國商務部 週五 公佈 1 月 個人所得 創 11 個 月 來 最 大月 增幅 個人 支出 符合 市場 預期 至於 個人消費 支出 物價 pce 指數 持續上升 但 仍 低於 fed 通 膨 率 目標 相關 資料 顯示 新冠肺炎 疫情 未 爆發 前 的 美國 經濟 仍 穩定 成長 但 消費 成長 力 道 有 減弱 之 勢 恐 拉 低 經濟 表現 1 月 個人所得 經 季 調 後 月 增 06 高於 市場 預估 的 月 增 04 1 月 薪資 月 增 05 高於 12 月 的 月 增 03 反映 全美 21 個 州 最低 薪資 在 增加 和 勞動 市場 的 人力 供應 緊張 而 增加 薪資 上升 壓力 1 月 個人 支出 月 增 02 低於 12 月 往 上 修正 後 的 月 增 04 原先 公佈 月 增 03 1 月 個人 儲蓄率 從 12 月 的 75 上升 至 79 創 九 個 月 新 高 美國 三 分之二 經濟 活動 來自 消費者 支出 是 推動 美國 經濟 增長 的 重要 力量 因 此 美國 人 消費 成長 力 道 減弱 同時 儲蓄 卻 增加 可能 減弱 經濟 表現 fed 偏好 的 通 膨 衡量 指標 -pce 指數 月 增 01 年 增 17 主要 是 能源價格 高於 去年同期 所 致 並 分別 高於 12 月 和 11 月 的 年 增 15 和 13 扣除 波動 性 較 大 的 食品 和 能源 後 的 1 月 核心 pce 指數 月 增 01 低於 12 月 的 月 增 02 年 增 16 跟 12 月 增幅 一樣 儘管 美國 通 膨 在 過去 兩 個 月 持續 增 溫 但 仍然 低於 fed 的 2 通 膨 率 目標 專家 認為 美國 近期 通 膨 增 溫 情況 可能 只 屬 暫時性 因為 在 中國 大陸 等 約 50 個 國家 爆發 新冠肺炎 疫情 後 至少 會 在 未來 數 周內 對 石油 等 大宗 商品 與其 他 貨品 等 需求 減少 從而 抑制 美國 通 膨 持續 增 溫 的 態勢 像 紐約 西 德州 油價 在 1 月初 時 每桶 逾 60 美元 但 疫情 衝擊 油價 在 本 周 跌破 50 美元 關卡 此外 商務部 人口普查 局 公佈 1 月 國際貨物 貿易赤字 經 季 調 後 從 12 月 的687億 美元 縮減 至 655億 美元</t>
  </si>
  <si>
    <t>幼稚園 基 金定序 病毒 裝修工 新冠肺炎</t>
  </si>
  <si>
    <t>新冠肺炎 疫情 重創 餐 旅業 台中 多 家 知名 餐廳 推出 便當 外 賣 昔日 單人 消費 800 到 1000 元 才 吃 得 到 的 經典 名菜 濃縮 在 盒飯 中 還 200 元有 找 討論 度 破 表 其中 粵菜 名 店 與 玥 樓 推出 198 元 便當 單日 狂 銷 400 份 以 藝 鴨 三 吃 聞名 的</t>
  </si>
  <si>
    <t>陸 昨 新增 44 例 新冠肺炎 境外 輸入 31 例 居高不下</t>
  </si>
  <si>
    <t>大陸 國家 衛生 健康 委員會 週二 公 佈 8 月 10 日 31 個 省 自治區 直轄市 和 新疆生產建設兵團 新增 新冠肺炎 確診 病例 44 例 其中 境外 輸入 病例 31 例 居高不下 具體 為 陝西 9 例 上海 8 例 山東 6 例 廣東 3 例 甘肅 2 例 河北 1 例 黑</t>
  </si>
  <si>
    <t>大陸 國家 衛生 健康 委員會 週二 公 佈 8 月 10 日 31 個 省 自治區 直轄市 和 新疆生產建設兵團 新增 新冠肺炎 確診 病例 44 例 其中 境外 輸入 病例 31 例 居高不下 具體 為 陝西 9 例 上海 8 例 山東 6 例 廣東 3 例 甘肅 2 例 河北 1 例 黑龍江 1 例 浙江 1 例 本土 病例 13 例 仍 均 在 新疆 當日 無 新 增 死亡 病例 新增 疑似病例 2 例 均 為 境外 輸入 病例 上海 1 例 福建 1 例 當日 新增 治癒 出院 病例 52 例 解除 醫學觀察 的 密切接觸 者 1729 人 重症 病例 較 前 一 日 增加 3 例 境外 輸入 現有 確診 病例 154 例 其中 重症 病例 1 例 現有 疑似病例 3 例 累計 確診 病例 2200 例 累計 治癒 出院 病例 2046 例 無 死亡 病例 截至 8 月 10 日 24 時 大陸 現有 確診 病例 794 例 其中 重症 病例 44 例 累計 治癒 出院 病例 7萬9284 例 累計 死亡 病例 4634 例 累計 報告 確診 病例 8萬4712 例 現有 疑似病例 3 例 累計 追蹤 到 密切接觸 者 80萬2273 人 尚在 醫學觀察 的 密切接觸 者 2萬3790 人 當日 新增 無 症狀 感染者 17 例 境外 輸入 6 例 當日 轉為 確診 病例 2 例 均 為 境外 輸入 當日 解除 醫學觀察 13 例 境外 輸入 3 例 尚 在 醫學觀察 無 症狀 感染者 285 例 境外 輸入 137 例 累計 收到 港澳臺 通報 確診 病例 4671 例 其中 香港 4148 例 出 院 2917 例 死亡 55 例 澳門 46 例 出 院 46 例 臺灣 477 例 出 院 441 例 死亡 7 例</t>
  </si>
  <si>
    <t>新冠肺炎 疫 災 襲擊 全球 嚴峻 的 防疫 挑戰 成為 重要 議題 宏棋 2353 9 日 宣佈 將 參與 由 科技 部 規 畫 國防 醫學院 建置 之 防疫 科學 研究 中心 research center for epidemic prevention science 研究 計畫 雙方 並 將 合作 透過 智</t>
  </si>
  <si>
    <t>新冠肺炎 疫 災 襲擊 全球 嚴峻 的 防疫 挑戰 成為 重要 議題 宏棋 2353 9 日 宣佈 將 參與 由 科技 部 規 畫 國防 醫學院 建置 之 防疫 科學 研究 中心 research center for epidemic prevention science 研究 計畫 雙方 並 將 合作 透過 智慧 醫療 的 研發 導入 推 助 未來 流行 傳染病 的 預防 更 有效率 降低 防疫 醫療 體制 的 負擔 宏棋 9 日 並 與 國防 醫學院 簽訂 合作 備忘錄 包括 宏棋 創辦 人 暨 榮譽 董事長 施振榮 宏棋 董事長 暨 執行長 陳俊聖 及 宏棋 技術 長 張瑞川 皆 到場 共襄盛舉 國防 醫學院 則 由 軍醫 局局長 陳建 同 國防 醫學院 校長 查岱龍 及 三軍 總 醫院院長 王 智弘 代表 出席 展現 國防醫學 單位 及 科技產業 對於 新型 傳染病 防治 及 智慧 醫療 的 重視 在 各自 領域 的 專長 上 貢獻 己 力 宏棋 董事長 陳俊聖 表示 宏棋 擁有 先進 ai 技術 與 資 通訊 產業 經驗 以 國防 醫學院 在 醫學 基礎 及 三軍 總 醫院 在 臨床醫學 研究 的 深厚 實力 加 乘 巨集棋 在 人工智慧 ai 技術 領域 的 科技 合作 建立 先進 疫苗 開發 平臺 此次 雙方 合作 將 針對 未來 新型 傳染病 的 疫苗 研發 宏棋 也 因此 成為 臺灣 第一 家 運用 智慧 醫療 協助 疫苗 研發 的 科技 公司 今年 爆發 疫情 以來 宏棋 持續 以其 在 智慧 醫療 之 基礎 多 領域 與 防疫 及 醫學 單位 合作 包括 與 臺灣 疾病 管制 署 cdc 合作 建立 醫院 感染 管制 即時 通報 系統 此 回 參與 防疫 科學 研究 中心 的 研究 計畫 將 首先 瞄準 疫苗 開發 透過 宏棋 在 ai 技術 之 研發 加速 抗原 開發 過程 結合 國防 醫學院 的 基礎 研究 設立 ai 先進 疫苗 技術 平臺 可 在 未來 新型 傳染病 再次 蔓延 全球 前 加速 進行 疫苗 研發 除此之外 宏棋 也 正 與 國防 醫學院 研議 合辦 智慧 醫療 學程 培養 醫學 及 ai 雙 元 人才 未來 宏棋 將 與 國防 醫學院 在 智慧 醫療 開發 進行 策略 合作 協助 加速 智慧 醫療 的 產業化 產品化 與 國際化 進程 將 臺灣 智慧 醫療 研發 能力 及 產品 推廣 至 全世界 結合 醫療 及 科技 能量 創造 更 大 的 價值</t>
  </si>
  <si>
    <t>新冠肺炎 宏棋 國防 醫學院 施振榮 ai 先進 疫苗 技術 平臺</t>
  </si>
  <si>
    <t>素有 保險 奧斯卡 由 金管會 及 行政院 消 保 處 指導 保發 中心 主辦 的 第 九 屆 臺灣 保險 卓越 獎 4 日 宣佈 起跑 保發 中心 董事長 桂 先農 表示 2021 年 將 以 綠色 金融 esg 為 新 的 亮點 桂 先農 表示 保卓 獎 是 2005 年 創立 每 二 年 舉辦 一 次 一向 被 保險 界 譽為 國家級 保險 獎 是 其 最高 榮耀 宗旨 是 客觀 公正 專業 的 評審 選拔 優質 保險 公司 且 促進 保險 公司 改善服務 品質 透過 公開 頒獎 肯定 保險業 穩定 社會 的 功能 且 彼此 觀摩 促進 彼此 提升 2020 年 因為 新冠肺炎 衝擊 全球 但 桂 先農 強調 臺灣 保險業 受 影響 相當 有限 成績 有目共睹 保發 中心 亦 不受 新冠肺炎 影響 持續 主辦 保險 卓越 獎 與時俱進 創新 獎項 即時 鼓勵 保險業 進行 商品 創新 2021 年 在 針對 產險 競逐 的 新興 風險 保障 商品 卓越 獎 上 桂 先農 透露 將 強調 綠色 金融 推動 近年 esg 議題 非常 熱門 人類 造成 溫室 氣體 集中度 已 達 歷史 新高 工業革命 至今 全球 溫度 上升 1 度 造成 海平面 上升 臺灣 最 大 風險 就 是 強 降雨 淹 水 森林 大火 若 再 不 降溫 全球 都會 遭遇 浩劫 壽險 部分 則 是 強調 esg 的 責任 投資 不過 國際 間 標準 仍 在 發展 中 桂 先農 強調 一旦 標準 確定 未來 的 卓越 獎 也 會 納入 新 的 獎項 規 畫 保險 卓越 獎 分為 三大 類 獎項 一 是 公司 卓越 獎 又 有 保戶 服務 人手 培訓 資訊 應用 公益 關懷 及 風險管理 寺 五大 獎項 其次 是 專案 企 畫 卓越 獎 有 保戶 服務 人才 培訓 公益 關懷 商品 創新 風險管理 等 五 項 專案 企 畫 獎項 鼓勵 各 公司 以 自家 創新 專案 參選 各 公司 在 公司 卓越 與 專案 企 畫 中 只 能 二擇 一 參賽 讓 中小型 公司 亦 有 機會 得獎 第 三 是 政策 推 展 卓越 獎 上 也 有 微型 保險 保型 商品 住宅 地震 保險 強制 汽車 責任保險 資訊 安全 新興 風險 保 商品 等 推 展 卓越 獎 保 發 中心 強調 擔任 保卓 獎 的評審 每屆 都會 調整 同時 要求 評審 本人 其 配偶 及 二 親等 親屬 不得 擔任 保險 公司 董事 經理 人 等 極 嚴謹 公正 及 獨立性 高 2019 年 保卓 獎 共有 36 家 保險 公司 及 保險 輔助 人 參賽 有 14 家 壽險 11 家 產險 及 11 家 保險 輔助 人 提出 125 件 作 單 共有 32 件 獲得 金質 獎 46 件 獲得 銀質獎 且 去年 有 保險 終身 卓越 獎 由 國泰人壽 董事長 黃調貴 獲獎</t>
  </si>
  <si>
    <t>新冠肺炎 臺灣 宜蘭 服務站 移民署</t>
  </si>
  <si>
    <t>新冠肺炎 肺炎 移 工 新加坡 控管</t>
  </si>
  <si>
    <t>臺灣 考生 歐洲 解封 新冠肺炎</t>
  </si>
  <si>
    <t>新冠肺炎 本土 案例 激增 新北 市 14 日 動員 3萬 多 人 展開 全市 大 清 消 全面 向 病毒 開戰 新北 市長 侯友宜 昨 到 現場 視察 表示 臺灣 確診 個案 頻頻 出現 新北 位置 位於 北 臺灣 中心 點 在 足跡 還 沒有 完全 掌 控 下 超前 部署 消毒 有 其 必要</t>
  </si>
  <si>
    <t>新冠肺炎 本土 案例 激增 新北 市 14 日 動員 3萬 多 人 展開 全市 大 清 消 全面 向 病毒 開戰 新北 市長 侯友宜 昨 到 現場 視察 表示 臺灣 確診 個案 頻頻 出現 新北 位置 位於 北 臺灣 中心 點 在 足跡 還 沒有 完全 掌 控 下 超前 部署 消毒 有 其 必要 也 呼籲 民眾 謹慎 面對 位居 中心 點 超前 部署 侯友宜 14 日 10 時 抵達 三 重 六 張 公園 視察 消毒 狀況 由 三 重 區長 陳 奇正 簡報 概況 隨後 侯友宜 巡視 附近 公園 銀行 餐廳 商家 等 防疫 作為 一路上 除 清潔 隊員 公所 人 員外 還 動用 國軍 兵力 30 名 悍馬車 2 輛 mds 106 輕 消 車 2 具 氣霧 式 消毒器 4 具 輕型 戰術 輪 車 3 輛 場面 相當 浩大 消毒 人員 更 是 仔細 噴灑 藥劑 氣氛 嚴肅 侯友宜 表示 新北 市 在 中央 公佈 足跡 前 已 先 針對 6 行政區 包含 三 重 蘆洲 新莊 中和 永和 五 股 提前 做好 消毒 工作 近期 因 臺北 萬華 宜蘭 基隆 群 聚 爆發 範圍 擴散 至 北北 基 宜桃 新北 市 位於 中心 點 更該 加強 侯友宜 也 說 病毒傳播 快速 鄰近 縣 市 都 有 確診 個案 頻出 現 確診 者 未必 能 記得 每個 足跡 而 新北 市 不可能 只 有 先前 消毒 的 6 行政區 有 足跡 因此 新北 市 超前 部署 啟動 全市 24 小時 全面 大 清 消 物資 充裕 民眾 勿 搶購 民政局 表示 新北 市 29 區共 動員 3萬1310 人 環保局 防疫 消毒 大隊 也 出動 362 名 消毒 人力 針對 市民 活動 中心 商圈 等 公有 場所 進行 全面 大 清 消 並 請 公寓 大廈 宮廟 各 行政 機關 及 各級 學校 配合 動員 回應 同時 透過 裡 鄰長 廣播系統 line 群 組 等 多 元 管道 向 家戶 宣 導 大 清 消 作業 此外 消防 局 協調 國軍 三三 化 兵 群 調派 人 車 支援 警察局 亦 動員 16 分 局 320 人 協助 各區 大 清 消 進行 交通管制 經 發 局 表示 13 日 已 邀集 轄內 百貨 賣 場 超 商 超市 代表 開會討論 防疫 措施 新北 市 41 座 公有 市場 及 127 處 民有 市場 也 同步進行 消毒 針對 日前 發生 民眾 搶購 民生 物資 情形 目前 物資 充裕 無 缺貨 困擾</t>
  </si>
  <si>
    <t>臺灣 嚴堵新冠肺炎 疫情 進入 大規模 社區 感染 各 公署 都 有 防疫 整備 工作 員警 工作 環境 與 社區 接觸 緊密 加上 機動性 高 遇到 突發事件 根本 無暇 思考 是否 要 穿 著 防護衣 若 疫情 大 爆發 恐 成 感染 高風險 群 要 避免 警力 在 病毒 高 傳</t>
  </si>
  <si>
    <t>臺灣 嚴堵新冠肺炎 疫情 進入 大規模 社區 感染 各 公署 都 有 防疫 整備 工作 員警 工作 環境 與 社區 接觸 緊密 加上 機動性 高 遇到 突發事件 根本 無暇 思考 是否 要 穿 著 防護衣 若 疫情 大 爆發 恐 成 感染 高風險 群 要 避免 警力 在 病毒 高 傳染 的 環境 中 癱瘓 現行 辦案 模式 得 重新 思考 如何 在 安全 前提 下 進行 台 南市 2015 年 登革熱 疫情 大 爆發 當年 2萬 多 確診 病例 中 就 有 不少 員警 中 鏢 今年 不只 新冠肺炎 疫情 又 逢 4 年 一 次 的 登革熱 大 流行 週期 人民 保母 面對 登革熱病 媒 蚊 前 得 先 度過 新冠肺炎 的 考驗 新冠肺炎 具 高度 傳染性 有的 感染者 無 明顯 症狀 不難 預見 未來 若 疫情 持續 擴散 員警 將 身處 防疫 破 口 險境 政府 除 提供 完整 防護 裝備 還 需 一 套 完善 的 防疫 制度 隨 著 疫情 升溫 居家 檢疫 隔離 民眾 愈來愈多 但 各縣市 屢 傳 失 聯 趴 趴 走 等 事件 最後 皆 依賴 警力 處理 目前 疫情 仍 看不到 終點 警方 不管 是 偵辦案件 或 協助 防疫 執行 上 面臨 的 防疫 考驗 勢必 更 複雜 嚴峻 儘管 警政署 下令 全台 所有 警 局 籌 畫 防疫 因應 措施 一旦 疫情 蔓延 若 有 員 警 感染 警 局 不可能 維持 正常 警力 運轉 員警 工作 性質 禁不起 一 處 疫情 破 口 面對 前所未見 的 新病毒 務必 有 周全 的 保護 機制 才能 保障 人民 保母 執勤 安全</t>
  </si>
  <si>
    <t>臺灣 火鍋 吃到 飽 始祖 可 利亞 走過 52 年 全盛時期 全台 高 達 42 家 分店 但 不 敵 日新月異 的 飲食習慣 及 後起之秀 競逐 目前 只 剩 3 家 今 4 日 業者 宣佈 因 新冠肺炎 疫情 影響 高雄 和平 店 業績 暴跌 6 成 決定 在 5 月底 吹 熄燈號</t>
  </si>
  <si>
    <t>吃到 飽 火鍋 可 利亞 火烤 兩 吃 新冠肺炎</t>
  </si>
  <si>
    <t>新冠肺炎 肆虐 新北 地 院 首創 臨時 為民服務 中心</t>
  </si>
  <si>
    <t>新冠肺炎 持續 升溫 新北 地 院 為 因應 大量 人流 全台 首創 臨時 為民服務 中心 13 日 上午 舉辦 啟用 典禮 未來 民眾 可 在 院外 做 諮 詢 遞 狀 作業 若 有 需要 再 至 院內 辦理 後續 事項 新北 地方法院 長 陳賢慧 表示 以往 每日 都有 300</t>
  </si>
  <si>
    <t>新冠肺炎 持續 升溫 新北 地 院 為 因應 大量 人流 全台 首創 臨時 為民服務 中心 13 日 上午 舉辦 啟用 典禮 未來 民眾 可 在 院外 做 諮 詢 遞 狀 作業 若 有 需要 再 至 院內 辦理 後續 事項 新北 地方法院 長 陳賢慧 表示 以往 每日 都有 300 人 擠 在 院內 服務處 新 的 臨時 為民服務 中心 啟用 後 成功 分流 人潮 大幅 減低 群 聚 感染 風險 新北 地 院 平均 每日 有 300 位 民眾 至此 辦理 法務 事項 但因 作業 時間 長 小小 的 服務 中心 常 擠滿 人群 院方 擔心 有 群 聚 感染 可能 決定 以 組合 屋 方式 興建 臨時 為民服務 中心 臨時 為民服務 中心 共 21 坪 包含 快 速遞 狀 區 法律 諮 詢 區 閱卷 區 民眾 可 在 此 先 做 初步 法律 諮 詢 遞 狀 再 至 一 樓 服務處 繳費 即 可 完成 所有 作業 快速 又 省時 民眾 周小姐 說 以往 院內 服務處 常 擠滿 人潮 除 有 感染 肺炎 風險 外 還 得 排隊 等上 1 個 小時 才能 輪到 她 臨時 為民服務 中心 成立 後 排隊 時間 縮短 至 20 分鐘 人流 分散 也 讓 她 更 安心 陳 賢慧 表示 現在 法院 都有 視 訊 諮 詢 但 多數 民眾 仍 喜歡 面對面 處理 法律事務 因此 院方 才 興建 臨時 為民服務 中心 將 文書處理 工作 擺在 第 一線 若 有 需要 繳費 提存 登記 再 至 院內 服務處 辦理 此舉 有效 分流 人潮 大幅 提升 效率 新北 地 院 指出 此 構想 主要 是 參考 大型 醫院 的 防疫 措施 認為 若 將 人流 分散 至 戶外 空間 可 有效 避免 肺炎 傳染 機 率 未來 若 疫情 趨 緩 將 會 把 組合 屋 移 至 它 處 再 做 規 畫</t>
  </si>
  <si>
    <t>驚 港 學者 新冠肺炎 潮濕 天氣 恐 傳播 更 快</t>
  </si>
  <si>
    <t>紐西蘭 央行 週三 宣佈 維持 官方 現金 利率 不 變 仍 為 025 但 將 量化 寬鬆 qe 計畫 規模 擴大 一 倍 並 表明 已 準備 好 在 必要 時 採用 額外 的 貨幣政策 工具 包括 進一步 調 降 現金 利率 以 緩解 新冠肺炎 疫情 對 經濟 造成 的 衝擊 紐西蘭</t>
  </si>
  <si>
    <t>紐西蘭 央行 週三 宣佈 維持 官方 現金 利率 不 變 仍 為 025 但 將 量化 寬鬆 qe 計畫 規模 擴大 一 倍 並 表明 已 準備 好 在 必要 時 採用 額外 的 貨幣政策 工具 包括 進一步 調 降 現金 利率 以 緩解 新冠肺炎 疫情 對 經濟 造成 的 衝擊 紐西蘭 央行 宣佈 將 規模 龐大 的 資產 收購 計畫 由 330億 紐 元 進一步 擴大 至 600億 紐 元 3622億 美元 央行 擴大 qe 且 不 排除 再度 降息 週三 盤中 紐西蘭 元 下跌 07 報 06033 美元 此 決議 符合 市場 普遍 預期 該 央行 3 月 召開 臨時 會議 宣佈 緊急 降息 3 碼 75 基點 紐西蘭 央行 週三 在 會後 聲明 中 表示 決策 委員會 認為 負利率 可能 成為 未來 的 一個 政策 選項 儘管 目前 金融機構 尚未 準備 就緒 但 與 金融機構 為 負利率 做好 準備 的 討論 正在 進行 中</t>
  </si>
  <si>
    <t>根據 美國 媒體 報導 指出 nba 第一 位 染 上 新冠肺炎 的 爵士 中鋒 戈貝爾 以及 後衛 米契爾 因為 疫情 問題 而 鬧翻 但 爵士 副 總裁 鄧尼斯 受訪 時 表示 兩 人 目前 已經 握手言和 了 戈貝爾 可說是 nba 的 罪人 因為 他 的 染病 導致 nba 停賽 至今</t>
  </si>
  <si>
    <t>根據 美國 媒體 報導 指出 nba 第一 位 染 上 新冠肺炎 的 爵士 中鋒 戈貝爾 以及 後衛 米契爾 因為 疫情 問題 而 鬧翻 但 爵士 副 總裁 鄧尼斯 受訪 時 表示 兩 人 目前 已經 握手言和 了 戈貝爾 可說是 nba 的 罪人 因為 他 的 染病 導致 nba 停賽 至今 何時 能 複賽 可說是 遙遙無期 而 米契爾 認為 自己 生病 是 戈貝爾 傳染給 他 的 所以 雙方 開始 交惡 很 長 一段時間 沒有 說 過話 甚至 傳出 爵士 打算 把 戈貝爾 交易 出去 鄧尼斯 說 米契爾 和 戈貝爾 已 化解 誤會 將 所有 不 愉快 的 事情 拋 諸 腦 後 我們 需要 一個 團結 的 球隊 他們 也 知道 互相 需要 彼此</t>
  </si>
  <si>
    <t>戈貝爾 nba 米契爾 爵士 新冠肺炎</t>
  </si>
  <si>
    <t>新冠肺炎 廈門 台商 問題 吳家 瑩</t>
  </si>
  <si>
    <t>巴西 新冠肺炎 疫情 近幾周來 開始 穩定</t>
  </si>
  <si>
    <t>羅斯福 號 航母 新冠肺炎 艦長 海軍 部長</t>
  </si>
  <si>
    <t>防疫 合作 新冠 新冠肺炎 肺炎</t>
  </si>
  <si>
    <t>微控制器 mcu 廠 松 翰 5471 在 新冠肺炎 疫情 持續 延 燒 下 耳 溫槍 及 紅外線 測 溫 mcu 訂單 持續 湧入 預期 上半年 接 單量 將 可望 遠 高於 2019 年 水準 法人 看好 在 陸系 台系 客戶 追 單力道 維持 強勁 格局 帶動 下 松翰 上半年 合併 營</t>
  </si>
  <si>
    <t>微控制器 mcu 廠 松 翰 5471 在 新冠肺炎 疫情 持續 延 燒 下 耳 溫槍 及 紅外線 測 溫 mcu 訂單 持續 湧入 預期 上半年 接 單量 將 可望 遠 高於 2019 年 水準 法人 看好 在 陸系 台系 客戶 追 單力道 維持 強勁 格局 帶動 下 松翰 上半年 合併 營 收 將 可望 相較 2019 年 同期 明顯 成長 新冠肺炎 目前 除 了 中國 大陸 受 疫情 影響 之外 日本 及 新加坡 等 國也 傳出 社區 感染 狀況 由於 新冠肺炎 最 顯而易見 的 病症 就是 發燒 因此 市場 上 掀起 大量 額 溫槍 及 耳 溫槍 等 訂單 需求 切入 相關 供應 鏈 的 廠商 接 單量 開始 大幅 成長 市場 傳出 松翰 已經 接 獲 中國 大陸 電 商 的 大筆 訂單 量 且 光是 單一 陸廠 的 下單 量 就 已經 超越 松翰 2019 年 的 全年 耳 溫槍 mcu 訂單 水準 另外 還 有 其他 陸廠 也 開始 向松翰 緊急 下單 因此 松翰 光是 大陸 客戶 的 訂單 水準 就 已經 相較 松 翰 2019 年 倍數 成長 不僅如此 由於 全球 各地 陸續 出現 新冠肺炎 疫情 因此 台系 廠商 為 搶 食 這 波 耳 溫槍 訂單 亦 開始 向 供應 鏈 追 單 除 外銷 到 中國 大陸 外 歐美 及 東南亞 同樣 也 是 目標 市場 法人 指出 松翰 自 農曆 春節 後 在 訂單 持續 湧入 帶動 下 全年 接 單量 將 可望 遠 高於 2019 年 水準 松 翰 公告 2020 年 1 月 合併 營 收 達 171億 元 寫 下 11 個 月 新低 不過 法人 指出 由於 1 月 有 農曆 春節假期 且 第一 季本 就 為 傳統 淡季 因此 松翰 當月 業績 表現 為 正常 水準 但 進入 2 月 後 在 耳 溫槍 訂單 持續 湧入 帶動 下 法人 預期 松翰 業績 將 可望 開始 逐步 升溫 3 月 起 合併 營 收 更 將 出現 明顯 成長 上半年 合併 營 收有 機會 超越 2019 年 同期 並 繳 出 雙 位數 成長 水準 松 翰 在 醫療 產品 線 當中 除了 耳 溫槍 之外 還 具備 血壓計 血糖 儀 及 紅外線 測 溫 等 解決 方案 且 過去 就 已經 獲得 歐美 及 日本 等 一線 大廠 訂單 在 該 產品 線 上 與 國際 idm 廠 齊名</t>
  </si>
  <si>
    <t>因應 新冠肺炎 疫情 延 燒 口罩 實 名 制 20 上路 但 站 在 第一線 的 醫院 防疫 物資 卻 嚴重 吃緊 東港 安泰 醫院 估算 目前 庫存 的 隔離 衣 恐怕 撐 不 到 1 個 月 因 此 近日 啟用 獨立 采 檢 室 不讓 民眾 進入 院內 以 減少 資源 使用 同時 也 建置 獨立</t>
  </si>
  <si>
    <t>受 台積電 等 企業 改 按 季 配發 股利 等 因素 影響 財政部 昨 公佈 前 4 月 稅收 統計 包含 綜 所 稅 營業稅 與 總 稅收 都 創 歷史 新 高 財政部 統計 處 副 處長 陳玉豐 表示 依 經濟部 統計 今年以來 國內 零售 餐飲業 銷售額 受 新冠肺炎 波及 逐</t>
  </si>
  <si>
    <t>受 台積電 等 企業 改 按 季 配發 股利 等 因素 影響 財政部 昨 公佈 前 4 月 稅收 統計 包含 綜 所 稅 營業稅 與 總 稅收 都 創 歷史 新 高 財政部 統計 處 副 處長 陳玉豐 表示 依 經濟部 統計 今年以來 國內 零售 餐飲業 銷售額 受 新冠肺炎 波及 逐月 衰退 預期 稅收 衝擊 將 在 56 月 反映 不過 從 4 月 娛樂 稅 契稅 印花稅 等 小 稅目 稅收 較 去年同期 下滑 已 可 初步 看到 疫情 已 波及 ktv 等 娛樂業 與 商業活動 財政部 公佈 4 月 稅收 實 征淨 額 為 1191億 元 年 增為 61 累計 前 4 月 稅收 5196億 元 較 去年同期 年增率 92 陳玉豐 表示 營業稅 營 所 稅 及 綜 所 稅 合計 占 總 稅額 約 7 成 且 前 4 月 稅收 占 全年 總額 僅 約 2 成 新冠肺炎 疫情 對 全年 稅收 影響 尚 難 評斷 要 等 56 月 大 稅目 如 房屋 稅 所得稅 開徵 後 才會 陸續 顯現 娛樂 稅 受到 衝擊 則 非常 明顯 依 財政部 統計 受 演唱會 等 活動 取消 民眾 赴 ktv 等 場所 聚會 情形 減少 4 月 娛樂 稅 年 減 243 攸 關 訂 定 契約 等 商業活動 的 印花稅 也 較 去年 同月 減少 46 值得注意 的 是 美 股 3 月 大 洗三 溫暖 4 月 回 穩 統計 前 4 月臺 股 日均 成交量 約 1864億 證交稅 達 371億 元 創 12 年 同期 新 高 依 財政部 統計 目前 申請 緩繳 或 分期 繳稅 案 約 3000 件 影響 稅收 約 4億 元</t>
  </si>
  <si>
    <t>韓式 連鎖 餐飲 集團 豆 府 2752 2020 年 原訂 加快 旗 下 品牌 展店 步伐 惟 受 新冠肺炎 疫情 衝擊 門市 來客 數 仍 受 影響 董事長 吳柏勳 坦言 目前 展店 計 畫 將 暫 趨 保守 籌備 中的 3 家 新 店 仍 將 如期 在 上半年 陸續 開出 其他 展店 計 畫 進</t>
  </si>
  <si>
    <t>韓式 連鎖 餐飲 集團 豆 府 2752 2020 年 原訂 加快 旗 下 品牌 展店 步伐 惟 受 新冠肺炎 疫情 衝擊 門市 來客 數 仍 受 影響 董事長 吳柏勳 坦言 目前 展店 計 畫 將 暫 趨 保守 籌備 中的 3 家 新 店 仍 將 如期 在 上半年 陸續 開出 其他 展店 計 畫 進度 則 暫時 延後 豆 府 目前 旗 下 品牌 有 涓 豆腐 銅 盤 北村 豆腐 家 韓薑熙 的 小 廚房 加上 透過 代理 跨 足 非 韓系 料理 的 飛機 河 粉 2019 年 合計 新 展 12 家 店 帶動 合併 營 收 創 1395億 元 新高 年 增 2617 稅 後 淨利 亦 創 13億 元 新高 年 增 13 每股 盈 餘 eps 666 元 受惠 展店 效益 持續 顯現 豆 府 2020 年 2 月 自 結合 並 營 收 121億 元 雖 月 減 2285 仍 年 增 799 累計 1 2 月 合併 營 收 278億 元 年 增 達 3042 雙創 同期 新高 受 新冠肺炎 疫情 影響 相對 較 輕 不過 隨 著 新冠肺炎 疫情 日益 嚴峻 吳柏勳 坦言 對 營運 影響 已 見 擴大 3 月 集團 門市 總 來客 數 雖 持平 去年同期 但 低於 內部 預期 逾 15 因此 集團 原定 擴大 新 展 14 16 家 的 目標 雖 尚未 調整 但 展店 進度 將 較 原先 預期 延後 吳 柏勳 指出 包括 新 燒肉 品牌 在內 集團 目前 共有 3 家 新 店 籌備 中 將 如期 在 上半年 陸續 開幕 迎賓 至於 其他 仍 在 洽談 條件 的 展店 計 畫 進度 則 會 稍微 延後 同時 集團 也 緊鑼密鼓 加快 新 冷凍 商品 研發 包括 豆腐 煲 辣 炒年糕 人參 雞湯 等</t>
  </si>
  <si>
    <t>豆 府 展店 進度 計畫 新冠肺炎</t>
  </si>
  <si>
    <t>bnt 恩 主公 醫院 疫苗 稀釋 新冠肺炎</t>
  </si>
  <si>
    <t>自 去年初 爆發 新冠肺炎 至今 全國 多數 國家 仍 處於 嚴峻 的 疫情 中 目前 除 積極 擬定 防疫 對策 外 疫苗 也 陸續 研發 完成 日前 大陸 推出 自己 研發 的 疫苗 但 功效 如何 受到 外界 質疑 有待 在 對岸 的 台商 爆 料 接 獲 當局 寄 來 的 單子 並</t>
  </si>
  <si>
    <t>自 去年初 爆發 新冠肺炎 至今 全國 多數 國家 仍 處於 嚴峻 的 疫情 中 目前 除 積極 擬定 防疫 對策 外 疫苗 也 陸續 研發 完成 日前 大陸 推出 自己 研發 的 疫苗 但 功效 如何 受到 外界 質疑 有待 在 對岸 的 台商 爆 料 接 獲 當局 寄 來 的 單子 並 被 要求 填寫 填 完 竟 遭 強迫 接種 直 呼 毫無 選擇 權就 被 施打 此事 讓 定居 大陸 多年 的 資深 藝人 黃安 震怒 嗆 爆 料 台商 胡說 放屁 你愛 打 不 打 你 想 打 就 打 日前 爆出 台商 被 陸相 關 單位 強打 自產 疫苗 傳聞 黃安 聽 了 氣不過 近日 在 微博 po 文 直接 暴怒 嗆 聲 哪個 台商 打 了 疫苗 哪個 台商 又 被 強迫 打 疫苗 站 起來 走 兩 步 我會 會 你 這種 逼 樣 我 肯定 給 它 動 次 打 次 接 著 又 貼出 自己 受訪 的 影片 表示 會 對 自己 說 的 話 負責 不要 造謠 不要 傳 謠 不要 相信 假新聞 相信 真話 氣 到 說話 都 沙啞 黃安 誓言 說 真話 後 先是 大贊 大陸 了不起 世界 唯二 唯 三 的 疫苗 我們 都 有 了 而且 口碑 很 好 世界 各國 搶購 作為 中國人 我們 都 可以 被 通知 分別 安排 去 施打 疫苗 還 贊 中國 人 是 很 聰明 小心 的 民族 做 疫苗 絕不會 拿 自己 的 人民 開玩笑 所以 中國 疫苗 值得 信賴 高貴不貴 黃安 說 自己 定居 對岸 就 等同 台商 我 的 感受 就 是 真實 的 感受 黃安更 說 大陸 當局 絕對 沒有 逼 打 疫苗 的 情事 你愛 打 不 打 你 想 打 就 打 你 想 怎麼 打 就 怎麼 打 還 說 自己 我 不 打 誰 能 逼 我 打 表示 在 對岸 施打 疫苗 都 是 個人 自由 影片 中 黃安 慷慨激昂 的 訪談 還 被 旁人 盛讚 說得好</t>
  </si>
  <si>
    <t>黃安 台商 新冠肺炎 大陸 疫苗</t>
  </si>
  <si>
    <t>全台 新冠肺炎 疫情 持續 延 燒 在 防疫 優先 的 前提 下 原訂 4 月 將 在 屏 東 舉辦 的 全中運 宣佈 延期 稍後 屏 東 縣長 潘孟安 將 出面 說明</t>
  </si>
  <si>
    <t>新北 市長 侯友宜 今 3 日 主持 防疫 記者會 表示 今天 有 長者 非常 踴躍 施打 2 日 至 3 日 中午 12 時共 預約 4萬8713 人 完成 接種 4萬6385 人 接種 率 達 95 會 依據 年齡 順序 安心 施打 請 長者 安心 到 現場 施打 侯友宜 也 提到 感謝 很多 朋友 企業 宗教團體 捐贈 愛心 大 台 平 給予 社會 很多 的 愛心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57 歲 的 葉彥伯 擔任 彰 化 縣 衛生局 長長 達 16 年 創下 全台 最 資深 衛生局長 紀錄 但 這 位 聲名大噪 的 食 安 英雄 卻 在 積極 對抗 新冠肺炎 防疫 時 慘遭 中央 動用 政風 單位 嚴打 嚴辦 只因 他 戳 破 了 衛福部 拒 不 普 篩 的 神話 葉彥伯 是 全台 唯</t>
  </si>
  <si>
    <t>57 歲 的 葉彥伯 擔任 彰 化 縣 衛生局 長長 達 16 年 創下 全台 最 資深 衛生局長 紀錄 但 這 位 聲名大噪 的 食 安 英雄 卻 在 積極 對抗 新冠肺炎 防疫 時 慘遭 中央 動用 政風 單位 嚴打 嚴辦 只因 他 戳 破 了 衛福部 拒 不 普 篩 的 神話 葉 彥 伯 是 全台 唯一 具有 醫師 身分 而且 擁有 公衛 博士學位 的 衛生局長 在 偏 鄉 衛生所 擔任 醫師 出身 基層 充滿 使命感 2004 年 起 掌舵 彰 化 縣 衛生局 迄今 歷經 藍 綠 4 任 縣長 也 與 台 大公共 衛生 學院 攜手 合作 16 年 年年 針對 彰 化 縣 26 鄉鎮 市 健檢 建立 龐大 的 流行病 學 資料 分析 資料庫 更 在 癌症 防治 上有 顯著 貢獻 而 獲獎 並 獲 陽明 大學 傑出 校友 表揚 2011 年 彰 化 縣 衛生局 率先 揭發 塑化劑 事件 2013 年 在 食 安 稽查 中 在 發現 大統 橄欖油 成分 有異 進而 與 檢 方 攜手 查獲 轟動 全國 的 黑心 油品 事件 從 塑化劑 瘦肉 精 毒 奶粉 金墩 米 等 案件 食安 英雄 團隊 聲名大噪 新冠肺炎 疫情 全球 延 燒 臺灣 累計 已 有 486 人 確診 7 人 死亡 彰 化 縣 不僅 曾 出現 全國 首 例 白 牌 車 司機 死亡 案例 也 是 全國 第 1 起 本土 境內 感染 所在地 在 衛生局 主導 下 結合 警 政 單位 疫 調 工作 有如 偵 辦 刑 案 地毯 式 追查 滴水不漏 多數 人 對 公務 體制 總 抱 持 僵化 被動 習於 安逸 等 印象 葉彥伯 卻 認為 公務員 不能 對不起 老百姓 一定 要 有 民間 企業 的 衝勁 多數 同仁 因此 覺得 他 太 嚴厲 但 他 仍 堅持 緊 盯 每 項 繁瑣 細節 這次 彰 化 縣 衛生局 超前 部署 主動 揪 出 無 症狀 感染者 的 確診 少年 卻 反 遭 中央 可能 以 未 依 程式 甚至 涉及 圖利 貪污 等 送 政風 單位 調查 讓 地方 藍綠民 代 感到 不解 為 他 抱屈 對於 長年 總 穿 著 同樣 那 幾 套 襯衫 polo 衫 廉潔 自持 的 葉彥伯 而言 恐怕 是 公務 生涯 的 重大 打擊</t>
  </si>
  <si>
    <t>疫苗 楊植 鬥 新冠肺炎 臺灣 冷卻 倉儲</t>
  </si>
  <si>
    <t>院內 感染 陳時中 新冠肺炎 變種 病毒</t>
  </si>
  <si>
    <t>儘管 全球 新冠肺炎 疫情 持續 延 燒 但 大陸 在 疫情 受 控 後 各地 加速 復工 腳步 tpca 預估 今年 第 1 季 台商 pcb 兩岸 海內外 產值 為 新 台幣 1312億 元 上半年 被 疫情 影響 而 遞 延 出 貨 的 訂單 將 會 遞 延至 下半年 下半年 有 機會 呈現 旺季 更 旺 的</t>
  </si>
  <si>
    <t>tpca pcb 新冠肺炎 5 g 基礎 建設</t>
  </si>
  <si>
    <t>聚餐 餐飲 內 用 臺灣 新冠肺炎 疫苗 覆蓋率</t>
  </si>
  <si>
    <t>2020 年 全球 最 嚴峻 的 問題 目前 看來 非 新冠肺炎 莫屬 更讓人 擔心 的 是 透過 醫療 技術 研發 出 疫苗 解 藥 從 醫學 研究 研發 到 動物 測試 臨床 測試 至少 要 半 年 時間 實在 緩不濟急 所幸 世界衛生組織 who 傳出 一個 好 消息</t>
  </si>
  <si>
    <t>宏達電 2498 驚 傳 財 裁員 受到 產業結構 調整 智慧 機 市場 持續 萎縮 加上 新冠肺炎 衝擊 大環境 宏達電 今日 驚 爆 裁員 對此 公司 回應 推動 策略 性 人力資源 調整 精簡 人力 與 有效 降低 營運 費用 方 有助於 實現 長遠 企業 目標</t>
  </si>
  <si>
    <t>新冠肺炎 臺灣 部 立 臺北 醫院</t>
  </si>
  <si>
    <t>彰 化 確診 社交圈 收治 新冠肺炎</t>
  </si>
  <si>
    <t>新冠肺炎 難 捉摸 永久 嗅覺 喪失 失 能 險 有 賠</t>
  </si>
  <si>
    <t>新冠肺炎 症狀 難以捉摸 有人 可能 出現 永久性 嗅覺 喪失 壽險業 者 表示 若 有此 症狀 失 能 險 可 依 失 能 等級 11 級 理賠 但 可能 只 有 一次性 失 能 保險金 的 5 並 沒有 觸及 月月 或 年年 給 付 的 失 能 扶助金 理賠 至於 新冠肺炎 可能 造成</t>
  </si>
  <si>
    <t>新冠肺炎 症狀 難以捉摸 有人 可能 出現 永久性 嗅覺 喪失 壽險業 者 表示 若 有此 症狀 失 能 險 可 依 失 能 等級 11 級 理賠 但 可能 只 有 一次性 失 能 保險金 的 5 並 沒有 觸及 月月 或 年年 給 付 的 失 能 扶助金 理賠 至於 新冠肺炎 可能 造成 肺部 纖維 化 算不算 失 能 壽險業 者 說 必須 要 看 實際 狀況 即 肺部 損壞 的 程度 及 可否 工作 自理 生活 因 胸 腹部 臟器 機能 遺存 極度 障 害 終身 不能 從事 任何 工作 需要 專人 周密 照 護 者 是 第一 級 失 能 就 是 會 啟動 每月 或 每年 給 付 的 失 能 扶助金 100 僅 是 不能 工作 生活 需 人 扶助 是 給 付 90 若 是 還 能 自理 生活 是 80 能 從事 輕便 工作者 是 給 付 40 這些 理賠 都 必須 看 各 公司 保單 條款 及 理賠 部門 的 判定 因為 容易 存 有 爭議 壽險 公司 也 不敢 以此 為 號召 在 疫情 期間 推薦 失 能 險 同時 有些 公司 的 失 能 險 沒有 等待 期 恐 造成 損 率 難以 預估 國泰人壽 指出 若 失 能 險 保戶 罹 患 新冠肺炎 而有 永久性 兩側 嗅覺 完全 喪失 的 情形 屬於 因 疾病 所 致 的 第 11 級 失 能 是否 理賠 給付 應依 各別 商品 條款 約定 例如 投保 含 有失 能 給 付 專案 的 傷害 險 因 新冠肺炎 非 屬 意外事故 所以 無法 給付 但 如果 是 投保 含 有失 能 給 付 項目 的 健康 險 時 須再檢 視 保障 範圍 若 保障 範圍 包括 11 級 失 能 時 則 可 理賠 富 邦 人壽 表示 2020 年 1 月 1 日前 所 銷售 的 失 能 險 針對 鼻 部 失 能 條款 約定 僅 有 鼻 部 缺損 致 其 機能 永久 遺存 顯著 障 害 者 的 失 能 等級 但 從 今年 1 月 1 日 起 才 新增 鼻 未 缺損 而 鼻 機能 永久 遺存 顯著 障 害 者 也 就 是 以前 是 鼻子 一定 要 有 缺損 才能 算 11 級 失 能 現在 是 嗅覺 喪失 即 可 視為 11 級 失 能 同時 基於 從新 從優 理賠 原則 即便 是 今年 1 月 1 日前 投保 失 能 險 的 保戶 若 事故 發生 日 是 在 今年 1 月 1 日後 且 經 六 個 月 治療 後 症狀 固定 即可 申 領 失 能 保險金</t>
  </si>
  <si>
    <t>新冠肺炎 疫情 席捲 全球 各國 實施 封城 措施 導致 實體 店鋪 經營 陷入 危機 研究 機構 springboard 於 週四 3 日 出臺 研究 報告 顯示 逾 一 成 的 英國 商店 目前 處於 空置 狀態 springboard 的 研究 指出 英國 商店 空置 率 從 2020 年 一月 的 9</t>
  </si>
  <si>
    <t>新冠肺炎 疫情 席捲 全球 各國 實施 封城 措施 導致 實體 店鋪 經營 陷入 危機 研究 機構 springboard 於 週四 3 日 出臺 研究 報告 顯示 逾 一 成 的 英國 商店 目前 處於 空置 狀態 springboard 的 研究 指出 英國 商店 空置 率 從 2020 年 一月 的 98 上升 至 108 創下 自 2014 年 一月 以來 的 最高 紀錄 也 反映 出 英國 除了 食物 以外 的 零售業 大幅 受到 封城 措施 衝擊 英國 的 商店 原先 便 已 承受 著 高 租金 和 高 稅金 的 雙重 壓力 加上 近年 電 商 興起 使 實體 店鋪 遭逢 激烈 競爭 英國 實體 店鋪 近年 皆 在 艱 困 環境 中 掙扎 這 幾 年 原先 就 面臨 經營 或 財政危機 的 企業 陸續 宣佈 裁員 或 破產 在 亞洲 擁有 高人 氣 的 經典 印花 品牌 cath kidston 宣佈 關閉 英國 60 間 實體 店鋪 僅 保留 網路 銷售 服務 且 裁員 逾 900 名 員工 英國 服飾 及 家用品 品牌 laura ashley 宣佈 破產 大型 百貨公司 如 丹 本 漢 百貨 debenhams 和 瑪莎 百貨 marks spencer 也 接連 宣佈 裁員 springboard 的 報告 顯示 有 六 成 地區 的 商店 空置 率 都 攀升 尤以大 倫敦 greater london 地區 的 空置 率 增速 最 快 增加 近 三 分之二 該 研究 機構 也 指出 雖然 購物 人數 已 連續 三 個 月 攀升 但 英國 高街 high streets 迎接 的 顧客 人數 相較 2019 年 同期 仍 萎縮 了 308 英國 高街 專案 工作組 high streets task force 首席 羅賓森 mark robinson 指出 新冠肺炎 疫情 帶來 了 原先 可能 還 要數 年 時間 的 全新 變化 人們 不再 詢問 通勤 時間 要 多久 而是 改 成 思考 自身 住所 附近 的 各項 服務 商店 公園 診所 學校 等 是否 在 步行 距離 內</t>
  </si>
  <si>
    <t>新冠肺炎 倒 店潮 英國</t>
  </si>
  <si>
    <t>外傳 新冠肺炎 可能 藉 由 蝙蝠 傳染 引發 部分 民眾 對 蝙蝠 的 誤解 甚至 敵視 雲 林縣 水 林鄉 黃金 蝙蝠 生態館 3 日 強調 目前 沒有 任何 科學 證明 是 蝙蝠 導致 新冠肺炎 的 發生 請 大家 不要 因 此 恐懼 蝙蝠 甚至 傷害 蝙蝠 還 蝙蝠 一個 公道</t>
  </si>
  <si>
    <t>櫃 買 中心 24 日 表示 遠東 新世紀 公司 1402 領先 國內 生產 事業 發行 首 檔 社會 責任 債券 24 日 於 櫃 買 中心 上櫃 掛牌 該 檔 債券 發行 額度 12億 元 是 目前 發行 規模 最 大 的 社會 責任 債券 也 是 繼 5 月 18 日 中信 銀 凱基 銀 及 永豐 銀 發行 首批 社會 責任 金融債 以來 國內 的 第 四 檔 社會 責任 債券 截至 5 月 24 日 社會 責任 債券 累計 發行 金額 新 台幣 為 39億 元 櫃 買 中心 表示 遠東 新世紀 本次 發行 之 社會 責任 債券 發行 金額 為 新 台幣 12億 元 發行 年期 為 5 年期 票面 利率 為 年息 052 由 凱基 證券 擔任 主辦 承銷 商 並 由 安永 聯合 會計師 事務所 擔任 外部 認證 機構 遠東 新世紀 社會 責任 債券 募 資金 將 用於 基本 服務 需求 創造 就業 及 可以 減輕 或 避免 因 社會 經濟 危機 所 導致 失業 的 計畫 及 社會 經濟 發展 和 權利 保障 的 社會效益 投資 計畫 具體 投資 專案 包含 新冠肺炎 疫情 期間 口罩 布料 防護衣 及 面具 塑膠 等 原料 生產 提供 弱勢 族群 就業機會 及 支持 中小企業 和 優先 收購 弱勢 族群 獨立 回收 商 之 回收 寶特瓶 等 櫃 買 中心 指出 社會 責任 債券 是 協助 企業 落實 社會 責任 及 説明 特定 目標 人群 以 促進 社會 正面 效益 與 發展 的 最佳 金融工具 有 關更多 遠東 新世紀 公司 社會 責任 債券 的 相關 資訊 投資人 可 至 櫃 買 中心 網站 www tpex org tw 之 永 續 發展 債券 專區 查詢</t>
  </si>
  <si>
    <t>新冠肺炎 疫情 升溫 臺灣 連日來 確診 數 激增 幾乎 全 是 歸國 遊客 也 讓 前 陣子 堅持 出國 的 人 成為 箭 靶 但 一 名 年輕人 堅持 赴 日 在 19 日 前往 高雄 小港 機場 準備 出境 一旁 母親 則 含淚 送行 原因 曝光 後 網友 也 紛紛 送 上 祝福 根據</t>
  </si>
  <si>
    <t>新冠肺炎 疫情 升溫 臺灣 連日來 確診 數 激增 幾乎 全 是 歸國 遊客 也 讓 前 陣子 堅持 出國 的 人 成為 箭 靶 但 一 名 年輕人 堅持 赴 日 在 19 日 前往 高雄 小港 機場 準備 出境 一旁 母親 則 含淚 送行 原因 曝光 後 網友 也 紛紛 送 上 祝福 根據 三 立 報導 這 名 25 歲 的 許姓 學生 堅持 赴 日 原來 是 因為 努力 念 書後 好不容易 申請 到 公費留學 終於 可以 前往 神戶 大學 就讀 研究所 儘管 日本政府 蓋 牌 導致 疫情 不明 但 由於 獎學金 明文規定 不得 延期 想 延到 下 學期 再 去就 只能 自費 他 也 怕 錯過 這次 機會 就 再 也 無法 實現 夢想 只好 咬緊牙根 收 十 行李 前往 日本圓 夢 一旁 的 媽媽 儘管 擔心 哭 紅了眼 但 也 支持 兒子 築 夢 的 決定 網友 看到 消息 也 紛紛表示 這個 真的 沒 辦法 加油 獎學金 制度 不能 因應 疫情 改變 嗎 留學 真的 無奈 尤其 是 家庭 經濟 沒 很 好 的 真的 沒 辦法 是 我 的 話 我 也 會 選擇 留學 祝福 記得 去 日本 要 勤洗手</t>
  </si>
  <si>
    <t>新冠肺炎 學生 留學 赴 日 日本</t>
  </si>
  <si>
    <t>新冠肺炎 義 大利 再 添 5 死 1694 例 確診 捷克 首度 通報 3 起 確診 病例</t>
  </si>
  <si>
    <t>新冠肺炎 來勢洶洶 義 大利 民防 保護 部 1 日 指出 在 過去 24 小時 境內 新冠肺炎 疫情 死亡數 再 增加 5 人 累計 達到 34 死 全國 確診 病例 數 來到 1694 例 另 新冠肺炎 也 入侵 中歐 捷克 國內 首度 通報 3 起 新冠肺炎 確診 病例 此外 新冠</t>
  </si>
  <si>
    <t>韓國新冠肺炎 確診 病例 連日 暴 增 24 日 下午 韓國 中央 防疫 對策 本部 宣佈 增加 231 例 確診 個案 累計 確診 人數 來到 了 833 人 死亡 人數 則 有 7 人 若 與 大陸 各省 市 確診 人數 相比 韓國 排在 第 7 次於 江西省 截至 24 日 中午 統計 的 934 人</t>
  </si>
  <si>
    <t>交通部觀光局 表示 為 回應 產業 期待 及 新冠肺炎 疫情 紓困 宗旨 加速 補助款 補助 已 修正 補貼 導遊 與 領隊 人員 及 國民 旅遊 隨 團 服務 人員 生計 費用 實施 要點 放寬 對 導遊 領隊 補貼 認定 條件 並 回溯 自 4 月 16 日 起 適用 觀光局 1</t>
  </si>
  <si>
    <t>交通部觀光局 表示 為 回應 產業 期待 及 新冠肺炎 疫情 紓困 宗旨 加速 補助款 補助 已 修正 補貼 導遊 與 領隊 人員 及 國民 旅遊 隨 團 服務 人員 生計 費用 實施 要點 放寬 對 導遊 領隊 補貼 認定 條件 並 回溯 自 4 月 16 日 起 適用 觀光局 14 日 公佈 補貼 導遊 與 領隊 人員 及 國民 旅遊 隨 團 服務 人員 生計 費用 實施 要點 近 1 年 內 曾 接待 或 引導 達 8 個 出入境 旅遊團 且 總 天數 達 40 天 的 導遊 及 領隊人 員 以及 帶 達 40 團 且 總 天數 達 80 天 的 隨 團 服務 人員 每月 補貼 1萬 元 共 3 個 月 不過 上述 紓困 適用 條件 引發 部分 導遊 及 領隊 抱怨 認為 認定 門檻 過 高 需 備 妥 資料 及 審核 程式太 複雜 單單 一 名 導遊 至少 要 準備 超過 40 頁 的 證明文件 對 負責 審核 的 觀光局 員工 亦 是 一大 負擔 紓困 補助 申請 不易 對此 觀光局 修正 放寬 認定 有 實際 執業 維生 條件 將 導遊 與 領隊人 員 放寬 為 達8 個 旅遊團 或 總 天數 達 40 天 隨 團 服務 人員 為 達 40 團 或 總 天數 達 80 天 申請 補貼 日 起 3 個 月 內 未 任職 於 旅行社 者 同時 要求 提供 的 證明檔 由 原先 的 帶團 行程表 及 旅 行業 責任 保險單 減 化為 旅行社 出具 的 帶團 證明 或 旅 行業 責任 保險單 盼 透過 證明文件 簡化 降低 申請 繁瑣 度 達到 加速 審查 及 撥款 提供 即時性 保障 觀光局 表示 為 配合 防疫 措施 避免 排隊 群 聚 請 申請人 備齊 檔 後 以 郵寄 方式 提出 申請 交通部長 林佳龍 亦 指示 簡化 並 加速 核撥 各項 觀光 產業 紓困 補助款 對此 除 將 增加 審查 人力 外 亦 會 在 週末 假日 全力 加班 審查 已 受理 案件 以 盡 速 撥款</t>
  </si>
  <si>
    <t>觀光局 導遊 領隊 隨行 人員 新冠肺炎</t>
  </si>
  <si>
    <t>中共 黨媒 人民日報 鐘聲 一 文 蓬 佩奧 四處 散佈 政治 病毒 罪責難逃 指出 當前 美國 新冠肺炎 疫情 十分 嚴重 確診 病例 和 死亡 人數 持續 攀升 讓 一切 富有 同情心 的 人 都 感到 揪心 正當 新冠 病毒 在 美國 露出 最 猙獰 的 面目 催 演</t>
  </si>
  <si>
    <t>中共 黨媒 人民日報 鐘聲 一 文 蓬 佩奧 四處 散佈 政治 病毒 罪責難逃 指出 當前 美國 新冠肺炎 疫情 十分 嚴重 確診 病例 和 死亡 人數 持續 攀升 讓 一切 富有 同情心 的 人 都 感到 揪心 正當 新冠 病毒 在 美國 露出 最 猙獰 的 面目 催 演 一 出 又 一 出 喪失 生命 的 人倫 慘劇 之際 美國 國務卿 蓬佩 奧 也 露出 了 最 猙獰 的 面目 四處 散播 同樣 兇險 的 政治 病毒 以 偏見 和 傲慢 煽風點火 造謠生事 消散 人類 共同 迎擊 新冠 病毒 的 精力 力圖 把 全球 都 拉 入 對抗 衝突 的 局面 大陸 文章 指 蓬佩 奧 不顧 新冠 病毒 這 一 人類 當前 面對 的 共同 敵人 橫行 肆虐 不僅 無視 國際 組織 和 醫學 專家 的 科學 論據 還 到處 搬弄是非 連續 對 大陸 進行 造謠 污蔑 攻擊 據 報導 他 多次 詆毀 大陸 未能 及時 報告 疫情 妄稱 大陸 銷毀 了 所有 樣本 拉幫結派 索賠 圖謀 抱 團 敲詐 並 指責 世界衛生組織 助長 大陸 關於 疫情 的 虛假 資訊 有 媒體 評論 說這個 曾經 掌 控 美國 情報 機關 的 國務卿 正在 將 美國國務院 徹底 中情 局 化 他 罔 顧 事實 不斷 借 向 大陸 潑 污水 轉移視線 妄圖 以 甩 鍋 推 責 嫁禍於人 蓬 佩奧 如此 散 毒 罪責難逃 文章 表示 蓬 佩奧 四處 散佈 政治 病毒 他 的 信口雌黃 就 連 美國 媒體 都 看不下去 美國 華盛頓郵報 一針見血 指出 當 更 有 責任心 的 領導人 努力 遏制 新冠肺炎 疫情 大 流行 時 蓬 佩奧 卻 在 追求 他 鍾愛 的 事業 致力 於將 疫情 的 暴發 歸咎 於 北京 蓬 佩奧 在 疫情 期間 的 表現 將 使 他 成為 有史以來 最 糟糕 的 國務卿 之一 文末 強調 蓬佩 奧 針對 大陸 的 種種 無端指責 都 在 事實 面前 不攻自破 面對 突如其來 的 新冠肺炎 疫情 陸方 第一時間 向 世衛組織 報告 疫情 第一時間 同 世界 各國 分享 新冠 病毒基因 序列 第一時間 同 國際 社會 開展 疫情 防控 合作 這 是 事實 充分 有目共睹 的 也 為 國際 社會 普遍 稱道 大陸 在 兩 個 月 左右 時間 裡 取得 了 疫情 防控 重大 階段性 成效 14億 大陸 人民 的 生命安全 和 身體健康 得到 了 最 大程度 的 保護 這些 都是鐵 的 不爭 事實 任何人 也 無法 抹殺 和 篡改</t>
  </si>
  <si>
    <t>疫情 臺灣 全球 大陸 新冠肺炎</t>
  </si>
  <si>
    <t>南韓 29 歲 人氣 女星 潤 娥 近日 公開 私下 外出 時 的 穿 搭 照 不僅 全身 包 緊緊 也 為了 防疫 戴 上 口罩 卻 因此 受到 網友 的 注意 少女時代 出身 的 潤 娥 憑 著 甜美 的 外表 與 清新 的 氣質 受到 大眾 喜愛 近 幾 年 更 將 事業 重心 轉 往 戲劇 圈 發展 表現 亮 眼 成功 轉型 成 一線 女 演員 而 受到 新冠肺炎 疫情 不少 活動 及 拍攝 皆 取消 潤 娥 捐 出 善款 後 大部分 的 時間 也 都 待在家裡 近日 曬 出 出遊 時 的 私 服 穿 搭 只 見 她 打扮 輕便 臉上 沒有 任何 妝容 戴 上 眼鏡 及 口罩 即使 從頭 包 到 腳 依然 擋不住 星 味 不過 不少 網友 的 注意力 卻 停留 在 她 的 臉上 紛紛 留言 她 的 臉 在 哪 到底 是 口罩 太 大 還是 潤 娥 臉 太 小 怎麼 戴 口罩 跟 眼鏡 也 能 這麼 美 @yoona__lim 分享 的 貼 文 於 pdt 2020 年 3 月 月 19 日 下午 11 25 張貼</t>
  </si>
  <si>
    <t>引言 大陸 經濟 快速 成長 彙聚 海內外 人才 助 其 經濟 轉型 並 在 國際 間 佔有 一席之地 不過 近年來 因 中 美 貿易 戰和 新冠肺炎 疫情 衝擊 大陸 在 十四五 期間 面臨 重大 挑戰 之一 就 是 人才 議題 不 突圍 必 難以 戰勝 環境 工商時報</t>
  </si>
  <si>
    <t>新冠肺炎 疫情 蔓延 觀光 產業 首當其衝 對此 新北 市長 侯友宜 今 9 表示 這 段 時間 臺灣 觀光 可以 說 是 非常 蕭條 像 金山好 山 好 水 好 風景 都 沒有 人 走動 非常 可惜 他 也 呼籲 民眾 有空 到 戶外 走走 看看 漂亮 的 風景 讓 自己</t>
  </si>
  <si>
    <t>新冠肺炎 疫情 蔓延 觀光 產業 首當其衝 對此 新北 市長 侯友宜 今 9 表示 這 段 時間 臺灣 觀光 可以 說 是 非常 蕭條 像 金山好 山 好 水 好 風景 都 沒有 人 走動 非常 可惜 他 也 呼籲 民眾 有空 到 戶外 走走 看看 漂亮 的 風景 讓 自己 身體 更 健康 提高 免疫力 大家 不要 忘 了 希望 我們 的 郊區 偏 鄉 風景 好 的 地方 民眾 有空 就 到 戶外 走 一 走</t>
  </si>
  <si>
    <t>2020 臺灣 燈會 昨 23 日 晚間 正式 閉幕 雖 面臨 新冠肺炎 的 防疫 艱钜 挑戰 但 憑 著 藉 口碑 好評 16 天燈 期 人潮 仍 超乎 預期 共 吸引 1182萬 人次 前往 賞燈 而 2021 年 臺灣 燈會 將 由 新竹 市 接 棒 主辦 交通部長 林佳龍 表示 將 進一步 詮</t>
  </si>
  <si>
    <t>2020 臺灣 燈會 昨 23 日 晚間 正式 閉幕 雖 面臨 新冠肺炎 的 防疫 艱钜 挑戰 但 憑 著 藉 口碑 好評 16 天燈 期 人潮 仍 超乎 預期 共 吸引 1182萬 人次 前往 賞燈 而 2021 年 臺灣 燈會 將 由 新竹 市 接 棒 主辦 交通部長 林佳龍 表示 將 進一步 詮釋 臺灣 燈會 20 的 美學 全貌 觀光局 表示 2020 臺灣 燈會 在 防疫 工作 下 除 保留 傳統 燈節 熱鬧 氣氛 並 融入 全球 環境 保護 概念 以 人 為 本 方針 將 創意設計 融入 政策 並 透過 設計 美學 與 工藝 傳統 與 創新 用 藝術 與 國際 對話 3 大 主軸 升級 臺灣 燈會 燈 藝 美學 為 臺灣 燈會 20 創新 的 開始 觀光局 指出 2020 臺灣 燈會 有 4 大 創新 突破 首先 為 導入 美學 藝術 為 延續 設計 美學 提升 燈會 設計 力 籌 畫 階段 特別 辦理 讓 世界 為 臺灣 而來 觀光 設計 力 研討會 並以 藝術 策 展 方式 邀請 國內外 知名 藝術家 及 團隊 於 燈會 布展 深獲 各界 肯定 好評 其次 2020 臺灣 燈會 主 燈 森 生 守護 光 之 樹 融合 園區 地 景 首度 以 樹木 為題 邀請 國際 知名 藝術家 林舜龍 創作 大型 裝置 藝術 除了 日 夜間 觀賞 均 各 具 風貌 並 首度 開放 民眾 穿越 其中 以 全新 角度 及 視野 演繹 結合 裝置 藝術 的 主 燈 深獲 佳評 再者 2020 臺灣 燈會 延伸 台 中國 美 館 的 臺灣 國際 光影 藝術節 連結 在 地產業 及 光影 展演 導入 光影 藝術 將 燈會 轉型 成 大型 設計 博覽會 聆聽 花 開 永 晝 心 及 科技 展演 燈 區 則 結合 機械 科技 及 光影 打造 為 燈 的 節慶 光 的 國度 最後 2020 臺灣 燈會 首次 規 畫 以 大型 環境 劇場 為 主軸 結合 主 燈 秀 永 晝 心 展演 巨蟲 秀 及 無人機 表演 閉園 時 更 搭配 精靈 遊行 透過 導入 全面 式 的 沉浸 式 劇場 表演 規 畫 引 領 遊客 感受 全新 的 五感 體驗 林佳龍 表示 受到 新冠肺炎 疫情 影響 今年 臺灣 燈會 在 燈會 期間 做 了 萬全 的 防疫 措施 盡全力 打造 安心 賞燈 環境 他 感謝 台中 市長 盧秀燕 對 中央 的 信任 在 高度 壓力 下 做出 決定 認為 此次 是 中央 和 地方 合作 很 好 的 典範 而 2021 年 臺灣 燈會 將 由 新竹 市 接 棒 主辦 林佳龍 預告 將 攜手 科技產業 大學 及 科技 師生 將 竹科 技術 結合 舊 新竹 車站 護城河 等 傳統 地 景 透過 改造 城市 光 環境 發展 成光 的 國度 以 進一步 詮釋 臺灣 燈會 20 的 美學 全貌 民眾 可 拭目以待</t>
  </si>
  <si>
    <t>去年 結束 澳洲 網球 公開賽 後 瑞士 特快車 費德勒 因為 動 了 2 次 膝傷 手術 暫 別 賽場 臺北 時間 昨天 淩晨 在 卡達 網球 公開賽 正式 回歸 是 他 暌違 405 天 首 場 比賽 經過 2 小時 24 分鐘 的 3 盤 激戰 7 比 6 10 比 8 3 比 67 比 5 力克 英國 選手 伊文斯 晉級 8 強 賽後 他 笑 說 因為 太 久 沒 比賽 都 忘 了 現在 職業賽 因為 新冠肺炎 增加 了 新 規則 費德勒 去年 因為 膝傷 在 澳 網 後 就 整季 報銷 同時 國際 體育賽事 也 因為 新冠肺炎 大 流行 停賽 過 一 段 期間 恢復 比賽 後 主辦單位 為了 防疫 增加 一些 新 規定 例如 避免 接觸 感染 選手 現在 得 自己 拿 毛巾 擦 汗 昨天 賽後 費德勒 說 太 久 沒 比賽 我 忘 了 不少 事 像是 我 要求 球童 幫忙 遞 毛巾 給 我 但 他們 因為 防疫 規定 不能 這麼 做 感覺 我 缺席 比賽 的 時間 比 我 想 的 還 久 費德勒 說 但 也 很 開心 終於 可以 回到 賽場 能 回來 感覺 真好不論 輸贏 能夠 站 在 球場 就 很 快樂 而 他 首輪 輪空 次 輪 獲勝 下 一 輪 要 和 世界 第 42 名 的 喬治亞 選手 巴西 拉 許 維利 爭奪 4 強 席次 兩 人 過去 僅 在 2016 年 澳 網 交手 過 一 次 當時 費爸 直 落 3 獲勝</t>
  </si>
  <si>
    <t>新冠肺炎 不乏 猝 死者 重症 醫 快樂 缺氧 是 死神 慣用手法</t>
  </si>
  <si>
    <t>今 健康 新冠肺炎 臺灣 飲食 蔬果</t>
  </si>
  <si>
    <t>新冠肺炎 臺灣 麥當勞 禁內 用</t>
  </si>
  <si>
    <t>國軍 敦睦 艦隊 傳 群 聚 感染 18 日 軍方 緊急 召回 軍艦 官兵 采 檢 隔離 防疫 車 竟 直 駛入 台中 一中 校園 引發 反彈 台中 市長 盧秀燕 21 日 對 軍方 表達 抗議 對 選擇 在 台中 一中 門口 當 集合地點 深表遺憾 今 早 也 在 市政 會議 表揚 阻擋 防疫 車 到 校園 接 發燒 者 的 學務 主任 與 教官 全場 官員 以 掌聲 鼓勵 避免 引發 師生 暴露 在 感染 風險 的 疑慮 要 接 疑 似 新冠肺炎 確 疹 者 的 地點 竟 選 在 逛 街 人潮 眾多 的 一中 商 圈裡 盧秀燕 上午 市政 會議 前 受訪 時 表示 向 軍方 表達 抗議 經 抽絲剝繭 的 調查 發現 敦睦 艦隊 在 召回 他們 的 官 士兵 的 時候 選擇 台中 一中 的 門口 當作 集合地點 對 這個 事情 我們 深表遺憾 盧秀燕 對此 大為 不滿 抗議 軍方 的 救護車 人員 車輛 直闖 台中 一中 的 校園 完全 沒有 跟 台中市政府 或者 是 台中 一中 商量 協調 或者 是 事先 告知 一中 的 同仁 處在 完全 不知情 的 狀況 他們 也 沒有 全副 的 防疫 裝備 質疑 軍方 你們 自己 全副武裝 別人 要 不 要 全副武裝 一中 的 師生 莫名其妙 怎麼 會 一大 堆 人 穿 著 防護衣 跑 進去 救護車 也 跑 進 去 了 盧秀燕 說 幸好 學校 很 有 警覺性 他們 自己 防護 的 很 好 防止 一中 師生 或是 同仁 暴露 在 很 可能 接觸 到 發燒 的 案例 確診 個案 在 高風險 的 環境 之下 我們 是 覺得 非常 的 不妥 幸好 台中 一中 及時 攔下 她 在 市政 會議 中 也 當場 表揚 台中 一中 學務 主任 劉殊 賢 及 教官 肯定 他們 的 防疫 觀念 非常 正確 他們 立刻 去 瞭解 發生 什麼 事情 並且 繼續 打交道 要求 軍方 防疫 人員 救護車 相關 的 人員 退出 校園 外 盧秀燕 對 軍方 表示 譴責 同時 也 對 台中 一中 勇於 守護 校園 守護 師生 安全 以及 防疫 觀念 非常 落實 表示 肯定 值得 表揚 但 相較 之下 台中 一中 防疫 觀念 落實 盧秀燕 表示 軍方 這樣 的 作為 呼籲 軍方 對於 防疫 作為 要 再 教育 要 再 加強 教育 要 再 加強 盧秀燕 表示 台中 市 在 這次 敦睦 艦隊 有 不少 基層 官 士兵 是 我們 台中 市民 他們 的 家屬 其實 頗為 焦慮 當初 不管 是 志願 役 或者 是 義務役 的 基層 士兵 他們 基於 保家 衛國 守護 國家 守護 人民 觀念 去 從軍 那 結果 呢 還 沒有 保家衛國 就 被 這樣 的 一個 那個 防疫 觀念 的 偏差 或是 疏忽 造成 折 損 她 強調 如果 我們 沒有 辦法 保護 我們 的 役男 保護 我們 的 軍士 官兵 他們 怎麼 保護 我們 的 國家 保護 人民 包中彰 投 大概 有 七十 多 名 的 敦睦 艦隊 役男 現在 集體 檢疫 當中 希望 好好 照顧 他們 家屬 跟 市政府 與 市民 朋友 都 希望 海軍總部 好好 的 照顧 他們 身為 媽媽 市長 盧秀燕 難 掩 心疼 的 說 如果 是 自己 的 兒女 想想看 現在 一 趟 的 遠洋 遠行 後 現在 返台 後 每個 人 都有 感染 的 風險 在 這 十四 天 當中 他們 被 檢疫 親朋 好友 的 焦慮 可想而知 她 拜 讬 海軍總部 好好 的 照顧 他們 他們 的 相關 訊息 健康狀況 等等 也 應該 讓社會 大眾 有所 瞭 解 讓 家屬 及 政府 對 他們 的 關心 跟 焦慮 能夠 減少 一些</t>
  </si>
  <si>
    <t>美國 新冠肺炎 疫情 升溫 紐約州 州長 郭謨 10 日 宣佈 在 嚴重 群 聚 感染 的 威斯 賈斯特 郡 新 羅 謝爾 new rochelle 設置 全 美國 第 一個 封鎖 區 containment area 防止 群 聚 感染 持續 擴大 當天 紐約州 新增 病例 超過 170 例 其</t>
  </si>
  <si>
    <t>美國 新冠肺炎 疫情 升溫 紐約州 州長 郭謨 10 日 宣佈 在 嚴重 群 聚 感染 的 威斯 賈斯特 郡 新 羅 謝爾 new rochelle 設置 全 美國 第 一個 封鎖 區 containment area 防止 群 聚 感染 持續 擴大 當天 紐約州 新增 病例 超過 170 例 其中 威斯 賈斯特 郡 確診 108 例 郭謨 10 日 表示 當局 在 新 羅 謝爾 畫 一個 半徑 1 英里 16 公里 面積 約 81 平方公里 的 圓形 封鎖 區 出動 國民兵 協助 防疫 維持 期間 從 12 日 開始 至 25 日 封鎖 區 以 一 間 與 部分 新冠 病例 有關 的 猶太 教堂 附近 為 中心 這 段 時間 內 區域 裡 的 學校 社區中心 宗教 場所 等 容易 出現 人群 聚集 的 設施 將 關閉 但 零售店 熟食 店 等 店鋪 保持 營業 國民兵 會 進行 檢疫 和 消毒 工作 並為 隔離 中的 居民 運送 食品 新 羅 謝爾位 在 紐約市 以北 的 郊區 郭謨 指出 該 地區 已經 有 108 名 確診 病例 病例 群 聚 規模 可能 是 全國 最 大 美國 新冠肺炎 疫情 不斷擴大 截至 當地 時間 10 日 晚間 11 時 確診 病例 突破 1000 達 1004 例 累計 死亡 31 人 疾病 管制 及 預防 中心 cdc 通報 當天 晚間 全美 已 有 至少 37 個 州 和 華盛頓 特區 出現 確診 病例 疫情 最 嚴重 的 華盛頓州 新 確診 病例 從 9 日 的 162 人 暴 增 百 餘 人 達到 267 人 西雅圖 所在 的 金郡 king county 則 是 該州 重 疫區 確診 數 有 190 人 情況嚴峻 的 還有 加州 雖然 新增 病例 只 有 24 例 但 累計 確診 人數 也 已經 達到 157 人 其中 2 人 死亡 當地 媒體 則 預測 潛在 的 感染者 可能 有 數 千 人 密西根州 10 日 晚間 確診 首 起 病例 當局 隨後 宣佈 進入 緊急狀態</t>
  </si>
  <si>
    <t>國內 新冠肺炎 疫情 嚴峻 隨時 戴 口罩 已 成為 全民 共識 1 名 黃 姓 男子 去年 12 月 間 搭 公車 因 未戴 口罩 與 公車 司機 起 爭執 4 名 員 警 獲 報到 場 處理 竟 遭 黃男 辱駡 白癡 當場 遭 逮捕 送 辦 臺北地院 審結 依 侮辱 公務員 罪 判 黃男 拘</t>
  </si>
  <si>
    <t>國內 新冠肺炎 疫情 嚴峻 隨時 戴 口罩 已 成為 全民 共識 1 名 黃 姓 男子 去年 12 月 間 搭 公車 因 未戴 口罩 與 公車 司機 起 爭執 4 名 員 警 獲 報到 場 處理 竟 遭 黃男 辱駡 白癡 當場 遭 逮捕 送 辦 臺北地院 審結 依 侮辱 公務員 罪 判 黃男 拘役 50 日 得 易 科 罰金 5萬 元 緩刑 2 年 並 捐助 3萬 元 可 上訴 判決 指出 黃男 去年 12 月 6 日 中午 在 臺北市 萬 華區 西園路 一 段 桂林 路口處 因 搭乘 公車 未戴 口罩 而 與 公車 司機 發生 糾紛 萬華 警 分局 青年 路 派出所 4 名 員 警 獲 報到 場 處理 黃男 因 不 願 配合 警方 執法 當場 辱 買 員警 白癡 喔 警方 當場 逮捕 黃男 黃男 後來 又 在 派出所 內 再 飆 三字經 檢 方 認定 黃男 涉 犯 侮辱 公務員 罪 向 法院 聲 請 簡易 判決 處刑 北 院 考量 他 認罪 並 表明 願意 尊循 受害 員 警 的 意願 向勵馨 社會福利 事業 基金會 捐助 3萬 元 認為 他 應知 所 警惕 而 無 再犯 之虞 予以 緩刑</t>
  </si>
  <si>
    <t>新冠肺炎 臺灣 辱駡 戴 口罩 員警</t>
  </si>
  <si>
    <t>柯文哲 新冠肺炎 疫情 臺灣</t>
  </si>
  <si>
    <t>洋基隊 的 春 訓 20 頗為 不順 首日 投手 田中 將 大 受傷 主力 打者 勒 瑪 修 dj lemahieu 與 投手 瑟 薩 luis cessa 同時 宣佈 感染 了 新冠肺炎 勒馬修 沒有 症狀 瑟 沙則 是 症狀 輕微 勒 瑪 修 早年 效力 國聯 洛磯 隊 上 季 首度 轉到 美 聯 球隊</t>
  </si>
  <si>
    <t>至 昨天 4 29 為止 臺灣 已 連續 4 天 沒有 新 增 新冠肺炎 確診 讓 大家 燃起 希望 若 一直 0 是不是 就 能 約 吃飯 出國 玩 但 醫師 謝 宗學 指出 我 必須 殘忍 地 說 不管 臺灣 零 確診 天數 有 多少 以前 那種 出門 不用 戴 口罩 可以 自由 出</t>
  </si>
  <si>
    <t>今年 來 全球 金融市場 受到 新冠肺炎 疫情 擴散 全球 影響 股 債市 產生 劇烈 波動 在 疫情 擴散 全球 鎖國 效應 美 債 殖 利率 攀升 油價 下跌 眾多 利 空 因素 下 全球 股 債市 恐慌性 賣壓 傾巢而出 許多 股市 在 短短 一個 月 不 到 時間 都 跌破 10 年</t>
  </si>
  <si>
    <t>新冠肺炎 延 燒 西班牙 通報 首 起 死亡 病例</t>
  </si>
  <si>
    <t>義 大利 外交部 週四 對外 表示 當日 新增 3 起 新冠肺炎 的 死亡 病例 總計 死亡數 攀升 至 17 人 確診 病例 數 已 增加 至 650 新增 的 病例 大多 位於 北部 的 倫巴 底 區 lombardy 與 威尼托 區 veneto 根據 路透社 報導 梵蒂岡 官方 表示</t>
  </si>
  <si>
    <t>義 大利 外交部 週四 對外 表示 當日 新增 3 起 新冠肺炎 的 死亡 病例 總計 死亡數 攀升 至 17 人 確診 病例 數 已 增加 至 650 新增 的 病例 大多 位於 北部 的 倫巴 底 區 lombardy 與 威尼托 區 veneto 根據 路透社 報導 梵蒂岡 官方 表示 天主教 教宗 方濟各 pope francis 因為 身體 微恙 決定 取消 主持 本 週四 與 羅馬 其他 神職人員 的 共同 彌撒 義 大利 新冠肺炎 疫情 不斷 升溫 教宗 健康狀況 格外 引人 憂心 教宗 方濟各 今年 高齡 83 歲 梵蒂岡 沒有 透露 任何 關於 教宗 生病 的 細節 只 表示 身體 出現 輕微 不適 mild ailment</t>
  </si>
  <si>
    <t>新冠肺炎 臺灣 台中 朝陽 科大 夜 唱 團</t>
  </si>
  <si>
    <t>為了 協助 艱 困 企業 渡過難關 並 維持 員工 生計 經濟部 將 於 9 月 1 日 公告 今 109 年 第 3 季 經濟部 辦理 製造業 及 其 技術 服務業 受 嚴重 特殊 傳染性 肺炎 影響 之 艱 困 事業 薪資 及 營運 資金 補貼 申請 須知 凡 有 稅 籍 登記 的 製造業者 及 提供 製造業 技術 服務 之 業者 在 109 年 7 月 至 9 月 期間 如 屬 營業額 衰退 達 50 以上 之 艱 困 企業 政府 即 補貼 該 企業 正職 員工 3 個 月 經常性 薪資 費用 4 成 每月 上限 2萬 元 及 以 正職 員工 數 乘以 1萬 元 之 一次性 營運 資金 補貼 已 獲 4 月 至 6 月 營運 資金 補貼 者 不再 補貼 根據 經濟部 網站 公告 由於 全球 新冠肺炎 疫情 仍然 嚴峻 我國 主要 出口 國家 邊境 管制 措施 未 解封 市場需求 疲弱 導致 國內 與 外銷 相關 之 製造業 及 其 技術 服務業 持續 受到 衝擊 經由 密集 檢討 並 與 相關 產業 公 協會 溝通 後 經濟部 公告 前述 第 3 季 薪資 及 營運 資金補貼 申請 須知 其 與 第 2 季 補貼 措施 之 差異 說明 如下 一 營業額 衰退 幅度 采 同期 比較 考量 產業 皆 有 淡旺季 采 同期 比較 方式 較 能 排除 景氣 迴圈 因素 造成 之 營業額 差異 客觀 反映 營業額 受 衝擊 程度 二 增列 興 櫃 上市 櫃 公司 上半年 或 第 3 季 eps 應為 負值 或有 營業 損失 方得 申請 考量 興 櫃 上市 櫃 公司 於 公開市場 募 資 相對 容易 且 其 上半年 及第 3 季 eps 為 正 表示 企業財務 較為 寬裕 較 有能力 以其 上半年 或 第 3 季盈 餘 彌補 虧損 另為 避免 eps 為 正 系 因 賣 土地 資產 等 非本 業 收益 所 致 其 本業 仍 為 虧損 並 將 有 營業 損失 列入 申請 資格 三 技術 服務業 應 提出 對 製造業 提供 相關 技術 服務 之 實績 佐證 資料 考量 技術 服務業 所 提供 之 技術 服務 應 與 製造業 相關 方屬 製造業 之 相關 技術 服務業 可能 因 製造業 外銷 訂單 減少 而 受 影響 爰 增加 本項 條件 四 一律 采 線 上 申請為 提升 審查 作業 效率 及 品質 減少 因 紙本 檔 錯漏 補 正 所 耗時間 爰 規定 一律 采 線 上 申請 業者 如有 申請 之 困難 可 洽 各 服務 視窗 提供 協助 由於 本次 疫情 造成 國內 部分 業者 營業額 嚴重 衰退 而 陷入 經營 困境 連帶 波及 受 雇員 工 經濟部 於 本次 特別 預算 追加 第 3 季 補貼 經費 編 列 1562億 元 預估 除 協助 受 影響 企業 可以 持續 營運 外 亦可 穩定 30萬 人 以上 之 員工 就業 維持 社會安定 本次 薪資 及 營運 資金 補貼 措施 之 申請 期間 自 公告 日 起至 經費 用 罄 為止 或 最 遲至 109 年 10 月 31 日 補貼 措施 之 詳情 可 至 專屬 網站 https csm-subsidy mittw org tw 或 至 產業 競爭力 發展中心 網站 https assist nat gov tw 查詢 若 仍 有 其他 疑義 可撥打 0800 000 257 由 本 局 產業 競爭力 發展中心 專人 提供 服務</t>
  </si>
  <si>
    <t>新冠肺炎 經濟部 紓困</t>
  </si>
  <si>
    <t>拜登 川普 白宮 新冠肺炎 病毒 就職</t>
  </si>
  <si>
    <t>新冠肺炎 肆虐 全球 的 同時 最 早 爆發 疫情 的 大陸 也 面臨 貓狗 生存 大戰 因 主人 離 家 多時 大量 貓狗 恐怕 已 活活 餓 死 甚至 有 地方 政府 擔心 寵物 會 傳染 病毒 已 下令 對 滯留 在 公共場所 無 人 看管 的 寵物 格殺勿論 美國 有線電視 新聞</t>
  </si>
  <si>
    <t>基於 新冠肺炎 持續 衝擊 經濟 紐西蘭 央行 12 日 宣佈 擴大 貨幣 刺激 購 債 規模 將 由 600億 紐 元 提高 至 1000億 紐 元 約 658億 美元 以 減緩 疫情 對 經濟 的 影響 央行 指出 公衛 不 確定性 仍然 持續 基本 經濟 模擬 情境 依然 存在 下 行風</t>
  </si>
  <si>
    <t>基於 新冠肺炎 持續 衝擊 經濟 紐西蘭 央行 12 日 宣佈 擴大 貨幣 刺激 購 債 規模 將 由 600億 紐 元 提高 至 1000億 紐 元 約 658億 美元 以 減緩 疫情 對 經濟 的 影響 央行 指出 公衛 不 確定性 仍然 持續 基本 經濟 模擬 情境 依然 存在 下行 風險</t>
  </si>
  <si>
    <t>紐 元 紐西蘭 央行 擴大 購 債 新冠肺炎 衝擊 經濟</t>
  </si>
  <si>
    <t>武漢市 衛健 委 去年 12 月 31 日 首次 通報 稱 當地 出現 新冠肺炎 而 首批 確診 患者 共 27 人 大多 來自 華南 海鮮 批發市場 下 稱 海鮮 市場 據 大陸 媒體 取得 的 一 份 首批 感染者 名單 顯示 全部 人均 無 活 禽 暴露 史 其中 24 人 有 該 海鮮 市場 暴</t>
  </si>
  <si>
    <t>武漢市 衛健 委 去年 12 月 31 日 首次 通報 稱 當地 出現 新冠肺炎 而 首批 確診 患者 共 27 人 大多 來自 華南 海鮮 批發市場 下 稱 海鮮 市場 據 大陸 媒體 取得 的 一 份 首批 感染者 名單 顯示 全部 人均 無 活 禽 暴露 史 其中 24 人 有 該 海鮮 市場 暴露 史 其中 零 號 病人 早于 去年 12 月 11 日 出現 症狀 據 報導 最 早 出現 發燒 症狀 的 魏女士 被 指 為首 名 確診 患者 她 在 海鮮 市場 經營 活 蝦 生意 並 長期 租 住 在 市場 附近 的 民居 與 市場 直線 距離 不 到 500 米 12 月 11 日 出現 症狀 後 她 第一時間 在 樓下 診所 就醫 她 表示 以 往 不 舒服 便 會 立即 去 打針 打完 第二 就 好轉 但 該 次 她 打 了 兩 針 都 無效 曾 到 武漢市 第 十一醫院 照 肺部 ct 也 沒 發現 到 去年 12 月 16 日 她 才 前往 了 協和醫院 門診部 就診 從 陸媒 獲得 的 感染者 名單 顯示 海鮮 市場 首批 確診 患者 中 共 11 人 出現發燒 症狀 後 都 選擇 到 就近 診所 就醫 據 記者 上月 實地 瞭解 名單 中的 診所 多 位於 市場 附近 的 老 舊 社區 現 已 全部 歇業 名單 中 首 名 無 海鮮 市場 接觸 史 患者 陳先生 去年 12 月 16 日 出現 發熱 症狀 後 隨即 到 江夏 人民醫院 就醫 從事 財務 工作 的 他 表示 確診 前期 其 家人 未 做 任何 防護 但 至今 無 一發 現 感染 據 知 陳先生 家 與 市場 直線 距離 超過 30 公里 他指 自己 病 發 前 半 個 月 除 上班 外 沒去 過 其他 地方 最 有 可能 出現 感染 估計 是 乘坐 地鐵 或 後來 前往 醫院 期間</t>
  </si>
  <si>
    <t>新冠肺炎 臺灣 隊員 200 防疫 消毒</t>
  </si>
  <si>
    <t>新冠肺炎 az 疫苗 美國 校方</t>
  </si>
  <si>
    <t>五 一連 假 將近 為了 避免 清明連 假 部分 景點 人潮 過多 拉高 感染 新冠肺炎 風險 的 情況 重演 政府 推出 1968 app 用 不同 顏色 燈號 提醒 民眾 各 景點 人潮 但 台南 市長 黃偉哲 不滿 當中 台南 景點 被 列 最 多 認為 有 些 景點 人潮 根本 不 多 質</t>
  </si>
  <si>
    <t>新冠肺炎 疫情 持續 在 大陸 延 燒 有 專家 提醒 目前 疫情 最 嚴重 的 南方 城市 即將 進入 季節性 流感 高發期 病毒 可能 與 流感 病毒 混合 感染 恐 對 疫情 防治 帶來 衝擊 根據 廣州市 公共 衛生 專家 發表 的 最新 論文 就 警告 新冠肺炎 防疫 進</t>
  </si>
  <si>
    <t>鄭照新 普 篩 韓國 瑜 高雄市 新冠肺炎</t>
  </si>
  <si>
    <t>陸 國家 衛健 委 主任 新冠肺炎 重症 救治 形成 大陸 經驗 可 與 世界 分享</t>
  </si>
  <si>
    <t>大陸 央 視 新聞 25 日 報導 隨 著 武漢 最後 一 例 重症 患者 新冠肺炎 24 日 治癒 武漢 重症 病例 實現 了 清 零 大陸 國家 衛健 委 主任 馬曉偉 接受 陸媒 專訪 表示 新冠肺炎 重症 救治 形成 了 寶貴 的 經驗 可 與 世界 分享 馬曉偉 指出 湖北 武</t>
  </si>
  <si>
    <t>大陸 央 視 新聞 25 日 報導 隨 著 武漢 最後 一 例 重症 患者 新冠肺炎 24 日 治癒 武漢 重症 病例 實現 了 清 零 大陸 國家 衛健 委 主任 馬曉偉 接受 陸媒 專訪 表示 新冠肺炎 重症 救治 形成 了 寶貴 的 經驗 可 與 世界 分享 馬 曉偉 指出 湖北 武漢 危重症 治療 現在 清 零 這 標誌著 湖北 武漢 保衛 戰 取得 了 決定性 的 勝利 標誌著 大陸 新冠肺炎 治療 方面 達到 了 國際 先進 水準 同時 也 標誌著 大陸 重症 醫學 呼吸 科 感染 科 治療 水準 取得 了 長足 的 進步 報導 指出 武漢 在 院 重症 病例 數量 從 最 高峰 時 2 月 19 日 的 9689 例 到 現在 重症 和 危重症 病例 清零 武漢市 累計 治癒率 是 922 重症 患者 轉歸 為 治癒 的 比例 為 889 並且 在 新冠肺炎 重症 救治 方面 也 探索 形成 了 中國 經驗 包括 國家 呼吸 重症 感染 等 骨幹力量 整 建制 接管 重症 病 區 建立 了 有效 的 醫療 管理 組織 體系 把 各地 馳援 的 42000 多 醫務人員 有序 組織 起來 堅持 醫療 與 護理 相 結合 醫療 與 管理 結合 狠抓 救治 規範化 同質化 馬 曉偉 說 建立 了 醫療 管理制度 比如說 24 小時 病例 報告 制度 死亡 病例 討論 制度 專家 會 診 制度 專家 巡診 制度 護理 管理制度 等等 從 細微處 管理 每 一個 病人 看住 每 一個 病人 使 每 一個 病人 在 他 治療 的 整個 過程 中 都 在 醫療 照顧 之下 馬 曉偉 指出 在 治療 方面 大陸 有 很多 特點 第一 基礎 和 臨床 結合 開展 病理解剖 瞭解 病毒 對 身體 侵害 的 部位 明確 下 一 步 治療 方向 第二 前方 和 後方 結合 前方 重症 醫學科 呼吸 科 和 回圈 科 等 和 各方 的 血液 免疫 等 許多 學科 進行 遠 端 會診 組織 起 了 全 大陸 的 學科 力量 開展 救治 工作 第 三 醫療 和 護理 結合 這 對 重症 病人 的 護理 是 十分 重要 的 整體 護理 專業 護理 生活 護理 和 心理 護理 這 四 個 方面 要 結合 在 一起 第 四 醫療 和 管理 結合 大陸 建立 了 一 套 完整 的 統一 的 標準 流程 和 評價 體系 這 使得 整個 治療 水準 能夠 達到 同質化 能夠 達到 國家一級 的 水準 馬 曉偉 認為 這些 經驗 不僅 為 大陸 今後 治療 病 毒性 肺炎 提供 了 寶貴 的 經驗 也 完全 可以 同 國際 社會 分享 馬 曉偉 表示 新冠肺炎 的 治療 結束 之後 一些 其他 患 有 基礎 病 的 患者 正 在 相關 學科 進行 專門 的 治療 都 在 武漢 高 水準 的 醫院 進行 專科 的 治療 這 方面 已經 做 了 妥善 的 安排</t>
  </si>
  <si>
    <t>1 輛 滿載 幹 洗手 液 等 消毒 用品 的 大 貨車 13 日 淩晨 行經 台 61 線 快速道路 台西 鄉 段時 後 車鬥 突然 起火 由於 幹 洗手 液 含有 酒精 火勢 猛烈 經 消防隊 全力 搶救 才將 火勢 撲滅 消防人員 呼籲 民眾 為了 防疫 購買 含有 酒精 的 消毒 用品 載運 時 務必 做好 安全 措施 新冠肺炎 疫情 引發 民眾 搶購 酒精 幹 洗手 液 台南 1 家 清潔用品 公司 林姓 司機 12 日 晚間 載 送 1 貨車 幹 洗手 液 前往 台中 補 貨 13 日 清晨 零點 許 行經 台 61 線 快速道路 雲林縣台 西 鄉 段時 發現 後 車鬥 冒出 火苗 馬上 停車 查看 由於 幹 洗手 液 含有 大量 易燃 酒精 後 車鬥 火勢 一發不可收 十 林姓 司機 見 自己 無法 撲滅 打電話 向 消防 單位 求援 台西 消防 分隊 獲 報 立即 出動 2 輛 消防車 與 1 輛 救護車 前往 救援 到達 現場 時大 貨車 已 陷入 一 片 火海 5 名 消防人員 以 強力 水柱 灌救 滅火 約 30 分鐘 後 將 火勢 控制 只見 後車 鬥 的 幹 洗手 液 已 付之一炬 車頭 也 遭到 波及 燒得 面目全非 所幸 林 姓 司機 即時 下車 並 沒有 受傷 初步 研 判 起火 原因 可能 是 貨品 因 碰撞 產生 壓力 變化 引起 消防人員 表示 最近 因 民眾 防範 新冠 疫情 工廠 大量 生產 酒精 幹 洗手 液 等 消毒 用品 運輸量 也 相對 增加 提醒 大家 載運 這些 易燃物 時 需 小心謹慎 加強 固定 避免 因 碰撞 產生 壓力 變化 不要 置於 車體 高溫 處 遠離 火源 務必 做好 防護 措施 以免 發生意外</t>
  </si>
  <si>
    <t>國內 新冠肺炎 情勢 嚴峻 頻頻 炸 鍋 的 本土 個案 讓 人心惶惶 尤其 阿公店 群 聚 感染 大 爆發 以來 大量 確診 病例 皆 與 萬華 茶室 茶藝 館 有關 儼然 讓 該處 成為 此 波 疫情 的 重災區 但 今 25 日 有 ptt 眾多 鄉民 不滿 直 指 有 電</t>
  </si>
  <si>
    <t>美國商務部 今天 發佈 經濟 資料 指出 受到 新冠肺炎 疫情 衝擊 百業蕭條 並 導致 數 千萬 人 丟掉 工作 第二 季 失業率 沖 上 147 4 到 6 月 國內 生產 毛額 gdp 比 去年同期 大幅 萎縮 33 創下 1947 年 有 記載 以來 的 史上 最 慘烈 紀錄</t>
  </si>
  <si>
    <t>美國商務部 今天 發佈 經濟 資料 指出 受到 新冠肺炎 疫情 衝擊 百業蕭條 並 導致 數 千萬 人 丟掉 工作 第二 季 失業率 沖 上 147 4 到 6 月 國內 生產 毛額 gdp 比 去年同期 大幅 萎縮 33 創下 1947 年 有 記載 以來 的 史上 最 慘烈 紀錄 原 紀錄 為 1958 年 艾森豪 政府 時期 的 10 另 一個 更糟 的 現象 是 今年 1 到 3 月 gdp 萎縮 了 5 由於 經濟 連續 2 季 倒退 意味著 美國 經濟 正式 走 入 衰退 也 代表 美國 連續 11 年 的 史上 最 長 經濟 擴張期 就此 告一段落 商務部 表示 占 經濟 活動 高達 7 成 的 消費者 支出 驟降 是 第二 季 經濟 萎縮 的 主因 因 疫情 各地 祭出 封鎖 令 航空 旅遊 商場 餐館 全面 關閉 造成 4 到 6 月 消費者 支出 比 去年同期 暴跌 34</t>
  </si>
  <si>
    <t>萎縮 gdp 經濟 新冠肺炎 美國 疫情</t>
  </si>
  <si>
    <t>臺灣 新冠肺炎 目前 共有 28 例 確診 案例 臺北市 長 柯文哲 屢屢 喊話 中央 公佈 確診 者 的 居住 地點 且 稱 對 是否 有 確診 者 不 知道 在 公佈 第 2728 例 前 有 網友 整理 衛福部 公開 的 26 例 資訊 統計 出 目前 臺北市 確診 者 共 7 人 是 全</t>
  </si>
  <si>
    <t>韓國 中央 防疫 對策 本部 12 日 通報 新增 15 例 感染 新冠 新 變異 株 omicron 病例 累計 90 例 其中 7 例 為 社區 感染 另外 全國 新增 新冠肺炎 確診 病例 6689 例 死亡 病例 43 例 重症 患者 894 例 較 前 一 天 增加 38 例 刷新紀錄 冬季 寒冷</t>
  </si>
  <si>
    <t>韓國 中央 防疫 對策 本部 12 日 通報 新增 15 例 感染 新冠 新 變異 株 omicron 病例 累計 90 例 其中 7 例 為 社區 感染 另外 全國 新增 新冠肺炎 確診 病例 6689 例 死亡 病例 43 例 重症 患者 894 例 較 前 一 天 增加 38 例 刷新紀錄 冬季 寒冷 天氣 有利於 病毒 存活 和 傳播 以及 新冠 新 變異 株 omicron 等 變數 疫情 形勢 有 可能 進一步 惡化</t>
  </si>
  <si>
    <t>新冠肺炎 臺灣 10 人 賭場 黃姓 男</t>
  </si>
  <si>
    <t>國內 新冠肺炎 疫情 大 爆發 高雄市 也 傳出 基隆 確診 婦女 曾在 5 月初 南下 高雄 廟宇 進香 引起 各界 恐慌 高雄 市長 陳其邁 12 日 緊急 臨時 召開 防疫 會議 決議 停辦 延後 舉辦 各 142 場 大型活動 為了 配合 中央 提升 疫情 警戒 至 第 二級 高</t>
  </si>
  <si>
    <t>國內 新冠肺炎 疫情 大 爆發 高雄市 也 傳出 基隆 確診 婦女 曾在 5 月初 南下 高雄 廟宇 進香 引起 各界 恐慌 高雄 市長 陳其邁 12 日 緊急 臨時 召開 防疫 會議 決議 停辦 延後 舉辦 各 142 場 大型活動 為了 配合 中央 提升 疫情 警戒 至 第 二級 高雄市 各局 處 單位 在 6 月 8 日前 原訂 辦理 的 大型活動 共計 停辦 142 場 延後 辦理 142 場 原先 預計 在 5 月底 舉辦 的 王心淩 巡迴 演唱會 全明星 運動會 演唱會 都 受到 疫情 影響 而 延期 舉辦 高 市府 衛生局 表示 目前 國內 疫情 嚴峻 衛生局 呼籲 市民 減少 參加 非 必要性 活動 或 聚會 以 防範 社區 傳播 發生</t>
  </si>
  <si>
    <t>新冠肺炎 臺灣 本土 大型活動 停辦 高雄</t>
  </si>
  <si>
    <t>中 時 新聞網 精選 5 件 不可不 知 的 國際 大事 帶 讀者 掌握 今 11 日 的 國際 新聞 重點 1 聯合國 警告 疫情 可能 引爆 50 年 來 最 嚴重 的 糧食 危機 聯合國 秘書長 古特雷斯 9 日 警告 新冠肺炎 疫情 過 後 的 經濟衰退 可能 觸發 全球 50 年</t>
  </si>
  <si>
    <t>中 時 新聞網 精選 5 件 不可不 知 的 國際 大事 帶 讀者 掌握 今 11 日 的 國際 新聞 重點 1 聯合國 警告 疫情 可能 引爆 50 年 來 最 嚴重 的 糧食 危機 聯合國 秘書長 古特雷斯 9 日 警告 新冠肺炎 疫情 過 後 的 經濟衰退 可能 觸發 全球 50 年 來 最 嚴重 的 糧食 危機 對 百萬 名 兒童 及 成年人 造成 長遠 影響 促請 各國 政府 迅速行動 以 阻止 災難 2 美 新冠 確診 破 200萬 12 州 住院 數 暴 增 美國 新冠肺炎 確診 人數 已 在 10 日 正式 突破 200萬 人 不過 隨 著 各州 解 封 當地 疫情 出現 升溫 跡象 12 州 的 住院 人數 再次 飆 升 當 中亞 利 桑那州 arizona 已 要求 各 大 醫院 啟動 緊急 應變計 畫 3 崔順 實因 韓 閨 密 門 終審 重罰 近 5億 獲 判 18 年 徒刑 韓國 前 總統 朴槿惠 因 閨 密 幹 政 風波 入獄 而 其中 主角 之一 的 崔順實 後 改名 崔瑞元 11 日 獲 判 18 年 徒刑 並 被 罰款 200億 韓元 約496 台幣 4 北 韓 要 美 閉 嘴 怒 嗆 可怕 大事 會 發生 北 韓 9 日 宣佈 切斷 與 南韓 聯絡 管道 美國 回應 失望 對此 北 韓 外務省 11 日 痛駡 美國 不要 插手 兩 韓 事務 否則 將 面臨 無法 承受 的 可怕 大事 更 指 如果 美國 想要 大選 順利 就 乖乖 閉 嘴 5 捷克 外長 建議 議長 別 訪台 捷克 參議院 議長 維特齊 9 日 宣佈 將 於 8 月底 率團 訪台 將 是 有史以來 訪台 層級 最高 的 捷克 官員 而 曾 競選 總統 的 捷克 參議員 德拉 霍斯 同日 也 宣佈 將 在 10 月 訪問 臺灣 促進 兩 國 在 網路 安全 和 防疫 等 領域 的 交流 不過 對於 議長 的 決定 不僅 親 陸 的 捷克 總統 齊曼 透過 發言人 表示 議長 此行 如同 烏克蘭 東部 分離 地區 捷克 外交部長 派 提 賽克 也 表示 在 尊重 一中 原則 下 建議 議長 別 訪台</t>
  </si>
  <si>
    <t>韓國新 天地 教會 教主 李萬熙 當地 時間 今 2 日 下午 3 時 臺灣 時間 下午 2 時 召開 記者會 戴著 口罩 跪 地道 歉 也 對 許多 信 眾 感染 新冠 病毒 感到 抱歉 李萬熙 雙 膝 一 跪 意外 引發 網友 暴動 ptt 版 上 瞬間 湧入 大量 留言 李 萬熙 今日 召開 記者會 為 教會 一 名 教徒 造成 多 人 感染 新冠肺炎 道歉 更 稱 這 起 傳染 事件 是 大 災難 並 下跪 6 秒 致 上 最高 的 歉意 也 會 尋求 原諒 記者 會場 外 抗議 人士 聚集 大罵 他 是 騙子 網路上 也 掀起 一 股 罵 潮 就 連 臺灣 網友 也 群起 激憤 ptt 網友 留言 表示 切 腹 吧 還 不 呼籲 信徒 出來 檢查 博取 同情 求 減緩 其 刑 嗎 不是 自稱 萬能 的 神 嗎 道歉 有用 要 法律 幹 嘛 還 是 去 坐牢 吧 你 道歉 有 個 p 用 很 會演</t>
  </si>
  <si>
    <t>新冠肺炎 臺灣 蔡英文 施正鋒 端午節</t>
  </si>
  <si>
    <t>邊境 莫德納 疫苗 接種 新冠肺炎 臺灣</t>
  </si>
  <si>
    <t>國發 會 副 主委 鄭貞茂 30 日 表示 國發 基金 管理 會 通過 對 新冠肺炎 影響 新創 事業 投資 作業 要點 凡 受 疫情 影響 的 新創 事業 即日起 至 9 月底 可 提 申請 獲 審查 通過 者 給予 6 個 月 的 營運 資金 而 業者 則 須 發行 等額 的 特別 股 給 國</t>
  </si>
  <si>
    <t>國發 會 副 主委 鄭貞茂 30 日 表示 國發 基金 管理 會 通過 對 新冠肺炎 影響 新創 事業 投資 作業 要點 凡 受 疫情 影響 的 新創 事業 即日起 至 9 月底 可 提 申請 獲 審查 通過 者 給予 6 個 月 的 營運 資金 而 業者 則 須 發行 等額 的 特別 股 給 國發 基金 鄭貞茂 表示 受 疫情 衝擊 觀光業 中小企業 可以 向 交通部 經濟部 請求 紓困 但 新創 事業 卻 無法 適用 成為 漏網之魚 近日 主委 陳美伶 與 新 創業 接觸 發現 這個 問題 因 此 昨日 迅速 通過 方案 以 協助 業者 度過難關 國發 會 表示 過去 國發 基金 面對 疫情 不景氣 協助 新創 事業 皆 循 融資 方式 這 是 有史以來 首次 以 投資 方式 協助 鄭貞茂 表示 疫情 期間 新創 事業 營運 停 擺 但 仍 有 租金 薪資 進料 等 營運 成本 得 支出 壓力 不小 藉 此 要點 新 創業者 可 提出 受 疫情 影響 情況 以及 所 需 營運 資金 等 資料 申請 獲 審查 通過 可 給予 6 個 月 營運 資金 最 多 不 超過 12 個月 營運 資金 救急 不 救 窮 是 本 作業 要點 的 精神 鄭貞茂 表示 這次 是 循 投資 方式 協助 業者 獲 資金 協助 的 業者 需 發行 等額 的 特別 股 給 國發 基金 之所以 循 不具 投票權 的 特別 股 是 因 國發 基金 不 希望 因 股權 提高 而 介入 經營 業者 需 明訂 來日 景氣 恢復 後 贖回 的 條件 本金 加 股息 或 轉換 普通股 的 程式 他 強調 國發 基金 將 設 專案 審查會議 加速 審查 投資總額 雖 未 匡列 但 會 儘量 協助 即日起 至 今年 9 月底 前 皆 可 來 申請 為 讓 救援 更 即時 審查 時程 也 由 三 個 月 縮 至 一個 月 從 申請 到 撥款 於 一個 月 內 完成 何謂 新創 事業 鄭貞茂 表示 比照 創業 天使 投資方 案 的 定義 以 設立 未 逾 3 年 實收 資本 不 超過 於 8千萬 元 的 事業 為 原則 創業 天使 方案 投資 的 八十 多 家 都 符合 來 申請 資格 文 創業 若 有 新創 概念 也 行</t>
  </si>
  <si>
    <t>經濟部 今 24 日 表示 有鑒於 新冠肺炎 疫情 持續 延 燒 為 減輕 受 疫情 衝擊 之 承租人 負擔 經濟部 已 研訂 經濟部 所屬 國營事業 提供 租金 紓困 措施 經濟部 表示 紓困 措施 包括 緩繳 租金 及 減收 租金 兩 部分 在 緩繳 租金</t>
  </si>
  <si>
    <t>經濟部 今 24 日 表示 有鑒於 新冠肺炎 疫情 持續 延 燒 為 減輕 受 疫情 衝擊 之 承租人 負擔 經濟部 已 研訂 經濟部 所屬 國營事業 提供 租金 紓困 措施 經濟部 表示 紓困 措施 包括 緩繳 租金 及 減收 租金 兩 部分 在 緩繳 租金 方面 承租 經濟部 所屬 台電 中油 台糖 及 台水 公司 土地 房舍 之 承租人 不含 政府 機關 均 可 申請 109 年度 租金 展 延 繳納 期限 至 今年 12 月底 屆期 如 無法 一 次 繳 清 可 分 最 長 3 年 繳納 緩繳 期間 免 計收 違約金 及 遲延 利息 經濟部 表示 在 減收 租金 方面 109 年 全 年租金 以 減 收 2 成為 原則 包括 減收 後 租金 不 低於 各 國營事業 需 負擔 之 地價稅 以及 房屋 稅 等 持有 成本 初 估 受益 承租戶 約 有 9000 餘 戶 租金 約 減 收 66億 元 另外 承租 各 國營事業 土地 房舍 作 製造業 使用者 則 比照 經濟部 工業 局 產業 園區 加工出口 區 所 訂 租金 紓困 方案 辦理 經濟部 並 強調 由 國營事業 帶頭 降 租 2 成 希望 能 有 示範作用 以期 減輕 承租人 受 疫情 之 影響</t>
  </si>
  <si>
    <t>經濟部 新冠肺炎 國營事業 台電 中油</t>
  </si>
  <si>
    <t>東京都 17 日新冠肺炎 確診 人數 達 293 人 繼 16 日 的 286 人 之後 再度 更新 單日 確診 數 的 最高 紀錄 而且 已 連續 9 日 破百 人 神奈川縣 也 因 疫情 擴大 而 獨自 發佈 神 奈川 警戒 警報 東京都 指出 17 日 確診 者 當中 以 20 至 39 歲 者 居多</t>
  </si>
  <si>
    <t>東京都 17 日新冠肺炎 確診 人數 達 293 人 繼 16 日 的 286 人 之後 再度 更新 單日 確診 數 的 最高 紀錄 而且 已 連續 9 日 破百 人 神奈川縣 也 因 疫情 擴大 而 獨自 發佈 神 奈川 警戒 警報 東京都 指出 17 日 確診 者 當中 以 20 至 39 歲 者 居多 共 210 人 占 全部 的 7 成 而且 感染 途徑 不明 者 近 半 數 除了 與 夜生活 的 相關 工作人員 有 69 人 外 因 聚餐 感染 的 有 24 人 托兒所 和 照 護 設施 等 有 20 人 確診 新 宿 的 劇場 因 公演 爆發 群 聚 感染 17 日 再 添 7 人 確診 至今 包括 表演者 工作人員 和 觀眾 等 在內 累計 共 52 人 確診 中央大學 位於 八 王子市 的 運動 社團 宿舍 則 有 10 人 確診 日本 全國 17 日 共有 593 人 確診 其中 埼 玉 縣 共 51 人 兵庫縣 24 人 都 創下 解除 緊急 事態 宣言 後 的 最高 紀錄 神奈川縣 17 日 有 43 人 確診 因為 超過 1 周內 平均 單日 確診 人數的 上限 故 神奈川縣 決定 獨自 發佈 神 奈川 警戒 警報 籲請 縣民 勿 前往 沒有 做 好 防疫 措施 的 場所 公司 行號 讓 員工 居家 上班 或 錯開 交通 巔峰 時間 通勤 以 減少 人 與 人 接觸 的 機會</t>
  </si>
  <si>
    <t>確診 新冠肺炎 神奈川縣 東京都 單日 確診</t>
  </si>
  <si>
    <t>停泊 在 日本 橫濱 港 新冠肺炎 疫情 擴大 的 鑽石 公主 號 郵輪 上 約 3100 名 乘客 19 日 將 以 年長者 優先 依 序 下船 日本 厚生 勞動 省 預測 今天 將 有 500 人 下船 我 駐 日 代表處 的 車已 進到 碼頭 副 代表 蔡明耀 和 秘書 帶 了 慰問 物資 準備 迎接 台籍</t>
  </si>
  <si>
    <t>下船 碼頭 乘客 鑽石 公主 號 新冠肺炎</t>
  </si>
  <si>
    <t>新冠肺炎 疫情 未納 國 高中 畢業生 取消 出國 退費 問題</t>
  </si>
  <si>
    <t>新冠肺炎 疫情 升溫 民眾 紛紛 取消 國外 旅遊 行程 很多 不知 退費 權益 如何 保障 新竹 縣 消費 爭議 諮 詢 專線 1950 近 1 周 有 1百 餘 通 詢問 案件 其中 有 1 成是 6 月 23 日 到 30 日 的 國高中 畢業生 取消 出國 部分 政府 並未 納入 國外 旅遊 定型化</t>
  </si>
  <si>
    <t>新冠肺炎 疫情 升溫 民眾 紛紛 取消 國外 旅遊 行程 很多 不知 退費 權益 如何 保障 新竹 縣 消費 爭議 諮 詢 專線 1950 近 1 周 有 1百 餘 通 詢問 案件 其中 有 1 成是 6 月 23 日 到 30 日 的 國高中 畢業生 取消 出國 部分 政府 並未 納入 國外 旅遊 定型化 契約 第 14 條 辦理 新竹 縣 消 保 官羅鈞 盛 指出 新冠肺炎 疫情 教育部 宣佈 延後 開學 暑假 延到 7 月 15 日 開始 但 有些 國三 或 高三 學生 6 月 23 日 畢業 後 就 要 出國 因 政策 改變 6 月 30 日 或 7 月 1 日 才 畢業 被迫 取消 出國 交通部 並未 考慮 這 類型 消費者 退費 問題 目前 公佈 旅客 參團 解約 退費 原則 中 在 6 月 23 日 到 30 日 取消 出國 的 學生 及 家長 並 無法 比照 國外 旅遊 定型化 契約 第 14 條 因 不 可 歸責 於 雙方 當事人 的 事由 可以 解除 契約 旅客 只 付 護照 及 代墊 住宿 等 行政 規費 羅 鈞 盛 說 他 已向 行政院 消 保 處 反應 上述 問題 消 保 處 原則 上 同意 國高中 畢業生 及 家長 取消 出國 退費 應 比照 國外 旅遊 定型化 契約 第 14 條 辨 理 將 會 請 交通部 觀光旅遊 局 讓 旅 行業 者 配合 辦理 只 收 行政 規費 羅 鈞 盛 並說 新冠肺炎 疫情 讓 原本 計畫 出 國 的 民眾 因 恐慌 取消 旅程 不少 是非 疫區 國家 如 泰國 屬 國際 疫情 及 建議 等級 第一 級 注意 民眾 任意 解約 後 旅行社 依 國外 旅遊 定型化 契約 第 13 條 扣 行政 規費 外 並 依 取消 行程 日期 的 遠近 收取 旅費 總價 5 到 50 的 問題 國際 疫情 及 建議 等級 第二 級 警示 如 新加坡 如 取消 旅程 則 依 國外 旅遊 定型化 契約 第 15 條 不論 日期 扣 行政 規費 外 並要 付 旅費 總價 的 5 政府 宣佈 中 港澳 為 第 三級 警告 禁止 所有 航班 入境 大陸 民眾 取消 行程 旅行社 要 依 國外 旅遊 定型化 契約 第 14 條 辦理 僅 扣 行政 規費</t>
  </si>
  <si>
    <t>國民黨 文傳 會 主委 王育敏 今 與 多 位 職業工會 代表 召開 記者會 呼籲 政府 提出 無 雇主 之 勞工 紓困 方案 能 放寬 限制 建議 從 現行 24萬 元 放寬 348萬 元 勞動部 次長 林 明裕今 下午 出席 行政院 紓困 振興 記者會 主動 回應 表示 某 政黨 這樣 的 呼籲 會 把 資源 稀釋 反而 會 讓 受惠 勞工 資源 受 減 因應 新冠肺炎 衝擊 勞動部 針對 2018 年 沒 達到 課稅 標準 有 在 職業工會 投保 且 投保 薪資 2萬4000 元 以下 給予 每月 現金 1萬 元 給 3 個 月 共 3萬 元 目前 已經 陸續 發放 入 帳 但 國民黨 要求 把 投保 薪資 標準 放寬 到 348萬 元 讓 更 多 勞工 受惠 對此 林明裕 回應 政府 紓困 勞工 以 受 衝擊 且 未 達 課稅 門檻 優先 照顧 若 把 紓困 補助金 申請 門檻 放寬 這 會 稀釋 資源 截至 今天 已經 有 95萬 符合 資格 勞工 申請 預估 本 周 可能 會 發放 完畢</t>
  </si>
  <si>
    <t>紓困 勞工 勞動部 國民黨 新冠肺炎</t>
  </si>
  <si>
    <t>新冠肺炎 疫情 肆虐 臺灣 民眾 也 爭先恐後 搶購 口罩 隨 著 開學日 即將 到來 不少 家長 也 擔心 孩子 沒有 口罩 可用 不過 彰 化 一 所 學校 則 表示 完全 不 用 擔心 因為 他們 已經 備 妥 1萬5000 個 口罩 網友 也 大贊 校長 根本 先知 應該 也 加入</t>
  </si>
  <si>
    <t>新冠肺炎 肺炎 防疫 口罩 日本</t>
  </si>
  <si>
    <t>新冠肺炎 衝擊 藝 文 產業 文化部 爭取 納 抵 用 券 適用範圍</t>
  </si>
  <si>
    <t>行政院 拍板 編 列 600億 特別 條例 與 特別 預算 因應 新冠肺炎 的 衝擊 其中 經濟部 擬提 出 20億 元 抵 用 券 希望 刺激 經濟 文化部長 鄭麗君 也 在 13 日 的 行政院 院會 中 說明 藝 文 產業 受到 疫情 衝擊 的 狀況 並 提出 藝 文 產業 短期 紓困 及 中長期</t>
  </si>
  <si>
    <t>安 了 川普 新冠肺炎 檢測 呈 陰性</t>
  </si>
  <si>
    <t>新冠肺炎 延 燒 日前 苗栗劉 姓 女子 利用 網路 社團 訂購 口罩 沒 想到 取 貨 拆開 發現 裡面 竟 全是 廢紙 大罵 網路 詐騙 猖獗 劉姓 女子 在 網路 發現 有 網友 販賣 口罩 與 對方 私 訊 訂購 2 盒 口罩 100 片 口罩 加上 運費 總計 1000 元 劉女 到 竹</t>
  </si>
  <si>
    <t>新冠肺炎 延 燒 日前 苗栗劉 姓 女子 利用 網路 社團 訂購 口罩 沒 想到 取 貨 拆開 發現 裡面 竟 全是 廢紙 大罵 網路 詐騙 猖獗 劉姓 女子 在 網路 發現 有 網友 販賣 口罩 與 對方 私 訊 訂購 2 盒 口罩 100 片 口罩 加上 運費 總計 1000 元 劉女 到 竹南 的 超 商 取 貨 打開 紙箱 驚見 一 片片 垃圾 廢紙 沒有 口罩 且 無 法 退費 讓 她 氣憤 嘔 死 了 苗栗 縣政府 消 保 官王 德基 呼籲 此舉 網路 詐騙 行為 可 處 1 年 以上 7 年 以下 並 科 100萬 元 以下 罰金 且 目前 醫用 口罩 為 防疫 物資 民眾 可 依 循 政府 網路 口罩 預購 系統 或 到 健 保 特約 藥局 購買</t>
  </si>
  <si>
    <t>新冠肺炎 臺灣 楊梅 桃園 5 人</t>
  </si>
  <si>
    <t>藥 華藥 6446 18 日 表示 旗 下 新 一代 長效 型 干擾素 p 1101 與 印度 已 獲 緊急 核准 用於 治療 新冠肺炎 輕 中 症 病 患 的 長效 干擾素 的 virafin pegylated interferon alfa- 2 b 相同 將 可 協助 國內 患者 公司 已 準備 好 與 各 大 醫療 院所</t>
  </si>
  <si>
    <t>藥 華藥 6446 18 日 表示 旗 下 新 一代 長效 型 干擾素 p 1101 與 印度 已 獲 緊急 核准 用於 治療 新冠肺炎 輕 中 症 病 患 的 長效 干擾素 的 virafin pegylated interferon alfa- 2 b 相同 將 可 協助 國內 患者 公司 已 準備 好 與 各 大 醫療 院所 合作 透過 恩 慈 療法 為 臺灣 盡 一 份 心 力 p 1101 已 獲 臺灣 和 歐盟 核准 用於 治療 真性 紅血球 增多 症 pv 且 在 臺灣 有 多年 恩 慈 療法 經驗 安全性 無 虞 藥 華藥 表示 印度 新冠 疫情 失控 每天 有 數 十萬 名 新 確診 數 千 名 死亡 近期 印度 zydus cadila 公司 生產 的 生物 相似 藥 pegylated interferon alfa- 2 b 已 被 印度 緊急 核准 用於 治療 新冠肺炎 輕 中 症 病 患 藥 華藥 醫學 長 秦 小 強 表示 p 1101 之 安全性 已 獲 長期 臨床 試驗 證實 且 根據 目前 pegylated interferon alfa- 2 b 在 印度 的 臨床 試驗 資訊 顯示 其 對 新冠肺炎 病 患 可能 有 極大 幫助 p 1101 為 新 一代 長效 型 干擾素 與 p 1101 同為 長效 干擾素 的 virafin pegylated interferon alfa- 2 b 在 印度 已 獲 緊急 核准 用於 治療 新冠肺炎 輕 中 症 病 患 再者 根據 臺灣 衛署醫 字 第 0990262180 號 函 藥品 仿單 核准 適應症 外 的 使用 off label use 原則 藥 華藥 表示 已 準備 好 與 臺灣 各 大 醫療 院所 合作 期望 p 1101 能 即時 協助 治療 臺灣 新冠肺炎 患者</t>
  </si>
  <si>
    <t>藥 華藥 治療 新冠肺炎 輕 中 症 已 獲</t>
  </si>
  <si>
    <t>上海 今天 3 日 上午 舉行 新冠肺炎 疫情 防控 工作 新聞 發 佈 會 對 昨日 新增 1 例 本地 新冠肺炎 確診 病例 的 具體情況 進行 了 通報 這 名 新增 病例 為 浦東機場 貨運 區 一 名 外航 貨機 服務 人員 男性 53 歲 職業 為 駕駛員 負責 外航 貨機 機</t>
  </si>
  <si>
    <t>心 圓 西苑 浦東機場 上海 新冠肺炎 大陸</t>
  </si>
  <si>
    <t>口罩 成為 人們 出門 必備 之 物 已 為期 一 年 多 隨 著 疫情 逐漸 有 和緩 的 趨勢 且 大陸 連續 多 日 無 新 增 本土 病例 不少 人 好奇 今年 能 摘 口罩 了 嗎 上海復旦大學 附屬 華山醫院 感染 科 主任 張文宏 表示 依照 目前 還 未 完成 全民 接種 以及 國際 疫情 仍 在 蔓延 想 摘 口罩 今年 年底 前 會 非常 困難 恐怕 要 等到 明年 下半年 大陸 已 連續 多 日 無 新 增 本土 新冠肺炎 案例 北京 更 達到 連續 40 天 零 新增 疫情 似 有 趨 緩 的 情勢 對於 外界 開始 好奇 能夠 摘 口罩 的 時間 點 張文宏 10 日 表示 想要 在 今年 年底 前 摘 口罩 會 非常 困難 因為 大陸 還 沒有 完成 群體 免疫性 的 疫苗 接種 且 疫苗 只 是 保證 疾病 在 本 地區 不 會 造成 爆發 但 無法 給 個體 提供 100 的 保護 同時 國際 疫情 仍 在 蔓延 口罩 用於 防護 的 要求 始終 存在 在 接種 和 國際 疫情 兩 個 條件 都 未 達到 要求 的 情況 下 恐怕 要到 明年 下半年 才 可能 看到 摘 口罩 的 趨勢 張文宏 說 現階段 年輕人 施打 疫苗 就是 對 家庭 對 國家 的 貢獻 他 稱 大陸 的 疫苗 運輸 方便 安全性 高 非常 有利於 全民 接種 能 打 疫苗 的 都 抓緊 打 張文宏 預計 今年底 或者 明年初 開始 世界 將 重新 打開 如果 不 經過 非常 嚴格 的 公共 衛生 管 控 或 疫苗 接種 疫情 不會 自行 在世界上 消亡 很多 人 覺得 大陸 國內 疫情 管控得 很 好 沒有 急迫性 但 人們 必然 面臨 世界 重新 打開 時 的 風險 他 強調 全球 各國 將 陸續 打開 國門 打 疫苗 的 急迫性 也 會 越來越 高 在此之前 迫切需要 完成 接種 以 應對 輸入 性 風險 建議 疫苗 最好 在 今年 打 儘快 打 因為 隨 著 時間推移 接種 可能 出現 擁擠 現象 雖然 許多 民眾 都 期待 能 擺脫 口罩 的 那一刻 不過 也 有 大陸 網友 表示 現在 已經 口罩 戴 習慣 了 沒 戴 反而 沒 安全感 還有 網友 稱 戴 口罩 太 適合 有 社交 恐懼症 的 人 了 也 有 女性 表示 戴 口罩 的 這 一 年 多裡 省 下 不少 口紅 化妝品 的 費用 也 挺不錯 的</t>
  </si>
  <si>
    <t>盧卡申科 白羅斯 新冠肺炎 疫情 提 克 韓諾 芙 絲 卡亞</t>
  </si>
  <si>
    <t>新冠肺炎 衝擊 經濟 行政院 投入 600億 元 紓困 國發 會 也 發動 攻勢 國發 會 昨 提出 4 項 對策 要 讓 今年 公共 建設 達成 率 從 去年 93 提高 至 95 官員 評估 只要 執行率 提升 今年 執行 量 就 可 比 去年 增加 966億 元 不僅 替 經濟 成長率 g</t>
  </si>
  <si>
    <t>新冠肺炎 衝擊 經濟 行政院 投入 600億 元 紓困 國發 會 也 發動 攻勢 國發 會 昨 提出 4 項 對策 要 讓 今年 公共 建設 達成 率 從 去年 93 提高 至 95 官員 評估 只要 執行率 提升 今年 執行 量 就 可 比 去年 增加 966億 元 不僅 替 經濟 成長率 gdp 注入 強心針 也 提供 民間 工作 機會 以 公共 建設 救 經濟 具體 又 有效率 還 能 讓 資源 發揮 最 大 效益 主 計總 處 日前 評估 若 新冠肺炎 疫情 持續 達 3 個 月 將 使 我國 經濟 成長率 至少 減 035 個 百分點 以上 為 減緩 衝擊 國發 會 依 行政院長 指示 全力 協助 加速 公共 建設 推動 並於 昨 邀集 相關 部會 副 首長 研商對策 與 做法 官員 表示 4 項 對策 中 最 重要 的 是 以 督導 會報 的 方式 緊 盯 公共 建設 進度 提高 達成 率 其次 是 分級 給予 同仁 行政 獎勵 針對 工程 流標 案件 務實 檢討 問題 或 依 公共 建設 執行 狀況 適時 追加預算 等 措施 來 提高 達成 率 國發 會 表示 公共 建設 是 推動 經濟 成長率 的 引擎 短期 可 刺激 景氣 增加 就業 與 內需 的 功能 長期 可 蓄積 資本 存量 促進 民間 投資 改善 國民 生活品質 根據 統計 109 年度 公共 建設 經費 預算 為 新 台幣 5365億 元 如 達成 率 由 108 年 的 93 再 提升 至 95 執行 量 與 108 年 相比 等於 增加 966億 元 的 能量 這 對 今年 gdp 貢獻 不容 小覷</t>
  </si>
  <si>
    <t>莫德納 新冠肺炎 國際</t>
  </si>
  <si>
    <t>一 位 知情 人士 透露 北 韓 官方 近日 頒佈 了 最新 的 新冠肺炎 緊急 防疫 準則 比 過往 的 防疫 規定 更為 嚴格 被 推測 或許 是 有 一些 疫情 或 疑 似 感染 的 病例 出現 每日 北 韓 daily nk 報導 指出 一 位 平安 道 南部 的 消息人士 向 他們</t>
  </si>
  <si>
    <t>國內 新冠肺炎 疫情 大 爆發 上市 櫃 公司 也 陸續 傳出 員工 確診 的 消息 大 立 光 3008 也 在 15 日 證實 有 員工 確診 大 立 光 表示 公司 確實 有 一 位 員工 確診 目前 與 該 確診 者 接觸 人員 已 進行 隔離 措施 公司 除 在 內部 擴大 消毒 因應 並</t>
  </si>
  <si>
    <t>新冠肺炎 臺灣 大 立 光 玉晶光 確診</t>
  </si>
  <si>
    <t>駐 俄 代表處 再 傳 新冠肺炎 確診 領 務 服務 采 預約 制</t>
  </si>
  <si>
    <t>家戶 垃圾 防疫 環保 署 新冠肺炎 居家 隔離</t>
  </si>
  <si>
    <t>柯文哲 免費 疫苗 侯友宜 新冠肺炎</t>
  </si>
  <si>
    <t>大陸 山東省 青島市 日前 出現 突發 新冠肺炎 本土 確診 病例 感染 源 不明 宣佈 針對 全市 近 千萬 人口 全面 核酸 檢測 5 日內 完成 檢測 1089萬9145 個 核酸 樣本 檢測 結果 出爐 無 新 增 陽性 樣本 引發 外界 關注 對此 資深 媒體 人 陳揮文</t>
  </si>
  <si>
    <t>疫苗 覆蓋率 邊境 鬆綁 莊人祥 機組員 新冠肺炎</t>
  </si>
  <si>
    <t>瑞昱 2379 第二 季 受惠 新冠肺炎 疫情 衝擊 pc 網通 相關 出 貨 湧現 急 單 預計 第二 季 獲利 表現 不 淡 展望 第 三 季 由於 疫情 延 燒 居家 辦公 遠 端 教學 等 趨勢 將 延續 加上 tws 新品 加 持 第 三 季 可望 不 淡 另外 瑞昱 長線 耕耘 乙</t>
  </si>
  <si>
    <t>三級 警戒 延長 臺灣 解封 新冠肺炎</t>
  </si>
  <si>
    <t>新冠肺炎 的 來 襲 改變 了 2020 年 全球 的 生活 模式 在 疫情 之下 求職 也 變 得 更加 有 挑戰性 根據 勞動部 的 估計 今年 臺灣 約 有 19萬 新鮮 人 加入 求職 潮 而 因應 海內外 疫情 仍然 嚴峻 企業 紛紛 改用 視 訊 軟 體 如 zoom 進行 面試 一方面</t>
  </si>
  <si>
    <t>新冠肺炎 的 來 襲 改變 了 2020 年 全球 的 生活 模式 在 疫情 之下 求職 也 變 得 更加 有 挑戰性 根據 勞動部 的 估計 今年 臺灣 約 有 19萬 新鮮 人 加入 求職 潮 而 因應 海內外 疫情 仍然 嚴峻 企業 紛紛 改用 視 訊 軟 體 如 zoom 進行 面試 一方面 減少 傳染 風險 另一方面 減少 雙方 時間 成本 當 畢業 季 求職 潮 遇上 疫情 因素 求職者 要 如何 脫穎而出 又 如 何在 螢 幕 一端 展現出 最好 的 自己 讓 面試 官 留 下好 印象 zoom 分享 以下 5 招 期待 讓 有 需要 視 訊 面試 的 你 過關斬將 第一 招 注重 儀容 姿態 心理學 家 亞伯特 馬布蘭 albert mehrabian 曾 提出 55387 形象 定律 說明 對於 陌生人 的 第一印象 有 55 來自 其 外貌 表現 與 肢體 動作 38 來自 說話 的 聲調 音量 及 速度 而 內容 只 占 了 7 因此 注重 儀容 姿態 將 是 視 訊 面試 的 一大 關鍵 如同 到 現場 一般 視 訊 面試 也 要 記得 穿 著 正式服裝 但 儘量避免 條紋 或 格 紋 服裝 避免 面試 官 透過 螢 幕 觀看 久 了 造成 雙眼 不適 另一方面 在 姿態 上 善用 肢體 動作 也 是 打造 良好 第一印象 的 關鍵 例如 坐 穩 進行 眼神 交流 搭配 手勢 與 調整 語氣 微笑 直視 鏡頭 第二 招 視 訊 環境 的 設置 優質 的 環境 與 硬體 設備 能夠 減少 斷 訊 收音 不 佳 而 降低 整體 面試 成效 的 機 率 為 避免 面試 中 被 干擾 建議 事先 安排 一個 安靜 背景 乾淨 及 網路 穩定 的 房間 zoom 高 品質 的 視 訊 畫面 與 清晰 音訊 可 以 確保 你在 面試 中能 穩定 清楚 的 與 面試 官 對談 此外 視 訊 光線 要 足夠 讓 面試 官 看 清楚 長相 面試 前 也 可以 先 透過 zoom 的 視 訊 預 覽 功能 檢查 鏡頭 下 的 自己 是否 清晰 並 確認 視 訊 鏡頭 與 眼睛 同 高 讓 面試 官 與 你 的 視線 平行 而 面試 時 也 須 準備 耳機 麥克風 讓 雙方 聽 不 清楚 聲音 的 可能性 降到 最低 要是 房間 沒有 適合 的 背景 也 可 考慮 利用 zoom 的 虛擬 背景 輕鬆 打造 優質 面試 環境 第 三 招 注意 面試 日期 時間 在 家中 視 訊 面試 容易 忘記 時間 建議 利用 zoom 會議 設定 連結 個人 outlook 或是 google 日曆 讓 系統 自動 安排 更新 行事 曆 再也 不 用 擔心 錯 過 任何 會議 同時 在 zoom 會議 設定 中 也 可以 預先 設定 好 會議 起始 畫面 調整 適合 自己 的 影像 及 聲音 選項 並 提早 三 分鐘 準備 連線 若是 跨國 面試 也 要 注意 時差 問題 避免 錯失 面試 機會 第 四 招 與 你 的 面試 官 互動 透過 螢 幕 面試 與 面試 官 的 互動 變 得 更加 重要 在 過程 中 說話 放慢 速度 可以 降低 對 方聽 不 清楚 的 可能性 若是 聽 不 清楚 問題 記 得 要 與 面試 官 確認 再 回答 同時 當 面試 中 有 不 確定 的 詞語 時 可以 善用 zoom chat 內 建文 字 溝通 功能 清楚 溝通 避免 語音 對談 上 理解 有 誤差 另外 zoom 也 具備 虛擬 白 板 可以 輔助 口頭 敘述 讓 資訊 傳遞 更 清晰 透明 第 五 招 準備充分 資料 隨時 分享 面試 官 參考 最後 預先 準備 個人 作品集 或 相關 參考資料 也 是 面試 加分 關鍵 檔 不須 印 成 紙本 可以 在 視 訊 面試 過程 中 透過 zoom chat 直接 傳送 給 面試 官 若 有 準備 簡報 也 可 使用 zoom 螢 幕 共用 與 面試 官 分享 電腦 畫面 直接 打開 簡報 講解 展現 自己 的 優勢 後 疫情 時代 改變 了 全球 的 工作 模式 遠 距 面試 將 會 是 申請 入學 與 求職 新 常態 提升 對 zoom 等 視 訊 設備 的 熟悉 度 並且 根據 提醒 來 提升 面試 分數 期待 能 協助 使用者 在 視 訊 面試 上 更 無 後顧之憂 透過 螢 幕 也 能 讓 面試 官 感受 到 你 的 與眾不同</t>
  </si>
  <si>
    <t>新冠肺炎 疫情 肆虐 全球 一對 英國 情侶 入境 臺灣 接受 居家 檢疫 但 屢屢 抱怨 檢疫所 沒 熱水 食物 品質 很 差 甚至 透過 親友 向 bbc 投訴 宛如 住 在 監獄 此舉 不僅 惹 怒 許多 臺灣 網友 就 連 知名 圖文 作家 吉娜兒 也 發文 怒 嗆 臺灣</t>
  </si>
  <si>
    <t>新冠肺炎 疫情 肆虐 全球 一對 英國 情侶 入境 臺灣 接受 居家 檢疫 但 屢屢 抱怨 檢疫所 沒 熱水 食物 品質 很 差 甚至 透過 親友 向 bbc 投訴 宛如 住 在 監獄 此舉 不僅 惹 怒 許多 臺灣 網友 就 連 知名 圖文 作家 吉娜兒 也 發文 怒 嗆 臺灣 沒 欠 你們 這 對 英國 情侶 入境 臺灣 後 必須 按 規定 居家 檢疫 14 天 但 因為 聲稱 沒有 錢 便 被 安排 至 花蓮 檢疫所 每天 住宿 加 三 餐 須收 250 元 不過 他們 卻 抱怨 不僅 房間 骯髒 又 沒 熱水 連 飲食 品質 也 相當 糟糕 此舉 讓 知名 圖文 作家 吉娜兒 怒 轟 臺灣 沒 欠 你們 當 臺灣人 塑膠 做 的 更 嗆 聲 出國 旅遊 沒 錢 是 怎樣 自以為是 對此 網友 也 紛紛 留言 只能 說 無言 啦 都 什麼 時候 了 以為 渡假 喔 臺灣 沒 欠 你們 這麼 自私 的 人 還是 別 來 臺灣 請 感恩 慶倖 你們 在 臺灣 隔離 不是 在 其他 國家</t>
  </si>
  <si>
    <t>解封 太平 山莊 出遊 三級 警戒 新冠肺炎</t>
  </si>
  <si>
    <t>新冠肺炎 臺灣 新竹 縣 苗栗縣 電子 廠</t>
  </si>
  <si>
    <t>新冠肺炎 疫情 持續 蔓延 國泰人壽 貼心 提醒 民眾 在 積極 防疫 的 過程 中 除了 注意 健康 外 也 別忘了 檢 視 自身 保障 是否 完善 而 到底 保障 要 多少 才 算 足夠 只要 上網 搜尋 國泰人壽 與 學界 合作開發 的 幸福 保障 七彩 盤 就 可以 藉 由</t>
  </si>
  <si>
    <t>新冠肺炎 疫情 持續 蔓延 國泰人壽 貼心 提醒 民眾 在 積極 防疫 的 過程 中 除了 注意 健康 外 也 別忘了 檢 視 自身 保障 是否 完善 而 到底 保障 要 多少 才 算 足夠 只要 上網 搜尋 國泰人壽 與 學界 合作開發 的 幸福 保障 七彩 盤 就 可以 藉 由 生動 的 體驗 與 專業 的 資料 一舉 掌握 全家人 的 保障 缺口 安安 醫療 終身 保險 3000 元 日 額 為 例 一旦 因 新冠肺炎 入住 負 壓 病房 即可 等同 加 護 病房 每日 給 付 12000 元 另外 還有 1500 元 的 出院 療養 金 總計 每日 13500 元 的 給付 金額 若 有 保戶 因 治療 新冠肺炎 申請 醫療 險 理賠 不論 條款 是否 將 法定 傳染病 列為 除外 責任 國泰人壽 一律 依 契約 條款 約定 給付 保險金 若 醫院 或 診所 執業 人員 為 國泰人壽 個人 險 保戶 在 醫療機構 執行 職務 時 不幸 確診 感染 新冠肺炎 國泰人壽 將 額外 提供 5萬 元 慰問金</t>
  </si>
  <si>
    <t>雲朗 觀光 集團 旗 下 雲品 2748 今 27 日 召開 股東 常會 通過 2019 年 財 報 及 股利 分派 案 決議 配發 每股 現金 股利 1 元 股票 股利 15 元 合計 派利 25 元 展望 今年 面對 新冠肺炎 疫情 衝擊 集團 致力 留住 人才 期許 在 疫情 過 後</t>
  </si>
  <si>
    <t>雲朗 觀光 集團 旗 下 雲品 2748 今 27 日 召開 股東 常會 通過 2019 年 財 報 及 股利 分派 案 決議 配發 每股 現金 股利 1 元 股票 股利 15 元 合計 派利 25 元 展望 今年 面對 新冠肺炎 疫情 衝擊 集團 致力 留住 人才 期許 在 疫情 過 後 的 市場競爭 中能 更具 競爭力 雲 品 2019 年 合併 營 收 創 238億 元 新高 年 增 394 但 毛利率 3064 營益 率 1144 雙 創 新低 加上 業外 虧損 擴大 稅 後 淨利 183億 元 年 減 1305 每股 盈 餘 eps 28 元 分 創 近 4 年 近 5 年 低點 雲 品 表示 去年 日月 潭 雲品 臺北 君 品 住房 業務 表現 良好 但 宴會 市場 因 競爭 激烈 進入 盤整 期 館 外 餐飲 的 頤 品 新 店 北 新館 桃園 民生 館 宴會 較前年 減少 加上 發行 公司 債 利息 認 列 與 ifrs 16 租賃 新 制 影響 相關 認 列 費用 增加 均 削弱 獲利 表現 雲 品 對此 積極 拓展 館 外 餐飲 業務 多角化 佈局 持續 擴大 婚宴 平臺 君 品 collection 業務 規模 逐步 推 升 對 館 外 餐飲 業務 營 收 貢獻 占比 公司 也 持續 致力 優化 日月 潭 雲品 溫泉 酒店 君 品酒 店 等 住房 業務 以及 持續 改良 館 外 餐飲 業務 等 營運 體質 優化 業務 組合 結構 等 展望 今年 新冠肺炎 疫情 對 觀光業 的 短期 衝擊 顯著 雲品 預期 景氣 將 較 去年 衰退 除了 在 防疫 上 超前 佈署 並 盡全力 做到 不減 薪 不放 無 薪 假 希望 能 留住 人才 凝聚 團隊 向心力 期許 在 疫情 過 後 的 市場競爭 中能 更具 競爭力 雲 品 也 與 母公司 雲 朗 主動出擊 攜手 凱撒 飯店 連鎖 老爺 酒店 集團 共同 發行 1億 元 通用 券 給 旗 下 及 關係 企業 員工 使用 自 創 首 波 消費 需求 後續 販 售 給 各 大 企業 及 福委會 主動 開拓 新 藍海 預期 在 此 良好基礎 上 三大 集團 未來 可 深化 更 多 面向 的 合作 發展 策略 方面 雲品 表示 除了 在 自有 營運 據點 持續 深耕 品牌 致力 提升 業績 外 亦 將 持續 擴大 多角化 版圖 透過 委 讬 經營 管理 的 零 資產 純 管理模式 延伸 公司 餐飲 優勢 落實 管理 財 競爭 策略 以 增添 公司 未來 營運 成長 動能 此外 君 品 collection 非傳統 宴會 場地 接 單在 疫情 逆風 中 逆勢 成長 累計 已 有 超過 250 場 宴會 待 辦理 雲品 審慎 樂觀 預期 宴會 市場 有望 在 第 四季 稍微 回溫 將 持續 新增 合作 據點 進一步 優化 平臺 功能 預計 最 快 年底 可 進入 君 品 collection 20 階段</t>
  </si>
  <si>
    <t>新冠肺炎 重創 飯店業 三 發 地產 關係 企業 晶悅 飯店 25 日 宣佈 客房 部將 自 4 月 1 日 起 停止 營運 全部 飯店 業務 6 月 30 日 結束 營業 飯店 原址 將 都更 重建 為 住宅 這 是 繼 亞都 麗 致 旗 下 台中亞 致 飯店 與 六 福 旅遊 集團 旗 臺北 六 福 客棧 後</t>
  </si>
  <si>
    <t>新冠肺炎 重創 飯店業 三 發 地產 關係 企業 晶悅 飯店 25 日 宣佈 客房 部將 自 4 月 1 日 起 停止 營運 全部 飯店 業務 6 月 30 日 結束 營業 飯店 原址 將 都更 重建 為 住宅 這 是 繼 亞都 麗 致 旗 下 台中亞 致 飯店 與 六 福 旅遊 集團 旗 臺北 六 福 客棧 後 近期 宣佈 熄燈 的 第 三 家 上市 櫃 企業 旗 下 飯店 晶悅 25 日 召開 董事會 公司 表示 因為 新冠肺炎 重 挫 國內 飯店 產業 晶悅 的 住房 率 減少 了 七 成 造成 營 收 銳減 不堪 負荷 因此 不得已 提前 啟動 去年 通過 的 原址 都 更 重建 計畫 公司 未來 業務 重點 將 朝向 營建 產業 發展 晶悅 表示 未來 晶悅 飯店 原址 將 依 去年 股東會 決議 通過 的 決議 飯店 原址 重建 為 住宅 預計 於 2022 年 完工 此外 晶悅 也 不 會 放棄 餐飲業 務 會 尋找 其他 據點 延伸 發展 飯店 的 餐飲業 務 如 烘焙 坊 及 中 餐廳 等 桃園 勞動局 就 服 處 日前 接 獲 通報 晶悅 飯店 將 資 遣 約 36 人 晶悅 表示 公司 去年底 約 有 170 名 員工 近期 已 陸續 通報 資 遣 部分 員工 飯店 停止 營業 後 總計 影響 員工 人數 約 110 人</t>
  </si>
  <si>
    <t>大陸 湖北 武漢市 方 艙 醫院 宣佈 全部 休 艙 自 2 月 5 日 成立 以來 14 家 方 艙 醫院 總共 容納 1萬2千 多 名 輕 症 的 新冠肺炎 病 患 最後 49 名 病 患 於 今天 全部 出 院 根據 中新 網 報導 湖北 武漢 武昌方 艙 醫院 患者 於今 10 日 下午 2 時 30</t>
  </si>
  <si>
    <t>大陸 湖北 武漢市 方 艙 醫院 宣佈 全部 休 艙 自 2 月 5 日 成立 以來 14 家 方 艙 醫院 總共 容納 1萬2千 多 名 輕 症 的 新冠肺炎 病 患 最後 49 名 病 患 於 今天 全部 出 院 根據 中新 網 報導 湖北 武漢 武昌方 艙 醫院 患者 於今 10 日 下午 2 時 30 分走 出 醫院 這 是 武昌方 艙 醫院 最後 一 批 患者 他們 出院 後 武昌方 艙 醫院 將 會 休 艙 並且 武漢市 所 有方 艙 醫院 全部 休 艙</t>
  </si>
  <si>
    <t>新冠肺炎 疫情 衝擊 清明連 假 掃墓 潮 高雄 市政府 民政局長 曹桓榮 4 日 上午 代替 市長 韓國瑜 至 旗 津 生命 紀念館 視察 防疫 現況 曹桓榮 強調 連日來 視察 發現 民眾 都能 配合 防疫 分流 措施 對於 納 骨塔 位 需求 漸 增 的 趨勢 曹也 指示 殯葬</t>
  </si>
  <si>
    <t>新冠肺炎 疫情 衝擊 清明連 假 掃墓 潮 高雄 市政府 民政局長 曹桓榮 4 日 上午 代替 市長 韓國瑜 至 旗 津 生命 紀念館 視察 防疫 現況 曹桓榮 強調 連日來 視察 發現 民眾 都能 配合 防疫 分流 措施 對於 納 骨塔 位 需求 漸 增 的 趨勢 曹也 指示 殯葬 管理處 儘快 規劃 曹桓榮 視察 生命 紀念館 由 處長 黃順成 及 殯葬 管理處 人員 全程 陪同 兩 人 先行 祭拜 一 樓 地藏王 菩薩 後 逐層 視察 硬體 設施 生命 紀念館 2015 年 落成 整 並 旗 津 原 土葬 公墓 及 4 座 老 舊 納 骨塔 占地 184 公頃 3 層 樓 設計 1 樓為 祭祀 大廳 及 牌位 區 2 樓為單 雙人 骨灰 櫃 位 及 西教 專區 3 樓為 傳統 的 骨骸 塔 位 總 櫃 位 數 2萬6000 位 殯葬 管理 處長 黃順成 表示 該館 每月 平均 入 塔 數 為 80 至 90 個 櫃 位 由於 園區 規劃 現代化 寬敞 舒適 塔 位 價格 僅 4萬 至 6萬 元 不等 是 高雄市 熱門 的 納 骨塔 曹桓榮 表示 連日來 視察 高雄數 個納 骨塔 發現 民眾 對於 防疫 分流 總量 管制 措施 均 能 配合 甚至 在 擺放 祭拜 物品 時 也 主動 保持 距離 交通 動 線 上 也 相當 順暢 殯葬 服務 職業工會 現場 反應 生命 紀念館 最初 建置 的 450 個 夫妻 塔 位 已 售 罄 仍 有 不少 市民 反應 需求 曹桓榮 也 指示 殯葬 管理處 研議 增加 的 配置 額度 黃順成 則 表示 生命 紀念館 預計 利用 館內 閒置 空間 明年 再 增加 700 個 塔 位 同時 針對 環保 金爐 容量 園區 周邊 生態 池 等 設施 同步 規劃 提供 市民 更 優質 的 殯葬 服務</t>
  </si>
  <si>
    <t>美 股 新冠肺炎 解封 蘇貞昌 蔡英文</t>
  </si>
  <si>
    <t>日本 高中 體育 聯盟 26 日 晚間 宣佈 停辦 8 月 的 全國高校 綜合 體育 大會 這 是 史上 首度 停辦 該 賽事 首屆 於 昭和 38 年 1963 年 舉辦 停辦 理由 是 因應 新冠肺炎 疫情 避免 群 聚 長途 移動 造成 的 感染 風險 賽事 包含 30 個 項目 參賽</t>
  </si>
  <si>
    <t>日本 高中 體育 聯盟 26 日 晚間 宣佈 停辦 8 月 的 全國高校 綜合 體育 大會 這 是 史上 首度 停辦 該 賽事 首屆 於 昭和 38 年 1963 年 舉辦 停辦 理由 是 因應 新冠肺炎 疫情 避免 群 聚 長途 移動 造成 的 感染 風險 賽事 包含 30 個 項目 參賽者 來自 超過 6000 所 學校 加上 教練團 的 總數 將近 4萬 人 預估 觀眾 70萬 人 原本 主辦 方 高體 聯 要 把 賽事 分散 到 21 個 府縣 結果 支出 過 大 也 帶來 麻煩 不得已 只好 放棄 高三生 期待 的 最後 的 夏天 高 體 聯 會長 岡田 正治 說 我 知道 運動 大會 是 高中生 夢想 的 舞臺 我 明白 各位 頓 失 目標 的 悲傷 但 我 選擇 守護 大家 的 生命 希望 大家 畢生 都 不要 放棄 運動 日本政府 16 日 宣佈 全國 進入 緊急狀態 要求 把 各地 的 人員 移動 降到 最低 日本 新冠肺炎 感染 數 累積 13萬 人 死亡 372 人 康復 1800 人</t>
  </si>
  <si>
    <t>新冠肺炎 確診 後遺症 失 憶 病毒</t>
  </si>
  <si>
    <t>嘉義 縣 新港鄉 防疫 不落人後 日前 退休 校長 王靜文 寫 詞 編 舞 完 成 新 港 in 病毒 out 防疫 舞曲 以 大家 耳熟能詳 的 台語 歌曲 心花 開 改編 未來 將 結合 新港鄉 公所 的 村 廣播系統 播放 將 防疫 深 植 民眾 心中 嘉義 縣政府 教育處 也 計畫 推廣 至 全縣 目前 正 在 處理 相關 行政 程式 近日 來 新冠肺炎 確診 人數 不斷 攀升 為了 戰勝 恐懼 與 病毒 王靜文 以 台語 寫 詞 如 出門 掛 喙 罨 洗手 愛 照起 工 逐 工 來 也 來 運動 愛 食 也 食 營養 等 編 進 舞步 中 傳授給 長輩 與 孩童 這 首 防疫 歌曲 由 新 港 國小 合唱團 6 位 學生 演唱 經過 幾 次 的 台語 發音 教學 訓練 驗收 後 至 國立 新 港 藝術 高中 錄音室 進行 歌曲 錄製 未來 將 結合 新港鄉 23 村 的 村 廣播 播放 透過 每天 村 廣播 提醒 民眾 該 注意 的 防疫 事項 嘉義 縣議員 陳文忠 認為 這樣 的 宣導 應 擴 及 全縣 建議 嘉義 縣政府 教育處 跟進 教育 處長 陳 添丁 表示 目前 縣府 正在 向 環球公司 申請 授權 將 改 歌詞 為 嘉 義縣 原是 新港鄉 取得 授權 後會 再 向中華 智慧 財產權 協會 申請 公 播 屆時 就 可 在 全縣 播放</t>
  </si>
  <si>
    <t>大陸軍 媒 解放軍 報 鈞 聲 專欄 21 日 刊 文 指出 美國 疫情 呈 暴發 態勢 大陸 忙於 防控 新冠肺炎 疫情 時 美國 蓬 佩奧 們 卻 一邊 將 黑手 伸 向 新疆 臺灣 香港 藉 著 通過 所謂 法案 頻頻 粗暴 干涉 大陸 內政 一邊 拋 出 中</t>
  </si>
  <si>
    <t>大陸軍 媒 解放軍 報 鈞 聲 專欄 21 日 刊 文 指出 美國 疫情 呈 暴發 態勢 大陸 忙於 防控 新冠肺炎 疫情 時 美國 蓬 佩奧 們 卻 一邊 將 黑手 伸 向 新疆 臺灣 香港 藉 著 通過 所謂 法案 頻頻 粗暴 干涉 大陸 內政 一邊 拋 出 中國 製造 了 病毒 中國 隱瞞 了 疫情 等 荒唐 論調 妄圖 在 國際 社會 汙名 化 大陸 陷 大陸 于道義 險境 這種 趁火打劫 的 醜惡 伎倆 可謂 無所不用其極 文章 稱 說 到 趁火打劫 蓬 佩奧 們 絕對 稱得上 慣犯 但 凡 嗅到 些許 機會 便 迫不及待 撲 將 上去 他們 曾趁著 伊朗 國內 局勢 動盪 出臺 制裁 措施 施以 高壓 也 曾趁著 卡達 與 沙烏地 等 國交 惡 玩 起 兩頭 通 吃 把戲 還 曾趁著 香港 修 例 風波 打 著 民主 與 人權 的 幌子 明目張膽 為 激進 暴力 分子 撐腰 打氣 文章 認為 深究 起來 蓬 佩奧 們 豈止 慣 於 趁火打劫 更 善於 放火 縱火 這些 人 先是 煽風點火 繼而 趁火打劫 偶爾 還 假惺惺 滅火 唱 了 紅臉 唱白臉 輪流 登臺 多 番 表演 好不 熱鬧 文章 稱 看看 中東 等 地區 的 亂象 伊拉克 阿富汗 多年 的 動亂 難道 不是 美國 發動 兩 場 戰爭 導致 的 敘利亞 等 國 持續 動盪 美國 大力 推動 的 阿拉伯 之 春 脫 得了 干係 嗎 巴 以 衝突 不斷 加劇 還 不是 緣 於 美國 播下 的 動盪 火種 然而 美國 一些 政客 卻 總 在 放火 之後 趁火打劫 收割 地緣 政治 利益 蓬 佩奧 們 甚至 還 擺 出 救世主 的 姿態 自詡 為 天使 號稱 帶來 了 和平 蓬 佩奧 們 的 做 派 可笑 更 可恥 一邊 喊 抓 賊 一邊 去 做 賊 把 霸權主義 美化 成 主持公道 把 散播謠言 包裝 為 言論自由 文章 指出 蓬 佩奧 們 的 下場 註定 是 可悲 的 有 句 話 說得好 善惡 到頭 終有 報 只 爭 來 早 與 來 遲 這 句 話 在 蓬 佩奧 們 身上 一 次次 得到 應驗 比如 在 中東 任憑 他們 如何 吹噓 美國 都 無可挽回 地 信譽 掃地 文章 強調 此次 新冠肺炎 疫情 蓬 佩奧 們 但 凡 用 點 心思 在 正道 上 疫情 也 不 至於 在 其 國內蔓延 至 如此 程度 由於 防控 混亂 不堪 美國 民眾 深受 其 害 越來越 多 追求 正義 的 美國 人民 發出 質疑 和 抗議 蓬 佩奧 本人 還 被 美國 媒體 歸入 史 上 最差 國務卿 之列</t>
  </si>
  <si>
    <t>解放軍報 新冠肺炎 疫情 蓬 佩奧 們 黑手</t>
  </si>
  <si>
    <t>新冠肺炎 疫情 全球 發燒 防疫 最 前線 金門 全面 備戰 即日起 包括 本 國籍 漁船 動力 小船 遊艇 在內 若 離開 禁 限制 水域 一定 範圍 或 與 大陸 漁船 接觸 船上 人員 返 金後 一律 要 居家 檢疫 14 天 楊鎮 浯 縣長 強調 全島 建立 複式 防疫 網</t>
  </si>
  <si>
    <t>新冠肺炎 疫情 蔓延 全球 新北 市政府 今 14 日 上午 9 時許 舉辦 亞洲 城市 首 場 新冠肺炎 社區 感染 大規模 防疫 演習 新北 市長 侯友宜 表示 擔心 未來 醫護人員 不夠 已 指示 衛生局 要 把 退休 的 醫護人員 找 回來 侯友宜 表示 必須 要 盤</t>
  </si>
  <si>
    <t>新冠肺炎 疫情 蔓延 全球 新北 市政府 今 14 日 上午 9 時許 舉辦 亞洲 城市 首 場 新冠肺炎 社區 感染 大規模 防疫 演習 新北 市長 侯友宜 表示 擔心 未來 醫護人員 不夠 已 指示 衛生局 要 把 退休 的 醫護人員 找 回來 侯友宜 表示 必須 要 盤點 防疫 人力 防疫 志 工 做好 人力 調配 若 確診 超過 3000 人 醫護人員 永遠 是 不夠 的 若 防疫 物資 夠 醫療 人員 不夠 怎麼辦 這些 都 是 必須 要 先 做 的</t>
  </si>
  <si>
    <t>侯友宜 新冠肺炎 臺灣 新北 市 醫護人員</t>
  </si>
  <si>
    <t>新冠肺炎 疫情 進入 第 4 個 月 臺灣 雖不 像 其他 國家 一樣 內部 封城 但 卻 對 外 封國 所有 的 人 都 在 問 何時 才能 解封 台 大公 衛 學院院長 詹 長 權 呼籲 以 3 個 t testing 測試 tracking 足跡 追蹤 tracing 接觸 者 追蹤 讓</t>
  </si>
  <si>
    <t>新冠肺炎 疫情 進入 第 4 個 月 臺灣 雖不 像 其他 國家 一樣 內部 封城 但 卻 對 外 封國 所有 的 人 都 在 問 何時 才能 解封 台 大公 衛 學院院長 詹 長 權 呼籲 以 3 個 t testing 測試 tracking 足跡 追蹤 tracing 接觸 者 追蹤 讓 健康 者 回 到職 場 其中 臺灣 testing 做 的 不 多 但 後 2 項 做 得 不錯 若 能 增加 測試 量 能 就 能 讓 民眾 逐漸 回到 疫 後 生活 的 常態 詹 長 權 表示 以 檢測 量 能 而言 紐約州 每天 可以 檢測 4萬 人 如果 其他 州 支援 可以 增至 8萬 人 這 是 紐約州 恢復 經濟 的 法寶 檢測 之後 就 能 讓 健康 的 人 回到 職 場 紐約州 州長 還 親自 示範 接受 采 檢 幾 分鐘 就 做好 為 的 就是 要 告訴 民眾 檢測 是 很 簡單 的 目前 能夠 解封 的 大部分 國家 都 是 檢測 量 日 以 萬計 也 有 許多 國家 開展 大規模 血清 抗體 偵 測 計畫 許多 核心 工作人員 包括 醫護人員 交通運輸 人員 等 都 要 提前 瞭解 其 身體狀況 以備 後續 配 工 電子 足跡 追蹤 等 詹 長 權 說 現在 大家 都 在 問 678 月 邊境 管制 是否 可以 解封 目前 大部分 國家 要求 入境者 短 則 14 天 長 則 28 天 隔離 少數 幾 個 國家 互相 同意 商務 旅遊 但 長久 下來 不是 辦法 又 舉 36萬 人口 的 冰島 為 例 以 比例 而言 冰島 是 全球 檢測 做 最 多 的 國家 他們 也 有 一 項 重大 決定 就是 不 會 晚 於 6 月 15 日 要 讓 入境者 一律 免費 接受 核酸 檢測 如果 是 陰性 就 可以 入境 旅遊 而 不 需要 隔離 14 天 甚至 如果 入境者 在 其他 國家 接受 檢測 冰島 也 願意 接受 此外 入境者 還要 在 機場 下載 一個 足跡 追蹤 接觸 者 追蹤 app 冰島 甚至 可能 開放 國際 會議 應該 算是 世界 上 走 得 很 前面 的 國家 詹 長 權 說 以 testing tracking tracing 而言 臺灣 testing 做 的 不 多 但是 後 2 項 做 得 不錯 如果 能 增加 測試量 能 就 能 讓 民眾 逐漸 回到 疫 後 生活 的 常態 經濟 方面 不至於 有 太 大 影響</t>
  </si>
  <si>
    <t>新冠肺炎 疫情 蔓延 南 投 縣 為 維持 醫護 防疫 量 能 避免 醫院 內 群 聚 感染 造成 社區 流行 自 3 月 9 日 起 提高 醫院 防疫 標準 縣 內 10 家 醫院 含 醫院 附設 護理 之家 全面 停止 探病 陪 病 采 實 名 制 措施 並 限 1 人 衛生局 表示 因應 肺炎 防</t>
  </si>
  <si>
    <t>新冠肺炎 疫情 蔓延 南 投 縣 為 維持 醫護 防疫 量 能 避免 醫院 內 群 聚 感染 造成 社區 流行 自 3 月 9 日 起 提高 醫院 防疫 標準 縣 內 10 家 醫院 含 醫院 附設 護理 之家 全面 停止 探病 陪 病 采 實 名 制 措施 並 限 1 人 衛生局 表示 因應 肺炎 防疫 管制 措施 包括 停止 探病 除 加 護 病房 安寧 病房 及 經 主治醫師 醫療 專業 同意 者 外 一般 病房 一律 禁止 探病 請 家屬 親友 改 采 視 訊 通訊聯繫 每 名 住院病人 陪 病者 以 1 人 為 限 含 照顧 服務員 並 采 實 名 登記 醫院 附設 護理 之家 比照 陪 病 限 1 人 南 投 縣 10 家 禁止 探病 醫院 包括 衛生 福利 部 南 投 醫院 衛生 福利 部 草屯 療養院 台中 榮 總 埔裡 分院 埔裡 基督教 醫院 佑 民 醫院 竹山 秀 傳 醫院 南 投 基督教 醫院 曾漢棋 醫院 中國 醫藥 大學 附設 醫院 草屯 分院 東華 醫院 護理 之家 包括 南 投 醫院 附設 護理 之家 草屯 療養院 附設 精神 護理 之家 台中 榮 民 總 醫院 埔裡 分院 附設 護理 之家 及 精神 護理 之家 埔基 附設 護理 之家 竹山 秀 傳 醫院 附設 護理 之家 東華 醫院 附設 護理 之家</t>
  </si>
  <si>
    <t>新冠肺炎 臺灣 長者 台 南市 高齡 長者</t>
  </si>
  <si>
    <t>新冠肺炎 臺灣 連線 電臺 鄉親</t>
  </si>
  <si>
    <t>川普 檢測 陰性 新冠肺炎 恒 述</t>
  </si>
  <si>
    <t>國內 新冠肺炎 疫情 穩定 但 醫師 紛紛 呼籲 打 疫苗 仍 是 必要措施 未來 萬一 疫情 再度 爆發 才能 發揮 群體 保護 力 近來 國內 青少年 bnt 第 2 劑 暫緩 施打 醫師 認為 疫苗 預防 重症 住院 的 效果 比 心肌炎 的 風險 來得 高 仍 鼓勵 年輕人 都 要</t>
  </si>
  <si>
    <t>新冠肺炎 臺灣 接種 bnt 心肌炎</t>
  </si>
  <si>
    <t>新冠肺炎 臺灣 自 購 疫苗 市府 窒礙難行</t>
  </si>
  <si>
    <t>陳時中 疫情 新冠肺炎 疫苗 國產 疫苗</t>
  </si>
  <si>
    <t>半導體 檢測 服務 廠 宜 特 3289 上半年 營 收 達 1502億 元 稅 後 淨利 為 145億 元 每股 盈 餘 eps 155 元 表現 優於 預期 隨 第 三 季 進入 旺季 公司 高層 表示 7 月 在手 檢測 訂單 創 歷史 新高 目前 營運 不見 烏雲 不僅 看好 第 三 季 第 四季 成長 更 大 明年 表現 也 將 較 今年 更 好 受惠 於晶圓 代工廠 推進 先進 制程 與 先進 封裝 以及 5 g hpc 等 晶 片 需求 暢 旺 宜特 今年 檢測 分析 接 單 強勁 隨 晶 圓 代 工大 廠 向 7 奈 米 5 奈 米 推進 材料 分析 與 可靠 度 分析 等 需求 持續 放 量 宜 特已 跨入 3 奈 米 檢測 市場 7 月 在手 檢測 訂單 已 創 歷史 新高 下半年 旺季 效應 顯現 在 美中 貿易戰 與 新冠肺炎 疫情 延 燒 之際 臺灣 對 疫情 控制 得宜 而 在 地緣 政治 上 則 有 半 導體 群 聚 優勢 作為 保護傘 隨 轉 單 效應 持續 發酵 宜特 檢測 分析 接 單 反而 明顯 受惠 且 過去 幾 年 的 佈局 今年起 進入 收割期 下半年 會 比 上半年 好 且 第 四季 營運 更 將 有 明顯 成長 並 對 明年 營運 樂觀 以待 權 證 投資 必 有 風險 本 專區 資訊 僅供參考 並 不 構成 邀 約 招攬 或 其他 任何 建議 與 推薦 請 讀者 審慎 為 之</t>
  </si>
  <si>
    <t>az 疫苗 新冠肺炎 年輕 族群 王鴻薇</t>
  </si>
  <si>
    <t>新冠肺炎 疫情 重創 義 大利 也 讓 留在 臺灣 付出 奉獻 超過 半 世紀 的 義籍 神父 呂 若瑟 為 他 的 家鄉 憂心 不已 並且 對外 求助 希望 募集 防疫 物資 幫助 義 大利 抗 疫 消息 傳出 後 立即 引發 臺灣人 的 熱烈 迴響 宜蘭 市長 江聰淵 也 在 3 日 出面 呼籲</t>
  </si>
  <si>
    <t>新冠肺炎 疫情 重創 義 大利 也 讓 留在 臺灣 付出 奉獻 超過 半 世紀 的 義籍 神父 呂 若瑟 為 他 的 家鄉 憂心 不已 並且 對外 求助 希望 募集 防疫 物資 幫助 義 大利 抗 疫 消息 傳出 後 立即 引發 臺灣人 的 熱烈 迴響 宜蘭 市長 江聰淵 也 在 3 日 出面 呼籲 大家 伸出 援手 共同 幫助 義 大利 度過 這 場 災 疫 江 聰 淵 表示 臺灣人 有 句 話 吃 人 一 口 還 人 一 鬥 天主教 靈醫 會 的 義 大利 傳教士 在 早年 臺灣 醫療 資源 不足 且 環境 艱 困 的 時期 遠渡重洋 來到 臺灣 犧牲 奉獻 建立 醫院 長期 守護 臺灣 偏遠 醫療 呂 若瑟 神父 更 將 一生 奉獻 給 臺灣 守護 臺灣 民眾 的 健康 面對 呂 神父 家鄉 的 困境 此時 的 臺灣人 更 應該 感念 他們 的 付出 江 聰 淵 說 在 這個 艱 困 時刻 大家 感念 呂 神父 過往 付出 的 最好 回報 就是 在 有能力 的 時候 給予 必要 的 援助 因此 除了 代表 宜蘭 市民 響應 捐款 10萬 元 同時 也 在 市公所 成立 專責 櫃檯 負責 處理 民眾 的 指定 捐款 事宜 讓 天主教 靈醫 會 得以 在 不 影響 臺灣 國內 防疫 物資 調配 的 情況 下 透過 國際 管道 購買 n 95 口罩 等 醫療 物資 援助 義 大利 靈醫 會 的 醫療機構 江 聰 淵 呼籲 說 希望 有 更 多 的 民眾 能夠 一同 響應 對 曾經 無私奉獻 給 臺灣 土地 的 天主教 靈醫 會 伸出 臺灣 民眾 溫暖 的 手 幫助 他們 度過 災 疫</t>
  </si>
  <si>
    <t>新冠肺炎 義 大利 神父 呂 若瑟 防疫 物資</t>
  </si>
  <si>
    <t>新冠肺炎 臺灣 確診 機構 工作人員</t>
  </si>
  <si>
    <t>大陸 官媒 環球時報 引述 相關 消息人士 表示 大陸 對 美國 內 以 疫情 為 向 中國 大陸 浮 濫 訴訟 極為 不滿 北京 已 著 手 準備 對 一些 炮製 反華 議案 的 國會議員 密蘇里州 以及 美方 相關 個人 和 實體 採取 必要 的 懲戒 措施 大陸 的 美國 專家 甚至 指稱 反 制 措施 不 會 是 象徵性 的 必須 要 打 痛 他 環球時報 說 最近 以來 美國 國內 一些 國會議員 及 州 官員 頻頻 借 新冠肺炎 疫情 問題 向 大陸 發難 可謂 是 濫 訴 成 癮 4 月 14 日 美國共和黨 籍 參議員 霍利 josh hawley 在 參議院 推出 為 新冠 病毒 受害者 追求 正義 法案 justice for victims of coronavirus act 允許 美 國人 對 中國 大陸 提出 私人 訴訟 4 月 16 日 美國共和黨 籍 參議員 科頓 tom cotton 提出 2020 年 追究 中國共產黨 感染 美國 人 責任 法案 要求 剝奪 大陸 在 美國 的 主權 豁免 一 天 後 美國共和黨 籍 眾議員 史密斯 chris smith 等 人 在 眾議院 推出 類似 法案 要求 北京 對 美國 人民 因為 新冠肺炎 承受 的 傷害 負起 責任 共和黨 籍 眾議員 班克斯 jim banks 也 在 拼命 鼓噪 就 疫情 對 大陸 進行 追 責 索賠 報導 認為 對於 上述 議員 而言 反華 幾乎 成 了 他們 的 日常 活動 例如 參議員 霍利 就 於 3 月 12 日 聯合 另 一 名 共和黨 籍 參議員 史考特 rick scott 提出 議案 要求 禁止 美國聯邦 雇員 在 政府 配發 的 手 機上安裝 大陸 社交 媒體 應用程式 抖 音 tiktok 眾議員 史密斯 也 是 在 涉 華 問題 尤其 是 人權 問題 上 的 常客 去年 3 月 他 在 美眾議院 推出 一 項 決議案 要求 美國政府 就 大陸 在 美 政治 影響力 活動 發 佈 報告 以 全面 審視 由 中國 大陸 帶來 的 威脅 除了 上述 的 美國國會 議員 包括 美國 保守派 遊說 組織 自由 觀察 freedom watch 以及 總部 位於 德州 的 buzz photos 等 企業 與 實體 也 加入 反華 訴訟 隊伍 今年 4 月 17 日 自由 觀察 和 德州 體育 攝影 公司 buzz photos 並列 共同 原告 向 德州 北部 法庭 提起 訴訟 要求 中國 大陸 支付 金額 超過 20 兆 美元 的 新冠 疫情 賠償 4 月 21 日 美國 密蘇里州 總 檢察長 施密特 eric schmitt 向 聯邦法院 提起 民事訴訟 要求 大陸 對 全球 新冠 病毒 大 流行 負責 並以 現金 賠償 密蘇里州 因 疫情 蒙受 的 巨大 經濟損失 報導 引述 大陸 中國社會科學院美國研究所 研究員 美國 外交 研究室 主任 袁征 的 話說 中美合作 是 互利 共 贏 的 但是 我們 也 不能 一再 退讓 絕不能 容忍 有些 人 毫無原則 地 對 中美關係 造謠生事 他 說 對於 這些 無端 造謠生事 破壞 中美關係 死不悔改 進而 在 美國 國內 撈取 政治 利益 的 政客 我們 要 堅決 進行 打擊</t>
  </si>
  <si>
    <t>東京 銀座 一直 是 日本 地價 最高 的 黃金地段 國土 交通 省 公告地價 每坪 平均 為 9301萬8782 日圓 據說 泡沫經濟 時代 有 的 土地 還 漲 到 每坪 逾 35億 日圓 但 新冠肺炎 爆發 後 銀座 不動產 的 身價 已 大 受 衝擊 real estate company hu</t>
  </si>
  <si>
    <t>東京 銀座 一直 是 日本 地價 最高 的 黃金地段 國土 交通 省 公告地價 每坪 平均 為 9301萬8782 日圓 據說 泡沫經濟 時代 有 的 土地 還 漲 到 每坪 逾 35億 日圓 但 新冠肺炎 爆發 後 銀座 不動產 的 身價 已 大 受 衝擊 real estate company hulic expands into ginza district through the purchase of tiffany ginza building from softbank ceo masayoshi son 去年底 新冠肺炎 疫情 開始 對 日本 各行各業 造成 影響 安倍 政府 呼籲 民眾 儘量減少 外出 籲請 商家 暫停營業 連 銀座 實力雄厚 的 店家 也 支撐 不 下去 許多 知名 的 大樓 也 紛紛 易主 最 具 代表性 的 不動產 出售 案 是 蒂芙尼 tiffany 銀座 本店 大樓 這棟 九 層高 的 大樓 於 1996 年 啟用 軟 體 銀行 集團 會長 兼 社長 孫正義 于 2013 年 以 320億 日圓 約 台幣 90億4600萬元 購 入 由於 軟 銀 在 這 波 疫情 中 損失慘重 這棟 大樓 也 於 7 月 3 日 脫手 賣 給 大型 不動產 公司 hulic 據說 售價 超過 300億 日圓 蒂芙尼 今後 仍然 在 此 營業 此外 服裝 大廠 三陽 商會 於 7 月 17 日 賣掉 位於 銀座 8 丁 目的 旗艦 大樓 ginza timeless 8 且 店面 將 於 8 月底 結束 營業 三陽 商會 曾 與 英國 的 名牌 廠商 博柏 利 burberry 簽 代理權 合約 並 在 銀座 開 店 但 於 2015 年 解約 失去 了 主要 的 合作 商 經營 大不如前 再 加上 新冠肺炎 疫情 形同 雪上加霜 銀座 知名 大樓 陸續 遭 脫手 週刊 post 報導 指出 房地產 專業 記者 表示 在 銀座 名店街 蓋 的 大樓 很 少 聽說 要 脫手 的 像 現在 這樣 有名 大樓 在 短期 間 內 陸續 脫手 還是 罕見 的 特例 銀座 可說是 正 面臨 大 的 變動 期 有 百年 以上 歷史 的 山野 樂器 銀座 本店 3 月底 宣佈 4 月 起 將 地下 1 樓至 地上 2 樓 的 三個 樓層 租 給 kddi 山野 樂器 1915 年 起 在 銀座 開 店 昭和 初期 起 銷售 海內外 唱片 樂器 也 曾 是 日本 公告地價 最高 的 大樓 當時 每坪 為 1億9074萬 日圓 現在 銷售 cd dvd 的 主要 三 個 樓層 都 不得不 租出去 被 外界 猜測 可能 是 受到 疫情 的 影響 但 山野 樂器 的 公關 表示 其實 與 疫情 無關 去年 夏天 就 決定 出租 了 因為 近年 來 音樂 軟 體 的 市場 縮小 為了 因應 市場 環境 的 變化 決定 活用 不動產 價值 來 強化 收益 該 記者 表示 到 目前為止 倒閉 破產 店面 很 多 是 在 疫情 發 生前 業績 就 很 嚴峻 但 新冠肺炎 疫情 若 是 有 第二 三 波 的話 可能 對 原本 經營 順利 的 店家 造成 不良影響 靠 著 壓倒 性 的 品牌 力 哄抬 上漲 的 銀座 地價 也 可能 在 疫情 延 燒 擴大 之下 變成 巨額 的 不良 債權 沖繩 飯店 降價求售 除了 銀座 日本 度假勝地 沖繩 的 觀光業 也 在 新冠肺炎 疫情 下 遭受 打擊 許多 飯店業 者 寧可 降價 也 想 將 飯店 脫手 而 感 興趣 的 買主 居然 大多 是 外資企業 或 投資家 琉球 新 報 報導 那霸市 負責 飯店 營運 企 畫 的 star resort 今年 架設 了 介紹 有意 被 並購 m&amp;a 的 飯店 案件 網站 刊載 案件 有 宮古島 靠近 私人 海灘 的 飯店 約 10 至 30 間 客房 希望 售價 為 20億 日圓 約 台幣 5億6500萬 元 沖繩 本島 附 游泳池 家電 傢俱 的 海景 房 飯店 共 不 到 10 個 房間 希望 售價 為 4億8400萬 日圓 約 台幣 1億3682萬 元 等 star resort 表示 今年 5 月 左右 起 就 有人 詢問 想買 沖繩 的 飯店 詢問 件數 一個 月 超過 60 件 買家 大多 是 沖繩縣 外 的 不動產 開發業 者 或 個人 投資家 由於 觀光客 減少 許多 飯店 等 觀光 設施 的 使用率 大幅 下滑 雖然 現在 海外 旅行 仍然 受限 但有 投資人 認為 開放 日本 國內 旅遊 的話 沖繩 應該 是 首選 投資家 看 准 了 以 長期 的 投資 眼光 來看 沖繩 的 觀光還 是 會 恢復 因 此 現在 拋 出 的 沖繩 房源 在 投資人 的 眼中 是 有 投資 價值 且 投資 價值 很 高 的 藤本 擔心 若 是 沖繩 大 多 不動產 和 觀光 收益 都 被 縣 外 或 國外 搶 去 了 那麼 利潤 好處 就 很 難 留在 沖繩 了 還有 沖繩縣 的 不動產業 者 指出 有 臺灣 的 投資家 說 想買 沖繩縣 的 飯店 由於 買賣 飯店 的 金額 是 以 億 為 計算 單位 的 所以 簽約 需 花 半 年 左右 的 時間 半 年 後 因 買賣 成立 而 易主 的 飯店 說不定 會 變 多</t>
  </si>
  <si>
    <t>巴菲特 新冠肺炎 不 應該 影響 投資者 決策</t>
  </si>
  <si>
    <t>股 神 巴菲特 週一 24 日 接受 財經 網站 cnbc 專訪 時 指出 新冠肺炎 疫情 持續 蔓延 有 極大 比重 企業 受到 衝擊 但 投資者 不 應該 受 疫情 影響 而 改變 資產 配置 決定 另外 針對 今年 美國 總統大選 自稱 並非 是 活躍 民主黨人 的 他 也 提</t>
  </si>
  <si>
    <t>股 神 巴菲特 週一 24 日 接受 財經 網站 cnbc 專訪 時 指出 新冠肺炎 疫情 持續 蔓延 有 極大 比重 企業 受到 衝擊 但 投資者 不 應該 受 疫情 影響 而 改變 資產 配置 決定 另外 針對 今年 美國 總統大選 自稱 並非 是 活躍 民主黨人 的 他 也 提到 將 會 投票 給 彭博 巴菲特 表示 蘋果 在內 等 多數 企業 目前 正 因 這 波 疫情 而 受到 衝擊 不過 他 指出 影響 企業 運作 還 有 其他 因素 外界 應 把 重點 放在 企業 未來 5 到 10 年 的 長期 發展 他 還 聲稱 對 人類 而言 雖然 新冠 病毒 大 流行 令 人 感到 恐慌 但 卻 不 應該 影響 投資者 的 買賣 股票 的 決策 他 說 投資者 並 無法 透過 每天 讀報 預測 股市 走勢 但 如果 該 新聞 能 讓 投資者 逢低買進 喜歡 的 股票 堪稱 是 相當 幸運 巴菲特 還 讚揚 蘋果 或許 是 我 所 知道 在 全球 表現 最佳 的 企業 柏克夏海瑟威 目前 持 股 蘋果 比重 約 55 雖然 身為 蘋果 大 股東 巴菲特 最近 才有 一 支 智慧 手機 篤信 股票 是 長期投資 好 選擇 的 巴菲特 並 對 投資 債券 的 投資者 提出 警告 表示 即使 目前 利率 已 降 至 低點 股市 看來 也 似乎 不妙 但 為 追求 收益率 而 買進 債券 並 非 明智 的 選擇 另外 論及 美國 經濟 巴菲特 認為 受到 全球 多 項 利 空 因素 影響 其 經濟 已不 如 半 年前 強勁 他 說 美國 經濟 仍 強勁 但 卻 比 6 個 月 前 略為 疲弱 而且 受 影響 層面 也 很 廣 在 問及 總統大選 時 巴菲特 表示 自己 雖是 民主黨人 但 並非 是 積極 黨員 他 說 自己 對於 投票 給 彭博 毫無 困難 針對 另 一 位 聲勢 看漲 的 民主黨 參選人 桑德斯 巴菲特 雖然 認同 他 許多 傾向 社會主義 的 政見 不過 股 神 也 認為 資本主義 制度 不 應該 因 此 被 破壞 由於 巴菲特 今年 8 月 將 滿 90 歲 針對 外界 最 關心 的 接班 問題 他 稱 沒有 我 的 柏克夏海瑟威 其 價值 與 有 我 在 時 一樣 他 還 開玩笑 說 我 的 附加 價值 不 高 但 也 不至於 減 損 價值</t>
  </si>
  <si>
    <t>新冠肺炎 臺灣 龜 山 確診 清潔隊</t>
  </si>
  <si>
    <t>和 碩 1 名 員工 確診 新冠肺炎 傳出 該 名 員工 曾 到 華碩 餐廳 用餐 目前 2 公司 都已 啟動 相關 防疫 規定 華碩 可能 與 該員 接觸 的 員工 都進行 居家 辦公 和 碩 今 17 日 指出 1 名 員工 無 症狀 確診 新冠肺炎 公司 接 獲 通知 員工 確診 後 即 進行</t>
  </si>
  <si>
    <t>和 碩 1 名 員工 確診 新冠肺炎 傳出 該 名 員工 曾 到 華碩 餐廳 用餐 目前 2 公司 都已 啟動 相關 防疫 規定 華碩 可能 與 該員 接觸 的 員工 都進行 居家 辦公 和 碩 今 17 日 指出 1 名 員工 無 症狀 確診 新冠肺炎 公司 接 獲 通知 員工 確診 後 即 進行 消毒 程式 並 啟動 abc 分組 分流 上班 ettoday 報導 和 碩 該 名 員工 的 足跡 曾 進入 華碩 員工 餐廳 華碩 得知 檢驗 呈 陽性 後 已 完成 所有 辦公室 及 餐廳 消毒 並 通知 可能 與 其 足跡 重疊 者 進行 遠 距 上班 並 隨時 監測 身體狀況 一般 員工 也 采 分流 方式 辦公 除了 和 碩 華碩 防疫 拉 警報 外 大 立 光 敬鵬 及 富 邦 金 等 上市 公司 都 傳出 有 員工 確診 皆 已 啟動 消毒 與 分流 辦公流程 並 配合 衛生 主管機關 指引</t>
  </si>
  <si>
    <t>大陸 手機 品牌 業者 小米 董事長 雷軍 13 日 在 新機 發表 活動 上 表示 受到 新冠肺炎 疫情 影響 預料 今年 第一 季 大陸 手機 行業 銷量 可能 會 銳減 本 周 稍 早 雷軍並 呼籲 大陸 手機 行業 能 儘早 復工 綜合 陸媒 報導 在 送別 銷售 疲弱 的 2019 年</t>
  </si>
  <si>
    <t>對於 中原大學 老師 招名威 上課時 拿 毒 奶粉 新冠肺炎 開 對岸 玩笑 還 挑釁 地 說 就是 在 說 你們 網友 痛 批 歧視 就是 歧視 被 檢舉 的 一點 也 不無 辜 對於 中原大學 老師 招名威 上課 爭議 中原大學 校方 表示 中原大學 為 中華</t>
  </si>
  <si>
    <t>美國 賈斯汀 疫苗 新冠肺炎 臺灣</t>
  </si>
  <si>
    <t>防範 新冠肺炎 近來 酒精 消毒水 漂白 水 等 又 成為 搶手貨 連 噴 罐 都 供不應求 民眾 紛紛 拿 著 家中 各式 舊 瓶 自行 分裝 醫師 提醒 拿 舊 瓶 分裝 漂白 水 暗藏 陷阱 勸 民眾 千萬別 鐵 齒 真 的 發生 過 憾事 尤其 是 用 礦泉水瓶 來 裝 漂白</t>
  </si>
  <si>
    <t>新冠肺炎 臺灣 確診 死亡 陳時中</t>
  </si>
  <si>
    <t>宥 勝 萬華 萬 華人 新冠肺炎 宥 勝 道歉</t>
  </si>
  <si>
    <t>世貿組織 wto 於 日內 瓦 時間 2 月 15 日 任命 新任 秘書長 伊衛 拉 中國商務部 北京時間 15 日 晚 表示 中方 對 她 擔任 wto 總 幹事 充滿信心 並 期待 她 履 新 後 促進 wto 儘快恢復 正常 功能 推動 必要 改革 新華社 報導 中國商務部 世貿 司 負責人 表示 中方 祝賀伊 衛拉 博士 擔任 wto 新任 秘書長 她 長期 從事 發展中國家 減貧 和 全球 疫苗 健康 領域 工作 擁有 豐富 的 國際 組織 管理 經驗 這 位 負責人 表示 當前 新冠肺炎 疫情 蔓延 態勢 尚未 緩解 多邊貿易 體制 面臨 重大 挑戰 中方 對 她 擔任 wto 秘書長 充滿信心 期待 她 履 新 之後 促進 wto 儘快恢復 正常 功能 推動 wto 在 抗 疫 合作 經濟 復蘇 方面 發揮 更 大 作用 推動 wto 第 12 屆 部長級 會議 取得 積極 成果 推進 wto 必要 改革 維護 和 增強 多邊貿易 體制 的 權威性 和 有效性 中國 常駐 wto 代表 李成鋼 大使 在 總 理事會 上 引述 伊衛 拉 的 最新 文章 新冠肺炎大 流行 時期 的 貿易 如果 右手 洗 左手 左手 洗 右手 那麼 兩者 都 會 變 乾淨 作為 一個 穩定 非歧視 以 規則 為 基礎 的 多邊貿易 體系 的 貢獻 者 和 受益者 中國 堅信 貿易 即 互利性 的 貿易 將 是 幫助 我們 走 出 當前 困境 儘快 實現 經濟 復蘇 的 關鍵 工具 對 中國 來說 wto 選出 一 位 奈及利亞 籍 的 新任 伊 衛拉 是 個 好 消息 因為 奈及利亞 仍然 是 非洲 最 大 的 進口 國 也 是 中國 在 非洲 的 第 2 大 貿易 夥伴 中 奈 雙邊 貿易額 超過 大陸 與 整個 非洲大陸 貿易額 的 十分 之一</t>
  </si>
  <si>
    <t>新冠肺炎 臺灣 第 2 例 采 檢 第 1</t>
  </si>
  <si>
    <t>德國 迄今 新冠肺炎 確診 超過 16萬5千 例 死亡 僅 6千8百 多 件 和 鄰近 國家 相較 防疫 抗 疫 成功 許多 德國 也 自 今天 起 鬆綁 部分 限制 措施 有 條件 重新 開放 博物館 理髮院 教堂 和 汽車 工廠 等 不過 波昂 大學 最新 研究 卻 警告 德國</t>
  </si>
  <si>
    <t>德國 迄今 新冠肺炎 確診 超過 16萬5千 例 死亡 僅 6千8百 多 件 和 鄰近 國家 相較 防疫 抗 疫 成功 許多 德國 也 自 今天 起 鬆綁 部分 限制 措施 有 條件 重新 開放 博物館 理髮院 教堂 和 汽車 工廠 等 不過 波昂 大學 最新 研究 卻 警告 德國 已 感染 新冠 病毒 的 人數 或許 是 帳 面 數字 的 10 倍 以上 估計 約達 180萬 人 這 篇 報告 的 初步 研究 結果 尚未 經過 同 儕 審查 當然 也 尚未 在 科學 期刊 發表 撰文 科學家 強調 本 研究 可 視為 一 種 提醒 警告 世人 新冠 病毒 未經 驗證 帶 原者 的 危險性 因為 部分 感染者 沒有 症狀 研究 團隊 分析 德 荷 邊境 海因斯貝格 一 處 小鎮 的 919 名 居民 抽取 他們 的 血液 與 鼻腔 呼吸道 樣本 進行 新冠 病毒 抗體 檢驗 當地 正是 德國 新冠肺炎 死亡 人數 最高 的 區域 團隊 發現 約 5 人 當中 有 1 人 無 症狀 撰文 的 學者 哈特曼 在 聲明 中 說 研究成果 可 提升 關於 病毒 如何 傳播 的演算 模 組</t>
  </si>
  <si>
    <t>德國 新冠肺炎 疫情</t>
  </si>
  <si>
    <t>新冠肺炎 疫情 持續 升溫 且 已 有 學校 因 確診 案例 而 全校 停課 一 周 壽險業 者 建議 家長 可 幫 孩子 檢 視 當初 投保 的 保單 也 可 超前 部署 醫療 險 意外 險 及 重 疾 或 癌症 險 等 三 種 保單 完整 孩子 的 保障 規劃 衛福部 調查 發現 學齡</t>
  </si>
  <si>
    <t>新冠肺炎 疫情 持續 升溫 且 已 有 學校 因 確診 案例 而 全校 停課 一 周 壽險業 者 建議 家長 可 幫 孩子 檢 視 當初 投保 的 保單 也 可 超前 部署 醫療 險 意外 險 及 重 疾 或 癌症 險 等 三 種 保單 完整 孩子 的 保障 規劃 衛福部 調查 發現 學齡 前 兒童 因 身體 事故 傷害 送醫 者 占 所有 事故 傷害 情形 約 139 其中 以 跌 墜 落 占比 最高 而 學齡兒童 身體 事故 傷害 送醫 者 占 比達 233 其中 以 撞擊 夾傷 占 9 最 多 且 高年級 身體 事故 傷害 比例 最高 而 家長 們 最常 遇到 的 小孩 腸病毒 甚至 如 日前 高中生 確診 須 入院 隔離 與 治療 等 皆 需 住院 數日 診治 全球 人壽 表示 在 預算 有限 的 情況 下 爸 媽 可 優先 規劃 守護 兒童 健康 的 必 保 清單 首先 為 醫療 險 尤其 是 兒童 抵抗力 較 弱 可用 醫療 險 來 轉嫁 就醫 住院 的 相關 花費 兒童 的 最佳 醫療 險 組合 首選 就是 住院日 額 終身 醫療 實支 實 付 定期 險 終身險 雖然 保費 較 高 但 具有 固定 年限 繳 完 後 便 可 終身 保障 的 優點 然而 因 終身 險 保費 較 高 在 預算 有限 的 前提 下 能 買到 的 保 額 就 會 相對 較 低 此時 就 可 搭配 保費 較 低廉 的 定期 險 提高 保障 額度 充分 鞏固 孩子 健康 保障 如 遇 住院 手術 等 狀況 有 定期 險 做為 輔助 便 能 替 孩子 規劃 完整 且 到位 的 醫療保障 其次 就是 意外 險 不管 是 學齡 前 或 學齡兒童 對於 外在 環境 的 防禦 跟 保護 知識 不足 遇到 意外 的 機 率 也 相對 較 高 投保 意外 險 能 幫助 爸 媽 減輕 孩子 意外 發生 時 相關 費用 的 負擔 第 三 是 重大 疾病 險 或 癌症 險 全球 人壽 表示 重大 疾病 癌症 難以 預防 惟有 預先 投保 重 疾 險 或 癌症 險 才能 讓 萬一 發生 時 足以 負擔 療程 藥物 等 昂貴 費用 年紀 越 小時 投保 保費 相對 較 低 也 能夠 及時 支應 這些 重症 帶來 的 龐 大 醫療 開銷 國泰人壽 提醒 新冠肺炎 期間 保戶 可 掌握 相關 理賠 原則 一 是 衛生 福利 部 已 公告 嚴重 特殊 傳染性 肺炎 列 屬 法定 傳染病 凡 醫療 險 保單 無 除外 責任 都可依 約 理賠 保戶 享有 完整 醫療保障 因 嚴重 特殊 傳染性 肺炎 入住 負 壓 隔離病房 者 除 給付 住院日 額 醫療 保險金 比照 加 護 病房 住院 予以 理賠 提供 加 值 保障</t>
  </si>
  <si>
    <t>新冠肺炎 持續 擴散 蔓延 居家 檢疫 人數 暴 增 公司 行號 與 機關團體 為 避免 群 聚 感染 並為 維護 企業 員工 同仁 健康 與 工作 環境 的 安全 亦 進一步提高 防疫 層級 目前 國內 已 有 超過 百 家 大型 企業 啟動 異地 辦公 與 居家 辦公 機制</t>
  </si>
  <si>
    <t>新冠肺炎 持續 擴散 蔓延 居家 檢疫 人數 暴 增 公司 行號 與 機關團體 為 避免 群 聚 感染 並為 維護 企業 員工 同仁 健康 與 工作 環境 的 安全 亦 進一步提高 防疫 層級 目前 國內 已 有 超過 百 家 大型 企業 啟動 異地 辦公 與 居家 辦公 機制 全力 預防 辦公 空間 群 聚 感染 造成 營運 中斷 將 風險 降低 至 最低 以 確保 公司 在 任何 情況 下 都 能夠 持續 運作 因應 企業 需求 臺北 福華 飯店 新竹 喜來登 飯店 老爺 酒店 集團 旗 下 老爺 會館 以及 雲朗 觀光 集團 旗 下 君 品 酒店 翰品酒店 兆 品酒 店 與 品 文 旅 都 分別 利用 館內 客房 規 畫 設計 成 日 租 辦公室 或 個人 獨立 辦公室 供 企業 選擇 誠 品行 旅 誠 品行 旅 更 集結 商務 辦公 交誼 空間 餐飲 美食 旅 宿 休憩 健身房 等 多 元 內容 推出 城市 綠洲 共用 商務 空間 爭取 企業 或 商務人士 青睞 eslite hotel 誠 品行 旅 即日起 推出 城市 綠洲 共用 商務 空間 方案 集結 商務 辦公 交誼 空間 餐飲 美食 旅 宿 休憩 健身房 等 多 元 內容 單月 租用 每日 最低 僅 新 台幣 1613 元 起 亦可 依照 工作 需求 選擇 單日 單周 雙周 及 月 租 型 方案 自 13 坪 的 雅致 客房 至 21 坪 的 行政 套房 可 容納 4 至 8 人 享有 融合 商務 機能 與 人文 時尚 的 工作 空間 辦公 及 休憩 設備 一應俱全 誠 品行 旅客 房內 除 有 辦公 桌椅 外 亦 提供 無線 網路 多功能 事務 機 電話 白 板 簡報 架 等 設備 滿足 各式 商務 及 會議 需求 每間 客房 均 有 獨立 陽臺 工作 之 餘 還 可 自由 享用 nespresso 咖啡 及 茶 飲 點心 免費 閱讀 書籍 或 雜誌 刊物 或 至 健身房 運動 租用 商務 客房 空間 皆 可 享有 住宿 洗衣 及 餐飲 最低 7 折 禮遇 雲 朗 觀光 集團 推出 客房 辦公室 提供 企業 可 租用 飯店 客房 讓 員工 分組 異地 辦公 分散 風險 君 品酒 店 臺北 翰品酒店 新莊 桃園 高雄 花蓮 兆 品 酒店 嘉義 台中 礁溪 與 品 文 旅 礁溪 推出 以 客房 作為 獨立 辦公室 的 短 租方 案 公司 可以 每日 為 單位 租用 飯店 房間 作為 員工 異地 辦公 的 場所 每日 可 使用 10 小時 每 房自 二 人 起 至多 五 人 共用 君 品酒 店 每 房 2100 元 起 翰品酒店 兆品 酒店 品 文 旅 每 房 收費 自 1200 元 起 可 租用 1 日 5 日 10 日 或 22 日 不等 提 供水 咖啡 包 茶 包 與 wifi 無線 網路 有線 網路 商務 中心 電腦 及 黑白 印表機 交誼廳 設施 外 還 可以 使用 飯店 健身 房 與 自助 洗衣 等 設施 更 為 企業 行號 提供 一個 人員 異地 防護 分散 風險 的 備援 方案 臺北 福華 飯店 即日起 至 5 31 日 規劃 hotel to office 遠 端 辦公室 專案 將 客房 提供 商務人士 做為 日間 辦公 小型 商談 空間 也 可以 量 身 打 照 個人 小型 辦公室 另 將 客房 也 機動 調整 為 會議室 提供 公司 會談 的 最佳 場地 就是 要 爭取 商務 客源 hotel to office 遠 端 辦公室 專案 提供 辦公 需求 的 商務人士 可于 每日 上午 8 點 至 下午 6 點 使用 客房 做為 個人 小型 辦公室 一 人 使用 1500 元 兩 人 使用 1800 元 每 房 並 提供 紙 筆 等 會議 用品 免費 客房 wifi 網路 瓶裝 水 4 瓶 咖啡 及 茶 包 各 2 份 並 享 全館 餐飲 優惠 8 折 另外 滿 20 天 即 贈送 臺北 福華 住宿 券 1 張 下次 入住 使用 新竹 台中 及 高雄 福華 並 貼心 準備 精選 午餐 餐盒 1 份 另外 臺北 福華 還有 三 小時 快 閃 office howard 客房 會議 專案 時段 任選 3 小時 每 房 每人 只 要 1000 元 提供 hdmi wifi 礦泉水 2 瓶 如 使用 10 次 再 送 一 間 可 使用 5 小時 並 同時 享 餐飲 8 折 優惠 因應 上班族 需要 安靜 不受 干擾 且 適合 辦公 的 環境 位於 臺北市 中心 商業區 的 老爺 會館 臺北 南西 臺北 林森 兩 家 飯店 推出 以 客房 作為 個人 獨立 辦公室 的 短 租方 案 公司 可 以 10 天 為 單位 不含 週末 租用 飯店 房間 作為 員工 異地 辦公 的 場所 每日 可 使用 12 小時 收費 1100 元 起 新竹 豐邑 喜來登 大 飯店 於 即日起 規劃 日 租 辦公室 專案 將 客房 提供 商務人士 做為 日間 辦公 小型 商談 空間 另 將 會議室 機動 調整 為 中 餐廳 包廂 提供 小型 親友 餐 敘 的 最佳 場地 讓 民眾 便利 洽 公 安心 用餐 有 辦公 需求 的 商務人士 可于 每日 上午 八 點 至 下午 六 點 租用 新竹 喜來登 客房 做為 個人 小型 辦公室 每次 2500 元 提供 會議 事務 包 內含 紙 筆 等 會議 用品 瓶裝 水 2 瓶 咖啡 2 份 茶 包 2 份 並 附 贈 精選 午餐 餐盒 1 份 供應 輕 食 西式 日式 或 中式 餐盒 四 選 一 日 租 辦公室 使用 期間 不 另 提供 整 房 清潔 服務 亦 不 提供 沐浴 相關 備品</t>
  </si>
  <si>
    <t>業者 消毒 薄 多義 新冠肺炎 臺灣</t>
  </si>
  <si>
    <t>新冠肺炎 確診 人數 增至 41 人 疑 陪 病 接觸 所 致</t>
  </si>
  <si>
    <t>確診 接觸 者 陰性 新冠肺炎 采 檢</t>
  </si>
  <si>
    <t>疫情 打擾 籌資 進度 新光 金 控 10 日 公告 其 222億 股 乙種 特別 股 發行 計畫 因 受 新冠肺炎 疫情 影響 國際 經濟 環境 前景 未 明 牽動 國內 資本 市場 波動 劇烈 價格 波動 過 大 決 定向 金管會 申請 延後 三 個 月 即 9 月 20 日前 再 視 市場 狀</t>
  </si>
  <si>
    <t>疫情 打擾 籌資 進度 新光 金 控 10 日 公告 其 222億 股 乙種 特別 股 發行 計畫 因 受 新冠肺炎 疫情 影響 國際 經濟 環境 前景 未 明 牽動 國內 資本 市場 波動 劇烈 價格 波動 過 大 決 定向 金管會 申請 延後 三 個 月 即 9 月 20 日前 再 視 市場 狀況 發行 另外 新光 金 控 現 增 42億 股 普通股 亦 完成 訂價 每股 78 元 預計 募集 3276億 元 增資 基本 日 為 5 月 13 日 10 日 新光 金 收盤價 861 元 預期 原 股東 及 員工 仍 有 一定 的 繳 款 意願 新光 金 這次 的 百億 元 以上 籌資 計 畫 2 月 下旬 董事會 通過 原本 是 規劃 42億 股 普通股 若 面額 發行 加上 222億 股 特別 股 以 每股 40 60 元 以上 發行 最少 能 募 到 130億 元 若 資本 市場 仍 穩健 在 牛市 則 可望 募 到 175 180億 元 就 有 更 多 資金 可用 來 增資 子公司 新光人壽 與 新光 銀行 但 3 月 新冠肺炎 疫情 加劇 且 影響全球 造成 資本 市場 大 波動 新光 金 發言人 徐順鋆 表示 國外 特別 股 價格 亦 受 影響 大多 下跌 國內 資本 市場 價格 亦 波動 大 此時 不是 特別 股 訂價 的 好 時機 原訂 6 月 20 日前 要 發行 完成 的 乙種 特別 股 決定 再 申請 延長 三 個 月 即 新光 金 爭取 有 更 大 空間 等 疫情 控制 住 後 再 進行 特別 股 訂價 及 募 資 同時 近期 不少 大 企業 金控亦 啟動 籌資 計 畫 新光 金表 示 投資人 可 選擇 的 投資 標的 近期 也 比較 多 不利 訂價 因此 決定 延長 特別 股 的 募集 期間 即 可能 再 尋找 更 佳 的 訂價 時間 再 決定 特別 股 的 發行 時間 為了 要 接軌 魔王 會計 ifrs 17 及 強化 資本 因應 資本 市場 的 波動 壽險 金 控 近 二三 年 都有 增資 壽險 子公司 的 動作 如 去年 國泰 金控亦 有 現 增 212億 元 分別 增資 國泰人壽 與 國泰 世 華銀 各 100億 元 新光 金 這次 亦 是 規劃 要 募 資 130億 元 以上 100億 元 給 新光人壽 30億 元 給 新光 銀行 5 月 先 現金 增資 3276億 元 挹注 新 壽 強化 資本 結構</t>
  </si>
  <si>
    <t>京鼎 快 篩 新冠肺炎 臺灣 苗栗</t>
  </si>
  <si>
    <t>市場 擔心 爆發 第二 波 新冠肺炎 疫情 近日 股市 出現 一 波 修正 但 新興 市場 教父 墨比爾斯 mark mobius 仍 對 全球股市 抱 持 樂觀 態度 認為 現在 處於 新 牛市 中 外 媒 報導 投資 機構 mobius capital partners 創辦 人 墨比爾斯 表</t>
  </si>
  <si>
    <t>市場 擔心 爆發 第二 波 新冠肺炎 疫情 近日 股市 出現 一 波 修正 但 新興 市場 教父 墨比爾斯 mark mobius 仍 對 全球股市 抱 持 樂觀 態度 認為 現在 處於 新 牛市 中 外 媒 報導 投資 機構 mobius capital partners 創辦 人 墨比爾斯 表示 每當 從 糟糕 的 熊市 復蘇 市場 就 會 出現 疑慮 人們 擔心 可能 爆發 第二 波 疫情 但 他 仍 看好 市場 會 繼續 上漲 他 說 市場 已經 從 底部 上 漲 了 20 這 是 很 大 的 進展 墨比爾斯 認為 新興 市場 表現 將 會 更 好 其中 印度 和 中國 大陸 是 他 的 首選 印度 今年 經濟 受到 新冠肺炎 疫情 重創 許多 企業 因此 破產 或 獲利 下滑 但 他 預計 印度 經濟 很快 就 會 看到 復蘇 他 將 在 印度 繼續 尋找 投資 機會 增加 投資 比重 墨比爾斯 也 補充 印度 股市 已 從 底部 攀升 22 有趣 的 是 儘管 面對 種種 對 美國市場 不利 的 消息 新興 市場 仍 表現 更 好</t>
  </si>
  <si>
    <t>墨比爾斯 牛市 第二 波 新冠肺炎 疫情</t>
  </si>
  <si>
    <t>國際 產業 蘋果 新冠肺炎 攪局 q 1 營 收 難 達標</t>
  </si>
  <si>
    <t>蘋果公司 週一 宣佈 因 新冠肺炎 疫情 導致 iphone 手機 生產 放緩 並 削弱 在 中國 的 需求 蘋果 將 無法 達 成本 季營 收 目標 蘋果 發佈 聲明 表示 在 中國 的 製造 設施 已經 開始 復工 但 恢復 的 速度 不如 原先 預期 由於 這些 生產 據點 尚未 全</t>
  </si>
  <si>
    <t>蘋果公司 週一 宣佈 因 新冠肺炎 疫情 導致 iphone 手機 生產 放緩 並 削弱 在 中國 的 需求 蘋果 將 無法 達 成本 季營 收 目標 蘋果 發佈 聲明 表示 在 中國 的 製造 設施 已經 開始 復工 但 恢復 的 速度 不如 原先 預期 由於 這些 生產 據點 尚未 全面 開工 蘋果 iphone 手機 的 全球 供應 將 受限 iphone 供應 短缺 將 暫時 影響 公司 的 全球 營 收 蘋果 今年 1 月 預測 第二 財 季 1 3 月 營 收 將 介於 630億 670億 美元 優於 分析 師 預測 均值 624億 美元 蘋果 並 表示 因 爆發 新冠肺炎 疫情 而 祭出 的 商店 營業 限制 已 影響 公司 在 中國 的 銷售 大部分 零售店 不是 暫時 歇業 就是 縮短 營業時間 我們 的 零售店 正 逐漸 恢復 營業 將 在 盡可能 穩定 安全 的 情況 下 繼續 進行 蘋果 表示 將 在 下次 於 4 月 召開 業績 電話會議 上 提供 更 多 相關 資訊 分析 師 之前 估算 新冠肺炎 疫情 可能 導致 中國 今年 首季 的 智慧手機 需求 腰斬 券商 wedbush 分析 師 daniel ives 在 給 投資人 的 報告 中 指出 到 了 2 月中 旬 新冠肺炎 疫情 對 iphone 手機 和 蘋果 業績 的 影響 程度 顯然 比 預期 更糟 週二 在 美國 從 華盛頓 總統 誕辰 紀念日 的 週末 長假 恢復 交易 後 蘋果 的 股價 料 將 面臨 反射 性 反應 但 ives 也 在 報告 中 指出 對 蘋果 能 從 疫情 衝擊 中 復原 仍然 感到 樂觀 長期 而言 仍 看好 蘋果</t>
  </si>
  <si>
    <t>蘋果 營 收 財 測 新冠肺炎 疫情</t>
  </si>
  <si>
    <t>因 新冠肺炎 影響 全球 不少 國家 民眾 入境 臺灣 或 民眾 回台 都 需要 居家 隔離 14 天 各縣 市政府 也 會 提供 居家 隔離 包 讓 民眾 可以 安心 在家 吃 東西 及 消磨 時間 網 紅 阿侖因 從 韓國 回台 也 收到 了 桃園 市 給 的 隔離 包 當中 竟然 還 有 超 夯 的</t>
  </si>
  <si>
    <t>因 新冠肺炎 影響 全球 不少 國家 民眾 入境 臺灣 或 民眾 回台 都 需要 居家 隔離 14 天 各縣 市政府 也 會 提供 居家 隔離 包 讓 民眾 可以 安心 在家 吃 東西 及 消磨 時間 網 紅 阿侖因 從 韓國 回台 也 收到 了 桃園 市 給 的 隔離 包 當中 竟然 還 有 超 夯 的 聯名 口味 零食 與 14 天份 的 醫療 口罩 阿侖因 從 韓國 回台 需要 居家 隔離 14 天 他 也 在 隔離 期間 收到 里幹事 送來 的 居家 隔離 包 滿滿 14 天份 的 大型 包裝 也 讓 他 相當 驚訝 他 一一 開箱 當中 內容 物 除了 有 一般 的 糖果 餅乾 小 泡 芙 外 也 有 7 包 沖泡式 燕麥 還有 聯名 的 新 口味 麻辣鍋 零食 讓 網友 大 呼新奇 除了 食物 外 裡面 還有 14 顆 氯 錠 讓 民眾 可以 自製 消毒水 另外 也 有 泡 面 及 飲料 讓 民眾 不至於 缺乏 糧食 再 加上 14 天份 的 醫療 口罩 網友 看 完也 紛紛表示 各縣市 的 關懷 包 都 不同 好 驚奇 不用 排隊 就 有 14 個 口罩 超 棒 應該 要 附上 居家 減肥 手冊 14 天 吃 下來 會 胖 吧</t>
  </si>
  <si>
    <t>金曲 台語 歌王 洪榮宏 將 推出 全新 專輯 腳步 慢慢 有感於 新冠肺炎 疫情 肆虐 洪榮宏 反思 在 這個 鞠躬盡瘁 的 社會 裡面 大家 腳步 太 匆忙 也 沒有 想 得 太 遠 所以 在 這個 時間 點 上 剛好 是 一個 可以 靜下來 沉思 的 時刻 而 新 專輯</t>
  </si>
  <si>
    <t>金曲 台語 歌王 洪榮宏 將 推出 全新 專輯 腳步 慢慢 有感於 新冠肺炎 疫情 肆虐 洪榮宏 反思 在 這個 鞠躬盡瘁 的 社會 裡面 大家 腳步 太 匆忙 也 沒有 想 得 太 遠 所以 在 這個 時間 點 上 剛好 是 一個 可以 靜下來 沉思 的 時刻 而 新 專輯 就 是 反映 他 現在 的 內心 狀態 洪 榮 宏 提及 了 一 段 他 很 喜歡 的 話 凡事 都 有 定時 進 有時 停 有時 休息 也 有 時 他 認為 每 件 事情 都 有 時機 不論是 前進 或是 停 下來 休息 就 像 每年 固定 會 回 饋 歌迷 的 全台 巡迴 演唱會 今年 因為 疫情 也 決定 暫緩 再 加上 發片 前身 體 有 點 小 狀況 更 讓 他 體會 到 現在 應是 慢下 腳步 沉靜 下來 的 時刻 洪 榮 宏 也 希望 臺灣人 可以 穩住 自己 的 步調 更加 關心 身邊 的 人 以及 自身 的 健康 綜觀 全世界 的 疫情 洪榮宏 也 轉變 人生觀 減少 了 許多 外在 追求 慢下 平常 生活 緊湊 的 步調 更加 專注 在 製作 音樂 上 而 他 這次 發片 洪 榮 宏 除了 是 歌手 外 也 身 兼 製作 人 一 職 不論 在 挑 歌 後 制 mv 拍攝 甚至 專輯 造型 上 他 都 親力親為 只為 呈現 最好 的 作品 給 一路上 疼愛 他 的 歌迷 朋友</t>
  </si>
  <si>
    <t>洪榮宏 腳步 慢慢 新 專輯 新冠肺炎</t>
  </si>
  <si>
    <t>新冠肺炎 震盪 全球 富豪 共 損失 1390億 美元</t>
  </si>
  <si>
    <t>新冠肺炎 導致 全球 金融市場 急劇 下滑 導致 全球 500 大 富豪 2 在 一 天 之內 總共 損失 了 1390億 比如 亞馬遜 集團 總裁 貝佐斯 jeff bezos 一 天 就 蒸發 了 超過 48億 美元 俄國 衛星 網 報導 新冠肺炎 在 中國 大陸 以外 的 新 病例 不斷 激增</t>
  </si>
  <si>
    <t>新冠肺炎 導致 全球 金融市場 急劇 下滑 導致 全球 500 大 富豪 2 在 一 天 之內 總共 損失 了 1390億 比如 亞馬遜 集團 總裁 貝佐斯 jeff bezos 一 天 就 蒸發 了 超過 48億 美元 俄國 衛星 網 報導 新冠肺炎 在 中國 大陸 以外 的 新 病例 不斷 激增 引發 了 投資人 對 全球 經濟衰退 的 擔憂 標準普爾 500 指數 和 道 瓊 工業 指數 在 週一 出現 了 兩 年 多 來 最 大 跌幅 道 瓊 跌幅 35 納斯達克 下跌 37 歐洲 米蘭 股市 也 下跌 6 投資 場上 的 混亂 當然 導致 世界 富豪 2 的 財富 大為 縮水 全球 首富 亞馬遜 總裁 傑夫·貝佐斯 jeff bezos 就 在 一 天內 損失 了 超過 48億 美元 法國 大亨 伯納德·阿諾特 bernard arnault 也 就 是 是 精品 名牌 酩悅 軒尼詩 路易·威登 集團 lvmh 的 董事長 他 虧損 了 48億 美元 西班牙 服飾 巨頭 歐蒂嘉 amancio ortega 他 的 inditex 時裝 虧損 40億 美元 其他 國際 前十名 富豪 們 財富 也 都 至少 縮水 23億 美元 科技 火車頭 蘋果 集團 apple 警告 新冠肺炎 已經 打擊 國際 供應 鏈 導致 產品 短缺 市場 不振 消費性 電子產品 可能 在 今年 出現 衰退 世衛組織 說 現在 還 不到 大 流行 的 程度 但是 他們 也 警告 國際 社會 必須 為 最壞 的 情況 做好 準備 以 防止 情況 惡化 世衛 表示 目前 新冠肺炎 出現 在 大約 30 個 國家 確診 1200 多 例 除 中國 大陸 以外 以 韓國 和義 大利 受到 的 影響 最 大 該病 在 防疫 工作 上 較 棘手 的 原因 在於 它 在 不同 感染者 的 症狀 差異 很 大 有些 人 是 無 症狀 感染者 有些 人 發病 症狀 不 明顯 但是 也 有 一些 人 症候 嚴重 而且 惡化 很 快</t>
  </si>
  <si>
    <t>新冠肺炎 導致 損失 48 出現</t>
  </si>
  <si>
    <t>巴西 總統 確診 新冠肺炎</t>
  </si>
  <si>
    <t>受惠 大陸 智慧 型 手機 去 美化 效應 宏 捷 科 8086 2 月 營 收 達 272億 元 再度 刷新紀錄 創 49 個 月 新高 不但 月 增 082 年增率 亦 高 達 19 倍 累計 前 二月 營 收 達 541億 元 年增率 亦 達 16176 雙雙 出現 倍數 成長 法人 預估 宏 捷 科 一 季比一 季佳 營運 倒吃甘蔗 大陸 新冠肺炎 疫情 打亂 大陸 智慧 型 手機 供應 鏈 但 wifi 6 及 vcsel 等 新 應用 需求 強勁 宏 捷 科 2 月 營 收 未 受到 工作 天數 減少 的 影響 持續 走 高 2 月 合併 營 收 達 271億 元 月 增 074 年成 長 19058 再創 105 年 1 月 以後 單月 新高 累計 前 二月 合併 營 收 為 541億 元 年 增 16176 法人 表示 宏 捷 科 產能 處於 滿載 預估 首季 營運 可望 優於 去年 第 四季 目前 月 產 能 達 10000 片 第二 季起產 能 將 逐步 走 高 亦 有望 優於 第一 季 在 wifi 6 及 vcsel 面 射 型 雷射 等 新 應用 需求 強勁 下 宏 捷 科 營運 持續 看俏 宏 捷 科 在 新冠肺炎 疫情 延 燒 中國地區 手機 銷售 情況 不 佳 的 雙 重利 空 夾擊 下 因 受惠 大陸 智慧 型 手機 品牌 廠 持續 去 美化 以及 大陸 加速 5 g 基礎 建設 帶動 wifi 6 滲透 率 提升 2 月 營 收 仍 見 明顯 成長 由於 三大 產品 客戶 訂單 穩定 成長 宏 捷 科 對 未來 營運 仍然 抱 持 審慎 樂觀 的 看法 據悉 宏 捷 科 pa 功率 放大器 wifi 及 vcsel 三大 產品 客戶 訂單 穩定 尤其 是 wifi 6 及 vcsel 的 訂單 相當 強勁 其中 vcsel 的 營 收 占比 已 達 10 15 wifi 6 產品 比重 也 逐步 攀升 中 宏 捷 科 現有 產能 仍 處 滿載 目前 產能 1萬 片 公司 力求 新廠 量 產前 能 將 舊廠 產 能 拉高 藉 汰 換 舊 機台 改為 較 有效率 的 新 機台 挪 出 空間 直接 進 新 機台 等 方式 進行 預期 在 5 月 或 6 月 有望 提升 至 12萬 片 宏 捷 科 擴增 廠房 持續 按照 進度 進行 中 目前 已 在 進行 無塵室 的 建置 預計 第二 季末 完成 後 陸續 進駐 設備 第 三 季 開始 試 產 第 四季 進入 量 產 未來 將 視 客戶 需求 以 月 產 能 5000 片 為 單位 進行 擴產</t>
  </si>
  <si>
    <t>新冠肺炎 臺灣 柯文哲 臺灣 微 解封</t>
  </si>
  <si>
    <t>海軍 染 新冠肺炎 45 天 爆發 時程 一 張圖 看 懂</t>
  </si>
  <si>
    <t>敦睦 艦隊 爆發 新冠肺炎 群 聚 感染 目前 累計 24 人 確診 海軍 緊急 召回 7百 多 人 為 何放 人 下船 趴 趴 走 是否 隱匿 病情 明明 已 知 疫情 蔓延 為何 還要 出航 引 法 諸多 猜疑 隨 著 事件 發展 相關 時程 也 一一 曝光 敦睦 艦隊 官兵 爆發</t>
  </si>
  <si>
    <t>海軍 磐石 艦 敦睦 艦隊 新冠肺炎 感染</t>
  </si>
  <si>
    <t>新冠肺炎 臺灣 禁止 內 用 哈 瑪 星 商圈</t>
  </si>
  <si>
    <t>鮑爾 美國 經濟 fed 新冠肺炎 疫情</t>
  </si>
  <si>
    <t>越南 16 起 新冠肺炎 確診 病例 全數 治癒 出院</t>
  </si>
  <si>
    <t>元樟生 技 新冠肺炎 新藥 研發 傳 佳音</t>
  </si>
  <si>
    <t>澎湃 新聞網 報導 中共中央紀委 國家 監 委 網站 微信 公眾 號 16 日 消息 北京市 15 日 公佈 36 例 新增 新冠肺炎 確診 病例 已 完成 流 調 34 例 均 與 新發 地市 場 有關 大陸 疾 控 中心 流行病 學 首席專家 吳尊友 國家 衛生 健康 委 高級別 專家組 成</t>
  </si>
  <si>
    <t>澎湃 新聞網 報導 中共中央紀委 國家 監 委 網站 微信 公眾 號 16 日 消息 北京市 15 日 公佈 36 例 新增 新冠肺炎 確診 病例 已 完成 流 調 34 例 均 與 新發 地市 場 有關 大陸 疾 控 中心 流行病 學 首席專家 吳尊友 國家 衛生 健康 委 高級別 專家組 成員 李蘭娟 等 流行病 學 專家 受訪 指出 新發 地 檢 出 病毒 更 接近 歐洲 流行 的 毒 株 應當 重視 污染 物品 經冷鏈 遠 距離 運輸 可能 帶來 的 傳播 風險 此外 新發 地 病毒 溯源 或為 破解 新冠 病毒傳播 之謎 提供 可能 據 報導 北京 突然 發生 新 疫情 吳尊友 介紹 研究 人員 在 新 確診 病例 的 身體 裡面 分離 出 病毒 又 在 新發 地 市場 物體 的 表面 採樣 分離 出 病毒 兩者 完全一致 透過 世衛組織 共用 平臺 在 全球 公開 的 新冠 病毒基因 序列 關鍵 位點 的 比對 發現 它 最 有 可能 是 來自 歐洲 流行 的 主要 毒 株 但 並 不 代表 它 一定 來自 歐洲 國家 他 解釋 它 可能 來自 歐洲 或 美洲 因為 這種 病毒 最 開始 主要 在 歐洲 流行 後來 也 傳 到 了 南美 等 地 涵蓋面 很 廣 吳尊友 說 只有 綜合 運用 流行病 學 的 調查 和 大 資料 技術 才能 把 歐洲 流行 毒 株 怎麼 跑 到 北京 來 的 這個 問題 搞 清楚 未來 3 天 北京 報告 的 病例 數 將 決定 疫情 走向 形勢嚴峻 吳尊友 解釋 北京 在 6 月 11 日 出現 新 的 疫情 12 日 13 日 很快 回應 及時 落實 控制 疫情 擴散 的 各項措施 對於 已經 感染 的 病人 要 發病 就 在 這 兩 天 報告 數 不 太 增長 的話 可以 說 基本 就 穩定 在 這個 規模 了 北京 突然 爆發 疫情 專家 分析 存 在 兩 種 可能性 被 污染 的 海產品 或 肉食品 通過 冷鏈 運輸 到 市場 造成 傳播 或者 來自 疫區 的 感染者 造成 了 傳播 因此 應當 重視 污染 物品 經冷鏈 遠 距離 運輸 可能 帶來 的 傳播 風險 吳尊友 介紹 對於 呼吸道 傳染病 通常 都是人 帶 著 病毒 跑 造成 遠 距離 傳播 擴散 但是 死 的 樣品 除了 生物 樣本 以外其他 物品 長 時間 帶毒 長距離 運輸 這種 情況 以前 沒有 發生 過 如果 冷鏈 傳播 被 證實 吳尊友 建議 一 是 要 加強 檢疫 二 是 在 購買 這些 物品 的 時候 一定 要 注意 冰凍 食物 產地 是不是 來自 新冠 病毒 的 流行 地區 三 是 人們 在 處理 這些 物品 的 時候 要 注意 手 衛生 器皿 衛生 不要 造成 交叉 污染 李蘭娟 在 接受 採訪 時也 建議 大家 儘量 吃 熟食 平時 要 勤洗手 注意 手 衛生 此外 新發 地 病毒 溯源 或為 破解 新冠 病毒傳播 之謎 提供 可能 李蘭娟 認為 做好 疫情 防控 一方面 是 做好 物 的 溯源 對 物品 採樣 檢測 另一方面 要 做 好人 的 溯源 感染者 就是 感染 源 要 進一步 瞭解 人員 的 動向 把 密切接觸 者 全部 找 出來 檢測 檢測 出來 的 就 治療 不怕 多 就 怕 漏 這 是 發現 傳染源 控制 傳染源 的 重要環節 武漢 的 疫情 防控 工作 在 這 方面 取得 了 豐富 經驗 此前 疫情 在 武漢 爆發 由於 在 華南 海鮮 市場 檢 出 大量 新冠 病毒 人們 高度 懷疑 疫情 與 野生動物 有關 這次 疫情 在 北京 反彈 同樣 在 批發市場 集中 爆發 但 北京 出現 野生動物 導致 疫情 的 可能性 很 小 吳尊友 說 這 就 給 我們 兩 個 提示 除了 武漢 和 北京 以外 全 大陸 還有 不少 類似 的 批發市場 如何 切實加強 防範 防止出現 第 三 個 第 四 個 這樣 爆發 疫情 的 市場 如果 能夠 在 新發 地 找到 病毒 溯源 的 突破口 也許 能 回答 武漢 想 回答 卻 還 沒有 能夠 回答 的 科學 問題 如果 能 破解 北京 之謎 也許 給 破解 武漢 之謎 提供 新 的 機會</t>
  </si>
  <si>
    <t>新冠肺炎 確診 病例 新發 地市 場 疾 控 中心 流行病 學</t>
  </si>
  <si>
    <t>臺灣 昨天 新增 第 1920 例 新冠肺炎 確診 個案 其中 一 例 疑 似 為 社區 感染 震驚 國人 但 國內 專家 對 這 起 個案 是否 為 社區 感染 有 不同 意見 認為 目前 還 很 難 定義 臺灣 進入 社區 感染 階段 但 仍 不可 掉以輕心 國人 出門在外 還 是 應 維持</t>
  </si>
  <si>
    <t>新冠肺炎 疫情 衝擊 旅遊業 與 運輸業 交通部 從 4 月 至 9 月 每月 補貼 計程車 2千 元 油錢 原本 要以 加油 前 500 公升 每 公升 補助 4 元 的 方式 昨日 宣佈 改 為 每 月初 直接 匯入 加油 卡內 讓 司機 能 更 實質 運用 補助 中油 則 送出 加碼 司機</t>
  </si>
  <si>
    <t>美國 國務卿 蓬佩 奧 mike pompeo 於 美東 時間 14 日 表示 美國 譴責 中國 相關 網路 行為 體 及 其 下屬 的 非傳統 情報 收集者 企圖 竊取 與 新冠 病毒 研究 有關 的 美國 智慧 財產權 及 資料 路透 報導 蓬 佩奧 在 一 份 聲明 中 指出 中國 在 網路 空間 的 行為 是 其 在 新冠肺炎 疫情 大 流行 期間 事與願違 行動 的 延續 5 月 13 日 美國聯邦調查局 fbi 與 國土 安全部 下屬 的 網路 安全 和 基礎 設施 安全局 cisa 發表 聯合 聲明 指 與 中方 有 關聯 的 駭 客 可能 發動 網路 攻擊 目標 對準 美國 研究 新冠肺炎 疫苗 醫療 及 測試 部門 並 警告 這些 部門 採取 必要 保護措施</t>
  </si>
  <si>
    <t>美國 確診 人數 續升 萬 大關 新冠肺炎 疫情</t>
  </si>
  <si>
    <t>新冠肺炎 疫情 持續 延 燒 不少 民眾 出國 行程 受到 影響 臺灣 最 美麗 的 歐巴桑 陳美鳳 日前 也 透露 取消 和 藍心湄 的 國外 旅遊 近日 更 分享 防疫 妙招 卻是 曬 出 光溜 溜 的 火 辣 畫面 原來 是 陳美鳳 有 泡 澡 習慣 她 16 日 於臉書 po 出 坐在</t>
  </si>
  <si>
    <t>新冠肺炎 疫情 持續 延 燒 不少 民眾 出國 行程 受到 影響 臺灣 最 美麗 的 歐巴桑 陳美鳳 日前 也 透露 取消 和 藍心湄 的 國外 旅遊 近日 更 分享 防疫 妙招 卻是 曬 出 光溜 溜 的 火 辣 畫面 原來 是 陳美鳳 有 泡 澡 習慣 她 16 日 於臉書 po 出 坐在 浴缸 裡 泡 澡 的 照片 寫下 吃 優質 蛋白質 增強 免疫力 泡泡 熱水澡 鳳鳳 最愛 泡 澡 了 向 粉絲 分享 自己 的 防疫 方式 針對 嚴重 疫情 陳美鳳 曾 贊 臺灣 衛生 很 進步 不 需要 過度 恐慌 養成 勤洗手 的 習慣 也 很 重要 呼籲 個人 衛生 一定 要 做好</t>
  </si>
  <si>
    <t>新冠肺炎 持續 肆虐 全球 目前 確診 數 已 高 達 98047 隨 著 全球 各地 病例 增加 確診 數 恐 突破 十萬 大關 對此 世界衛生組織 秘書長 譚德 賽 表示 只要 世界 上 所有 的 政府 共同行動 齊心協力 疫情 在 全球 仍 可防 可 控 但 也 有 可能 更</t>
  </si>
  <si>
    <t>新冠肺炎 持續 肆虐 全球 目前 確診 數 已 高 達 98047 隨 著 全球 各地 病例 增加 確診 數 恐 突破 十萬 大關 對此 世界衛生組織 秘書長 譚德 賽 表示 只要 世界 上 所有 的 政府 共同行動 齊心協力 疫情 在 全球 仍 可防 可 控 但 也 有 可能 更糟 只要 有 科學 與 證據 之下 世衛 將 會 使用 大規模 流行 這 一 詞 據 路透社 報導 譚德 賽 tedros adhanom ghebreyesus 表示 對於 確診 數字 上升 持續 關注 特別 是 醫療 體系 較 薄弱 的 國家 並 呼籲 政府 協調 所有 部門 對 抗 病毒 他 並 表示 現階段 情況 仍未 到達 大規模 流行 但 也 同意 情況 可能 變 得 比 現在 更糟 甚至 到達 大規模 流行 程度 只要 基於 科學 與 證據 之下 到時 who 將 會 使 用 此 一 詞彙 毫無疑問 譚德 賽 也 說 現在 有的 國家 的 做法 顯示 疫情 是 可防 可 控 我們 不 應該 放棄 但 也 有 的 國家 沒 把 疫情 當一回事 或者 乾脆 認定 什麼 也 做不了 譚德 賽並未 直接 點 名 那些 國家 報導 也 指出 who 曾 在 1 月 30 日 時 發佈 針對 新冠 病毒 的 國際 緊急狀態 但 除了 流感 之外 對於 疾病 的 大規模 流行 並未 有 正式 歸類 而 新冠肺炎 是 出於 新冠 病毒 而非 流感 此外 疫情 在 中東 的 重災區 伊朗 目前 有 3513 確診 103 人 病逝 2 日 赴 伊朗 調查 的 who 緊急 救護 專家 雷恩 mike ryan 也 5 日 表示 認為 現在 伊朗 表現 良好 他們 開始 認為 疫情 很 嚴重 並 強調 此 一 問題 但 由於 伊朗 目前 仍 在 國際制裁 之下 讓 人道 援助 物資 輸入 出現 困難</t>
  </si>
  <si>
    <t>新北 市 14 日 新增 確診 數 為 2 人 新北 市 侯友宜 14 日 表示 這 兩 人 都 是 居家 隔離 轉 陽 的 案件 可說 新北 今天 沒有 新增 個案 新北 市 從 5 月 22 日 的 384 例 用 了 54 天 走 到 今天 這 是 用 民眾 低度 活動 與 嚴重 經濟 衝擊 換來 的 但 他 強調 一 天 的 零 不是 永遠 的 零 要 更 努力 更 務實 全力以赴 抱 著 戒慎 恐懼 小心翼翼 一 步 一 腳印 把 防疫 做好 期待 清零 讓 民眾 恢復正常 生活 侯友宜 說 今天 新增 0 這 2 例 是 居家 隔離 陰轉陽 1 例 是 新 店 在 醫院 陪 病 被 居家 隔離 居 隔離 陰轉陽 另 一個 是 板橋 上次 汽車 場 陰轉陽 沒有 傳播 鏈 穩 穩 控制 住 今天 整個 居家 隔離 也 從 最 高 6000 多 人 降到 今天 963 人 侯友宜 說 從 5 月 9 日 以後 整整 兩 個 半 月 66 天 每天 都 有 市民 確診 第一 次 看到 這樣 資料 他 還 記得 5 月 22 日 有 384 人 感謝 所有 市民 朋友 用 犧牲所有 活動 與 嚴重 經濟 衝擊 換來 的 感謝 所有 夥伴 跟 市民 並肩作戰 才守 住 疫情 侯友宜 說 面對 疫情 變化 雖然 看到 零 也 期待 能夠 清零 因為 走 到 社區 感染 他 必須 要 誠實 報告 社區 多少 還 有 隱形 傳播 鏈 存在 面對 病毒 隨時 有 反撲 要 更 謙卑 更 努力 更 務實 侯友宜 說 他 常說 一 天 的 零 不會 代表 現在 以後 天天 都 是 零一 天 數字 高 也 不 會 代表 永遠 數字 高 目前 中和 已經 不再 是 熱區 剩下 板橋 新莊 三 重 各 有 1 個 高風險 裡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工業 電腦廠 安 勤 3479 受 美國 投票 機 訂單 出 貨 遞 延 衝擊 2020 年 第二 季 營運 轉 淡 全年 展望 趨 守 不過 隨 著 歐洲 及 中國 大陸 需求 恢復 以及 醫療 產品 急 單 挹注 可望 填補 些許 缺口 法人 預期 6 月 營 收 與 5 月 相當 第二 季 營運 估 落 底 力拼 下半年 起 緩步 回升 安 勤 2020 年 5 月 自 結合 並 營 收 342億 元 較 4 月 313億 元 成長 928 但 較 去年同期 565億 元 減少 3936 為 近 5 年 同期 低 點 不過 累計 1 5 月 合併 營 收 219億 元 較 去年同期 217億 元 微增 092 為 僅次於 2016 年 的 同期 次高 安 勤 受惠 專案 遞 延 出 貨 效益 美國 投票 機 換 機 潮 顯現 帶動 出貨量 爆發 使 美國 營 收 貢獻 顯著 增加 成為 帶動 去年 營 收 獲利 同步 創 高 的 主動 能 今年 再 取得 多 州 新 投票 機 標 案 原定 3 月 起 出 貨 持續 挹注 營運 成長 動能 然而 由於 新冠肺炎 疫情 在 歐美 爆發 美國 各地 紛紛 祭出 封 城 管制 措施 防疫 在 人員 活動 受限 物流 運輸 卡 關 狀況 下 投票 機 出 貨 已 遞 延 停 擺 使 第二 季 單月 營 收 下滑 至 3億 元 左右 的 近 2 年 低檔 水位 營運 成長 動能 急凍 不過 由於 安勤 生產 狀況 未 受 影響 隨 著 歐洲 及 中國 大陸 需求 狀況 恢復 其他 產品 訂單 需求 持 穩 加上 耕耘 醫療 領域 效益 顯現 美國 既有 客戶 急追 數 千 台 醫療 用 觸 控 平板 歐洲 odm 大廠 的 超 音波 顯示儀 既有 訂單 也 追 單 對 彌補 投票 機 缺口 不無小補 展望 後市 由於 美國 投票 機 何時 恢復 出 貨 尚無 明確 進度 安勤 對 今年 營運 展望 轉 趨 保守 不過 醫療 產品 進展 順利 歐洲 odm 大廠 的 醫療 伺服器 專案 大 單均按 進度 進行 預計 下半年 試 產 驗證 目標 明年 起 量 產出 貨 挹注 營運 成長 動能 此外 安勤亦 接 獲 歐系 odm 大廠 手持 平板 新 單 規模 達 數 千 台 預期 今年 需求 約 23千 台 後續 亦 有 機會 爭取 新 醫療 設備 訂單 除了 歐洲 之外 亦 爭取 到 日本 既有 客戶 醫療 訂單 預期 明年 醫療 產品 營 收 貢獻 可望 顯著 增加 法人 預期 安勤 6 月 營 收 估 維持 5 月 水準 預期 第二 季 營運 將 是 全年 低點 第 三 季起 可望 緩步 回升 由於 美國 投票 機 出 貨 遞 延 今年 營運 預期 將 較 去年 衰退 但 仍 可望 優於 2018 年 表現 明年 在 醫療 產品 訂單 陸續 放 量 出 貨 挹注 下 營運 動能 有望 顯著 躍升</t>
  </si>
  <si>
    <t>安勤 營運 成長 動能 新冠肺炎</t>
  </si>
  <si>
    <t>據 美聯社 報導 過去 2 個 月 以來 印度 被 第 2 波 新冠肺炎 疫情 所 吞噬 迄今已有 逾 2600萬 起 確診 案例 死亡 人數 更 超過 30萬 然而 對 活 著 的 人 來說 生活 也 不容易 儘管 政府 積極 推廣 疫苗 施打 但 這 過程 卻 意外 彰 顯出 各種</t>
  </si>
  <si>
    <t>據 美聯社 報導 過去 2 個 月 以來 印度 被 第 2 波 新冠肺炎 疫情 所 吞噬 迄今已有 逾 2600萬 起 確診 案例 死亡 人數 更 超過 30萬 然而 對 活 著 的 人 來說 生活 也 不容易 儘管 政府 積極 推廣 疫苗 施打 但 這 過程 卻 意外 彰 顯出 各種 社會 不 平等 不 平等 所 形成 的 鴻溝 恐 吞噬 底層 人民 進而 讓 新德里 防疫 更為 困難 甚至 加深 向 外擴散 的 隱憂 隨 著 新冠 病毒 蹂躪全 印 值夜班 的 庫 瑪 sagar kumar 持續 思考 去 哪 弄 疫苗 給 自己 與 一家 五 口 施打 雖然 印度 是 疫苗 外交 大國 但 諷刺 的 是 如今 卻 異常 短缺 疫苗 即便如此 庫 瑪 知道 就算 有 地方 可以 取得 疫苗 過程 也 會 艱辛 萬分 目前 印度政府 取得 疫苗 的 主要 管道 為 透過 政府 網站 登記 然而 全部 介面 都 使用 英文 而 25 歲 的 庫 瑪 甚至 是 近 90 的 印度 國民 不 會 說 不會 讀 也 不 會 寫 英文 此外 全家 只 有 1 支 智慧 型 手機 且網路 通訊 時有時無 根本 難以 登記 疫苗 雖然 北方省 為 45 歲 以下 的 民眾 免費 注射 疫苗 不過 他 所 處 的 村莊 卻 沒有 接種 點 最近 的 醫院 也 要 1 小時 路程 他 悲觀地 表示 我 現在 唯一 能 做 的 事 就 是 期待 好事 會 發生 大 流行 將 印度 各 階層 的 鴻溝 暴露 的 一覽無遺 在 該國 醫療 服務 與 社會 上 各 階層 一樣 被 級 級 分層 且 充斥 著 不平 等 如今 財富 與 科技 正 進一步 加劇 鴻溝 成千上萬 的 人 在 跳躍 此 一 鴻溝 時 失足 而 墜落 深淵 醫療 人員 憂心 疫苗 顯露出 的 不 平等 讓 因 疫情 而 左支右絀 的 印度 短期 內 難以 在 一 波 波 感染 擴散 下 站 直 身體 目前 新冠 病毒 每天 奪 去 於 4000 條 印度 人 命 北卡羅來納 杜克大學 全球 健康 創新 中心 主任 烏 達 庫 瑪 krishna udayakumar 表示 疫苗 接種 的 不 平等 恐 延長 印度 大 流行 的 時間 新德里 應 優先 拆除 圍繞 在 最 弱勢 族群 周 遭 的 壁壘 2021 年 1 月 印度 開始 推動 疫苗 接種 計 畫 目標 是 在 8 月 時 為 14億 人口 中的 3億 完成 疫苗 的 接種 然而 迄今 印度 僅 為 4200萬 人 接種 疫苗 占其總 人口 約 3 背後 原因 之一 為 政府 沒有 預留 足夠 的 疫苗 以及 擴大 疫苗 生產 的 速度 緩慢 隨 著 每天 確診 數 達 10萬 該國 於 5 月 1 日 起 向 所有 成年人 開放 疫苗 接種 但 這 卻 讓 已經 嚴重 的 疫苗 短缺 更 顯 嚴峻 隨 著 挑戰 接踵而來 新德里 調整 先前 購買 資格 與 強制 施打 的 政策 目前 該國 一半 的 疫苗 將 免費 為 一線 工人 45 歲 以上 的 工人 施打 各 省 與 私立醫院 也 能 跟 印度 疫苗 生產商 接洽 補足 不足 的 另 一半 疫苗 這 又 凸顯出 第二 個 問題 省 與 民間 單位 到 哪 籌 錢 為 45 歲 以下 的 民眾 接種 疫苗 何況 地方 政府 與 民間 單位 正 為 替 大眾 注射 疫苗 而 生 出 的 每 劑 20 美元 的 費用 大傷腦筋 中 隨 著 有 錢 人 湧入 私人 醫院 接受 疫苗 印度 貧富懸殊 產生 的 不 平等 已 在 富裕 省 逐步 展現 出來 據 統計 新德里 約 20 的 民眾 接受 疫苗 接種 而 最 窮 的 比 哈 省 只 有 76 的 民眾 接種 疫苗 提供 免費 接種 的 省分 疫苗 庫存 嚴重不足 除了 本來 疫苗 就 已經 短缺 外 私立 機構 的 競爭 也 是 元兇 之一 印度政府 的 政策 無疑 讓 最 窮困 的 百姓 成為 最 大 的 受害人 印度 公共 衛生 基金會 指出 國家 有 義務 為 全民 施 打 免費 疫苗 不 應該 有 民眾 無法 負擔 或 無法 上網 登記 而 遭 排擠 無法 接種 疫苗 經濟學家 德雷 jean dreze 表示 印度 不僅 疫苗 不 平等 還有 效益 選擇 的 問題 例如 人們 如果 生病 將 無法 工作 而 陷入 更 貧困 的 境地 犧牲 工作 放棄 工資 並 長途跋涉 接種 疫苗 或是 因 生病 無法 工作 成為 窮人 兩 害 相衡 取 其 輕 的 選擇 政府 不應 只 提供 免費 疫苗 還 需 增加 誘因 讓 人 願意 施打 疫苗 目前 中央政府 已 在 登記 疫苗 的 網站 增加 印度 語言 與 其他 區域 語言 選項 但 專家 指出 印度 還 是 有 一半 人口 無法 使用 網路 根本 之 道 還是 提供 更 簡單 的 即時 登記 模式 雖然 政府 信誓旦旦 疫苗 的 短缺 會 紓 解 6 月 至 12 月 間 會 提供 20億 劑 疫苗 但 專家 都 認為 這 過度 樂觀 29 歲 的 辛格 在 一 戶 富裕 人家 幫 傭 每月 收入 約 250 美元 隨 著 疫情 於 4 月 拉 緊 報 該戶 害怕 她 傳染病 毒 要求 她 回家 直到 接種 疫苗 後 再 返回 但是 她 付 不 起 疫苗 費 只好 和 3 個 女兒 回到 比哈爾邦邦 的 鄉村 附近 沒有 疫苗 接種 中心 手頭 的 錢 只夠 日常 糊口 如果 拿 錢 買 了 疫苗 馬上 就 會 斷炊 這樣 的 衡量 每天 在 印度 大街小巷 上演</t>
  </si>
  <si>
    <t>疫苗 外交 種姓 制度 covax 新冠肺炎 大 流行</t>
  </si>
  <si>
    <t>新冠肺炎 臺灣 移動 停課 學生</t>
  </si>
  <si>
    <t>雖然 複賽 在即 但 並非 所有 球員 都站 在 支持 的 立場 七六 人 當家 中鋒 恩 比德 在 受訪 時 就 明白 表示 個人 立場 是 討厭 複賽 但 仍 會 參加 而且 會 全力以赴 恩 比德 說 今年 發生 了 太 多 事情 所以 選擇 在 此時 複賽 不是 一 件 正確 的 決定 尤其 是 新冠肺炎 在 美國 沒有 趨 緩 的 態勢 因此 現在 必須 保 每個 參賽 球員 的 身體健康 狀況 甚至 球員 周 遭 的 人 也 得 安全 無 虞才行 恩 比德 表示 儘管 不 同意 聯盟 的 複賽 計畫 但 還 是 會 努力 參賽 不能 讓 球隊 球迷 失望 更何況 本 季 是 我們 想要 奪冠 的 最佳 機會 所以 我們 要 好好 把握 才對</t>
  </si>
  <si>
    <t>nba 複賽 恩 比德 新冠肺炎</t>
  </si>
  <si>
    <t>新冠肺炎 大陸 珠 澳 8 月 人員</t>
  </si>
  <si>
    <t>新冠肺炎 對 觀光業 營運 造成 嚴峻考驗 續 旅遊業者 雄獅 開出 第一 槍 後 晶 華 2707 國際 酒店 集團 亦 啟動 自救 方案 董事會 決議 董監事 將 不 領取 2019 年 酬勞 高階 主管 主動 減 薪 30 人事部 則 積極 規 畫 觀光業 轉型 培訓 課程</t>
  </si>
  <si>
    <t>新冠肺炎 對 觀光業 營運 造成 嚴峻考驗 續 旅遊業者 雄獅 開出 第一 槍 後 晶 華 2707 國際 酒店 集團 亦 啟動 自救 方案 董事會 決議 董監事 將 不 領取 2019 年 酬勞 高階 主管 主動 減 薪 30 人事部 則 積極 規 畫 觀光業 轉型 培訓 課程 以 保障 全體同仁 工作 權益 為 首要 目標 在 短 中期 資金 無 虞 狀況 下 晶 華為 維護 股東 長期投資 權益 董事會 仍 通過 2019 年 下半年 股利 分派 案 擬 配 息 39206 元 盈 餘 配發 率 約 8254 以 23 日 收盤價 948 元 計算 現金 殖 利率 約 414 合計 2019 年 共 配 息 100454 元 盈 餘 配發 率 達 9495 新冠肺炎 疫情 延 燒 全球 不只 傷害 世人 健康 對 經濟 產業 破壞力 更為 強大 面對 住房 率 雪崩 及 市場 消費 信心 動搖 觀光 飯店業 受傷 慘重 晶 華 對此 除 採取 一系列 積極 自救 方案 外 也 呼籲 政府 正視 觀光 產業 面臨 困境 盼 立刻 有效率 且 準確 的 給予 業 界 必要 協助 晶 華 董事長 潘思亮 表示 員工 股東 消費者 與 社會 大眾 的 權益 必須 兼顧 雄獅 做出 令人欽佩 的 表率 決定 感謝 晶 華 董監事 們 支持 跟進 並 感念 主管 願意 共 體 時艱 集團 將 持續 優化 產品 面 與 服務 面 競爭力 善 盡 企業 社會 責任 讓 晶 華 維持 最好 的 戰力來 迎接 未來 挑戰</t>
  </si>
  <si>
    <t>晶 華 股利 殖 息率 配發 率 新冠肺炎</t>
  </si>
  <si>
    <t>臺灣 中國 大陸 等 半 導體 大廠 為 迎戰 2021 年 5 g 車用 電子 需求 目前 正 進行 制程 升級 其中 台積電 日 月光 正 邁向 先進 制程 及 強化 封裝 產能 法人 看好 在 這 波 效應 下 通 吃 兩岸 半 導體 及 面板 大廠 廠務 設備 的 漢唐 2404 接 單將 有望 水漲船高 雖然 新冠肺炎 仍 持續 肆虐 全球 但 5 g 人工智慧 ai 及 車用 電子 發展趨勢 相當 明確 且 技術 研發 及 產品 應用 也 並未 停下 腳步 目前 各 大 半導體廠 都 開始 佈局 相關 技術 其中 台積電 日 月光 為 搶攻 先進 制程 市場 不斷 進行 產能 擴 增 特別 是 台積電 在 台南 的 fab 18 廠 超大型 晶圓廠 gigafab 興建 中的 第 四 期 至 第 六 期 正是 未來 要 投產 的 3 奈 米 先進 制程 力 晶 集團 在 中國 設立 的 晶圓 代工廠 合肥 晶 合 目前 產能 也 受惠 於 驅動 ic 需求 暢 旺 產能 呈現 滿載 為 因應 未來 市場需求 晶 合 正 計 畫 啟動 新廠 建 設計 畫 最 快 n 2 新廠 有 機會 2021 年底 前 投 片 量 產 後續 更 有 數 座 新廠 將 逐步 興建 及 量 產 除了 半導體 市場 之外 面板 市場 也 呈現 熱絡 狀態 原因 在於 未來 車用 電子 將 可望 擴大 面板 應用 其中 tcl 華星 光電 就 吃 下 三星 蘇州 面板廠 京東 方也 將 並購 中電 熊貓 未來 將 有 於 業者 進行 資源整合 及 技術升級 等 需求 法人 指出 漢唐 當前 已經 卡 位 進入 台積電 日 月光 tcl 華星 光電 等 半 導體 及 面板廠 供應 鏈 隨 著 各 大廠 進行 擴產 及 設備 更新 等 需求 將 有利於 漢唐 接 單力道 更加 暢旺 此外 漢唐 公告 9 月 合併 營 收 達 3897億 元 年成 長 1958 創下 單月 歷史 第 三高 累計 第 三 季 合併 營 收 達 11967億 元 季增 197 繳 出 單季 新 高 的 優異 成績單 累計 2020 年 前 9 月 合併 營 收 28808億 元 年 增 725 法人 指出 漢唐 下半年 受惠 于 客戶 新廠 工程 款 逐步 開始 認 列 推動 業績逐步 攀 向 高峰 預期 後續 隨 著 台積電 日 月光 及 中國 大陸 等 大廠 擴產 及 新廠 落成 漢唐 業績 將 有 機會 再度 創 高</t>
  </si>
  <si>
    <t>新冠肺炎 在 全球 持續 肆虐 臺灣人 最愛 旅遊 的 國家 日本 韓國 確診 人數 急速 上升 疫情 也 延燒到 演藝圈 不少 藝人 怕 疫情 擴散 紛紛 取消 演唱會 簽 唱 會 等 大型活動 不過 仍 有 活動 單位 出奇 招 祭出 機械手 與 粉絲 握手 但 引</t>
  </si>
  <si>
    <t>女團 粉絲 握手 會 新冠肺炎 日本</t>
  </si>
  <si>
    <t>本土 疫情 嚴峻 新北 市長 侯友宜 昨 宣佈 啟動 第 2 階段 病房 清 空 計 畫 預計 增加 至 1043 間 專責 病房 專門 收治 新冠肺炎 患者 外界 詢問 該 計畫 何時 達標 新北 市 衛生局長 陳 潤 秋 表示 第 2 階段 計畫 徵用 1043 間 專責 病房 這 幾 日 已 在 逐</t>
  </si>
  <si>
    <t>本土 疫情 嚴峻 新北 市長 侯友宜 昨 宣佈 啟動 第 2 階段 病房 清 空 計 畫 預計 增加 至 1043 間 專責 病房 專門 收治 新冠肺炎 患者 外界 詢問 該 計畫 何時 達標 新北 市 衛生局長 陳 潤 秋 表示 第 2 階段 計畫 徵用 1043 間 專責 病房 這 幾 日 已 在 逐步 清 空 陸續 進行 中 陳 潤 秋 補充 在 第二 階段 尚未 完全 清 空 的 情況 下 新北 市 目前 剩 177 間 專責 病房 3 間 icu 9 間 負 壓 隔離病房 暫時 量 能 還夠 但 確實 非常 緊 繃 不過 新北 市 確診 數 全台 最 多 若 持續 攀增 醫療 量 能 無法 負荷 是否 期盼 中央 協助 或 統一 調配 對此 新北 市 副 市長 劉和然 表示 目前 先用 第 2 階段 的 徵用 床位 為主 中央 也 已經 啟動 調度 計畫 一切 尊重 中央 彈性 安排</t>
  </si>
  <si>
    <t>美國 北卡羅萊納州 2 周前 出現 民眾 上街 示威 反 封城 反 居家 令 不過 諷刺 的 是 抗議 活動 領袖 惠特洛克 audrey whitlock 稍後 也 被 確診 感染 新冠肺炎 必須 隔離 14 天 之後 她 向 支持者 宣稱 隔離 期 已 結束 將 繼續 投入 街</t>
  </si>
  <si>
    <t>美國 北卡羅萊納州 2 周前 出現 民眾 上街 示威 反 封城 反 居家 令 不過 諷刺 的 是 抗議 活動 領袖 惠特洛克 audrey whitlock 稍後 也 被 確診 感染 新冠肺炎 必須 隔離 14 天 之後 她 向 支持者 宣稱 隔離 期 已 結束 將 繼續 投入 街頭 抗爭 此舉 引來 美國 網 民 炮轟 痛 批 她 根本 是 殺人犯 據 報導 反 封城 團體 重 啟 北 卡 reopen nc 固定 每週 二 在 州長 庫柏 roy cooper 的 官邸 旁 集會 抗議 要求 州長 撤銷 封城 令 讓 他們 恢復 原有 的 生活 並 認為 強制 隔離政策 違反 憲法 這 場 街頭 抗議 已 持續 3 周 發起人 之一 的 惠特洛克 缺席 前 2 次 抗議 活動 後 遭人 踢 爆 她 已 確診 需 強制 隔離 14 天 另 1 位 發起人 史密斯 ashley smith 亦 證實 此事 但 強調 惠特洛克 3 周前 就 已 確診 隔離 期間 皆 未 外出 惠特洛克 於 26 日 晚間 透過 社 群 媒體 表示 隔離 期 已 過 期間 她 並 沒有 出現 任何症狀 因 此 將 出席 28 日 的 抗議 活動 最終 抗議 活動 發起人 史密斯 等 共 4 名 示威者 遭到 警方 逮捕 美國 網 民 認為 此事 相當 諷刺 也 呼籲 其他 參加 示威 的 民眾 應該 趕快 接受 病毒檢測 網 有 認為 示威 民眾 根本 不 瞭解 疫情 的 嚴重性 發起人 惠特洛克 和 史密斯 的 舉動 造成 其他人 陷入 風險 若 免疫力 較 差 的 人 感染 甚至 可能 失去 生命 怒斥 他們 如同 殺人犯</t>
  </si>
  <si>
    <t>pcr 雲 林縣 開學 新冠肺炎 臺灣</t>
  </si>
  <si>
    <t>新冠肺炎 肆虐 民眾 恐慌 搶購 口罩 引爆 口罩 之 亂 政府 也 開始 宣導 口罩 不必 隨時 戴 觀念 口罩 彷 佛 當前 最 珍貴 物資 一 位 正 妹 痛 批 行政院長 蘇貞昌 的 口罩 實 名 制 政策 讓 大家 一個 口罩 平均 要用 三 天半 如今 大家 的 問</t>
  </si>
  <si>
    <t>新冠肺炎 臺灣 防疫 照顧 假 學生 勞動部</t>
  </si>
  <si>
    <t>新冠肺炎 疫情 升溫 不只 衝擊 觀光業 北市 雙層 觀光 巴士 也 成為 重災區 從 原本 的 一 天 25 班 減為 一 天 12 班 甚至 平均 一 天 至少 有 34 班 一整天 載 不到 客人 因此 業者 將 祭出 優惠 搶救 載客 量 推出 銅板 價 就 可 搭 雙層 巴士外 還有</t>
  </si>
  <si>
    <t>新冠肺炎 疫情 升溫 不只 衝擊 觀光業 北市 雙層 觀光 巴士 也 成為 重災區 從 原本 的 一 天 25 班 減為 一 天 12 班 甚至 平均 一 天 至少 有 34 班 一整天 載 不到 客人 因此 業者 將 祭出 優惠 搶救 載客 量 推出 銅板 價 就 可 搭 雙層 巴士外 還有 壽星 攜帶 朋友 只 要 799 元 有 24 小時 票 券 外 還 包含 臺北 當天 住宿 相關 優惠 最 快 本 周 上路 北市 雙層 觀光 巴士由 紅 藍 兩條路線 組成 主 打 一 次 遊覽 熱門 景點 包含 西門 町 臺北 101 士 林 夜市 故宮博物院 等 高度 仰賴 外國 觀光客 臺北市 雙層 觀光 巴士 執行長 徐浩源 表示 現在 境外 旅客 不能 進入 常常 一整天 大概 3 至 4 班 出現 0 人 的 狀態 創下 通車 3 年 來 新低 紀錄 徐浩源 表示 新冠肺炎 疫情 升溫 但 因為 雙層 觀光 巴士 是 露天 開放 的 因此 感染 風險 不如 一般 的 密閉 大眾 運輸工具 未來 陸續 祭 優惠 搶救 載客 量 徐浩源 指出 近日 將 推 3 周年紀念票 除 了 50 元 銅板 便 可 搭乘 雙層 觀光 巴士外 而 這次 疫情 也 衝擊 到 商圈 因此 這次 也 配合 100 家商 圈 只要 憑 紀念 票 去 消費 最低 可以 享 5 折 的 優惠 另外 針對 壽星 攜伴 在 生日 當天 生日 的 前後 各 3 天 共計 7 天內 可 享有 2 人 同行 200 元 的 24 時票 券 再 加 599 元 還 能 入住 北市 四星級 旅館 包含 享用 早餐 等於 兩 人 只 要 799 元 相當 優惠 划算</t>
  </si>
  <si>
    <t>臺灣 新冠肺炎 疫情 本土 確診 數 最近 不斷 增加 今 22 日 指揮官 陳時中 宣佈 新 增 321 例 本土 病例 校正 回歸 400 例 從 5 月 16 日 到 21 日 病例 數 皆 有 調整 其中 校正 回歸 四 字 引來 網友 討論 前 主 播 蕭彤 雯 稍 早 發文 用 記帳 的 例子 解</t>
  </si>
  <si>
    <t>新冠肺炎 臺灣 校正 回歸 比喻 蕭彤雯</t>
  </si>
  <si>
    <t>新冠肺炎 疫情 持續 延 燒 所有 第一 線 醫療 人員 都 傾盡全力 在 抗 疫 不過 有 網友 po 出 醫療 人員 的 便當 和 之前 台商 在 隔離 所 的 菜色 相比 遜色 許多 並 透露 以 男 生 的 食量 這樣 的 便當 已經 漲 了 10 元還 吃不飽 希望 大家 可以 稍微 體</t>
  </si>
  <si>
    <t>新冠肺炎 疫情 持續 延 燒 所有 第一 線 醫療 人員 都 傾盡全力 在 抗 疫 不過 有 網友 po 出 醫療 人員 的 便當 和 之前 台商 在 隔離 所 的 菜色 相比 遜色 許多 並 透露 以 男 生 的 食量 這樣 的 便當 已經 漲 了 10 元還 吃不飽 希望 大家 可以 稍微 體諒 吃不飽 還要 上 戰場 抗 疫 的 各界人士 引起 網友 熱 議 一 名 女網友 在 dcard 分享 了 男友 前 陣子 在 醫院 的 員工 便當 照片 一塊 肉 及 三 格 配 菜 再 加上 一 顆 像 丸子 的 東西 裝 飯 的 格子 還有 留 白 當時 台商 住 在 隔離 所 的 便當 菜色 不僅 有 雙 主菜 還 搭配 了 45 樣 配 菜 整個 便當盒 裝 得 滿滿 2 個 便當 相比 起來 讓 原 po 相當 疑惑 是 醫院 便當 太 可憐 還是 隔離 所 便當 太 豐盛 原 po 表示 醫院 便當 原本 是 一個 70 元 後來 漲 了 10 元 但 這樣 的 份量 以 男 生 的 食量 來說 還 是 吃不飽 他們 還 得 抽空到 樓下 超 商買 東西 果 腹 原po 最後 也 表示 希望 大家 能夠 稍微 體諒 吃不飽 還要 上 戰場 抗 疫 的 各界人士 網友 看 完後 紛紛 在 貼 文下 留言 有 護理系 網友 馬上 認出 這 是 台 大 便當 無誤 同業 網友 也 無奈 留言 這 就 是 為什麼 我們 都 叫 外 送 還 有 其他 網友 表示同情 這個 80 元 不合理 怎麼 有 力氣 繼續 照顧 病人 更 多 ctwant 報導</t>
  </si>
  <si>
    <t>新冠肺炎 臺灣 全聯 北市 西門 町</t>
  </si>
  <si>
    <t>新冠肺炎 臺灣 東吳大學 考試 課程</t>
  </si>
  <si>
    <t>遠 傳 新冠肺炎 智慧 餐飲 遠 傳 一 指點 曾詩淵</t>
  </si>
  <si>
    <t>新冠肺炎 臺灣 麻豆 區 台 南市 疫苗</t>
  </si>
  <si>
    <t>平安 音樂會 大 支 陳柏惟 新冠肺炎</t>
  </si>
  <si>
    <t>新冠肺炎 全球 日本 自 爆 delta 降溫</t>
  </si>
  <si>
    <t>七六 人 跨 年 夜 在 客場 痛宰 魔術 現場 開放 4000 位 球迷 進場 七六 人 總 教練 瑞 弗斯 doc rivers 對 當地人 防疫 的 鬆散 感到 不可思議 瑞 弗斯 說 我 實在 怕得要命 我 很 訝異 大家 對 疫情 毫不在乎 我 明白 球場 裡 只 開放 3000 多 人 滿座 2萬 但 好多 人 沒 戴 口罩 還 是 令 我 吃驚 魔術 主場 在 佛州 奧蘭多 也 就 是 去年 聯盟 複賽 的 地點 佛州 是 限制 比較 少 的 州 最近 全面 解禁 這裡 的 人 可能 跟 其他 地方 過 著 不 一樣 的 防疫 生活 瑞 弗斯 說 我 無意 講 任何 州 的 壞話 我 只 是 覺得 這裡 怎麼 如此 開放 費城 七六 人 主場 在 賓州 那裡 是 防疫 比較 嚴格 的 地方 2020 年 結束 後 佛州 累積 132萬 新冠肺炎 病例 是 全美 第 3 有 21萬 人 死亡 賓州 累積 65萬 病例 16萬 人 死亡 七六 人 先前 在 客場 打 騎士隊 現場 只 開放 300 人 可見 每個 州 的 把關 力 道 不一 瑞 弗斯 肯定 nba的 防疫 規定 他們 讓 我 在 球場 裡 覺得 很 安全 即使 必須 跨 州 移動 聯盟 的 規矩 也 是 一直 跟 著 我們 像是 奧蘭多 的 餐廳 已經 開放 但是 聯盟 一律 不許 我們 進入 我 認為 這 是 很棒 的 防疫 政策</t>
  </si>
  <si>
    <t>瑞 弗斯 魔術 七六 人 新冠肺炎 nba</t>
  </si>
  <si>
    <t>瑪丹娜 認 了 感染 新冠肺炎 7 周前 就 有 症狀 同台 表演者 全 生病</t>
  </si>
  <si>
    <t>西洋 流行 樂壇 天 後 瑪丹娜 madonna 日前 才自 爆 體內 驗 出新冠肺炎 抗體 還 口出狂言 會 外出 呼吸 新冠 病毒 空氣 更 去 參加 攝影師 好友 史蒂文卡萊恩 的 生日派對 完全 無視 病毒 今 7 日 她 發文 承認 的確 有 感染 病毒 同台 表演者 也</t>
  </si>
  <si>
    <t>瑪丹娜 新冠肺炎 抗體 西洋 巴黎</t>
  </si>
  <si>
    <t>衛福部 開放 新冠肺炎 家用 型 檢測 試劑 興 櫃 股 萊 鎂 醫 6633 達亞 國際 6762 搶 搭 利多 宣佈 引進 新冠肺炎 檢測 套 組 激勵 萊 鎂 醫 股價 15 日 開盤 10 分鐘 漲 到 熔斷 沖 上 2105 元 達亞 一 開盤 也 隨即 漲 停 鎖死 國內 疫情 嚴</t>
  </si>
  <si>
    <t>萊 鎂 醫 達亞 新冠肺炎 引進 檢測 套 組</t>
  </si>
  <si>
    <t>國光 疫苗 國光 國光 生 技 新冠肺炎</t>
  </si>
  <si>
    <t>全球 大量 亞馬遜 串流 新冠肺炎</t>
  </si>
  <si>
    <t>對抗 新冠肺炎 眼科 醫師 籲 勤洗手</t>
  </si>
  <si>
    <t>對抗 新冠肺炎 除 勤洗手 外 也 要 注意 眼睛 部位 的 預防 岡山 秀 傳 醫院 近來 接 獲 1 名 女士 使用 幹 洗手 消毒 雙手 後 不慎 揉 了 眼睛 以及 1 名 工人 進入 正 在 整修 的 開刀房 油漆 不慎 誤 按 紫 消 燈 開關 導致 皮膚 發紅 和 眼睛 劇痛 流淚 張</t>
  </si>
  <si>
    <t>警方 新冠肺炎 臺灣 查 察 確診</t>
  </si>
  <si>
    <t>戴立綱 氣象 主 播 新冠肺炎</t>
  </si>
  <si>
    <t>新冠肺炎 臺灣 民眾 covid 19</t>
  </si>
  <si>
    <t>裕 融 企業 公司 新 台幣 60億 元 聯 貸 6 月 28 日 簽約 由 華南銀行 擔任 統籌 主辦 暨 額度 管理 銀行 臺灣銀行 為 文件 管理 銀行 裕 融 企業 聯 貸 金額 原本 僅 新 台幣 50億 元 但因 各 銀行 參 貸 踴躍 超額 認購 達 21 倍 最終 以 新 台幣 60億 元 結案 顯見 各 銀行 對於 裕 融 企業 過去 營運 績效 與 未來 發展 給予 高度 認同 與 肯定 裕 融 企業 成立 至今 已 超過 30 年 以 新車 與 中古車 分期付款 為 主要 業務 同時 整 合格 上 租 車 行 冠 企業 等 事業 體 提供 汽車 周邊 服務 近年 亦 積極 跨入 綠色 能源 領域 透過 旗 下 裕 電 能源 發展 電動 汽機 車 充電 樁 並 參與 太陽能 電廠 投資 除了 深耕 臺灣 市場 外 也 積極 於 中國 大陸 東南亞地區 擴展 業務 今年 第一 季營 收 以及 獲利 均 創 歷年 同期 新高 表現 十分 亮 眼 統籌 主辦行 華南銀行 長期 耕耘 聯 貸 市場 具備 豐富 主辦 聯 貸 經驗 瞭解 企業 需求 並 客 制 化 融資架構 協助 客戶 取得 穩定 資金來源 更 積極 配合 政府 綠色 金融 行動 方案 20 政策 將 esg 的 精神 深化 納入 授信 機制 中 與 產官學 各界 協力 推動 永續 金融 引導 資金投入 相關 產業 近年來 統籌 主辦 相關 指標 案件 包括 天沖 能源 中興 電工 集團 城市 發展 電業 寶晶 能源 子公司 正隆 紙 業 榮鼎綠 能 長 榮 鋼鐵 及 中 鼎 集團 合資 子公司 等 企業 落實 透過 授信 融資 業務 實踐 對 esg 的 承諾 此外 近來 國內 新冠肺炎 疫情 嚴峻 華南銀行 為 提供 受 影響 企業 最 即時 的 資金 協助 除 積極 配合 政府 各項 紓困 專案 貸款 外 另 推出 齊心 抗 疫 華銀 挺 你 專案 貸款 對於 未能 符合 政府 紓困 資格 者 也 能 提供 自辦 優惠 貸款 協助 受 疫情 影響 的 企業 取得 營運 資金</t>
  </si>
  <si>
    <t>國內 疫情 延 燒 不斷 第一線 醫護人員 首當其衝 成為 高風險 族群 像是 日前 台 南安 平 一 名 50 幾 歲 男子 因 桃園 旅遊 史 確診 18 日前 往 牙醫 診所 植牙 時 一口氣 就 傳染 新冠肺炎 給 7 人 男 牙醫師 和 女 護理人員 全 遭 感染 更讓人 訝異 的</t>
  </si>
  <si>
    <t>衛福部 今 11 日 晚間 最新 表示 民眾 因為 新冠肺炎 受 隔離 檢疫 者 及其 照顧 者 依法 可 發給 每人 每日 防疫 補償 金 1000 元 將 於 23 日 31 日 分 兩 階段 開放 臨櫃 或 線 上 申請 衛福部 表示 已經 依 嚴重 特殊 傳染性 肺炎 防治 及</t>
  </si>
  <si>
    <t>衛福部 今 11 日 晚間 最新 表示 民眾 因為 新冠肺炎 受 隔離 檢疫 者 及其 照顧 者 依法 可 發給 每人 每日 防疫 補償 金 1000 元 將 於 23 日 31 日 分 兩 階段 開放 臨櫃 或 線 上 申請 衛福部 表示 已經 依 嚴重 特殊 傳染性 肺炎 防治 及 紓困 振興 特別 條例 第 3 條 於 3 月 10 日 發佈 防疫 補償 辦法 針對 受 隔離 或 檢疫 者 及 照顧 者 發給 每人 每日 防疫 補償 金 1000 元 究竟 哪些 人 可以 申請 衛福部 說 有 5 類 包含 居家 隔離 者 居家 檢疫 者 集中 隔離 者 集中 檢疫 者 以及 為 照顧 生活 不能 自理 之 受 隔離 或 檢疫 者 而 請假 或 無法 從事 工作 的 家屬 但 該 期間 若 有 領取 公司 發 的 薪資 或 依 其他 法令 規定 性質 相同 的 補助 的話 不得 重複 申請 什麼 是 生活 不能 自理 衛福部 社會 救助 及 社 工 司 副 司長 蘇昭如 解釋 例如 失 能 等級 第 2 8 級 者 之 失 能者 持有 診斷 證明書 之 失 智者 國小學童 或 未 滿 12 歲 之 兒童 就讀 五專 前 3 年級 之 身心 障礙者 所 聘 外籍 看護 工 經 醫師 確診 罹 患 嚴重 特殊 傳染性 肺炎 或 其他 因素 不能 提供 服務 需 由 家屬 照顧 者 等 5 種 情形 對於 申請 時程 與 方式 衛福部 說 防疫 補償 申請 作業 分 二階段 第一 階段 將 於 3 月 23 日 提供 受 隔離 檢疫 者 申請 31 日 則 是 開放 受理 照顧 者 申請 為 方便 民眾 申請 並 簡化 所 需 檢 附 之 證明文件 衛福部 也 正 建置 線 上 申辦 系統 中 民眾 無須 出門 即 可 在 家 完成 操作 同時 也 開放 臨櫃 申請 視窗 近期 將 公告 申請 相關 細部 規定 及 受理 視窗 蘇昭如 也 提醒 受 隔離 或 檢疫 者 務必 要 遵守 隔離 或 檢疫 通知書 上明 列 的 應 遵行 事項 若 未 遵守 防疫 相關 規 如 應 居家 檢疫 者 卻 到處 趴 趴 走 就 不能 申請 防疫 補償 另外 蘇昭如 說 隔離 或 檢疫 期間 若 領有 薪資 也 不能 申請 如果 上班 日 雇主 未 給 薪 則 可發給 補償 但 依據 勞基法 規定 一 周 2 天 的 休息 例假日 及 國定假日 依法 由 雇主 給 薪 則 將 會 予以 自動 扣除 蘇昭如 也 提到 申請 之 民眾 可於 受 隔離 或 檢疫 結束 日 之 次日 起 向受 隔離 或 檢疫 結束 時之 所在地 直轄市 縣 市 政府 提出 申請 若 2 年 間 不 行使 申請 而 自動 消滅 若 民眾 有 疑問 蘇昭如 說 可於 每日 上午 8 時至 下午 10 時 撥 打 1957 福利 諮 詢 專線 免 付費 另外 衛福部 所建 置 之 1925 安心 專線 亦 設有 24 小時 免費 心理 諮 詢 服務 供 民眾 使用</t>
  </si>
  <si>
    <t>王任賢 方 艙 醫院 陳時中 新冠肺炎 集中 檢疫所</t>
  </si>
  <si>
    <t>新冠肺炎 臺灣 北農 桃園 篩</t>
  </si>
  <si>
    <t>新冠肺炎 臺灣 陳亭妃 應該 說法</t>
  </si>
  <si>
    <t>新冠肺炎 臺灣 桃園 新北 美容 美髮</t>
  </si>
  <si>
    <t>新北 某 幼稚園 爆發 新冠肺炎 群 聚 今 增 8 位 幼童 1 名 成人 確診 衛福 部長 陳時中 更 坦言 未來 陽性 個案 可能 更 多 國外 也 有 研究 指出 幼童 傳播 新冠肺炎 的 機 率 高於 青少年 成人須 更 小心 防範 避免 家戶 感染 社區 感染 擴大 中 時</t>
  </si>
  <si>
    <t>國內 上月 爆發 一 波 新冠肺炎 本土 感染 除 國人 關注 疫苗 何時 能 取得 全面 施打 也 有 國內 企業 團體 自行 向 國外 藥廠 接觸 採購 行政院長 蘇貞昌 今日 表示 疫苗 將 會 陸續 抵達 也 感謝 熱心 的 企業 團體 幫忙 有關 日本 打算 捐贈 az 疫苗</t>
  </si>
  <si>
    <t>國內 上月 爆發 一 波 新冠肺炎 本土 感染 除 國人 關注 疫苗 何時 能 取得 全面 施打 也 有 國內 企業 團體 自行 向 國外 藥廠 接觸 採購 行政院長 蘇貞昌 今日 表示 疫苗 將 會 陸續 抵達 也 感謝 熱心 的 企業 團體 幫忙 有關 日本 打算 捐贈 az 疫苗 給 臺灣 蘇貞昌 表示 有 任何 國家 願意 援助 都 非常感謝 有的 國家 硬 要 阻 饒 就可以看 清 誰 是 朋友 近期 日本政府 的 發言 非常 溫暖 也 期待 能夠 早日 取得 疫苗 蘇貞昌 指出 政府 會 全力 與 企業 民間團體 合作 嘗試 從 多 元 管道 獲取 額外 疫苗 而 世界 各國 的 疫情 發展 經驗 告訴 我們 除了 疫苗 還要 做好 防疫 對抗 病毒 才能 早日 恢復正常 生活 衛福部 疾 管 署長 周志浩 指出 國際 疫苗 非常 搶手 掮客 騙子 很多 能否 買到 適當 疫苗 會 就 政府 經驗 來 協助 民間 單位 對 申請 檔 不 清楚 的 地方 也 會 來 幫忙 周志浩 說 為 確保 疫苗 取得 來源 可靠 讓 國人 安心 接種 讓 這些 善意 能 達到 所以 嚴格 把關 以 疫苗 有效 為重 若 已 確定 疫苗 進口 時程 一定 用 最 快 速度 向 國人 報告</t>
  </si>
  <si>
    <t>新冠肺炎 臺灣 疫苗 國人 蘇貞昌</t>
  </si>
  <si>
    <t>新冠肺炎 改變 人類 生活 更 徹底 翻轉 產業 趨勢 2020 年 疫情 催生 數位 轉型 造就 那 斯 達克 指數 狂 飆 法人 觀察 2020 年 全球股市 在 新冠 疫情 拖累 下 唯獨 與 科技 相關 指數 能 脫穎而出 根據 恒生指數 公司 2020 年 總結報告 資料 顯示</t>
  </si>
  <si>
    <t>新冠肺炎 改變 人類 生活 更 徹底 翻轉 產業 趨勢 2020 年 疫情 催生 數位 轉型 造就 那 斯 達克 指數 狂 飆 法人 觀察 2020 年 全球股市 在 新冠 疫情 拖累 下 唯獨 與 科技 相關 指數 能 脫穎而出 根據 恒生指數 公司 2020 年 總結報告 資料 顯示 大中華 股市 表現 參差 香港 的 恒生指數 及 恒生 中國 企業 指數 分別 下滑 34 及 38 但 以 科技 股 掛帥 尤其 聚焦 新 經濟 的 恒生 科技 指數 依 回溯 資料 統計 則 飆 升 787 在 香港 資本 市場 表現 一枝獨秀 可用 相關 基 金搶搭 商 機 看 准 疫 後 新 經濟 商機 的 香港 資本 市場 恒生指數 公司 於 2020 年 7 月 27 日 率先 推出 恒生 科技 指數 新光 投 信 指出 為 鎖定 東方 新 經濟 商機 將 搶先 推出 首 檔 新光 恒生 科技 指數 基金 預計 1 月 11 日 募集 新光 恒生 科技 指數 基 金經理 人 牟宗堯 表示 香港 過去 為 國際金融 重鎮 之一 更是 大陸 對 外 的 門戶 及 外資 進入 中國 的 橋頭堡 作為 亞洲 金融 樞紐 地位 無可取代 加上 港 交 所 在 2018 年 改革 上市 制度 後 近年來 更 加速 發展 立足 中國 連接 全 及 擁抱 科技 三大 戰略 推出 一系列 優化 措施 進一步 提升 香港 作 交易 及 金融 投資 中心 的 競爭力 和 吸引力 2020 年 11 月 更 宣佈 推出 全新 的 線 上 服務平臺 fini 簡化 企業 在 香港 首次 公開 招 股 的 結算 程式 未來 新股 從 定價 到 上市 縮短 至 最 短 1 個 營業日 結算 週期 減 省 高 達 8 成 投資者 可 更 快 的 進行 交易 降低 市場 風險 提升 整體 效率 牟宗堯 預估 fini 是 港 交 所 戰略 規劃 2019 2021 中的 重要 計畫 擁抱 科技 又 是 港 交 所 的 核心 戰略 之一 fini 這項 創新 計畫 凸顯 香港 新股 募 資 市場 進入 數位化 時代 同時 港 交 所在 2018 年 改革 上市 制度 後 更 多元化 的 香港 資本 市場 吸引 不少 新股 來 港 作為 主要 上市 及 第二 上市 的 離岸 掛牌 首選 2020 年 香港 資本 市場 更是 火熱 港股 迎來 一 批 批 新 科技 企業 掛牌 上市 包括 阿裡巴巴 網易 京東 等 相繼 回港 上市 對 港股 帶來 質變 與 量 變 更 值得注意 的 是 牟宗堯 認為 近來 大陸 對 平臺 企業 反 壟 斷 等 政治 紛擾 但 在 大陸 追求 科技 自主 的 背景 下 加上 十四五 計畫 的 推波助瀾 下 現在 香港 正式 定位 為 亞洲 最 蓬勃 的 科技 及 新 經濟 公司 的 金融 生態系統 香港恒生指數 公司 更 於 去年 7 月 推出 恒生 科技 指數 看出 新 港股 的 政策 意義 與 港 科技 股 的 長線 發展 重要性 不言 可 喻</t>
  </si>
  <si>
    <t>新冠肺炎 通報 無 新增 生活 臺灣</t>
  </si>
  <si>
    <t>2020 年 新冠肺炎 的 衝擊 宅 經濟 發酵 兩 大 遊戲 大廠 營 收 表現 強勁 智冠 5478 公佈 全年 營 收 7264億 元 年 增 達 27 橘子 6180 營 收 106億 元 年 增 9 智冠 去年 12 月 營 收 593億 元 月 增 3 年 增 24 全年 在 點數 經銷 服務</t>
  </si>
  <si>
    <t>2020 年 新冠肺炎 的 衝擊 宅 經濟 發酵 兩 大 遊戲 大廠 營 收 表現 強勁 智冠 5478 公佈 全年 營 收 7264億 元 年 增 達 27 橘子 6180 營 收 106億 元 年 增 9 智 冠 去年 12 月 營 收 593億 元 月 增 3 年 增 24 全年 在 點數 經銷 服務 穩健 成長 加上 子公司 遊戲 新幹線 兩 款 遊戲 新作 上市 熱銷 營 收 年 增幅 達 27 其中 子公司 遊戲 新幹線 與 宇峻 3546 聯合 發行 手 遊 三國群英 傳 m 貢獻 不小 今年 將 於 1 月 28 日 參展 2021 臺北 國際 電 玩 展 帶來 多 項 周邊 好 禮 及 回 饋 活動 當 周也 預計 推出 全新 版本 內容 與 玩 家 同樂 遊戲 新幹線 於 2020 年 11 月底 代理 登場 的 html 5 遊戲 流火 之 詩 2 燃 日前 改版 開放 天空 競技場 戰 魂 系統 等 玩 法 線 上 遊戲 古劍奇 譚 網路版 亦 于 上周 推出 新 版本 三國群英 傳 online 則 會 在 1 月 25 日 帶來 更新 加入 全新地圖 樓蘭 國 及 boss 吸引 玩 家 回流 金融 科技 子公司 藍 新 集團 線 上 代收 付 業務 穩健 成長 今年 持續 強化 線下 通路 佈局 推動 實體 商店 ezaio 簡單 收 多 元 支付 合作 據點 及 ezpay 簡單 付 電子 錢包 使用 通路 去年底 已 擴展 至 交通 領域 應用 與 臺灣 大 車隊 合作 ezpay 簡單 付 電子 錢包 支付 車資 滿足 商家 與 消費者 多元 支付 需求 以 雙向 並行 的 發展 策略 建立 橫跨 線 上至 線下 的 金流 應用 平臺 橘子 去年 12 月 營 收 8億 元 年 減 8 因 部分 天堂 m 活動 延後 至 今年 推出 累計 全年 營 收 106億 元 年 增 9 主要 新 楓 之 谷 業績 亮麗 且 天堂 m 表現 持 穩 所 致 展望 1 月 手 遊 新作 龍之穀 新世界 將 於 1 月 14 日 上市 為 寒假 旺季 暖 身 多 款 遊戲 亦 將 陸續 推出 行銷 活動 另外 橘子 集團 將 於 月底 在 三 創 生活 園區 舉行 首次 融合 o2o 場景 的 橘子 線 上 嘉年華 將 擷取 2020 年 所 累積 的 線 上 直播 互動 經驗 串連 線下 各種 消費 及 服務 提供 玩 家 超越 以往 的 豐富 活動</t>
  </si>
  <si>
    <t>臺北市 某 間 牙醫 診所 2 日 傳出 一 名 植 牙 手術 患者 突然 暴 斃 這 名 植 牙 患者 為 53 歲 劉姓 男子 是 廣州 台商 返台 隔離 14 天 後 去 牙醫 在 倒下 之前 男子 出現 不 停 咳嗽 呼吸 不順 等 狀況 與 新冠肺炎 病徵 相符 引發 感染 疑慮 目前 一 采</t>
  </si>
  <si>
    <t>臺北市 某 間 牙醫 診所 2 日 傳出 一 名 植 牙 手術 患者 突然 暴 斃 這 名 植 牙 患者 為 53 歲 劉姓 男子 是 廣州 台商 返台 隔離 14 天 後 去 牙醫 在 倒下 之前 男子 出現 不 停 咳嗽 呼吸 不順 等 狀況 與 新冠肺炎 病徵 相符 引發 感染 疑慮 目前 一 采 結果 為 陰性 真正 死因 待 驗屍 報告 出爐 大陸 新冠肺炎 疫情 蔓延 全境 廣州 也 不 例外 據 三 立 新聞網 報導 這 名 男子 為 廣州 台商 返台 後 已 完成 14 天 的 隔離 3 月 2 日 到 牙醫 診所 植牙 手術過程 突然 不適 不停 咳嗽 呼吸 不順 最後 倒 在 廁所 送醫 不治 檢驗 人員 穿戴 全套 防護 裝 於 負 壓 解剖室 檢驗 死因 家屬 在 殯儀館 也 穿 著 防護 裝備 目前 一 采 陰性 死因 為 何還 不 清楚 待 一 周 後 解剖 結果 疫情 中心 應變 官 莊人祥 表示 不是 所有 死亡 都是新冠肺炎 需 根據 法醫 的 死亡 診斷</t>
  </si>
  <si>
    <t>植牙 廣州 死因 暴 斃 新冠肺炎</t>
  </si>
  <si>
    <t>李豔秋 第二 劑 delta 病毒 新冠肺炎 臺灣</t>
  </si>
  <si>
    <t>新冠肺炎 肆虐 萬芳 呼籲 別 太 恐懼 將 開 唱 運動 增 抵抗力</t>
  </si>
  <si>
    <t>萬芳 出道 30 周年 18 日 舉辦 記者會 宣佈 三 喜 將 在 6 月 13 日 2 度 登 上 臺北 小 巨蛋 舉行 萬芳 30 你 的 30 你 今天 有 沒有 來 演唱會 近來 加盟 新東家 何 樂 音樂 及 5 月 將 推 新 專輯 讓 粉絲 十分 期待 不過 現 新冠肺炎 肆虐 她</t>
  </si>
  <si>
    <t>萬芳 出道 30 周年 18 日 舉辦 記者會 宣佈 三 喜 將 在 6 月 13 日 2 度 登 上 臺北 小 巨蛋 舉行 萬芳 30 你 的 30 你 今天 有 沒有 來 演唱會 近來 加盟 新東家 何 樂 音樂 及 5 月 將 推 新 專輯 讓 粉絲 十分 期待 不過 現 新冠肺炎 肆虐 她 昨 表示 要 放寬心 不要 太 恐懼 她 說 在 這 非常 時期 今天 也 是 平凡 的 一 天 能夠 在 這裡 相聚 非常 謝謝 在 第一線 防疫 的 醫護人員 她 近期 有些 活動 工作 受到 疫情 關係 取消 延期 也 減少 去 人 多 場所 戴 口罩 並 呼籲 大眾 一起 用餐 時 養成 公筷母匙 習慣 避免 口沫 傳染 她 維持 約 1 周 1 次 的 健身 在家 運動 等 增加 體 抗 力 及 起床 睡 前 都會 伸展 肢體 讓 氣 流暢 會 在家 唱 跳 律動 昨 在 現場 她 獻 唱 自己 照顧 自己 透露 新作 現 努力 製作 中 此次 小 巨蛋 舞臺 是 類 四面 台 演唱會 導演 為 好友 郭蘅祈 郭子 她 憶起 郭子 在 她 首場 小 巨蛋 時 穿 上 她 的舞臺 服 化身 成 萬 大 芳 上臺 她 打趣 應該 要 找 人 把 他 綁 在 椅子 上 郭子 這次 向 她 提出 希望 可以 站上 高空 開 唱 不過 已 被 她 婉拒 她 笑 說 演唱會 安全 第一 她 分享 每次 開 唱 前 都會 替 每 位 觀眾 祈求 來 現場 路上 平安 順利 此外 萬芳 臺北 小 巨蛋 演唱會 門票 將 22 日 在 ibon 售票 系統 開 賣 被 問及 會 擔心 疫情 影響 票房 她 直言 就 順 著 走</t>
  </si>
  <si>
    <t>萬芳 萬芳 30 你 的 30 演唱會 新冠肺炎</t>
  </si>
  <si>
    <t>新冠肺炎 病徵 詭譎多變 無法 捉摸 近期 更 有 部分 患者 出現 嗅覺 喪失 除 法定 傳染病 相關 保單 能 予以 保險 理賠 給付 外 若 新冠肺炎 確診 患者 不幸 發生 鼻子 失 能 導致 嗅覺 喪失 的 情況 亦 視為 11 級 失 能 此時 失 能 扶助 險 將 啟動 及</t>
  </si>
  <si>
    <t>新冠肺炎 病徵 詭譎多變 無法 捉摸 近期 更 有 部分 患者 出現 嗅覺 喪失 除 法定 傳染病 相關 保單 能 予以 保險 理賠 給付 外 若 新冠肺炎 確診 患者 不幸 發生 鼻子 失 能 導致 嗅覺 喪失 的 情況 亦 視為 11 級 失 能 此時 失 能 扶助 險 將 啟動 及時 保障 讓 民眾 無 後顧之憂 接受 診治 富 邦 人壽 財務 精算 處 執行 副總 董采苓 表示 除了 失 能 險 能 予以 保障 外 若 民眾 患有 慢性病 罹 患 法定 傳染病 更 可能 引起 併發症 因此 建議 民眾 補強 醫療 險 保障 時 必須 格外 留意 法定 傳染病 和 重大 傷病 兩 大 保障 範圍 是否 充足 才能 從容應對 疾病 突如其來 的 治療 需求 減輕 家庭 經濟負擔 今年 1 月 1 日 以前 所 銷售 的 失 能 險 針對 鼻 部 失 能 條款 規定 僅 有 鼻 部 缺損 致 其 機能 永久 遺存 顯著 障 害 者 才能 申請 理賠 不過 自 今年 起 新增 另 一 失 能 等級 即 鼻 未 缺損 而 鼻 機能 永久 遺存 顯著 障 害 者 並 視 為 11 級 失 能 因應 新冠肺炎 疫情 且 基於 從新 從優 原則 今年 1 月 1 日 以前 投保 失 能 險 之 保戶 若 事故 發生 日 是 在 今年 1 月 1 日 之後 且 經過 治療 6 個 月 後 症狀 固定 均 得 申領 失 能 保險金 除了 失 能 險 新 增訂 失 能 程度 擴大 保障 範圍 外 富 邦 人壽 建議 大型 公衛 事件 突如其來 民眾 在 規劃 或 補強 自身 和 家人 的 醫療 險 保障 時 必須 也 將 法定 傳染病 一併 思考 然 無論是 法定 傳染病 或 常見 的 流感 皆 可能 引起 併發 重症 因此 重大 傷病 保險 保障 亦 不容忽視 富 邦 人壽 率先 同業 推出 一般 住院 醫療 和 法定 傳染病 雙重 保障 的 定期 健康 險 富 邦 人壽 金 放心 法定 傳染病 一 年 定期 健康 保險 不僅 能 提供 保戶 住院 醫療 保險金 加 護 病房 住院 醫療 保險金 出院 療養 保險金 若 因 法定 傳染病 住院 接受 診療 並 身故 保險 年齡 到 達 16 歲 後 身故 住院 醫療 保險金 日 額 和 身故 保險金 分別 給付為 住院日 額 2 倍 和 投保 之 身故 保險金額 15 倍 同時 給付 法定 傳染病 保險金 讓 民眾 無 後顧之憂</t>
  </si>
  <si>
    <t>新冠肺炎 解放軍 疫情 老鼠 中國 大陸</t>
  </si>
  <si>
    <t>新冠肺炎 疫情 仍未 受 控 各地 民眾 仍 需 部分 防疫 物資 鄭秀文 sammi 自 2 月中 開始 多次 與 社 福 機構 親 赴 落後地區 分派 物資 她 心 有所 感 地 說 疫情 令 很多 人 的 工作 都 停 了 但 在 生命 裡 我們 依然 可以 做到 老 學到老 此</t>
  </si>
  <si>
    <t>新冠肺炎 疫情 仍未 受 控 各地 民眾 仍 需 部分 防疫 物資 鄭秀文 sammi 自 2 月中 開始 多次 與 社 福 機構 親 赴 落後地區 分派 物資 她 心 有所 感 地 說 疫情 令 很多 人 的 工作 都 停 了 但 在 生命 裡 我們 依然 可以 做到 老 學到老 此外 楊千嬅 日前 陸續 取消 多 場 巡演 索性 邀 陳小春 一家 人 前往 澳洲 墨爾本 度假 不受 湯姆漢克 tom hanks 在 當地 確診 患病 影響 肺炎 疫情 持續 擴大 娛樂 圈 大部分 活動 都 已 暫停 鄭秀文 近期 隨 社 福 機構 義工 隊 赴 落後地區 分派 物資 累積 幾 次 經驗 後 sammi 發現 許多 原本 就 過 著 貧困 生活 的 人 因 這次 疫情 更 陷 困苦 令 她 非常 揪心 很多 人 失業 甚至 一家 人 三餐不繼 豆丁 大小 的 房子 裡 住 著 5 個 大人 90 多 歲 的 獨居 老人 因 疫情 暫停 送 飯 服務 而 餓 著 肚子 人 多 室內 必 戴 口罩 她 表示 近期 非常 缺乏 口罩 身旁 有 好 朋友 得知 二話不說 立刻 送 來15萬 個 口罩 給 機構 及時雨 的 善行 令 她 感動 當 義工 的 這 段 期間 也 讓 她 感受 深刻 因為 不是 舞臺 上 的 自己 而是 一起 出 隊 同工 忽然 想起 自己 在 非常 年輕 時 曾 希望 當 上 社會工作者 如今 瞭解 他們 的 工作 一點 都 不容易 而且 都帶著 謙卑 的 心 去 服務 社區 受 疫情 影響 日前 取消 多 場 演唱會 的 楊千嬅 本月 初和 老公 兒子 以及 陳小春 一家 人 同 遊 澳洲 墨爾本 陳小春 懷孕 6 個 月 的 老婆 應采兒 一身 黑 身材 零 孕 味 由於 湯姆漢克 夫婦 日前 在 澳洲 確診 罹 患 新冠肺炎 令人擔心 當地 情形 好在 楊千嬅 透過 經紀人 老公 表示 目前 還 ok 沒有 感覺 人心惶惶 但 我們 很 少 出去 在 人 多 的 室內 也 一定 戴 口罩</t>
  </si>
  <si>
    <t>15 00 更正 繼 爵士 中鋒 戈貝爾 之後 美 媒 報導 爵士 替補 後衛 穆迪埃 在 經過 檢驗 之後 也 確診 新冠肺炎 成為 nba 第 2 位 染病 的 球員 不過 相關 消息 並未 獲得 證實 恐為 誤傳 爵士 在 戈貝爾 確診 後 將 替 所有 球員 做 新冠 病毒檢測 最</t>
  </si>
  <si>
    <t>15 00 更正 繼 爵士 中鋒 戈貝爾 之後 美 媒 報導 爵士 替補 後衛 穆迪埃 在 經過 檢驗 之後 也 確診 新冠肺炎 成為 nba 第 2 位 染病 的 球員 不過 相關 消息 並未 獲得 證實 恐為 誤傳 爵士 在 戈貝爾 確診 後 將 替 所有 球員 做 新冠 病毒檢測 最終 結果 尚未 出爐 爵士 中鋒 戈貝爾 在 今天 雷霆 迎戰 爵士 賽前 被 驗 出 得到 新冠肺炎 雷霆 和 爵士 之 戰 迅速 喊停 nba聯盟 也 隨即 宣佈 全面 停賽</t>
  </si>
  <si>
    <t>爵士 nba 新冠肺炎 穆迪埃</t>
  </si>
  <si>
    <t>新冠肺炎 疫情 入侵 nba 繼 爵士 戈貝爾 米契爾 與 活塞 伍德 之後 籃 網 宣佈 隊 中 4 名 球員 確診 新冠肺炎 雖然 沒有 公佈 球員 名字 但 超級 巨星 杜蘭特 對外 宣告 自己 中標 希望 大家 能夠 保護 好 自己 的 健康 現年 31 歲 的 杜蘭特 2104 年</t>
  </si>
  <si>
    <t>籃 網 杜蘭特 新冠肺炎</t>
  </si>
  <si>
    <t>康健 雜誌 新冠肺炎 臺灣 az 混打</t>
  </si>
  <si>
    <t>天成 飯店 集團 旗 下 臺北 花園 大酒店 因應 新冠肺炎 疫情 衝擊 今年 提前 啟動 改裝 計 畫 首 波 已 完成 大廳 改裝 將 原六國 點心 坊 六 國 酒吧 改裝 為 花園 thai thai 泰式 餐 酒館 後續 將 陸續 展開 241 間 客房 分批 裝修 預計 將 斥資 上 億</t>
  </si>
  <si>
    <t>天成 飯店 集團 旗 下 臺北 花園 大酒店 因應 新冠肺炎 疫情 衝擊 今年 提前 啟動 改裝 計 畫 首 波 已 完成 大廳 改裝 將 原六國 點心 坊 六 國 酒吧 改裝 為 花園 thai thai 泰式 餐 酒館 後續 將 陸續 展開 241 間 客房 分批 裝修 預計 將 斥資 上 億 元 為 開業 12 年 來 最 大 規模 改裝 計 畫 臺北 花園酒店 為 6 家 飯店業 者 聯盟 向 交通部觀光局 競標 取得 的 平價 旅館 bot 案 合計 斥資 15億 元 打造 於 2009 年 於 7 月 23 日 正式 開幕 隨 著 六 福 陽明山 中國 麗 致 陸續 售 股 退出 目前 為 天成 麒麟 豪 景 慶 泰 4 大 股東 其中 以 天成 持 股 達 48 為 最 大 股東 臺北 花園酒店 設有 241 間 客房 以及 prime one 牛排館 翠 庭 饗 聚 廚房 六 國 麵包 坊 等 多 間 餐廳 及 宴會廳 自 2010 年 以來 飯店 每年 平均 住房 率 落於 88 93 高檔 水準 均 位居 全台 星級 評 鑒 旅館 前 3 名 據 觀光局 統計 資訊 揭露 臺北 花園酒店 2019 年 營 收 504億 元 年 增 277 住房 率 自 8847 提升 至 9249 平均 房價 自 2332 元 略 增至 2352 元 合算 客房 平均 產值 rev par 約 2175 元 年 增 544 臺北 花園酒店 以 國際 觀光 及 商務客 為主 要 客群 由於 今年 新冠肺炎 疫情 在 春節 爆發 並 延 燒 全球 邊境 管制 及 疫情 使 酒店 營運 遭受 衝擊 2020 年 首季 營 收 082億 元 年 減 3756 平均 房價 雖 達 2407 元 年 增 393 但 住房 率 驟降 至 4618 較 去年同期 924 腰斬 對此 臺北 花園酒店 順勢 提前 啟動 改裝 計 畫 首 波 裝修 先 從 1 樓 展開 歷時 2 個 月 將 六 國 點心 坊 及 六 國 酒吧 改裝 為 泰式 餐 酒館 並 與 同步 裝修 的 大廳 打通 7 月 起 以 新 品牌 花園 thai thai 重新 開幕 亮相 加計 大廳 改裝 計 畫 合計 斥資 達 千萬 元 臺北 花園酒店 表示 開業 12 年 來 客房 及 餐廳 等 空間 設備 僅 進行 局部 小幅 裝修 原已 預訂 展開 較 大幅 改裝 翻新 計 畫 此次 因 疫情 而 提前 啟動 目前 客房 裝修 計畫 已 在 規 畫 中 最 遲 年底 前 將 正式 啟動 預期 整體 改裝 投資 將 達 上 億 元 為 開業 12 年 來 最 大 改裝 計 畫 此外 天成 飯店 集團 攜手 中華 郵政 取得 位於 台中 七 期 的 新 據點 開 發案 目前 已 送 件 審查 中 目前 暫定 2023 年 開幕 將 掛 上 定位 跨 界 精品 的 天成 豐 閣 cosmos boutique 品牌 將 生活 相關 業態 中的 精品 品牌 合作 使 飯店 成為 平臺 載體 創造 新 旅行 體驗</t>
  </si>
  <si>
    <t>背光 模 組 廠 元月 營 收 出爐 因為 淡季 以及 工作 天數 減少 等 影響 瑞儀 6176 中 光電 5371 元月 營 收 相比 去年同期 都 衰退 了 近 兩 成 受到 新冠肺炎 影響 疫情 影響 瑞儀 中 光電 大陸 各廠 區 延至 2 月 10 日 才 陸續 復工 預期 2 月 營</t>
  </si>
  <si>
    <t>背光 模 組 廠 元月 營 收 出爐 因為 淡季 以及 工作 天數 減少 等 影響 瑞儀 6176 中 光電 5371 元月 營 收 相比 去年同期 都 衰退 了 近 兩 成 受到 新冠肺炎 影響 疫情 影響 瑞儀 中 光電 大陸 各廠 區 延至 2 月 10 日 才 陸續 復工 預期 2 月 營 收 還 會 下 探 低點 第一 季 營運 展望 保守 由於 進入 傳統 淡季 農曆 年假 工作 天數 較 少 瑞儀 1 月 合併 營 收 約 3482億 元 月 減 783 年 減 3789 各 產品 出 貨 來看 行動 裝置 平板 電腦 智慧 型 手機 出貨量 約 4993萬 片 月 減 163 it nb 監視器 產品 出 貨 約 2603萬 片 月 減 率 129 電視 產品 則 減至 5000 片 總計 單月 出貨量 降 至 7815萬 片 瑞 儀在 農曆年 後 只 有 吳江廠 生產 其他 包括 南京 廠 和 廣州 廠 均 停產 廣州 廠 自 10 日 起 復工 南京 廠 隨後 在 11 日 復工 不過 在 員工 陸續 回廠 後 還 須 檢疫 2 月 營 收將 受到 衝擊 中 光電 1 月份 自 結合 並 營 收 約 3328億 元 較 上 一個 月 減少 20 與 去年同期 相較 也 減少 19 其中 影像 產品 元月 份 整體 出貨量 約 64萬 台 合併 營 收 則 約 827億 元 受到 去年 12 月份 基期 較 高 以及 淡季 和 年假 影響 出貨量 及 合併 營 收 分別 月 減 29 及 40 節能產品 元月 份 合併 營 收 17 39億 元 較 12 月 減少 14 其中 ems 生意 營 收 約 1043億 元 月 減 6 odm 產品 則 由於 tv 機種 受 淡季 效應 影響 出 貨 衰退 營 收 約 622億 元 較 12 月份 下滑 29 元月 份 節能產品 整體 出貨量 約 347萬 片 較 12 月 略 減 07 中 光電 大陸 廠 區 遍佈 昆山 蘇州 吳江 廣州 寧波 等 地 近期 陸續 復工 由於 淡季 及 農曆 年假 影響 工作 天數 減少 而且 肺炎 疫情 影響 工作 天數 驟減 預估 2 月份 整體 出貨量 將 較 元月 份 明顯 衰退</t>
  </si>
  <si>
    <t>臺灣 新冠肺炎 疫情 嚴峻 嘉義 市 是 全國 人口密度 第二 高 的 城市 市長 黃敏惠 市長 今天下午 召開 緊急會議 市 宣佈 嘉義 市 以 准 三級 規格 備戰 黃敏惠 表示 嘉市除 配合 行政院 防疫 四大 措施 外 5 月 28 日前 還有 各項措施 包括 夜市 攤販</t>
  </si>
  <si>
    <t>臺灣 新冠肺炎 疫情 嚴峻 嘉義 市 是 全國 人口密度 第二 高 的 城市 市長 黃敏惠 市長 今天下午 召開 緊急會議 市 宣佈 嘉義 市 以 准 三級 規格 備戰 黃敏惠 表示 嘉市除 配合 行政院 防疫 四大 措施 外 5 月 28 日前 還有 各項措施 包括 夜市 攤販 暫停營業 等 嘉義 市政府 宣佈 5 月 28 日前 進入 准 三級 警戒 市 有 教育 文化 社會 運動 等 場館 暫時 關閉 國 中小 戶外 教學 參訪 及 畢業 旅行 等 一律 停辦 轄區 內 夜市 攤販 暫停營業 公務人員 及 市民 不 鼓勵 到 三級 警戒 區 洽 公 旅遊 即時 全面 進行 清 消 由 重點 區域 開始 嘉義 市政府 表示 15 日 上午 已 與 夜市 自治 會 溝通 下午 宣佈 停止 設攤 營業 店面 商家 則 不在此限 文化路 夜市 自治 會 總 幹事 顏秀蓮 說 宣佈 後 開始 通知 設攤 的 攤 商 請 大家 勿 再來 擺攤 配合 政府 防疫 黃敏惠 也 在 中央 地方 防疫 視 訊 會議 中 向行政院長 蘇貞昌 提出 三 點 要求 希望 中央 給予 因 防疫 而 停止 營運 的 行業 攤 商 補償 或 紓困 趁 疫情 升溫 人民 施打 疫苗 意願 高漲 中央 應速 調度 疫苗 全力 供應 速 達成 群體 免疫 目標 地方 防疫 經費不足 請 中央 大力協助 以利 疫情 控管</t>
  </si>
  <si>
    <t>防疫 攤販 嘉義 新冠肺炎 夜市</t>
  </si>
  <si>
    <t>新冠肺炎 臺灣 基隆 仁愛 市場 成功 市場</t>
  </si>
  <si>
    <t>delta 變種 病毒 造成 英國 新冠肺炎 確診 人數 再次 上揚 英國首相 強生 可能 延後 數 周 放寬 防疫 措施 英國政府 原先 計畫 在 6 月 21 日 解 封 不過 鑒於 近日 確診 人數 飆 高 外界 預測 英國 可能 延長 封 城 至多 1 個 月 而 強生 並未 否認 媒體 臆測</t>
  </si>
  <si>
    <t>新冠肺炎 全球 強生 英國 解封</t>
  </si>
  <si>
    <t>世界衛生組織 正式 宣佈 新型 冠狀 肺炎 疫情 定性 為 全球 大 流行 西班牙 法國 和 德國 確診 人數 均 逾 2千 義 大利 政府 更 擴大 封城 措施 至 全國 此外 美國 新冠肺炎 確診 個案 亦 破 千 加上 川普 並 不 積極 採取 預防措施 未來 確診 病例</t>
  </si>
  <si>
    <t>3 大 機構 砸 125億 美元 啟動 新冠肺炎 治療 加速器 計畫</t>
  </si>
  <si>
    <t>聯合 統一 全球 新冠肺炎 藥物</t>
  </si>
  <si>
    <t>新冠肺炎 疫情 衝擊 全球 連帶 的 牽動 企業主 租賃 辦公室 的 決策 過程 和 需求 商業 用 不動產 市場 首當其衝 不過 反觀 臺北市 受惠 企業 重新 加碼 佈局 臺灣 所 賜 辦公 租金 漲 好凶 漲幅 叫 我 亞太 第一 以 2 的 單季 漲幅 38 的 年 漲</t>
  </si>
  <si>
    <t>新冠肺炎 租金 漲幅 亞太區 臺北市</t>
  </si>
  <si>
    <t>新冠肺炎 疫情 導致 死亡 人數 攀 高 民眾 懼怕 之 餘 多數 在 家中 抗 疫情 連帶 激勵 電 商 網 購 平臺 防疫 物資 貨運 公司 宅 經濟 的 手 遊 公司 零售 通路 及 食品業者 等 業績 長 紅 如 鈊 象 3293 富 邦 媒 8454 等 臺灣 的 新冠肺炎</t>
  </si>
  <si>
    <t>北農 黃鬱芬 新冠肺炎 匡列 臺灣</t>
  </si>
  <si>
    <t>新冠肺炎 疫情 影響 三星 s 20 在 臺上 市 記者會 改線 上 直播</t>
  </si>
  <si>
    <t>新冠肺炎 疫情 直播 三星 galaxy</t>
  </si>
  <si>
    <t>新冠肺炎 衝擊 創世 基金會 發票 量 銳減</t>
  </si>
  <si>
    <t>新冠肺炎 衝擊 商家 生意 創世 基金會 12 日 說 與 去年 1 至 3 月 相比 高雄 地區 的 發票 數量 減少 3 至 4 成 由於 12 日 是 國際護士節 在 創世 基金會 也 有 一 群 辛苦 的 護理人員 其中 高雄院 的 到 宅 護理 師 34 歲 許心怡 擔任 護理 師 已 有 14 年</t>
  </si>
  <si>
    <t>新冠肺炎 衝擊 商家 生意 創世 基金會 12 日 說 與 去年 1 至 3 月 相比 高雄 地區 的 發票 數量 減少 3 至 4 成 由於 12 日 是 國際護士節 在 創世 基金會 也 有 一 群 辛苦 的 護理人員 其中 高雄院 的 到 宅 護理 師 34 歲 許心怡 擔任 護理 師 已 有 14 年 她 把 個案 家屬 當 成家人 覺得 照顧 植物人 的 工作 意義 非凡 新冠肺炎 令 許多 商家 苦不堪言 就 有 一些 商家 告訴 創世 基金會 因為 生意 差 生意 做 不 下去 了 也就是說 商家 沒法 拿 客人 捐 的 發票 給 創世 基金會 了 疫情 也 連帶 影響 創世 基金會 原本 要 舉辦 的 募款 餐會 與 公益路 跑 活動 12 日 是 國際護士節 護理 師 許心怡 表示 她 本來 對 安養院 的 印象 很 差 因為 去 曾 在 醫院 加 護 病房 工作 照顧 過 私人 安養院 轉來 的 病 患 這些 病 患 纖 瘦 皮膚 可能 還 有傷 因此 她 對 這類 工作 很 排斥 但 後來 同事 推薦 她 去 創世 看看 還 強調 跟 你 想 的 不 一樣 經過 實地 走訪 以及 參與 志 工 服務 許心怡 改變 了 觀念 也 決定 要到 創世 服務 她 表示 擔任 宅 護理 師 必須 走 入 社區 每天 都 可能 到 不 一樣 的 個案 家中 聽 到 每個 人 的 家庭 故事 雖然 服務 僅 有 30 分鐘 到 1 個 小時 但 感受 到 個案 家屬 把 自己 當 家人 朋友 對待 真的 很 有 成就感</t>
  </si>
  <si>
    <t>新冠肺炎 臺灣 創世 基金會 發票 宅 護理 師</t>
  </si>
  <si>
    <t>60 多 歲 退休 婦 染 新冠肺炎 無 出 國史</t>
  </si>
  <si>
    <t>因應 新冠肺炎 疫情 台中市政府 以 高標準 實施 防疫 作為 原本 長青 學 苑 課程 延期 至 4 月 6 日 開學 即日起 將 直接 暫停 上 學期 課程 社區 照顧 關懷 據點 方面 自 3 月 23 日 暫停 健康 促進 活動 及 老人 共 餐 將 以 提供 便當 送 餐 等 方式 進行</t>
  </si>
  <si>
    <t>因應 新冠肺炎 疫情 台中市政府 以 高標準 實施 防疫 作為 原本 長青 學 苑 課程 延期 至 4 月 6 日 開學 即日起 將 直接 暫停 上 學期 課程 社區 照顧 關懷 據點 方面 自 3 月 23 日 暫停 健康 促進 活動 及 老人 共 餐 將 以 提供 便當 送 餐 等 方式 進行 關懷 服務 讓 長輩 及 家屬 安心 社會 局長 彭懷真 說 台中 社區 照顧 關懷 據點 提供 健康 促進 餐飲 服務 關懷 訪視 和 電話 問安 等 服務 受到 社區 長輩 熱烈歡迎 因應 疫情 考量 據點 健康 促進 活動場 域 多 為 封閉 室內空間 為 降低 近 距離 傳染 風險 將 暫停 健康 促進 活動 課程 彭 懷真 指出 社會局 也 將 暫停 原本 集中 用餐 方式 如 長輩 有 用餐 需求 改以 便當盒 讓 長輩 帶回家 食用 社區 並 將 持續 提供 電話 問安 及 關懷 訪視 服務 不 中斷 社會局 表示 依據 疾病 管制 署 公佈 的 流行病 學 資訊 嚴重 特殊 傳染性 肺炎 可 藉 由 近 距離 飛 沫 直接 或 間接 接觸 病人 的 口 鼻 分泌物 或體液 而 增加 人 傳 人 的 感染 風險 社會局 強調 考量 65 歲 以上 者 為 嚴重 特殊 傳染性 肺炎 重症 高風險 族群 應 避免 參與 各 類型 活動 因此 社會局 實施 高 規格 防疫 措施 照顧 長輩 與 志 工 的 健康 安全</t>
  </si>
  <si>
    <t>今 5 日 傳出 一 名 孕婦 要 施打 第二 劑 莫德納 時 卻 被 預約 的 醫院 告知 第二 劑 疫苗 已 被 完成 登錄 且 是 混打 高端 令 她 心急 地 直奔 疾 管署 尋求 協助 對此 北市 衛生局 表示 該 名 孕婦 打 第一 劑 莫德納 時 院方 接種 名冊 上傳 異常 目前 已 更正 該筆 錯誤 登錄 資料 衛生局 表示 查 該 孕婦 9 月 6 月 於 北市 某 醫院 接種 第一 劑 莫德納 疫苗 但 院方 接種 名冊 資料 上傳 異常 造成 民眾 疫苗 接種 紀錄 錯誤 目前 已 更正 該筆 錯誤 登錄 資料 後續 會 請 該 醫療 院所 檢 視 新冠 疫苗 接種 紀錄 上傳 作業 避免 再 發生 類似 事件 同時 衛生局 也 提醒 個人 疫苗 接種 紀錄 可 使用 健 保 快易通 app 查詢 若 發現 疫苗 接種 資料 有 錯誤 記載 可向 北市 12 區健康 服務 中心 洽 詢 留下 相關 資料 以便 查明 後 進行 修正 衛生局 也 補充 說 該 名 孕婦 今日 已于 聯合醫院 和平 院區 完成 第二 劑 莫德納 接種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孕婦 莫德納 高端 第二 劑 疫苗 新冠肺炎</t>
  </si>
  <si>
    <t>醫師 確診 插管 鄭文燦 新冠肺炎</t>
  </si>
  <si>
    <t>功夫 皇帝 李連傑 26 日 迎接 57 歲 生日 因 新冠肺炎 疫情 關係 眾人 居家 隔離 他 也 不 例外 在家 中 與 結婚 21 年 的 老婆 利智和 2 個 女兒 jane 及 jada 簡單 慶 生 他 在 ig 上 貼 上 日常生活 照 感謝 影迷 獻上 的 祝福 也許 下 生日 願望</t>
  </si>
  <si>
    <t>功夫 皇帝 李連傑 26 日 迎接 57 歲 生日 因 新冠肺炎 疫情 關係 眾人 居家 隔離 他 也 不 例外 在家 中 與 結婚 21 年 的 老婆 利智和 2 個 女兒 jane 及 jada 簡單 慶 生 他 在 ig 上 貼 上 日常生活 照 感謝 影迷 獻上 的 祝福 也許 下 生日 願望 希望 世界 能 恢復元氣 也 希望 在 疫情 之中 大家 能夠 團結 在 一起 李連傑 同時 慶倖 自己 能 平安地 與 家人 一起 在家 隔離 最後 祝福 粉絲 快樂 健康 他 的 17 歲 小 女兒 jada 日前 雖 因 新冠肺炎 疫情 憂鬱 症 復發 不過 她 仍 在 ig 上 貼出 3 張 與 父親 的 合 照 並 寫 下 祝福 爸爸 生日快樂 不論 遇到 什麼 事 都 感謝 你 的 耐心 與 不 變 的 支持 即使 我 總 沒 表達出來 謝謝 您 為了 讓 我 快樂 所 付出 的 一切 以及 始終如一 的 愛 而 哈佛 高材生 的 大 女兒 jane 日前 則 居家 隔離 與 家人 一起 度過 20 歲 生日 雖然 沒有 特別 外出 慶祝 但 回顧 過去 7 年 的 少女時期 的 成長 歷程 更 特別感謝 多年 愛護 她 的 家 人和 朋友 過去 七 年 來 我 生命 中 對 我 最好 的 人 幫助 了 我 很多 才 可以 成就 了 今天 的 我 永遠 愛 你們</t>
  </si>
  <si>
    <t>李連傑 功夫 皇帝 新冠肺炎 生日 jada</t>
  </si>
  <si>
    <t>科技 大廠 適逢 5 g 起飛 期 今年 相繼 啟動 大型 募 資 計 畫 但 卻 遭逢 新冠肺炎 的 疫情 亂 流 包括 聯 茂 牧德 等 有驚無險 可望 完成 募 資 被動 廠 國 巨 華 新科 也 備有 腹案 9 月底 以前 可望 完成 相關 計畫 科技 業 募 資 可望 在 驚險 中達 陣</t>
  </si>
  <si>
    <t>科技 大廠 適逢 5 g 起飛 期 今年 相繼 啟動 大型 募 資 計 畫 但 卻 遭逢 新冠肺炎 的 疫情 亂 流 包括 聯 茂 牧德 等 有驚無險 可望 完成 募 資 被動 廠 國 巨 華 新科 也 備有 腹案 9 月底 以前 可望 完成 相關 計畫 科技 業 募 資 可望 在 驚險 中達 陣 聯 茂 的 現金 增資 在 風雨 中 順利 收足 33億 元 款項 新股 已經 上市 交易 對照 聯 茂 10 日 收盤價 141 元 參與 認購 的 投資人 現 賺 28 價差 而 大 股東 穩 懋 參與 認購 更 成為 漂亮 的 業績 之外 另 一個 投資人 持 股 的 定心丸 牧德 為 pcb 產業 的 獲利 績 優生 預計 發行 2120 張 現金 增資 現 增 價 為 250 元 以 10 日 收盤價 291 元 來看 價差 約 16 隨 著 歐美 股市 暫時 趨 穩 加上 第二 季 營運 可望 優於 首季 應 可拉 高原 股東 的 認購 意願 牧德 距離 收足 款項 已 勝券在握 接下來 募 資 的 重頭戲 則 由 mlcc 雙 雄 國 巨 華 新科 擔綱 尤其 國巨 3 月 營 收 睽 違 14 個 月 重返 年 增 趨勢 點燃 市場 信心 第一 季營 收 守 住 百億 大關 優於 市場 預期 法人 推 估 國巨 第一 季 每股 盈 餘 挑戰 半 個 股本 4 月 營 收 也 不 看淡 國 巨 華 新科 在 今年 9 月底 之前 均 屬 募 資 有效期 然 歐美 疫情 作梗 雖然 國巨 規劃 的 募 資 規模 為 8000萬 股 分別 為 7000萬 股 gdr 以及 1000萬 股 ecb</t>
  </si>
  <si>
    <t>工地 居家 隔離 營建 英國 新冠肺炎</t>
  </si>
  <si>
    <t>trendforce 記憶體 儲存 研究 dramexchange 表示 雖然 大陸 疫情 看似 趨 緩 然 中東 歐洲 與 美國 疫情 急速 擴散 世界衛生組織 who 已 正式 宣佈新冠肺炎 成為 全球 大 流行 傳染病 將 讓 全球 經濟 陷入 系統性 風險 記憶體 市場 恐怕 提</t>
  </si>
  <si>
    <t>trendforce 記憶體 儲存 研究 dramexchange 表示 雖然 大陸 疫情 看似 趨 緩 然 中東 歐洲 與 美國 疫情 急速 擴散 世界衛生組織 who 已 正式 宣佈新冠肺炎 成為 全球 大 流行 傳染病 將 讓 全球 經濟 陷入 系統性 風險 記憶體 市場 恐怕 提前 反 轉 進入 不景氣 週期 從 需求 來看 新冠肺炎 的 大 流行 將 嚴重 衝擊 經濟 與 社會活動 進一步 影響 個人消費 力 道 而 終端產品 的 出 貨 下滑 勢必 將 造成 記憶體 需求 同步 下 修 2020 年 第一 季 與 第二 季 dram 與 nand flash 均 價 仍 維持 上漲 主要 是 因為 年初 客戶 端 庫存 水位 偏 低 雖 在 價格 走勢 持續 上揚 的 前提 下 採購 備 貨 意願 強烈 然 trendforce 認為 真正 的 挑戰 會 從 第 三 季 開始 隨 著 需求 萎縮 導致 庫存 去 化 不易 將 大幅 削弱 客戶 端 採購 力 道 使得 價格 漲幅 受到 抑制 在 nand flash 領域 更 可能 由 漲 轉 跌 隨 著 疫情 蔓延 使得 全球 經濟 降溫 對於 消費性 電子產品 的 衝擊 包括 有 個人所得 可 分配 支出 轉為 保守 導致 需求 遞 延 平均 消費 金額 將 下降 再者 受 疫情 影響 產業 供應 鏈 物流 及 人事 成本 增加 營 收 減少 產業 更 可能 面臨 洗 牌 目前 影響 dram 與 nand flash 的 三大 終端產品 為 筆記型電腦 伺服器 以及 智慧 型 手機 其中 智慧 型 手機 將 面臨 最 大 幅度 的 下 修 雖然 近期 出現 自 農曆 過年 以來 較 明顯 的 通路 銷售 回溫 但 這股 動能 可能 無法 延續 實際上 智慧 型 手機 生產量 仍 持續 下 修 在 伺服器 方面 目前 因為 遠 距 辦公 與 教學 的 需求 帶動 而有 增 溫 且 雲端 建置 的 動能 未有 熄火 因此 整體而言 目前 未有 明顯 衝擊 但 在 企業 方面 因應 疫情 所以 多 轉 趨 保守 經營 將 收斂 資本 支出 未來 企業 級 enterprise 伺服器 需求 可能 將 轉 趨 疲弱 2020 年 dram 及 nand flash 的 供給 增加 有限 年 成長 幅度 分別 僅 13 及 32 加上 客戶 庫存 水位 大多 處於 低檔 因此 trendforce 原先 預估 價格 漲勢 可 延續 至 今年 年底 然 隨 著 需求 出現 結構性 改變 從 第二 季末 開始 採購 端 拉高 庫存 的 力道 將 萎縮 進而 影響 下半年 價格 走勢 在 dram 領域 由於 原本 供需 差距 就 大 所以 就算 需求 面臨 下 修 供需 依舊會 有 缺口 因 此 最 悲觀 預估 是 下半年 漲幅 收斂 但 不至於 由 漲 轉 跌 反觀 nand flash 領域 供需 缺口 並不 顯著 而且 已經 觀察 到 第二 季 客戶 端 需求 轉 弱 的 狀況 若 需求 持續 下 修 下半年 價格 可能 快速 反 轉</t>
  </si>
  <si>
    <t>新冠肺炎 疫情 擴散 造成 人流 物流 急凍 行政院 日前 拍板 600億 紓困 計 畫 要 搶救 觀光 餐飲 與 製造業 中華 採購 與 供應 管理 協會 對 此 認為 短期 救急 政策 雖是 需要 但是 政府 更 應該 此時 藉 由 降 稅 去 引導 企業 引進 風險管理 機制 以</t>
  </si>
  <si>
    <t>新冠肺炎 疫情 擴散 造成 人流 物流 急凍 行政院 日前 拍板 600億 紓困 計 畫 要 搶救 觀光 餐飲 與 製造業 中華 採購 與 供應 管理 協會 對 此 認為 短期 救急 政策 雖是 需要 但是 政府 更 應該 此時 藉 由 降 稅 去 引導 企業 引進 風險管理 機制 以 應付 未來 重大 危機 才是 長久 之 道 政府 拿 600億 銀彈 提 振 經濟 效益 各界 看法 不一 但 中華 採購 與 供應 管理 協會 執行長 賴樹 鑫 肯定 短期 措施 是 必要 可 助 企業 暫 度 難關 但 長期 而言 企業 能否 學到 教訓 建立 風險 應變 機制 才 是 重點 美國 911 恐怖 攻擊 後 國際 再 保 公司 提高 保費 與 自負 比例 加深 企業 經營 困難 賴樹鑫 說 像是 美國 思科 系統 cisco system 之後 就 製作 一個 三 顏色 地圖 把 供應 鏈 標示 出來 建立 一個 風險 控管 機制 此後 20 年 沒有 再 遇到 無法 解決 難關 他 認為 紓困 金額 只能 救 窮 有 些 像是 振興 抵 用 券 只 有 20億 更是 杯水車薪效用 不 大 與其 如此 還 不如 藉 由 租稅 優惠 免稅 措施 給 企業 在 軟 體 硬體 上 引進 風險管理 機制 給予 獎勵 這 才是 長久之計 賴樹鑫 強調 如此 可 導 引 企業 建立 像是 災難 恢復 計畫 營運 持續 計畫 讓 以後 再 遇到 類似 疫情 或是 其他 高風險 的 危機 都 能夠 因此 降低 營運 的 風險 至於 肺炎 疫情 後續 衝擊 賴樹鑫 認為 如果 延到 3 月 甚至 更 久 對 大陸 與 全世界 都 有 影響 目前 雖然 企業 可 沿用 春節 前 庫存 但 對 臺灣 第一 季 的 gdp 難免 造成 減少 希望 疫情 最好 不要 拖 過 4 月 才 不 會 進一步 對 第二 季 造成 衝擊</t>
  </si>
  <si>
    <t>國防部 國軍 王婉諭 隔板 新冠肺炎</t>
  </si>
  <si>
    <t>美國 川普 肺炎 疫情 新冠肺炎</t>
  </si>
  <si>
    <t>武漢 新冠肺炎 新冠 病毒 臺灣 大陸</t>
  </si>
  <si>
    <t>新冠肺炎 影響 全球 近 8億 高中 以下 學子 無法 上學</t>
  </si>
  <si>
    <t>根據 聯合國 統計 受到 新冠肺炎 影響 全球 近 8億 高中 以下 學子 無法 上學 這 還 不計 大學 以上 的 停課 情況 這個 數位 幾乎 是 3 天 前 的 一 倍 聯合國教科文組織 16 日 指出 因為 新冠肺炎 的 傳播 無法 上學 的 兒童 和 青少年 人數 達到 空前</t>
  </si>
  <si>
    <t>根據 聯合國 統計 受到 新冠肺炎 影響 全球 近 8億 高中 以下 學子 無法 上學 這 還 不計 大學 以上 的 停課 情況 這個 數位 幾乎 是 3 天 前 的 一 倍 聯合國教科文組織 16 日 指出 因為 新冠肺炎 的 傳播 無法 上學 的 兒童 和 青少年 人數 達到 空前 水準 截至 3 月 16 日 已經 有 100 國 宣佈 或 實施 了 學校 停課 措施 以 減緩 疫情 蔓延 教科文組織 正 為 各國 提供 包容 性 遠 端 學習 解決 方案 等 緊急 支持 聯合國教科文組織 表示 迄今為止 已 有 85 國 全國 停課 導致 從 學前 到 高中 階段 的 7767億 兒童 和 青少年 無法 繼續 學業 此外 還有 15 國 局部 停課 以 預防 或 遏制 新冠肺炎 疫情 若 這些 國家 也 全國 停課 無法 上學 的 兒童 和 青年 人數 還 將 增加數 億 全球 停課 情況 急速 攀升 短短 3 天 幾乎 翻倍 根據 3 月 13 日 聯合國教科文組織 官 網 資料 全球 39 個 國家 地區 有 421億 兒童 和 青少年 受 疫情 影響 而 停課 當時 計入 了 大學 以上 學生 是 6688萬 人 學前 到 高中 是 3545億</t>
  </si>
  <si>
    <t>停課 上學 新冠肺炎 新冠肺炎</t>
  </si>
  <si>
    <t>bnt 洪孟楷 疫苗 開 打 新冠肺炎</t>
  </si>
  <si>
    <t>臺灣 因應 新冠肺炎 疫情 全球 延 燒 日前 限制 外籍人士 入境 但 針對 外籍 配偶 釋出 簽證 自動 展 延 30 天 的 政策 不過 仍 有 在 台 停留 總 天數 不得 逾 180 天 的 規定 而 此 讓 不少 人 質疑 為 防疫 破 口 潮州 邱姓 越 婿 就 怕 已 2 度 延 簽 的 新</t>
  </si>
  <si>
    <t>新冠肺炎 簽證 外 配 越南 移民署</t>
  </si>
  <si>
    <t>新冠肺炎 臺灣 蔡 總統 調動 邱顯智</t>
  </si>
  <si>
    <t>高林 跨 足 生 醫 市場 新冠肺炎 呼吸 輔助器 新 設計 將 在 台 製造 與 銷售</t>
  </si>
  <si>
    <t>高林 2906 實業 19 日 宣佈 轉投資 事業 高昌 生 醫 針對 新冠肺炎 新 研發 出 呼吸 輔助 系統 將 與 原有 雙階陽 壓 呼吸器 交 由 臺灣 廠商 製造 生產 銷售 且 今年 年底 前 將 申請 美國 fda- eua 緊急 使用 授權 認證 如 通過 該 緊急 使用 授權 認</t>
  </si>
  <si>
    <t>高林 2906 實業 19 日 宣佈 轉投資 事業 高昌 生 醫 針對 新冠肺炎 新 研發 出 呼吸 輔助 系統 將 與 原有 雙階陽 壓 呼吸器 交 由 臺灣 廠商 製造 生產 銷售 且 今年 年底 前 將 申請 美國 fda- eua 緊急 使用 授權 認證 如 通過 該 緊急 使用 授權 認證 則 可於 美國 上市 銷售 高林 實業 早 在 2016 年 跨 足 生 醫 領域 除了 取得 杏 昌 生 技 1788 控制權 並于 同年 11 月 主導 高昌 生 醫 設立 從事 醫療 與 醫 美 設備 的 開發 與 設計 持 股 占 比 6134 高昌 生 醫 成立 於竹科 園區 股本 7000萬 元 以 臺灣 設計 臺灣 製造 為 成立 宗旨 主要 從事 雙階型 陽 壓 呼吸器 及 高 強度 聚焦 超 音波 拉 提 設備 等 設計 目前 高 強度 聚焦 超 音波 拉 提 機 已 在 東南亞 販賣 申請 臺灣 fda 認證 中 並 已 簽定 臺灣 東南亞 與 俄羅斯 等 地區 代理 合約 或 合作 備忘錄 技術 優勢 在於 能夠 輸出 穩定 的 超 音波 能量 可 提升 穩定度 及 可靠 度 至於 雙階型 陽 壓 呼吸器 則 已 提供 小量 試 產 並 可 配合 居家 照 護 等 衛福 政策 根據 高昌 指出 除 重症 患者 以外 多數 新冠 狀 肺炎 患者 使用 非 侵入 性 呼吸 輔助器 即可 舒緩 呼吸 不適 問題 因此 適用 睡眠 呼吸 中止 症 的 陽 壓 呼吸器 已 在 國際 間 廣泛 被 認可 運用 於 協助 新冠肺炎 確診 病 患 為 克服 陽 壓 呼吸器 的 傳染 風險 高昌 生 醫 已 設計 完成 新冠肺炎 患者 使用 的 gt anti- 19 bilevel niv 非 侵入 性 呼吸系統 將 交 由 臺灣 廠商 製造 生產 並於 臺灣 銷售 此外 並 計畫 於 今年 年底 前 申請 美國 fda-eua 緊急 使用 授權 認證 如 通過 該 緊急 使用 授權 認證 則 可於 美國 上市 銷售</t>
  </si>
  <si>
    <t>美 股 跌 不休 分析 師 新冠肺炎 是 個 藉 口</t>
  </si>
  <si>
    <t>美國股市 連續 三 天 下跌 全球股市 也 多 受 波及 根據 摩根士丹利 資本 國際 msci 全球 股指 表現 全球股市 市值 在 過去 四 個 交易日 內 蒸發 33 兆 美元 但 也 有 分析 師 表示 新冠肺炎 只 是 個 藉 口 為 已經 漲 過頭 股市 冷卻 下來 的 出口</t>
  </si>
  <si>
    <t>美國股市 連續 三 天 下跌 全球股市 也 多 受 波及 根據 摩根士丹利 資本 國際 msci 全球 股指 表現 全球股市 市值 在 過去 四 個 交易日 內 蒸發 33 兆 美元 但 也 有 分析 師 表示 新冠肺炎 只 是 個 藉 口 為 已經 漲 過頭 股市 冷卻 下來 的 出口 freedom asset management 投資 長 芬 瑟 弗萊徹 simon fentham-fletcher 在 週四 在 接受 cnbc 訪問 時說 許多 投資者 都 已經 準備 好 了 他們 其實 在 擔心 股市 不 會 永遠 漲 下去 他們 心理 其實 想 著 我們 是 不 要 退一步 弗萊徹 說 新冠肺炎 似乎 是 一個 藉 口 其實 熊 已經 徘徊 了 一段時間 他 補充 說 這 新冠肺炎 是 一個 完美 的 藉 口 但 他 也 認為 目前 市場 反應 有些 過分 誇大 這 也 呼應 的 川普 的 看法 他 在 美國 時間 週三 晚上 宣佈 副 總統 彭斯 將 是 負責 對抗 新冠肺炎 的 發展 而 川普 也 特別強調 新冠肺炎 對 美國 來說 風險 非常低 但 美國疾病控制與預防中心 cdc 還是 在 週三 證實 了 新冠肺炎 在 美國 的 已 具有 潛在 的 社區 傳播</t>
  </si>
  <si>
    <t>新冠肺炎 藉 口 弗萊徹 川普 美國</t>
  </si>
  <si>
    <t>新冠肺炎 臺灣 集中 檢疫所 病 患</t>
  </si>
  <si>
    <t>桃園 醫院 血液 淨化 療法 救回 病危 新冠肺炎 患者</t>
  </si>
  <si>
    <t>1 名 52 歲 女性 在 3 月 確診 新冠肺炎 後 因為 病情 急轉直下 衛福部 桃園 醫院 決定 採用 血液 淨化 療法 讓 患者 從 病危 到 可以 回家 過 母親節 院方 形容 就 好像 跟 人家 打架 直接 移除 過 多 的 敵人 就 有 機會 贏 此舉 也 獲 國際 期刊 發</t>
  </si>
  <si>
    <t>1 名 52 歲 女性 在 3 月 確診 新冠肺炎 後 因為 病情 急轉直下 衛福部 桃園 醫院 決定 採用 血液 淨化 療法 讓 患者 從 病危 到 可以 回家 過 母親節 院方 形容 就 好像 跟 人家 打架 直接 移除 過 多 的 敵人 就 有 機會 贏 此舉 也 獲 國際 期刊 發表 肯定 院方 表示 該 個案 在 3 月 15 日 確診 後 24 日 病情 急轉直下 有 肺 浸潤 並 插管 治療 26 日 轉移 至 桃園 醫院 後 院方 查詢 國內外 文獻 發現 不少 新冠肺炎 患者 是因為 體內 免疫 風暴 持續 惡化 不見得 是 病毒 影響 因此 在 無 有效 藥物 的 狀況 下 決定 採用 血液 淨化 療法 桃醫 副 院長 王偉傑 指出 患者 轉院 來時 狀況 相當 不 佳 根據 臨床 判斷 可能 半天 1 天 就 會 不治 院方 與 家屬 討論 後 採用 血液 淨化 療法 3 月 30 日 開始 連續 3 天 進行 血漿 置換術 合併 持續性 腎臟 替代療法 後續 4 天 進行 持續性 腎臟 替代療法 他 說 較 淺白 的 說法 就是 把 含有 過多 免疫物質 的 血 漿洗 掉 留下 血球 再 混合 乾淨 的 血漿 注 回 患者 體內 之後 再 用 重度 患者 洗 腎 的 方式 治療 這種 方式 就 好比 打架 1 個 打 30 個 一定 打 不 贏 但是 透過 療法 可以 移除 28 名 敵人 就 有 勝算 他 補充 過程 約 使用 1萬 毫升 血漿 患者 狀況 也 越來越 好 4 月 15 日 移除 氣管 內 管 17 日 開始 可以 用 練習 床 邊 支撐 坐 立 並 可 用紙 筆 line 等 與 家屬 溝通 現在 已經 痊癒 可 回家 過 母親節 桃 醫院 長 徐 永年 補充 為了 治療 該 個案 此次 有 腎臟 胸腔 加 護 病房 一般 護理 等 醫護 投入 經過 治療 成功 後 也 讓 醫院 未來 很 有 信心 面對 類似 的 患者 該 治療 方法 經 投稿 國際 期刊 後 也 被 其 接受 發表 相對 於 藥物 治療 血液 淨化 治療 沒有 藥物 副作用 帶來 的 不良影響 患者 兒子 也 透過 影片 說明 心聲 他 說 一 開始 覺得 確診 就 是 進 醫院 隔離 一段時間 就 好 了 沒 想到 媽媽 狀況 急轉直下 還 一度 插管 使用 呼吸器 差點 要用 葉 克 膜 所幸 經過 醫院 治療 後 每天 都 一點 一點 進步 他 也 說 這 段 時間 心情 真的 是 起起伏伏 所幸 媽媽 已經 從 昏迷 的 狀態 蘇醒 也 希望 其他 確診 病 患 儘快 好 起來</t>
  </si>
  <si>
    <t>從 前年 底 起 新冠肺炎 在 全球 肆虐 最近 各國 藥廠 終於 紛紛 推出 疫苗 盼 有效 減低 疫情 66 歲 女神 林青霞 今 5 日 淩晨 透露 本 週三 已經 接種 第一 劑 科興 疫苗 她 的 心得 是 沒什麼 反應 心情愉快 由 大陸 科興 控股 生物技術 有限</t>
  </si>
  <si>
    <t>從 前年 底 起 新冠肺炎 在 全球 肆虐 最近 各國 藥廠 終於 紛紛 推出 疫苗 盼 有效 減低 疫情 66 歲 女神 林青霞 今 5 日 淩晨 透露 本 週三 已經 接種 第一 劑 科興 疫苗 她 的 心得 是 沒什麼 反應 心情愉快 由 大陸 科興 控股 生物技術 有限公司 sinovac 生產 的 滅 活疫苗 克 爾來福 早先 在 印度 進行 測試 印尼 國營 生物 藥劑 公司 bio farma 表示 臨床 試驗 後 科興 疫苗 的 防護力 約 為 97 科興公司 則 解釋 97 應為 血清 抗體 陽 轉 率 昨 4 日 土耳其 哈傑 太 佩 大學 又 公佈 另 一 波 臨床 試驗 成果 認為 疫苗 保護率 約 為 835 而 去年底 土耳其 衛生部 公佈 的 保護 效率 為 9125 2 月 26 日 起 香港 針對 60 歲 以上 的 民眾 開放 施打 科興 控股 生物技術 有限公司 所 制 的 滅 活疫苗 據 知 港 府 總共 購買 100萬 劑 1 月 19 日 抵達 香港 第一 階段 只 安排 7萬 人 接種 原本 沒有 嚴重 不良 案例 僅 有 一 名 老人 反應 接種 後 心跳 變快 本月 3 日 媒體 報導 出現 第一 起 死亡 案例 死者 為 63 歲 男子 首日 施打 疫苗 後 28 日 發生 呼吸困難 情況 到 伊利沙伯 醫院 醫治 後 當天 不治 當局 衛生 署 第一 時間表 示 該 事件 與 疫苗 的 因果 關係 仍 無法 確認 香港 臨床 事件 評估 專家 委員會 則 說 專家 研 判 該 個案 死亡 與 疫苗 無 直接 關係 病人 有 慢性病 三高 缺血性 心臟病 等 解剖 後 死因 可能 是 冠心病 急性 心肌梗塞 及 肺水腫 之後 會 公開 解剖 報告 詳細 說明 在 開放 民眾 施打前 22 日 香港 特首 林鄭月娥 便 身體力行 施打 了 在 香港 的 第一 針 科興 疫苗 香港食物及衛生局 長 陳肇始 受訪 回應 愈多 人 打 愈 早 打 愈 好 希望 早日 達到 群體 免疫 今 林青霞 表示 週三 3 3 已 接種 科興 疫苗 感覺 不錯 沒什麼 後遺症 反應 心情 也 很 好 引來 網友 回應 我 昨天 打的 疫苗 除了 胳膊 有點痛 也 沒什麼 反應 姐姐 也 是 啊 我 正在 考慮 打 不 打疫苗 本來 有 一 絲 絲 害怕 看到 姐姐 這樣 說 不 害怕 了 姐姐 我 今天 要 去 打 第二 針 了 此刻 在 單位 通宵 加班 姐姐 我 也 打過 沒有 什麼 感覺</t>
  </si>
  <si>
    <t>新冠肺炎 疫苗 科興 疫苗 林青霞 接種</t>
  </si>
  <si>
    <t>新冠肺炎 臺灣 金 芭 黎 舞廳 臨檢 高雄</t>
  </si>
  <si>
    <t>西園 醫院 疫苗 萬 華區 新冠肺炎 臺灣</t>
  </si>
  <si>
    <t>疫苗 衛生局 中興 醫院 新冠肺炎 臺灣</t>
  </si>
  <si>
    <t>湯姆漢克 夫妻 染 新冠肺炎 兒 報平安 都 很 好</t>
  </si>
  <si>
    <t>新冠肺炎 臺灣 北市 警 督察 三線 一 星</t>
  </si>
  <si>
    <t>昨天 3 28 臺灣 新增 了 2 個 本土 病例 其中 一 位 案 269 是 一 名 北部 30 多 歲 男性 3 次 就醫 後 沒 好轉 被 通報 采 檢 最後 確診 新冠肺炎 最新消息 指出 他 的 工作 是 在 桃園 機場 接待 貴賓 上周 曾 接待 一 名 菲律賓 返台 的 某部 會 官員 兒子</t>
  </si>
  <si>
    <t>新冠肺炎 有數 起 確診 個案 沒有 特別 症狀 但 出現 低 血 氧 快速 惡化 後 猝死 情形 及時 掌握 生理 資料 已成 防疫 重要 課題 經濟部 技術處 支持 工研院 聯合 跨 域 業者 與 新竹 台 大 分院 共同 合作開發 生理 訊號 即時 監測 整合 平臺 可望 成</t>
  </si>
  <si>
    <t>新冠肺炎 有數 起 確診 個案 沒有 特別 症狀 但 出現 低 血 氧 快速 惡化 後 猝死 情形 及時 掌握 生理 資料 已成 防疫 重要 課題 經濟部 技術處 支持 工研院 聯合 跨 域 業者 與 新竹 台 大 分院 共同 合作開發 生理 訊號 即時 監測 整合 平臺 可望 成為 醫護人員 防疫 照 護 的 利器 工研院 生 醫 所 所長 林啟 萬 表示 生理 訊號 即時 監測 整合 平臺 是 將 體溫 脈搏 次數 呼吸 頻率 血壓 數值 血 氧 濃度 等 五大 生理 資料 蒐集 置 平 臺上 所有 資料 都 要求 須去 個 資 化 並且 符合 醫院 規範 目前 已 導入 新竹 台 大 分院 進行 臨床 應用 合作 林啟 萬 說 初期 目標 是 依據 臨床 醫護人員 的 使用 需求 評估 平 台中 蒐集 生理 資訊 的 適用性 與 穩定性 希望 能 快速 導入 使用 讓 醫療 照 護 生理 資料 監控 更 即時 化 自動化 非 接觸 化 能 降低 醫護人員 接觸 感染 的 機會 新竹 台 大 分院 副 院長 譚慶鼎 副 表示 疫情 期間 更 突顯 遠 距 即時 監測 的 重要性 透過 與 工研院 合作 的 生理 訊號 即時 監測 整合 平臺 可 跨越 空間 與 時間 限制 自動 蒐集 生理 資料 並 持續 監控 解決 醫護 人力不足 問題 同時 也 能 提升 醫療 品質 目前 各 醫院 每個 護理 師 平時 約 照顧 7 到 10 個 病人 未來 該 平臺 運用 後 可望 提供 醫院 專責 病房 集中 檢疫所 防疫 旅館 甚至 居家 進行 遠 端 即時 掌握 患者 生理 狀況 減少 醫護人員 與 確診 患者 接觸 感染 風險 更 能 時時 守護 生命 跡 象 提升 病人 安全 工研院 同時 會 持續 透過 開放平臺 銜接 進入 國內 重要 防疫 單位 如 新北 雙 和 醫院 北市 聯 醫 深 坑 集中 檢疫所 蘭陽 集中 檢疫所 等 擴大 場 域 連接 應用 加強 國內 防疫 照 護 能量</t>
  </si>
  <si>
    <t>北京 在 連續 兩 天 出現 3 例 來源不明 的 本土 新冠肺炎 確診 案例 後 今 13 日 又 傳出 新增 6 例 本土 病例 由於 北京 疫情 有 擴大 趨勢 目前 北京 已 關閉 多 處 市場 和 社區 並 採取 多 項 措施 避免 感染 繼續 擴大 新 京 報 報導 大陸 國家</t>
  </si>
  <si>
    <t>北京 在 連續 兩 天 出現 3 例 來源不明 的 本土 新冠肺炎 確診 案例 後 今 13 日 又 傳出 新增 6 例 本土 病例 由於 北京 疫情 有 擴大 趨勢 目前 北京 已 關閉 多 處 市場 和 社區 並 採取 多 項 措施 避免 感染 繼續 擴大 新 京 報 報導 大陸 國家 衛健 委 發佈 消息 稱 6 月 12 日 0 24 時 全國 31 個 省 自治區 直轄市 和 新疆生產建設兵團 報告 新增 確診 病例 11 例 其中 境外 輸入 病例 5 例 本土 病例 6 例 而 本土 確診 病例 均 在 北京 ettoday 新聞 雲 報導 這 兩 天 北京 也 已 通報 3 起 確診 病例 分別 分 佈 在 豐台區 以及 西城區 不過 這 3 人 都稱 他們 沒有 接觸 過 外來人員 甚至 長 時間 未 離開 北京 引起 外界 討論 與 關注 此外 為了 避免 感染 擴大 北京市政府 關閉 包括 豐台區 新發地批發市場 在內 的 多 處 市場 並 另 設 蔬菜 水果 交易 專區 保障 市場供應 同時 暫停 小學生 複課 呼籲 民眾 不要 群 聚 性 用餐 並 停止 體育賽事 舉辦</t>
  </si>
  <si>
    <t>新冠肺炎 疫情 擴散 世界 各國 紛紛 鎖國 應對 也 讓 觀光業 遭受 嚴重 衝擊 一 名 網友 就 貼出 長 榮 空服 員 班表 表示 這個 在 長 榮 上班 的 朋友 一路 休到 月底 這 名 空服 員 還 在 照片 下方 苦中作樂 說 哪裡 缺 打工 小妹 嗎 一 名 網友 在</t>
  </si>
  <si>
    <t>新冠肺炎 疫情 擴散 世界 各國 紛紛 鎖國 應對 也 讓 觀光業 遭受 嚴重 衝擊 一 名 網友 就 貼出 長 榮 空服 員 班表 表示 這個 在 長 榮 上班 的 朋友 一路 休到 月底 這 名 空服 員 還 在 照片 下方 苦中作樂 說 哪裡 缺 打工 小妹 嗎 一 名 網友 在 ptt 八卦 版 po 出 圖片 表示 自己 在 長 榮 上班 的 空服 員 朋友 直接 一路 放到 月底 透過 圖片 可以 看到 這 位 空服 員 自從 3 月 9 日 之後 就 沒有 任何 航班 可 飛 直接 放到 31 日 該 空服 員 還 在 圖片 下方 說 一路 放到 31 日 我 也 是 呵 呵 哪裡 有 缺 打工 小妹 嗎 網友 紛紛表示 來 當 熊貓吧 ubereats 是 你 的 好 選擇 星 宇 不 就 更慘 這樣 還有 底薪 三萬 可以 領 耶 這個 假 只是 沒有 日 支 費跟服 勤 獎勵 而已 吧 受到 疫情 影響 觀光業 苦哈哈 航空 業 更是 首當其衝 長 榮 17 日 也 宣佈 跟進 華航 開放 無 薪 專案 事假 希望 減低 成本 不 過長 榮 強調 年資 照 計 也 不 影響 考評</t>
  </si>
  <si>
    <t>長 榮 空服 員 班表 新冠肺炎 打工</t>
  </si>
  <si>
    <t>小港 高市 母親節 高雄 新冠肺炎</t>
  </si>
  <si>
    <t>新冠肺炎 臺灣 桃園 金沙酒店 匡列</t>
  </si>
  <si>
    <t>大陸 gdp 經貿 新冠肺炎 疫情 經濟</t>
  </si>
  <si>
    <t>臺北 地下街 群 聚 公廁 沈政男 新冠肺炎</t>
  </si>
  <si>
    <t>受到 新冠肺炎 持續 未 歇 的 影響 預定 在 2 24 2 27 舉辦 的 mwc 2020 全球 行動 通訊 大會 已經 宣佈 停辦 是 33 年 來 首例 對於 全球 行動 通訊 相關 產業 而言 影響 幅度 不小 而 原定 在 mwc 期間 發表 新品 的 廠商 因應 措施 不一 o</t>
  </si>
  <si>
    <t>受到 新冠肺炎 持續 未 歇 的 影響 預定 在 2 24 2 27 舉辦 的 mwc 2020 全球 行動 通訊 大會 已經 宣佈 停辦 是 33 年 來 首例 對於 全球 行動 通訊 相關 產業 而言 影響 幅度 不小 而 原定 在 mwc 期間 發表 新品 的 廠商 因應 措施 不一 oppo 方面 原訂 在 mwc 期間 在 中國 大陸 海外 舉行 的 find x 2 新機 發表會 確定 延到 三月 舉行 但 確切 日期 與 地 點 沒有 公佈 在 多 家 廠商 紛紛 宣佈 提前 退出 mwc 2020 展 會 之際 oppo 與 華為 huawei 是 少數 表達 仍舊 將 如期 前往 參展 的 廠商 不過 既然 主辦單位 gsma 全球 行動 通訊 系統 協會 已 正式 宣佈 停辦 本屆 展會 oppo 方面 表示 尊重 並 理解 gsma 的 決定 而 因此 受到 影響 的 原訂 發表 計畫 oppo 則 是 指出 將 會 將 原本 的 find x 2 發表會 延 後 到 三月 oppo find x 2 的 前 一代 機種 find x 是 他們 在 2018 年 6 月份 推出 的 新機 運用 了 不少 目前 沒有 普遍 使用 在 oppo 手機 中的 技術 包含 採用 雙軌 潛 望 結構 將 前後 鏡頭 跟 3 d 結構 光 相關 元件 都 整 合在 其中 有 需要 使用 時才會 升起 在 當時 許多 手機 還有 瀏海 的 環境 下 因為 雙軌 潛 望 結構 而 展現 的 全螢幕 設計 更 引人注目 根據 oppo 副 總裁 沈義人 的 twitter 發文 find x 繼任 者 find x 2 預期 搭載 120 hz 螢 幕 更新 率 240 hz 螢 幕 取樣速率 2 k 螢 幕 解析 度 sdr 轉 hdr 技術 以及 hdr 模式 下 峰值 亮度 達到 1200 nits 等 特性 此外 也 可能 搭載 65 w supervooc 超級 閃充 技術 this is my kind of flagship 120 hz refresh rate 2 k resolution 240 hz sampling sdr to hdr conversion hdr up to 1200 nits brightness 100 dci-p 3 此前 android 旗艦 陣列 中 三星 小米 都 各自 推出 了 旗 下 新兵 galaxy s 20 系列 小米 10 系列 在此之後 將 會 迎來 一 波 安卓 oem 廠 發表 年度 新機 的 浪潮 oppo find x 2 當然 也 名列 其中 據 瞭解 將 會 有 find x 2 以及 find x 2 pro 兩 個 機種 預計 有 機會 用上 snapdragon 865 處理器 支援 wi-fi 6 搭載 最新 的 android 10 作業系統</t>
  </si>
  <si>
    <t>快 篩 六輕 廠 區 台塑 確診 新冠肺炎</t>
  </si>
  <si>
    <t>沈榮津 新冠肺炎 快 篩 試劑 預計 半 年 後 上市</t>
  </si>
  <si>
    <t>行政院長 蘇貞昌 與 經濟部長 沈榮津 金在 立院 總 質詢 對於 新冠肺炎 快 篩 試劑 研發 議題 沈 表示 預計 半 年 之後 可以 完成 上市 沈榮津 6 日 在 立 法院 總 質詢 中 回答 國民黨 立 委 林奕華 質詢 新冠肺炎 快 篩 試劑 研發 時程 時 表示 新冠肺炎</t>
  </si>
  <si>
    <t>行政院長 蘇貞昌 與 經濟部長 沈榮津 金在 立院 總 質詢 對於 新冠肺炎 快 篩 試劑 研發 議題 沈 表示 預計 半 年 之後 可以 完成 上市 沈榮津 6 日 在 立 法院 總 質詢 中 回答 國民黨 立 委 林奕華 質詢 新冠肺炎 快 篩 試劑 研發 時程 時 表示 新冠肺炎 快 篩 試劑 預計 半 年 之後 可以 完成 上市</t>
  </si>
  <si>
    <t>總 質詢 立法 院 蘇貞昌 沈榮津 新冠肺炎</t>
  </si>
  <si>
    <t>新冠肺炎 社交 安全 距離 慢 跑 口罩 飛沫傳染</t>
  </si>
  <si>
    <t>受到 新冠肺炎 疫情 影響 新加坡 航空 子公司 酷 航 23 日 宣佈 停 飛 為 廉價 航空界 丟 下 一 顆 震撼 彈 酷 航 聲明 指出 新冠肺炎 疫情 造成 各國 加強 邊境 控管 旅行 需求 下降 故 自即日起 至 4 月中 下旬 暫時 停 飛 幾近 所有 航線 一個 沒</t>
  </si>
  <si>
    <t>受到 新冠肺炎 疫情 影響 新加坡 航空 子公司 酷 航 23 日 宣佈 停 飛 為 廉價 航空界 丟 下 一 顆 震撼 彈 酷 航 聲明 指出 新冠肺炎 疫情 造成 各國 加強 邊境 控管 旅行 需求 下降 故 自即日起 至 4 月中 下旬 暫時 停 飛 幾近 所有 航線 一個 沒有 旅行 沒有 飛機 起降 邊境 關閉 的 世界 酷 航 以 15 架 波音 787 投入 營運 舒適 性 打 趴 一 票 廉 航 故 成為 許多 民眾 心中 飛行 首選 沒 想到 受 新冠肺炎 波及 才 會 做出 停 飛 決定 酷 航 直言 一個 沒有 旅行 沒有 飛機 起降 邊境 關閉 的 世界 都 是 我們 曾 難以想像 的 但 這 正是 世界 的 現況 酷 航 接下來 會 對 已 訂 票 旅客 逐一 通知 並以 酷 航 旅行 代 圈 券 方式 退費 預計 在 30 天內 完成 由於 配合 菲律賓政府 防疫 措施 也 已 關閉 位於 馬尼拉 的 電話 客服 中心 並 設置 臨時 英文 客 服 專線 65 66815410 酷 航 最後 感性 提到 世界 還 是 充滿 無限 精采 的 風景 令人驚 豔 的 文化 及 難忘 的 體驗 即使 在 此刻 遇到 種種 困難 旅行 的 精神 世界 上 人 與 人 乃至 文化 間 的 緊密 連結 都能 美好 延續 更 多 ctwant 報導</t>
  </si>
  <si>
    <t>酷 航 停 飛 新冠肺炎 關閉 旅行</t>
  </si>
  <si>
    <t>新冠肺炎 臺灣 非在 籍 長者 施打</t>
  </si>
  <si>
    <t>新冠肺炎 疫情 肆虐 全球 儘管 各國 救 市 措施 相繼 出爐 然 隨 著 世界衛生組織 宣佈 全球 疫情 進入 大 流行 階段 加劇 投資人 恐慌 情緒 市場 賣壓 沉重 投 信 法人 表示 資產 價格 震盪 加劇 投資 上 更 需要 有 風險 控管 意識 特別 是 近期 金</t>
  </si>
  <si>
    <t>新冠肺炎 疫情 肆虐 全球 國內外 醫護人員 身 處 在 第一線 抗 疫 見證 不少 令 人 心碎 的 畫面 馬來西亞 醫師 提摩西 timothy lau 就 透露 一 名 重症 老婦 人 在 插管 前 打電話 向 兒子 道別 並 叮囑 如果 媽媽 最後 沒有 醒來 不要 自</t>
  </si>
  <si>
    <t>新冠肺炎 疫情 肆虐 全球 國內外 醫護人員 身 處 在 第一線 抗 疫 見證 不少 令 人 心碎 的 畫面 馬來西亞 醫師 提摩西 timothy lau 就 透露 一 名 重症 老婦 人 在 插管 前 打電話 向 兒子 道別 並 叮囑 如果 媽媽 最後 沒有 醒來 不要 自責 短短 一 句 話 惹 哭 數 萬 網友 提摩西 日前 在 ig 上 分享 第一線 的 抗 疫 日常 由於 新冠 病毒 傳染 力 高 因此 他 堅持 在 實施 插管 前 會 留 一點 時間 讓 病 患 與 親友 告別 或是 要求 患者 致電 給 某人 說說話 其中 一 名 即將 接受 插管 的 重症 婦人 則 選擇 打電話 給 兒子 她 在 電話 中 說道 媽媽 不怪 你 把 病毒 帶回家 更 溫柔 叮囑 如果 媽媽 最後 沒有 醒來 不要 自責 比起 悲傷 更 要 堅強 振作 短短的 通話 內容 讓 提摩西 相當 震撼 決定 將 此事 透過 ig 記錄下來 並 貼出 自己 身穿 防護衣 累 趴 在 桌上 的 黑白照片 向 眾人 分享 身為 抗 疫 第一線 的 醫護人員 所 看到 的 日常 景象 文末更加 注 #protectourelderly 標籤 呼籲 民眾 在 防疫 之 餘 別忘了 保護 較為 脆弱 的 長輩 貼 文一 出 感動 無數 網友 至今 累計 3萬 多 人 按 贊 貼 文也 不斷 瘋 傳 許多 網友 紛紛 湧入 原文 祈禱 病 患 早日康復 並 感謝 前線 醫護人員 的 辛苦 付出 timothy lau @timothylau_qs 分享 的 貼 文</t>
  </si>
  <si>
    <t>新冠肺炎 全球 重症 插管 timothy lau</t>
  </si>
  <si>
    <t>晶 心 科 聯發 科 新冠肺炎 risc-v 授權 金</t>
  </si>
  <si>
    <t>旅遊業者 五 福 2745 2019 年 獲利 動能 回升 稅 後 淨利 026億 元 年 增 達 126 倍 每股 盈 餘 eps 089 元 面對 新冠肺炎 疫情 對 營運 嚴峻 衝擊 董事會 決議 跟進 自救 董事 自 3 月 起 不 支 領 薪 酬 及 2019 年 酬勞 高階 主管 支持 自主 減</t>
  </si>
  <si>
    <t>旅遊業者 五 福 2745 2019 年 獲利 動能 回升 稅 後 淨利 026億 元 年 增 達 126 倍 每股 盈 餘 eps 089 元 面對 新冠肺炎 疫情 對 營運 嚴峻 衝擊 董事會 決議 跟進 自救 董事 自 3 月 起 不 支 領 薪 酬 及 2019 年 酬勞 高階 主管 支持 自主 減 薪 至 疫情 結束 五 福 董事會 通過 2019 年 股利 分派 案 擬 配發 每股 現金 股利 03 元 持平 去年 盈 餘 配發 率 降 至 3371 低點 以 24 日 收盤價 121 元 計算 現金 殖 利率 約 248 公司 將 於 6 月 22 日 召開 股東 常會 補選 1 席 董事 五 福 昨 24 日 股價 下 探 119 元 創 上櫃 以來 新低 以 1 月中 高點 計算 2 個 月 股價 已 腰斬 隨 著 大盤 今 25 日 再度 強勁 反彈 五 福 股價 跟進 開高 後 走 揚 早 盤 上漲 207 至 1235 元 五 福 2019 年 營 收 6303億 元 年 減 233 仍 創 歷史 第 3 高 毛利率 1028 營益 率 07 優於 前年 1015 02 營益 率 創 歷史 次高 稅 後 淨利 026億 元 年 增 達 126 倍 每股 盈 餘 eps 089 元 優於 前年 041 元 不過 五 福 2019 年 第 四季 營運 轉 弱 營 收 1334億 元 季 減 1891 年 增 416 毛利率 968 營益 率 負 2 01 均 為 近 1 年 低點 加上 業外 轉 虧 稅 後 虧損 026億 元 每股 虧損 092 元 雙創 單季 新低 新冠肺炎 疫情 使 觀光 旅遊業 營運 首當其衝 五 福 2020 年 2 月 自 結合 並 營 收 321億 元 月 減 3723 年 減 4954 創 歷史 第 3 低 紀錄 累計 1 2 月 合併 營 收 834億 元 年 減 21 創 同期 新低 面對 營運 遭逢 嚴重 影響 為 降低 對 股東 影響 考量 員工 權益 五 福 董事會 決議 董事 自 3 月 起 不 支 領 薪 酬 及 2019 年 酬勞 高階 主管 在 疫情 期間 支持 自主 減 薪 直至 疫情 結束 後 恢復正常 目前 持續 進行教育 訓練 課程 提升 員工 技能 優化 各項 流程 作業 做好 各項 準備</t>
  </si>
  <si>
    <t>防 新冠肺炎 病毒 消毒 相關 商品 瞬間 變 搶手貨 許多 人 好奇 洗完 手 到底 要 不 要 再 噴 一下 酒精 消毒 皮膚科 醫師 表示 多數 人 對於 酒精 的 認知 存在 錯誤 迷 思 過度 使用 反而 適得其反 甚至 恐 讓 防疫 破 功 為了 徹底 消毒 不少 人 會</t>
  </si>
  <si>
    <t>防 新冠肺炎 病毒 消毒 相關 商品 瞬間 變 搶手貨 許多 人 好奇 洗完 手 到底 要 不 要 再 噴 一下 酒精 消毒 皮膚科 醫師 表示 多數 人 對於 酒精 的 認知 存在 錯誤 迷 思 過度 使用 反而 適得其反 甚至 恐 讓 防疫 破 功 為了 徹底 消毒 不少 人 會 在 洗手 完 後 馬上 噴 酒精 認為 可以 達到 雙重 保障 華人 健康 網 報導 皮膚科 醫師 胡怡萱 表示 酒精 是 無法 洗手 時 暫時性 的 折衷 清潔 方式 並 不能 完全 取代 洗手 而且 酒精 對於 皮膚 有 一定 的 刺激性 若 過度 接觸 容易 讓 皮膚 幹 癢 緊 繃 甚至 脫 屑 過敏 若不慎 引起 接觸性 皮膚 炎 等 問題 而 出現 傷口 反而 更 容易 細菌 感染 不可 不慎 胡 怡 萱 提醒 使用 酒精 消毒 應 注意 下列 3 件 事 1 不能 完全 取代 洗手 當 手上 有 大 顆粒 髒汙 或 黏 膩 感 時 還是 建議 以 流動 清水 清洗 2 濃度 用量 適中 酒精 濃度 並非 越 高 越 好 75 濃度 的 酒精 能 穿透 病菌 引起 蛋白質 變性 降解 導致 病毒 細菌 死亡 但 若 調 錯 濃度 或 用量 太 少 都 會 讓 消毒 效果 大打折扣 3 噴灑 後 未 充分 搓 揉 噴灑 後 應 適度 模擬 洗手 動作 包括 手心 手背 外 指尖 指 縫 虎口 手腕 等 部位 都 要 徹底 搓洗 直到 酒精 揮發 才能 真正 達到 消毒 作用</t>
  </si>
  <si>
    <t>新冠肺炎 bnt 疫苗 年輕人 李明賢</t>
  </si>
  <si>
    <t>新冠肺炎 臺灣 確診 聯合醫院 松德 院區</t>
  </si>
  <si>
    <t>新田 真 劍 佑 約會 趴 趴 走 口罩 沒 戴好 2 天 後 確診 新冠肺炎</t>
  </si>
  <si>
    <t>日本 疫情 持續 升溫 今 21 日 沖繩縣 新增 207 例 確診 創 當地 新高 紀錄 日本政府 決定 將 沖繩縣 納入 緊急 事態 宣言 物件 地區 近日 根據 日本 媒體 的 報導 24 歲 日本 藝人 新田 真 劍 佑 原定 上週五 14 日 要到 美國 拍攝 新片 不料 在 出發 美國 前 確診 新冠肺炎 暫停 取消 目前 所 規劃 的 活動 據 日本 媒體 friday 報導 新田 真 劍 佑 12 日 中午 和 女友 現身 在 銀座 約會 卻 未 將 口罩 未 覆蓋 口 鼻 當天 除了 去 到 銀座 以外 還 去 到 港 區 原宿 然而 這 並 不是 新田 真 劍 佑 第一 次 沒有 落實 將 口罩 戴 好 去年 5 月 新田 真 劍 佑 與 朋友 們 更是 不顧 緊急 事態 宣言 到 沖繩 最後 親筆 寫信 道歉 新田 真 劍 佑 出生 於 美國 出道 的 時後 因 顏值 高 而 受到 關注 身為 星二 代 的 他 曾在 父親 主演 的 的 電影 父親 參與 演出 在 高中 畢業 後 回到 日本 爸爸 千 葉 真 一則 是 日本 演員 製片人 導演 曾 演出 玩命 關頭 3 東京 甩 尾 古惑 仔 6 勝者為王 追 殺 比爾 等 知名 電影 2006 年 逐漸 離開 螢光幕 上 兒子 新田 真 劍 佑 於 2012 年 開始 參與 電影 演出 包含 騷 音 劇場 版 假 面 騎士 drive surprise future 等 作品 知名 電影 花 牌 情緣 更是 新田 真 劍 佑 經典 代表作品 在 電影 故事情節 裡 新田 真 劍 佑 飾演 一 位 性格 安靜 沈穩 的 角色 劇中 帶 著 一 副 黑 框 眼鏡 表情 嚴肅 因 劇中 角色 的 演技 細膩 讓 他 獲得 第 40 屆 日本 電影 學院 獎 年度 新人 獎</t>
  </si>
  <si>
    <t>新田 真 劍 佑 約會 新冠肺炎 沖繩縣</t>
  </si>
  <si>
    <t>新冠肺炎 臺灣 補習班 規定 空間</t>
  </si>
  <si>
    <t>小 編 精選 中國時報 5 件 不可 不知 大事 帶 讀者 掌握 今天 15 日 新聞 重點 1 who 顧問 稱 全球 2 3 人口 會 被 傳染 新冠肺炎 令 世人 聞 之 色 變 世界衛生組織 who 顧問 朗 吉尼 ira longini 語 出 驚 人稱 估計 全球 感染 新型</t>
  </si>
  <si>
    <t>新冠肺炎 臺灣 接種 民眾 花博</t>
  </si>
  <si>
    <t>川普 稱 新冠肺炎 中國 病毒 學霸 女星 看不下去 爆粗 口</t>
  </si>
  <si>
    <t>川普 中國 病毒 新冠肺炎 學霸 陳法拉</t>
  </si>
  <si>
    <t>新冠肺炎 疫情 趨 緩 全台 確診 數 多 日 掛零 舞廳 酒店 等 陪 侍 行業 仍 不 見解 封 台南 市 萬象 舞廳 為 幫 員工 找出路 8 月 成立 綜合性 社團 22 日 再 申請 通過 全台 首 張 舞廳 職業工會 牌照 未來 台南 市 八大 的 員工 與 小姐 皆 可 納入 會員</t>
  </si>
  <si>
    <t>新冠肺炎 疫情 趨 緩 全台 確診 數 多 日 掛零 舞廳 酒店 等 陪 侍 行業 仍 不 見解 封 台南 市 萬象 舞廳 為 幫 員工 找出路 8 月 成立 綜合性 社團 22 日 再 申請 通過 全台 首 張 舞廳 職業工會 牌照 未來 台南 市 八大 的 員工 與 小姐 皆 可 納入 會員 便於 請領 政府 補助 與 勞健 保 臺灣 連續 兩 年 歷經 新冠肺炎 風暴 社會 百業 兩 度 受到 衝擊 其中 八大 行業 被禁 最久 政府 紓困 補助 卻 無法 實際 有效 八大 員工 成為 最慘 的 一 群 台南 市 萬象 舞廳 8 月 成立 台南 市 育樂 事業 商業 權益 促進會 為 17 項 娛樂場所 產業 發聲 並 走 上 街頭 抗議 業者 22 日 再 申請 全台 首 張 舞廳 職業工會 牌照 保障 八大 員工 生存 權 業者 吐露 員工 心聲 大部分 從事 八大 行業 的 員工 不是 欠債 就是 需 錢 孔急 屬 弱勢團體 若 在 公司 投保 勞健 保 每個 月 一 有 薪水 就 會 被 銀行 扣錢 有 8 成 員工 都會 選擇 退出 投保 公司 也 樂得 不用 幫 付一 筆 退休 整備 金 少部分 重視 權利 者 會 另外 加入 視聽 歌唱 工會 投保 紓困 都 是 看 的 到 吃 不 到 啦 不料 去年 發生 新冠肺炎 疫情 事件 台南 市 萬象 舞廳 有 200 位 員工 與 小姐 僅 有 10 人 有 勞保 因此 業者 與 從業人員 都 盼 不要 紓困 只要 複業 員工 沒有 投保 紓困 金 根本 領 不 到 儘管 舞廳 酒店 為 求生存 改 為 ktv 營業 但 無法 經營 餐飲 等於 斷 了 業者 一 肢 胳臂 有 業者 苦 稱 業績 不 到 往日 一半 店 內 小姐 地下 化 成為 飯局 妹 傳播 妹 自 營私 接 熟客 每天 引 頸 企盼 政府 實質 開放 卻 還 看不到 解禁 的 盡頭 台南 市 萬象 舞廳 老闆 曾正義 擔心 再有 相關 事件 重演 員工 陷入絕境 近日 申請 通過 舞廳 職業工會 牌照 再 擔任 理事長 未來 酒店 舞廳 的 員工 與 小姐 將 納入 會員 可 從 工會 投保 又 不 怕 被 扣 薪水 不用 再 看到 員工 苦哈哈 度日 卻 束手無策 台南 市 勞工 局 表示 舞廳 職業工會 是 台南 市 首 張 牌照 查遍 全台 各縣市 尚無 相關 名稱 的 職業工會 成立 可 算是 全台 第 1 張 牌照</t>
  </si>
  <si>
    <t>舞廳 工會 八大 新冠肺炎 紓困</t>
  </si>
  <si>
    <t>近 兩 周 全球股市 宛如 坐大 怒 神 當 股市 出現 疑 似 止 穩 反彈 跡象 股市 又 開始 崩 跌 尤其 在 3 月 9 日 美 股 道 瓊 崩 跌 兩千 逾 點 道 瓊 美 債 一度 都 因為 市場 過度 反應 出現 溶 斷 機制 市場 風聲鶴唳 主因 來自 於一 新冠肺炎 擴散 至 全球</t>
  </si>
  <si>
    <t>新竹 縣 新冠肺炎 臺灣 機構 感染 源 不明</t>
  </si>
  <si>
    <t>新冠肺炎 疫情 升高 南韓 在 短短幾天 全國 淪陷 感染 患者 以 倍數 暴 增 目前 確診 病例 已 達 1261 人 並 有 12 人 死亡 面對 嚴峻 疫情 不少 大 咖 明星 慷慨解囊 盼 和 大家 共同 抗 疫 一起 度過難關 據 韓媒 報導 為 幫助 政府 預防 疫情</t>
  </si>
  <si>
    <t>新冠肺炎 疫情 升高 南韓 在 短短幾天 全國 淪陷 感染 患者 以 倍數 暴 增 目前 確診 病例 已 達 1261 人 並 有 12 人 死亡 面對 嚴峻 疫情 不少 大 咖 明星 慷慨解囊 盼 和 大家 共同 抗 疫 一起 度過難關 據 韓媒 報導 為 幫助 政府 預防 疫情 許多 藝人 紛紛 捐款 支援前線 或是 捐 給 弱勢群體 購買 口罩 酒精 像是 影帝 宋康昊 李秉憲 孔劉 劉在錫 鄭雨盛 薑虎 東 金 憓 秀 秀 智 樸敘俊 惠利 金高恩 等 人 都 各自 捐 了 1億 韓元 而 停工 2 年 半 治療 鼻咽癌 的 金宇彬 雖然 這 期間 沒有 收入 仍 和 女友 新 慜娥 各自 捐款 1億 韓元 另外 李英愛 朴寶英 朱智勳 等 人 也 捐 了 5000萬 盼望 可為 防疫 盡 一 份 心 力</t>
  </si>
  <si>
    <t>鑽石 公主 號 魔術師 郵輪 陳日升 新冠肺炎</t>
  </si>
  <si>
    <t>新冠肺炎 疫情 蔓延 全球 歐美 已經 成為 重災區 臺灣 至 今 67 例 確診 病 患 社區 傳染 並未 大面積 爆發 令 西方 輿論 刮目相看 臺灣 公衛 團隊 的 專業 高效 行政 措施 的 果斷 有力 防疫 資訊 的 及時 透明 以及 全社會 的 廣泛 配合 都是台</t>
  </si>
  <si>
    <t>新冠肺炎 激發 ar vr 應用 商機</t>
  </si>
  <si>
    <t>過去 一 周 美國 單日 新增 新冠肺炎 確診 病例 突破 18萬 大關 累計 病例 已 約 1100萬 甚至 還 傳出 連 美國 特勤局 有 超過 130 名 探 員 確診 對此 前 立 委 林濁水 直言 民 粹 總統 忙 造 勢 糟 殃 的 那裡 只是 特 勤 但 不 民 粹 怎 能 沖高 選票 並</t>
  </si>
  <si>
    <t>川普 民 粹 林濁水 川 粉 新冠肺炎</t>
  </si>
  <si>
    <t>桃園 小人 國 xpark 水族館 天幕 球場 新冠肺炎</t>
  </si>
  <si>
    <t>正 在 備戰 東京 奧運 的 美國 女籃 隊 總 教練 休斯 dan hughes 之前 因為 帶領 母 隊 西雅圖 風暴 爭奪 wnba 總 冠軍 戰 暫時 缺席 隨 著 賽事 結束 他 也 打 了 新冠肺炎 疫苗 將 加入 國家隊 第二 次 迷你 訓練營 我 真的 很 幸運 休斯 開心 跟</t>
  </si>
  <si>
    <t>正 在 備戰 東京 奧運 的 美國 女籃 隊 總 教練 休斯 dan hughes 之前 因為 帶領 母 隊 西雅圖 風暴 爭奪 wnba 總 冠軍 戰 暫時 缺席 隨 著 賽事 結束 他 也 打 了 新冠肺炎 疫苗 將 加入 國家隊 第二 次 迷你 訓練營 我 真的 很 幸運 休斯 開心 跟 媒體 報告 好 消息 我 是 能夠 相當 早 施打 疫苗 的 人 因為 剛好 有 多 的 疫苗 如果 再 不 使用 就 會 浪費 了 休斯 並說 他 能夠 接種 疫苗 還 是 自己 帶過 的 球員 幫忙 的 很棒 的 是 我 1978 年 帶過 的 控 球 後衛 打電話 給 我 跟 我 說 教練 你 能 在 45 分鐘 內 到 我 這邊 嗎 我們 有 多 的 疫苗 想要 提供 給 需要 的 人 施打 我 現在 的 住所 剛好 離 那邊 不遠 我 就 立刻 驅車 前往 休斯 已經 65 歲 符合 俄亥俄州 接種 疫苗 的 人口 但 也 因為 年紀 較 長 加上 2019 年 動 過 切除 闌尾 惡性腫瘤 手術 醫生 擔心 他 到 人潮 較 多 地方 會 增加 感染 新冠肺炎 的 風險 去年 就 阻止 他 去 訓練營 如今 施打新冠肺炎 疫苗 讓 他 可以 順利完成 教練 任務 他 開心 表示 自己 受到 祝福 才能 從事 熱愛 的 工作 並能 回到 場邊 面對面 和 球員 互動</t>
  </si>
  <si>
    <t>新冠肺炎 疫情 蔓延 防疫 計程車 成為 載運 居家 檢疫 隔離 者 交通 工具 桃園 市 與 機場 合計 共 400 餘 輛 新竹 市 27 日 也 成立 防疫 車隊 初期 規 畫 3 輛 大多數 防疫 計程車 司機 都 認為 目前 載客 量 銳減 雖然 會 怕 怕 的 也 只能 硬</t>
  </si>
  <si>
    <t>新冠肺炎 疫情 蔓延 防疫 計程車 成為 載運 居家 檢疫 隔離 者 交通 工具 桃園 市 與 機場 合計 共 400 餘 輛 新竹 市 27 日 也 成立 防疫 車隊 初期 規 畫 3 輛 大多數 防疫 計程車 司機 都 認為 目前 載客 量 銳減 雖然 會 怕 怕 的 也 只能 硬 著 頭皮 載客 但 會 做 好 消毒 防護 措施 如 載 隔離 者 當天 停載 防疫 計程車 除 負責 載 送 居家 檢疫 隔離 民眾 若 警方 查 到 有人 趴 趴 走 桃園 市 目前 也 由 防疫 計程車 載 回 隔離 處所 但 只要 載到 隔離 個案 當天 就 不能 再 載 其他 乘客 有 司機 表示 目前 載客率 不 佳 有時 一個 上午 只 有 1 位 乘客 能 有 生意 就 加 減 做 新竹 市政府 27 日 成立 防疫 計程車 隊 專門 提供 居家 檢疫 或 隔離 者 前往 防疫 旅館 或 赴 醫院 時 可撥打 1999 申請 去 程將 由 專責 的 新竹 市 消防 救護車 隊 專車 送 往 醫院 返程 則 由 防疫 計程車 接送 但 不 接受 一般 民眾 申請 市 交通 處長 倪茂榮 表示 考量 檢疫 或 隔離 的 民眾 因 就醫 檢疫 地點 變更 時有 交通 需求 成立 新竹 市 防疫 計程車 隊 目前 先 有 3 輛 車 提供 服務 未來 將 視 疫情 及 民眾 需求 調整 皆 配戴 口罩 每 趟 消毒 交通 處 表示 檢疫 或 隔離 的 民眾 有 需求 時 可 打 給 1999 並 表明 需求 由 1999 向 市府 提出 申請 並 確認 身分 及 評估 條件 符合 後 派車 防疫 計程車 不 接受 一般 民眾 申請 僅 提供 給 檢疫 或 隔離 的 民眾 收費 方式 則 依照 新竹 市 計程車 費率 采 跳表 收費 司機 與 乘客 皆 須 配戴 口罩 車隊 也 會 每 趟 消毒 交通 處 觀察 其他 縣 市 防疫 計程車 數量 臺北市 3 輛 新北 僅 1 輛 就 新竹 市 城市 的 規模 目前 暫時 推出 3 輛 防疫 計程車 運行 若 後續 有 多 人 申請 交通 處 會 再 增加 數量</t>
  </si>
  <si>
    <t>新冠 病毒 至今 已 奪 走 全球 逾 21萬 人 性命 英國 研究 指出 由於 染 上 新冠肺炎 平均 每 位 死者 少活 11 至 13 年 綜合 英國 每日 郵報 daily mail 每日 星報 daily star 報導 由 蘇格蘭 公共 衛生局 public health scot</t>
  </si>
  <si>
    <t>新冠 病毒 至今 已 奪 走 全球 逾 21萬 人 性命 英國 研究 指出 由於 染 上 新冠肺炎 平均 每 位 死者 少活 11 至 13 年 綜合 英國 每日 郵報 daily mail 每日 星報 daily star 報導 由 蘇格蘭 公共 衛生局 public health scotland 及 蘇格蘭格拉斯哥大學 glasgow university 科學家 組成 的 團隊 近期 公佈 研究 資料 指出 因為 染 上 新冠肺炎 平均 每 位 男性 死者 少活 13 年 女性 死者 少活 11 年 這 份 研究 主要 採用 義 大利 新冠肺炎 死者 資料庫 將 死者 的 其他 疾病 背景 例如 心臟 方面 疾病 心律不整 中風 高血壓 糖尿病 阿茲海默 症 癌症 等 疾病 全部 考量 進去 比對 世界衛生組織 who 針對 這些 疾病 發 展出 的 壽命 年 限量 表 最後 統計 出 每 位 死者 因為 染 上 新冠肺炎 壽命 平均 減少 10 年 以上 研究 團隊 想要 強調 的 是 即便 部分 死者 因為 本身 患 有 其他 疾病 壽命 可能 本來 就 比 一般 人 短 但是 染 上 新冠肺炎 後 更 讓 他們 大幅度 減少 原本 可以 存活 的 時間 帶領 研究 的 格拉斯哥大學 麥卡利斯特 博士 david mcallister 表示 新冠肺炎 對 患者 壽命 的 影響 堪 比 冠狀動脈 心臟病 coronary heart disease 或 一般 肺炎 研究 也 發現 死者 當中 原先 患 有 高血壓 的 人 比例 最 多 高達 73 其 下 依序是 糖尿病 313 心臟 疾病 278 心律不整 237</t>
  </si>
  <si>
    <t>李 17 日 出席 董氏 基金會 2020 戒煙 就 贏 比賽 活動 開跑 記者會 並 撂 兄弟 許碩文 一起 加入 戒煙 行列 正值 新冠肺炎 疫情 肆虐 他 也 藉 機 呼籲 如果 身體 好 的 話 病毒 就算 靠近 但 最後 可以 打敗 如果 是 老 煙槍 心 肺 功能 差</t>
  </si>
  <si>
    <t>新冠肺炎 疫情 改變 民眾 生活型 態 並 醞釀 出新 商 機 資 策 會 產業 情報研究所 mic 針對 臺灣 網友 調查 發現 有 533 在 上半年 疫情 時間 曾 使用 美食 外 送 服務 且 首度 使用者 占 109 另 有 221 曾 使用 的 網友 在 疫情 期間 增加</t>
  </si>
  <si>
    <t>新冠肺炎 疫情 改變 民眾 生活型 態 並 醞釀 出新 商 機 資 策 會 產業 情報研究所 mic 針對 臺灣 網友 調查 發現 有 533 在 上半年 疫情 時間 曾 使用 美食 外 送 服務 且 首度 使用者 占 109 另 有 221 曾 使用 的 網友 在 疫情 期間 增加 使用 美食 外 送 服務 調查結果 顯示 最常 使用 的 前 5 大 平臺 依序為 foodpanda 796 ubereats 608 foodmo 83 餐廳 自營 平臺 76 與 街口 美食 外 送 53 疫情 期間 用戶 平均 每次 美食 外 送 服務 訂購 金額 345 元 不同 區域 與 使用 頻率 不同 的 用戶 消費 區間 為 300 350 元 資 策 會 mic 產業 分析 師王 琬昀 表示 foodpanda 與 ubereats 穩 坐 2 大 龍頭 但 餐廳 自營 平臺 仍 具 市場潛力 使用率 在 首次 使用 69 與 維持 疫 前 相同 使用 頻率 97 2 大族 群 中 皆 取得 第 3 名 針對 疫情 期間 用戶 的 使用 動機 有 504 為 省去 外出 與 排隊 時間 394 認為 可 減少 外出 接觸 人群 機會 折扣 優惠 387 天氣 不 佳 不 想 出門 383 餐 點 多元 可 選擇 264 也 是 考量 重點 調查 發現 觀測 首次 使用 與 頻率 增加 者 動機 可 發現 減少 接觸 機會 為 最 主要 驅動力 而 疫情 期間 曾 使用 美食 外 送 服務 的 消費者 高達 773 表示 未來 有 繼續 使用 意願 首次 使用者 亦 有 604 有意 願 在 疫情 後 繼續 使用 認為 美食 外 送 服務 將 成為 新 常態 至於 未 使用 或是 無意 願 繼續 使用 的 網友 前 5 大 影響 因素 依 序 為 不 想 額外 支付 外 送 服務費 443 平臺 商品 單價 比 實體 店家 貴 237 沒有 任何 訂 美食 外 送 經驗 233 想 直接 到 餐廳 享受 氣氛 及 服務 198 所在 地區 的 餐 點 選項 不夠 多元 122 王 琬昀 指出 臺灣 消費者 對 美食 外 送 的 需求 與 接受度 確有 逐漸 提升 但 仍 需要 更 多 時間 才能 使 消費者 養成 付 運費 習慣 同時 未來 有意 投入 外 送 平臺 的 餐飲業者 在 制定 組合 餐 價格 或 考量 上架 餐 點 品 項 時 建議 可 參考 平均 消費 價格 區間 展望 後市 王琬昀 認為 業者 可 思考 發展 訂閱 模式 但要 留住 訂閱 客戶 的 關鍵 包括 持續 強化 餐廳 選項 的 獨特性 外 送 員 素質 與 態度 等 也 可 透過 評分 機制 累積 更 多 資料 發展 餐 點 推薦 系統 或 根據 不同 地域 的 消費者 飲食 偏好 為 餐廳 打造 適合 的 外 送 餐 點 等 創新 商模</t>
  </si>
  <si>
    <t>苗栗縣 10 持續 嘉玲 但 新增 1 名 確診 死亡 案例 這 名 71 歲 的 女性 有 高血壓 心血管 疾病 及 糖尿病 史 6 月 18 日 確診 采 檢 時 無 症狀 因 隔離 期間 發生 其他 疾病 轉至 外縣市 醫院 治療 7 月 7 日 治療 無效 宣告 死亡 苗栗縣 在 接種 疫苗 方面 全縣 截至 7 月 9 日 止 已 完成 5萬8709 人次 接種 累計 65 歲 以上 人口 含 原 住 民 已 接種 36156 人次 目前 65 歲 以上 長者 疫苗 覆蓋率 已 達 6159 縣府 表示 65 歲 以上 長者 們 將 在 7 月 12 到 14 日 開放 接種 莫德納 疫苗 即日起 並 開放 全縣 13 家 合約 醫院 及 33 家 合約 診所 預約 及 接種 65 歲 至 69 歲 的 長者 接種 莫德納 疫苗 相關 資訊 已 公告 在 縣府 及 衛生局 所 網站 fb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苗栗縣 接種 死亡 案例 65 歲 以上 新冠肺炎</t>
  </si>
  <si>
    <t>新冠 病毒 肆虐 全球 但 越南 迄今 僅 288 例 確診 無 人 死亡 堪稱 遏制 新冠肺炎 的 模範 生 該國 也 自我 定位 為 安全 的 經商 國度 積極 向 那些 有意 把 供應 鏈 從 大陸 轉移 的 國際 製造商 招手 組裝 工廠 業者 kizuna 聯合 開發 公司 指出 越</t>
  </si>
  <si>
    <t>越南 抗 疫 新冠肺炎</t>
  </si>
  <si>
    <t>進入 秋季 新冠肺炎 疫情 蠢蠢欲動 民眾 一面 搶 打 流感疫苗 一面 詢問 中藥 保健法 提升 免疫力 安南 醫院 中醫 部 主任 黃 升騰 19 日 提供 中醫 保健 的 綜合性 預防措施 提醒 中藥 預防 不是 萬靈丹 避免 與 新冠 病患者 接觸 是 預防 傳染 最佳</t>
  </si>
  <si>
    <t>在 爵士 明星 中鋒 戈貝爾 確診 新冠肺炎 導致 nba 火速 宣佈 無限期 停賽 之後 假設 依照 14 天 潛伏期 來看 過去 14 天 戈貝爾 共 跟 暴龍 活塞 塞爾提克 尼克 騎士 與 巫師 等 6 隊 交手 超過 50 名 球員 在 場上 跟 他 對 到位 其中 以 暴龍 前 鋒</t>
  </si>
  <si>
    <t>在 爵士 明星 中鋒 戈貝爾 確診 新冠肺炎 導致 nba 火速 宣佈 無限期 停賽 之後 假設 依照 14 天 潛伏期 來看 過去 14 天 戈貝爾 共 跟 暴龍 活塞 塞爾提克 尼克 騎士 與 巫師 等 6 隊 交手 超過 50 名 球員 在 場上 跟 他 對 到位 其中 以 暴龍 前鋒 伊巴卡 時間 最久 畢竟 在 高強度 的 nba 賽事 球員 難免 在 場上 出現 肢體 接觸 其中 跟 戈貝爾 對位 時間 最 長 的 人 是 伊巴卡 兩 人 在 場上 對位 時間 長 達 16 分 10 秒 遭到 傳染 風險 自然 較 高 甚至 他 還 親吻 過 戈貝爾 罰 過 的 球 其他 包含 騎士 前鋒 小 蘭斯 塞爾提克 中鋒 蒂斯 活塞 前鋒 伍德 等 人 也 跟 戈貝爾 對位 超過 10 分鐘 但 更具 高度 傳染 風險 的 球員 則 是 伊巴卡 的 隊友 暴龍 前鋒 阿奴 諾比 因為 他 在 10 日 跟 爵士 比賽 當中 跟 戈貝爾 面對面 互 嗆 飛沫傳染 機 率 很 高 另外 戈貝爾 曾 在 7 日 跟 同樣 來自 法國 的 塞爾提克 中鋒 普瓦 裡耶 共 進晚餐 讓 普瓦 裡耶 只能 祈禱 自己 檢測 不 要 呈現 陽性</t>
  </si>
  <si>
    <t>紐約市 單日 確診 數 超過 百 人 目前 已 有 923 人 感染 新冠肺炎 市 長白 思 豪 bill de blasio 預告 48 小時 內 可能 祭出 就地 避難 shelter in place 命令 形同 全面 禁 足 紐約 客 紐約 郵報 new york post 報導 紐約</t>
  </si>
  <si>
    <t>紐約市 單日 確診 數 超過 百 人 目前 已 有 923 人 感染 新冠肺炎 市 長白 思 豪 bill de blasio 預告 48 小時 內 可能 祭出 就地 避難 shelter in place 命令 形同 全面 禁 足 紐約 客 紐約 郵報 new york post 報導 紐約市 17 日 單日 激增 109 例 新冠肺炎 確診 病例 目前 紐約市 一共 有 923 人 確診 紐約市 長白 思 豪 週二 晚間 在 記者會 上 驚呼 難以相信 這 場 災難 現在 蔓延 得 如此 迅速 預期 下 周 該市 病例 將 狂 飆 10 倍 可能 有 上萬 人 確診 他 鄭重 向 860萬 市民 宣 告 要 準備 好 迎接 史無前例 的 就地 避難 shelter in place 命令 我 相信 48 小時 內 就 會 做出 命令 決定 不過 白思豪 的 就地 避難 說 立刻 引爆 與 紐約州 長 古 莫 andrew cuomo 之間 的 角 力戰 古莫 駁斥 紐約市 要 自行 隔離 是 謠言 稱 此舉 不 合法 因為 州 內 沒有 任何 一 座 城市 能夠 在 未經 州政府 同意 下 就 自行 隔離 而 他 本人 也 完全 沒有 興趣 沒有 計畫 要 隔離 任何 一 座 城市 針對 古莫 的 說法 白思豪 辯稱 隔離 城市 和 就地 避難 是 不同 的 概念 他 並未 說明 就地 避難 措施 的 具體 細節 僅 表示 是 一 種 策略 不過 古莫 的 發言人 戴 羅莎 melissa derosa 後續 發佈 新聞稿 指出 兩者 意思 相同 根據 古莫 在 記者會 上 的 說法 就地 避難 就是 禁止 居民 出門 白思豪 的 發言人 高斯坦 freddi goldstein 表示 市府 的 法律顧問 正 在 檢 視 法 條 內容 確認 紐約州 政府 是否 有 權 阻止 市政府 發佈 的 緊急 聲明 紐約市 15 日 已 宣佈 關閉 市內 夜 店 劇院 等 休閒 娛樂場所 餐廳 咖啡店 僅 限 外帶 及 外 送 此外 三藩市 已於 17 日 起 率先 對 市民 執行 禁 足 命令</t>
  </si>
  <si>
    <t>新冠肺炎 delta 印度 變異 株 症狀 基因 定 序</t>
  </si>
  <si>
    <t>新冠肺炎 全球 英國 delta 變種 病毒 疫苗</t>
  </si>
  <si>
    <t>黃子佼 吃飯 小甜甜 鍾 欣 淩 新冠肺炎</t>
  </si>
  <si>
    <t>機密 預算 新冠肺炎 李貴敏 疫苗 採購</t>
  </si>
  <si>
    <t>新 台幣 太強 不 避險 會 賠到 趴 地下 新 台幣 前 8 月 兌 美元 已 升值 19 金管會 6 日 公佈 壽險業 若 完全 不 避險 海外投資 匯兌 損失 高達新 台幣 2059億 元 但 即便 用 避險 契約 避 掉 1137億 元 及 用 61億 元 外匯 準備金 沖 抵 匯 損 但 同時 間 也 付出 1094億 元 買 避險 工具 前 八月 壽險業 匯兌 總 成本高 達 1955億 元 比 去年同期 增加 32 9 月 新 台幣 兌 美元 再 升值 137 壽險業 匯兌 損失 金額 勢必 加劇 應有 不少 壽險 公司 外匯 準備金 大量 減少 可能 又 面臨 警戒 水位 因為 外匯 準備金 大量 消失 無 本金 遠期 外匯 ndf 避險 成本 也 漲 到 避 不 起 壽險 公司 紛紛 申請 增 提 外匯 準備金 保險局 副 局長 張玉輝 也 表示 到 9 月底 為止 已 核准 8 家 壽險 公司 共 增 提 10 次 外匯 準備金 增 提 金額 達 1635億 元 且 因為 8 月臺 股 指數 小幅 下跌 058 台 債 及 美 債券 指標 利率 稍稍 上揚 股 債 評價 利益 減少 壽險業 淨值 8 月 一個 月 少掉 850億 元 是 3 月 新冠肺炎 之後 首 見 淨值 縮水 到 8 月底 壽險業 淨值 2 兆 3029億 元 儘管 匯兌 成本 極 高 但 壽險業 今年 因為 股 債市 都 走 多頭 賣 股 賣 債 的 資本 利得 創 歷年 新高 因此 前 8 月 累計 稅 前 盈 餘 達 1868億 元 較 去年同期 多 賺 206億 元 成長 幅度 達 124</t>
  </si>
  <si>
    <t>新冠肺炎 臺灣 非法 日 租 套房 觀 旅 局 輔導</t>
  </si>
  <si>
    <t>新冠肺炎 南韓 delta 口罩 飛 沫</t>
  </si>
  <si>
    <t>獨 驚 新冠肺炎 疫情 強襲 臺北 觀光 飯店 晚上 不 賣 buffet 啦</t>
  </si>
  <si>
    <t>新冠肺炎 臺灣 媽媽 中山 附 醫 寶寶</t>
  </si>
  <si>
    <t>新冠肺炎 集 集 火車站 疫情</t>
  </si>
  <si>
    <t>youtuber 一 只 阿圓 在 2 20 前往 韓國 工作 兩 日後 新冠肺炎 警戒 卻 飆 高至 二級 在 緊急 返台 後 不料 她 沒有 遵守 自主 管理 出門 工作 更 全程 沒有 戴 口罩 參加 youtuber 界 走 鐘獎 聚會 引發 網 民 撻 伐 雖然 她 已 出面 道歉 卻 難</t>
  </si>
  <si>
    <t>大陸 廣東省 廣州市 增城區 密集 發現 病例 出現 跨市 和 跨 省 感染 自 4 月 27 日 以來 廣州 增城區 新塘鎮 已 第 5 次 被 通報 為 病例 來源地 廣州市疾控中心 副 主任 張周斌 介紹 這些 感染者 都 是 無 症狀 感染者 大家 不用 擔心 因為 他 的 傳播 力是 有限 的 據 大陸 駐 俄羅斯大使館 官 微 消息 自 5 月 8 日 起 所有 搭乘 中國國際航空公司 國航 莫斯科 飛 北京 航班 的 乘客 須 出示 由 該館 於 4 月 30 日 在 使館 網站 和 微信 公眾 號 公佈 的 6 家 檢測 機構 莫斯科 和 聖彼德堡市 各 3 家 出具 的 120 小時 內 核酸 檢測 陰性 證明文件 方可 登機 俄羅斯 其他 地區 檢測 機構 資訊 將 於 近日 公佈 增城區 第 5 次 被 通報 廣州 衛健 委 消息 5 月 2 日 廣州 新增 1 例 無 症狀 感染者 來自 增 城 連日來 增 城 報告 多 例 無 症狀 感染者 這 是 自 4 月 27 日 以來 廣州 增城區 新塘鎮 第 5 次 被 通報 為 病例 來源地 除了 廣州 其他 省 及 市 報告 的 病例 中 也 出現 與 增 城 有 關聯 的 5 月 2 日 新增 無 症狀 感染者 病例 是 4 月 27 日增 城 一 例 感染者 的 密切接觸 者 4 月 26 日 廣州 增城區 新塘鎮 報告 1 例 無 症狀 感染者 從事 網上 服裝 銷售 具體 感染 來源 未定 4 月 27 日 廣州 報告 的 7 例 無 症狀 感染者 中 有 6 例 與 4 月 26 日增 城區 新塘鎮 病例 有關 是 其 5 名 家庭成員 和 1 名 密切接觸 的 同事 4 月 30 日 和 5 月 1 日 增 城 連續 兩 日 新增 1 例 無 症狀 感染者 專家 傳播 力 有限 除了 廣州 4 月 29 日 深圳市 也 報告 1 例 病例 與 增 城 有 關聯 4 月 28 日 廣西 天等縣 也 報告 稱 該地 出現 增 城 病例 的 密切接觸 者 目前 增 城 正 全力 甄別 密切接觸 者 廣州市疾控中心 副 主任 張周斌 介紹 這 幾 天都 在 增 城 現場 進行 疫情 處置 在 這次 處置 過程 中 發現 的 這些 感染者 都 是 無 症狀 感染者 對於 無 症狀 感染者 來說 實際上 大家 也 不 用 擔心 因為 他 的 傳播 力是 有限 的 5 月 3 日 俄羅斯 新 增 新冠肺炎 確診 病例 1萬633 例 累計 13萬4687 例 累計 死亡 1280 例 大陸 駐 俄羅斯大使館 根據 民航 主管部門 最新 要求 自 5 月 8 日 起 所有 搭乘 中國 國航 莫斯科 北京 航班 的 乘客 須 出示 6 家 檢測 機構 出具 的 120 小時 內 核酸 檢測 陰性 證明文件 方可 登機</t>
  </si>
  <si>
    <t>新冠肺炎 疫情 蔓延 全球 行政院 僑務委員 劉金枝 2 個 女兒 在 西班牙 擔任 醫護 力抗新冠肺炎 竭盡全力 拯救 病人 結果 兩 人 卻 雙雙 不幸 確診 所幸 在 醫院 照料 下 兩 人 病況 逐漸 好轉 當 劉金枝 大 女兒 被 推出 加 護 病房 時 現場 醫院</t>
  </si>
  <si>
    <t>醫護人員 劉金枝 西班牙 溫玉霞 新冠肺炎</t>
  </si>
  <si>
    <t>新竹 縣 沒有 焚化爐 近年 受 垃圾堆 置 所 苦 新竹 縣 促進 民間 參與 高效能 垃圾 熱處理 設施 投資 boo 案 公聽會 原訂 15 日 下午 2 點 在 蓮花寺 召開 未 料 廟 方 臨時 以 不知 辦 有 爭議性 公聽會 未 行文 為由 臨時 取消 場地 租借 新竹 縣 環保 代理 局長 羅仕臣 表示 將 擇 地 擇期 再 辦 現場 200 餘 名 參與者 則 無奈 離去 蓮花寺 總 幹事 童哲燦 表示 環保局 在 租借 場地 時 僅 說是 辦 活動 未 行 公文 告知 由於 是 如此 具有 爭議性 的 公聽會 廟 方 擔心 被 掛 上 背書 標籤 因此 不 予以 借用 羅仕臣 則 表示 由於 雙方 對於 場地 溝通 上 有所 誤解 公聽會 將 擇期 擇 地 再 辦 新竹 縣 新建 焚化爐 以 boo 興建 擁有 營運 方式 自建 原訂 15 日 下午 預定 地 附近 的 蓮花寺 召開 公聽會 並 邀集 投資 廠商 環保局 在 地 居民 民意代表 等 共同 參與 副 議長 王炳漢 無奈 說 不來 也 不行 來 了 也 不行 他 知道 民眾 有人 支持 也 有人 反對 且 公聽會 通知 時間 太 急促 他 會 尊重 民意 代為 發聲 也 建議 環保局 借用 公家機關 場地 舉辦 公聽會 新竹 縣 在 2003 年 即有 計 畫 興建 焚化爐 當年 因 民眾 激烈 抗議 而 作罷 但 由於 新竹 縣 有 自主 處理 垃圾 的 迫切 需求 因此 縣府 再 提 新竹 縣 促進 民間 參與 高效能 垃圾 熱處理 設施 投資 boo 案 預定 地 與 2003 年 焚化爐 案 同 址 15 日 現場 即有 民眾 說 2003 年 sars 時 提 一 次 新冠肺炎 又 一 次 現場 也 有 民眾 表示 將 抗議 到底 不過 由於 場地 為 蓮花寺 所有 廟 方 臨時 不 租借 場地 民眾 也 只能 各自 離去 將 擇期 再 報 此案 引發 不少 人 關注 縣議員 張 珈 源 連郁婷 蔡志環 鄭美琴 杜文中 立 委 邱 泰源 新竹 辦公室 主任 王誠緯 竹北 市民 代表 林宇洋 朱健銘 及 在 地裡 長 曾福 林秋榮 曾 台安 等 人均 到場</t>
  </si>
  <si>
    <t>新冠肺炎 在 2020 年 重 擊 全球 經濟 隨之而來 的 是 因 封鎖 措施 帶來 的 經濟衰退 亞洲 國家 在 同年 下半年 疫情 獲得 控制 後 迎來 復蘇 歐美各國 則 是 在 疫苗 接種 下 預計 在 2021 年 下半年 迎來 復蘇 但 根據 外 媒 報導 為 計算 國內 生產 毛額</t>
  </si>
  <si>
    <t>新冠肺炎 在 2020 年 重 擊 全球 經濟 隨之而來 的 是 因 封鎖 措施 帶來 的 經濟衰退 亞洲 國家 在 同年 下半年 疫情 獲得 控制 後 迎來 復蘇 歐美各國 則 是 在 疫苗 接種 下 預計 在 2021 年 下半年 迎來 復蘇 但 根據 外 媒 報導 為 計算 國內 生產 毛額 gdp 之一 的 指標 外國 直接 投資 fdi 在 成熟 經濟體 朝 著 正常 水位 前進 新興國家 的 慘 況 依然 沒有 獲得 解決 據 華爾街日報 報導 經濟 合作 發展 組織 oecd 4 月 發佈 的 資料 2020 年 fdi 下降 38 達到 2005 年 以來 的 最低水準 外國 直接 投資 對於 跨國 旅行 能力 相當 敏感 外資 投入 當地 土地 建設 等 來 興建 廠 區 對於 當地 資金 流動 影響 相當 大 除非 商務旅行 恢復 到 疫情 前 水位 外國 直接 投資 對 投資者 的 旅行 能力 特別 敏感 在 外國 購買 一家 製造 公司 的 股份 是 一 回事 而 購買 一塊 土地 建造 一個 設施 並 自己 經營 工廠 完全 是 另一回事 除非 國際 旅行 開始 朝著 以前 的 水準 恢復 否則 外國 直接 投資 無法 完全恢復 報導 提到 即便 是 那些 可以 輕鬆 負擔 疫苗 供應 的 國家 接種 率 也 相當 低 許多 地方 的 旅行 限制 看起來 還 會 延長 1 年 甚至 超過 諮 詢 公司 科爾尼 公司 指出 在 2028 年 前 都 無法 恢復 到 2016 年 峰值 專家 分析 在 2018 年 美國 前 總統 川普 發動 陸 美 貿易 戰後 fdi 資料 就 出現 疲弱 表面 來看 雖然 一些 新興 經濟體 的 投資 狀況 似乎 更 好 聯合國貿易和發展會議 united nations conference on trade and development 今年初 宣佈 大陸 已經 超過 美國 成為 全球 最 大 fdi 目的 國 印度 獲得 資金 也 有 顯著 成長 不過 新興國家 與 開發 中 經濟體 獲得 的 綠地 投資 全新 業務 的 投資 並非 購買 現有 廠房 與 設施 的 投資 降幅 高 達 43 fdi 流入量 占 gdp 比重 較 大 的 經濟體 往往 是 富裕 的 小型 經濟體 例如 香港 新加坡 或是 新興 市場 2019 年 匈牙利 的 fdi 流入量 占 整體 gdp 的 186 柬埔寨 135 越南 62 巴西 38 遠超 全球 平均 的 18 這些 新興 市場 受到 的 衝擊 相較 於 成熟 經濟體 來說 即使 不 考慮 對於 fdi 占 整體 經濟 影響度 也 不如 這些 富裕 國家 擁有 更 多 資金 與 貨幣政策 寬鬆 程度 來 支持 經濟 復蘇</t>
  </si>
  <si>
    <t>囤糧 先 屯 個 國人 網友 新冠肺炎</t>
  </si>
  <si>
    <t>因應 新冠肺炎 病毒 可能 存 留 環境 成為 傳染 媒介 新竹 市政府 25 日 成立 防疫 消毒 大隊 配置 6 組 專業 消毒 人力 啟動 公共場所 環境 消毒 計 畫 鎖定 車站 公園 人潮 密集區 的 周邊環境 消毒 預計 2 周 內 完成 137 處 消毒 工作 林智堅 昨</t>
  </si>
  <si>
    <t>新冠肺炎 疫情 攀升 臺灣 昨天 20 日 確診 案例 來到 135 例 死亡 人數 攀升 至 2 人 對此 藝人 隋棠 轉發 犀利 人 妻 改編 版 影片 呼籲 大眾 好好 遵守 防疫 原則 能 一起 挺 過 這 波 疫情 不過 一 句 要 被 我 前夫 氣 屎 了 立刻 引發 網友 議</t>
  </si>
  <si>
    <t>車用 電子 與 家電 大廠 元 山 科技 6275 受惠 于高階 it 及 網通 出 貨 續 旺 11 月 營 收 出現 雙成長 另 累計 前 11 月 收 也 出現 雙 位數 成長 元山 指出 相關 訂單 能見度 已 達到 2021 年 第一 季 此外 車用 訂單 需求 也 接續 向上 對 2021 年 展望 樂觀 受惠 于高 延續性 的 高階 it 及 網通 訂單 挹注 市場 仍 呈現 供不應求 狀態 加上 車用 風扇 需求 開始 回補 帶動 元山 11 月 營 收 續揚 經 結算 11 月 營 收 為 273億 元 較 10 月 的 246億 元 與 去年同期 254億 元 分別 增加 1093 與 638 累計 前 11 月 營 收 3043億 元 則 較 去年同期 成 長 102 展望 q 4 營運 元山 表示 今年 q 4 淡季 不 淡 目前 整體 稼 動 率 近乎 滿載 訂單 能見度 可 至 明年 首季 車用 散熱 風扇 更 達 第二 季 加上 家電 高 階 飲水 機 新品 挹注 2021 年 樂觀 可期 儘管 市場 擔心 新冠肺炎 捲土重來 但 元山 表示 新冠肺炎 疫情 對 全球 經濟 活動 影響 已 趨於穩定 即便 入秋 冬 後 進入 二 次 疫情 亦可 能 隨 著 時間 拉長 而 降低 影響 程度 但因 疫情 擴大 電競 筆 電 市場 規模 及 5 g 商 轉 挹注 伺服器 資料 中心 等 帶動 高階 散熱 風扇 需求 卻 在 穩定 成長 中 從 訂單 掌握 度 來看 需求 明年 仍 可望 延續 元 山 指出 中國 車市 不斷 成長 下游 車廠 經過 第 三 季 庫存 去 化 後 近期 車用 風扇 的 訂單 也 開始 回補 明年 表現 可望 優於 今年</t>
  </si>
  <si>
    <t>特力 2908 因 與 大型 客戶 長期 往來 貿易 出 貨 受到 信賴 且 零售 事業 銷售 穩定 讓 特力 集團 上半年 營運 未 受到 太 多 衝擊 特力 集團 營運 長 何采容 亦 表示 審慎 樂觀 看待 下半年 特力 目前 已 選定 越南 辦公室 建置 未來 將 逐步提高 東南亞 採購 比例 預計 2022 年 有 20 到 30 出 貨 來自 於 東南亞 特力 今天 參加 證交所 線 上 法 說 會 特力 集團 有 零售 及 貿易 兩 大 事業 群 今年 上半年 全球 新冠肺炎 疫情 大 爆發 特力 集團 因 受到 客戶 信賴 出 貨 狀況良好 加上 零售 事業 維持 微幅 成長 讓 公司 上半年 業績 表現 不俗 受惠 于歐美 客戶 的 穩健 需求 及 國內 新冠肺炎 疫情 趨 緩 消費 人潮 逐漸 回流 之 加 持 特力 今年 第 2 季營 收 為 1067億 元 較 去年同期 增加 143 營業 淨 利率 為 361 稅 後 盈 餘 為 256億 元 單季 每股 盈 餘 為 052 元 大幅 優於 去年同期 累計 今 上半年 營業 收入 為 1989億 元 較 去年同期 成 長 35 營業 淨 利率 為 3 稅 後 盈 餘 為 378億 元 每股 盈 餘 為 076 元 大幅 優於 去年同期 何 采 容 表示 全球 貿易 產業 在 疫情 衝擊 民眾 不能 移動 時 價值 就 會 更 明顯 被 彰 顯 由於 客戶 看不到 貨品 如何 寄送 及 替 客戶 把關 很 重要 公司 因 與 大型 客戶 有 長久 交易 歷史 客戶 相信 公司 對 商品 的 把關 貿易 出 貨 受到 信賴 讓 今年 上半年 貿易 出 貨 很 好 至於 零售 部分 雖然 上半年 是 辛苦 的 但 維持 微幅 成長 並未 比 去年 差 讓 公司 今年 上半年 業績 表現 還 不錯 若 依兩 個 事業 來看 受惠 于歐美 需求 持續 強勁 及 歐洲新 客戶 帶動 貿易 出貨量 持續 向上 攀升 特力 貿易 事業 第 2 季 合併 營 收 為 609億 元 年 增 272 累計 上半年 合併 營 收 為 1084億 元 年 增 113 在 臺灣 零售 事業 部分 受惠 於 國內 疫情 穩定 趨 緩 民眾 出門 意願 明顯 增加 實體 店面 來客 數及 提袋 率 均 雙雙 成長 今年 第 2 季 合併 營 收 為 41 憶 元 較 去年同期 增加 57 累計 上半年 合併 營 收 為 819億 元 較 去年同期 增加 08 展望未來 在 貿易 事業 部分 何采容 表示 貿易 主要 客戶 們 近 幾 年 出貨量 持續 穩定 成長 即使 在 美中 貿易戰 及 新冠肺炎 疫情 等 嚴峻 挑戰 下 出貨量 依舊 穩步 走 揚 公司 將 持續 進行 全球 佈 局 強化 供應 鏈 目前 集團 供應 鏈 佈 局 橫跨 歐美 亞洲 在 全球 8 個 國家 地區 設立 11 個 據點 落實 全球 佈 局 在 地 經營 並 發揮 彈性 及 穩健 出 貨 能力 再者 集團 於 臺灣 德國 及 美國 等 地 設有 物流 中心 為 集團 客戶 提供 穩定 物流 配 貨 倉儲 及 管理 服務 針對 投資人 提問 集團 在 東南亞 佈 局 何采容 表示 集團 每 到 一個 地方 產業鏈 工廠 出 貨 比例 到 10 就 會 建 自有 倉儲 集團 在 東南亞 經營 很多 年 這 兩 年 因為 稅率 及 發展 關係 有 更 多 工廠 及 出 貨 從 東南亞 出去 未來 將 逐步提高 東南亞 採購 比例 目前 已 選定 越南 辦公室 建置 並於 2020 年 完成 交易 明年 將 佈 局 工廠 開發 及 採購 預計 2022 年 有 20 到 30 出 貨 來自 東南亞 在 零售 事業 部分 何采容 表示 特力 以 家 為 中心 的 產業 佈 局 發展 社區 店 貼近 客戶 生活 圈 成功 展 店 8 家 挹注 業績 成長 未來 將 導入 新 零售 科技 發展 全 通路 透過 線 上 行銷 線 下體 驗 全 通路 整合 在 商品 及 通路 整合 後 今年 下半年 將 啟動 服務 e 化 建置 整合 跨 通路 優勢 服務 建立 新 零售 模式 此外 集團 也 將 運用 優勢 開發 獨家 商品 發展 特力屋 自有 品牌 並 引進 獨家 商品 創造 通路 差 異化 提升 產品組合 毛利</t>
  </si>
  <si>
    <t>台鋁 mld 影城 秀 泰 影城 停業 新冠肺炎</t>
  </si>
  <si>
    <t>黃偉哲 臺灣 新冠肺炎 疫情 零 確診</t>
  </si>
  <si>
    <t>大陸 各 地區 加速 復工 淘 帝 -ky 2929 淘 帝 國際有限公司 3 月 旗 下 經銷商 已 逐步 復工 恢復 門市 營業 帶動 topbi 品牌童裝 訂單 出 貨 需求 回升 3 月 1 日 至 3 月 13 日 訂單 出 貨 已 達 去年 3 月 約 30 多 之 水準 集團 仍 積極 加速 訂單 物流 出 貨 排 程 預計 整體 出 貨 表現 再往 上 提升 淘 帝 -ky 與 各 省 經銷商 提前 擴大 春季 童裝 促銷 活動 即將 步入 第 2 季 夏季 童裝 出 貨 旺季 有望 展現 良好 備 貨 力 道 淘 帝 -ky 第 1 季雖 受 新冠肺炎 疫情 蔓延 生產 製造 與 物流 運輸 延後 復工 因素 使得 生產 出 貨 天數 減少 影響 營 收 表現 但 3 月 旗 下 共 25 個 省 經銷商 已 逐步 復工 恢復 門市 營業 帶動 topbi 品牌童裝 訂單 出 貨 需求 回升 3 月 1 日 至 3 月 13 日 訂單 出 貨 已 達 去年 3 月 約 三 成多之 水準 集團 仍 積極 加速 訂單 物流 出 貨 排 程 預計 整體 出 貨 表現再往 上 提升 另一方面 淘 帝 -ky 與 各 省 經銷商 提前 擴大 春季 童裝 促銷 活動 針對 疫情 亦 提供 經銷商 推出 買 topbi 品牌童裝 贈送 口罩 的 活動 支持 成功 帶動 良好 銷售 動能 加上 已 有 90 經銷商 已 拓展 微信 直播 平臺 等 多 元 線 上 銷售 通路 以期 挹注 經銷商 整體 庫存 水位 保持 健康 水準 即將 步入 第 2 季 夏季 童裝 出 貨 旺季 有望 展現 良好 之 備 貨 力 道 淘 帝 -ky 強調 觀察 此次 肺炎 疫情 對於 中國 童裝 產業 之 影響 加速 童裝 品牌 業者 大 者 恒 大 之 局面 有 一定 規模 之 品牌 業者 具有 良好 市場 風險 抵禦 能力 而 其他 中小型 業者 面臨 市場 經營風險 而 將 陸續 退出 市場 憑 藉 集團 積極 拓展 新 零售 通路 佈局 採取 topbi mini topbi 雙 品牌 差 異化 銷售區 隔 策略 有 機會 搶 進 更 多 的 市場份額 看 准 中國 網 紅 直播 新 電 商 銷售 型態 崛起 趨勢 淘 帝 -ky 已經 啟動 自家 網 紅 培育計畫 期望 透過 網路 紅人 的 互動 分享 耕耘 年輕 消費 群體 並 進而 發揮 粉絲 經濟效益 藉 由 提高 忠實 粉絲 的 品牌 認同感 從而 達到 消費 購物 轉換 且 帶動 回 購 率 提升 有望 未來 營運 帶來 正面 的 挹注 受惠 集團 近年 透過 強化 topbi 品牌 於 線下 線 上 通路 行銷 推廣 門市 與 童裝 研發 風格 轉型 並 結合 彈性 生產 供應 縮短 產品 研發 上市 銷售 之 時間 以 搶灘 當 季 潮流 消費 商機 在 中國 童裝 市場 龐大商 機 打造 topbi 品牌 高度 競爭 利基 除 2019 年 topbi 品牌 門市 數 已 超過 1600 間 在 新 零售 虛實 通路 佈局 下 淘 帝 -ky 於 線 上 銷售 持續 展現 強勁 銷售 表現 2019 年 topbi 品牌 線 上 銷售 較 2018 年 成長 8986 占 整體 營 收 比重 進一步 提 振 至 7 隨 著 topbi 品牌 銷售 規模 放大 合宜 調配 線 上 線下 精准 行銷 廣告投放 與 費用 管 控 挹注 2019 年 營業 利益 率 提升 至2168 淘 帝 -ky 2019 年 合併 營 收 達 717億 元 較 2018 年 成長 599 稅 後 盈 餘 為 1135億 元 年成 長 19 每股 盈 餘 達 1201 元 年成 長 1938 受惠 集團 致力 擴大 topbi 品牌 於 中國 童裝 市場佔有率 以及 持續 朝新 零售 通路 佈局 童裝 風格 朝 簡歐 輕 時尚 轉型 帶動 2019 年 全年 營 收 稅 後 淨利 皆 繳 出 歷年 新高 之 亮麗 成績 每股 淨值 達 597 元</t>
  </si>
  <si>
    <t>新冠肺炎 益 情 持續 擴散 口罩 需求量 大 增 政府 徵調 口罩 工廠 後 產量 不斷 提升 經濟部 所 採購 的 60 台 機器 已 陸續 運 送至 口罩 工廠 安裝 首 波 9 條 產 線 已 進行 測試 預計 下 周 投入 生產 日 產 能 可 達 640萬 片 至於 其 餘 設備 預計 在 3</t>
  </si>
  <si>
    <t>新冠肺炎 益 情 持續 擴散 口罩 需求量 大 增 政府 徵調 口罩 工廠 後 產量 不斷 提升 經濟部 所 採購 的 60 台 機器 已 陸續 運 送至 口罩 工廠 安裝 首 波 9 條 產 線 已 進行 測試 預計 下 周 投入 生產 日 產 能 可 達 640萬 片 至於 其 餘 設備 預計 在 3 月 9 日 全面 投入 生產 每日 口罩 產能 可 達 1000萬 片 據 中央 社 報導 經濟部 日前 公佈 口罩 生產 廠商 利用 本部 附 條件 贈與 機台 生產 口罩 遴選 結果 將 60 條 新 增產 線 分配 給 15 家 口罩 工廠 其中 有 9 條 產 線 已 在 15 日 於 安裝 測試 工業 局局長 呂 正華 對 此 表示 目前 日 產 能 550萬 片 首 波 設備 預計 下 周 開始 生產 兩者 相加 下 周起日 產 能 上 看 640萬 片 至於 剩下 的 51 條 新 產 線 呂 正華 表示 本 周 將 交貨 20 餘 台 並 在 3 月 2 日 交 機 完成 全面 進行 安裝 和 測試 與 工廠 既有 產 線 整合 預估 在 交 機 後 1 周就可以 投入 生產 經濟部 表示 60 台 機器 可望 在 3 月 9 日 全面 投入 生產 到時 口罩 的 日 產 能 可 達 1000萬 片 更 多 ctwant 報導</t>
  </si>
  <si>
    <t>新冠肺炎 臺灣 陳時中 春節 期間 12 月</t>
  </si>
  <si>
    <t>國內 新冠肺炎 疫情 持續 升溫 屏 東縣 23 日 公佈 確診 個案 高 達 8 人 屏 東 縣政府 也 宣佈 從即日起 至 28 日 餐飲業者 全面禁止 內 用 改為 外帶 由於 群 聚 確診 者 足跡 以 潮州鎮 為 範圍 因此 屏 縣府 除 確診 後 的 消毒 外 23 日 更 將 請求</t>
  </si>
  <si>
    <t>國內 新冠肺炎 疫情 持續 升溫 屏 東縣 23 日 公佈 確診 個案 高 達 8 人 屏 東 縣政府 也 宣佈 從即日起 至 28 日 餐飲業者 全面禁止 內 用 改為 外帶 由於 群 聚 確診 者 足跡 以 潮州鎮 為 範圍 因此 屏 縣府 除 確診 後 的 消毒 外 23 日 更 將 請求 國軍 協助 將 出動 化學 兵 針對 潮州鎮 全面 大 消毒 屏 東 縣長 潘孟安 也 提醒 這天 應 避免 外出 雖 可能 造成 不便 但 還 請 民眾 諒解 隨 著 確診 人數 不斷 攀升 潘孟安 表示 目前 縣 內 並 無 收治 重症 患者 至於 負 壓 隔離病房 的 醫療 量 能 也 足夠 未來 更 會 增加 116 床 專責 病床 進行 分 艙 分流 業務 開設 根據 統計 目前 因 防疫 共 開出 384 張 罰 單 其中 還 是 以 外出 未戴 口罩 為 大宗 另外 在 確診 者 疫 調 過程 中 也 發現 有人 刻意 隱瞞 疫情 潘孟安 表示 若 涉及 刻意 隱瞞 屏 縣府 絕不 寬 貸 最高 將 開 罰 30萬 元 希望 能 如實 交代 足跡 盡 速 防範 他 也 說開 罰 只 是 手段 不是 真要 罰 大家 而是 疫情 嚴峻 希望 全民 做好 防護 至於 假消息 不斷 讓 公 部門 必須 防疫 還要 耗費 精力 打假 日前 就 有 2 個 版本 的 確診 者 足跡 經 調查 發現 是 屏 縣 衛生局 人員 在 疫 調 未 完成 前 就 提早 流出 縣府 已 要求 嚴懲 並 調離 現職 更 將 移送 送 辦</t>
  </si>
  <si>
    <t>新冠肺炎 臺灣 潮州 確診 化學 兵</t>
  </si>
  <si>
    <t>據 自由 亞洲電臺 rfa 報導 為 抵禦 新冠肺炎 北 韓 於 2020 年 關閉 與 中國 大陸 邊界 卻 造成 嚴重 的 糧食 短缺 孰 知 平壤 官員 的 因應 政策 卻是 要 民眾 勒緊褲帶 少 吃 一點 民眾 憂心 政府 雖然 承諾 2025 年會 重新 開放 邊界 但</t>
  </si>
  <si>
    <t>據 自由 亞洲電臺 rfa 報導 為 抵禦 新冠肺炎 北 韓 於 2020 年 關閉 與 中國 大陸 邊界 卻 造成 嚴重 的 糧食 短缺 孰 知 平壤 官員 的 因應 政策 卻是 要 民眾 勒緊褲帶 少 吃 一點 民眾 憂心 政府 雖然 承諾 2025 年會 重新 開放 邊界 但 自己 可能 連 冬天 挨 不過 遑 論 少 吃 3 年 更讓人 不滿 的 是 官員 還 一直 強調 別的 國家 新冠肺炎 疫情 更 嚴重 北 韓 已經 算 好 的 隨 著 平壤政府 通知 民眾 苦難 的 日子 會 延續 更 多 年 人們 不免 憂心 連 眼下 的 冬天 能 不能 撐過 都 不知 西北 邊城 新義州 的 居民 表示 2 周前 政府 官員 表示 糧食 緊急 危機 將 延續 到 2025 年 在此之前 重 啟 與 中國 大陸 之間 的 海關 可能性 相當 低 他 補充 道 眼前 糧食 情勢 已 相當 緊急 人們 正 與 糧食 短缺 苦苦 鬥爭 此時 平壤 表示 要 儲存 食物 並 減少 糧食 消耗 直到 2025 年 為止 民眾 只能 感到 絕望 報導 指出 為 避免 新冠肺炎 傳播 北 韓 於 2020 年 1 月 關閉 與 中國 大陸 的 邊界 並 暫停 與 陸 貿易 這 使得 原本 已 長期 缺乏食物 的 北 韓 更 陷 危機 不只 經濟 受到 重創 食品 價格 也 快速 飆 漲 甚至 進口商品 也 無法 填補 北 韓 食品 生產 與 需求 的 缺口 根據 聯合國 糧食 與 農業 組織 近日 報告 北 韓 2021 年 將 短缺 86萬 噸 的 糧食 約 為 北 韓 人口 2 個 月 的 消費量 聯合國 世界 糧食 計 畫 署 估計 在 北 韓 高達 40 的 人口 營養不良 雖然 北 韓 解釋 無法控制 的 因素 導致 良時 無法 自給自足 並 影響 國家 持續 發展 目標 但 聯合國 報告 卻 指出 糧食 短缺 起 自 國際 對 北 韓 持續 制裁 與 封鎖 每年 嚴重 的 自然災害 以及 2020 年 以來 的 新冠肺炎 儘管 制裁 的 確 讓 平壤 核武 與 飛彈 計 畫 的 資金 與 資源 受到 影響 但 邊境 封鎖 是 讓 整個 貿易 停 擺 許多 人 無法 找到 下 一 餐 新義州 居民 表示 期待 邊境 很 快 地 能 重新 開放 消息人士 指出 對 當局 的 不 信賴 與 不滿情緒 正 快速 擴散 特別 是 官員 在 會議 上 要求 民眾 應該 吃 得 比 過去 還 少 勒緊褲帶 導致 民眾 怒火中燒 東北 邊境 城市 會 寧 同樣 也 收到 糧食 短缺 的 指示 而 官員 則 將 此 與 北 韓 成功 防疫 新冠肺炎 相 連結 他們 在 會議 上 表示 別的 國家 新冠肺炎 疫情 非常 嚴峻 全球 各地 因 新冠 而 死 的 人數 每天 快速 增加 北 韓 雖然 糧食 短缺 相 較之 下 情況 卻 好 很多 消息人士 駁斥 居民 才 不 相信 這 種 解釋 並 認為 世界 上 哪 有 比 北 韓更 困難 的 地方 人們 抨擊 平壤 面對 糧食 危機 卻 毫無 作為 更 憂心 即使 餓 死 邊境 也 不 會 開放 消息人士 表示 有 居民 認為 政府 強調 糧食 節約 可能 是 金正恩 還 沒 意識 到 實 務 問題 有 多 嚴重 居民 以 苦苦 掙扎 盡可能 束緊 褲帶 同時 也 對 政府 不切實際 的 要求 不滿 責問 還要 把 褲帶 勒緊 多少 從 2021 年 年初 以來 平壤 一直 高喊 自力更生 的 口號 金正恩 在 1 月 時 的 北 韓 勞動黨 第 8 次 代表大會 上 更 立定 減少 依賴 進口 自己 解決 問題 4 月 時 平壤 再度 喊 出 為 更糟 的 經濟 情勢 做 準備 7 月 時 中央委員會 要 民眾 自己 種糧 以 應對 可能 連續 3 年 的 糧食 短缺 消息人士 表示 民眾 憤怒 的 原因 是 因為 政府 將 責任 轉嫁給 升鬥小民 要求 他們 養活 自己 卻 沒有 採取 任何 措施 解決 問題</t>
  </si>
  <si>
    <t>北 韓 糧食 短缺 新冠肺炎 貿易 天災</t>
  </si>
  <si>
    <t>幼稚園 負責人 自主 健康 管理 新冠肺炎 臺灣</t>
  </si>
  <si>
    <t>臺北市衛生局 分析 北市 8 月 1 至 7 日 一 周新冠肺炎 疫情 北市 共 新增 確診 本土 病例 16 例 較 前 一 周 35 例 減少 一半 各 行政 區分 佈 以 中山區 及 萬 華區 各 4 例 最 多 其次 為 內 湖 區 3 例 大安區 2 例 松山區 南港 區 及 士 林區 各 1 例 北市</t>
  </si>
  <si>
    <t>臺北市衛生局 分析 北市 8 月 1 至 7 日 一 周新冠肺炎 疫情 北市 共 新增 確診 本土 病例 16 例 較 前 一 周 35 例 減少 一半 各 行政 區分 佈 以 中山區 及 萬 華區 各 4 例 最 多 其次 為 內 湖 區 3 例 大安區 2 例 松山區 南港 區 及 士 林區 各 1 例 北市 本 周 本土 病例 共 16 例 其中 居家 隔離 期間 檢驗 為 陽性者 有 6 例 占 38 另 有 3 例 為 已 知 感染 源 占 19 7 例 關聯 不明 占 44 本 周 家戶 感染 仍 為 主要 原因 萬華 中山 及 內 湖 區 共 出現 4 件 為 一 戶 2 至 3 位 家戶 內 感染 案件 而 家戶 內 最先 發病 或 確診 者 均 為 感染 源 關聯 不明 北市 衛生局 表示 針對 確診 個案 的 工作 職 場 臺北市 亦 積極 介入 做 疫情 調查 接觸 者 匡列 防疫 衛教 及 風險 場 域清 消 等 工作 本 周 職 場 群 聚有 1 案 為 信義 區 百貨公司 職 場 群 聚 該 場 域 2 位 確診 者 均 為 新北 市 個案 北市 在 7 月 30 日 接 獲 通知 時 即 到 現場會 勘 並 匡列 接觸 者 8 月 6 日 確診 的 第 2 例 即是 已 匡列 的 居家 隔離 對象 藉 由 落實 場 域 接觸 者 匡列 及時 阻斷 傳播 鏈</t>
  </si>
  <si>
    <t>新冠肺炎 臺灣 北市 16 職 場</t>
  </si>
  <si>
    <t>莫德納 陳時中 分配 10萬 劑 新冠肺炎</t>
  </si>
  <si>
    <t>新冠肺炎 臺灣 矽 格 快 篩 防疫</t>
  </si>
  <si>
    <t>新冠肺炎 疫情 美國 紐西蘭 蘇格蘭</t>
  </si>
  <si>
    <t>新冠肺炎 臺灣 停課 李德維 高三生</t>
  </si>
  <si>
    <t>受 新冠肺炎 疫情 影響 大陸 深圳 鹽田港 缺 櫃 塞 港 情況 持續 惡化 貨物 進出口 時程 遭 嚴重 推遲 有 專家 預估 鹽田港 卡 船 的 狀況 已 超過 2 周 對 全球 航運 影響 超過 長 賜 輪 事件 英國 媒體 the loadstar 報導 大陸 廣東 新冠肺炎 疫情</t>
  </si>
  <si>
    <t>新冠肺炎 鹽田港 塞 港 長 賜 輪</t>
  </si>
  <si>
    <t>新冠肺炎 臺灣 駕駛 客運業 班車</t>
  </si>
  <si>
    <t>新冠肺炎 臺灣 隔板 小吃 5 日</t>
  </si>
  <si>
    <t>台電 大樓 群 聚 感染 陳時中 最新 說明 新冠肺炎</t>
  </si>
  <si>
    <t>新冠肺炎 韓國 瑜 封城 秀 急 封城 兵 推 演練</t>
  </si>
  <si>
    <t>因應 新冠肺炎 疫情 衝擊 高市 衛生局 防患未然 12 日 宣佈 上百 處長 照 據點 即日起 暫停 老人 供餐 服務 改為 打包 成 便當 讓 長輩 帶回家 享用 減少 病毒傳播 及 群 聚 感染 機會 目前 暫定 至 3 月底 是否 延長 或 何時 恢復正常 將 視 疫</t>
  </si>
  <si>
    <t>因應 新冠肺炎 疫情 衝擊 高市 衛生局 防患未然 12 日 宣佈 上百 處長 照 據點 即日起 暫停 老人 供餐 服務 改為 打包 成 便當 讓 長輩 帶回家 享用 減少 病毒傳播 及 群 聚 感染 機會 目前 暫定 至 3 月底 是否 延長 或 何時 恢復正常 將 視 疫情 狀況 再 評估 高 市 衛生局 長期 照顧 中心 主任 李 素華 指出 考量 到 有 慢性 疾病 長輩 比較 容易 感染 彼此 在 同一個 空間 中午 一起 吃飯 會 有 口水 飛 沫 相對 不 安全 因此 今天 開始 老人 共 餐 服務 暫停 李 素 華表 示 原本 長 照 據點 人員 有 設想 過 其他 替代 方案 如 用 隔板 繼續 共 餐 但 最後 考量 場地 空間 問題 才改為 將 原本 的 團 膳 打包 成 便當 讓 長輩 能夠 在 中午 帶回家 享用 李 素華 說 高市 暫停 老人 共 餐 服務 的 措施 其他 縣 市 尚未 聽 聞 目前 沒有 長輩 反彈 畢竟 家屬 也 會 擔心 這 段 時間 被 傳染 風險 因此 對於 政府 防疫 措施 家屬 都 可以 體諒 衛生局 主 責 推動 的 社區 式 長 照 服務 據點 分別 有失 智 社區服務 據點 計 52 處 及 目前 開辦 的 非 社區 照顧 關懷 據點 醫 事 c 級 巷 弄 長 照站 66 處 總計 服務 約 1500 名 長輩 另外 社會 局長 青 綜合 服務 中心社區 關懷 據點 及 巷 弄 長 照站 322 處 及 高雄市 原 住 民 事務 委員會 權管 文化 健康 站 計 27 處 也 同步 啟動 辦理 衛生局 仍 持續 要求 據點 加強 防疫 措施 並且 不定期 抽查 社區 長 照 據點 落實 防疫 作業 在 不 停止 辦理 據點 服務 情形 下 各項 服務 活動 時 建議 保持 1 公尺 以上 距離 落實 縝密 防疫 無縫 隙 提供 長輩 家屬 安心 安全 的 活動 場地 與 空間</t>
  </si>
  <si>
    <t>新冠 病毒 在 日 蔓延 據 日 媒 nhk 報導 包含 停留 在 橫濱 港 的 鑽石 公主 號 在內 日本 已 有 705 人 確診 新冠肺炎 且 至今 官方 仍未 能 確 任 病毒傳播 途徑 不過 在 此 防疫 工作 吃緊 之際 日本首相 安倍晉三 竟 忙 著 接待 出於 同鄉 的 河豚 業者</t>
  </si>
  <si>
    <t>中印 邊境 衝突 依舊 緊張 近來 局勢 甚至 持續 升級 在 上述 背景 下 美 日 印 澳 四國 quad 外交部長 將 於 10 月初 在 日本 會晤 商討 大陸 新冠 疫情 等 重要 問題 日本 經濟 新聞 19 日 引述 東京 消息人士 報導 經過 日本政府 與 相關 國家 協調 後 第 2 次 美 日 印 澳 4 國 外長 會議 最 快 將 於 10 月初 在 東京 登場 屆時 預計 日本 外務大臣 茂 木 敏充 美國 國務卿 蓬佩 奧 澳洲 外長 佩恩 marise payne 和 印度 外長 蘇 傑生 subrahmanyam jaishankar 都將 出席 此次 會議 4 國 外長 去年 9 月 曾在 聯合國大會 期間 舉行 首 次 會議 日方 官員 透露 4 國 外長 預計 將 透過 這個 重要 會議 重申 維持 自由 開放 印太 地區 的 重要性 並 就 應對新冠肺炎 大 流行 及 涉 陸 問題 等 交流 意見 日本 時報 分析 本次 會議 旨在 對抗 大陸 在 印太 地區 日益 強硬 的 手段</t>
  </si>
  <si>
    <t>臺灣 新增 2 新冠肺炎 確診 病例 夫妻 赴 孟加拉 工作 染病</t>
  </si>
  <si>
    <t>新冠肺炎 全球 斯里蘭卡 線 上 授課 兒童</t>
  </si>
  <si>
    <t>疫苗 企業 造冊 新冠肺炎 臺灣</t>
  </si>
  <si>
    <t>全球 商業 不動產 服務 機構 高力 國際 公佈 第 三 季 旅館 前景 報告 hotel insights 認為 隨 著 部分 國家 國境 逐步 解封 預期 亞太區 觀光旅館 業 營運 將 不至於 再 轉 壞 未來 可望 呈現 u 型 趨勢 復蘇 但 長途 跨國 旅遊 可能 要到 2023 年 才 有 機會 完全 復蘇 新冠肺炎 疫情 使 全球 各國 封鎖 國境 跨境 商旅 凍結 使 觀光旅館 業 遭逢 重創 高力 國際 調查 顯示 上半年 亞太區 飯店業 整體 住房 率 驟降 至 339 單日 平均 房價 僅 6032 美元 約 新 台幣 1765 元 平均 客房 收益 revpar 年 減 達 近 7 成 投資 動能 上 高力 國際 資本 市場 服務部 執行 董事 黃正忠 指出 新冠肺炎 衝擊 使得 亞太區 飯店 交易 總額 自 首季 便 出現 大幅 下滑 第二 季更 驟 減至 僅 有 10億 美元 季 減幅 達 568 年 減幅 高 達 717 不過 過去 幾 個 月 來 全球 已 有 國家 陸續 放寬 旅遊 禁令 甚至 重新 開放 邊境 高力 國際 預期 觀光旅館 業 營運 不至於 再 轉 壞 然而 由於 對 經濟 及 國境 解 封後 的 疫情 復發 以及 疫苗 尚未 問世 的 相關 擔憂 仍 將 改變 旅遊 生態 臺灣 上半年 來 台 旅客 人次 僅 約 1262萬 年 減 達 789 臺北市 觀光旅館 住房 率 自 1 月 62 一路 下滑 至 6 月 20 旅館 平均 客房 收益 自 2815 元 跌 至 574 元 但 在 疫情 趨 緩 及 消費 振興 方案 帶動 下 花蓮 等 風景區 飯店 住房 率 已 回溫至 70 平均 客房 收益 可 達 3343 元 高力 國際 董事 總經理 劉學龍 表示 目前 跨境 旅遊 仍以 必要 商務 為主 各國 觀光旅遊 活動 仍 由 國旅 帶動 未來 在 全球 國境 逐步 開放 經濟 逐漸 回穩 後 離家近 且 重視 衛生 安全 的 短程 旅途 將 率先 復蘇 過往 大規模 的 團 客 行程 減少 朝向 人數 少 的 精緻 團體 或 自由 行 為主 高力 國際 研究 部 董事 梁儀盈 指出 臺灣 以往 每年 出國 人次 達 上 千萬 但 如今 這些 旅遊 及 消費 動能 只能 留在 國內因應 後 疫情 時代 民眾 生活習慣 改變 旅館 營運商 除了 應 分散 多元 客 層 經營方式 上 應善 用 臺灣 優美 的 山景 及 海景 融入 自然 及 健康 元素 重視 戶外 設施 梁儀盈 認為 飯店業 者 現在 應 致力 提升 經營 精緻化 建議 經營 應 提升 ai 人工智慧 服務 配置 無人化 及 自動化 裝置 高 標準 的 衛生 清潔 設備 等 透過 智慧 硬體 設施 來 跟 旅客 互動 如此 在 全球 旅遊 重新 開放 時 才能 保有 現 有 市場 熱度 且 更 有 實力 迎接 國際 觀光客 到來</t>
  </si>
  <si>
    <t>馬光 雲端 問診 天津 新加坡 新冠肺炎</t>
  </si>
  <si>
    <t>quarantined posted up pod lakers guard quinn cook who sources say tested negative for coronavirus on testing process how he s staying in shape isolated nba players receiving tests versus general public and more https t co w 9 ywnqki 4 w https t co bkfxrqogwb pic twitter com jf 96 touiel 在 先後 爆 料 麥基 杜德利 兩 名 湖 人 球員 接受 新冠 病毒檢測 呈現 陰性 yahoo sports 資深 記者 海恩斯 21 日 繼續 爆出 湖 人 替補 後衛 庫克 沒有 中 鏢 更 用 視 訊 進行 專訪 談 到 接受 檢測 的 過程 庫克 不禁 表示 那 是 你 人生 最 糟糕 的 8 到 9 秒 由於 先前 爆出 兩 名 湖 人 球員 確診 新冠肺炎 可是 湖 人 官方 決定 交給 球員 自行決定 是否 公開 如今 隔 了 1 天 多時 間 遲遲 沒有 湖 人 球員 跳出 來 證實 自己 確診 只能 交給 外界 繼續 猜測 當中 不過 當前 包含 麥基 杜德利 與 庫克 3 人 檢測 都 呈 陰性 我 看 過 米契爾 的 採訪 影片 他 說 采 檢 過程 很 不 舒服 我 不 希望 任何人 有 那種 經歷 但 那是 必須 做 的 事 庫克 說 我們 醫生 做 得 很棒 讓 每個 人 都 避開 彼此 但 所有人 反應 都 一樣 搞 笑 的 是 我們 都在群 組 內 吐 槽 檢測 過程 有 多 痛苦 與 不適 就是 用 一個 醫用 棉花 棒 醫生 會 插入 你 的 鼻子 深處 我 猜 要到 咽喉 的 部位 吧 他 把 棉花 棒 插入 你 的 鼻子 然後 轉動 那種 感覺 太 糟 太 糟 了 庫克 說 我們 在 檢測 完成 後 5 小時 仍 感覺 不適 但 我們 都 接受 了 檢測 且 共同 克服 了 它</t>
  </si>
  <si>
    <t>新冠肺炎 臺灣 全國 台電 異地 辦公</t>
  </si>
  <si>
    <t>臺灣 新冠肺炎 疫情 趨 緩 但 國際 卻 越來越 嚴峻 台 大公 衛 學院院長 詹 長 權 昨 指出 只要 沒有 疫苗 就 很 難 終結 新冠肺炎 但 臺灣 疫苗 沒有 國家隊 只有 國際隊 遺憾 臺灣 在 這塊 缺席 他 強調 臺灣 要 與 國際 有 連結 不可能 一直</t>
  </si>
  <si>
    <t>今天 是 我 和 孩子 分開 的 第 22 天 我 怕 不 小心 中 了 沒 發現 就此 傳染給 孩子 前 立 委 黃適 卓 近日 收到 許多 殯葬 業 的 反應 感歎 新冠肺炎 患者 必須 24 小時 內 火化 但 身處 第一線 的 他們 日夜 接觸 確診 個案 卻 幾乎 被 政府 遺忘</t>
  </si>
  <si>
    <t>殯葬 業 新冠肺炎 前 立 委 黃適 卓 臺灣</t>
  </si>
  <si>
    <t>美國 新冠肺炎 川普 20萬 死亡</t>
  </si>
  <si>
    <t>新冠肺炎 臺灣 雲林 境外 疫苗</t>
  </si>
  <si>
    <t>紐約 大 都 會 被 驗 出 2 人 感染 新冠肺炎 其中 1 人 是 球員 他們 21 日 對 馬林 魚 22 日 對 洋基 的 比賽 臨時 喊停 大都會 在 客場 邁阿密 與 馬林 魚 已經 打 了 3 連戰 第 4 戰 之前 才 被 驗 出 感染者 大都會 週末 有 3 場 在 洋基 主場 的 地鐵 大戰</t>
  </si>
  <si>
    <t>紐約 大 都 會 被 驗 出 2 人 感染 新冠肺炎 其中 1 人 是 球員 他們 21 日 對 馬林 魚 22 日 對 洋基 的 比賽 臨時 喊停 大都會 在 客場 邁阿密 與 馬林 魚 已經 打 了 3 連戰 第 4 戰 之前 才 被 驗 出 感染者 大都會 週末 有 3 場 在 洋基 主場 的 地鐵 大戰 第 1 戰 確定 延後 本月 20 日 是 本 季 大 聯盟 30 支 球隊 自 開幕 戰 以來 全數 出場 比賽 的 一 天 但 也 只 持續 1 天 就 再 出現 病例 先前 馬林 魚 爆發 疫情 時 連續 取消 7 場 比賽 紅雀 停賽 更 長 達 半 個 月 大都會 全隊 將 飛 回 到 紐約 持續 追蹤 檢疫 兩 位 病人 暫留 邁阿密 他們 下 半 月 的 比賽 對手 只有 馬林 魚 和 洋基 洋基 在 月底 前 與 大都會 還有 6 場 比賽 總 教練 波恩 aaron boone 說 2020 年 不 比 往年 我們 開 季 前 就 有 心理準備 我們 知道 隨時 會 有 挑戰 也 經歷 過 賽事 取消 與 雙重 賽 顯然 其他 球隊 遭遇 更 嚴重 的狀況 我們 只 能 盡力 安全 地 打 比賽</t>
  </si>
  <si>
    <t>新冠肺炎 疫情 仍 嚴峻 但 高雄 傳來 好 消息 睽 違 14 天 嘉玲 終於 又 回到 高雄 高雄 市長 陳其邁 感謝 市民 的 配合 及 醫護 的 努力 他 也 強調 雖然 7 日 0 確診 但 面對 疫情 仍然 不能 掉以輕心 必須 戰戰兢兢 如實 做好 防疫 工作 他 也 相信</t>
  </si>
  <si>
    <t>新冠肺炎 疫情 仍 嚴峻 但 高雄 傳來 好 消息 睽 違 14 天 嘉玲 終於 又 回到 高雄 高雄 市長 陳其邁 感謝 市民 的 配合 及 醫護 的 努力 他 也 強調 雖然 7 日 0 確診 但 面對 疫情 仍然 不能 掉以輕心 必須 戰戰兢兢 如實 做好 防疫 工作 他 也 相信 最終 一定 可以 戰勝 疫情 陳其邁 表示 高雄 7 日 0 本土 確診 個案 距離 上次 0 確診 是 14 天 以前 而 這 段 期間 高雄 大多 都 是 出現 零星 個案 他 特別感謝 市民 以及 所有 醫護 同仁 的 努力 但 還是 要 提醒 民眾 面對 新冠肺炎 疫情 大家 沒有 樂觀 的 本錢 必須 戰戰兢兢 小心翼翼 把 每個 防疫 工作 落實</t>
  </si>
  <si>
    <t>新冠肺炎 臺灣 高雄 確診 疫情</t>
  </si>
  <si>
    <t>中華民國 紅十字會 捐 物資 助 新北 對抗 新冠肺炎</t>
  </si>
  <si>
    <t>中華民國 紅十字會 為 提升 新北 市 第一 線 救護 人員 出勤 防護 裝備 及 能力 捐贈 捐贈 防疫 物資 於 26 日 下午 1 時 30 分 于 南雅 分隊 車庫 舉辦 中華民國 紅十字會 捐贈 新北 消防 防疫 物資 儀式 並 邀請 新北 市 謝副 市長 政 達 代表 受 贈 及 回贈 感謝狀 中華民國 紅十字會 長期以來 投入 國內 大陸 以及 國際 賑災 不 遺 餘 力 全力 實踐 紅十字 運動 所 彰 顯 的 博愛 人道 志願 服務 的 精神 近期 新冠肺炎 疫情 日趨 嚴峻 作為 人道 組織 中華民國 紅十字會 超前 佈 署 積極 採購 並 發送 必要 防疫 物資 給 醫護 消防 等 救護 機構 充實 第一線 抗 疫 資源 中華民國 紅十字會 熱心 公益 造福 鄉 梓 之 義舉 足 為 當今社會 的 典範 令人殊 堪 感佩 讚賞 該會 總 會長 王清峰 對於 消防 救災 工作 重視 協助 政府 強化 防疫 能力 及 裝備 不 遺 餘 力 也 希望 藉 此 達 抛磚引玉 之 效 引 領 各界 投入 更 多 的 公益 善行 以 造福 市民 謝政達 表示 中華民國紅十字會 長年 熱心 公益 默默 耕耘 深受 地方 各界 好評 與 肯定 而 今日 再 捐贈 新北 市政府 消防 局 防水 隔離 衣 500 件 重複 用 防護 面罩 700 件 12 吋 丁 腈 手套 14000 支 及 n 95 口罩 10000 個 加強 本府 消防 局 防疫 能力 及 裝備 並 提升 整體 防疫 效能 確保 居民 的 生命安全 衷心感謝 其 善行 義舉</t>
  </si>
  <si>
    <t>新冠肺炎 全球 日本 莫德納 疫苗 雜質</t>
  </si>
  <si>
    <t>北 科 附 工 3 日 有 1 名 學生 感染 新冠肺炎 delta 變種 病毒 全校 師生 及 同班同學 的 家屬 進行 pcr 采 檢 結果 均 為 陰性 7 日 再 對 住 在 集中 檢疫所 的 同班同學 老師 及其 家人 進行 第 2 次 pcr 采 檢 目前 皆 為 陰性 但 還有 4 人 待 采 桃園 市政府</t>
  </si>
  <si>
    <t>北 科 附 工 3 日 有 1 名 學生 感染 新冠肺炎 delta 變種 病毒 全校 師生 及 同班同學 的 家屬 進行 pcr 采 檢 結果 均 為 陰性 7 日 再 對 住 在 集中 檢疫所 的 同班同學 老師 及其 家人 進行 第 2 次 pcr 采 檢 目前 皆 為 陰性 但 還有 4 人 待 采 桃園 市政府 晚間 表示 有關 機師 兒子 案 16122 北 科 附 工 有 227 人 居家 隔離 7 日 在 檢疫所 中 進行 pcr 二 采 結果 出爐 有 223 人 為 陰性 其 餘 4 人 將 依照 時間 序 陸續 於 9 月 日 8 及 9 月 10 日 采 檢 桃園 市 衛生局 指出 目前 采 檢 結果 都 是 陰性 暫時 沒有 要 對 北 科 附 工 全校 師生 進行 第 2 次 快 篩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及時 診斷 及 通報</t>
  </si>
  <si>
    <t>帛 琉 旅遊 泡泡 陳時中 新冠肺炎</t>
  </si>
  <si>
    <t>工業 電腦廠 事 欣 科 4916 2020 年 3 月 合併 營 收 續 升至 581億 元 惟 首季 合併 營 收 仍 雙 降 至 1597億 元 創 近 11 季 低點 展望 後市 公司 預期 受 新冠肺炎 疫情 干擾 歐美 出 貨 將 出現 遞 延 狀況 但 將 盡全力 將 訂單 按 原計 畫 出 貨</t>
  </si>
  <si>
    <t>工業 電腦廠 事 欣 科 4916 2020 年 3 月 合併 營 收 續 升至 581億 元 惟 首季 合併 營 收 仍 雙 降 至 1597億 元 創 近 11 季 低點 展望 後市 公司 預期 受 新冠肺炎 疫情 干擾 歐美 出 貨 將 出現 遞 延 狀況 但 將 盡全力 將 訂單 按 原計 畫 出 貨 力求 將 疫情 影響 降 至 最 低 事 欣 科 2020 年 3 月 自 結合 並 營 收 581億 元 較 2 月 547億 元 成長 611 但 較 去年同期 669億 元 減少 1316 為 近 3 年 同期 低 點 累計 首季 合併 營 收 1597億 元 較 去年 第 四季 2111億 元 減少 2435 較 去年同期 1743億 元 減少 836 為 近 11 季 低點 事 欣 科 3 月 營 收 續揚 主要 受惠 工具 機子 公司 恩德 1528 動能 轉 強 恩德 2020 年 3 月 自 結合 並 營 收 325億 元 月 增 1566 年 減 394 不過 由於 前 2 月 營運 偏 弱 累計 首季 合併 營 收 838億 元 季 減 3033 年 減 1075 創 近 4 年 低點 若 排除 恩德 營 收 事 欣 科 3 月 個體 合併 營 收 約 255億 元 月 減 399 年 減 2263 表現 明顯 轉 弱 致使 首季 合併 營 收 758億 元 季 減 1641 年 減 555 法人 認為 主要 受到 新冠肺炎 疫情 全球 延 燒 影響 事 欣 科 產品 需求 及 出 貨 進度 所 致 事 欣 科 表示 美國 及 墨西哥 廠 區 已 配合 政府 政策 實施 各項 防疫 措施 包括 員工 及 訪 客 自主 健康 管理 員工 用餐 管制 廠 區 全面 消毒 強化 防疫 知識 宣導 等 公司 也 已 成功 緊急 調配 數 千 醫療 用 口罩 供 員工 防疫 使用 將 有利 公司 正常 營運 展望 後市 事 欣 科 表示 第二 三 季 進入 專案 出 貨 旺季 惟 歐美 疫情 致使 客戶 營運 趨 緩 干擾 預期 出 貨 將 出現 遞 延 狀況 將 盡力 使 專案 訂單 照 原計 畫 出 貨 並 因應 即時 疫情 變化 調配 全球 產能 及 庫存 預計 出 貨 遞 延 狀況可望 在 5 月初 改善 力將 疫情 影響 降 至 最 低 事 欣 科 表示 現有 的 博弈 航 太 醫療 國防 等 事業 群 專案 持續 出 貨 穩健 貢獻 營 收 旗 下 恩德 及 總格 在 自動化 領域 具 互補 關係 此次 掌握 無人化 防疫 商 機設備 客 制 化 商 機 可望 將 持續 挹注 營運 動能 隨 著 全球 疫情 逐漸 獲得 控制 預期 營運 有 機會 逐 季 穩步 成長</t>
  </si>
  <si>
    <t>農曆年 期間 因 跟隨 媽媽 回大陸 湖北 探親 結果 因 新冠肺炎 疫情 而 滯留 湖北 的 新竹 女 中高 3 學生 cindy 10 日 晚間 11 點 終於 透過 2 次 武漢 包機 回來 了 校方 表示 cindy 在 完成 隔離 檢疫 後 可 趕上 3 月 31 日 確定 2 階段 面試 其父 則 透過 感謝</t>
  </si>
  <si>
    <t>農曆年 期間 因 跟隨 媽媽 回大陸 湖北 探親 結果 因 新冠肺炎 疫情 而 滯留 湖北 的 新竹 女 中高 3 學生 cindy 10 日 晚間 11 點 終於 透過 2 次 武漢 包機 回來 了 校方 表示 cindy 在 完成 隔離 檢疫 後 可 趕上 3 月 31 日 確定 2 階段 面試 其父 則 透過 感謝信 謝謝 蔡 政府 與 各界 的 協助 新竹 女 中 校長 呂淑美 表示 該校 3 年級 學生 cindy 是 在 今年 農曆 年前 跟 媽媽 回大陸 湖北 探親 結果 因 新冠肺炎 疫情 封省而 被迫 滯留 在 湖北 而 首次 包機 cindy 與 媽媽 也 沒能 趕 搭上 由於 cindy 的 學 測 成績 達 57 級 分 過去 也 一直 是 英語演講 的 常勝 軍 中 英文 成績 優異 很 有 機會 上 第 1 志願 台大 外文 系 但 她 滯留 在 湖北 很多 資料 無法 準備 如果 再 不 回國 趕不及 3 月 31 日 的 志願 放榜 就 無法 進行 第 2 階段 面試 其父 因 此 向 學校 及 各界 求助 昨天 深夜 11 點 cindy 的 導師 突然 接到 cindy 的 來電 指 其 已 在 2 次 武漢 包機 的 首 班華 航班機 登機 可 順利 回國 校方 是 喜出望外 大為 感謝 蔡英文 政府 與 各界 的 協助 cindy 的 父親 今天上午 也 寫 了 封 感謝信 感謝 各界 他 表示 感謝 蔡 總統 行政院 陸委會 海基會 等 有關 單位 在 您 們 的 拆 沖 下 我 的 家 人 終於 踏 上 臺灣 的 土地 可以 回家 了 衷心 的 謝謝 您 們</t>
  </si>
  <si>
    <t>澳洲 維多利亞省 省長 安德魯斯 daniel andrews 週一 宣佈 因 該省 的 新冠肺炎 疫情 升高 與 新南 威爾斯 省 接壤 的 省界 將 於 週二 起 無限期 關閉 這 將 是 澳洲 人口 最 多 的 這 兩 個 省 100 年 來 首度 關閉 邊界 政府 上次 對 兩地 之間 的 人員</t>
  </si>
  <si>
    <t>高端 混打 莫德納 心肌炎 新冠肺炎</t>
  </si>
  <si>
    <t>英 首相 強生 宣佈 確診 感染 新冠肺炎 消息 公佈 後 原已 下跌 的 歐洲 三大 指數 跌幅 擴大 到 晚間 21 00 時 左右 英 德 法 三大 指數 跌幅 3 至 5 其中 英國 跌幅 最重 美國 三大 指數 期貨 跌幅 亦 隨之 擴大 跌幅 約 在 3 左右 到 臺北 時間 2</t>
  </si>
  <si>
    <t>英 首相 強生 宣佈 確診 感染 新冠肺炎 消息 公佈 後 原已 下跌 的 歐洲 三大 指數 跌幅 擴大 到 晚間 21 00 時 左右 英 德 法 三大 指數 跌幅 3 至 5 其中 英國 跌幅 最重 美國 三大 指數 期貨 跌幅 亦 隨之 擴大 跌幅 約 在 3 左右 到 臺北 時間 21 00 為止 英國 富 時 指數 ftse 報 5491 點 重 挫 324 點 跌幅 551 德國 dax 指數 報 9672 點 下跌 335 點 跌幅 或 337 法國 cac 指數 報 4352 點 下跌 191 點 跌幅 4 義大利 與 西班牙 股 跌幅 也 在 3 4 之間 美國 三大 指數 期貨 跌幅 擴大 道指 期貨 最新 報 21683 點 跌 665 點 或 3 標 普 期貨 最新 報 2531 點 跌 77 點 或 29 納指 期貨 最新 報 7633 點 跌 210 點 或 27</t>
  </si>
  <si>
    <t>黃博怡 新冠肺炎 威脅 全球 經濟 斷 鏈 臺灣 經濟 可望 再造 奇跡 2 0</t>
  </si>
  <si>
    <t>新冠肺炎 疫情 持續 蔓延 從 2018 年 中 美 貿易戰 開 打 2019 年 加碼 演出 再 加上 今年 的 新冠肺炎 肆虐 大陸 出現 前所未見 的 封城 封省 景象 世界 產業 供應 鏈 很 可能 斷 鏈 進而 重新 解構 調整 幾乎 勢 不可 免 全球 經濟 板塊 可 預見 將 出</t>
  </si>
  <si>
    <t>典範 世界 臺灣 大陸 新冠肺炎</t>
  </si>
  <si>
    <t>新冠肺炎 疫情 衝擊 下 外 食 人口減少 餐廳 自助餐 旅遊業 餐飲 買 菜 量 銳減 雲 林縣 西螺鎮 二 侖 鄉 崙背 鄉 等 蔬菜 產地 農民 哀鴻遍野 採收 不敷 成本 紛紛 耕 鋤 成熟 的 蔬菜 縣長 張麗善 在 縣議員 李明哲 遊淑雲 廖偉晴 陪</t>
  </si>
  <si>
    <t>新冠肺炎 疫情 衝擊 下 外 食 人口減少 餐廳 自助餐 旅遊業 餐飲 買 菜 量 銳減 雲 林縣 西螺鎮 二 侖 鄉 崙背 鄉 等 蔬菜 產地 農民 哀鴻遍野 採收 不敷 成本 紛紛 耕 鋤 成熟 的 蔬菜 縣長 張麗善 在 縣議員 李明哲 遊淑雲 廖偉晴 陪同 下 7 日 到 西螺鎮 勘查 多 處 棄 采 的 小白菜 芥藍菜 青江 菜園 菜農 表示 最近 遇到 雙重 打擊 一 是 菜價 太 低 二 是 找 不 到 工人 即使 有 工人 採收 也 不敷 成本 乾脆 犁 掉 菜農 說 從 一月 開始 菜價 就 很 差 新冠肺炎 疫情 傳 出來 之後 菜價 一 天 比 一 天 差 張麗善 一行 人 看到 已 噴 農藥 等待 乾枯 的 白 菜園 開花 的 芥藍菜 園 耕 鋤 中的 青江 菜園 已經 翻 耕 變成 土 的 菠菜 園 菜農 吳志明 說 菜價 實在太 低 了 播種 肥料 農藥 的 成本 就 要 一萬 多元 採收 還要 一萬 多 元 工錢 不 採收 損失 一萬 多元 採收 還要 多 損失 一萬 多元 乾脆 耕 鋤 休息 看 狀況 吳志明 說 現在 要 勒緊褲帶 過 日 賺 得 多 就 花多 賺 得 少 就 少花 張麗善 表示 怎麼 陪伴 農民 走 過 難關 是 縣府 要 做 的 呼籲 中央政府 把 農業 損失 納入 新冠肺炎 疫情 的 紓困 計 畫 第二 是 呼籲 中央 辦理 耕 鋤 專案 計 畫 使 菜 量減少 讓 農民 的 損失 降到 最低 縣議員 李明哲 說 防疫 視同 作戰 沒有 人 出來 旅遊 上 餐廳 農民 種 的 菜 賣不出去 希望 中央政府 體會 農民 的 困苦 每 一塊 田都 代表 一個 家庭 不是 一個 人 而已</t>
  </si>
  <si>
    <t>疫情 升溫 如果 社 福 機構 防 出現 缺口 怎麼辦 為 落實 身 障 福利 機構 防疫 台中市政府 社會局 舉辦 新冠肺炎 應變 作為 兵 棋 推演 由 中區 傳染病 防治 醫療網 副 指揮官 黃 伊文 等 專家 分享 經驗 模擬 社 福 機構 發生 群 聚 感染 進行 推演</t>
  </si>
  <si>
    <t>疫情 升溫 如果 社 福 機構 防 出現 缺口 怎麼辦 為 落實 身 障 福利 機構 防疫 台中市政府 社會局 舉辦 新冠肺炎 應變 作為 兵 棋 推演 由 中區 傳染病 防治 醫療網 副 指揮官 黃 伊文 等 專家 分享 經驗 模擬 社 福 機構 發生 群 聚 感染 進行 推演 考驗 災害 防 救 人員 調度 運用 能力 提升 緊急 應變 機制 社會 局長 彭懷真 說 市長 盧秀燕 防疫 秉 持 超前 部署 加 嚴 加密 原則 2 月 28 日 將 應變 中心 提升 為 一級 開設 社會局 因應 新冠肺炎 疫情 藉 由 兵 棋 推演 面對 重大 疫情 災害 時 實施 感染 管制 措施 通報 暨 應變 作法 與 待 改善 事項 落實 機構 防疫 工作 防疫 兵 棋 推演 包括 霧峰 教養 家園 立 達 啟 能 訓練 中心 台中 市 私立 慈愛 智慧 發展中心 皆 派員 共同 參演 並於 現場 發佈 災情 狀況 即時 模擬 處置 措施</t>
  </si>
  <si>
    <t>新冠肺炎 疫情 造成 全球 已 逾 500萬 人 感染 32萬8千 多 人 死亡 而 自 疫情 開始 以來 不少 國家 都 出現 一 罩 難 求 的 口罩 荒 沒 想到 越南 一 名 身材 火 辣 的 嫩 模 竟 突發奇想 將 口罩 拿 來 遮 3 點 製成 口 卓 罩 比基尼 還 將 照片 po 到 社</t>
  </si>
  <si>
    <t>新冠肺炎 疫情 造成 全球 已 逾 500萬 人 感染 32萬8千 多 人 死亡 而 自 疫情 開始 以來 不少 國家 都 出現 一 罩 難 求 的 口罩 荒 沒 想到 越南 一 名 身材 火 辣 的 嫩 模 竟 突發奇想 將 口罩 拿 來 遮 3 點 製成 口 卓 罩 比基尼 還 將 照片 po 到 社 群 媒體 結果 沒 獲得 網友 稱讚 反 遭 網友 炮轟 浪費 物資 網友 氣憤 表示 疫情 流行 期間 這 名 年輕 女 模 卻 浪費 重要 醫療 物資 另 1 名 網友 則 說 老實 說 在 此 攸 關 性命 時刻 拿 口罩 改造 成 比基尼 我 認 是 一 種 可怕 的 行為 在 你 的 國家 或許 可以 輕易 買 得 到 但 在 義 大利 卻是 一 罩 難 求 還有 人 抱怨 說 我家 只 剩下 3 個 一 種 創新 的 愚蠢 雖然 這 名 嫩 模 的 口罩 比基尼 遭 不少 人 批評 但 仍 有人 覺得 有 創意 形容 它 是 罩 基尼 maskini 由於 負面 回應 大於 讚美 這 名 ig 用戶 名稱 叫 oanhdaqueen 的 年輕 女 模 不久 就 刪掉 照片 和 貼 文 還 在 自己 的 ig 道歉 我 住 在 越南 每個 人 都 可以 買到 口罩 6 年 來 我 每天 都 在用</t>
  </si>
  <si>
    <t>新冠肺炎 臺灣 南科 市府 調查</t>
  </si>
  <si>
    <t>新冠肺炎 臺灣 大量 全國 訓練</t>
  </si>
  <si>
    <t>史上 最 嚴重 未來 數 十 年 受 影響 世衛 6 度 宣告 新冠肺炎 為 國際 公衛 緊急事件</t>
  </si>
  <si>
    <t>蔡明興 富 邦 金 新冠肺炎 臺灣 翁美慧</t>
  </si>
  <si>
    <t>防疫 醫師 民眾 雙手 新冠肺炎</t>
  </si>
  <si>
    <t>女星 小甜甜 張可昀 日前 在 節目 小 明星 大 跟班 透露 受 新冠肺炎 影響 導致 戲 約 暫緩 由於 小甜甜 幾乎 把 所有 積蓄 投資 做 凍 膜 副業 但 她 的 房 貸 車 貸 等 一個 月 開銷 仍 約 要 20萬 消息 傳出 後 不少 網友 都對 小甜甜 月 開銷 要 20</t>
  </si>
  <si>
    <t>女星 小甜甜 張可昀 日前 在 節目 小 明星 大 跟班 透露 受 新冠肺炎 影響 導致 戲 約 暫緩 由於 小甜甜 幾乎 把 所有 積蓄 投資 做 凍 膜 副業 但 她 的 房 貸 車 貸 等 一個 月 開銷 仍 約 要 20萬 消息 傳出 後 不少 網友 都對 小甜甜 月 開銷 要 20萬 感到 吃驚 對此 小甜甜 也 發文 回應 小甜甜 月 開銷 約 要 20萬 消息 一 出 還 引發 網友 留言 問 你 什麼 開銷 一個 月 要 花 20萬 可以 分享 一下 嗎 對此 小甜甜 今 14 日 淩晨 則 發文 說明 最重 主 是 因為 我 有 個人保險 另外 的 車險 我 的 房 貸 我 的 車 貸 跟 定期 用 卡扣 款 的 卡費 以及 兩 張 儲蓄 險 定 存 儘管 計畫 趕不上 變化 小甜甜 仍 表示 她 不 後悔 自己 當初 的 投資 規劃 她 也 分享 應對 的 方法 例如 回到 最初 在 這時候 一 天 打 三 種 工 減 額 繳 房 貸 都 是 很棒 的 方法 小甜甜 以 正 能量 面對 逆勢 並 樂觀 喊話 我們 一起 堅強 吧</t>
  </si>
  <si>
    <t>湖北 黃石港區 新冠肺炎 大陸</t>
  </si>
  <si>
    <t>疫情 新冠肺炎 應召 賣淫 博弈</t>
  </si>
  <si>
    <t>下 波 疫情 不只 新冠肺炎</t>
  </si>
  <si>
    <t>作為 確保 2020 年 東京 奧運會 和 殘奧 會 安全計 畫 的 一 部 份 國際奧會 ioc 今天 宣佈 與 輝瑞公司 pfizer inc 和 biontech se 達成 共識 將 提供 來自 世界 各國 奧林匹克 和 殘奧 委員會 的 運動員 新冠肺炎 疫苗 國家 奧會 noc 將 與</t>
  </si>
  <si>
    <t>東奧 新冠 疫苗 az 疫苗 即時 報導 新冠肺炎</t>
  </si>
  <si>
    <t>人員 地區 健康 監測 大陸 新冠肺炎</t>
  </si>
  <si>
    <t>大車 內 輪 差 致死 車禍 頻 傳 弘光 科大 7 日 舉辦 新生 啟航 校園文化 體驗 活動 特別 配合 台中 市交通局 交通 宣導 安排 內 輪 差 體驗 活動 開 來 一 台大 巴士 放 氣球 當 假人 提醒 學生 騎車 走路 時 避開 大型 車輛 以 確保安全 新生 啟航 活動 上午 8 時 30 分 許在 操場 舉行 第一 副 校長 易光輝 台中 市交通局 警察局 交通 員警 大隊 台中 區 監理所 都 派員 前來 參加 台中 區 監理所 交通安全 科 組長 賴秋如 表示 認識 道路 內 輪 差 的 交通 宣導 開學 期間 到 台中 各 大學校園 加強 宣導 第一 站 便 選 在 弘光 科大 易光輝 表示 學校 很 注重 學生 安全 透過 活動 提醒 學生 遵守 交通規則 不要 騎 快車 特別 是 剛 拿 到 駕照 的 學生 要 更 小心 另外 他 也 提醒 配合 新冠肺炎 防疫 學生 進校園 皆 須戴 口罩 參加 大型活動 集會 必須 戴 口罩 並 教室 保持 通風 住 在 新 啟用 營運 的 智慧 型 宿舍 新生 可用 悠 遊卡 使用 洗 烘 衣 機 房間 用電等 各種 設備 雖然 手持 智慧 型 房卡 便 能 進出 不過 進入 宿舍 仍要 量 體溫 內 輪 差 交通 宣導 安全 活動 開始 在 操場 放上 氣球 假人 大 巴士 慢 速 行駛 放 一旁 的 假人 因為 在內 輪 差 的 範圍 內 不慎 被 捲入 車底 輾 破 讓 學生 看到 目瞪口呆 另外 還 請 學生 坐上 駕駛座 看 大 車 的 後視鏡 瞭解 內 輪 差 是 什麼 員警 指出 大型 車 的 視野 死角 包括 正前方 正後方 左後方 右後方 騎車 千萬 不 要 跟 著 大車 太 近 更 不能 在 大車 旁 躲 太陽 這樣 都 很 危險 內 輪 差 的 震撼 教育 後 大一 新生 分組 進行 作 aed 與 cpr 急救 讓 每個 人 都能 親手 操作 劉姓 學生 說 新生 活動 很 實用 不管 是 交通 宣導 還是 學習 基本 急救 對 自己 很 有 幫助 林姓 學生 說 從 外地 來 台中 上 課 上課 前 先 學 會 怎麼 救人 交通安全 宣 導 也 學習 如何 自保 是 很 不錯 的 活動</t>
  </si>
  <si>
    <t>半導體 12 吋 晶圓 新冠肺炎 nb</t>
  </si>
  <si>
    <t>新冠肺炎 延 燒 家 扶 海外 服務 還 教 怎麼 洗手</t>
  </si>
  <si>
    <t>家 扶 基金會 至今 已 認 養 全球 35 個 國家 兒童 近 7萬 名 國外 兒童 近日 因 新冠肺炎 疫情 肆虐 全球 宣佈 進入 緊急狀態 家 扶 基金會 教導 當地 民眾 包括 使用 酒精 消毒 幹 洗手 或是 肥皂 洗手 製作 布 口罩 並 教導 當地 社區 民眾 如何 配戴</t>
  </si>
  <si>
    <t>家 扶 基金會 至今 已 認 養 全球 35 個 國家 兒童 近 7萬 名 國外 兒童 近日 因 新冠肺炎 疫情 肆虐 全球 宣佈 進入 緊急狀態 家 扶 基金會 教導 當地 民眾 包括 使用 酒精 消毒 幹 洗手 或是 肥皂 洗手 製作 布 口罩 並 教導 當地 社區 民眾 如何 配戴 支援 當地 兒童 與 家庭 營養 糧食 教育 水資源 和 緊急 救援 物資 發放 等 規 畫 依據 英國樂施會 提供 倫敦 國 王學院 和澳洲 國立 大學 進行 的 研究 指出 新冠肺炎 疫情 造成 的 經濟衰退 使 全球 民眾 收入 下降 20 也 將 導致 全球 每天 收入 低於 55 美元 的 人口 增加 548億 人 家 扶 基金會 扶助 的 全球 7萬 名 國外 兒童 中 其中 三 分之一 是 扶助 非洲地區 近 兩萬 名 兒童 對於 原本 就 生活 在 貧窮線 下 的 民眾 家 扶 基金會 目前 扶助金 改以 轉 帳 方式 處理 或 拉長 領 現 日 時間 一 位 社 工 分配 一 天 發放 並 依 時段 通知 家庭 至 中心 領 現 減少 群 聚 風險 如 在 史瓦帝 尼扶家 扶 基金會 已經 協助 近 6000 名 兒童 而 上月 27 日 起 因為 史瓦帝 尼 國王 禁止 20 人 以上 集會 為 避免 新冠 病毒 擴散 而 停止 服務 目前 家 扶 所 合作 的 20 個 社區 關閉 社區 廚房 改 采 物資 發放 方式 讓 兒童 們 可 將 食 材 帶回家 烹 煮 另 30 個 社區 持續 由 社區 廚房 供餐 但 改以 讓 兒童 帶 便當 回家 不在 社區 群 聚 用餐 目 現在 全球 受 疫情 影響 家 扶 基金會 在 國外 服務 地區 仍 有 2000 名 兒童 迫切需要 援助 邀請 民眾 一同 輸送 愛心 補充 孩子 的 需要 國外 兒童 認 養 專線 04 2206 1234 分機 157</t>
  </si>
  <si>
    <t>實在太 扯 了 自 孟加拉 返台 夫妻 前天 確診 新冠肺炎 後 昨 先 爆出 兩 人 搭 機 根本 未 穿 防護衣 後 孟加拉 臺灣 商會會長 又 爆 料 兩 人 並非 商會 成員 基於 好心 協助 回台 但 這 對 夫妻 完全 沒 說 在 孟加拉 當地 有 感染 新冠肺炎 讓 整團 成員</t>
  </si>
  <si>
    <t>孟國 夫婦 確診 生活 新冠肺炎 防護衣</t>
  </si>
  <si>
    <t>香港 28 日 新增 84 宗新冠肺炎 確診 個案</t>
  </si>
  <si>
    <t>香港 新冠肺炎 第 4 波 疫情 嚴重 衛生防護 中心 傳染病 處 主任 張 竹君 公佈 香港 今日 28 日 新增 84 宗 確診 個案 其中 包括 80 宗 本地 個案 其中 27 宗 源頭 不明 其 餘 53 宗 與 之前 個案 有 關連 當中 48 宗 為 歌舞 群 組 該 群 組 確診 人數</t>
  </si>
  <si>
    <t>香港 新冠肺炎 第 4 波 疫情 嚴重 衛生防護 中心 傳染病 處 主任 張 竹君 公佈 香港 今日 28 日 新增 84 宗 確診 個案 其中 包括 80 宗 本地 個案 其中 27 宗 源頭 不明 其 餘 53 宗 與 之前 個案 有 關連 當中 48 宗 為 歌舞 群 組 該 群 組 確診 人數 已 增至 415 宗 另 有 3 宗 輸入 病例 香港 累計 個案 6124 宗 另外 今日 新增 的 初步 確診 個案 則 約 有 80 宗 據 公佈 歌舞 群 組 的 確診 者 涉及 嘉諾 撒 書院 1 名 教師 該校 須 停課 14 日 全校 師生 須 做 病毒 測試 該 患者 的 1 名 家人 于德貞 女子 中學 任教 該 教師 昨日 27 日 最後 上班 該校 須再 停課 1 至 2 日 等待 其 檢測 結果 證 無 確診 方能 複課 27 宗 源頭 不明 個案 方面 包括 屯 門 卍 慈 小學 1 名 清潔工 該校 須 停課 2 周 全校 師生 亦 要 接受 病毒檢測 另外 曆山 大廈 8 otto e mezzo bombana 餐廳 1 名 廚師 確診 另 有 1名 職員 列 初步 個案 該 餐廳 需要 停業 香港醫管局 公佈 截至 今日 上午 9 時 過去 24 小時 共有 15 名 確診 病人 出院 至今 共有 5328 名 病人 康復 出 院 現時 共有 567 名 確診 病人 分別 於 20 間 公立醫院 留 醫 其中 7 人 情況 危殆 4 人 情況嚴重 其 餘 556 人 情況 穩定 目前 香港公立醫院 已 啟用 619 間 負 壓 病房 合共 1137 張 負 壓 病床</t>
  </si>
  <si>
    <t>新冠肺炎 臺灣 外籍 移 工 苗栗 確診</t>
  </si>
  <si>
    <t>北市 刑 大 小隊長 林姓 小隊長 新冠肺炎 臺灣</t>
  </si>
  <si>
    <t>新冠肺炎 居家 檢疫 防疫 車隊</t>
  </si>
  <si>
    <t>為 因應 新冠肺炎 防疫 需要 證交所 今 15 日 召開 董事會 通過 110 年 股東 常會由 原 訂 6 月 17 日 延期 至 8 月 20 日 週五 下午 2 時 假 臺北 國際會議中心 4 樓 貴賓廳 臺北市 信義路 5 段 1 號 召開 證交所 去 109 年 稅 後 盈 餘 57 96億</t>
  </si>
  <si>
    <t>為 因應 新冠肺炎 防疫 需要 證交所 今 15 日 召開 董事會 通過 110 年 股東 常會由 原 訂 6 月 17 日 延期 至 8 月 20 日 週五 下午 2 時 假 臺北 國際會議中心 4 樓 貴賓廳 臺北市 信義路 5 段 1 號 召開 證交所 去 109 年 稅 後 盈 餘 5796億 元 每股 稅 後 盈 餘 eps 772 元 雙雙 寫下 歷史 新高 擬將 配發 46 元 股利 至少 創下 近 10 年 來 新高 其中 包括 34 元 現金 股利 12 元 股票 股利 股東會 延到 8 月 20 日 舉行 證交所 今年 配股 配 息 時程 也 將 因而 往後 延</t>
  </si>
  <si>
    <t>證交所 股東 常會 延到 新冠肺炎 日 召開 董事會</t>
  </si>
  <si>
    <t>美國 川普 新冠肺炎 檢測 量</t>
  </si>
  <si>
    <t>高端 混打 莫德納 bnt 新冠肺炎</t>
  </si>
  <si>
    <t>新冠肺炎 臺灣 感冒 過敏 徐嘉賢</t>
  </si>
  <si>
    <t>新冠肺炎 疫情 幾乎 全世界 的 觀光 產業 都 受到 衝擊 幾 個 月 之內 國人 也 都 難以 出國 旅遊 有 網友 對此 好奇 詢問 臺灣 有 很多 日本 旅遊 中毒者 想 知道 若 是 還 未有 疫苗 問世 的 情況 下 大家 會 什麼 時候 就 前往 日本 旅遊 底下 網友 紛紛 點</t>
  </si>
  <si>
    <t>新冠肺炎 疫情 幾乎 全世界 的 觀光 產業 都 受到 衝擊 幾 個 月 之內 國人 也 都 難以 出國 旅遊 有 網友 對此 好奇 詢問 臺灣 有 很多 日本 旅遊 中毒者 想 知道 若 是 還 未有 疫苗 問世 的 情況 下 大家 會 什麼 時候 就 前往 日本 旅遊 底下 網友 紛紛 點出 一個 關鍵因素 這 名 網友 在 ptt 上 指出 突如其來 的 全球性 疫情 打亂 了 很多 人 的 出遊 計 畫 很多 旅日 中毒者 無處可去 目前 臺灣 疫情 趨 緩 想 問問 大家 如果 接下來 還是 沒 疫苗 可以 使用 當 台日 雙方 都 解除 封鎖 過 多久 後 大家 敢 再 去 日本 這 篇文章 立刻 引來 不少 人 的 討論 網友 的 留言 十分 踴躍 其中 大部分 的 人 都 認為 至少 需要 等到 入境 後 都 不 需 隔離 後 才 會 考慮 且 不少 人 也 擔心 去 了 之後 公司 對 他 的 觀感 不 佳 不要 檢疫 14 天 這 才 是 影響 多數 人 決定 的 關鍵 不用 隔離 再來 考慮 吧 更 有 網友 提到 韓國 的 例子 韓國 之前 本土 0 結果 剛 放縱 一下 馬上 15 例</t>
  </si>
  <si>
    <t>新冠肺炎 疫情 解禁 出國 旅遊</t>
  </si>
  <si>
    <t>新冠肺炎 臺灣 確診 探視 新竹 市</t>
  </si>
  <si>
    <t>新冠肺炎 臺灣 疫情 傳統 市場 蔡英文</t>
  </si>
  <si>
    <t>林彥汝 華視 女主播 一家 三 口 確診 新冠肺炎 臺灣</t>
  </si>
  <si>
    <t>新冠肺炎 期間 在 醫院 內 穿 著 兩節 式 性感 比基尼 裝 罩 上 一 襲 透明 防護衣 讓 春光 一覽無遺 而 一 夕 全球 爆 紅 的 俄羅斯 辣 護士 幸運 躲 過 疫情 後人 生 有 了 新 轉機 該 名 女 護士 日前 意外 被 服裝品牌 相中 成為 代言人 而 日前 更 傳出 新 消息</t>
  </si>
  <si>
    <t>新冠肺炎 期間 在 醫院 內 穿 著 兩節 式 性感 比基尼 裝 罩 上 一 襲 透明 防護衣 讓 春光 一覽無遺 而 一 夕 全球 爆 紅 的 俄羅斯 辣 護士 幸運 躲 過 疫情 後人 生 有 了 新 轉機 該 名 女 護士 日前 意外 被 服裝品牌 相中 成為 代言人 而 日前 更 傳出 新 消息 她 受 邀 成為 電視臺 氣象 主 播 這 名 年 僅 23 歲 的 俄羅斯 護理 師 茱 可 娃 nadezhda zhukova 今年 5 月 因 一 件 透視 防護 裝 引起 熱 議 紅遍 全球 綜合 外 媒 報導 她 當時 並 不 曉得 防護 裝 穿起 來 會 如此 透視 但 這 件 事 卻 讓 她 意外 受到 大眾 關注 更 讓 她 成為 內衣 運動 服飾 代言人 現在 又 被 當地 電視臺 延攬 成為 新 的 氣象 主 播 據 el heraldo 報導 從 本月 22 日後 可以 在 新聞頻道 rossiya 1 tula 和 rossiya 24 tula 看見 茱 可 娃 的 身影 她 將 以 氣象 主 播 的 身分 站 在 大眾 面前 並 利用 她 的 醫學常識 結合 天氣預報 茱 可 娃 也 在 受訪 時 開心 分享 很 期待 這個 挑戰 但 並未 放棄 本業 她 仍然 在 準備 成為 一 位 醫生 這 只 是 她 接下 的 挑戰 之一 這 位 穿 比基尼 的 女 護士 茱 可 娃 帶起 許多 效應 在 事發 時有 不少 女性 聲援 她 發起 拍下 自己 穿 透視 防護 服 的 身影 體恤 醫護人員 的 辛勞 她 更 成為 俄羅斯 運動 品牌 zasport 代言人 該 品牌 為 國家 運動 代表隊 御用 的 服裝 大 牌 而 現在 她 又 幸運 接下 氣象 女主播 的 職位</t>
  </si>
  <si>
    <t>美 新冠肺炎 振興 案 獲 妥協 可望 進入 國會 表決</t>
  </si>
  <si>
    <t>新冠肺炎 臺灣 采 檢 防疫 旅館 黃珊珊</t>
  </si>
  <si>
    <t>新冠肺炎 臺灣 遠 距 醫護人員 行動 醫療</t>
  </si>
  <si>
    <t>新冠肺炎 臺灣 林 思 銘 疫苗 消防 隊員</t>
  </si>
  <si>
    <t>美國勞工部 20 日 上午 公佈 的 前 周 8 月 15 日 為止 的當 周 新增 的 初次 申請 失業 救濟金 人數 再度 回升 到 百萬 以上 來到 111萬 也 遠 高於 經濟學家 預測 的 925萬 人 前 一個 星期 初領 失業 救濟金 人數 才以 971萬 寫下 疫情 3 月初 大 爆炸 後 首度 跌破 百萬 的 新低 紀錄 但 7 天 後 就 被 打回 原形 新冠肺炎 疫情 在 美國 持續 肆虐 迄今 確診 人數 達 553萬 死亡 173萬 經濟 和 就業 市場 更是 百廢待舉 疫情 3 月 在 美國 炸裂 後 初次 申請 失業 救濟金 的 人數 就 扶搖直上 3 月底 甚至 飆 上 697萬 的 史 上高 點 但 隨 各地 陸續 解封 經濟 重開 大門 初次 申請 失業 補助 的 人數 也 一路 下 探 券商 嘉信 理財 英國 區 執行 董事 佛 林 認為 資料 反 轉 上揚 將 會 讓 金融市場 大失所望 尤其 是 在 上周 資料 令人 充滿希望 之 後 他 指出 雖然 受 創 最深 的 產業 7 月 把 員工 找 回來 但 勞動 市場 的 疲弱 依然 前所未見 因 疫情 相關 衝擊 而 造成 的 封關 仍 可能 持續 讓 資料 由 好轉 壞 疫情 在 美國 鋪天蓋地 之前 每週 平均 新增 請領 人數 僅 20 來 萬 寫下 接近 半 世紀 以來 的 新低</t>
  </si>
  <si>
    <t>美國 失業 補助 新冠肺炎 疫情 就業 市場</t>
  </si>
  <si>
    <t>大 增 23 例 全台 新冠肺炎 沖 上 100 例</t>
  </si>
  <si>
    <t>衛福 部長 陳時中 18 日 宣佈 說 今天 一口氣 新增 23 例 全國 新冠肺炎 確診 人數 累計 達到 100 例 其中 本土 案例 新增 有 一 例 沒有 旅遊 史 正 對 他 進行 疫情 調查 其 餘 人 則 是 來 自 先前 被 查出 確診 的 埃及 團 土耳其 團 陳時中 強調</t>
  </si>
  <si>
    <t>菲律賓 發燒 案 476 返台 新冠肺炎</t>
  </si>
  <si>
    <t>新冠肺炎 全球 延 燒 台南 市 古都 馬拉松 與 國際 蘭展 等 大型活動 也 都 因應 疫情 接連 延期 台南 市長 黃偉哲 2 日 接受 電臺 訪問 時 表示 馬拉松 損失 幾 百萬 蘭展 損失 4000萬 但 不幸 中的 大幸 228 台南 的 住房 率 94 229 住房 率 84</t>
  </si>
  <si>
    <t>劉寶傑 陳時中 柯文哲 關鍵時刻 新冠肺炎</t>
  </si>
  <si>
    <t>新冠肺炎 疫情 已 致 蘋果 等 全球 科技 巨擘 產 能 受到 衝擊 如今 疫情 迅速 在 韓國 擴散 分析 師 預料 若 三星電子 因 疫情 嚴重 而 停工 將 使 韓國 經濟 面臨 重大 威脅 韓國 人口 約 5100萬 人 近日 新冠肺炎 確診 人數 急遽 上升 從 幾 天 前 的 5</t>
  </si>
  <si>
    <t>新冠肺炎 疫情 已 致 蘋果 等 全球 科技 巨擘 產 能 受到 衝擊 如今 疫情 迅速 在 韓國 擴散 分析 師 預料 若 三星電子 因 疫情 嚴重 而 停工 將 使 韓國 經濟 面臨 重大 威脅 韓國 人口 約 5100萬 人 近日 新冠肺炎 確診 人數 急遽 上升 從 幾 天 前 的 50 人 如今 暴 增至 逾 2000 人 分析 師 提及 身為 全球 智慧 型 手機 與 電腦 晶 片 龍頭 的 三星電子 如今 面臨 產能 可能 突然 停 擺 的 危機 到 目前為止 三星電子 在 疫情 控制 上 仍 屬 穩健 上週末 該 公司 龜 尾 gumi 廠 因 1 名 員工 感染 新冠肺炎 曾 短暫 停工 此後 也 要求 該廠 1500 名 員工 在家 隔離 兩 周 首 爾 渣打銀行 standard chartered 研究 主任 朴正勳 park chong-hoon 音譯 表示 一旦 發生 更 多 產能 中斷 可能 會 衝擊 該國 脆弱 的 經濟 復蘇 他 說 倘若 病毒 進一步 擴散 甚至 失控 一些 晶 片 廠 可能 停工 對 韓國 經濟 來說 是 最糟的 情況 從 各 方面 來看 三星集團 與 韓國 經濟 的 命運 緊密 相依 這家 包 山包 海 的 韓國 第一 大 企業 去年 營 收 約 占 國內 生產 毛額 gdp 的 125 出口業 占 韓國 gdp 的 45 而 三星 重要 產品 電腦 晶 片 占 該國 出口 的 約 5 分之 1 身為 三星集團 金雞 母 的 三星電子 繳納 稅額 約 占 韓國 2019 年 企業稅 的 逾 12 占韓 股 kospi 指數 總 市值 的 約 4 分之 1 儘管 三星 強調 龜 尾 廠 產能 未 受 影響 分析 師 擔憂 若 疫情 延 燒 未來 會 再 發生 類似 的 停產 情況 sk 證券 分析 師金永 佑 音譯 指出 如果 國內 1 家 零件 商 停工 會 對 整個 供應 鏈 造成 重大 打擊 因 三星 部分 零件 只 有 1 家 供應商 分析 師 認為 三星電子 晶 片 廠 停產 的 機 率 較 低 因為 廠房設備 大多 自動化 工程師 在 高度 控管 的 無塵室 作業 但 金永佑 提醒 若 韓國晶 片 廠 因 缺 工 而 停產 勢必 對 全球 記憶體 晶 片 市場 造成 混亂</t>
  </si>
  <si>
    <t>皇家 捕手 蓋拉格 cam gallagher 是 隊 上 第 4 位 新冠肺炎 感染者 更糟 的 是 他 在 週五 的 模擬賽 之後 才 確診 他 已經 接觸 了 很多 隊友 蓋拉格 聲明 指出 晴天霹靂 不足以 形容 我 的 震撼 我 前 晚 的 比賽 感覺 狀況 很 好 隔 天 早上 就 接到</t>
  </si>
  <si>
    <t>皇家 捕手 蓋拉格 cam gallagher 是 隊 上 第 4 位 新冠肺炎 感染者 更糟 的 是 他 在 週五 的 模擬賽 之後 才 確診 他 已經 接觸 了 很多 隊友 蓋拉格 聲明 指出 晴天霹靂 不足以 形容 我 的 震撼 我 前 晚 的 比賽 感覺 狀況 很 好 隔 天 早上 就 接到 檢測 陽性 的 報告 我 沒有 症狀 身為 捕手 蓋拉格 無法 保持 安全 距離 對方 打者 都 要 站 在 他 旁邊 守備 時 幾乎 每 一 顆 球 都 經過 他 的 手 皇家 尚未 宣佈 哪些 接觸 者 需要 隔離 不過 依照 大 聯盟 規定 任何 與 染病 者 接觸 的 人 都 必須 立即 檢驗 蓋拉格 是 2 號 捕手 先 發 捕手 裴瑞茲 salvador perez 已 染病 遭 隔離 皇家 現在 被迫 使用 經驗 較 淺 的 捕手 紐約 郵報 猶太 作家 馬許 尼克 phil mushnick 批評 大 聯盟 與 nba nfl 貪婪 硬 要 頂 著 疫情 複賽 形容 他們 是 戴 著 呼吸器 賺錢 然而 從 美國 再次 刷新 單日 新冠 感染 數 紀錄 近 7萬 人 以及 先前 國慶 日 7 月 4 日 的 大規模 報復 性 出遊 貪婪 玩命 的 並 不 只 是 體育 聯盟 這 與 聯邦 政府 急於 復工 部分 人民 疏於 防疫 也 有 很 大 關係</t>
  </si>
  <si>
    <t>美國 央行 fed 歐洲央行 ecb 相繼 推出 史無前例 的 寬鬆 與 紓困 政策 加上 主要 國家 宣佈 重 啟 經濟 活動 市場 信心 逐漸 回復 投資人 目光 再次 轉向 收益率 較 高 的 新興 市場 債券 刺激 發行人 發債 意願 新興 債市 回復 熱絡 鋒 裕 匯 理 資產 管理 表示 新興 市場 債券 具備 三大 利多 新興 市場 基本 面有 撐 利差 水準 仍 具 吸引力 當 高 利差 水準 時 入場 持有 一 年 正 報酬 機 率 較 高 預期 可 持續 受到 市場 青睞 首先 新興國家 基本 面相 對 穩健 經歷 新冠肺炎 肆虐 2020 年 全球 經濟 預估 將 較 去年 衰退 2 3 不過 新興 市場 衰退 幅度 較 成熟 國 家小 並且 有 機會 更 早 恢復 過往 水準 展望未來 一 三 年 新興 市場 國家 的 經濟 反彈力 道 可望 優於 歐美 等 成熟 國家 其次 新興 市場 高 收益 債利 差 仍 具 吸引力 根據 bloomberg 資料 統計 截至 2020 年 6 月 19 日 觀察 新興 市場 高 收益 債 指數 利差 為 821 基點 相較 於 10 年 平均 利差 的 540 基點 預估 潛 在 至少 300 基點 的 收斂 空間 第 三 新興 高 收益 債利 差 水準 高 時 持有 一 年 正 報酬 機會 高 根據 bloomberg 資料 統計 截至 2020 年 6 月 19 日 當 新興 市場 高 收益 債 指數 利差 大於 800 時 持有 一 年 正 報酬 機 率 為 100 持有 一 年 平均 報酬率 為 2710 當 利差 介於 800 與 600 之間 持有 一 年 正 報酬 機 率 為 100 持有 一 年 平均 報酬 為 1152 展望 後市 鋒 裕 匯 理 新興 市場 債 團隊 分析 新冠肺炎 危機 仍 會 影響 全球 增長 和 企業 收益 對於 依賴 出口 商品 和 旅遊業 的 國家 影響 尤 甚 在 相關 國家 的 投資 仍 宜 保持 謹慎 現階段 持續 尋找 較 長天 期 債券 並 重視 投資 組合 的 流動性</t>
  </si>
  <si>
    <t>日本 厚生 勞動 省 針對 發生 新冠肺炎 群 聚 感染 的 鑽石 公主 號 郵輪 下船 的 乘客 發放 了 返家 後 注意事項 的 健康 卡 厚 勞省 要求 乘客 在 2 周內 儘量 不 要 外出 但 部分 乘客 拿 到 的 健康 卡 中 卻 漏 了 相關 的 記載 厚 勞省 致歉 表示</t>
  </si>
  <si>
    <t>日本 厚生 勞動 省 針對 發生 新冠肺炎 群 聚 感染 的 鑽石 公主 號 郵輪 下船 的 乘客 發放 了 返家 後 注意事項 的 健康 卡 厚 勞省 要求 乘客 在 2 周內 儘量 不 要 外出 但 部分 乘客 拿 到 的 健康 卡 中 卻 漏 了 相關 的 記載 厚 勞省 致歉 表示 很 抱歉 因為 說明文 中 沒有 盡可能 避免 非必要 非 緊急 的 外出 之 記載 不可否認 的 有些 人 返家 後 可能 曾經 外出 已 通知 自治體 注意 鑽石 公主 號 上 最後 一 批 確認 病毒 檢驗 呈 陰性 的 乘客 于 2 月 19 日 至 23 日 下船 厚 勞省 要求 他們 返家 後 的 2 周內 盡可能 避免 非必要 非 緊急 的 外出 外出 時 一定 要 戴 口罩 等 厚 勞省 將 相關 注意事項 製作 成健康 卡 發給 所有 下船 的 乘客 結果 有 部分 乘客 拿 到 的 健康 卡 中 並 沒有 以上 的 記載 厚 勞省 15 日 指出 返家 後 確診 感染 的 乘客 共有 7 人 這 2 周內 他們 有 可能 外出</t>
  </si>
  <si>
    <t>臺灣 新冠肺炎 疫情 越來越 嚴峻 影響 層面 擴 及 政治 經濟 觀光 等 幾乎 衝擊 所有 產業 抗 煞 專家 蘇益仁 指出 大陸 全面 佈 局 從 封城 蓋 醫院 等 都 是 為了 儘快 復蘇 做 準備 一旦 四月 疫情 受到 控制 禁令 解除 所有 台商 陸 生就</t>
  </si>
  <si>
    <t>臺灣 近期 本土 新冠肺炎 新增 個案 趨於 平緩 中山醫學 大學 附設 醫院 兒童 急診科 主任 謝宗 學分 析 國內 整體 疫情 處於 尾聲 研 判 7 月 26 日後 應該 能 迎來 解封 降級 但 他 指出 臺灣 要 清 零 的 難度 很 高 機 率 極 低 未來 社區 出現</t>
  </si>
  <si>
    <t>臺灣 近期 本土 新冠肺炎 新增 個案 趨於 平緩 中山醫學 大學 附設 醫院 兒童 急診科 主任 謝宗 學分 析 國內 整體 疫情 處於 尾聲 研 判 7 月 26 日後 應該 能 迎來 解封 降級 但 他 指出 臺灣 要 清 零 的 難度 很 高 機 率 極 低 未來 社區 出現 不明 感染 源 恐 成為 常態 待 疫苗 接種 達到 群體 免疫 的 程度 後 才 可能 回歸 正常 生活 大火 撲滅 後 剩 下來 的 星星之火 反而 最難 處理 謝 宗學 10 日 於臉書 指出 7 8 到 7 10 間 國內 分別 新增 183231 例 本土 個案 扣除 掉 居家 隔離 的 人數 後 實際 對 社區 有 風險 的 確診 數 為 121912 例 謝宗 學分 析 連續 3 天 確診 數 維持 在 10 20 人 中間 整體 疫情 趨勢 的確 是 趨於 緩和 且 處於 疫情 尾聲 但 重點 是 尾聲 會 持續 多久 由於 整體 疫情 趨勢 向 下 的 方向 不 變 再 加上 臺北 市場 群 聚 和 屏 東 delta 群 聚 事件 都 在 控制 中 謝 宗學 維持 先前預測 若 沒 意外 解除 三級 警戒 的 日子 應該 就是 7 26 至於 近日 微 解封 爭議 不斷 他 則 指出 這 是 向 經濟 民生 妥協 的 過渡時期 做法 兩難 之中 儘量 取得 的 平衡 對於 安親班 和 幼稚園 是否 開放 謝 宗學 認為 這 件 事 應該 單獨 來看 在 仍 有 不明 感染 源 不時 出現 的 時空 背景 下 解封 真的 合適 嗎 他 自己 是 不 贊成 將 孩子 送 到 空間 狹小 兒童 群 聚 戴 口罩 可能 不 確實 的 環境 中 寧願 多 觀察 一些 日子 到 7 26 再 看看 謝 宗學 指出 即使 7 26 解 封 降級 社區 不時 還 會 有 零星 不明 感染 源 的 病例 出現 且 可能 變成 常態 坦言 臺灣 要 清零 的 難度 很 高 機 率 極 低 未來 必須 學習 和 病毒 共存 對此 大家 能 做 的 就 是 隨時 做好 個人 衛生防護 輪到 自己 順位 時 趕快 去 打 疫苗 等到 接種 率 提高 到 形成 群體 免疫 的 程度 我們 才能 逐漸 回到 正常 生活 謝 宗學 表示 國內 的 疫苗 覆蓋率 像 火箭 升空 般 快速 拉升 已經 越來越 接近 未曾 被 疫情 肆虐 過 的 紐西蘭 並且 和 最近 同樣 爆發 疫情 的 越南 逐漸 拉開 差距 謝宗 學說 目前 的 接種 率 已經 突破 12 在 七月 底 完成 25 的 目標 很 有 機會 可以 實踐</t>
  </si>
  <si>
    <t>台 大雲 林 分院 成功 治癒 重症 新冠肺炎 患者 順利 拔 管 出院</t>
  </si>
  <si>
    <t>雲 林縣 1 對 到 北部 發展 的 夫妻 感染 新冠肺炎 先生 為 無 症狀 太太 為 重症 經 插管 加 護 病房 治療 與 跨 團隊 一系列 治療 後 太太 于 本月 2 日 順利 拔 管 隨後 透過 視 訊 接受 呼吸 複健 治療 逐漸 恢復 肺 功能 夫婦 雙雙 恢復 出院 16 日 以</t>
  </si>
  <si>
    <t>雲 林縣 1 對 到 北部 發展 的 夫妻 感染 新冠肺炎 先生 為 無 症狀 太太 為 重症 經 插管 加 護 病房 治療 與 跨 團隊 一系列 治療 後 太太 于 本月 2 日 順利 拔 管 隨後 透過 視 訊 接受 呼吸 複健 治療 逐漸 恢復 肺 功能 夫婦 雙雙 恢復 出院 16 日 以 視 訊 舉辦 出院 記者會 雲 林縣 長 張麗善 也 到場 關心 為 這 對 夫婦 獻上 祝福 台大醫院 雲林 分院 院長 黃瑞仁 表示 去年 院方 成功 治癒 2 名 奧 捷 團 重症 母女 今年 5 月 以來 這 波 嚴峻 疫情 中 案 4591 先生 62 歲 案 4592 太太 59 歲 在 醫療 團隊 的 悉心 照顧 下 這 對 夫妻 接續 脫離險境 好 消息 讓 醫護 團隊 為 之 振奮 院方 醫療 團隊 總 召集人 醫務 特別 助理 陳崇裕 表示 重症 插管 的 太太 5 月 25 日 由於 血 氧 下降 至 92 胸部 x 光 也 開始 出現 雙 側 浸潤 醫護人員 立即 向疾 管署 申請 使用 瑞德西韋 但 氧氣 需求 仍 日益 增加 5 月 27 日 在 解釋 病情 後 太太 與 仍然 無 症狀 的 先生 通 完 電話 後 對 醫師 說 就 通通 交給 台大醫院 了 插管 團隊 由 急診部 主任 江文 莒 指揮 插管 當下 病人 並 無 任何 氣喘 卻 顯示 僅 75 的 血 氧 飽和度 出現 沈默 的 缺氧 狀況 所幸 醫護人員 悉心 照顧 以及 每天 2 次 由 陳崇裕 醫師 主持 的 醫療 對策 會議 下 病情 逐日 好轉 本月 2 日 順利 拔 管 陳 崇裕 指出 太太 拔 管後 病況 1 度 出現 惡化 氧氣 需求 增加 瀕臨 再度 插管 險境 醫療 團隊 決定 使用 清醒 伏臥 法 也 就 是 俗稱 的 超人 姿勢 順利 讓 下降 的 血 氧 回復 到 健康人 的 水準 本月 7 日 病情 穩定 轉 出 加 護 病房 與 丈夫 相聚 2 人 恢復 良好 核酸 檢驗 ct 值 均 已 大於 30 因此 安排 出 院</t>
  </si>
  <si>
    <t>拔 管 插管 重症 新冠肺炎 臺灣</t>
  </si>
  <si>
    <t>台塑 1301 集團 總裁 王文淵 今 13 日 出席 臺北 紡織 展 他 表示 臺灣 已 躍 升 全球 機能性 紡織品 主要 原料 供應 的 重鎮 現階段 正值 美中關係 緊張 疫情 升溫 對 經濟 的 影響 遠遠 超過 2008 年 金融 海嘯 因此 期許 政府 審慎 面對 儘快 適度 開放 國際 商業活動 才能 確保 產業 持續 營運 讓 臺灣 渡過 危機 王文淵 表示 臺灣 紡織業 已經 逐漸 轉型 為 高 科技產業 持續 在 機能性 紡織品 領域 創新 研發 國際品牌 想要 採購 機能性 布料 都 是 以 臺灣 作 第 一個 選擇 由此可見 臺灣 已經 成為 全球 機能性 紡織品 主要 原料 供應 的 重鎮 王文淵 表示 隨 著 全球 對 氣候 暖 化 的 重視 臺灣 紡織業 者 在 環保 紡織品 的 開發 也 投入 很 多 的 努力 今年 臺北 紡織 展 除了 有 機能性 及 環保 兩 大 展出 重點 之外 為 因應 工業 40 的 發展 自動化 紡織機械 及 縫紉 設備 也 是 今年 重要 的 展出 項目 面對 新冠肺炎 疫情 王文淵 表示 臺灣 紡織業 由 防水 透氣 等 機能 布料 的 研究 基礎 上 再 精進 立刻 掌握 到 防止 病毒 血液 滲透 的 關鍵技術 製造 出 具備 良好 透 濕度 的 防護衣 布料 可以 取代 進口 進而 全力 配合 政府 組成 紡織 國家隊 王文淵 表示 在 這 波 疫情 衝擊 下 紡織業 者 不分 上 中 下游 陸續 調整 產品 結構 投入 防疫 產品 的 生產 行列 更進一步 發展 個人 防護 裝備 需求 的 新 商 機 這個 嶄新 的 防疫 產品 供應 鏈 在 今年 臺北 紡織 展也 有 完整 的 呈現 王文淵 表示 近來 美中 對立 與 新冠肺炎 疫情 升溫 對 臺灣 帶來 非常 大 的 衝擊 及 挑戰 尤其 疫情 對 經濟 的 影響 遠遠 超過 2008 年 金融 海嘯 比 預期 還 嚴重 商業活動 幾乎 全面 停滯 因此 期許 政府 審慎 面對 但 也 應該 兼顧 防疫 要求 與 經濟 發展 儘快 適度 開放 國際 商業活動 才能 確保 產業 持續 營運 讓 臺灣 渡過 危機 臺北 紡織 展是 臺灣 紡織業 最 重要 的 活動 今年 共有 356 家 廠商 參展 使用 803 個 展位 並 有 40 多 個 國際品牌 將 參加 線 上 及 實體 的 洽談會</t>
  </si>
  <si>
    <t>王文淵 台塑 紡織 展 新冠肺炎 美中 貿易</t>
  </si>
  <si>
    <t>演出 netflix 影集 彼岸 之 嫁 爆 紅 的 田士廣 最近 初嘗 走紅 滋味 日前 他 剛受 國際 知名品牌 coach 吉隆玻 旗艦 店 之 邀 回到 故鄉 馬來西亞 出席 活動 衣錦還鄉 的 他 全程 受到 高 規格 接待 不過 才 返台 2 天 田士廣 就 驚聞 大馬 已 宣佈 18 日 起 全國 封 城 2 周 與 經紀人 差 一點 就 回不來 臺灣 的 他 忍不住 驚呼 好 加在 還好 提前 回來 了 田士廣 的 老家 在 柔佛巴魯 此行 回 大馬 他 算是 過 家門 而 不入 前 3 天 忙 工作 後 3 天 忙 著 探訪 音樂界 友人 聊 之後 的 音樂 合作 計畫 忙 到 沒 時間 回家 看家 人 由於 全球 新冠肺炎 疫情 險峻 他 與 經紀人 從 桃園 機場 出境 搭 飛機 開始 到 落地 出席 活動 全程 除了 拍照 用餐 其 餘 時間 幾乎 全戴 著 口罩 搭 機時 更 特別 戴 2 層 吃飯 時也 完全 不 交談 防疫 做好 做 滿 盼 回 饋 家鄉 他 與 經紀人 廖麗雯 好奇 當地 朋友 戴 口罩 者 不 算 多 對方 苦笑 回 因為 買不到 我們 的 口罩 都 送別 的 國家 了 大家 都 很 羡慕 他們 可以 住 在 臺灣 政府 和 多數百姓 的 防疫 也 都 做 得 很 嚴謹 甚至 超前 部署 田士廣 高中 畢業 後 就 跟隨 哥哥 的 腳步 來 臺灣 讀 大學 過去 7 年中 為了 省錢 只 有 去年 回馬國 柔佛巴魯 拍 彼岸 之 嫁 才 終於 與 爸 媽 相聚 他 對 臺灣 已 有 深厚感情 去年 10 月 拿 到 臺灣 居留證 後 原本 自 認 身體 好 沒 打算 申請 健 保 卡 但 最近 新冠肺炎 疫情 肆虐 臺灣 有 著 令 全球 羡慕 的 健 保 他 這 兩 天 打算 去 健 保 局辦 好 手續 之後 也 會 申請 臺灣 身分 證 但 他 強調 若 有能力 還 是 會 希望 回 饋 自己 的 家鄉</t>
  </si>
  <si>
    <t>因應 新冠肺炎 疫情 蔓延 台中市政府 教育局 陸續 接 獲 開課 單位 學生 及 家長 們 的 意見 為 避免 學子 異地 移動 及 群 聚 感染 風險 決定 暫 停 108 學年度 第 2 學期 優 游台 中學 跨 校 選修課 程 教育局 已 匯 整線 上 學習 資源 讓 學生 在 家</t>
  </si>
  <si>
    <t>新冠肺炎 疫情 優 遊 台 中學 防疫</t>
  </si>
  <si>
    <t>新冠肺炎 臺灣 診所 醫療 院所 台 東縣</t>
  </si>
  <si>
    <t>新冠肺炎 柯文哲 武漢 臺北市 cdc</t>
  </si>
  <si>
    <t>新冠肺炎 疫情 愈演愈烈 衝擊 全球 經濟 臺灣 經濟 也 受 影響 國泰 金控 及 台大 組成 的 產 學 團隊 18 日 舉辦 線 上 說明會 國泰 台大產 學 合作 團隊 協同 主持人 徐之強 指出 2020 年 臺灣 經濟 成長率 由 23 下 修至 2 仍 可 保 二 第二</t>
  </si>
  <si>
    <t>新冠肺炎 疫情 愈演愈烈 衝擊 全球 經濟 臺灣 經濟 也 受 影響 國泰 金控 及 台大 組成 的 產 學 團隊 18 日 舉辦 線 上 說明會 國泰 台大產 學 合作 團隊 協同 主持人 徐之強 指出 2020 年 臺灣 經濟 成長率 由 23 下 修至 2 仍 可 保 二 第二 季後 半 臺灣 金融 情勢 有 機會 小幅 改善 但 仍 處在 趨向 緊縮 的 狀態 該 團隊 同時 預期 臺灣 央行 將 降息 半 碼 0125 個 百分點 應對 新冠肺炎 疫情 正 在 讓 美國 經濟 成長 陷入 停滯 甚至 出現 衰退 的 聲音 對此 徐之強 認為 目前 還 沒有 這麼 悲觀 因為 還 沒到 系統性 倒閉 風險 徐之強 分析 過去 臺灣 經濟 成長率 只 有 二 年 是 負 成長 分別 是 2001 年 網路 泡沫 臺灣 gdp 為 14 另 一 次 則 是 2009 年 金融 海嘯 臺灣 gdp 呈現 16 其他 期間 即使 是 遇到 sars 臺灣 gdp 都 還 有 4 以上 他 認為 今年 經濟 不 會 衰退 主要 是 20012009 年 都可 看到 網際 公司 倒閉 金融 公司 倒閉 潮 但 目前 美國 並 沒有 系統性 風險 倒閉 潮 的 現象 且 全球 央行 施行 寬鬆 政策 救 市 臺灣 經濟 成長 預料 仍 可 保 二 但 若 美國 經濟 成長 率真 的 邁入 負 成長 臺灣 經濟 成長率 就 無法 保二 甚至 達 下界 1 都 是 問題 因為 美國 是 全球 經濟 最 重要 的 引擎 目前 國泰 台大 團隊 預期 疫情 在 上半年 可 結束 下半年 可 回到 平均數 的 成長 力 道 徐之強 指出 過去 八 年 臺灣 經濟 成長達 27 若 今年 下半年 3 上半年 1 全年 就 可到 2 除非 未來 發生 很多 重要 企業倒閉 潮 就 可能 達 不 到 八 年 平均 成長率 但 現在 看來 臺灣 12 月 出口 還 沒有 這個 現象 台積電 與 各 重要 公司 的 營 收 還有 一定 的 動能 至於 國泰 台大 團隊 預期 央行 僅 降 半 碼 而非 1 碼 徐之強 說 主要 是 2008 年 臺灣 重貼現率 是 125 現在 是 1375 就是 差 半 碼 因應 美國 降息 央行 極 有 可能 降 半 碼 但 央行 不是 只 有 利率政策 工具 還有 非傳統 貨幣政策 工具 可讓 市場 流動性 增加 徐之強 也 點出 五大 影響 2020 年 經濟 成長 與 金融 情勢 的 主要 因素 新冠肺炎 疫情 擴散 程度 與 時間 增添 全球 景氣 不 確定性 opec 凍 產 協議 破裂 打擊 油價 衝擊 全球 經濟 成長 應 對 全球 景氣衰退 擔憂 主要 國家 財政 與 貨幣政策 措施 英國 順利 脫 歐後 未來 英歐新 關係 談判 動向 大陸 加大 刺激 的 財政政策 與 偏 寬鬆 貨幣政策 的 穩定 效果</t>
  </si>
  <si>
    <t>雲 林縣 食品業者 也 遭受 疫情 波及 業績 下滑 但 仍 對 防疫 第一線 醫護人員 表示 關懷 及 支援 縣府 除了 配合 中央 周全 部署 各項 防疫 措施 外 縣長 張麗善 則 帶頭 號召 一級 主管 茹素 3 天 藉 以 祈望 疫情 快 遠離 疫情 當前 一切 都 以 防疫 為 優先 即使 是 攸 關 信仰 的 宗教 活動 也 不 例外 所以 全國 各 繞 境 進香 活動 幾乎 全部 暫停 雲林 北 港 朝 天宮 也 取消 今年 的 媽祖 誕辰 出巡 繞 境 改 發起 慈悲月 送 素食 活動 張麗善 也 號召 縣府 一級 主管 響應 從 4 月 11 日 到 13 日 吃素 3 天 祈求 媽祖 保佑 新冠肺炎 疫情 快快 結束</t>
  </si>
  <si>
    <t>張麗善 新冠肺炎 臺灣</t>
  </si>
  <si>
    <t>無知 蘇貞昌 葉元之 新冠肺炎 蔡英文</t>
  </si>
  <si>
    <t>研勤 新冠肺炎 行車 紀錄 器 人臉 辨識 face 8 臺灣 臉 霸</t>
  </si>
  <si>
    <t>行政院 會 週四 將 通過 新冠肺炎 紓困 特別 條例 外傳 行政院長 蘇貞昌 本週一 已 聽取 簡報 條文 名稱 定為 嚴重 特殊 傳染性 肺炎 防治 及 紓困 振興 特別 條例 行政院 發言人 kolas yotaka 澄清 蘇揆 尚未 聽 過 簡報 各 條文 均 在 討論 中</t>
  </si>
  <si>
    <t>行政院 會 週四 將 通過 新冠肺炎 紓困 特別 條例 外傳 行政院長 蘇貞昌 本週一 已 聽取 簡報 條文 名稱 定為 嚴重 特殊 傳染性 肺炎 防治 及 紓困 振興 特別 條例 行政院 發言人 kolas yotaka 澄清 蘇揆 尚未 聽 過 簡報 各 條文 均 在 討論 中 並未 定案 政 院 今天 將 確定 紓困 條例 相關 條文 外界 關注 除了 中小企業 的 紓困 外 一般 民眾 若 因 隔離 造成 收入 減少 是 不 會 有 隔離 津貼 發放 但 相關 內容 都 有待 條文 公佈 目前 政務委員 羅 秉 成 正 與 各部 會 最後 確認 中 外傳 條文 名稱 不 超過 20 條文 名稱 定為 嚴重 特殊 傳染性 肺炎 防治 及 紓困 振興 特別 條例 但 kolas 說 蘇揆 還 沒 聽 過 簡報 各 法 條 仍 在 討論 中 尚未 定案 今天 會 再議</t>
  </si>
  <si>
    <t>covaxin 成 印度 首 款 獲 批准 臨床實驗 的 新冠肺炎 疫苗</t>
  </si>
  <si>
    <t>印度 巴拉特生 技 bharat biotech 週一 表示 其 跟 印度 醫學 研究 委員會 icmr 的 國家 病毒 研究所 niv 合作 研發 治療 新冠肺炎 的 疫苗 covaxin 成為 印度政府 批准 首 款 進行 人體 第 1 和 第 2 階段 臨床實驗 的 疫苗 其 計畫 7 月 開始</t>
  </si>
  <si>
    <t>印度 巴拉特生 技 bharat biotech 週一 表示 其 跟 印度 醫學 研究 委員會 icmr 的 國家 病毒 研究所 niv 合作 研發 治療 新冠肺炎 的 疫苗 covaxin 成為 印度政府 批准 首 款 進行 人體 第 1 和 第 2 階段 臨床實驗 的 疫苗 其 計畫 7 月 開始 實驗</t>
  </si>
  <si>
    <t>新冠肺炎 臺灣 機師</t>
  </si>
  <si>
    <t>日本 公務員 加班 過 勞 新冠肺炎</t>
  </si>
  <si>
    <t>備戰 新冠肺炎 台南 市 明起 宣 導 室內 場所 戴 口罩</t>
  </si>
  <si>
    <t>荷蘭 101 歲 新冠肺炎 患者 康復 院方 喻為 希望 的 火花</t>
  </si>
  <si>
    <t>新冠肺炎 肆虐 全球 這次 高齡 及 有 慢性病 的 被 視為 感染 高風險 族群 而 在 荷蘭 1 位 101 歲 婦女 確診 後 經 治療 已 康復 出院 被 醫院 喻為 希望 的 火花 根據 路透 報導 這 名 101 歲 婦女 在 一 周 前因 呼吸困難 入住 位於 鹿特丹 的 艾</t>
  </si>
  <si>
    <t>什麼 帶 n 95 口罩 反而 會 增加 身體 負擔 新冠肺炎 疫情 擴大 人人 戴 上 口罩 自保 有些 人 會 選擇 戴 上 過濾 效果 最好 的 n 95 口罩 防疫 不過 胸腔 重症 醫生 蘇一峰 卻 認為 n 95 口罩 的 效果 不 一定 比 醫療 口罩 還好 事實上 一般 民眾</t>
  </si>
  <si>
    <t>林右昌 基隆 新冠肺炎 臺灣 施打</t>
  </si>
  <si>
    <t>行政院 2 日 公佈 振興 三 倍 券 方案 排除 電 商 不能 找零 等 問題 引發 民眾 反彈 因此 政府 將 提出 藝 文 體育 旅遊票 券 白 名單 納入 振興 三 倍 券 使用 範圍 實體 券 部分 也 不 會 強制 規定 不 得 找零 民眾黨 立 委 蔡壁如 批評 行政 團隊 一團亂 碰上 民眾 反彈 政策 就 轉彎 民眾黨 立 委 高虹 安也 說 感覺 振興 券 跟 當初 紓困 措施 一樣 不 清楚 政府 急於 公佈 方案 不過 行政院 這次 學聰明 刻意 提前 一個 月 公佈 保留 政策 彈性 調整 的 空間 因應 新冠肺炎 對 經濟 衝擊 行政院 規劃 暑假 期間 推出 振興 三 倍 券 採取 紙本 與 電子 支付 並行 紙本 振興 券 面額 為 500 元及 200 元 不 找零 也 不 可 用於 電 商 禮 券 繳 罰 單 規費 煙 品 等 商品 預計 7 月 1 日 起 預購 7 月 15 日 正式 上路 實施 針對 振興 券 排除 電 商 使用 但 藝 文 體育 等 活動 票 券 又 要 透過 電 商 買 票 因此 政府 研 擬 列出 白 名單 將 納入 振興 券 使用 範圍 高虹 安 認為 振興 券 感覺 像 紓困 措施 一樣 不 清楚 政 院 太 急於 宣佈 施行 細節 思考 不夠 仔細 但 卻 有 預留 政策 滾 動 檢討 的 時間 感覺 是 先 拋 出 方案 測 風向 以利 作為 後續 政策 調整 的 參考 另外 振興 三 倍 券 令 人 詬病 的 是 不 找零 但 三 倍 券 最小 面額 為 200 元 民眾 普 騙 認為 面額 太 大 不 符合 消費 習慣 與 需求 高虹 安則 建議 行政院 三 倍 券 面額 應該 要 小 一點 發 便 民眾 使用 蔡壁如 說 近期 接 到 臺北市 夜市 商 圈 理事長 抱怨 振興 券 最低 面額 200 元 如果 不 找零 在 夜市 商 圈 消費 相對 不 方便 諷刺 振興 券 是 排 窮 券 不過 隨後 行政 團隊 又 說部 會 硬性規定 不能 找零 讓 人 覺得 政府 遇到 民眾 反彈 就 轉彎 恐怕 只 會 越 改 越 亂</t>
  </si>
  <si>
    <t>新冠肺炎 臺灣 林秉樞 禾馨 護理 師</t>
  </si>
  <si>
    <t>新冠肺炎 風暴 襲 來 大陸 全力 抗 疫 之 餘 也 要 確保 經濟 成長 平順 運轉 大陸海關總署 16 日 推出 10 條 新 措施 支援 外貿企業 抓緊時間 復工 生產 不過 大陸 財政部長 劉昆 發文 坦言 面對 疫情 大陸 財政 可能 要 拉 警報 因 減稅 關稅 收</t>
  </si>
  <si>
    <t>新冠肺炎 風暴 襲 來 大陸 全力 抗 疫 之 餘 也 要 確保 經濟 成長 平順 運轉 大陸海關總署 16 日 推出 10 條 新 措施 支援 外貿企業 抓緊時間 復工 生產 不過 大陸 財政部長 劉昆 發文 坦言 面對 疫情 大陸 財政 可能 要 拉 警報 因 減稅 關稅 收入 大 減 而為 穩 增長 又 擴大 財政赤字 預算 在 減收增支 壓力 下 今年 恐怕 要 過 苦日子 繼 透過 中國人民銀行 大陸 央行 財政部 銀保監 會 等 資金 政策 紓困 大陸海關總署 16 日 也 宣佈 祭出 10 條 新 措施 支援 外貿企業 抓緊時間 復工 生產 10 條 具體措施 包括 包含 加快 驗放 進口 生產 設備 和 原材料 簡化 進口 特殊 醫療 物品 檢疫 審批 並 發揮 發揮 互聯網 海關 作用 例如 需 當面 驗核 紙質 材料 的 可 經 批准 先 通過 拍照 掃描 等 方式 提供 電子 文檔 之後 補交 紙本 資料 此外 劉昆 16 日 在 求是 雜誌 發表文章 稱 這次 災情 卻 打亂 盤算 尤其 是 經濟 下行 壓力 加大 財政收入 面臨 壓力 並 對 財政支出帶來 排擠 作用 目前 的 財力 吃緊 資金 使用 缺乏 靈活 變化 可能 在 保 工資 保 運轉 保 基本 民生 面臨 困難 劉昆 說 在 今年 財政收支 可能 拉 警報 下 首先 須 量入為出 更加 注重 改善 支出 結構 其次 要 確實 落實 執行 預算 也 要 更加 靈活 不要 太 受制於 僵化 預算 的 結果 再來 各項 支出 都 要 明確 標準 不能 亂 花錢 地方 財政 也 撙節 開銷 堅決 把 該 壓 的 壓下來 該減 的 減 下去 他 還 稱 要 有效 防控 地方 政府 隱性 債務 風險 及時發現 和 處置 潛在 風險 堅持 資金 跟 著 專案 走 在 專案 上 儲備 一 批 發行 一 批 建設 一 批 接續 一 批 儘快 擴大 有效 投資 形成 對 經濟 的 有效 拉動</t>
  </si>
  <si>
    <t>日本 埼 玉 縣 21 日 發生 新冠肺炎 輕 症 患者 在家 待機 時 突然 死亡 的 病例 引起 社會 的 震驚 23 日 又 有 1 名 70 多 歲 男性 輕 症 患者 在家 待機 時 突然 病 重 送醫急救 後 也 不治 死亡 70 多 歲 男性 4 月 6 日 出現 發燒 咳嗽 等 症狀 9 日 接受 病毒檢測</t>
  </si>
  <si>
    <t>日本 埼 玉 縣 21 日 發生 新冠肺炎 輕 症 患者 在家 待機 時 突然 死亡 的 病例 引起 社會 的 震驚 23 日 又 有 1 名 70 多 歲 男性 輕 症 患者 在家 待機 時 突然 病 重 送醫急救 後 也 不治 死亡 70 多 歲 男性 4 月 6 日 出現 發燒 咳嗽 等 症狀 9 日 接受 病毒檢測 後 確診 他 的 症狀 不 嚴重 保健所 便 要求 他 在家 療養 等 醫院 病床 空 了 再 通知 他 住院 沒 想到 他 於 14 日 突然 病 重   埼 玉 縣 白岡 市 50 多 歲 確診 男 病 患 21 日 突然 死亡 他 1 個 人 獨居 死亡 的 前 1 天 曾跟 保健 師 表示 身體狀況 惡化 埼 故 安排 了 21 日 住院 他 父親 22 日 因 聯絡 不 到 他 而 心急 到 他 住處 時 發現 他 已 無 生命 跡象   埼 玉 縣 至 23 日 共有 729 人 確診 其中 有 357 人 因為 沒有 空 病床 只能 在 家 等 病床 空 出來 不光 是 埼 玉 縣 還 有神 奈川 縣 等 許多 自治體 也 為 沒有 空 病床 而 煩惱 確診 患者 在家 療養 時 保健所 每天 會 打 12 通電話 確診 患者 的 體溫 咳嗽 等 症狀 若 症狀 惡化 則 安排 住 院 有 專家 指出 光 這樣 是 不夠 的 肺炎 會 因為 吸 入 氧氣 的 機能 逐漸 衰弱 並 不是 馬上 就 會 感覺 到 呼吸困難 等 應該 要 採用 測量 血 中 氧氣 濃度 的 機器 若 血液 中的 氣 氧 濃度 降到 一定 程度 以下 會 很 快 地 轉成 重症 患者 若 咳 不停 上氣不接 下氣 時 就 有 可能 出現 突然 病情惡化 的 危險</t>
  </si>
  <si>
    <t>腳趾 出現 鮮紅色 病變 醫 恐為 新冠肺炎 特殊 症狀</t>
  </si>
  <si>
    <t>跳舞 群 組 爆 疫情 謝玲玲 確診 新冠肺炎</t>
  </si>
  <si>
    <t>香港 爆發 新冠肺炎 第 4 波 疫情 23 日 傳出 其中 一個 跳舞 群 組 已 累積 超過 百 個 確診 案例 成為 全港 最 大 感染 群 組 而 香港 娛樂 圈 大亨 林建岳 前妻 64 歲 的 影星 謝玲玲 也 牽涉 其中 對此 她 發出 聲明 承認 自己 確診 但 她 強調 自己</t>
  </si>
  <si>
    <t>香港 爆发 新冠肺炎 第 4 波 疫情 23 日 传出 其中 一个 跳舞 群 组 已 累积 超过 百 个 确诊 案例 成为 全港 最 大 感染 群 组 而 香港 娱乐 圈 大亨 林建岳 前妻 64 岁 的 影星 谢玲玲 也 牵涉 其中 对此 她 发出 声明 承认 自己 确诊 但 她 强调 自己 并 不在 跳舞 群 组 而是 接触 到 在 跳舞 群 组 的 朋友 谢玲玲 在 声明 指出 18 日 知道 在 跳舞 群 组 的 朋友 确诊 后 她 随即 进行 第一 次 检测 当时 结果 为 阴性 由于 21 日 香港 疫情 转 趋 严重 她 再 进行 第 2 次 检测 隔 天 便 得知 确诊 目前 已 住院治疗 但 没有 任何 症状 她 强调 没有 参与 跳舞 群 组 任何 活动 自行 检测 完全 是 考量 家人 及 大众 健康 著 想 谢玲玲 生于 台湾 8 岁 时 因 饰演 婉 君 表妹 中 婉 君 童年 获得 金马奖 最佳 童星 奖 1980 年 她 嫁 给 香港 富商 林建岳 就此 息 影 育 有 5 个 子女 且 深受 公婆 疼爱 但 林建岳 婚后 绯闻 不断 2 人 最终 于 1995 年 分道扬镳</t>
  </si>
  <si>
    <t>經營 85 度 c 的 美食 -ky 2723 受惠 中國 大陸 門市 逐步 恢復 營運 2020 年 3 月 合併 營 收 穀底 回升 惟 首季 合併 營 收 仍 降 至 5 年 半 低點 展望 後市 面對 美國 門市 營運 亦 受 疫情 影響 集團 以 推出 套餐 強化 外 送 方式 因應 透過 衝刺 宅 家 經濟 力拼 降低 營運 影響 程度 美食 股價 3 月 19 日 股價 下 探 562 元 新低 今年以來 股價 已 腰斬 近日 止 跌 緩步 回升 站 回 80 元 之上 近 1 月 反彈 近 5 成 今 13 日 開低 後 一度 下跌 401 至 813 元 隨後 在 買 盤 敲 進 下拉 回 平盤 附近 截至 午 盤 小跌 約 05 三大 法人 上周 擴大 買超 達 1609 張 美食 2020 年 3 月 自 結合 並 營 收 1486億 元 月 增 799 年 減 2498 累計 首季 合併 營 收 4703億 元 季 減 1814 年 減 1767 創 5 年 半 低點 若以 功能性 貨幣 計算 3 月 合併 營 收 為 人民幣 346億元 年 減 197 首季 為 人民幣 1091億 元 年 減 128 美食 表示 中國 大陸 門市 截至 3 月底 已 有約 9 成 恢復 營運 隨 著 各地 陸續 復工 民眾 外出 消費 增加 3 月 營 收 月 增 逾 3 成 其他 市場 3 月 營 收 則 年 減 17 主因 美國 3 月中 旬 後 多 家 門市 暫時 關閉 其他 門市 縮短 營業時間 並 移除 所有 內 用 座位 所 致 不過 美食 表示 雖然 美國 各地 新冠肺炎 確診 病例 持續 增加 但 加州 華盛頓州 等 地 的 政策 反應 相對 快速 近期 已 看到 新增 確診 病例 增加 速度 放緩 疫情 控制 露出 曙光 審慎 樂觀 預期 美國 民眾 可望 儘快恢復 正常 生活 美食 指出 美國 各地 政府 限制 民眾 外出 社 群 網站 上 對外 賣 麵包 的 詢問 度 暴 增 對此 迅速 推出 盒 裝 麵包 與 美國 前 三大 外 送 平臺 doordash 合作 消費者 可 一 次 購 足 5 個 或 10 個 招牌 暢銷 麵包 每個 麵包 均 獨立 包裝 在家 也 能 安心 享用 門市 每日現 烤 的 新鮮 麵包 中國 大陸 方面 雖然 疫情 已 見 趨 緩 跡象 為 確保 員工 及 消費者 健康 門市 仍 減少 內 用 座 位數 提高 清潔 消毒 頻率 透過 無 接觸 配送 到 店 自 提 方式 服務 線 上 客群 同時 也 推出 門市 掃 碼 送 線 上點 餐 優惠券 活動 多管齊下 衝刺 忠誠 會員 數 力拼 第二 季 營運 成長 動能 至於 臺灣地區 雖然 疫情 遠 較 其他 國家 輕微 仍 有 不少 民眾 減少 外出 用餐 次數 改為 在家 慶 生過 節 對此 美食 加碼 推出 家庭 套餐 和 兒童 套餐 因應 凡 購買 兒童節 指定 蛋糕 可 享 加 購 飲料 優惠 與 全民 一起 安心 防疫</t>
  </si>
  <si>
    <t>隨 著 疫情 逐步 趨 緩 曾 遭 新冠肺炎 蹂躪 的 義 大利 已 漸進解 封 宅 在家 超過 2 個 月 的 義大利人 迫不及待 出門 透氣 甚至 打算 開 趴 狂歡 不過 總理 孔蒂 今天 潑 了 他們 一 盆 冷水 警告 民眾 不要 掉以輕心 否則 下 一 波 疫情 可能 捲土重來</t>
  </si>
  <si>
    <t>隨 著 疫情 逐步 趨 緩 曾 遭 新冠肺炎 蹂躪 的 義 大利 已 漸進解 封 宅 在家 超過 2 個 月 的 義大利人 迫不及待 出門 透氣 甚至 打算 開 趴 狂歡 不過 總理 孔蒂 今天 潑 了 他們 一 盆 冷水 警告 民眾 不要 掉以輕心 否則 下 一 波 疫情 可能 捲土重來 孔蒂 21 日 在 國會 表示 現在 不是 開 趴 過 夜生活 或 辦 聚會 的 時候 在 這個 階段 更 重要 的 是 尊重 安全 距離 且 在 必要 的 地方 戴 上 口罩 是 基本 從 巴勒摩 到 杜林 民眾 在 比薩 店 或 酒吧 外 聚會 的 影像 讓 許多 地方 首長 憂心忡忡 他們 擔心 這些 人 慶祝 隔離 後 重獲 自由 可能 導致 感染 人數 再度 上升 截至 20 日 義 大利 已 有 227萬 確診 超過 3萬2千 人 死亡 疫情 一度 慘重 的 維 內托 大區 首長 劄 伊 亞 luca zaia 看到 幾 十 個 年輕人 沒 戴 口罩 在 帕杜瓦 酒吧 外 群 聚 一 堂 的 照片 後 火冒三丈 說 10 天內 我會 觀察 感染 率 要是 上升 我們 會 關閉 酒吧 餐館 海灘 再 把 大家 關 回家 沒有 人 想要 禁止 大家 喝 開胃 調酒 但 我 要 拜 讬 大家 在 6 月 2 日前 避免 群 聚 戴 上 口罩</t>
  </si>
  <si>
    <t>解封 義 大利 新冠肺炎 疫情</t>
  </si>
  <si>
    <t>美國 因 新冠肺炎 而 死 的 民眾 在 27 日 正式 跨過 10萬 大關 總統 川普 最 討厭 的 假新聞 媒體 之一 美國有線電視新聞網 cnn 甚至 在 網頁 頭版 以 鬥 大 的 標題 寫 著 這 10萬 美國 人 可以 不必 死 嚴厲 批判 川普 對 新冠肺炎 的 回應 措</t>
  </si>
  <si>
    <t>美國 因 新冠肺炎 而 死 的 民眾 在 27 日 正式 跨過 10萬 大關 總統 川普 最 討厭 的 假新聞 媒體 之一 美國有線電視新聞網 cnn 甚至 在 網頁 頭版 以 鬥 大 的 標題 寫 著 這 10萬 美國 人 可以 不必 死 嚴厲 批判 川普 對 新冠肺炎 的 回應 措施 才 導致 疫情 如此 慘重 對於 這 樁 慘痛 的 悲劇 川普 在 28 日 上午 9 時許發 推 文 表達 悼念 we have just reached a very sad milestone with the coronavirus pandemic deaths reaching 100000 to all of the families friends of those who have passed i want to extend my heartfelt sympathy love for everything that these great people stood for represent god be with you 他 難得 感性 寫道 我們 剛來 到 一個 非常 悲痛 的 里程碑 新冠 病毒 流行病 的 死亡 人數 觸及 10萬 人 對於 亡故 者 的 家 人和 朋友 們 我 想要 為 這些 了不起 人們 逝 者 所 代表 的 一切 表達 由衷 的 慰問 與 愛 神 與 你們 同在</t>
  </si>
  <si>
    <t>川普 美國 新冠肺炎 疫情</t>
  </si>
  <si>
    <t>新冠肺炎 全球 佛 奇 omicron 變異 株 美國</t>
  </si>
  <si>
    <t>繼 美國 食品 暨 藥物 管理局 fda 緊急 核准 使用 瑞德西韋 以 治療 新冠肺炎 重症 患者 後 日本政府 2 日 召開 內閣會議 決定 跟進 厚生 勞動 相加藤 勝 信 表示 已 下達指示 一旦 開發 該 藥品 的 美國 吉利 德 藥廠 提出 申請 就 會 爭</t>
  </si>
  <si>
    <t>繼 美國 食品 暨 藥物 管理局 fda 緊急 核准 使用 瑞德西韋 以 治療 新冠肺炎 重症 患者 後 日本政府 2 日 召開 內閣會議 決定 跟進 厚生 勞動 相加藤 勝 信 表示 已 下達指示 一旦 開發 該 藥品 的 美國 吉利 德 藥廠 提出 申請 就 會 爭取 在 1 周內 批准 為 瞭解 瑞德西韋 等 新冠肺炎 藥物 的 安全性 及 有效性 歐美 等 各國 正 推動 臨床 試驗 日本 也 存在 特例 批准 制度 若 藥品 在 海外 獲得 批准 或者 許可 就 可簡化 國內 審查 手續 日本 內閣會議 決定 修改 醫藥品 醫療器械 法 原 藥 事 法 相關 規定 若 新冠 藥物 在 美國 英國 加拿大 德國 法國 獲得 批准 或者 上市 許可 就 可 適用 特例 批准 加藤勝 信 透露 預計 吉利 德 近期 就 會 提出 瑞德西韋 的 申請 一旦 核准 後 瑞德西韋 將 成為 日本 首 種 新冠 治療 藥物 到 2 日 晚間 日本 24 小時 內 新增 新冠肺炎 確診 病例 266 例 累計 確診 14571 例 新增 死亡 病例 26 例 累計 死亡 481 例 首相 安倍晉三 表示 會 考慮 將 5 月 6 日 到期 的 緊急狀態 延長 1 個 月 左右 5 月 4 日 召開 會議 聽取 專家 意見 後 再 宣佈 相關 細節</t>
  </si>
  <si>
    <t>隨 著 大陸 北京 再次 傳出 嚴重 新冠肺炎 疫情 根據 天天 體育 報導 包含 林書豪 在內 的 北京首鋼 以及 北 控 兩 支 cba球隊 已經 決定 提前 到 15 日 各自 前往 複賽 賽區 北京首鋼 前往 青島 北 控 前往 東莞 北京首鋼 也 宣告 取消 下 周公</t>
  </si>
  <si>
    <t>隨 著 大陸 北京 再次 傳出 嚴重 新冠肺炎 疫情 根據 天天 體育 報導 包含 林書豪 在內 的 北京首鋼 以及 北 控 兩 支 cba球隊 已經 決定 提前 到 15 日 各自 前往 複賽 賽區 北京首鋼 前往 青島 北 控 前往 東莞 北京首鋼 也 宣告 取消 下 周 公開 訓練 根據 最新消息 指出 目前 北京 再次 爆發 新 一 波 疫情 過去 24 小時 內 增加 36 起 本土 病例 幾乎 都 發生 在 新發地批發市場 附近 北京 也 再次 進入 非常 時期 為了 避免出現 封 城 危機 北京首鋼 北 控 兩 支 cba球隊 選擇 提前 離開 北京 也 屬 正常 原本 北京首鋼 預計 17 日前 往 cba 複賽 北 區 賽區 青島 北 控 則 在 18 日 前往 南區 賽區 東莞 如今 都已 提前 到 15 日 出發 林書豪 也 總 算 可以 離開 待 了 快要 3 個 月 的 北京 前往 青島 備戰 20 日 開始 的 cba 複賽 北京首鋼 首 戰將 跟 遼寧 交手 目前 北京 再次 爆發 疫情 並未 對於 cba 複賽 帶來 影響 cba 也 沒 拒絕 北京 媒體 前往 各賽區 進行 採訪 卻 要求 前往 賽區 人員 必須 排除 是否 去 過 新發 地市 場 在 原本 的 防疫 規定 中 更 要求 前往 賽區 人員 至少 進行 兩 次 檢測 且 出示 相關 健康 碼</t>
  </si>
  <si>
    <t>新冠肺炎 臺灣 居家 隔離 清運 垃圾包</t>
  </si>
  <si>
    <t>新冠肺炎 臺灣 確診 老年人 死亡</t>
  </si>
  <si>
    <t>25 日 就要 開 學 了 因應 新冠肺炎 疫情 新竹 市長 林智堅 已 推出 6 大 校園 防疫 守則 與 校園 防疫 手冊 為 開學日 嚴 陣 以備 24 日 更 率同 相關 單位 前往 培 英國 中 視察 啟動 跨 局 處 機制 確保 校園 防疫 sop 整備 完畢 林智堅 表示</t>
  </si>
  <si>
    <t>25 日 就要 開 學 了 因應 新冠肺炎 疫情 新竹 市長 林智堅 已 推出 6 大 校園 防疫 守則 與 校園 防疫 手冊 為 開學日 嚴 陣 以備 24 日 更 率同 相關 單位 前往 培 英國 中 視察 啟動 跨 局 處 機制 確保 校園 防疫 sop 整備 完畢 林智堅 表示 今天 在 開學 前夕 要 針對 校園 防疫 工作 一一 把關 以 6 大 校園 防疫 守則 辦理 包括 校園環境 消毒 掌握 防疫 物資 落實 自主 健康 管理 進校 量 體溫 教導 正確 勤洗手 確保 隔離 安置 措施 以 最 嚴謹 的 態度 面對 防疫 才能 讓 校園 防疫 做到 滴水不漏 對抗 疫情 絕不 被動 強化 行政 團隊 橫向聯繫 資訊 互通 務必 將 防疫 工作 做到 滴水 不露 教育處 黃錦 能 處長 指出 本月 20 日 已 協同 新竹 市環保局 辦理 校園環境 消毒 希望 在 開學 前 將 校園環境 進行 清潔 與 消毒 讓 師生 能夠 在 最 安全 的 校 園內 進行 學習 此外 市府 已 在 日前 推出 校園 防疫 手冊 整理 停課 標準 若 師生 1 人 確診 該 班停 班 停課 若 師生 2 人 確診 該校 停課 並 建立 校園 防疫 sop 讓 教職員 師生 一目了然 掌握 防疫 步驟 他 強調 手冊 中 也 推出 了 讓 爸 媽 學生 都 安心 的 6 大 防疫 qa 提醒 市民 未來 校園 將 不 統一 發放 口罩 發燒 不可 進校園 學校 團 膳 廚房 每日 進行 消毒 取消 校園 場地 外借 校園 內 備有 備用 口罩 額 溫槍 與 酒精 取消 開學典禮 等 措施</t>
  </si>
  <si>
    <t>新冠肺炎 襲 向 全球 蔡英文 政府 不 願 對 大陸 伸 援手 但 日本 不論 民間 或是 官方 都對 大陸 提供 物資 和 捐款 對此 臺灣 有 部 份 網友 竟 消遣 日本 義舉 國民黨 議員 羅智強 感慨 表示 自己 不 願 付出 愛心 還要 嘲笑 別的 國家 付出 愛心</t>
  </si>
  <si>
    <t>世界衛生 大會 wha 從 週一 起 在 日內瓦 召開 在 澳洲 提案 要求 世界衛生組織 who 獨立 調查 新冠肺炎 因應 方式 後 已 有 超過 120 個 成員國 連 署 綜合 外電 18 與 19 日 報導 就 在 who 同意 多數 成員國 所 請 展開 調查 之際 北京 下 了</t>
  </si>
  <si>
    <t>世界衛生 大會 wha 從 週一 起 在 日內瓦 召開 在 澳洲 提案 要求 世界衛生組織 who 獨立 調查 新冠肺炎 因應 方式 後 已 有 超過 120 個 成員國 連 署 綜合 外電 18 與 19 日 報導 就 在 who 同意 多數 成員國 所 請 展開 調查 之際 北京 下 了 重 手 對 澳洲 進口 大麥 課 征 超過 80 的 懲罰性 關稅 澳洲 貿易 旅遊 暨 投資部 部長 伯明罕 simon birmingham 說 坎培拉 對 此 深感 失望 在 澳洲 出口 的 大 麥中 中國 大陸 就 占 了 一半 北京 課 重稅 對 澳洲 的 大麥 貿易 可謂 揮 了 一 記 重 拳 伯明罕 說 澳洲 官員 正 與 包括 印尼 在內 的 其他 潛 在 國際 買家 會談 以 尋求 替代 市場 此外 他 指出 中方 隨時 都 能 選擇 取消 這些 關稅 澳洲 當然 會 繼續 設法 說服 他們 應該 這樣 做 而 澳洲 大麥 相關 產業 在 聯合 聲明 中 說 這次 北京 課 征 的 關稅 對 中 澳 大麥 貿易 是 重大 的 打擊 1 年 可能 造成 5億 美元 近 150億 台幣 的 損失 不過 澳洲 農業部長 李特 普勞德 david littleproud 說 中 澳 並 沒有 在 打 貿易戰 因此 坎培拉 不會 報復 他 說 要是 中方 把 課 關稅 和澳洲 力促 who 獨立 調查 新冠肺炎 掛鉤 那 他 會 非常 失望 他 強調 這 根本 是 兩回事 而 澳洲人 應該 為 政府 帶頭 要求 進行 新冠 疫情 相關 調查 感到 驕傲</t>
  </si>
  <si>
    <t>好不容易 治癒 新冠肺炎 從 疫情 中 康復 首要 面對 第 一個 現實 的 問題 就是 醫療 費用 一 位 美國 高中 教師 在 醫院 待 了 幾 個 星期 罹 患 新冠肺炎 痊癒 後 終於 回到 家裡 但 他 有 新 的 困擾 他 收到 第一 份 醫療 費用 帳單 上面 寫</t>
  </si>
  <si>
    <t>好不容易 治癒 新冠肺炎 從 疫情 中 康復 首要 面對 第 一個 現實 的 問題 就是 醫療 費用 一 位 美國 高中 教師 在 醫院 待 了 幾 個 星期 罹 患 新冠肺炎 痊癒 後 終於 回到 家裡 但 他 有 新 的 困擾 他 收到 第一 份 醫療 費用 帳單 上面 寫 著 高達 84萬 美元 約 台幣 2千5百萬 的 金額 covid survivor receives 840000 statement for treatment with more on the way https t co gt 8 vpkskel pic twitter com 7 d 5 qbpmxbg 這 位 高中 教師 羅伯特 robert dennis 新冠肺炎 痊癒 後 回 到家 收到 84萬038694 美元 的 帳單 妻子 坦承 看到 金額 時 真的 嚇到 快 窒息 其中 明細 包括 羅伯特 在 重症 病房 插管 兩 星期 的 費用 且 光 醫院 藥費 就 高達 25萬 美元 約 台幣 747萬 而 這 還 只 是 第一 份 帳單 還 有 其他 的 費用 都 還 沒 算進去 例如 羅伯特 在 康復醫院 住院 三 周 的 費用 等 夫妻倆 估計 所有 帳單 總 金額 會 達到 150萬 美元 約 台幣 4千4百萬 令 他們 慶倖 的 是 羅伯特 有 醫療保險 且 根據 科羅拉多州 保險 部門 指出 病人 會 受到 州 緊急 條例 的 保護 根據 外 媒 報導 治療 病人 的 醫院 如果 有 冠 狀 病毒 援助 救濟 和 經濟 安全 法案 cares act 的 資金 資助 醫院 就 不該 向 病人 寄送 醫療 帳單</t>
  </si>
  <si>
    <t>美國 醫院 高中 新冠肺炎 教師</t>
  </si>
  <si>
    <t>新北 市 開放 75 歲 以上 長者 預約 接種 莫德納 疫苗 今 為 開放 接種 第 2 天 新北 市 衛生局長 陳 潤 秋 今 在 防疫 會議 上 受訪 表示 目前 尚未 接到 莫德納 疫苗 的 不良反應 通報 市長 侯友宜 則 強調 新北 市 不斷 優化 調整 施打 場地 一定 讓 長者 施打 過程 更 安全 更 健康 做 不好 的 地方 都 會 虛心 檢討 今天 不少 衛生所 都 傳出 有 長者 頂 著 大 太陽 在 衛生所 外 排隊 等 疫苗 施打 狀況 對此 侯友宜 表示 長者 施打 一定 要 有 細心 有 耐心 也 要 有 愛心 新北 市 會 不斷 優化 施打 場地 有 做 不好 的 地方 就 虛心 檢討 讓 所有 長者 安心 施打 接 著 會 按照 年齡 往 下 施打 只要 年齡 到 時間 到 一定 打得 到 中 時 新聞網 提醒您 因應 新冠肺炎 疫情 疾 管署 持續 加強 疫情 監測 與 邊境 管制 措施 如有 疑 似 症狀 請 撥打 1922 專線 或 0800 001922 並 依 指示 配戴 口罩 盡 速 就醫 同時 主動 告知 醫師 旅遊 史及 接觸史 以利 及時 診斷 及 通報</t>
  </si>
  <si>
    <t>受到 新冠肺炎 疫情 升溫 影響 原定 3 月 1 日 舉行 的 東京 馬拉松 規模 大幅 縮減 預計 將 有 38萬 跑 者 參與 的 賽事 最終 僅 開放 200 位 職業 跑 者 競賽 並且 不 會 退還 報名 費 消息 一 出 掀起 參賽者 反感 不過 一 名 住 在 臺灣 的 日本 網 紅 則</t>
  </si>
  <si>
    <t>新冠肺炎 臺灣 疫苗 保護 力</t>
  </si>
  <si>
    <t>新冠肺炎 疫情 變幻莫測 年輕人 卻 悄悄 被 新興 毒品 毒害 臺灣 高檢 署 6 日 統計 指出 今年 1 至 3 月 已 有 42 人 因 吸食 新興 毒品 死亡 其中 施用 超級 搖頭 丸 pmma 死亡 高達 31 人 遠 高於 新冠肺炎 為 遏 阻 毒害 檢 警 擬將 非工業 用途 的 p</t>
  </si>
  <si>
    <t>新冠肺炎 疫情 變幻莫測 年輕人 卻 悄悄 被 新興 毒品 毒害 臺灣 高檢 署 6 日 統計 指出 今年 1 至 3 月 已 有 42 人 因 吸食 新興 毒品 死亡 其中 施用 超級 搖頭 丸 pmma 死亡 高達 31 人 遠 高於 新冠肺炎 為 遏 阻 毒害 檢 警 擬將 非工業 用途 的 pmma 化工原料 提報 列管 四級 毒品 加強 查緝 超級 搖頭 丸 化工原料 擬 列管 高檢 署 昨 指出 由於 pmma 副 甲氧基 甲基 安非他命 在 年輕 族群 流行 不少 人 甚至 合併 笑氣 使用 致死 率 近 100 檢 警 因 暑假 將 至 擔心 年輕人 遭 毒害 近日 將 專案 查緝 警政署 則 表示 pmma 致死案 一律 列管 溯源 初步 查出 有 北部 黑幫 涉嫌 制毒 緝毒 專責 檢察官 指出 施用 新興 毒品 比 被 毒蛇 咬 還 恐怖 毒蛇 種類 有限 可用 血清 治療 但 混用 毒品 有如 賭 命 根本 沒藥 醫 現 國際 通報 的 化學 合成 毒物 短短 4 年間 已 從 251 種 暴 增 逾 700 種 遠超過 我國 檢驗 管制 能量 農曆年前 高檢 署 就 曾示 警 指 法醫 研究所 在 去年 第 4 季 10 至 12 月 解剖 吸毒 致死 案例 吸食 pmma 死亡 高達 34 人 光是 12 月 的 1 個 月 內 就 死 28 人 案例 遍及 全國 以 桃園 最 多 最 年輕 死者 僅 17 歲 合成 毒物 暴 增 混合 施用 要命 檢 警 加強 肅 毒 但 毒害 未受控制 今年 第一 季 統計 顯示 新興 毒品 致死 42 人中 施用 pmma 死亡 仍 高 達 31 人 案件 量 居高不下 顯示 毒害 未獲 控制 高檢 署 說 近年 新興 毒品 快速 竄 起 以 毒 咖啡 包 液態 毒品 等 混合式 毒品 正 在 年輕 族群 流行 因 包裝 精美 讓 人 降低 警戒 性 因 性質 不定 查緝 不易 混合 施用 後 致死 率 高 尤其 搖頭 丸 安非他命 k 他 命 等 毒品 還 與 笑氣 合併 施用 更 應 積極 壓制 防止 擴散 高檢 署 說 pmma 為 二級 毒品 屬 中樞神經 興奮劑 但 毒性 超過 搖頭 丸 甲基 安非他命 4 倍 50 毫克 就 有 中毒 可能 但因 其 毒性 作用 較 慢 施用 者 常因 初期 無感 使用 過量 致死 加上 成本低 制程 快 常以 毒 咖啡 包 出現 吸食 後會 神智不清 抽搐 甚至 大吼大叫 致死 率 極 高 據 高檢 署 統計 今年 1 至 3 月 查獲 毒品 5442 公斤 新興 毒品 就 有 4477 公斤 合計 超過 8 成</t>
  </si>
  <si>
    <t>接種 香港 疫苗 新冠肺炎 打針</t>
  </si>
  <si>
    <t>新冠肺炎 疫情 未 歇 世界 各國 都 在 與 時間 賽跑 緊鑼密鼓 研發 疫苗 但 英國政府 的 網路 安全 機構 國家 網路 安全 中心 ncsc 16 日 罕見 發佈 聲明 指控 接受 俄羅斯政府 資助 的 駭 客 團體 正 針對 英 美 和 加拿大 等 國 參與 研發 新</t>
  </si>
  <si>
    <t>新冠肺炎 疫情 未 歇 世界 各國 都 在 與 時間 賽跑 緊鑼密鼓 研發 疫苗 但 英國政府 的 網路 安全 機構 國家 網路 安全 中心 ncsc 16 日 罕見 發佈 聲明 指控 接受 俄羅斯政府 資助 的 駭 客 團體 正 針對 英 美 和 加拿大 等 國 參與 研發 新冠 疫苗 的 組織 發動 網路 攻擊 ncsc 指出 包括 藥廠 與 研究 團體 都 已是 這個 名 為 apt 29 駭 客 組織 的 下手 目標 它 幾乎 確定 是 克里姆林宮 情報 體系 的 一部分 英國 官員 並未 透露 這些 攻擊 是否 成功 達到 竊取 醫藥 機密 的 目標 但 ncsc 強調 沒有 任何 疫苗 相關 研究 因此 受 牽累 對 英國 來說 公開 點明 其他 國家 為 網路 攻擊 幕後 黑手 的 情況 相當 罕見 但 官員 指出 英方 已 與 美 加 分享 其 評估 報告 兩 國 稍後 也 將 發表 各自 的 說法 外相 拉布 痛 批 俄羅斯 情報 單位 針對 新冠肺炎 的 研究 單位 令 人 完全 無法 接受 另外 拉布 還 加碼 指控 俄羅斯 駭 客 在 去年 12 月 英國 大選 期間 非法 取得 計畫 中的 英 美 自由貿易 協定 敏感 檔 並 在 網路上 散播 企圖 干預 大選 拉布 表示 有關 文件 在 大選 前 遭 竊 然後 經 網路 平臺 reddit 散佈 雖然 沒有 證據 顯示 俄羅斯 有 大規模 干預 大選 的 行動 但 任何 企圖 介入 民主 過程 的 行為 皆 不能 接受 他 表示 英國 會 保留 在 未來 採取 適當 回應 措施 的 權利</t>
  </si>
  <si>
    <t>美國 新冠肺炎 確診 病例 再 攀 新高 為 免疫 情 加速 擴散 美國 疾病 管制 預防 中心 cdc 19 日 勸告 美國 民眾 下 周 感恩節 假期 勿 外出 旅行 並 針對 旅遊 及 聚會 活動 提出 安全 建議 疫情 當前 美國 很多 家庭 面對 感恩節 這類 傳統 節慶</t>
  </si>
  <si>
    <t>美國 新冠肺炎 確診 病例 再 攀 新高 為 免疫 情 加速 擴散 美國 疾病 管制 預防 中心 cdc 19 日 勸告 美國 民眾 下 周 感恩節 假期 勿 外出 旅行 並 針對 旅遊 及 聚會 活動 提出 安全 建議 疫情 當前 美國 很多 家庭 面對 感恩節 這類 傳統 節慶 該不該 與 親友 團聚 陷入 掙扎 感恩節 前後 向來 是 美國 的 旅遊 旺季 關於 要 民眾 感恩節 勿 旅行 的 呼籲 cdc 官員 沃克 henry walke 週四 向 記者 簡報 指出 這 是 強烈建議 而非 硬性規定 系 基於 新冠肺炎 確診 數 住院 數 及 死亡數 節 節 攀升 所 做 的 建議 根 預 cdc 資料 11 月 5 日 至 13 日 美國 確診 感染 新冠肺炎 的 人數 超過 100萬 病故 數 在 18 日 跨過 25萬 大關 單單 過去 2 個 月 就 新增 5萬 死亡 病例 cdc 勸告 美國 民眾 凡是 未同 住 一個 家庭 至少 14 天 的 人 勿 與 他們 聚會 14 天正 是 新冠 病毒 的 潛伏期 cdc 官員 表示 針對 假期 期間 仍選擇 外出 旅遊 的 美國 人 他們 也 在 cdc 官 網上 張貼 安全 建議 cdc 建議 采 虛擬 聚會 若要 親身 赴 會 賓客 應 自備 食物 及 餐具 而且 盡可能 在 戶外 如果 選 在 室內 慶祝 建議 要 開 窗 在 打開 的 窗戶 前 擺放 風扇 讓 賓客 所在 的 房間 保持 空氣流通 另外 準備 食物 場所 的 附近 要 限制 人數 美國汽車協會 aaa 預估 今年 感恩節 外出 旅遊 人數 至少 掉 10 將 創 2008 年 來 最 大年 跌幅 aaa 根據 10 月 的 模式 估算 出 今年 感恩節 約 5000萬 人 出遊 少於 去年 的 5500萬 而 在 cdc 公開 建議 感恩節 勿 出外 旅行 後 aaa 預期 出遊 人數 恐怕 更 低 聯合 航空 美國 航空 與 西南航空 19 日 異口同聲 指出 受 新冠肺炎 確診 數 激增 的 影響 訂位元 情況 並不 熱絡 聯航 週四 警告 新冠 疫情 升溫 再一 次 重創 航空 旅遊 從 訂 位數 下滑 機位 取消 增加 嗅 出 端倪 聯航 原本 計畫 第 四季 班次 要 較 去年同期 減 55 照 目前 看來 可能 得 進一步 減班</t>
  </si>
  <si>
    <t>美國 白人 婦人 新冠肺炎 肺炎</t>
  </si>
  <si>
    <t>新冠肺炎 疫情 假消息 不斷 警 署長 嚴辦 不 姑息</t>
  </si>
  <si>
    <t>az 疫苗 新冠肺炎 接種 副作用 懶 人 包</t>
  </si>
  <si>
    <t>桃園 一 名 女子 上月 接種 莫德納 後 腋下 摸到 顆粒 般的 腫塊 由於 沒有 任何 痛感 因此 並未 放在 心上 後來 至 醫院 檢查 後 才 發現 右乳 侵襲 癌 和 右 腋下 淋巴 轉移 確診 乳 癌 目前 正 接受 治療 乳房 外科 醫師 黃鴻銘 表示 打完 疫苗 後 若 有 腋下 有 痛感 或 無 痛 腫塊 應立即 就醫 檢查 黃鴻銘 日前 於臉書 粉 專 杏 妍 診所 指出 一 名 近 40 歲 的 女子 上月 施打 莫德 兩 周後 摸到 右邊 腋下 有 顆粒 般的 腫塊 但 並 無 任何 不適 及 疼 痛感 一 開始 不以為意 後來 還 是 決定 就醫 檢查 黃鴻銘 替 她 觸診 右側 乳房 外側 時 隱約 摸到 一塊 軟軟 有 彈性 的 腫塊 但 女子 卻 毫無 感覺 黃鴻銘 表示 經超 音波 檢查 後 發現 該 腫塊 大約 3 公分 再 加上 女子 主訴 右 腋下 摸到 腫塊 令 他 驚 覺 有異 趕緊 將 兩 處 的 檢 體 送至 病理 中心 檢查 結果 為 右乳 異常 處 侵襲 癌 以及 右 腋下 淋巴結 淋巴 轉移 確診 乳 癌 黃鴻銘 提 國外 數 據說 有 高 達 11 的 女性 接種 第一 劑 莫德納 或 輝瑞 bnt 後 會 有 淋巴結 腫大 的 情況 發生 打完 第二 劑 疫苗 後 同樣 的 情形 在 女性 身上 的 比例 更 提高 至 16 且 時間 長 達 1 至 2 周 黃鴻銘 進一步 說明 疫苗 造成 一定 比例 淋巴結 腫大 的 情形 可能 會 讓 不少 打 疫苗 的 女性 輕忽 因為 淋巴結 腫大 也 是 罹 患 乳 癌 的 表徵 未 放在 心上 恐 會 造成 病情 延誤 不過 他 也 提醒 打完 疫苗 後 發現 淋巴 腫大 不 一定 是 沒事 但 也 不 一定 就是 罹 患 乳 癌 若 腋下 有 痛感 或 無 痛 腫塊 務必 尋求 適當 的 醫療 院所 安排 檢查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機師 台女 本土 廣達</t>
  </si>
  <si>
    <t>匡列 廚師 新冠肺炎 臺灣 兄弟 大 飯店</t>
  </si>
  <si>
    <t>新冠肺炎 疫情 在 中國 陸續 實施 封城 及 閉環 管理 下 至 2 月底 中國 境內 新增 確診 人數 似 有 獲得 控制 然 中國 以外 地區 於 2 月 下旬 陸續 出現 疫情 且 感染 人數 大幅 攀升 超過 中國 境內 美 歐 以及 中東 相繼 出現 社區 傳播 衝擊 市場 信心 與 全</t>
  </si>
  <si>
    <t>新冠肺炎 疫情 在 中國 陸續 實施 封城 及 閉環 管理 下 至 2 月底 中國 境內 新增 確診 人數 似 有 獲得 控制 然 中國 以外 地區 於 2 月 下旬 陸續 出現 疫情 且 感染 人數 大幅 攀升 超過 中國 境內 美 歐 以及 中東 相繼 出現 社區 傳播 衝擊 市場 信心 與 全球 經濟 使 美 股 大幅 下跌 影響 全球股市 投資 信心 日盛 上選 基金 經理 人 張亞瑋 表示 在 全球 央行 與 政府 啟動 聯手 救 市 下 可望 提供 市場 支撐 美 股 走勢 何時 走穩 將 攸 關 投資人 持 股 信心 張亞瑋 指出 在 中國 消費性 電子 供應 鏈 中 因 零 組件 受 員工 返工 限制 閉環 管理 下 的 運輸 限制 目前 以 下游 組裝廠 開工率 最低 預期 將 影響 3 4 月 產出 部分 新品 開發 亦可 能 遞 延 生產 端 狀況 有 穩定 改善 物流 運輸 瓶頸 為 提升 重點 若 疫情 穩定 不再 惡化 預估 供應 鏈 將 於 4 月 回復 正常 張亞瑋 分析 產業 方面 持續 關注 apple 新 技術 應用 包括 miniled 及 剪刀 腳 鍵盤 等 以及 需求 相較 不受 疫情 影響 的 資料 中心 伺服器 5 g 基站 光通訊 等 供應 鏈 伺服器 市場 在 5 g ai 引 領 之下 推動 需求 不 斷 看 增 大型 資料 中心 仍 將 是 帶動 需求 成長 的 主力 資料 中心 建置 增加 帶動 2020 年 伺服器 出貨量 成長 根據 digitimes 預估 2019 年 全球 伺服器 出貨量 將 小幅 萎縮 14 2020 年 反彈 回升 6 7 挑戰 1600萬 台</t>
  </si>
  <si>
    <t>新冠肺炎 日盛 上選 基金 美 股 張亞瑋 供應 鏈</t>
  </si>
  <si>
    <t>英國 官方 21 日 公佈 英國 接種 第一 劑 新冠 疫苗 的 人口 超過 1760萬 此外 近來 單日 新冠肺炎 死亡數 及 確診 數 都 見 下滑 官方 周日 的 資料 顯示 28 天內 確診 罹 患 新冠肺炎 的 人數 中 又 有 215 人 死亡 但 較 上周 六 報告 445 人 病故 的 資料</t>
  </si>
  <si>
    <t>英國 官方 21 日 公佈 英國 接種 第一 劑 新冠 疫苗 的 人口 超過 1760萬 此外 近來 單日 新冠肺炎 死亡數 及 確診 數 都 見 下滑 官方 周日 的 資料 顯示 28 天內 確診 罹 患 新冠肺炎 的 人數 中 又 有 215 人 死亡 但 較 上周 六 報告 445 人 病故 的 資料 來得 少 全英 迄今 的 新冠肺炎 死亡數 總計 120580 人 然 7 天 平均 死亡數 降低 27 英國政府 周日 稍 早 也 宣佈 7 月 31 日 之前 所有 英國 成人 將 完成 第一 劑 新冠 疫苗 接種 比 預定 目標 起碼 提早 1 個 月 原本 預計 要到 9 月 才能 施打 完畢 另外 50 歲 以上 的 健康 成人 將 在 4 月 15 日 之前 打完 第 1 劑 疫苗 也 較 預定 的 5 月 1 日 提前</t>
  </si>
  <si>
    <t>英國 新冠 疫苗 新冠肺炎 死亡數 接種</t>
  </si>
  <si>
    <t>新冠肺炎 本土 疫情 趨 緩 警戒 等級 降 至 2 級 臺北市立 兒童 新 樂園 1 日 起 有 條件 開放 睽 違 2 個 多 月 再度 迎來 大 小朋友 們 的 歡笑聲 為 做好 防疫 采 網路 預約 制 單日 限制 1600 人 進場 開放 的 15 項 遊樂 設施 都 要 先 掃 qr code 預約</t>
  </si>
  <si>
    <t>新冠肺炎 本土 疫情 趨 緩 警戒 等級 降 至 2 級 臺北市立 兒童 新 樂園 1 日 起 有 條件 開放 睽 違 2 個 多 月 再度 迎來 大 小朋友 們 的 歡笑聲 為 做好 防疫 采 網路 預約 制 單日 限制 1600 人 進場 開放 的 15 項 遊樂 設施 都 要 先 掃 qr code 預約 再 依照 場次 分時 分流 遊玩 工作人員 也 會 在 每 梯次 結束 後 仔細 消毒</t>
  </si>
  <si>
    <t>為了 預防 新冠肺炎 疫情 擴散 馬來西亞 發佈 行動 管制 令 禁止 全國 各地 的 大型 集會 及 人民 移動 包括 宗教 體育 社交 及 文化 活動 不過 有 19 名 男女 不 甩 政府 管制 令 租下 公寓 大白天 開 趴 狂歡 遭 警方 逮捕 雪蘭莪州 東南部 加 影</t>
  </si>
  <si>
    <t>為了 預防 新冠肺炎 疫情 擴散 馬來西亞 發佈 行動 管制 令 禁止 全國 各地 的 大型 集會 及 人民 移動 包括 宗教 體育 社交 及 文化 活動 不過 有 19 名 男女 不 甩 政府 管制 令 租下 公寓 大白天 開 趴 狂歡 遭 警方 逮捕 雪蘭莪州 東南部 加 影 市 警方 接 獲 民眾 報案 指稱 有 公寓 傳出 震震 巨響 據 馬來西亞 中國 報 報導 警方 3 日 中午 12 時 30 分 前往 察看 赫然 發現 公寓 中 有 14 男 5 女 竟然 大白天 開 趴 狂歡 喝酒 跳舞 立即 將 19 人 通通 逮捕 警方 初步 調查 該 間 公寓 以 每日 170 令 吉 約 新 台幣 1200 元 出租 這 批 男女 每人 各 繳 約 20 到 30 令吉 從 4 天 前 便 合資 租下 這間 公寓 馬來西亞 警方 目前 以 刑法 滋 擾 公共場合 罪 以及 傳染病 法 調查 這 19 人 大馬 警方 更 呼籲 行動 管制 期間 不 要 隨意 外出 好好 留 在家 中 時 新聞網 關心 您 飲酒 過量 有礙 健康 中 時 新聞網 提醒您 酒後 不 開車 安全 有 保障</t>
  </si>
  <si>
    <t>心 悅 生 醫 6575 23 日 宣佈 今年 辦理 的 4億 元現增 案 在 台杉 生 技 基金 領 投下 已 順利 募 足 該 資金 將 用於 執行 新冠肺炎 snb 011 及 精神分裂症 snd 111213三 項 新藥 臨床 試驗 估計 年底 前後 snb 011 臨床 試驗 二期 解 盲 及 snd 13</t>
  </si>
  <si>
    <t>心 悅 生 醫 6575 23 日 宣佈 今年 辦理 的 4億 元現增 案 在 台杉 生 技 基金 領 投下 已 順利 募 足 該 資金 將 用於 執行 新冠肺炎 snb 011 及 精神分裂症 snd 111213三 項 新藥 臨床 試驗 估計 年底 前後 snb 011 臨床 試驗 二期 解 盲 及 snd 13 第二 次 期中 分析 的 臨床 報告 登錄 興 櫃 以來 首次 辦理 公開 募 資 的 心 悅 此次 引進 專業 機構 投資人 包括 台杉 投資 兆豐 銀行 及 永豐 創 投 等 心 悅 目前 共有 精神分裂症 重度 憂鬱 症 失 智 症 新冠肺炎 領域 等 八 項 新藥 獲得 美國 fda 臨床 許可 其中 治療 精神分裂症 的 snd 12 及 snd 13 新藥 更 獲得 美國 fda 突破性 治療 認定 另外 新冠肺炎 藥物 pentarlandirr 具有 抑制 病毒 進入 人體 細胞 抑制 病毒 複製 及 抗 發炎 三大 機 轉 今年 4 月 已 啟動 美國 二期 臨床 開發進度 在 類似 機 轉 的 口服藥物 中 是 領先 的 心 悅 已向 臺灣 tfda 申請 臨床 試驗 五 天 即 獲得 核准 而 吸 入 劑型 預計 在 年底 左右 進入 臨床 試驗</t>
  </si>
  <si>
    <t>馬克宏 上周 確診 新冠肺炎 病情 正 持續 好轉</t>
  </si>
  <si>
    <t>法國 總統 馬克宏 辦公室 週三 表示 馬克宏 上周 四新冠肺炎 檢測 結果 為 陽性 後 健康 已 持續 好轉 他 依 規定 七 天 自我 隔離 期間 繼續 遠 距離 工作 馬克宏 說 自己 做為 康復者 工作效率 有點 慢 但 仍 繼續 把 包括 抗 疫 和 英國 脫歐 談判 等</t>
  </si>
  <si>
    <t>法國 總統 馬克宏 辦公室 週三 表示 馬克宏 上周 四新冠肺炎 檢測 結果 為 陽性 後 健康 已 持續 好轉 他 依 規定 七 天 自我 隔離 期間 繼續 遠 距離 工作 馬克宏 說 自己 做為 康復者 工作效率 有點 慢 但 仍 繼續 把 包括 抗 疫 和 英國 脫歐 談判 等 列為 優先 處理 任務</t>
  </si>
  <si>
    <t>馬克宏 確診 新冠肺炎 法國 總統 馬克宏 辦公室 新冠肺炎 檢測</t>
  </si>
  <si>
    <t>國外 有 醫師 使用 已 康復者 的 血清 治療 新冠肺炎 患者 國內 會 不 會 跟進 採取 相同 作法 專家 諮 詢 會議 召集人 張上淳 指出 過去 大陸 也 有 嘗試 相同 的 辦法 但 這種 做法 較 適合 在 病人 數目 不多時 有 緊急 需求 上 可以 考慮 的 方式 但 目前</t>
  </si>
  <si>
    <t>國外 有 醫師 使用 已 康復者 的 血清 治療 新冠肺炎 患者 國內 會 不 會 跟進 採取 相同 作法 專家 諮 詢 會議 召集人 張上淳 指出 過去 大陸 也 有 嘗試 相同 的 辦法 但 這種 做法 較 適合 在 病人 數目 不多時 有 緊急 需求 上 可以 考慮 的 方式 但 目前 追求 的 是 更 先進 的 做法 用 康復者 的 血清 細胞 做出 抗體 將 能 更 廣泛 的 被 使用</t>
  </si>
  <si>
    <t>新冠肺炎 臺灣 24萬 抵 台 陳宗彥</t>
  </si>
  <si>
    <t>臺灣 化學 產業 協會 tcia 日前 舉辦 第 六 屆 第 五 次 理 監事會 議 近 40 位 產學研 菁英 齊聚一堂 tcia 理事長 暨 李長榮 集團 總裁 李謀偉 表示 今年 新冠肺炎 蔓延 全球化 學業 都 面臨 了 艱難 時刻 感謝 會員 廠商 提供 口罩 國家隊 所 需 熔 噴</t>
  </si>
  <si>
    <t>瑞基 開發 兩 款 新冠肺炎 試劑</t>
  </si>
  <si>
    <t>瑞基 4171 繼 1 月 營 收 以 5257萬 元 逆勢 創下 新高 後 25 日 宣佈 已 成功 開發 二 種 新冠肺炎 病毒檢測 試劑 分別 適用 一般 實驗室 與 瑞基 pockit 檢測 平臺 即日起 即 可出 貨 由於 該 試劑 約 85 分鐘 即 可 產生 檢測 結果 目前 已 引 國</t>
  </si>
  <si>
    <t>瑞基 4171 繼 1 月 營 收 以 5257萬 元 逆勢 創下 新高 後 25 日 宣佈 已 成功 開發 二 種 新冠肺炎 病毒檢測 試劑 分別 適用 一般 實驗室 與 瑞基 pockit 檢測 平臺 即日起 即 可出 貨 由於 該 試劑 約 85 分鐘 即 可 產生 檢測 結果 目前 已 引 國 內外 業者 洽談 合作 計畫 只 是 短期 內 產能 仍 不足 董事長 劉正忠 表示 瑞基 開發 二 種 新冠肺炎 試劑 一 種 就 是 who 所 公告 基因 序列 用於 一般 qpcr 檢測 另 一 種 則 是 用於 瑞基 海洋 本身 所 研發 及 行銷 41 國 的 小型 可 移動 檢測 儀器 pockit 系列 該 二 種 不同 試劑 靈敏度 皆 已 通過 檢核 產品 只要 置 入 樣本 85 分鐘 即 可 產生 檢測 結果 靈敏度 及 準確度 與 國家級 實驗室 無異 除 了 新冠肺炎 試劑 外 瑞基 在 鼠疫 的 測試 上 也 與 大陸 疾 控 合作 只 是 新冠肺炎 爆發 大陸 試劑 需求 急如星火 因此 目前 新冠肺炎 試劑 雖 開發 成功 但 卻 面臨 試劑 及 pockit 機器 產能 不足 的 問題 目前 因 新冠肺炎 病毒檢測 試劑 已 有 業者 洽談 合作 公司 表示 將 視 疫情 狀況 調整 產能</t>
  </si>
  <si>
    <t>新冠肺炎 臺灣 傳統 市場 侯友宜 跟進</t>
  </si>
  <si>
    <t>補助 新冠肺炎 紓困 40 陳明文 疫情</t>
  </si>
  <si>
    <t>酒店 妹 酒客 o 距離 接觸 中央 疫情 防治 中心 新冠肺炎</t>
  </si>
  <si>
    <t>境外 生 潘 文忠 疫情 境外 新冠肺炎</t>
  </si>
  <si>
    <t>臺灣 鋼鐵集團 旗 下 扣 件 線材 大廠 春雨 2012 2020 年 3 月 自 結 營 收 754億 元 為 今年 來 新高 但 較 去年同期 減少 1595 1 3 月 自 結合 並 營 收 1937億 元 較 去年同期 減少 1573 展望 上半年 春雨 審慎 以 對 主要 是 新冠肺炎 疫情 蔓</t>
  </si>
  <si>
    <t>臺灣 鋼鐵集團 旗 下 扣 件 線材 大廠 春雨 2012 2020 年 3 月 自 結 營 收 754億 元 為 今年 來 新高 但 較 去年同期 減少 1595 1 3 月 自 結合 並 營 收 1937億 元 較 去年同期 減少 1573 展望 上半年 春雨 審慎 以 對 主要 是 新冠肺炎 疫情 蔓延 之 不 確定性 春雨 表示 國內 對於 新冠肺炎 疫情 尚在掌 控 中 內銷 市場 相對 穩定 惟 春日 機械 及 中國 大陸 子公司 因 新冠肺炎 疫情 影響 致使 春雨 3 月 整體 營 收 較 去年同期 減少 展望 今年 上半年 春雨 審慎 以 對 主要 是 新冠肺炎 疫情 在 全球 快速 蔓延 增添 不 確定性 針對 臺灣 外銷 及 中國 市場 部分 公司 會 密切 觀察 疫情 後續 發展 狀況 春雨 表示 大陸 地區 已 陸續 復工 產 線 恢復 運作 對於 臺灣 印尼 兩地 的 內需 市場 仍 維持 樂觀 看法 春雨 進一步 說明 只要 新冠肺炎 疫情 控制 得當 來自 基建 都更 及 台商 回流 潮 帶動 的 廠辦 興建 需求 仍 是拉升 相關 鋼材 產品 成長 的 關鍵 動能 在 印尼 廠方 面 因 當地 建築 扣 件 需求 持續 殷切 出 貨 保持 順暢 整體 來看 目前 歐美 疫情 持續 延 燒 多 處 仍 有 封 城 或 管制 人員 行動 措施 致使 客戶 備 貨 轉 趨 保守 但 仰賴 台 印 兩地 內需 帶動 將 可 適度 抵銷 疫情 帶來 的 不 確定性</t>
  </si>
  <si>
    <t>臺灣 鋼鐵集團 扣 件 線材 大廠 春日 機械 春雨 新冠肺炎</t>
  </si>
  <si>
    <t>google 優化 新冠肺炎 搜尋 結果 加強 連結 在 地 資訊</t>
  </si>
  <si>
    <t>大陸 國務院 主辦 中央 直屬 黨報 經濟日報 13 日 報導 近日 兩 家 美國 製藥 公司 默沙東 和 輝瑞 接連 發佈 新冠 口服藥 好 消息 因為 資料 樂觀 被 不少 人 視為 新冠 特效藥 研發 成功 甚至 說 這樣 的 新冠 特效藥 可以 成為 全球 疫情 終結者 有望 幫助 我們 恢復 疫情 前 的 正常 生活 不過 抗擊 疫情 需 多管齊下 所謂 的 特效藥 目前 還 遠遠 不能 取代 疫苗 口罩 檢測 隔離 等 措施 對 國際 巨頭 的 新冠 特效藥 可以 保持 關注 借鑒 學習 但 切不可 神化 其 功效 更 不能 因 此 放鬆 疫情 防控 經濟日報 報導 世衛組織 發言人 就 此 問題 發聲 時 顯然 持 審慎 態度 他 表示 世衛組織 將 儘快 開始 審查 默沙東公司 此前 提交 的 新冠 口服藥 莫納皮拉韋 molnupiravir 的 三期 臨床 試驗 資料 並稱 目前 全球 仍 處在 新冠 疫情 大 流行 之中 經濟日報 指出 特效藥 為啥 不能 擔當 疫情 終結者 大任 首先 特效藥 未必 真 的 有 特效 需 等待 真實 世界 資料 目前 默沙東公司 研發 的 莫納皮拉韋 已 獲 英國 藥 監 局 批准 上市 成為 全球 第一 款 獲 批 的 新冠 口服藥 根據 三期 臨床 試驗 資料 該藥 將 住院 或 死亡 的 風險 機 率 降低 了 約 50 輝瑞公司 研發 的 口服 抗 新冠 藥物 paxlovid 尚未 獲 批 但 其 三期 臨床 試驗 資料 更 好 能 將 輕 中 症 且 存 在 基礎 疾病 的 新冠肺炎 患者 住院 或 死亡 機 率 降低 89 但是 臨床 試驗 一般 是 在 較 短 時間 內 對 一小 部分 選定 人群 進行 研究 判定 特效藥 是否 真 的 有 特效 臨床 研究 資料 當然 重要 不過 最終 還 要 看 真實 世界 的 治療 效果 現在 就 得出 有效 結論 為時過早 等 一段時間 看看 西方 國家 的 真實 療效 看看 大規模 人群 應用 中 是否 出現 嚴重 副作用 再 做 評判 不遲 經濟日報 表示 其次 特效藥 性 價 比 cp 值 並 不 高 將 影響 其 普及性 西方 醫藥 巨頭 的 這些 特效藥 價格 非常 高 有 媒體 透露 莫納皮拉韋 每 個 療程 定價約 為 705 美元 與 特效藥 相比 新冠 疫苗 同樣 可以 將 住院 或 死亡 機 率 降低 九 成 左右 但 價格 要 便宜 得 多 是 更 為 經濟 更易 普及 的 選擇 經濟日報 稱 再次 從 切斷 傳染病 大 流行 的 策略 講 防 大於 治 在 新冠 疫情 已經 全球 大 流行 病毒 還 在 流行 中 變異 的 今天 少數 人 獲得 救治 是 不能 終結 疫情 的 新冠 口服藥 不能 預防 感染 只能 減少 住院 和 死亡 風險 不 會 像 新冠 疫苗 那樣 幫助 阻斷 社區 傳播 因此 新冠 口服藥 只是 抗擊 疫情 的 有效 工具 之一 而 全球 抗 疫 重點 仍 應 放在 做好 常態 化 防控 提高 疫苗 有效率 和 接種 率 上</t>
  </si>
  <si>
    <t>新冠肺炎 入侵 美女 之國 烏克蘭 出現 首例</t>
  </si>
  <si>
    <t>週二 烏克蘭 衛生部 公共 衛生 中心 代理 負責人 庫 辛 ihor kuzin 對 說 烏克蘭 已 確認 首 起 新冠狀 肺炎 的 病例 路透社 報導 庫 辛 表示 患者 曾去 過 義 大利 他 經 羅馬尼亞 轉機 在 2 月 26 日 返回 烏克蘭 在 機場 曾進行 了 體溫 檢查 一切正常 不過 由於 他 去 過冠 狀 病毒 的 高風險 國家 因 此 被 命令 隔離 兩 天 後 出現 咳嗽 症狀 在 週六 前往 西部 城市 切爾諾夫策 chernivtsi 住院 被 確診 感染 新冠肺炎 衛生部 副 部長 維克多·萊亞 甚 科 viktor lyashko 隨後 在 記者會 上 說明 這 名 男子 目前 病情 穩定 至於 他 的 妻子 也 在 家中 處於 自我 隔離 狀態 萊亞 甚 科 說 昨天 有 4 例 新冠 病毒 疑似病例 今天 這 一起 得到 證實 所有 的 體檢 樣本 被 轉發 到 who 病毒學 實驗室 新冠肺炎 在 中國 大陸 已 有 趨 緩 的 徵兆 但是 在 大陸 以外 的 傳播 似乎 還 處於 高速 擴散 各 國家 的 機場 也 正 在 加大對 旅行者 的 檢查 以 遏止 感染 速度</t>
  </si>
  <si>
    <t>烏克蘭 新冠肺炎 衛生部 庫 辛</t>
  </si>
  <si>
    <t>鍾 南山 推 2 食物 抗 新冠肺炎 提升 免疫力</t>
  </si>
  <si>
    <t>日盛 投 信 日盛 基金 經理 人 楊遠瀚 今 14 日 表示 新冠肺炎 短期 受到 控制 但 仍 需 觀察 病例 變化 與 城市 封城 復工 狀況 全球 景氣 原處 於 緩步 回溫 狀態 惟 新冠肺炎 疫情 將 衝擊 中國 內需 製造業 並 可能 影響 全球 經濟 短期 資料</t>
  </si>
  <si>
    <t>日盛 投 信 日盛 基金 經理 人 楊遠瀚 今 14 日 表示 新冠肺炎 短期 受到 控制 但 仍 需 觀察 病例 變化 與 城市 封城 復工 狀況 全球 景氣 原處 於 緩步 回溫 狀態 惟 新冠肺炎 疫情 將 衝擊 中國 內需 製造業 並 可能 影響 全球 經濟 短期 資料 可能 受 創 幸好 中國 積極 注資 支撐 股市 與 經濟 廠商 2 月 上旬 也 逐漸 復工 但 由於 封城 與 疫情 仍 嚴峻 使 回工 率 偏 低 電子 供應 鏈 仍 亂 消費 也 受 衝擊 廠商 23 月 營 收 受害 大 惟 若 疫情 未再 顯著 惡化 則 最壞 情況 已 過 訂單 目前 仍未 消失 而 遞 延 的 機 率 高 可 趁 震盪 期間 佈局 後續 產業 趨勢 明確 產品 期待 性 高 的 相關 個股 楊 遠瀚 指出 產業 方面 可 留意 包括 macbook 鍵盤 剪刀 腳 設計 2020 年 改 款 陸續 推出 資料 中心 建置 增加 server 需求 也 回溫 mini led 下半年 apple 將 開始 採用 產業 將 開始 起飛 cis 供需 吃緊 ic 封裝 受惠 iphone 11 淡季 備 貨 優於 預期 iphone 12 換 機 潮 期待 intel amd nvidia 新 平臺 新 顯 卡 及 美 日 的 新款 遊戲機 將 陸續 推出 供給 受限 需求 改善 的 上游 受惠 族群 如 被動 元件 記憶體 5 g 基地 台仍處 快速 增長期 100 g 400 g 升級 趨勢 光通訊 正向 看待 遊戲 股 為 新冠肺炎 下 的 防禦 族群 挑選 2020 年 將 推出 大作 的 族群</t>
  </si>
  <si>
    <t>復工 族群 疫情 產業 趨勢 新冠肺炎</t>
  </si>
  <si>
    <t>勤業 眾 信 deloitte 聯合 會計師 事務所 23 日 舉辦 勤業 眾 信 消費 產業 2021 零售 力量 趨勢 與 展望 omo 虛實 整合 全 通路 線 上 論壇 面對 新冠肺炎 帶來 的 產業 衝擊 臺灣 企業 應 投入 數位 資源整合 全 通路 以 緩和 疫情 期間 下滑 的 業績</t>
  </si>
  <si>
    <t>勤業 眾 信 deloitte 聯合 會計師 事務所 23 日 舉辦 勤業 眾 信 消費 產業 2021 零售 力量 趨勢 與 展望 omo 虛實 整合 全 通路 線 上 論壇 面對 新冠肺炎 帶來 的 產業 衝擊 臺灣 企業 應 投入 數位 資源整合 全 通路 以 緩和 疫情 期間 下滑 的 業績 並 從 中 建立 消費者 信心 針對 2021 年 的 零售 產業 勤業 眾 信 提出 加速 數位化 強化 供應 鏈 韌性 提高 健康 安全意識 及 優化 企業 營運 模式 四 個 發展 方向 零售業 者 應 思考 如何 建構 核心 能力 並 活用 各個 通路 建構 新 零售 模式 來 應對 多元化 的 消費行為 將 會 是 在後 疫情 時代 中 脫穎而出 的 關鍵 勤業 眾 信 消費 產業 負責人 謝明 忠 表示 疫情 改變 人類 的 工作 學習 和 消費型 態 而 消費 產業 也 隨 著 金流 支付 線 上線 下 整合 及 資料 分析 等 創新 工具 與 系統 發展 帶出 前所未見 的 商業模式 及 新 價值 創造 出 無 接觸 經濟 之 概念 臺灣 2020 年 的 經濟 逐漸 自 疫情 中 復蘇 經濟 呈 正 成長 成長率 也 突破 3 但 消費行為 已 明顯 受到 疫情 影響 產生 變化 2020 年 消費者 透過 網路 購物 的 比例 增加 網路 銷售額 年增率 達到 175 勤業 眾 信 風險 諮 詢 服務部 資深 執行 副總經理 張 益紳 指出 過去 傳統 零售業 數位 轉型 時 聚焦 于 客戶 體驗 和 資料 收集 以 建立 互動 通路 取得 信任 和 品牌 忠誠度 但 面對 不斷 變革 的 消費者 行為 張益紳 建議 零售業 的 市場策略 應從 產品 地點 和 通路 轉至 24 小時 全天 服務 並以 消費者 體驗 做為 基石 打造 全方位 的 新 競爭 模式 勤業 眾 信 聯合 會計師 事務所 管理 顧問 服務部 協理 辜卓洋 指出 在 疫情 的 影響 下 消費者 行為 的 轉變 帶動 了 市場 進入 以 客戶 為 中心 精准 溝通 和 多 管道 全場 域 的 新 零售 模式 也 形成 了 競爭者 m 型 化 的 樣 態 以 擁有 及 分析 顧客 資料 而 繼續 長大 全 通路 一 站 式 的 大型 零售商 與 以 追求 特定 消費 客群 高度 客 制 化 產品 為主 的 微 商 業者 同時 活躍 於 市場 在 數位 趨勢 下 零售業 者 可 利用 app 客戶資料 及 消費 軌跡 等 資訊 精准 地 在 不同 管道 做 連結 及 導 購 有效 縮短 與 顧客 的 距離 也 貼近 顧客 的 時間 及 生活 但 除了 科技 得 應用 與 商機 的 取得 業者 應該 在 導入 科技 工具 之前 謹慎 思考 策略 或 商業 目的 並且 認真 看待 科技 導入 之後 的 獲利 狀況 包括 資源 分配 人力 投入 以及 通路 經營 力度 等 實際 效益</t>
  </si>
  <si>
    <t>新冠肺炎 從 開始 出現 明顯 疫情 至今 已 將近 半 年 對於 這種 完全新 的 病毒 疫苗 進展 如何 何時 可以 上市 是不是 人人 都 要 打 上海復旦大學 附屬 華山醫院 感染 科 主任 上海市 新冠肺炎 醫療 救治 專家組 組長 張文宏 教授 接受 陸媒</t>
  </si>
  <si>
    <t>新冠肺炎 從 開始 出現 明顯 疫情 至今 已 將近 半 年 對於 這種 完全新 的 病毒 疫苗 進展 如何 何時 可以 上市 是不是 人人 都 要 打 上海復旦大學 附屬 華山醫院 感染 科 主任 上海市 新冠肺炎 醫療 救治 專家組 組長 張文宏 教授 接受 陸媒 訪問 時一一 回應 張文宏 說 新冠肺炎 疫苗 大陸 已經 走 在 前面 而且 是 幾 條 線路 齊頭並進 有的 已經 進入 二期 臨床 研究 美國 也 有 疫苗 開始 進入 二期 了 到底 哪個 效果 好 還要 評估 它 的 不良反應 抗體 滴 度 保護性 還有 安全性 阻斷 成功率 等 綜合 起來 才能 判斷 安全 第一 不怕 淪 白 老鼠 我們 會 不 會 成為 疫苗 的 白 老鼠 張文宏 指出 加快 研發 疫苗 進度 不 代表 放棄 對 它 的 療效 跟 不良反應 的 評估 就算 你 想 做 白 老鼠 流程 都 不 可以 安全 有效 是 底線 絕對 不能 突破 再 著 急 也 不能 突破 疫苗 為什麼 做出 來 了 現在 不能 馬上 打 張文宏 解釋 說 就是 因為 儘快 加快 了 審批 流程 但不能 降低 它 的 品質 不 可以 降低 對 疫苗 的 要求 肯定 是 完成 了 三期 臨床 研究 安全 後 再 給 老百姓 打 新冠 疫苗 是不是 人人 都 要 打 張文宏 表示 取決 於 幾 個 資料 第一 不良反應 有 多 大 第二 它 的 保護率 有 多 高 第 三 當時 全世界 的 疫情 有 多 高 第 四 病 死 率 會 降到 什麼樣 的 程度 每年 都 打 概率 偏 低 新冠 疫苗 需要 每年 都打 嗎 他 說 如果 這個 病毒 沒有 發生 大 的 突變 不 需要 反復 接種 但是 談論 這個 事情 為時過早 對於 新冠 疫苗 以後 怎麼 打 先 把 它 弄出來 弄出來 以後 再來 解決 將來 是不是 需要 每年 都 要 打 現在 看起來 每年 都 要 打 的 概率 偏 低 常 陽 患者 仍 具 傳染性 常 陽 患者 會 不 會 傳染 張文宏 表示 對 新冠 常 陽 他 不是 特別 同意 因為 武漢 病例 大概 是 在 1 月 出來 的 現在 才 3 個 月 3 個 月 一般 不 認為 是 常陽 國際 上 對於 慢性 攜帶 的 狀態 要 長 達 6 個 月 才算 常陽 但是 如果 3 個 月 到 6 月 一直 出現 陽性 也 會 充分 關注 第二 所謂 的 常陽 特別 關注 這 個 是 活 病毒 還是 死 病毒 查 到 核酸 不 代表 是 活 病毒 還有 很多 科學 的 東西 要 做 他 覺得 關於 防控 不 需要 過於 糾結 現在 所謂 的 常陽 慢性 攜帶 在 科學 上 還 沒有 確鑿 的 依據 來 證實 它 對 整個 人群 目前 不 會 造成 特別 大 的 影響 什麼 是 常 陽 患者 是否 具有 傳染性 專家 表示 這 部分 患者 可能 沒有 呼吸道 症狀 ct 電腦 斷層掃描 影像 明顯 吸收 後 持續 陽性 時間 比較 長 若 患者 體內 存在 活 病毒 那麼 理論 上 仍 有 傳染性 最終 能否 轉陰 是否 可能 長期 攜帶 病毒 還 需 進一步 研究 24 日 武漢 新冠肺炎 重症 病例 清零 據 大陸 國家 衛健 委 醫 政 醫管局 監察 專員 焦雅輝 介紹 常陽 患者 只是 核酸 一直 不 轉陰 但 已 無 需 治療 常 陽 患者 是否 具有 傳染性 北京 世紀壇醫院 感染 科 副 主任醫師 苑曉冬 介紹 要 看患者 體內 是否 存在 活 病毒 如果 有 理論 上 仍 有 傳染性 只不過 症狀 不 明顯 者 一般 傳染性 較 弱 如果 只 是 死 病毒 會 在 一段時間 內 自然 代謝 掉 不具 傳染性 這種 陽性 會 持續 多久 還 沒有 標準 參考 流感 病毒 一般 轉陰 不 會 超過 一 周 為什麼 會 出現 常陽 患者 大陸 中央 指導組 專家 呼吸 感染 與 危重症 專家 童朝暉 介紹 針對 常陽 這 一 現狀 產生 的 原因 目前 還 在 研究 觀察 既 往 對 其他 病毒 的 研究 發現 高齡 合併 較 多 基礎 疾病 使用 激素 的 患者 轉陰 時間 較 長 苑曉冬 分析 轉陰 時長 與 患者 自身 免疫 反應 有關</t>
  </si>
  <si>
    <t>台 指 期 電子 期 金融 期 疫苗 新冠肺炎</t>
  </si>
  <si>
    <t>五 倍 券 振興 五 倍 券 數位 券 紙本 券 新冠肺炎</t>
  </si>
  <si>
    <t>內政部長 徐國勇 下午 為 雲林 北 港 朝 天宮 除 疫 息 災 梁皇 大法 會 開 香 對於 因 新冠肺炎 疫情 遭 隔離 者 卻 四處 趴 趴 走 他 強調 視同 通緝犯 及 重大 刑 案 嫌疑犯 下令 警方 全面 搜尋 徐國勇 由 朝 天宮 董事長 蔡 詠 鍀 及 立 委 蘇治芬 等 人 陪同</t>
  </si>
  <si>
    <t>內政部長 徐國勇 下午 為 雲林 北 港 朝 天宮 除 疫 息 災 梁皇 大法 會 開 香 對於 因 新冠肺炎 疫情 遭 隔離 者 卻 四處 趴 趴 走 他 強調 視同 通緝犯 及 重大 刑 案 嫌疑犯 下令 警方 全面 搜尋 徐國勇 由 朝 天宮 董事長 蔡 詠 鍀 及 立 委 蘇治芬 等 人 陪同 一起 跟隨 法師 誦經 跪拜 替 全球 祈 安 希望 疫病 快 遠離 針對 連續 有 居家 檢疫 隔離 者 失 聯 徐國勇 說 違反 居家 檢疫 隔離 到處 趴 趴 走 的 失 聯 者 視同 通緝犯 及 重大 刑事案件 的 嫌疑犯 已 指示 員警 機構 積極 全面 尋找 例如 3 名 失 聯 的 香港 遊客 警方 只 花 了 3 小時 就 找 到 人 並 送 檢疫所 強 檢疫 徐國勇 強調 對 自己 負責 就是 對 社會 與 國家 負責 有 被 傳染 新冠肺炎 疑慮 者 自我 隔離 是 保護 自己 也 是 保護 他人 居家 檢疫 或 隔離 的 人 不 要 趴 趴 走 配合 相關 政策 社會 會 更 安全平 和</t>
  </si>
  <si>
    <t>新冠肺炎 臺灣 居家 隔離 徐國勇</t>
  </si>
  <si>
    <t>大陸 一線 防疫 醫護人員 頻 傳 確診 死亡 案例 為了 保障 醫 謢 人員 健康 提升 其 免疫力 武漢市 新冠肺炎 疫情 防控 指揮部 今天 21 日 明確提出 一線 醫護人員 工作 10 天 休息 不少 於 2 天 醫療 隊員 用餐 標準 每人每天 200 元 人民幣 下</t>
  </si>
  <si>
    <t>大陸 一線 防疫 醫護人員 頻 傳 確診 死亡 案例 為了 保障 醫 謢 人員 健康 提升 其 免疫力 武漢市 新冠肺炎 疫情 防控 指揮部 今天 21 日 明確提出 一線 醫護人員 工作 10 天 休息 不少 於 2 天 醫療 隊員 用餐 標準 每人每天 200 元 人民幣 下同 按照 人均 6000 元 標準 發放 一次性 慰問 補助 等 多 項 政策 待遇 隨 著 各省 市 派出 的 200 多 支 醫療隊 3萬 多 人 抵達 武漢 武漢市 新冠肺炎 疫情 防控 指揮部 援漢 醫療隊 接待 協調組 日前 印發 關於 進一步 加強 援漢 醫療隊 服務 保障 工作 方案 詳細 規範 醫療 人員 的 衣 住 行 與 津貼 發放 等 事宜 包括 每 餐 提供 葷 素 搭配 的 盒飯 和 新鮮 時令 水果 用餐 標準 每人每天 200 元 配備 取暖器 電熱毯 暖 手 寶 等 物資 提供 牙刷 牙膏 毛巾 等 個人 生活 常 備用品 及時 解決 隊員 理髮 等 生活 需求 完善 一線 醫護人員 值班 輪休 等 制度 每個 班次 結束 後 合理安排 休息時間 原則 上 每 工作 10 天 休息 不少 於 2 天 根據 各 援漢 醫療隊 工作 需要 安排 專人 專車 值班 確保 隨叫隨到 對於 援漢 醫務人員 按照 人均 6000 元 標準 發放 一次性 慰問 補助 為 盡可能 向 援漢 醫療隊 提供 較 好 的 食宿 出行 條件 工作 方案 也 指定 各區 防控 指揮長 作為 第一 責任人 親自 研究 動員 親自 走訪 看望 親自 協調 解決 重大 問題 切實 把 援漢 醫療隊 服務 保障 工作 作為 重大 政治 任務</t>
  </si>
  <si>
    <t>新冠肺炎 臺灣 端午節 北 高雄家 扶 中心 弱勢 家庭</t>
  </si>
  <si>
    <t>行政院 會 今 23 日 通過 新冠肺炎 防治 及 紓困 振興 特別 預算 追加 預算案 追加 1500億 元 將 預算 上限 自 600億 元 增加 至 2100億 元 全數 以 舉債 支應 其中 以 經濟部 編 列 預算 追加 774億 元 勞動部 追加 310億 元 衛福部 追加 198億 元</t>
  </si>
  <si>
    <t>行政院 會 今 23 日 通過 新冠肺炎 防治 及 紓困 振興 特別 預算 追加 預算案 追加 1500億 元 將 預算 上限 自 600億 元 增加 至 2100億 元 全數 以 舉債 支應 其中 以 經濟部 編 列 預算 追加 774億 元 勞動部 追加 310億 元 衛福部 追加 198億 元 交通部 追加 131億 元 較 多 行政院長 蘇貞昌 表示 新冠肺炎 疫情 蔓延 全球 追加 預算案 今日 通 過後 將 立即 送 請 立 法院 審議 明 24 日 將 至 立 法院 進行 報告 並 備詢 請 相關 部會 妥 為准 備 積極 與 立 法院 溝通 協調 早日 通過 該 追加 預算案 蘇貞昌 表示 由於 疫情 對 經濟 及 產業 衝擊 態勢 嚴峻 在 追加 預算案 尚未 通過 前 依 特別 條例 第 11 條 規定 相關 經費 報經 行政院 同意 可 先行 支付 部分 經費 請 各部 會 積極 辦理 相關 紓困 工作 主 計總 處 表示 此次 追加 編 列 1500億 元 預算 後 各部 會 編 列 總預算 依 序 為 經濟 部 979億 元 衛福部 368億 元 勞動部 310億 元 交通部 299億 元 農委會 554億 元 文化部 402億 元 教育部 235億 元 其他 機關 合計 102億 元 其中 經濟部 追加 達 7744億 元 最 多 包括 辦理 製造業 商業 服務業 與 會展 產業 等 薪資 及 營運 資金 補貼 383億 元 企業 貸款 融資 保證 及 利息 補貼 等 212億 元 刺激 國內 民眾 消費 措施 等 111億 元 以及 補貼 營業 用 水電費 65億 元 而 首 波 紓困 振興 計 畫 中 未 編 列 預算 的 勞動部 此次 追加 編 列 3102億 元 主要 為 辦理 勞工 紓困 貸款 利息 補貼 10億 元 以及 受 疫情 影響 的 自營 作業者 及 無 一定 雇主 勞工 生活 補貼 300億 元 衛福部 追加 編 列 198億 元 包括 發給 醫療機構 與 相關 人員 獎勵 及 津貼 接受 隔離 及 檢疫 者 與其 請假 照顧 家屬 防疫 補償 金 等 714億 元 徵用 及 採購 防疫 物資 355億 元 加發 關懷 弱勢 生活 補助 413億 元 辦理 病 患 隔離 收治 集中 檢疫 場所 維 運 及 增設 等 238億 元 等 交通部 追加 編 列 1313億 元 包括 辦理 受 疫情 影響 的 旅行 宿 業 觀光 遊樂業 計程車 遊覽車 與 客運業 等 薪資 及 營運 資金 補貼 961億 元 擴大 補貼 航空 業 及 機場 業者 降落費 土地 房屋 使用費 權利 金 及 貸款 利息 等 232億 元 海運 及 航空業者 貸款 利息 補貼 65億 元 其他 部會 預算 追加 編 列 狀況 尚有 文化部 追加 322億 元 教育部 追加 235億 元 農委會 追加 199億 元 財政部 追加 5億 元 內政 部 追加 37億 元 通傳 會 ncc 追加 16億 元</t>
  </si>
  <si>
    <t>行政院 蘇貞昌 新冠肺炎 防治 紓困</t>
  </si>
  <si>
    <t>呼吸器 張上淳 病例 脫離 新冠肺炎</t>
  </si>
  <si>
    <t>新冠肺炎 疫情 嚴峻 其中 隱形 缺氧 因 事前 無 任何 徵兆 且 致死 率 高 讓 不少 民眾 瘋 買 血 氧 機 方便 檢測 近日 有 一 名 男子 在 網路上 購買 了 3 台 血 氧 機 測試 女兒 的 布偶 娃娃 竟然 也 有 血 氧 心跳 令 她 氣 得 大罵 難怪 一 堆 人 隱形</t>
  </si>
  <si>
    <t>新冠肺炎 血 氧 機 監測 隱形 缺氧 心跳</t>
  </si>
  <si>
    <t>原定 7 月 24 開幕 的 2020 年 東京 奧運會 受到 新冠肺炎 疫情 影響 而 被迫 到 明年 雖然 東京都 在 24 日 當天 放 煙火 祈禱 疫情 能 儘快 過去 但 已 建 蓋 好 的 場館 卻是 異常 冷清 甚至 還 傳出 雜草叢生 讓 外界 不禁 感慨萬分 本 應 是 全球 注目 焦</t>
  </si>
  <si>
    <t>東京 奧運 東京都 新冠肺炎 疫情</t>
  </si>
  <si>
    <t>台科大 學生 確診 新冠肺炎 臺灣</t>
  </si>
  <si>
    <t>大陸 境內 新冠肺炎 官方 統計數字 確診 已 破 8萬 例 武漢市 宣佈 共要 建 30 間 以上 的 方 艙 醫院 收治 輕 症 患者 近日 有 醫生 病 患 相繼 表示 院內 伙食 非常 好 甚至 有 甲魚 可以 吃 不過 大陸 網友 看 了 之後 大 驚 認為 甲魚 應屬</t>
  </si>
  <si>
    <t>大陸 境內 新冠肺炎 官方 統計數字 確診 已 破 8萬 例 武漢市 宣佈 共要 建 30 間 以上 的 方 艙 醫院 收治 輕 症 患者 近日 有 醫生 病 患 相繼 表示 院內 伙食 非常 好 甚至 有 甲魚 可以 吃 不過 大陸 網友 看 了 之後 大 驚 認為 甲魚 應屬 野味 由於 政府 已經 禁止 食用 野生動物 也 引起 熱 議 一 名 大陸 網友 在 微博 貼出 方 艙 醫院 的 便當 表示 有 小白菜 紅燒 牛 楠 和 蘿蔔 還有 主菜 杏 鮑 菇 燒 甲魚 她 並 開心 寫下 我們 被 政府 強制 隔離 的 人 是不是 比 在家 快要 斷糧 的 你 更 有 口福 一 名 關 姓 醫生 也 貼出 便當 影片 說 方 艙 醫院 伙食 不錯 有 甲魚 吃 啊 不過 由於 新冠 病毒 一 開始 被 懷疑 是 由 華南 海鮮 市場 的 野生動物 傳播 出來 大陸政府 已 明令 不可 食用 野味 再 加上 方 艙 醫院 的 伙食 是 由 專業 營養師 設計 竟然 還 會 出現 甲魚 也 引起 網友 熱烈 討論 許多 網友 直言 不 要 吃 甲魚 甲魚 這麼 貴 不可能吧 甲 於在 廣東 被 列為 野味 不 給 賣 了 恐怖 無知者 無畏 不 過 許多 網友 說 湖北 甲魚 算不得 什麼 那 海鮮 不 都 是 野生 的 嗎 養殖 甲魚 在 湖北 菜 裡 很 常見 甲魚 也 算 野味 我們 逢年過節 必 吃 人工 養殖 也 算 野味 我 真服了 更 多 ctwant 報導</t>
  </si>
  <si>
    <t>保險局 10 日 才 宣佈 新 醫療 險 保單 可以 對 法定 傳染病 取消 或 縮短 等待 期 國泰人壽 11 日 就 宣佈 即日起 對 10 張現 售 住院 醫療 險 以 批註 條款 方式 取消 法定 傳染病 的 30 天 等待 期 保戶 不必 再 額外 付費 先前 已 投保 且 還 在 等待 期 的 保戶 直接 進入 保障 期 國 壽 應 是 新 制 後 第一 家 針對 新冠肺炎 取消 醫療 險 等待 期 的 公司 其他 如 富 邦 人壽 新光人壽 也 將 陸續 推出 類似 的 新 保單 或 批註 條款 不過 國壽 這個 針對 法定 傳染病 取消 現 售 醫療 險 等待 期 的 批註 條款 初步 只 開放 到 6 月 30 日 之後 再 視 新冠 疫情 狀況 調整 開放 期 若 未 延長 則 7 月 1 日 之後 投保 的 保戶 就 會 恢復 所有 疾病 都 有 30 天 的 等待 期 國 壽 取消 等待 期 的 10 張 住院 醫療 險 包括 安安 醫療 終身 險 超 安心 住院 醫療 終身 險 漾 安心 住院 醫療 終身 險 三高 鑫 安定 期 健康 險 康愛 無 憂 住院 醫療 終身 a 型 hen 健康 定期 健康 險 心 安逸 一年期 定期 住院日 額 健康 險 新 永 健 住院日 額 健康 險 附約 大 心 住院 醫療 健康 險 附約 新 真 全意 住院 醫療 附約 另外 富 邦 人壽 11 日 也 強調 為 關懷 保戶 所有 個人 險 有效 契約 保戶 若 在 5 月底 前 確診 新冠肺炎 住院治療 若是 醫護人員 則 富 邦 人壽 額外 致贈 5萬 元 慰問金 若 不是 醫護人員 但是 醫 事 人員 或 衛福部 疾 管局 各地 衛生局 的 防疫 人員 且 因 負責 新冠肺炎 疫 調 檢驗 管控 追蹤 等 工作 罹 患 新冠肺炎 者 則 富 邦 人壽 給付 慰問金 2萬 元 其 餘 非 屬 防疫 人員 的 確診 新冠肺炎 保戶 一律 給 付 6000 元 慰問金 由於 是 壽險 醫療 險 意外 險 等 保戶 都 適用 即 強調 沒有 用 慰問金 促銷 保單 的 意味 只是 純 關懷 保戶 而 富 邦 人壽 對 所有 個人 險 保戶 只要 確診 新冠肺炎 就 致贈 慰問金 則 是 所有 壽險 公司 關懷 措施 中 最 大方</t>
  </si>
  <si>
    <t>等待 期 保戶 醫療 險 住院 新冠肺炎</t>
  </si>
  <si>
    <t>新冠肺炎 臺灣 嘉義 5 月 確診</t>
  </si>
  <si>
    <t>新冠肺炎 疫情 重創 美國 死亡 人數 27 日 正式 跨過 10萬 大關 儘管 各州 逐步 解封 重開 經濟 但 先前 各種 防疫 封鎖 限制 導致 百業蕭條 失業 人口 暴 增 據 勞工 部 28 日 上午 公佈 的 前 周 5 月 23 日 為止 的當 周 新增 的 申請 失業 救濟金</t>
  </si>
  <si>
    <t>新冠肺炎 疫情 重創 美國 死亡 人數 27 日 正式 跨過 10萬 大關 儘管 各州 逐步 解封 重開 經濟 但 先前 各種 防疫 封鎖 限制 導致 百業蕭條 失業 人口 暴 增 據 勞工 部 28 日 上午 公佈 的 前 周 5 月 23 日 為止 的當 周 新增 的 申請 失業 救濟金 人數 達 212萬 人 也就是說 10 周 累計 申請 失業 補助 的 人口 已經 正式 突破 4千萬 大關 這 資料 比 前 一 周 的 244萬 人 略 降 是 自 3 月 以來 連續 第 3 周 降到 3百萬 以下 也 是 連續 第 8 周 下降 另外 資料 也 與 財經 網站 marketwatch 經濟學家 估計 的 212萬 持平 10 周 以來 累計 已 有 4094萬 人 丟掉 工作 換算 等於 每 4 個 人 就 有 1 個 人 申請 失業 補助金 3 月 疫情 在 美國 大 爆炸 後 申請 失業 救濟金 的 人數 就 扶搖直上 其中 3 月底 甚至 沖到 690萬 人</t>
  </si>
  <si>
    <t>美國 新冠肺炎 疫情 失業 經濟</t>
  </si>
  <si>
    <t>因應 新冠肺炎 疫情 不只 未 降溫 且 有 升溫 跡象 2 月 25 日 開學 在即 各 校 開啟 防疫 大 作戰 繼 昨天 邀集 各區 中心 學校 校長 代表 針對 上學 期間 訪 客 到校 等 不同 情境 做 體溫 量 測 實際 演練 今 起 3 天 於各 分區 辦理 共 9 場 學校 實際</t>
  </si>
  <si>
    <t>因應 新冠肺炎 疫情 不只 未 降溫 且 有 升溫 跡象 2 月 25 日 開學 在即 各 校 開啟 防疫 大 作戰 繼 昨天 邀集 各區 中心 學校 校長 代表 針對 上學 期間 訪 客 到校 等 不同 情境 做 體溫 量 測 實際 演練 今 起 3 天 於各 分區 辦理 共 9 場 學校 實際 演練 供 各 校 觀摩 辦理 因應 實際 狀況 修正 流程 為 迎接 開學日 做好 準備 目前 大校 反映 擔心 上學 尖峰 時間 量 測體溫 會 造成 交通 打結 另外 也 擔心 學童 發燒 家長 未必 能 第一 時 間接 走 各 校 因應 防疫 也 增派 人力 進行 分道 分流 防疫 作為 招募 人力 不無 壓力 教育局長 鄭新輝 說 目前 已 制訂 校園 防疫 須知 及 防疫 手冊 明 列 校園 應有 防疫 措施 作為 內容 包含 防疫 組織 建立 學校 師生 追蹤 防疫 物資 整備 校園環境 管理 校園 門 禁 管制 強化 衛教 宣 導 緊急 通報 作為 等 七大 項 措施 並 訂 定 相關 標準 作業 流程 供 學校 遵循 教育局 表示 開學 後 相關 防疫 措施 如 出入口 管制 量 測體溫 每日 進行 環境 清潔 消毒 落實 教職員工 生 生病 不 上課 不 上班 等 每日 學生 到校 將 分道 分流 進行 體溫 量 測 如有 疑 似 發燒 學生 則 由 護理 師 接續 複 檢 及 後續 處理 校外 人士 若 有 進入 校園 之 需要 也 要 配合 校門 口 測量體溫 並 配戴 口罩 並 至 訪 客 會談 區 不可 直接 進入 辦公區 或 教學區 目前 學校 額 溫槍 除了 各 校 自備 以外 教育局 已 每 9 班 增補 1 支 加上 後續 教育部 撥 補 之 額 溫槍 預估 各 校 至少 每 5 班會 有 1 支 額 溫槍 校方 也 將 結合 導護 人員 志 工 及 行政 人員 量 測 學生 體溫 可 加快 測量體溫 作業 新冠肺炎 台南</t>
  </si>
  <si>
    <t>目前 跟 隊友 戈貝爾都 已 宣告 從新冠肺炎 病情 痊癒 的 爵士 明星 射手 米契爾 29 日 公開 自己 確診 前夕 到 隔離 至 今 的 內心 煎熬 過程 米契爾 除了 坦承 自己 在 等待 檢驗 結果 出爐 的 那一晚 只 睡 了 短短 25 分鐘 更 承認 自己 確診 過後 曾 有 可</t>
  </si>
  <si>
    <t>目前 跟 隊友 戈貝爾都 已 宣告 從新冠肺炎 病情 痊癒 的 爵士 明星 射手 米契爾 29 日 公開 自己 確診 前夕 到 隔離 至 今 的 內心 煎熬 過程 米契爾 除了 坦承 自己 在 等待 檢驗 結果 出爐 的 那一晚 只 睡 了 短短 25 分鐘 更 承認 自己 確診 過後 曾有 可能 死亡 念頭 時間 回到 3 月 12 日 這天 爵士 來到 奧克拉荷馬 客場 面對 雷霆 這 是 一 場 攸 關 季後 賽 排名 的 重要 賽事 沒 想到 在 跳球 前夕 就 被 喊 卡 當時 保全人員 沖 進 場內 讓 米契爾 感覺 就 像 特 勤 人員 保護 總統 一樣 接 著 他們 就 被 告知 戈貝爾 確診 消息 爵士 全體 隊 職員 就 在 奧克拉荷馬 市 直接 被 隔離 米契爾 透露 在 隔離 6 到 7 小時 期間 他 跟 隊友 打牌 消磨 時間 大約 只 睡 了 25 分鐘 左右 畢竟 他 很 擔心 自己 可能 確診 沒 想到 隔 天 一大早 他 真的 確診 了 這 讓 他 非常 困惑 因為 他 很 健康 我 從 未 出現 過 新冠肺炎 症狀 現在 也 沒有 那是最 瘋狂 的 你 可以 出門 逛 街 看到 面帶微笑 的 人們 突然 之間 你 確診 了 其他人 也 確診 了 米契爾 說 我 確實 想 過 可能 因為 新冠肺炎 死亡 卻 很 感激 那些 替 自己 與 隊友 檢驗 的 醫療 人員 最後 談 到 自己 隔離 的 生活 米契爾 表示 自己 仍 跟 家人 住在一起 大家 卻 要 戴 上 口罩 且 保持 一定 的 接觸 距離 不過 更 讓 米契爾 受不了 的 是 身 為 第一 批 確診 新冠肺炎 的 nba 球員 人們 會 不斷 跟 他 提出 各式各樣 的 問題 讓 他 感到 很 瘋狂</t>
  </si>
  <si>
    <t>米契爾 確診 新冠肺炎 隊友 隔離</t>
  </si>
  <si>
    <t>新冠肺炎 停辦 表演 藝術類 競賽 家長 請命 爭取 恢復 舉辦</t>
  </si>
  <si>
    <t>日本政府 25 日 制定 因應 新冠肺炎 疫情 擴大 的 基本方針 包括 一般 醫院 也 要 接受 感染 新冠 病毒 的 患者 民眾 出現 發燒 等 症狀 時 要 請假 避免 外出 症狀 輕 的 人 原則 上 居家 靜養 等 日本 全國 知事 會 則 對 中央政府 至 今 的 防疫 措施 感到 不</t>
  </si>
  <si>
    <t>日本政府 25 日 制定 因應 新冠肺炎 疫情 擴大 的 基本方針 包括 一般 醫院 也 要 接受 感染 新冠 病毒 的 患者 民眾 出現 發燒 等 症狀 時 要 請假 避免 外出 症狀 輕 的 人 原則 上 居家 靜養 等 日本 全國 知事 會 則 對 中央政府 至 今 的 防疫 措施 感到 不滿 認為 不該 讓 地方 政府 瞎子摸象 鑽石 公主 號 19 名 台 籍 旅客 21 日 返台 接受 2 次 采 檢 後 入住 檢疫所 集中 檢疫 醫 福 會 執行長 王 必勝 表示 昨日 早晨 出現 一 名 發燒 個案 考量 鑽石 公主 號 危險性 高 已 安排 對方 入住 負 壓 隔離病房 並 進行 采 檢 結果 今 出爐 截至 25 日 日本 新冠肺炎 確診 累計 達 862 例 其中 691 例 為 公主 號 郵輪 乘客 和 工作人員 此外 又 一80 多 歲 乘客 送醫 不治 據 報導 國際奧會 ioc 委員 可能 5 月 決定 東京 奧運 是否 舉辦</t>
  </si>
  <si>
    <t>打 疫苗 接種 站 新冠 疫苗 新冠肺炎 臺灣</t>
  </si>
  <si>
    <t>壽山 動物園 假日 疫情 消毒 新冠肺炎</t>
  </si>
  <si>
    <t>新冠肺炎 全球 美國 新英格蘭 模範 生 防疫</t>
  </si>
  <si>
    <t>大陸 經濟 原本 受到 中 美 貿易戰 的 干擾 已 呈現 成長 趨 緩 態勢 如今 再 遭逢 新冠肺炎 風暴 的 侵襲 更 讓 大陸 經濟 成長 拉 警報 為了 穩 增長 大陸 各省 市 也 卯 盡全力 催動 公共 工程建設 大陸 稱 鐵公基 上路 透過 大量 政府 投資 帶動</t>
  </si>
  <si>
    <t>大陸 經濟 原本 受到 中 美 貿易戰 的 干擾 已 呈現 成長 趨 緩 態勢 如今 再 遭逢 新冠肺炎 風暴 的 侵襲 更 讓 大陸 經濟 成長 拉 警報 為了 穩 增長 大陸 各省 市 也 卯 盡全力 催動 公共 工程建設 大陸 稱 鐵公基 上路 透過 大量 政府 投資 帶動 民間 資金 向前 沖 據 估計 包括 雲南 等 7 個 省市 這次 不惜 下 血本 整個 投資規模 高 達 近 25 兆 人民幣 下同 恒大集團 首席 經濟學家 任澤平 也 在 2 日 發文 表示 啟動 新 一 輪 基建 關鍵 在 新 要用 改革 創新 的 方式 推動 新一輪 基礎 設施 建設 而 不是 簡單 重 走老路 導致 過剩 浪費 和 鬼 城 現象 未來 新 一 輪 基建 主要 應有四 新 就 是 新 的 地區 新 的 主體 新 的 方式 新 的 領域 要 在 補 齊 鐵路 公路 軌道交通 等 傳統 基建 的 基礎 上 大力發展 5 g 人工智慧 工業 互聯網 智慧 城市 教育 醫療 等 新型 基建 以 改革 創新 穩 成長 雲南 領頭 投 5 兆 人 幣 第一 財經 日報 報導 在 新冠肺炎 疫情 衝擊 和 經濟 下行 壓力 下 多 省分 最 近 密集 推出 龐大 投資 計畫 不僅如此 推出 新一輪 大規模 基建 的 呼聲 也 在 不斷 成長 雲南省 是 這 新一輪 基建 的 領頭羊 規模 也 最 大 高達 5 兆 規模 預計 2020 年 計畫 完成 投資 4400 多 億 元 繼 雲南 之後 河南省 也 公佈 今年 要 力推 的 建設 計 畫 總 投資 33 兆 元 今年 計畫 完成 投資 8372億 元 涵蓋 了 產業 轉型 發展 創新 驅動 基礎 設施 新型 城鎮 化 生態 環保 民生 和 社會 事業 六大 領域 中西部 春節 前 已 發佈 福建省發改委 同時 公佈 了 今年 重要 建設 計畫達 1567 個 總 投資 384 兆 元 其中 在建 規 畫 有 1257 個 總 投資 297 兆 元 年度 計畫 投資 5005億 元 預備 項目 310 個 投資 087 兆 元 事實上 早 在 春節 前 四川 重慶 陝西 和 河北 等 省分 都 陸續 公佈 當年 度 重大 建設 計畫 其中 四川省 推出 700 個 規 畫 總 投資 約 44 兆 元年度 預計 投資 6000億 元 以上 重慶市 重大 計畫 有 1136 個 總 投資 26 兆 元 年度 計畫 完成 投資 3476億 元 陝西省 重點項目 600 個 總 投資 338 兆 元 年度 投資 5014億 元 河北省 重點 專案 536 個 總 投資 188億 元 年 計 畫 投資 2402億 元</t>
  </si>
  <si>
    <t>新冠肺炎 臺灣 郭正亮 陳時中 快 篩</t>
  </si>
  <si>
    <t>美國 目前 已 有約 半 數 州 的 企業 陸續 恢復 生產 營業 但 隨 著 經濟 活動 重 啟 一些 州 的 新冠肺炎 疫情 出現 反彈 美東 時間 5 月 2 日 疫情 重災區 紐約州 的 單日 新增 死亡 病例 仍未 見 下降 趨勢 紐約州 州長 表示 不能 要錢 不要命 過早 重 啟</t>
  </si>
  <si>
    <t>美國 目前 已 有約 半 數 州 的 企業 陸續 恢復 生產 營業 但 隨 著 經濟 活動 重 啟 一些 州 的 新冠肺炎 疫情 出現 反彈 美東 時間 5 月 2 日 疫情 重災區 紐約州 的 單日 新增 死亡 病例 仍未 見 下降 趨勢 紐約州 州長 表示 不能 要錢 不要命 過早 重 啟 經濟 顯然 不是 最佳 選項 央 視 新聞 指出 截至 5 月 1 號 包括 德州 和 喬治亞州 在內 的 美國 20 多 個 州 進入 復工 複產 階段 與此同時 美國有線電視新聞網 cnn 報導 稱 華盛頓 特區 路易斯安那州 和 喬治亞州 等 地 的 疫情 出現 反彈 單日 新增 確診 病例 大幅 上升 當地 時間 5 月 2 號 美國 紐約州 州長 科 莫 在 每日 疫情 發 佈 會上 表示 當天 紐約州 新增 299 例 死亡 病例 這 一 數字 仍然 高 的 可怕 不僅 沒有 出現 下降 反而 還 出現 上升 報導 說 對於 儘快 重 啟 經濟 的 建議 科 莫 表示 拒絕 他 認為 這 是 把 金錢 放在 人命 之上 的 做法 科 莫 說 儘管 紐約州 財政 面臨 巨大 的問題 但 紐約州 仍 不 會 貿然 重 啟 經濟 活動 並 將 繼續執行 強制 佩戴 口罩 等 規定 目前 美國 是 全球 新冠肺炎 確診 病例 和 死亡 病例 最 多 的 國家 單日 新增 確診 和 死亡 病例 居高不下 疫情 防控 形勢 依然 嚴峻 美國 公共 衛生 專家 擔憂 過早 解 封 可能 會 讓 先前 的 防疫 努力 付諸東流</t>
  </si>
  <si>
    <t>鑒於 新冠肺炎 疫情 快速 蔓延 美國 多 州政府 已 相繼 祭出 居家 避 疫 命令 影響 所及 全美 約 有 三 分之一 人口 遭到 禁 足 面臨 疫情 日益 嚴峻 由 共和黨 主導 的 13 兆 美元 抗 疫 紓困 案 卻 因為 過度 偏重 企業 利益 周日 在 參議院 遭到 封殺</t>
  </si>
  <si>
    <t>新冠肺炎 兩岸 發現 大規模 核酸 檢測</t>
  </si>
  <si>
    <t>為 防止 新冠肺炎 疫情 擴散 民眾 除了 在 出入 公共場所 時 儘量 配戴 口罩 勤洗手 外 居家 環境 建議 也 應 確實 清潔 一般 傢俱 廚房設施 可以 使用 1 100 的 稀釋 漂 白水 500 ppm 調配 後 擦拭 並且 隨時 確保 室內空氣 暢通 保持良好</t>
  </si>
  <si>
    <t>為 防止 新冠肺炎 疫情 擴散 民眾 除了 在 出入 公共場所 時 儘量 配戴 口罩 勤洗手 外 居家 環境 建議 也 應 確實 清潔 一般 傢俱 廚房設施 可以 使用 1 100 的 稀釋 漂 白水 500 ppm 調配 後 擦拭 並且 隨時 確保 室內空氣 暢通 保持良好 通風 環境 而 浴室 馬桶 等 衛浴 設備 則 建議 用 1 10 的 稀釋 漂 白水 5000 ppm 來 消毒 消毒 應該 每日 一 次 並且 使用 當日 調配 的 漂白 水 最 有效</t>
  </si>
  <si>
    <t>鄭麗文 陳時中 疫苗 bnt 新冠肺炎</t>
  </si>
  <si>
    <t>好 消息 第 2 名 新冠肺炎 痊癒 者 將 出院 親筆信 謝 醫護</t>
  </si>
  <si>
    <t>新冠肺炎 疫情 升高 南韓 在 短短幾天 全國 淪陷 被 視為 疫情 源頭 的 新 天地 教會 教主 李萬熙 2 日 首次 下跪 道歉 仍 止不住 民眾 努 火 沒 想到 網上 現 還 流出 一 份 藝人 信徒 名單 掀起 熱 議 新 天地 教會 在 韓國 擁有 逾 20萬 信徒 這 回</t>
  </si>
  <si>
    <t>在 新冠肺炎 的 疫情 影響 下 優惠 的 購物 節 成為 了 消費者 的 小 確 幸 而 小米 也 看 准 時機 一口氣 推出 了 11 款 新品 並於 7 日 到 12 日 進行 一年一度 的 米粉 節 而 此次 的 新品 最 亮 眼 的 當然 少不了 一 次 到位 的 旗艦 級 米家 掃 拖 機器人 能夠</t>
  </si>
  <si>
    <t>在 新冠肺炎 的 疫情 影響 下 優惠 的 購物 節 成為 了 消費者 的 小 確 幸 而 小米 也 看 准 時機 一口氣 推出 了 11 款 新品 並於 7 日 到 12 日 進行 一年一度 的 米粉 節 而 此次 的 新品 最 亮 眼 的 當然 少不了 一 次 到位 的 旗艦 級 米家 掃 拖 機器人 能夠 以 全新 的 lds 雷射 導航 以 即時 建構 清掃 範圍 的 地圖 更 支援 3 種 掃 拖 模式 包括 掃 拖 單 掃 及 單 拖 配合 智慧 電控 水箱 即 能 因應 不同 材質 的 地板 給水 清掃 之 餘 也 能 顧好 地板 另外 還有 米 兔 兒童 聲波 電動牙刷 小米 液晶 手 寫 板 小米 無線 雙模 滑鼠 靜音版 等 新品 而 7 日 早上 10 時 到 12 日 的 晚上 11 時 59 分 期間 小米 將 推出 逾 百 個 品 項 的 直 降 優惠 像 redmi note 7 就 直 降 2000 元 米家 掃地 機器人 直 降 千 元 等 另外 如 小米 手 環 及 米家 石英表 等 都享 買 就 送 或 買 1 送 1 優惠</t>
  </si>
  <si>
    <t>受 新冠肺炎 影響 民眾 大幅 減少 外出 新北 市立 圖書館 借閱 電 子書 與 使用 自助 借 還 書機 的 冊數 明顯 增加 據 統計 今年 1 月 電 子書 借閱 冊數 相較 於 去年同期 成 長 4 成 利用 總 館 自助 借 還 書機 的 冊數 也 增加 7 此外 各 分館 也 提供</t>
  </si>
  <si>
    <t>受 新冠肺炎 影響 民眾 大幅 減少 外出 新北 市立 圖書館 借閱 電 子書 與 使用 自助 借 還 書機 的 冊數 明顯 增加 據 統計 今年 1 月 電 子書 借閱 冊數 相較 於 去年同期 成 長 4 成 利用 總 館 自助 借 還 書機 的 冊數 也 增加 7 此外 各 分館 也 提供 自助式 書籍 除 菌 機 方便 讀者 幫 書本 清潔 消毒 落實 防疫 新北 市 圖表 示 新北 市 有 10 餘 萬 種 電 子書 提供 豐富 多元 的 學習 資源 全天候 提供 市民 免費 線 上 閱讀 或 下載 借閱 讓 民眾 宅 在家 也 可以 借書 透過 閱讀 防疫 又 療 愈 據 統計 新北 市 去年 電 子書 借閱 人數 突破 10萬 人 電子 書 的 利用 人次 更 較前年 成長 超過 46萬 人次 另外 市 圖 透過 物流 運輸 提供 市民 免費 快速 的 網路 借書 與 跨 區還書 服務 2019 年 共有 236萬 餘 人 利用 線 上 借書 年 借閱 冊數 約 450萬 冊 使用 網路 預約 借書 的 人數 較 2018 年 增加 121萬 人 市 圖 指出 去年 借閱 總 人數 為 406萬 人次 25 到 34 歲 的 女性 最愛 借書 占 6 成 熱門 借閱 排行榜 中 語文 類 和 藝術類 最 夯 是 新北 市 讀者 的 最愛 108 年度 最 受 歡迎 的 熱門 預約 書 冠軍 為 被 討厭 的 勇氣 心理 勵志 書籍 你 的 善良 必須 有 點 鋒芒 則 為 電子 書 的 借閱 冠軍</t>
  </si>
  <si>
    <t>美 股 期貨 指數 新冠肺炎 疫 苖</t>
  </si>
  <si>
    <t>北 漂 男 屏 東 奔喪 父親 過世 正義 魔 人 新冠肺炎</t>
  </si>
  <si>
    <t>新竹 一 名 居家 檢疫 男 林 東京 27 日 因 居家 檢疫 失 聯 因 多次 修改 居住地 址 讓 防疫 人員 遲遲 無法 聯繫 只好 靠 縣政府 公告 協 尋 發現 他 竟 到處 趴 趴 走 逼得 新竹 縣 衛生局 祭出 重罰 100萬 元 隨 著 尋 獲 本 尊 林東京 身家 也 遭 起 底 父母 竟是 竹 北大 地主 破 億 身家 就此 曝光 根據 ettoday 指出 因為 新冠肺炎 疫情 影響 林東京 於 2 月 25 日 自 北京 返台 因 從 疫區 返台 需 受 規定 在家 居家 檢疫 14 天 但 林男 卻 絲毫 不 遵守 指示 反而 還 跑 到 臺北 白沙灣 散心 由於 數度 更正 檢疫 居家 位址 根據 最後 一 次 更改 紀錄 是 在 臺北 萬 華區 防疫 人員 經 家訪 無法 尋 獲 林東京 本人 透過 警 政 機關 協 尋 仍 無 本人 蹤影 起初 北 六 家 派出所 員警 不斷 打電話 給 林男 都 無法 順利 連系 直到 警方 聯繫 上林 男家 人 後 建議 對 林 東京 採取 溫情 勸說 包括 了 林男 的 女友 都 加入 喊話 行列 透過不斷 地 簡訊 電話 苦勸 終於 使 林東京 卸下 心房 說服 他 到 派出所 報 到 不過 面對 林男 居家 檢疫 者 卻 到處 趴 趴 走 的 行徑 新竹 縣 衛生局 決定 將 依 嚴重 特殊 傳染性 肺炎 防治 及 紓困 振興 特別 條例 重罰 他 最高 罰金 100萬 元 希望 能 達到 殺雞儆猴 的 作用 也 讓 他 成為 因此 法規 受到 重罰 的 首例 沒 想到 藉 由 這 齣 居家 檢疫 搞 消失 鬧劇 竟 意外 曝光 了 林 東京 的 身家 背景 據 瞭解 林男 父母 是 竹北 地區 的 大 地主 身家 上 億 而 林東京 本人 打扮 時髦 曾赴日 學習 餐飲 加上 又 是 家中 麼子 受到 許多 寵愛 可能 也 因此 作風 相當 我行我素 如今 受到 重罰 也 希望 他 能 因此 獲得 教訓</t>
  </si>
  <si>
    <t>義 大利 新冠肺炎 疫情 嚴峻 呼吸器 等 醫療 設備 相當 缺乏 羅馬 當局 早就 禁止 呼吸器 出口 現在 傳出 義 大利 近期 扣押 近 2000 台 運往 希臘 的 呼吸器 法新社 報導 義 大利 海關 昨 24 日 宣佈 扣押 1840 台 運往 希臘 的 呼吸器 官員</t>
  </si>
  <si>
    <t>義 大利 新冠肺炎 疫情 嚴峻 呼吸器 等 醫療 設備 相當 缺乏 羅馬 當局 早就 禁止 呼吸器 出口 現在 傳出 義 大利 近期 扣押 近 2000 台 運往 希臘 的 呼吸器 法新社 報導 義 大利 海關 昨 24 日 宣佈 扣押 1840 台 運往 希臘 的 呼吸器 官員 表示 這些 呼吸器 包含 輸送 氧氣 的 氣閥 面罩 以及 導管 成人 及 小孩 都 適用 他們 主要 是從 一 輛 卡車 上 攔截 這 批 呼吸器 截至 24 日 義 大利 有 超過 64000 人 感染 新冠肺炎 逾 6000 人 喪命 義 大利 成為 全球 疫情 中心 如 海嘯 般的 患者 湧入 醫院 當地 醫療 體系 近乎 崩潰 醫療 設備 嚴重 缺乏 義 大利 早於 上月 25 日 就 宣佈 禁止 呼吸器 出口 不過 因為 醫療 設備 缺乏 而 發生 的 悲劇 仍 不 斷 上演 一 名義 大利 神父 在 放棄 使用 呼吸器 後 喪命 英國 每日 郵報 daily mail 報導 義北 倫巴 底 地區 高齡 72 歲 的 神父 貝拉爾代利 giuseppe berardelli 因感染 新冠肺炎 住 進 醫院 他 的 教徒 聞訊 後 贈送 一 台 呼吸器 不過 貝拉爾代利 最後 決定 將 呼吸器 捐 給 另 一 名 他 並 不 認識 的 年輕 病 患 年輕 的 新冠 患者 被 認為 有 較 高 的 存活率 貝拉爾代利 近日 不幸 過世</t>
  </si>
  <si>
    <t>az 疫苗 疑 似 嚴重 過敏 反應 不良反應 新冠肺炎</t>
  </si>
  <si>
    <t>屏 東新冠肺炎 確診 數 破蛋 縣府 籲 接觸 史 單純 勿 驚慌</t>
  </si>
  <si>
    <t>據 日本 nhk 在 15 日 報導 聯合國 國際 民航 組織 icao 發表 的 預測 資料 顯示 由於 新冠肺炎 疫情 不斷 蔓延 大陸 遊客 大幅 減少 日本 的 旅遊 產業 在 截至 今年 3 月末 的 3 個 月 期間 預計 損失 約 1400億 日圓 約 台幣 382億 元 這 一 預測</t>
  </si>
  <si>
    <t>據 日本 nhk 在 15 日 報導 聯合國 國際 民航 組織 icao 發表 的 預測 資料 顯示 由於 新冠肺炎 疫情 不斷 蔓延 大陸 遊客 大幅 減少 日本 的 旅遊 產業 在 截至 今年 3 月末 的 3 個 月 期間 預計 損失 約 1400億 日圓 約 台幣 382億 元 這 一 預測 是 由 制定 民航 國際 規則 的 聯合國 專門機構 icao 公佈 的 預測 顯示 由於 新冠肺炎 疫情 的 影響 世界 各家 航空 公司 紛紛 做出 應對 已 有 70 家 航空 公司 暫停 了 在 大陸 起飛 和 降落 的 國際 航線 50 家 航空 公司 減少 了 相關 航線 等 運送 能力 下降 至 正常 水準 的 80 國際 民航 組織 認為 此次 疫情 的 影響 將 超過 2003 年 非典型肺炎 sars 流行 時 因此 國際 民航 組織 預測 大陸 遊客 大幅 減少 日本 的 旅遊 產業 在 截至 今年 3 月末 的 3 個 月 期間 預計 損失 12億9000萬 美元 約合 1400億 日圓</t>
  </si>
  <si>
    <t>國際 民航 組織 新冠肺炎 全球 日本 疫情</t>
  </si>
  <si>
    <t>葡萄 王 1707 在 新冠肺炎 一 開始 即 提供 一線 防疫 人員 生 技 營養品 4 月中 更是 擴大 捐贈 機能 飲料 給 全台 疫情 較 嚴峻 的 重度 收治 醫院 包含 17 間 醫學 中心 及 14 間 區域 醫院 同時 配合 地方 政府 居家 檢疫 及 隔離政策 提供 機能 飲料 給 居</t>
  </si>
  <si>
    <t>葡萄 王 1707 在 新冠肺炎 一 開始 即 提供 一線 防疫 人員 生 技 營養品 4 月中 更是 擴大 捐贈 機能 飲料 給 全台 疫情 較 嚴峻 的 重度 收治 醫院 包含 17 間 醫學 中心 及 14 間 區域 醫院 同時 配合 地方 政府 居家 檢疫 及 隔離政策 提供 機能 飲料 給 居家 檢疫 及 隔離 民眾 健康 補給 落實 疫情 期間 社會 關懷 與 企業 責任 葡萄 王 指出 在 臺灣 疫情 開始 即 提供 市值 超過 100萬 元 4800 瓶 葡 眾 樟芝 益 菌絲體 生 技 營養品 並 陸續 提供 6000 瓶 獲 抗 疲勞 認證 的 黃金 康貝特 能量 飲料 給 全 臺北 中 南 的 重點 防疫 醫院 及 4800 瓶 power bomb 爆 能 能量 飲料 作為 桃園 市政府 第一線 防疫 人員 物資 希望 透過 營養品 補給品 與 能量 飲料 與 為 防疫 前線 人員 與 醫護 補充 能量 葡萄 王生技 董事長 曾盛麟 說 目前 疫情 擴 及 全球 臺灣 防疫 能 如此 成功 仰賴 醫護人員 的 努力 希望 所有 醫護 與 前線 人員在 繁忙 之 餘 更 要 照顧 自己 的 健康 葡萄 王 提供 營養品 與 能量 飲料 盼 藉 此 照顧 前線 人員 的 健康 與 體力 讓 葡萄 王 成為 防疫 最 堅強 的 後盾</t>
  </si>
  <si>
    <t>全台 葡萄 王 營養品 能量 飲料 新冠肺炎</t>
  </si>
  <si>
    <t>新冠肺炎 全球 肆虐 世界 各國 老早 疫情 整得 天翻地覆 馬來西亞 就 是 其一 且 自 出現 疫情 至今 狀況 都 沒能 好轉 始終 維持 在 每天 6千 確診 數 左右 而 政府 在 第一時間 就 宣佈 了 全面 封鎖 令 但因 情況 始終 不明朗 日前 又 宣佈 全國</t>
  </si>
  <si>
    <t>李心潔 馬來西亞 全國 封鎖 無限期 延長 新冠肺炎</t>
  </si>
  <si>
    <t>新冠肺炎 臺灣 校正 回歸 確診 苗栗縣</t>
  </si>
  <si>
    <t>今 健康 黃軒 新冠 疫苗 新冠肺炎 疫苗</t>
  </si>
  <si>
    <t>打 新冠肺炎 若 出 問題 將 有 保單 可 理賠 保險局 局長 施 瓊華 22 日 在 立 法院 財委會 透露 已 有 一二 家 產險 公司 正 在 設計 疫苗 醫療 費用 保險 即 被保險人 若 因 施打新冠肺炎 疫苗 出現 問題 相關 醫療 費用 將 有 保單 可 承保 金管會 將 會</t>
  </si>
  <si>
    <t>打 新冠肺炎 若 出 問題 將 有 保單 可 理賠 保險局 局長 施 瓊華 22 日 在 立 法院 財委會 透露 已 有 一二 家 產險 公司 正 在 設計 疫苗 醫療 費用 保險 即 被保險人 若 因 施打新冠肺炎 疫苗 出現 問題 相關 醫療 費用 將 有 保單 可 承保 金管會 將 會 盡 速 審查 讓 其 問市 衛福部 引進 的 新冠肺炎 疫苗 將 開始 施打 但 因為 國外 有 部分 民眾 施打 後 出現 不適 症狀 恐 影響 國內 民眾 的 施打 意願 立 委 賴士葆 詢問 這種 情況 是否 有 保單 承保 時 施瓊 華表 示 已 有 產險 公司 正在 加速 研發 供 一般 民眾 投保 若 因 施打新冠肺炎 疫苗 出現 身體 不適 衍生 的 相關 醫療 費用 將 由 保單 理賠 但因 仍 在 設計 中 因此 確切 的 承保 內容 保費 乃 未 確定</t>
  </si>
  <si>
    <t>保單 施打 承保 將 有 新冠肺炎 疫苗</t>
  </si>
  <si>
    <t>施打 配發 疫苗 臺灣 新冠肺炎</t>
  </si>
  <si>
    <t>大陸 國家 主席 中共中央 總書記 習近平 今日 召開 政治局 常務委員 會議 時 指出 在 全國上下 和 廣大 人民 群眾 共同努力 下 全國 疫情 防控 形勢 持續 向好 生產 生活 秩序 加快 恢復 但 也 面臨 境外 疫情 擴散 及 其 對 世界 經濟 產生 不利 影響 的 問題 國內 疫情 反彈 風險 依然 存在 特別 是 國際 疫情 快速 蔓延 帶來 的 輸入 性 風險 增加 據 新華社 報導 習近平 3 月 18 日 召開 政治局 常委會 會議 分析 國內外 新冠肺炎 疫情 防控 和 經濟 形勢 研究部署 統籌 抓好 疫情 防控 和 經濟社會 發展 重點 工作 他 指出 全國 疫情 防控 形勢 持續 向好 生產 生活 秩序 加快 恢復 疫情 防控 和 經濟社會 發展 工作 取得 積極 成效 但是 也 面臨 著 不少 新 情況 新 問題 特別 是 境外 疫情 擴散 蔓延 及其 對 世界 經濟 產生 不利 影響 也 給 中國 大陸 疫情 防控 和 經濟 發展 帶來 新 的 挑戰 要 準確 把握 國內外 疫情 防控 和 經濟 形勢 的 階段性 變化 確保 實現 決勝 全面 建成 小康社會 決戰 脫貧 攻堅 目標 任務 習近平 強調 在 充分肯定 我國 疫情 防控 工作 成績 的 同時 要 清醒 看到 國內外 疫情 形勢 的 複雜性 和 嚴峻 性 湖北 和 武漢 醫療 救治 社區 防控 和 後續 工作 任務 依然 艱巨 繁重 其他 地區 人員 流動 和 聚集 增加 帶來 疫情 反彈 風險 依然 存在 特別 是 國際 疫情 快速 蔓延 帶來 的 輸入 性 風險 增加 要 加強 疫情 防控 國際 合作 同 世界衛生組織 緊密 合作 加強 全球 疫情 變化 分析 預測 會議 強調 要 科學 精准 做好 重點 地區 疫情 防控 工作 繼續加強 醫療 救治 努力提高 治癒率 降低 病亡 率 要 完善 社區 防控 措施 有序 擴展 無 疫 社區 居民 活動 空間 武漢市 要 逐步推進 復工 複產 湖北省 其他 地區 要 穩妥 有序 解除 管控 措施 會議 要求 要 落實 外防 輸入 重點 任務 完善 資料 共用 資訊 通報 和 入境 人員 核查 機制 航空運輸 口岸 檢疫 目的地 送達 社區 防控 要 形成 閉環 會議 指出 受 國內外 多種 因素 影響 當前 我國 經濟 下行 壓力 持續 加大 各級黨委 和 政府 要 加快 建立 同 疫情 防控 相 適應 的 經濟社會 運行 秩序 積極 有序 推進 企事業 單位 復工 複產 努力 把 疫情 造成 的 損失 降到 最低 限度 要以 省 域 為 單元 推動 經濟社會 秩序 恢復</t>
  </si>
  <si>
    <t>巴西 央行 週三 宣佈 調 降 selic 基準利率 75 個 基點 至 3 改寫 歷史 新低 雖然 已是 連續 第 7 度 降息 但 該 央行 暗示 將 進一步 降 息 以 緩解 新冠肺炎 疫情 與 相關 封鎖 措施 對 經濟 造成 的 衝擊 巴西 央行貨幣政策委員會 copom 週三 一致</t>
  </si>
  <si>
    <t>巴西 央行 降息 新冠肺炎 疫情</t>
  </si>
  <si>
    <t>新冠肺炎 疫情 於 全球 延 燒 針對 即 將 陸續 召開 的 公司 股東會 金管會 指示 集 保 結算 所 制訂 開會 防疫 指引 集 保 調查 指引 公告 後 召開 股東 常會 或 臨時 會 的 公司 均 未 出現 發燒 股東 親自 出席 多數 股東 均 采 電子 投票 表達意見 對此</t>
  </si>
  <si>
    <t>美國 已 成為 全球 新冠肺炎 確診 病例 最 多 的 國家 紐約州 疫情 尤其 嚴重 累計 病例 達 37802 例 占全國 逾 4 成 最新 一 天 病亡 人數 激增 逾 100 人 累計 達 454 例 而 人口稠密 的 紐約市 死亡 人數 為 281 人 則 占全州 的 73 由於 醫療 物資</t>
  </si>
  <si>
    <t>施打 az 疫苗 新冠肺炎 自費</t>
  </si>
  <si>
    <t>不少 大型活動 或 賽事 都 因 新冠肺炎 疫情 延 燒 陸續 取消 但 2 月 26 日 到 3 月 1 日 在 高雄 登場 的 港 都 杯 田徑賽 事 如期 僅 取消 開 閉幕 儀式 高 市府 新聞 局長 鄭照新 表示 那是 開放 戶外 型 基本上 是 尊重 專業 主辦單位 除非 中央 有 特殊</t>
  </si>
  <si>
    <t>不少 大型活動 或 賽事 都 因 新冠肺炎 疫情 延 燒 陸續 取消 但 2 月 26 日 到 3 月 1 日 在 高雄 登場 的 港 都 杯 田徑賽 事 如期 僅 取消 開 閉幕 儀式 高 市府 新聞 局長 鄭照新 表示 那是 開放 戶外 型 基本上 是 尊重 專業 主辦單位 除非 中央 有 特殊 的 針對 大型 戶外 賽事 或是 活動 相關 的 建議 或 措施 地方 都 會 配合 目前 沒有 收到 那樣 的 建議 另 罷 韓 第二 階段 連署 書 火速 衝破 51萬 份 引發 韓粉 不滿 反 制 繼 先前 有 韓 粉 寄 給 罷 韓 團體 恐嚇信 如今 又 有 燒紙 錢 影片 來 詛咒 鄭照 新說 尊重 不同 市民 的 意見 現在 市府 同仁 精力 全神貫注 在 防疫 上 就算 有 一 分鐘 回答 政治性 問題 萬一 因為 這樣 分心 導致 有 市民 受 感染 我們 晚上 都會 睡 不 著 覺 沒有 多 餘 精力 回答 政治性 問題</t>
  </si>
  <si>
    <t>面對 新冠肺炎 疫情 臺灣 前 一 波 守 得 不錯 備受 國人 肯定 也 贏得 國外 推 祟 豈 知 歐美 疫情 急劇 升溫 從 歐洲 返國 的 民眾 成為 新 一 波 防疫 危機 連 2 天 增添 14 例 恐 將 辛苦 防疫 的 成果 毀於一旦 對於 硬 要 出國 旅遊 的 民眾 中山 醫大</t>
  </si>
  <si>
    <t>大陸 國家 衛健 委 今 27 日 公佈 前 一 日 大陸 新增 71 例 新冠肺炎 確診 病例 其中 江蘇 再多 31 例 本土 確診 病例 新增 病例 一連 兩 日 達 雙位 數 南京 祿口 機場 疫情 持續 擴大 已 涉及 5 省 9 市 南京 疫情 傳播 鏈 已經 達到 了 126 人 南京市</t>
  </si>
  <si>
    <t>大陸 國家 衛健 委 今 27 日 公佈 前 一 日 大陸 新增 71 例 新冠肺炎 確診 病例 其中 江蘇 再多 31 例 本土 確診 病例 新增 病例 一連 兩 日 達 雙位 數 南京 祿口 機場 疫情 持續 擴大 已 涉及 5 省 9 市 南京 疫情 傳播 鏈 已經 達到 了 126 人 南京市 疾 控 中心 今 召開 記者會 會上 指出 引起 此次 疫情 病毒 為 delta 病毒 南京市 今 27 日 上午 舉行 第 七 場 新冠肺炎 疫情 防控 記者會 通報 疫情 防控 最新 情況 據 通報 引起 這次 疫情 的 病毒 毒 株 是 delta 病毒 並稱 目前 南京 物資 保障 充足 完全 能 保障 全市 的 基本 供應 南京市 商務 局 副 局長 富 寧 宏 說 南京 專門 成立 了 生活 物資 保障 指揮部 發佈 了 首批 全市 56 家 重點 生活 必需品 保供 企業 名錄 這 56 家 保供 企業 包括 了 農批 市場 副食品 生產 企業 商超 餐飲企業 目前 南京 全城 已經 展開 了 第 2 輪 全員 核酸 檢測 有的 重點 區域 開展 了 3 輪 排查 追蹤 到 大量 密切接觸 者 和 次 密接 透過 對 這些 人群 應 檢 盡 檢 分 時段 檢測 病例 不斷 被 發現 南京 今 也 發佈 最新 防疫 規定 包括 嚴格 大型活動 管理 並 宣導 喜事 緩 辦 喪事 簡 辦 減少 聚餐 實行 分餐制 用 公筷 暫停 ktv 電影院 健身房 室內 游泳館 麻將 館 等 密閉 場所 農貿 集貿 市場 藥店 批發市場 商場 超市 等 重點 場所 要 落實 限流 等 管控 措施 司機 快遞 人員 等 重點 群體 也 要 嚴格 管理 落實 防護 要求 定期 健康 監測 此外 針對 企業 單位 醫療機構 也 要 嚴格 控管 民眾 非必要 不 外出</t>
  </si>
  <si>
    <t>大陸 病毒 delta 南京 新冠肺炎</t>
  </si>
  <si>
    <t>吳鳳 疫情 陽明山 車潮 新冠肺炎</t>
  </si>
  <si>
    <t>對 本來 就 受 電 商 衝擊 而 身 處 困境 的 傳統 零售業 來說 新冠肺炎 疫情 造成 了 更 致命 打擊 這 慘 況在 美國 是 現在 進行式 據 美國勞工統計局 統計 全美 零售業 員工 有 近 1600萬 人 多 面臨 衝擊 且 面臨 無 薪 假 風險 的 多 是 基層 員工 另外</t>
  </si>
  <si>
    <t>15 日 大陸 網上 盛傳 武漢 病毒 所 一 名 女性 研究生 為 新冠肺炎 零 號 病人 武漢 病毒 研究所 人員 對 此 回應 稱 可 以 保證 武漢 病毒 所 目前 零 感染 陸媒 新 京 報 報導 15 日 有 一則 關於 武漢 病毒 研究所 一 名 女 研究生 黃燕玲 是 新</t>
  </si>
  <si>
    <t>新冠肺炎 在 亞洲 全面 蔓延 亞 股 昨 幾乎 全 倒 晚間 開盤 的 美 股 期指 也 重 挫 道 瓊 指數 一度 大跌 近 千 點 達 99704 點 歐 股 開盤 重 挫 3 義 大利 更是 跌破 4 宛如 2008 年 金融 海嘯 重現 華南 投 顧 董事長 儲祥生 解讀 疫情 擴散 比 想像</t>
  </si>
  <si>
    <t>新冠肺炎 國家 疫苗 加強 持續</t>
  </si>
  <si>
    <t>大陸 國家 衛健 委 通報 5 月 30 日 0 至 24 時 31 個 省 自治區 直轄市 和 新疆生產建設兵團 報告 新增 確診 病例 27 例 其中 境外 輸入 病例 7 例 廣東 3 例 上海 2 例 福建 1 例 河南 1 例 本土 病例 20 例 均 在 廣東 無 新 增 死亡 病例 無 新 增 疑似病例 其中 廣東 新增 本土 確診 病例 20 例 其中 16 例 為 無 症狀 感染者 轉 確診 廣州 報告 18 例 其中 14 例 為 無 症狀 感染者 轉 確診 佛山 報告 2 例 均 為 無 症狀 感染者 轉 確診 新增 本土 無 症狀 感染者 3 例 深圳 報告 2 例 佛山 報告 1 例 全省 新增 境外 輸入 確診 病例 3 例 廣州 報告 分別 來自 柬埔寨 印尼 和 坦 尚 尼亞 新增 境外 輸入 無 症狀 感染者 3 例 廣州 報告 2 例 分別 來自 中非 和 阿拉伯 聯合 大公國 佛山 報告 1 例 來自 法國 新增 出 院 2 例 截至 5 月 30 日 24 時 全 廣東省 累計 報告 新冠肺炎 確診 病例 2455 例 境外 輸入 1033 例 目前 在 院 64 例</t>
  </si>
  <si>
    <t>新冠肺炎 確診 無 症狀 感染者 廣東 大陸</t>
  </si>
  <si>
    <t>臺灣 新冠肺炎 信義 區 長輩 疫苗</t>
  </si>
  <si>
    <t>新冠肺炎 疫情 紓困 振興 新竹 市</t>
  </si>
  <si>
    <t>新冠肺炎 疫情 持續 升溫 延 燒 嘉義 市 累計 3 例 確診 案例 防疫 再 升級 27 日 學生 幾乎 都戴 口罩 上課 市府 雖 仍 舉辦 春 祭 國殤 典禮 但 市長 黃敏 惠及 參加 祭祀 者 都 距離 至少 15 公尺 原訂 28 日 辦理 的 反毒 街 舞 大賽 活動 則 暫停 春 祭 國</t>
  </si>
  <si>
    <t>新冠肺炎 疫情 持續 升溫 延 燒 嘉義 市 累計 3 例 確診 案例 防疫 再 升級 27 日 學生 幾乎 都戴 口罩 上課 市府 雖 仍 舉辦 春 祭 國殤 典禮 但 市長 黃敏 惠及 參加 祭祀 者 都 距離 至少 15 公尺 原訂 28 日 辦理 的 反毒 街 舞 大賽 活動 則 暫停 春 祭 國殤 祭 典 27 日 在 射 日 塔 忠烈 祠 舉行 由 黃敏惠 主祭 民意代表 嘉義 後 備 指揮部 及 市府 各 單位 主管 到場 與 祭 黃還 致贈 家屬 慰問金 鑒於 新冠肺炎 疫情 持續 升溫 祭 典 也 縮減 規模 由 原訂 250 人 縮減 至 40 多 人 但 氣氛 依舊 莊嚴 肅穆 主辦 反毒 街 舞 大賽 的 國際獅子會 300 -d 1 區 總監 張秀華 議員 則 說 結合 嘉 市府 舉辦 的 反毒 饒舌 街 舞 大賽 因 疫情 變化 已經 改期 3 次 才 終於 敲定 本月 28 日 舉辦 有 13 隊 參加 選手 們 都練舞 很 久 期待 大展 伸手 惟 疫情 嚴峻 防疫 優先 只好 忍痛 暫停 擇期 再 辦 此外 嘉縣 教育處 也 緊急召開 國中小 校長 會議 鼓勵 學生 戴 口罩 含 布 口罩 進入 校園 昨天 國 中小學生 幾乎 人人 戴 口罩 上課 還有 學生 戴 口罩 上 體育課 教育 處長 林立生 說 新冠肺炎 主要 是 飛 沫 接觸傳染 據 臺北市立 聯合 陽明醫院 胸腔 內科 醫師 蘇一峰 說 布 口罩 對 飛 沫 有 防護 效果 且 布 口罩 洗 淨 消毒 能 重複使用 鼓勵 學生 戴 口罩 自我 保護 也 保護 他人</t>
  </si>
  <si>
    <t>新冠肺炎 確診 人數 持續 攀增 新北 市長 侯友宜 今 召開 新冠 疫情 第 26 次 應變 會議 會後 新北 市 衛生局長 陳 潤 秋 宣佈 新北 市 53 家 醫院 一般 病房 142 家 護理 之家 20 日 起 全面禁止 探病 陪 病 限 1 人 加 護 病房 則 需 訂 定 探病 時段 每次</t>
  </si>
  <si>
    <t>新冠肺炎 確診 人數 持續 攀增 新北 市長 侯友宜 今 召開 新冠 疫情 第 26 次 應變 會議 會後 新北 市 衛生局長 陳 潤 秋 宣佈 新北 市 53 家 醫院 一般 病房 142 家 護理 之家 20 日 起 全面禁止 探病 陪 病 限 1 人 加 護 病房 則 需 訂 定 探病 時段 每次 最 多 2 人 探病 此外 陳潤秋 表示 新北 住宿 型 安養 養護 及 長 照 機構 共 214 間 全面 改以 視 訊 探病 為 原則 若 有 特殊 狀況 需 當面 探病 須在非 照顧 區 的 獨立 會客室 進行 且 限 時 30 分鐘 減少 長者 感染</t>
  </si>
  <si>
    <t>新北 市 護理 之家 醫院 侯友宜 新冠肺炎</t>
  </si>
  <si>
    <t>新冠肺炎 臺灣 學生 教育部 確診</t>
  </si>
  <si>
    <t>中輟 生 桃園 線 上 教學 新冠肺炎 臺灣</t>
  </si>
  <si>
    <t>39 歲 男 星 黃少穀 是 強辯 樂團 主 唱 兼 吉他 手 龍之 家族 吉他 手 去年 與 37 歲 weather girl 天氣 女孩 林 采薇 結婚 今年 3 月 宣佈 太太 有喜 本 以為 事業 婚姻 皆 得意 想不到 新冠肺炎 重創 經濟 黃少穀 頓時 失去 工作 機會 眼看 老婆 快</t>
  </si>
  <si>
    <t>黃少谷 疫情 林 采薇 新冠肺炎 臺灣</t>
  </si>
  <si>
    <t>新冠肺炎 臺灣 說明會 疫情 新北</t>
  </si>
  <si>
    <t>新冠肺炎 防疫 打 持久戰 依 規定 須 居家 隔離 居家 檢疫 自主 健康 管理者 在 14 天 的 隔離 期間 若 有 非 發燒 與 呼吸道 症狀 的 就醫 需求 即日起 可撥打 防疫 專線 05 2341150 由 嘉義 市 衛生局 指定 22 家 醫療 院所 視 訊 看 診 市 衛生局</t>
  </si>
  <si>
    <t>新冠肺炎 防疫 打 持久戰 依 規定 須 居家 隔離 居家 檢疫 自主 健康 管理者 在 14 天 的 隔離 期間 若 有 非 發燒 與 呼吸道 症狀 的 就醫 需求 即日起 可撥打 防疫 專線 05 2341150 由 嘉義 市 衛生局 指定 22 家 醫療 院所 視 訊 看 診 市 衛生局 表示 衛生局 首先 確認 民眾 身分 身體狀況 與 就醫 需求 依 民眾 的 就醫 習慣 指定 合適 的 醫院 或 診所 做 遠 距離 診療 由 專人 或 個案 管理 師 與 病人 約定 看 診 時間 通訊 軟 體 再 由 醫師 在 診 間 與 病人 視 訊 通話 看 診 通訊 診療 會 截 圖 與 錄音 通訊 看 診 後 領 藥 繳 款 需 由 家屬 或 委 讬 代理人 完成 醫院 會 憑 著 健 保 卡 提供 藥物 並 安排 繳費 由 家屬 與 代理人 把 藥 送給 居家 檢疫 居家 隔離 自主 健康 管理者 衛生局 表示 目前 嘉義 市 還 沒有 民眾 提出 通訊 看 診 的 需求 若是 居家 隔離 居家 檢疫 與 自主 健康 管理 民眾 有 發燒 呼吸道 症狀 不 適用 視 訊 診療 須 通知 衛生局 或 撥 打 1922 協助 安排 迅速 就醫</t>
  </si>
  <si>
    <t>兩 日 客 染 新冠肺炎 達美航空 追蹤</t>
  </si>
  <si>
    <t>在 一對 前往 夏威夷 旅遊 的 日本 夫妻 返回 名古屋 傳出 入院 治療 新冠肺炎 的 消息 後 達美航空 delta airlines 與 夏威夷 航空 hawaiian airlines 正 與 美 日 衛生 當局 合作 追蹤 他們 曾 行經 的 路線 據 今日 美國 報 usa tod</t>
  </si>
  <si>
    <t>在 一對 前往 夏威夷 旅遊 的 日本 夫妻 返回 名古屋 傳出 入院 治療 新冠肺炎 的 消息 後 達美航空 delta airlines 與 夏威夷 航空 hawaiian airlines 正 與 美 日 衛生 當局 合作 追蹤 他們 曾 行經 的 路線 據 今日 美國 報 usa today 與 cnn 新聞網 17 日 報導 一對 60 多 歲 的 夫妻 1 月 28 日 搭乘 夏威夷 航空 前往 度假勝地 夏威夷 在 當地 玩 了 將近 10 天 2 月 6 日 搭乘 達美航空 611 班機 從 檀香山 返回 名古屋 接 著 就 傳出 兩 人 因 罹 患 新冠肺炎 入院 治療 的 消息 此外 達美 說 他們 正 主動 連絡 那些 最近 搭乘 該 班機 的 乘客 聲明 中 指出 他們 正 與 美國 疾病 管制 與 預防 中心 cdc 還有 名古屋 衛生 當局 合作 以 採取 必要措施 以 確保 顧客 和 機組人員 的 安全 儘管 加州 等 美國 7 州 已 出現 15 宗 病例 但 夏威夷 官員 說 至今 當地 還 沒有 出現 新冠肺炎 確診 病例</t>
  </si>
  <si>
    <t>國防部 規劃 這 批 17 具 自動化 核酸 分析儀 將 優先 部署 於 執行 長期 偵 巡 任務 之 船 艦 單位 外 離 島 偏遠 單位 及 各 作戰區 國 軍醫 院 俾 利 單位 醫官 運用 小型 自動化 核酸 分析儀 設備 針對 疑 似 出現 新冠肺炎 各類 症狀 之 出勤 官兵 實施</t>
  </si>
  <si>
    <t>國防部 新冠肺炎 肺炎 群 聚 感染 敦睦 艦隊</t>
  </si>
  <si>
    <t>美國 部分 學 區 近期 相繼 打開 大門 讓 師生 返校 上課 不過 現在 傳出 有 中學 開學 第一 天 就 傳出 學生 感染 新冠肺炎 迫使 校方 在 開學 幾 小時 就 祭出 隔離 措施 綜合 紐約時報 new york times 美國哥倫比亞廣播公司 新聞網 cb</t>
  </si>
  <si>
    <t>美國 開學 學生 感染 新冠肺炎</t>
  </si>
  <si>
    <t>新冠肺炎 防疫 超前 部署 蔡正元 柯文哲</t>
  </si>
  <si>
    <t>新冠肺炎 個案 足跡 清 消 錢都</t>
  </si>
  <si>
    <t>新冠肺炎 臺灣 清水 確診 5 人</t>
  </si>
  <si>
    <t>11 月初 荷蘭 新冠肺炎 住院 人數 再 飆 高 令 政府 考慮 重 啟 防疫 限制 可能 成為 今夏 以來 西歐 第 一個 提高 防疫 限制 的 國家 由 防疫 專家 組成 的 疫情 管理 團隊 近日 建議 政府 應 下令 取消 大型 集會 活動 關閉 電影院 並 縮短 餐飲業 營業 時</t>
  </si>
  <si>
    <t>11 月初 荷蘭 新冠肺炎 住院 人數 再 飆 高 令 政府 考慮 重 啟 防疫 限制 可能 成為 今夏 以來 西歐 第 一個 提高 防疫 限制 的 國家 由 防疫 專家 組成 的 疫情 管理 團隊 近日 建議 政府 應 下令 取消 大型 集會 活動 關閉 電影院 並 縮短 餐飲業 營業時間 荷蘭 總理 呂特 mark rutte 可能 在 12 日 做出 決策 儘管 荷蘭 成人 疫苗 接種 率 逼近 85 但 新冠肺炎 住院 人數 大增 令 許多 醫院 被迫 縮減 日常 醫療 人力</t>
  </si>
  <si>
    <t>防疫 荷蘭 考慮 新冠肺炎 住院 人數</t>
  </si>
  <si>
    <t>印度 神童 阿南德 預言 新冠肺炎 臺灣</t>
  </si>
  <si>
    <t>隆達 uvc led 滅菌 佳 迎合 新冠肺炎 新 需求</t>
  </si>
  <si>
    <t>大陸 浙江 寧波市疾控中心 日前 針對 新冠肺炎 感染 案例 進行 特徵分析 其中 發現 1 月 22 日 2 月 22 日 期間 寧波市 累積 的 157 起 確診 個案 中 有 近 9 成為 群 聚 感染 最 大宗 的 群 聚 感染 事件 則 是 來自 1 月 19 日 的 一 場 大型 佛寺 活動 總共 導</t>
  </si>
  <si>
    <t>jyj 成員 金在中 昨 1 日 稱 罹 患 新冠肺炎 結果 不 到 1 小時 內 又 自首 稱 是 愚人節 玩笑 引發 軒然大波 韓國 網友 怒 上 青瓦台 網站 請願 要求 懲罰 金 在 中 消息 傳到 ptt 臺灣 網友 則 虧 他 成 了 確診 中 韓媒 報導 多次 散佈 假消息</t>
  </si>
  <si>
    <t>jyj 成員 金在中 昨 1 日 稱 罹 患 新冠肺炎 結果 不 到 1 小時 內 又 自首 稱 是 愚人節 玩笑 引發 軒然大波 韓國 網友 怒 上 青瓦台 網站 請願 要求 懲罰 金 在 中 消息 傳到 ptt 臺灣 網友 則 虧 他 成 了 確診 中 韓媒 報導 多次 散佈 假消息 引發 民眾 不安 可能 處以 一 年 以下 有期徒刑 但 警方 表示 因 金在中 沒有 反 覆 發佈 假消息 而是 只 發 一 次 被 懲罰 的 機 率 很 低 金 在 中 昨晚 二 度 發表 道歉 聲明 稱 自己 的 父親 日前 接受 肺癌 手術 在 醫院 內 看到 醫護人員 為 抗 疫 做出 的 努力 相反 的 是 周 遭人 穿 著 普通 衣服 在 沒 戴 口罩 的 狀態 下 如 往常 無異 的 享受 生活 更 讓 他 覺得 應該 提高 警覺心 還 稱 今天 的 文章 雖然 有 些 過分 但 如果 因此 引發 矚目 的 話 或許 會 有 更 多 人 聽 勸 而 人 在 日本 工作 的 金在中 昨晚 緊急 取消 了 nhk 廣播節目 古 家 正 亨 pop a 今 風波 繼續 延 燒 原定 5 日 在 5 日 在 nhk bs premium 的 the covers 名曲 選 2020 演出 也 突然 宣佈 取消 3 日 將 參加 音樂 廣播 m station 特別節目 是否 也 被 取消 則 是 未知數 另一方面 韓國 網友 也 不領情 金 在 中的 道歉 昨 下午 已 有人 在 青瓦台 請願 嚴懲 金在中 截 自 2 日 淩晨 已 超過 2萬 人 連署 韓國 警方 則 說 根據 當地 法律 多次 散播 造成 人民 恐慌 的 假消息 將 處以 1 年 以下 有期徒刑 或 罰款 1000萬 以下 韓元 約 24萬 台幣 但因 金 在 中 並 沒 多次 傳播 可能 無法 適用 這項 罰 則 而 傳 南韓 中央 防疫 對策 本部 討論 此 例 是否 適用 傳染病 防治法 第 18 條 若 未有 正當理由 提出 假 資料 最高 可 處 2 年 以下 有期徒刑 和 2000萬 以下 韓元 罰金 約 48萬 台幣 最新消息 是 此法 僅 適用於 醫療 人員 金在中 並 不 適用</t>
  </si>
  <si>
    <t>新冠肺炎 大陸 篩查 茂盛 新冠</t>
  </si>
  <si>
    <t>三級 警戒 降級 指標 方法 新冠肺炎</t>
  </si>
  <si>
    <t>澳洲 20 婚禮 35 確診 新冠肺炎 群 聚 感染</t>
  </si>
  <si>
    <t>武漢 爆發 疫情 前 2 個 月 巴西 已 出現 新冠肺炎 病毒</t>
  </si>
  <si>
    <t>繼 西班牙 巴塞隆那 大學 研究 指出 當地 在 2019 年 3 月 12 日 採集 的 廢水 發現 新冠 病毒 後 巴西 聖 卡塔琳娜 聯邦 大學 昨 2 日 宣佈 在 巴西 聖 卡塔琳娜 州 首府 弗路里厄諾普利斯 市 發現 去年 11 月份 的 下水道 水樣 中 存 在 新冠肺炎 病毒 顯示 新</t>
  </si>
  <si>
    <t>繼 西班牙 巴塞隆那 大學 研究 指出 當地 在 2019 年 3 月 12 日 採集 的 廢水 發現 新冠 病毒 後 巴西 聖 卡塔琳娜 聯邦 大學 昨 2 日 宣佈 在 巴西 聖 卡塔琳娜 州 首府 弗路里厄諾普利斯 市 發現 去年 11 月份 的 下水道 水樣 中 存 在 新冠肺炎 病毒 顯示 新冠肺炎 病毒 早 在 大陸 武漢 爆發 疫情 前 已 散 佈 世界各地 據 報導 巴西 這 份 題 為 2019 年 11 月 巴西 聖 卡塔琳娜 下水道 發現 新冠肺炎 病毒 的 研究 報告 由 14 位 聖 卡塔琳娜 聯邦 大學 的 研究 人員 聯名 發佈 這 一發 現 比 美洲 大陸 官方 宣佈 的 第一 例 新冠肺炎 確診 病例 今年 1 月 21 日 美國 確診 第一 例 新冠肺炎 病例 早 兩 個 月 比 巴西政府 宣佈 的 今年 2 月底 出現 的 新冠肺炎 確診 病例 早 了 三 個 月 參與 這 一 研究 的 方格 羅教授 稱 他們 對 弗路里厄諾普利斯 市 每個 月 的 下水道 水樣 冰凍 樣本 做 例行 檢查 時 在 去年 11 月 的樣本 中 發現 了 新冠肺炎 病毒 起初 科學家 們 對 這 一 結果 有所 懷疑 然後 在 不同 實驗室 間 用 不同 病毒 標記 物 進行 了 二 次測試 重複 了 所有 資料 跟蹤 了 病毒 基因組 得出 的 結論 始終 一致</t>
  </si>
  <si>
    <t>新冠肺炎 病毒 西班牙 巴塞隆 那大 學 廢水 巴西</t>
  </si>
  <si>
    <t>李愛綺 李愛 綺 健身房 紓困 新冠肺炎 三級 警戒</t>
  </si>
  <si>
    <t>新冠肺炎 臺灣 基隆 醫護人員 施打 疫苗</t>
  </si>
  <si>
    <t>南韓 新冠肺炎 爆 不停 台 網友 卻 狂 贊</t>
  </si>
  <si>
    <t>威潤 uv 1 新冠肺炎 紫外線 敏盛 醫院 高通</t>
  </si>
  <si>
    <t>新冠肺炎 若 進入 社區 傳播 如何 找 出 輕 症 或 無 症狀 患者 將 決定 疫情 傳播 速度 專家學者 表示 目前 國內 尚無 快 篩 無法 進行 全面 普 篩 但 可 重點 區域 防護 如 進入 總統府 或 進 醫院 的 人 可先 做 pcr 聚合 酶 連鎖反應 等 兩 天</t>
  </si>
  <si>
    <t>實驗室 陳宜民 中研院 新冠肺炎 臺灣</t>
  </si>
  <si>
    <t>學生 北市 臺灣 bnt 新冠肺炎</t>
  </si>
  <si>
    <t>被 新冠肺炎 嚇到 庶民 信心 創 94 個 月 最 大 跌幅</t>
  </si>
  <si>
    <t>全球 爆發 新冠肺炎 人人自危 經常 需要 出國 的 超 模 娜 歐蜜坎 貝 兒 naomi campbell 為了 防疫 出動 醫療 人員 的 配備 現身 機場 讓 網友 都看 傻眼 照 片中 娜 歐蜜 身穿 白色 防護衣 戴著 護目鏡 口罩 和 手術 手套 全身 包 到 只 留下 眼</t>
  </si>
  <si>
    <t>全球 爆發 新冠肺炎 人人自危 經常 需要 出國 的 超 模 娜 歐蜜坎 貝 兒 naomi campbell 為了 防疫 出動 醫療 人員 的 配備 現身 機場 讓 網友 都看 傻眼 照 片中 娜 歐蜜 身穿 白色 防護衣 戴著 護目鏡 口罩 和 手術 手套 全身 包 到 只 留下 眼睛 看 路 她 拖 著 行李箱 出現 在 機場 仍 不 忘 擺 出 pose 拍照 可見 得 身上 就算 穿 得 密不通風 還是 包 不住 骨子裡 的 超 模 魂 除了 完整 的 防疫 裝扮 本來 就 重視 清潔 的 她 搭 飛機 前 就 會 自備 殺菌 紙巾 消毒 座位 連冷 氣孔 都 不放過 想盡辦法 徹底 隔絕 感染 新冠肺炎 的 機會</t>
  </si>
  <si>
    <t>防疫 超 模 naomi campbell 新冠肺炎</t>
  </si>
  <si>
    <t>潔 哥 口罩 疫情 新冠肺炎</t>
  </si>
  <si>
    <t>新冠肺炎 持續 擴散 全球 病例 數 已 超過 4萬 人 學者 研究 潛伏期 恐 長達 42 天 民眾 恐 在 不知不覺 中 被 感染 此次 瘟疫 不禁 回想 起 1918 年 的 西班牙 大 流感 1918 flu pandemic 曾 造成 全球 5億 人 感染 至少 5000萬 人 死亡 根</t>
  </si>
  <si>
    <t>新冠肺炎 持續 擴散 全球 病例 數 已 超過 4萬 人 學者 研究 潛伏期 恐 長達 42 天 民眾 恐 在 不知不覺 中 被 感染 此次 瘟疫 不禁 回想 起 1918 年 的 西班牙 大 流感 1918 flu pandemic 曾 造成 全球 5億 人 感染 至少 5000萬 人 死亡 根據 美國 國家 過敏 與 傳染病 研究院 national institute of allergy and infectious disease 主任 佛 奇 anthony s fauci 表示 新冠肺炎 的 傳染性 極 高 不 排除 成為 大 流行 但 是否 會 造成 災難性 流行病 仍 無 法 評斷 不過 許多 流行病 學 模型 推 估 實際 病例 數 恐 高達 10萬 甚至 更 多 這 也 讓 不少 專家 想起 1918 年 肆虐 全球 的 西班牙 大 流感 該病 是 有史以來 感染 性 最 廣泛 致死 率 最高 的 流行病 西班牙 流感 並非 起源 於 西班牙 因 當時 剛好 是 第一次世界大戰 期間 大部 份 消息 都 被 戰爭 所 掩蓋 西班牙 身為 中立國 因 大肆 報導 疫情 慘 況 讓 人 誤以為 西班牙 疫情 最為 嚴重 而 病因 則 來自 於 h 1 n 1 病毒 全球 約 有 5億 人口 感染 超過 2千萬 人 死亡 流感 死亡率 達到 10 因 物資 缺乏 及 無法 獲得 良好 照顧 之下 流感 奪 走 人數 比 一 戰 還 多 成為 人類 歷史 上 最 致命 的 流行 感冒 之一 最 早 出現 群 據 感染 記錄 是 在 美國 堪薩斯州 kansas 的 軍營 但 症狀 與 普通 流感 相當 只有 頭痛 高燒 肌肉 酸痛 和 食欲不振 等 卻 隨 著 戰爭 緣故 一 夕 演變成 致命 病毒 迅速 蔓延 全球 症狀 包括 肺部 積水 呼吸困難 及 皮膚 轉 紫 黑色 等 就 連 臺灣 也 難 逃 一 劫 首 波 疫情 出現 在 基隆 地區 加上 當時 臺灣 爆發 霍亂 和 流行性 腦炎 等 疾病 造成 民心 慌亂 時任 臺灣 總督 的 明石元 二郎 也 不 敵 病毒 甚至 併發 肺炎 不幸 病逝 西班牙 流感 席捲 全球 然而 卻 在 18 個 月 後 突然 神秘 消失 直到 今日 科學家 仍 在 努力 地 研究 這個 世紀 病毒回顧 人類 過 網 重大 疫情 像是 愛滋病 sars 和 禽流感 等 其 病毒 來自 於 動物 有 專家 就 推斷 全球 氣候變遷 正 改變 動物 的 習性 野生 物種 入侵 人類 居住 環境 覓食 進而 帶來 傳染病 加上 空間 擁擠 形同 加速 病毒傳播 更 多 ctwant 報導</t>
  </si>
  <si>
    <t>接種 疫苗 死亡 臺灣 新冠肺炎</t>
  </si>
  <si>
    <t>近期 影響 美 股 盤面 主要 在 於聯 准會 主席 鮑爾 的 聽證 演說 肺炎 疫情 發展 企業 財 報 及 經濟 資料 公佈 鮑爾 的 演說 內容 再次 強調 對於 美國 經濟 的 正面 看待 且 景氣 擴張 將 邁 入 第 11 年 目前 的 低 失業率 薪資 穩健 成長 將 持續 支撐 經濟 成長 不過 鮑爾 也 提到 債務 日益 上升 的 問題 因數 十 年 後 政府 大多 稅收 必須 用 來 償還債務 將 排擠 其他支出 但 整體 談話 內容 偏向 正面 帶動 市場 情緒 持續 樂觀 美 股 近期 表現 相對 強勢 然而 目前 市場 最 大 不 確定性 仍 在 新冠肺炎 後續 發展 湖北 感染 人數 暴 增 主要 原因 是 將 臨床 診斷 病例 數字 納入 確診 病例 進行 公佈 並非 疫情 急速 擴大 而 美國 境內 出現 第 15 例 病 患 確診 為 先前 自大 陸 撤離 的 人士 返美 後 已 在 德州 的 空軍基地 進行 隔離 因此 疫情 擴散 的 機 率 並 不 高 對 市場 影響 不 大 從 技術 線型 來看 由於 美 股 受到 疫情 衝擊 相對 亞 股 較 小 目前 三大 指數 在 1 月底 回 測 季線 後 多方 攻勢 重 啟 目前 皆 回到 原先 的 上升 軌道 多方 氣勢 高漲 操作 上 可先 以 月 線 當作 支撐 參考 依據 只要 月 線 未 跌破 前 短線 創 高 格局 不至於 遭到 破壞 多方 操作 依舊 存在 優勢 建議 投資人 可 多 加 利用 美國 道 瓊 期貨 美國 標 普 500 期貨 與 美國 那斯 達克 100 期貨 三 項 商品 來 參與 美 股 行情 波動</t>
  </si>
  <si>
    <t>新冠肺炎 病毒 擴散 防疫 成 熱門話題 長 榮 女中 邀請 奇美醫院 中醫 部長 許堯欽 客座 授課 教 學生 製作 養生 茶 與 防疫 香 包 內服 外用 提升 免疫力 對抗 病毒 防疫 除了 勤洗手 戴 口罩 外 增強 免疫力 是 防病毒 入侵 最 基本 方式 長 榮</t>
  </si>
  <si>
    <t>新冠肺炎 防疫 病毒 學生 免疫力</t>
  </si>
  <si>
    <t>新冠肺炎 侯友宜 柯文哲 陳時中</t>
  </si>
  <si>
    <t>臺灣 輸出 莊人祥 新冠肺炎 確診 臺灣 大陸</t>
  </si>
  <si>
    <t>5 g 新機 開 賣 前夕 宏達電 再 傳 人事 異 動 上任 不 到 1 年 的 原 執行長 yves maitre 辭職 獲准 由 董事長 王雪紅 回鍋 兼任 這 是 王雪紅 去年 9 月 17 日 卸任 執行長 後 二 度 兼任 執行長 搶攻 5 g 換 機 商 機 宏達電 本 周 宣佈 htc u 20 5 g 正式 在 臺灣 開 賣 並 預計 於 9 月 5 日 陸續 上架 至 各 大通路 及 網路 門市 由於 u 20 5 g 標榜 專為 臺灣 市場 設計 完整 支援 5 g en-dc 頻段 sa 及 nsa 雙 模 設計 被 宏達電 寄予厚望 沒 想到 就 在 新機 開 賣 前夕 yves maitre 閃電 離職 事實上 宏達電 近年 人事 更迭 前 執行長 周永明 於 2015 年 3 月 淡出 核心 後 就 是 由 王雪紅 首度 親自 擔任 執行長 並 由 前 財務 長 張嘉臨 輔佐 直至 去年 才交 棒 yves maitre yves maitre 在 加入 宏達電 前 曾在 全球電信 巨擘 orange 電信 擔任 consumer equipment and partnerships 執行 副 總裁 雙方 是 2005 年 因 業務 關係 而有 合作 機會 yves maitre 也 對 宏達電 印象 不錯 因而 被 王雪紅 延攬 yves maitre 上任 後 除了 貫徹 王雪紅 訂 出 的 轉型 目標 在 xr 延展實 境 與 ai 人工智慧 領域 積極 拓展 新 業務 希望 能 在 未來 5 g 發展 上 搶佔 先機 並 奪得 強而有力 的 地位 也 持續 推動 新機 上市 鞏固 在 台市 占 率 對於 yves maitre 到職 未 滿 1 年 就 離開 宏達 電錶 示 新冠肺炎 改變 全球 人類 的 生活 方式 與 商業行為 使 全球 差 旅 備 受 限制 yves maitre 考量 家庭 與 工作 難 兼顧 董事會 通 過 其 辭任 對於 他 的 未來 發展 給予 祝福 業 界 認為 王雪紅 過 去就 有 兼任 宏達電 執行長 的 經驗 重 操 兵符 不是 難事 但 宏達電 近年 積極 轉型 公司 挑戰 不小 恐怕 還 是 得 找 個 專業 經理 人 分 擔 重任 完成 轉型 大計 業 界 認為 相較 於 宏達電 在 xr 的 內容 研發 實力 逐漸 成熟 眼前 更 需 殷切 補足 的 恐怕 還 是 智慧 型 手機 市場 這塊 尤其 5 g 換 機 潮 在即 大陸 手機 因 政治 干擾 無法 來 台 空 出 的 價格 帶 是 大有可為 的 機會 應該 好好 把握</t>
  </si>
  <si>
    <t>辛辛那提 紅人 隊 被 驗 出有 1 位 球員 感染 新冠肺炎 大 聯盟 緊急 喊停 16 日 17 日 剩 餘 的 兩 場 海盜 系列賽 進一步 檢測 與 追蹤 國聯 中區 由於 聖路易 紅雀 隊 長期 停賽 被 搞 得 賽程 混亂 唯一 沒 受 影響 的 是 紅人 現在 紅人 終於 也 中 鏢 了</t>
  </si>
  <si>
    <t>辛辛那提 紅人 隊 被 驗 出有 1 位 球員 感染 新冠肺炎 大 聯盟 緊急 喊停 16 日 17 日 剩 餘 的 兩 場 海盜 系列賽 進一步 檢測 與 追蹤 國聯 中區 由於 聖路易 紅雀 隊 長期 停賽 被 搞 得 賽程 混亂 唯一 沒 受 影響 的 是 紅人 現在 紅人 終於 也 中 鏢 了 預估 最 快 週二 回歸 打 雙重 賽 苦熬 17 天 的 憤怒 鳥 紅雀 隊 16 日 重見天日 複賽 首局 就 打 了 4 分 奮力 以 5 比 16 比 3 連續 兩 場 擊退 白 襪 這 是 只 打 7 局 的 雙重 賽 他們 用 14 局 打 了 11 分 一 吐 怨氣 紅雀 接下來 要 瘋狂 趕 進度 到 8 月底 都 沒有 休息日 每天 都 要 比賽 週二 開始 有 小 熊 5 連戰 大 聯盟 設計 的 雙重 賽 打 7 局 制度 引來 球迷 不滿 但 對於 進度 落後 的 球隊 很 有 幫助 如果 紅雀 沒 再 碰到 意外 9 月 28 日 例行 賽 結束 時仍 可以 完賽 60 場 只 是 打者 的 資料 會 比較 吃虧 紅雀 複賽 後 有 22 場 比賽 都只 打 7 局 每場 都會 損失 1 至 2 局 的 打擊 機會</t>
  </si>
  <si>
    <t>新冠肺炎 疫情 升溫 北部 傳出 有 醫護 感染 情況 為 超前 部署 同時 配合 年前 清潔 工作 台中 市環保局 特別 針對 人潮 聚集 熱點 執行 環境 防疫 消毒 也 加強 巡 檢 清除 積水 容器 及 孳生 源 疏通 水溝 值得一提的是 日前 還 發生 清潔 人員</t>
  </si>
  <si>
    <t>因應 開學 防疫 全 澎湖縣 學校 24 日 展開 防疫 機制 總 體檢 各 校 已 成立 防疫 小組 擬定 防疫 管理 措施 計 畫 縣長 賴峰偉 親 率隊 視察 重申 確實 測量體溫 宣佈 400 人 以上 學校 補助 購置 紅外線 體溫 儀 縣府 強調 即日起 開學 後 校園 是 人群 聚集 互動 最 頻繁 的 地區 防疫 考驗 才 真正 開始 校園 衛生 安全 決不能 失守 守護 學生 健康 讓 家長 放心 教育處 表示 所有 防疫 物資 額 耳 溫槍 消毒水 肥皂 緊急 備用 口罩 等 都 已 到位 同時 責令 全縣 學校 成立 防疫 小組 擬定 防疫 管理 措施 計 畫 及 自主 防疫 檢 合 表 製作 肺炎 防疫 作業 q&amp;a 供 各 校 參考 運用 隨時 監控 掌握 防疫 現況 各 校 都 設置 發燒 檢測站 控管 學生 進出 校園 動 線 每天 確實 實施 測量體溫 發現 學生 體溫 超過 375 度 立刻 安排 至 保健室 隔離 並 通知 家長 帶往 醫院 檢查 尤其 宣導 勤洗手 及 注意 咳嗽 禮節 教育處 大聲疾呼 通報 機制 最 重要 一發 現 疑 似感染 新冠肺炎 症狀 學生 盡 速 通報 衛生局 或 撥 打 1922 協助 落實 校 安 通報 賴峰偉 表示 防疫 視同 作戰 防疫 細節 務必 零 缺口 針對 學校 人數 達 400 人 以上 學校 縣府 將 補助 學校 添 購 紅外線 體溫 檢測 儀 提供 學生 安全 學習 環境</t>
  </si>
  <si>
    <t>受 新冠肺炎 疫情 及 各 地 不同 程度 封 城 影響 大陸 大眾 運輸 載客 量 大 減 飛機票 價 更 是 跌 得 比 客運 車票 還 低 今天 從 上海 飛往 重慶 的 機票 最高 才 人民幣 59 元 最低 更 只 要 49 元 新 台幣 約 211 元 中央 社 報導 26 日 從 上海 飛</t>
  </si>
  <si>
    <t>受 新冠肺炎 疫情 及 各 地 不同 程度 封 城 影響 大陸 大眾 運輸 載客 量 大 減 飛機票 價 更 是 跌 得 比 客運 車票 還 低 今天 從 上海 飛往 重慶 的 機票 最高 才 人民幣 59 元 最低 更 只 要 49 元 新 台幣 約 211 元 中央 社 報導 26 日 從 上海 飛往 哈爾濱 的 機票 最低 也 只 要 99 元 人民幣 合 台幣 434 元 上海 至 重慶 直線 距離 約 1410 公里 空中 飛行 時間 平均 約 需 2 小時 30 分 上海 至 哈爾濱 直線 距離 則 達 1680 公里 空中 飛行 時間 平均 約 需 2 小時 近 40 分 陸媒 新 京 報 用 吐血 價 3 字 形容 上述 票價 不含 規費 並 指 各 大 城市 相繼 推動 復工 航空 業 便 抓住 一切 機會 流血 復工 包括 高層 主管 帶頭 降薪 甚至 不 支 薪 員工 無 薪 休假 推出 吐血 價 機票 等 措施 報導 說 上述 不 到 100 元 人民幣 的 機票 雖是 由 廉航 春秋 航空 推出 但 一線 航空 公司 如 東方航空 及 山東 航空 開出的 上海 至 哈爾濱 票價 也 只 要 170 元 合 台幣 745 元 是非 疫情 時期 的 1 折 左右 除 上 海外 北京 廣州 等 大陸 一線 城市 飛往 哈爾濱 重慶 成都 的 經濟艙 票價 也 大多 報 出 1 至 3 折 的 超低價 報導 指出 受 疫情 影響 大陸 航空 雖然 流血 復工 但 以 24 日 當天 上午 10 時 30 分 的 情況 為 例 大陸 全境 1萬3110 個 航班 中 仍 取消 了 7809 班 取消 率 將近 60 報導 說 大陸 航空業者 的 自救 措施 除 壓低 票價 像是 以 機上 餐 點 豐富 聞名 的 四川 航空 甚至 推出 團體 營養 餐 業務 對外 承包 機關團體 企業 等 單位 等 集體 配餐 業務 以 補貼 收入</t>
  </si>
  <si>
    <t>張鈞寧 新冠肺炎 臺灣</t>
  </si>
  <si>
    <t>聯 詠 3034 第二 季營 收 創下 歷史 新高 帶動 今 股價 開高 走 高 漲幅 一度 達 8 股價 沖 上 291 元 歷史 新 高 聯 詠 6 月 受到 面板 驅動 ic 業務 減少 影響 單月 營 收 5853億 元 月 減 577 但 累計 第 2 季營 收 仍 達 1861億 元 季增 102 超過 177億 185億 元 的 財 測 目標 改寫 歷史 單季 新高 紀錄 聯 詠 今年 上半年 儘管 受到 新冠肺炎 衝擊 但 整體 營運 表現 依舊 穩住 第二 季營 收 還 創下 歷史 新高 展望 第 三 季 聯 詠 預期 市場 將 開始 回穩 供應 鏈 拉 貨 力 道 可望 轉 強 因為 下半年 oled 驅動 ic tddi 等 需求 持續 提升 聯 詠 預計 今年 營運 將 更 勝 去年 由於 聯 詠 去年 全年 營 收 就 創下 歷史 新高 換句話說 聯 詠 今年 營 收 將 有 實力 持續 創 高 除 oled 驅動 ic tddi 外 今年 在 5 g 手機 的 策動 下 聯 詠 光是 上半年 amoled 的 出 貨 就 會 比 去年 全年 多 因為 聯 詠 主要 供應商 之一 為 大陸 京東方 京東方 又 為 大陸 最 大 面板廠 供貨 給 各 品牌手機 廠 故 隨 著 大陸 5 g 智慧 機 快速 滲透 下 聯 詠 將 受惠 amoled 毛利率 較佳 也 會 順勢 帶動 獲利 表現 除 手機 應用 amoled 外 聯 詠 也 積極 導入 amoled 的 其他 應用</t>
  </si>
  <si>
    <t>罷 韓 韓國 瑜 侯友宜 振興 新冠肺炎</t>
  </si>
  <si>
    <t>新冠肺炎 臺灣 防疫 假 影響 人數</t>
  </si>
  <si>
    <t>美國 一 名 65 歲 男子 在 接種 第 2 劑 莫德納 moderna 疫苗 10 天 後 因為 持續 頭痛 腿 部 疼痛 住院 並且 確診 血栓 並 血小板 低下 症候 群 thrombosis with thrombocytopenia syndrome tts 男子 在 接受 積極 治療 後 仍 不幸身亡 這 是 全美 首 起因 為 接種 莫德納 疫苗 引發 罕見 血栓 的 案例 綜合 英國 每日 郵報 daily mail 今日 俄羅斯 russia today rt 報導 美國 匹 茲 堡 艾勒翰尼 醫療 體系 allegheny health network 的 研究 人員 昨 28 日 在 美國 內科 醫學 年鑒 annals of internal medicine 上 發佈 美國 首 起 接種 莫德納 疫苗 引發 罕見 血栓 不幸 喪命 的 案例 報告 指出 這 名 65 歲 男子 在 接種 第 2 劑 莫德納 疫苗 10 天 後 住院 接種 疫苗 後 他 反 覆 頭痛 雙 腿 疼痛 一 周 就醫 前 2 天 開始 呼吸困難 男子 本身 患 有 高血壓 高血脂症 hyperlipidemia 等 慢性 疾病 就醫 後 很快 就 被 診斷 出 血栓 並 血小板 低下 症候 群 的 罕見 血栓 症狀 他 同時 有 深部 靜脈 栓塞 deep vein thrombosis dvt 及 血小板 減少 症 thrombocytopenia 醫療 團隊 試圖 找 出 男子 出現 血栓 並 血小板 低下 症候 群 的 原因 包括 感染 新冠肺炎 其他 病毒 或是 由 栓塞 性 血小板 減少 性 紫斑 症 thrombotic thrombocytopenic purpura ttp 造成 不過 上述 所 有 因素 全 被 排除 最終 團隊 總結 男子 出現 的 罕見 血栓 症狀 是 由 疫苗 所 誘發 報告 指出 男子 在 住院 3 天 後 就 出現 腦 靜脈 竇 血栓 cerebral venous sinus thrombosis 這 是 一 種 罕見 的 血栓 型態 可能 導致 出血 儘管 經過 12 天 快速 治療 團隊 也 窮盡 各種 方式 包括 用 下 腔 靜脈 濾器 收集 大 血塊 以及 使用 bivalirudin 等 抗血栓 藥物 男子 最終 仍 不幸 病逝 先前 科學家 僅 證實 接種 腺病毒 為 載體 的 az 嬌 生 疫苗 會 併發 罕見 血栓 這 份 研究 顯示 接種 mrna 技術 的 疫苗 也 可能 出現 罕見 血栓 據 瞭解 這 是 美國 至今 唯一 一起 接種 莫德納 或 輝瑞 bnt 疫苗 後 出現 血栓 並 血小板 低下 症候 群 的 案例 美國 目前 已經 施打 超過 306億 劑 莫德納 與 bnt 疫苗 匹 茲 堡 的 研究 團隊 強調 mrna 疫苗 已 被 證實 安全 有效 而且 數 百萬 人 接種 後 沒有 出現 這個 問題 他們 認為 65 歲 男子 的 不幸 例子 是 相當 罕見 的 案例 就算 後續 證實 有 其他 案例 接種 疫苗 的 好處 仍舊 較 大 研究 團隊 也 指出 如果 團隊 能 更 早 一 步 發現 男子 的 的 症狀 是 疫苗 誘發 的 免疫性 血栓 並 血小板 低下 症 vaccine-induced immune thrombotic thrombocytopenia vitt 他們 就 會 早 一點 用 不同 的 方式為 他 治療</t>
  </si>
  <si>
    <t>新冠肺炎 全球 美國 莫德納 罕見 血栓 首例</t>
  </si>
  <si>
    <t>在 新冠肺炎 疫情 橫掃 下 據 約翰霍普金斯大學 johns hopkins university 統計 至今 美國 已 有 直 逼 19萬 人 確診 而 死亡 人數 也 突破 4000 據 俄羅斯 衛星 網 1 日 報導 聯合國 秘書長 古 特瑞 斯 antonio guterres 週二 警告 全</t>
  </si>
  <si>
    <t>在 新冠肺炎 疫情 橫掃 下 據 約翰霍普金斯大學 johns hopkins university 統計 至今 美國 已 有 直 逼 19萬 人 確診 而 死亡 人數 也 突破 4000 據 俄羅斯 衛星 網 1 日 報導 聯合國 秘書長 古 特瑞 斯 antonio guterres 週二 警告 全球 正 面臨 的 可能 是 第二次世界大戰 以來 最 具 挑戰性 的 危機 世界衛生組織 who 已 宣佈 新冠肺炎 疫情 是 大 流行 pandemic 而 根據 世衛 最新 的 統計數字 顯示 全球 有 超過 754萬 人 確診 逾 36萬 人 喪生</t>
  </si>
  <si>
    <t>教育部 23 日 早上 表示 受 新冠肺炎 影響 為 避免 因 學生 個人 或 父母 等 主要 家庭成員 發生 非 自願 失業 減班 休息 或 經濟 急 難 等 情況 導致 學生 本人 就學 及 生活 出現 困難 已 積極 研 擬 規 畫 對 學生 的 紓困 計 畫 教育部 指出 為 讓 未來</t>
  </si>
  <si>
    <t>教育部 宅 神 朱學 恒 紓困 新冠肺炎 新冠 病毒</t>
  </si>
  <si>
    <t>普生 4117 搶攻 新冠肺炎 檢驗 試劑 市場 率先 告捷 普生 表示 核酸 檢驗 產品 已 出 貨 印度 印尼 墨西哥 與 馬來西亞 等 國 營運 加速 衝刺 本月底 包括 印度 及 尼泊爾 都 會 有 大型 標 案 結果 出爐 若 順利 得 標 可望 挹注 新 一 波動 能 普</t>
  </si>
  <si>
    <t>普生 4117 搶攻 新冠肺炎 檢驗 試劑 市場 率先 告捷 普生 表示 核酸 檢驗 產品 已 出 貨 印度 印尼 墨西哥 與 馬來西亞 等 國 營運 加速 衝刺 本月底 包括 印度 及 尼泊爾 都 會 有 大型 標 案 結果 出爐 若 順利 得 標 可望 挹注 新 一 波動 能 普 生 新冠肺炎 核酸 檢測 產品 5 月 開始 出 貨 已 交貨 印度 印尼 墨西哥 及 馬來西亞 等 國 帶動 營 收 跳 升 目前 一 班 制 產能 已 達 80 100萬 劑 未來 將 視 各區 需求 得以 加班 開到 兩班制 將 產 能 拉高 到 160萬 劑 以上 普 生 新冠肺炎 之 核酸 檢驗 產品 除 出 貨 印度 印尼 墨西哥 與 馬來西亞 等 國 並 在 5 月底 向 美國 fda 送 件 申請 eua 待 確認 獲准 後 將 開始 出 貨 美國 另 還有 印度 尼泊爾 都 有 500萬 劑 以上 的 大型 標 案 進行 參與 中 月底 前 結果 將 陸續 出爐 普 生 指出 除 核酸 產品 外 也 有 與 中研院 合作 的 抗原 檢測 試劑 及 最新 發表 的 雙重 抗體 檢驗 試劑 其中 抗體 檢驗 試劑 是 全球 少數 可以 同時 檢測 igg igm 的 抗體 檢測 產品 目前 抗體 檢測 全球 僅 3 個 國家 7 只 產品 獲准 公司 已 送出 如 美國 fda tfda 與 ce 等 相關 申請 另 與 中研院 的 抗原 檢驗 試劑 正 進行 臨床 試驗 中 預計 結果 在 8 月中 下旬 出爐</t>
  </si>
  <si>
    <t>普生 全球 檢驗 試劑 新冠肺炎 馬來西亞</t>
  </si>
  <si>
    <t>新冠肺炎 大陸 疫苗 生產 多 個</t>
  </si>
  <si>
    <t>李英宏 情人節 揪 女友 放 閃 新冠肺炎 肆虐 少 賺 近 百萬</t>
  </si>
  <si>
    <t>李英宏 14 日 情人節 在 ig 曬 出 與 女友 的 甜蜜 合 照 浪漫 說 啾 咪 一 波 據悉 他 與 女友 交往 多年 女友 曾在 他 4 年 前 的 臺北 直 直撞 mv 參與 拍攝 李英宏 昨 回應 關於 放 閃 只 想 讓 對方 開心 一下 沒想 太 多 大家 就 一起 情人節 快樂 吧 不過 有 許多 粉絲 在 他 的 ig 紛紛 留言 心碎 了 已 失戀 他 聽 聞後 傻笑 說 始料未及 聽到 有人 哭 了 鄭重 道歉 而 他 時隔 4 年 將 推出 新 專輯 水哥 2020 他 在 官方 youtube 頻道 上 釋出 整張 新作 讓 歌迷 全 曲目 免費 試 聽 也 是 送給 歌迷 一個 最好 的 情人節 禮物 此外 近來 新冠肺炎 肆虐 他 的 5 場 商演 皆 延後 取消 廣告 代言 相關 活動 也 都 暫停 粗估 少 賺 近 百萬 李英宏 現 也 專心 在 寫歌 創作 上 也 多 了 許多 時間 去 聆聽 他人 的 創作 談 到 新 專輯 水 哥 取自 台 語 的 水氣 有 形容 帥 酷 豪爽 被 問及 自 認 最 水哥 的 地方 在 哪 他 故意甩 頭髮 打趣 從 小 到 大 不 知道 追女生 的 感覺 是 什麼 似乎 異性 緣 十分 好</t>
  </si>
  <si>
    <t>半導體 測試 板 廠 雍智 6683 11 日 公告 第一 季財報 受惠 於 5 g 及 wifi 6 等 晶圓 測試 板 及 ic 老化 測試 載 板 出 貨 暢 旺 第一 季 合併 營 收 平均 毛利率 營業 利益 稅 後 淨利 每股 淨利 等 同步 創下 歷史 新高 單季 每股 淨利 252 元 優於 預期 新冠肺炎 疫情 帶動 在家 遠 距 工作 需求 5 g 及 wifi 6 需求 強勁 第二 季 營運 表現 將 明顯 優於 第一 季 測試 廠 今年 大量 釋出 ic 老化 測試 載 板 訂單 加上 5 g 晶 片 及 wifi 6 網路 晶 片 的 晶圓 測試 板 訂單 強勁 雍智 第一 季財報 亮麗 合併 營 收 季增 172 達 247億 元 較 去年同期 成 長 281 創下 季度 營 收 歷史 新高 平均 毛利率 季 增 02 個 百分點 達 586 較 去年同期 提升 77 個 百分點 改寫 季度 毛利率 新高 紀錄 雍 智 第一 季 營業 利益 季 增 264 達 083億 元 與 去年同期 相較 明顯 成長 389 稅 後 淨利 季增 399 達 068億 元 與 去年同期 相較 成 長 391 每股 淨利 252 元 亦 即 雍智 第一 季 營業 利益 稅 後 淨利 每股 淨利 等 均 創下 歷史 新高 並 大幅 優於 市場 預期 雖然 新冠肺炎 疫情 造成 終端 需求 放緩 但 半導體 生產 鏈 未 受 衝擊 受惠 於 中國 加快 5 g 新 基建 帶動 基地 台 智慧 型 手機 等 相關 晶 片 需求 增加 加上 在家 遠 距 工作 推動 wifi 6 路由器 熱 賣 並 造成 wifi 6 晶 片 缺貨 所以 包括 聯發 科 華為 海思 瑞昱 等 業者 已 增加 5 g 或 wifi 6 的 相關 晶圓 投 片 雍智 可望 直接 受惠 雍 智 公告 4 月 合併 營 收 月 增 60 達 097億 元 較 去年同期 大幅 成長 660 並 創下 單月 營 收 歷史 新 高 累計 前 4 個 月 合併 營 收 344億 元 與 去年同期 相較 明顯 成長 369 並為 歷年 同期 歷史 新 高 法人 看好 雍智 第二 季營 收 將 續創 季度 歷史 新 高 法人 表示 雍智 接 單維持 強勁 智慧 型 手機 應用 處理器 的 晶圓 測試 板 訂單 能見度 高 電源 管理 ic wifi 6 射 頻 ic 等 ic 老化 測試 載 板 等 訂單 優於 預期 而今 年 測試 廠 擴大 預燒 burn-in 測試 產能 對 雍智 的 ic 老化 測試 載 板 下單 量 明顯 增加 雍智 今年 仍 有 機會 維持 逐 季 成長 動能 看好 今年 獲利 將 賺 逾 一個 股本</t>
  </si>
  <si>
    <t>清明連 假 去 過 國家級 警報 示 警 的 11 個 景點 嗎 台南 市 議會 國民 黨團 6 日 要求 市府 主動 調查 公 部門 員工 及 學生 的 清明 旅遊 史 並 建議 有 前往 11 景點 旅遊 的 公務員 及 同學 們 上班 上學 一定 要 戴 口罩 不要 成為 防疫 破 口 未來 還 有 勞動節 和 端午節 連 假 黨團 也 希望 市府 能 提早 研 擬 一 套 旅遊 防疫 措施 不 要 讓 台南 市 的 景點 再 遭 國家級 警報 點 名 黨團 書記長 王 家 貞 表示 在 此 防疫 第一 的 當下 新北 市政府 已 要求 去 過 11 個 國家級 警報 景點 的 員工 一定 要 戴 口罩 上班 富 邦 金控 國泰 金控 鴻 海 等 公司 也 紛紛 在 夜間 緊急 發文 要求 去 過 11 個 景點 的 員工 居家 辦公 7 天 或 14 天 11 個 國家級 警報 景點 台南 市 的 關子嶺 烏山頭 也 上榜 人 擠 人 擠出 大家 對 疫情 的 關切 市府 在 清明連 假 之後 是否 也 要 跟進 新北 市 的 作法 王 家 貞 表示 她 鼓勵 親 子 共 遊 但 全球 新冠肺炎 確診 病例 及 死亡數 一直 快速 增加 臺灣 是 地球村 的 一 分子 有 多少 樂觀 的 本錢 家長 真愛 自己 的 孩子 就 不 會 在 此 疫情 緊張 的 時刻 帶 著 孩子 出遊 讓 孩子 身 歷險 境 不讓 防疫 出現 破 口 人人有責 黨團 要求 市府 應 做 表率 調查 有 多少 公 部門 員工 在 清明連 假 去 過 11 個 景點 並 要求 他們 都戴 口罩 上班 學校 裡 有 多少 學生 也 去 過 這 11 個 景點 並 請 學生 們 這 段 時間 上學 戴 口罩 進入 校園 不 要 讓 校園 成為 防疫 破 口 未來 還 有 勞動節 和 端午節 連 假 希望 市府 能 提早 研 擬 一 套 旅遊 防疫 措施 不 要 讓 台南 市 景點 又 遭 國家級 警報 點名 這樣 對 景區 和 民眾 傷害 更 大</t>
  </si>
  <si>
    <t>公費 新冠肺炎 疫苗 今 起 開放 第 九 類 18 歲 以上 有 重大 疾病 患者 以及 第 十 類 50 歲 以上 民眾 接種 共有 94萬1095 人 完成 預約 今 起 可 依 預約 時間 前往 醫療 院所 施打 但 如果 因故 不 小心 錯過 預約 怎麼辦 如果 臨時 想要 更改 疫苗 廠 牌 又 該</t>
  </si>
  <si>
    <t>為 幫助 因 新冠肺炎 疫情 影響 生計 的 民眾 勞動部 日前 推出 安心 即時 上工 計 畫 但因 申請 門檻 太 嚴格 新竹 市政府 7 日 再 推出 放寬 應聘 條件 的 安心 即時 上工 20 就業 博覽會 錄取者 每月 可有 80 小時 工時 1萬2640 元 補助 最</t>
  </si>
  <si>
    <t>為 幫助 因 新冠肺炎 疫情 影響 生計 的 民眾 勞動部 日前 推出 安心 即時 上工 計 畫 但因 申請 門檻 太 嚴格 新竹 市政府 7 日 再 推出 放寬 應聘 條件 的 安心 即時 上工 20 就業 博覽會 錄取者 每月 可有 80 小時 工時 1萬2640 元 補助 最高 6 個 月 新竹 市 安心 即時 上工 20 就業 博覽會 今天 在 市府 內 廣場 舉行 市長 林智堅 特別 前往 關心 他 說 未來 市府 安心 即時 上工 額度 將 再 提升 期待 能 提供 勞工 朋友 500 個 市府 工作 職 缺 協助 穩定 勞工 經濟 生活 他 說 安心 即時 上工 計 畫 20 版 繼 上月 成功 媒 合 187 人 於 市府 就業 後 此次 再 加碼 139 個 職 缺 增加 就業機會 且 這次 求職 更 便利 市府 提供 1 站 式 1 對 1 專人 服務 從 提出 申請 資格 審核 提供 職 缺 現場 面試 1 次 完成 此外 未來 表現 良好 的 即時 上工 員工 也 將 納入 未來 市府 人才庫 作為 市府 未來 徵聘 臨時 人員 的 重要 參考 市府 勞工 處 指出 勞動部 之前 推出 的 安心 即時 上工 計 畫 申請 門檻 太 嚴格 難以 適用 許多 有 需求 的 民眾 市府 立即 向 行政院 反應 行政院 也 快速 放寬 條件 原本 是 半 年內 有 勞保 或 就 保 2 個 月 放寬 到 1 年 內 有 投保 即可 另 原本 勞保 薪資 額度 2萬3800 元 以下 也 放寬 成 無限 制 竹市 職 缺 也 從 326 個 增加 至 500 個 此次 計有 衛生局 環保局 社會 處 及 民政 處 等 單位 釋出 139 個 職 缺 主要 協助 幫 洽 公民 眾 量 測體溫 防疫 物資 整備 環境 清潔 防疫 宣 導 及 相關 文書 等 工作 今天 現場 有 近 200 位 勞工 朋友 洽 詢 勞工 處 強調 安心 即時 上工 計 畫 20 放寬 資格 只要 申請 登記 日前 1 年 有 勞工保險 或 就業 保險 投保 紀錄者 都 可 適用 符合 資格 的 勞工 經 錄取 後 到 市府 相關 局 處 從事 計時 工作 每 小時 按 基本工資 158 元 核 給 工作 津貼 每月 最高 工作 80 小時 每月 最 多 核給 1萬2640 元 每人 最 長 以 補助 6 個 月 為 限 目的 是 穩定 勞工 的 經濟 生活</t>
  </si>
  <si>
    <t>新冠肺炎 疫情 持續 擴散 衝擊 到 大陸 宏觀經濟 的 表現 多 家 外資 投 行 甚至 預估 今年 首季 大陸 gdp 年 增速 恐怕 連 保 5 都 有 困難 有鑑於此 大陸 官媒 開始 預期 降 准 降息 已經 不遠 新華 社旗 下 的 刊物 中國 證券 報 12 日 就 報</t>
  </si>
  <si>
    <t>楊培安 郭昱 晴 陳時中 蔡 政府 新冠肺炎</t>
  </si>
  <si>
    <t>新冠肺炎 臺灣 內政 部 健 保 遷出</t>
  </si>
  <si>
    <t>新冠肺炎 臺灣 成功 市場 擺攤 確診</t>
  </si>
  <si>
    <t>雲 林縣 今 5 日 新增 第 13 例 新冠肺炎 確診 案 案 10663 是 家住 台西 鄉 蚊 港 村 的 77 歲 男性 他 3 日 出現 症狀 後 病情 就 急轉直下 確診 當天 下午 血 氧 濃度 掉 到 54 ct 值 29 緊急 插管 收 住 於負 壓 隔離病房 目前 感染 源 不明 衛生局 今</t>
  </si>
  <si>
    <t>雲 林縣 今 5 日 新增 第 13 例 新冠肺炎 確診 案 案 10663 是 家住 台西 鄉 蚊 港 村 的 77 歲 男性 他 3 日 出現 症狀 後 病情 就 急轉直下 確診 當天 下午 血 氧 濃度 掉 到 54 ct 值 29 緊急 插管 收 住 於負 壓 隔離病房 目前 感染 源 不明 衛生局 今 下午 緊急 進駐 台西 鄉 蚊 港 旭 安府 做 快 篩 衛生局長 曾春美 指出 案 10663 老翁 3 日 咳嗽 發燒 腹瀉 肌肉 酸痛 倦怠 呼吸 短促 重度 呼吸 窘迫 而 就診 目前 收治 於 負 壓 加 護 病房 感染 源 不明 匡列 隔離 16 人 麥寮 六輕 廠 區 昨天 傳出 一對 夫妻 案 女 10467 案 男 10653 確診 其 19 歲 就 學 中的 女兒 案 10468 也 感染 因 3 人均 設 籍於 台中 市 個案 管理 歸 台中 市 清水區 雲林 縣府 今 公佈 一家 3 口 在 雲 林縣 的 足跡 曾春美 表示 案 10467 是 51 歲 女性 原本 于 麥寮 六輕 上班 5 月 29 日 出現 發燒 盜汗 咳嗽 頭痛 及 肌肉 痛 症狀 而 到 診所 就醫 30 日 辦理 離職 手續 6 月 3 日 確診 ct 值 23 居家 隔離 15 人 目前 於 醫院 治療 衛生局長 曾春美 表示 該 確診 女性 的 足跡 單純 進 六輕 廠 區 辦公室 的 時間 僅 早上 7 點 到 8 點 30 分 下午 1 點 至 2 點 4 點 40 分至 5 點 其 餘 時間 外 派駐 點 巡查 下班 後 回 宿舍 案 10653 是 案 10467 的 丈夫 男性 52 歲 在 麥寮 六輕 廠 區 工作 3 日 因 妻子 快 篩 陽性 他 自 行至 醫院 采 檢 4 日 陽性 確診 ct 值 16 匡列 31 人 居家 隔離 目前 於 醫院 治療 他 確診 前 的 足跡 都 在 辦公室 宿舍 案 10468 是 這 對 夫妻 的 女兒 6 月 3 日 因 母親 確診 她 被 匡列 居家 隔離 並 采 檢 4 日 采 檢 結果 陽性 目前 於 醫院 治療 她 確診 前 的 足跡 大多 在 台中 市 家中 雲 林縣 長 張麗善 表示 昨天 4 日 六輕 廠 區 一傳 出有 確診 案例 衛生局 立即 緊急 要求 廠 區 快 篩275 名 員工 都 是 陰性 未來 也 會 循 此 模式 只要 有 社區 工業區 發生 感染 案 就 立即 前進 設置 快 篩 站</t>
  </si>
  <si>
    <t>新冠肺炎 臺灣 確診 104 緊急</t>
  </si>
  <si>
    <t>新冠肺炎 臺灣 az 長者 陳以信</t>
  </si>
  <si>
    <t>銀行 也 是 新冠肺炎 疫情 受災戶 金管會 5 日 公佈 國銀 3 月 稅 前 獲利 182億 元 創 十 年 來 同期 獲利 最低 水準 且 比 去年同期 大幅 衰退 44 是 歷年 3 月 最 大 衰退 幅度 累計 國銀 首季 稅 前 獲利 8095億 元 較 去年同期 衰退 169 也 是</t>
  </si>
  <si>
    <t>銀行 也 是 新冠肺炎 疫情 受災戶 金管會 5 日 公佈 國銀 3 月 稅 前 獲利 182億 元 創 十 年 來 同期 獲利 最低 水準 且 比 去年同期 大幅 衰退 44 是 歷年 3 月 最 大 衰退 幅度 累計 國銀 首季 稅 前 獲利 8095億 元 較 去年同期 衰退 169 也 是 史上成 長 動能 最弱 的 第一 季 銀行局 副 局長 莊 鏽 媛 分析 今年 3 月 非常 特別 新冠肺炎 疫情 蔓延 全球 世界衛生組織 who 定義 為 全球 公共 衛生 緊急事件 造成 全球 資本 市場 波動 除了 股市 下挫 債券 價格 也 下跌 加上 各國 競相 降息 如 美國 連降 兩 次 共 6 碼 1 碼 是 025 百分點 臺灣 央行 也 降息 1 碼 使得 銀行 投資 收益 及 利息 收益 都 減少 銀行局 統計 今年 首季 銀行 國內 總 分行 投資 淨利 是 2229億 元 比 去年同期 少 了 2834億 元 衰退 幅度 達 5597 至於 全行 投資 淨利 是 2242億 元 比 去年同期 減少 2859億 元 衰退 56 以上 另外因為 新冠肺炎 造成 停工 及 封城 等 企業 營運 受 影響 銀行 判斷 海外 分行 及 國際金融 業務 分行 obu 授信 風險 提高 因此 增 提 呆帳 準備 obu 首季 提 列 呆帳 準備 比 去年同期 增加 217億 元 3 月 就 比 2 月 再多 提存 116億 元 代表 3 月 銀行 預期 外幣 授信 等 風險 比 2 月 升高 海外 分行 首季 提存 呆帳 準備 同樣 比 去年同期 增加 173億 元 3 月 則 比 2 月 多 提 3億 元 成本 大幅 增加 下 obu 首季 稅 前 獲利 2357億 元 同比 衰退 95 3 月 單月 更 只 賺 48億 元 應也 是 近年 3 月 obu 獲利 最 少 的 一 年 至於 海外 分行 首季 獲利 816億 元 年 減 232 3 月 單月 只 賺 227億 元 也 是 15 個 月 新低 首季 國 銀 只有 大陸 分行 稅 前 獲利 156億 元 比 去年同期 成 長 122 是 唯一 有 成長 的 單位 莊 鏽 媛 表示 應是 去年 大陸 分行 提存 金額 較 多 今年 則 較 少 首季 提存 呆帳 費用 比 去年同期 少 15億 元 3 月 呆帳 費用 提 列 則 比 2 月 減少 43億 元</t>
  </si>
  <si>
    <t>偷打 疫苗 疫苗 新冠肺炎 臺灣 柯文哲</t>
  </si>
  <si>
    <t>新冠肺炎 臺灣 回歸 校正 數字</t>
  </si>
  <si>
    <t>防疫 旅館 醫院 無 症狀 柯文哲 新冠肺炎</t>
  </si>
  <si>
    <t>周玉蔻 獨家 疫苗 新冠肺炎 az</t>
  </si>
  <si>
    <t>澳洲 總理 日前 公開 呼籲 調查 新冠肺炎 起源 引發 北京 不滿 先 後 對 澳洲 大麥 課 征 關稅 禁止 牛肉 進口 雙方 關係 降 至 冰點 坎培拉 當局 數 周 來 持續 尋求 和 北京 磋商 不過 至今 仍 吃閉門羹 專家 分析 北京 持續 已 讀 不 回 主要 在</t>
  </si>
  <si>
    <t>澳洲 總理 日前 公開 呼籲 調查 新冠肺炎 起源 引發 北京 不滿 先 後 對 澳洲 大麥 課 征 關稅 禁止 牛肉 進口 雙方 關係 降 至 冰點 坎培拉 當局 數 周 來 持續 尋求 和 北京 磋商 不過 至今 仍 吃閉門羹 專家 分析 北京 持續 已 讀 不 回 主要 在 釋放 3 大 訊息 包括 要 澳洲 別 和 美國 走 太 近 北京 方面 還 不 打算 調整 關稅 以及 強調 對 澳洲 的 侮辱 新冠肺炎 蔓延 全球 澳洲 總理 莫里森 scott morrison 4 月 公開 呼籲 派遣 獨立 調查 人士 進入 大陸 調查 新冠 病毒 疫情 起源 同時 也 對 北京 的 防疫 工作 展開 調查 此舉 引發 北京 反彈 後續 大陸 宣佈 暫停 向 澳洲 4 間 屠宰場 進口 牛肉 禁令 影響 所及 相當於 占 澳洲 出口 大陸 牛肉 的 35 此外 對 澳洲 出口 的 大麥 徵收 為期 5 年 高達 805 稅率 不僅如此 上周 大陸 文化 和 旅遊部 更以 種族歧視 現象 升溫 為由 對 國民 發佈 赴 澳大利亞 旅遊 安全 提醒 週二 更 對 赴 陸求學 陸生 發佈 警示 種種 舉措 嚴重 衝擊 兩 國 貿易 交流 針對 北京 提升 制裁 措施 澳洲 貿易部長 伯明罕 simon birmingham 8 日 表示 數 周 來 持續 尋求 和 大陸 商務部 部長 鍾 山 磋商 不過 對 方都 無 回應 北京 屢 賞 坎培拉 閉門羹 學者 分析 大陸 主要 在 向 澳洲 釋放 3 個 訊息 第一 要 澳洲 不要 和 美國 走 太 近 美國 巴克內爾 大學 bucknell university 政治學 教授 朱志群 zhiqun zhu 表示 陸 澳 之間 不是 只 有 關稅 問題 另外 還有 澳洲 參與 美國 在 南海 的 聯合 軍 演 排除 華為 參與 當地 5 g 建設 關切 港版 國安法 實施 等 很 明顯 北京 不 高興 澳洲 加入 川普 政府 的 反 陸運 動 對 大陸 來說 現在 的 澳州 政府 太 熱衷 於 支持 川普 政府 對 大陸 採取 的 高壓手段 所以 大陸 無法 如常 和澳洲 做 生意 北京 冷 待 坎培拉 是 在 釋出 明確 且 強烈 的 訊息 不要 跟 川普 政府 走 太 近 否則 陸 澳 關係 會很 困難 另外 美國 中國 安全 專家 洛森 ben lowsen 認為 鍾 山 不 接 伯明罕 電話 代表 2 件 事 其一 大陸 國家 主席 習近平 現階段 還 不 想 改變 關稅 政策 其二 鍾 山 想要 強調 對 澳洲 侮辱 的 嚴重性 洛森 說 一般而言 官員 會 回應 外國 夥伴 的 要求 是 或 不是 但 有時候 也 會 表示 要 考慮一下 他 說 以 他 對 過去 和 北京 交手 的 經驗 北京 現階段 的 考慮 時間 可能 會 再 持續 一段時間 甚至 是 無限期 因為 決策者 認為 現在 還 不是 做 決定 的 時機 強調 不滿 顯示 北京 決心 要 施壓 坎培拉 改變 調查 新冠 病毒 的 論調</t>
  </si>
  <si>
    <t>大陸 澳洲 北京 閉門羹 新冠肺炎</t>
  </si>
  <si>
    <t>藝人 蘿 莉塔 從 大學生 了 沒 出道 是 各 大 綜藝節目 邀 約 的 對象 甜美 外 型 加上 直率 性格 圈 了 無數 粉絲 力挺 近日 隨 著 新冠肺炎 疫情 延 燒 所有 工作 不是 取消 就是 延後 不過 她 也 透露 到 超 商 買 食物 時 卻 被 網友 私 訊 提醒 要 囤</t>
  </si>
  <si>
    <t>蘿 莉塔 囤 貨 新冠肺炎 搶購潮 疫情</t>
  </si>
  <si>
    <t>受惠 於 高頻 高速 時代 來臨 網通 伺服器 等 相關 設備 需求增 溫 雖然 新冠肺炎 疫情 打亂 電子 供應 鏈 短期 仍 在 等待 複 蘇中 但 業 界 看好 伺服器 供應 鏈 不受 新冠肺炎 干擾 相關 業者 如 pcb 廠 博智 8155 金像 電 2368 備 受 市場</t>
  </si>
  <si>
    <t>受惠 於 高頻 高速 時代 來臨 網通 伺服器 等 相關 設備 需求增 溫 雖然 新冠肺炎 疫情 打亂 電子 供應 鏈 短期 仍 在 等待 複 蘇中 但 業 界 看好 伺服器 供應 鏈 不受 新冠肺炎 干擾 相關 業者 如 pcb 廠 博智 8155 金像 電 2368 備 受 市場 關注 股價 也 相對 抗跌 由於 市場 對 伺服器 供應 鏈 後續 營運 有所 期待 進而 帶動 業者 股價 波動 較 大 博智 及 金像 電 9 日 應 主管機關 要 求 紛紛 公告 近期 財 報 博智 一月 自 結 營 收 223億 元 每股 稅 後 089 元 同日 也 公佈 二月 份 營 收 252億 元 較 去年同期 117億 元 大幅 成長 11487 金像 電 自 結 一月 1446億 元 每股 盈 餘 017 元 博智 為 仁寶 轉投資 的 利基 型 pcb 廠 主攻 伺服器 板 雲端 儲存 設備 工業 電腦 用 板 等 由於 搭上 伺服器 需求 旺盛 題材 以及 該 公司 產能 集中 臺灣 出 貨 中國 比例 低 股價 自 農曆年 後 就 不斷 攀升 法人 分析博智 過去 跟隨 仁寶 以 nb mb 訂單 為主 但因 公司 規模 不具 成本 優勢 轉 往 伺服器 及 工業 電腦 發展 且 集中 在 少量 多樣 及 高層 數 的 產品 而 擴充 高層次 板 產能 提高 高利 基型 產品 也 是 該 公司 主要 目標 未來 新品 主軸 將 以 30 層 以 上 多 層板 工業 電腦 用 板 等 方向 進行 加上 少量 多樣 的 特性 能 在 此 個別 產品 提供 全 制程 的 競爭對手 較 少 看好 今年 雲端 資料 中心 等 需求 不 淡 樂觀 看待 該 公司 今年 業績 表現 金像 電 過去 也 是 以 生產 nb板 為主 的 pcb 廠 近年 則 積極 調整 產品 結構 轉 攻 網通 伺服器 隨 著 高頻 高速 網路 需求 出現 金像 電 調整 產品 成效 逐漸 顯現 去年 第 三 季也 成功 單季 轉 盈 目前 公告 的 二月 營 收 1669億 元 月 增 155 年 增 2873 累計 前 二月 營 收 為 3115億 元 年 增 993 金像 電 曾 表示 去年 業績 逐步 改善 證明 5 g 是 未來 趨勢 無庸置疑公司 強攻 網通 類產品 的 策略 也 正確 不 過 大環境 仍 有 不 確定 因素 因此 對於 後續 發展 仍 有待 觀察 未來公司 將 持續 針對 5 g 基地 台 400 g 網通 板 以及 汽車 相關 板材 進行 開發</t>
  </si>
  <si>
    <t>52 歲 的 好萊塢 動作 片 巨星 馮迪 索 vin diesel 不懼 新冠肺炎 疫情 新片 血 衛 如期 于下周 上映 他 在 該片 化身 被 操控 記憶 的 超級 英雄 展現 拳拳 到 肉 的 打鬥 場面 他 在 臺灣 時間 6 日 接受 媒體 視 訊 訪問 他 除 了 大贊 曾 合作 比</t>
  </si>
  <si>
    <t>52 歲 的 好萊塢 動作 片 巨星 馮迪 索 vin diesel 不懼 新冠肺炎 疫情 新片 血 衛 如期 于下周 上映 他 在 該片 化身 被 操控 記憶 的 超級 英雄 展現 拳拳 到 肉 的 打鬥 場面 他 在 臺灣 時間 6 日 接受 媒體 視 訊 訪問 他 除 了 大贊 曾 合作 比利 林恩 的 中場 戰事 的 李安 是 他 心中 最愛 的 導演 之一 和 李安 一樣 是 好萊塢 首選 的 台裔 導演 林詣彬 和 馮迪 索 更是 麻吉 大 呼 林詣彬 是 我 的 兄弟 他們 倆 合作 多 部 玩命 關頭 系列 默契 絕佳 馮迪 索 也 直言 說實話 一直 都想 到 臺灣 看看 來 做 宣傳 血 衛 由 漫畫 改編 不同於 大眾 熟知 的 漫 威 跟 dc 該 作 出自 勇士 漫畫 馮迪 索 表示 這個 角色 很 獨特 和 典型 英雄 電影 很 不 一樣 他 透露 當初 試 鏡 時 帶 著 當時 8 歲 的 大兒子 一塊 去 結果 他 直接 對 我 說 爸爸 你 就 是 血 衛 讓 我 當場 決定 接演 他 更 笑 著 建議 演員 們 應該 都 要 帶 孩子 去 試鏡 讓 全場 大笑 馮迪 索 在 血 衛 片中 每次 醒 來 都 會 重複 失 憶 被 問到 現實 中 是否 有 類似 的 斷 片 經驗 他 笑笑 表示 沒有 不過 自己 容易 忘記 一些 小 事情 也 會 把 朋友 名字 叫 錯 有 一 次 跟 小朋友 一起 唱 獅子王 的 歌曲 還 被 女兒 抓 包 把 歌詞 唱 錯 馮迪 索 也 分享 除了 自己 角色 擁有 的 超 能力 外 也 想 體驗 片中 關鍵 角色 哈 汀 博士 的 技能 他 可以 創造 所有 的 人工 科技 讓 任何 事情 變 得 可能 最後 馮迪 索 對 臺灣 影迷 甜 喊 希望 電影 能夠 為 觀眾 帶來 微笑 為 我們 感到 驕傲 血 衛 12 日 搶先 全球 在 台 上映</t>
  </si>
  <si>
    <t>喬柯 維奇 atp 新冠肺炎 法網 溫布 頓</t>
  </si>
  <si>
    <t>新冠肺炎 疫情 橫掃 全球 奪 去 超過 200萬 人 的 性命 也 導致 不少 國家 被迫 進入 封城 狀態 嚴重 影響 日常生活 人人 都 在 問 新冠肺炎 到底 甚麼 時候 可以 結束 讓 生活 恢復正常 綜合 外電 5 日 報導 美國 新冠肺炎 首席專家 佛 奇 anth</t>
  </si>
  <si>
    <t>新冠肺炎 疫情 橫掃 全球 奪 去 超過 200萬 人 的 性命 也 導致 不少 國家 被迫 進入 封城 狀態 嚴重 影響 日常生活 人人 都 在 問 新冠肺炎 到底 甚麼 時候 可以 結束 讓 生活 恢復正常 綜合 外電 5 日 報導 美國 新冠肺炎 首席專家 佛 奇 anthony fauci 等 科學家 說 全球 要 有 70 85 人口 接種 疫苗 生活 才能 逐漸 恢復正常 由於 西方 富國 接種 疫苗 的 速度 比 世界 其他 地方 快 以 目前 的 速度 來看 全球 大概 需要 7 年 才能 達標 而 各國 接種 新冠 疫苗 的 速率 不一 有些 國家 以 接種 兩劑 疫苗 覆蓋率 為 75 為 目標 例如 全球 疫苗 接種 率 最高 的 以色列 只 花 了 2 個 月 就 朝 75 的 覆蓋率 邁進 而 美國 要到 2022 年 新年 時 才會 達標 然而 接種 疫苗 的 變數 很多 例如 紐約 因為 冬天 暴風雪 影響 有些 人 無法 出門 接種 一度 將 達標 時間 拉長 為 17 個 月 但 在 加緊 接種 下 又 縮短 為 13 個 月 此外 加拿大 因為 疫苗 運送 時間 延遲 最近 幾 星期 的 施打 率 也 降低 了 一半 不過 隨 著 疫苗 愈來愈多 接種 速度 也 可望 加快 重點 在於 要是 社區 裡 只 有 少數 人 接種 新冠 病毒 還 是 會 繼續 蔓延 而 在 多數 人 都 接種 的 狀況 下 才有 可能 建立 起 對 抗 病毒 的 集體 防衛 陣線</t>
  </si>
  <si>
    <t>新冠肺炎 疫苗 恢復正常 接種 何時 正常</t>
  </si>
  <si>
    <t>非法 移 工 陳時中 勞動部 醫院 新冠肺炎</t>
  </si>
  <si>
    <t>新冠肺炎 疫情 大 爆發 各國 亟需 即時 檢測 產品 總部 坐落 在 丹麥 哥本哈根 的 柏勝生 技 已 成功 開發新冠肺炎 病毒 血清 檢測 設備 不 只能 在 12 分鐘 內 快 篩 甚至 也 可 應用 于 社區 回溯 與 檢測 疑 似 無 症狀 患者 這項 技術 平臺 預計 在 5 月</t>
  </si>
  <si>
    <t>檢測 碟片 柏勝生 技 臺灣 丹麥 新冠肺炎</t>
  </si>
  <si>
    <t>護理 師 雙和 醫院 新冠肺炎 韌帶 神經</t>
  </si>
  <si>
    <t>新冠肺炎 疫情 持續 延 燒 大甲鎮 瀾 宮 媽祖 繞 境 是否 如期舉行 引發 議論 基 進 黨立委 陳柏惟 表示 鎮 瀾 宮將 取消 1300 桌 起 駕 宴 直言 這 是 主辦 與 防疫 單位 充分 溝通 的 結果 不過 大批 網友 認為 還是 要 延期 舉辦 繞 境 相信</t>
  </si>
  <si>
    <t>直擊 兵馬俑 秦陵 考古工作者 新冠肺炎</t>
  </si>
  <si>
    <t>就 連 保險 套 都 出現 缺貨 潮 受到 新冠肺炎 影響 臺灣 曾 出現 搶購 衛生紙 口罩 等 物資 的 狀況 沒 想到 由於 全球 最 大 的 保險 套 生產商 停產 造成 保險 套 在 某些 國家 地區 成為 了 被 瘋 搶 的 物資 根據 陸媒 每日 經濟 新聞 報導 全球</t>
  </si>
  <si>
    <t>就 连 保险 套 都 出现 缺货 潮 受到 新冠肺炎 影响 台湾 曾 出现 抢购 卫生纸 口罩 等 物资 的 状况 没 想到 由于 全球 最 大 的 保险 套 生产商 停产 造成 保险 套 在 某些 国家 地区 成为 了 被 疯 抢 的 物资 根据 陆媒 每日 经济 新闻 报导 全球 最 大 的 保险 套 生产商 马来西亚 karex 因为 疫情 停产 虽然 工厂 在 上月 27 日 复工 但 只 有 正常 时期 的 一半 停产 期间 更是 导致 保险 套 的 数量 短缺 1亿 个 而 每年 大陆 会 消耗 上 百亿 个 保险 套 零售商 苏宁 国际 的 销售 数据 也 显示 不少 消费者 为了 未雨绸缪 而 纷纷 囤 货 苏宁 国际 的 数据 显示 4 1 20 进口 保险 套 的 销售 成长 了 27351 尤其 是 4 20 进口 日 当天 的 杜蕾斯 durex 销量 暴 增 43763 苏宁 国际 的 负责人 则 解释 因为 无法 预测 疫情 会 持续 多久 又 受到 国外 保险 套 短缺 消息 影响 不少 使用 进口 保险 套 的 消费者 抓紧 进口 日 当天 的 优惠 时机 大量 囤 货</t>
  </si>
  <si>
    <t>北市 高中生 游 希臘 後 回國 確診 新冠肺炎 由於 這 名 高中生 是 1 月 與 家人 同 遊 希臘 3 月 5 日 才 返台 確診 消息 傳開 後 飽受 輿論 抨擊 爽 玩 歐洲 兩 個 月 不過 有 知情 人士 用 時間 軸 揭 高中生 染病 始末 怒 嗆 案 59 原本 就 是 安排 3 月 5</t>
  </si>
  <si>
    <t>北市 高中生 游 希臘 後 回國 確診 新冠肺炎 由於 這 名 高中生 是 1 月 與 家人 同 遊 希臘 3 月 5 日 才 返台 確診 消息 傳開 後 飽受 輿論 抨擊 爽 玩 歐洲 兩 個 月 不過 有 知情 人士 用 時間 軸 揭 高中生 染病 始末 怒 嗆 案 59 原本 就 是 安排 3 月 5 日 回國 並非 因 延後 開學 才 玩 這麼久 希望 大家 不要 再 亂 罵 誤會 他 獲得 有 不少 人 附和 認為 留言 詛咒 他 的 人 真的 太 過 了 相關 議題 在 網路上 發酵 也 讓 網友 驚訝 風向 變 了 確診 高中生 不但 被 網友 瘋狂 肉 搜 還有 護理 師 怒 嗆 不准 用 健 保 案 59 的 親友 陸續 站 出來 為 他 抱屈 認為 他 去 的 時間 點 在 1 月 當時 歐洲 根本 還 沒什麼 疫情 也 沒有 旅遊 警示 是 合法 出國 當事人 回國 時並 沒有 症狀 回國 後 海關 也 說 不 用 自主 管理 希望 網友 先 搞 清楚 再 發言 高中生 的 親友 並 附上 案 59 旅遊 時間 軸 說明 如下 出國 1 月中 旬 回國 3月 5 日 希臘 旅遊 警示 3 月 11 日 出現 症狀 3 月 12 日 就醫 檢查 3 月 13 日 確診 3 月 15 日 親友 說明 後 獲得 部分 網友 認同 紛紛 回應 一 群 人 搞不清楚 3 月 11 日 希臘 才 被 列為 一級 留言 詛咒真 的 太 病態 了 大家 都 不是 預言家 嘴 這個 根本 事後諸葛 民 粹 真 可怕 霸 淩 到 什麼 髒話 都 出來 了</t>
  </si>
  <si>
    <t>隨 著 全球 新冠肺炎 疫情 的 擴大 臺灣 的 防疫 措施 也 不斷 強化 其中 對 可能 受 感染 卻 仍 在 潛伏期 者 分別 有 居家 檢疫 與 居家 隔離 的 措施 以 避免 疫情 擴散 但 近日 陸續 傳出 有 隔離 者 趴 趴 走 或 失 聯 的 狀況 對 違反 者 的 處罰 是否 有效</t>
  </si>
  <si>
    <t>makiyo 住家 管理員 確診 新冠肺炎 驚 曝 社區 未 消毒 沒 通知 住戶</t>
  </si>
  <si>
    <t>新冠肺炎 疫情 延 燒 今天 2 日 新增 549 名 本土 確診 案例 12 例 死亡 疫情 不見 趨 緩 跡象 也 讓 民眾 人心惶惶 藝人 makiyo 川 島 茉 樹 代 就 透露 居住 的 社區 管理員 驚 傳 確診 目前 正在 進行 隔離 但 誇張 的 是 沒有 任何人 通知 住戶</t>
  </si>
  <si>
    <t>makiyo 新冠肺炎 社區 管理員 確診</t>
  </si>
  <si>
    <t>新竹 縣 11 日 再 增加 一 名 確診 者 為 新竹 台 大 分院 生 醫 醫院 竹東 院區 附設 護理 之家 90 多 歲 男性 住 民 10 日 因 發燒 采 檢 確診 先前 5 度 采 檢 均 為 陰性 新竹 縣 衛生局 匡列 33 名 接觸 者 並 擴大 采 檢 75 人 其中 66 為 陰性 9 人 結果 尚未 出爐 這 也 是 該 機構 在 6 月 29 日後 再度 新增 確診 者 新竹 縣 原先 已 連續 5 天 嘉玲 新增 確診 個案 為 案 153485 月初 就醫 後 轉入 護理 之家 居住 家屬 自 聘 一 名 看護 看 顧 該 機構 自 6 月 10 日 出現 首例 確診 者 案 15348 被 匡 列為 接觸 者 採取 1 人 1 室 隔離 並於 6 月 101723 日 3 度 采 檢 為 陰 該案 23 日 解除 隔離 轉 自主 健康 管理 6 月 29 日 期滿 采 檢 仍 為 陰性 並轉 回 機構 住房 由 自 聘 看護 照顧 到 7 月 7 日 第 5 度 采 檢 仍 為 陰性 未 料 10 日 發燒 采 檢 確診 睽 違 11 天 再爆 確診 者 新竹 縣 衛生局 及 醫院 均 不敢 大意 匡列 75 人 采 檢 接觸 者 包含 照 服 員 助理 人員 行政 等 33 人 匡列 案 15348 的 自 聘 看護 被 列為 居家 隔離 者 至於 感染 源 新竹 縣 衛生局 表示 仍 待 厘 清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中 租 -ky 5871 雖 受 中國 大陸 銷貨 業務 認 列 準則 變更 影響 2020 年 1 月 合併 營 收 仍 改寫 同期 新 高 投 顧 法人 認為 中 租 獲利 能力 良好 新冠肺炎 疫情 對 營運 影響 應屬 短期 近期 回落 為 良好 進場 時機 中 租 今 17 日 股價 開高 走 揚</t>
  </si>
  <si>
    <t>中 租 -ky 5871 雖 受 中國 大陸 銷貨 業務 認 列 準則 變更 影響 2020 年 1 月 合併 營 收 仍 改寫 同期 新 高 投 顧 法人 認為 中 租 獲利 能力 良好 新冠肺炎 疫情 對 營運 影響 應屬 短期 近期 回落 為 良好 進場 時機 中 租 今 17 日 股價 開高 走 揚 最高 上漲 239 至 1285 元 受 新冠肺炎 疫情 延 燒 影響 市場 憂心 中國 大陸 市場 趨 弱 將 影響 中 租 營運 成長 動能 致使 中 租 鼠年 開 紅盤 以來 股價 欲 振 乏力 近期 於 121 126 元 間 盤整 三大 法人 近期 偏 空 操作 上周 合計 賣 超 3716 張 其中 以 外資 賣 超 達 3690 張 最 多 中 租 2020 年 1 月 自 結合 並 營 收 4698億 元 月 減 2074 降 至 近 11 月 低點 仍 年 增 422 改寫 同期 新 高 其中 臺灣 及 東協 地區 營 收 分別 年 增 14 30 中國 大陸 則 因 銷貨 業務 認 列 準則 變更 而 下滑 中 租 說明 中國 大陸 貿易 融資 業務 過去 未 考慮 交貨 遞 延 報關 失敗 等 風險 今年 從嚴 認定 與 客戶 約定 不 承擔 存貨 風險 使 相關 營 收 由 總額 法 改為 淨 額 法 認 列 若以 交易 總額 推算 中 租 1 月 自 結合 並 營 收 為 53億 元 年 增 18 中國 大陸 地區 營 收 為 年 增 19 中 租 旗 下 仲利 國際 在 中國 大陸 擁有 49 個 據點 目前 僅 武漢 分公司 尚未 復工 有待 官方 通知 其他 地區 分公司 均 已 陸續 復工 公司 表示 春節 後 都 是 客戶 資金 最 充裕 時期 因 此 往年 2 月 向來為 全年 最 淡月 此次 疫情 後續 影響 程度 目前 仍 在 匯 整 評估 中 法人 指出 中 租 在 中國 大陸 貿易 融資 業務收入 過去 以 包括 銷售 成本 及 毛利 的 總額 法 認 列 今年 起 改以 不再 承擔 存貨 風險 的 新 業務 模式 營 收 改 采 僅 計入 毛利 的 淨 額 法 認 列 使 中國 大陸 1 月 營 收 年 減 11 但 此 會計 認 列 準則 的 變更 並 不 影響 實際 業績 及 獲利 認 列 法人 認為 中 租 近期 股價 疲弱 主要 為 反應 市場 對 新冠肺炎 疫情 的 擔憂 但 依據 sars 經驗 認為 對 中 租 影響 應屬 短期 主要 影響 將 反 應在 上半年 預期 即使 信貸 成本 因此 倍增 中 租 仍 能 維持 每股 賺 1 股本 能力 看好 近期 股價 回落 為 更 好 的 進場 時機 點</t>
  </si>
  <si>
    <t>新冠肺炎 本土 疫情 延 燒 國民黨 青年 部 主委 陳冠安 指出 過 半 民眾 認為 這次 疫情 危機 系 屬 人禍 有關 他 並 觀察 網路 社 群 討論 發現 綠 營 負面 聲 量 大 漲 衛福 部長 陳時中 成為 負面 聲 量 王 疫情 討論 藍營 吃香 綠 營 吃 鱉 現在 的 蔡政</t>
  </si>
  <si>
    <t>新冠肺炎 負面 聲 量 蔡英文 蘇貞昌 陳冠安</t>
  </si>
  <si>
    <t>新冠肺炎 衝擊 全球 影視 產業 繼 好萊塢 大 片 007 生死 交戰 花木蘭 玩命 關頭 9 等 片 紛紛 延 檔 後 由 史嘉蕾 喬韓 森 scarlett johansson 主演 的 漫 威 電影 黑 寡婦 臺灣 時間 18 日 也 宣佈 延後 上映 原訂 北美地區 5</t>
  </si>
  <si>
    <t>黑 寡婦 美國 延期 告示牌 音樂 獎 新冠肺炎</t>
  </si>
  <si>
    <t>新冠肺炎 疫情 再度 來 襲 防疫 保單 再度 成為 熱門 商品 新光人壽 26 日 表示 2020 年 因應 新冠肺炎 疫情 推出 的 一年期 住院日 額 防疫 保單 活力 罩 主 打 若 因 法定 傳染病 住院 每天 最高 給 付 5千 元 去年 4 月 到 7 月 之間 就 銷售 逾 2 5萬</t>
  </si>
  <si>
    <t>新冠肺炎 疫情 再度 來 襲 防疫 保單 再度 成為 熱門 商品 新光人壽 26 日 表示 2020 年 因應 新冠肺炎 疫情 推出 的 一年期 住院日 額 防疫 保單 活力 罩 主 打 若 因 法定 傳染病 住院 每天 最高 給 付 5千 元 去年 4 月 到 7 月 之間 就 銷售 逾 25萬 張 今年 1 月 29 日 將 重新 開放 銷售 臺灣 產險 的 防疫 保單 因為 給付 方式 簡單 保費 便宜 在 國內 傳出 醫院 及 社區 感染 後 保單 賣到 爆 各家 保險 公司 亦 紛紛 加速 推出 防疫 保單 專案 或 訴 求 自家 現有 的 防疫 商品 新 壽 強調 其 去年 曾 推出 的 活力 罩 一年期 住院日 額 健康 保險 當時 提供 0 到 65 歲 民眾 投保 且 針對 法定 傳染病 沒有 30 天 的 等待 期 立即 投保 立即 有 保障 且 一旦 不幸 罹 患 法定 傳染病 如 新冠肺炎 腸病毒 登革熱 等 住院 每天 除了 有 住院日 額 保險金 還 增加一倍 日 額 的 法定 傳染病 關懷 保險金 如 新冠肺炎 要 住 進 負 壓 隔離病房 就 比照 加 護 病房 一 天 再多 加 二 倍 日 額 若 住院 超過 30 天 多 出 的 天數 再多 給 一 倍 日 額 的 長期 住院 保險金 即 例如 30 歲 男性 住院日 額 1千 元 一 年 保費 約 910 元 若 不幸 因 新冠肺炎 住 進 隔離 負 壓 病房 42 天 之後 轉入 普通 病房 再 住 8 天 則 前 30 天都 是 4千 元 31 到 42 天 是 多 了 1千 元 長期 住院 金 每天 5千 元 但 43 到 50 天 是 普通 病房 少 了 加 護 病房 2千 元 則 一 天 是 3千 元 等於 50 天 共 領 204萬 元 由於 保費 便宜 且 是 一年期 保單 所以 去年 在 疫情 緊張 的 4 月 推出 後 到 7 月 共 賣 超過 25萬 張 這次 疫情 再起 新 壽 也 打算 1 月 29 日 再 重新 推出 這款 防疫 保單</t>
  </si>
  <si>
    <t>防疫 保單 千 元 住院日 額 法定 傳染病 新冠肺炎</t>
  </si>
  <si>
    <t>伊朗 新冠肺炎 疫情 擴散 恐 已 出現 社區 感染 該國 衛生部 發言人 賈漢 普爾 kianush jahanpur 昨日 透過 官媒 宣佈 全國 確診 病例 又 新增 15 例 總 確診 病例 已 累 至 43 例 死亡 人數 8 人 伊朗 也 成為 中國 大陸 以外 死亡 人數 最 多 的 國</t>
  </si>
  <si>
    <t>伊朗 新冠肺炎 疫情 擴散 恐 已 出現 社區 感染 該國 衛生部 發言人 賈漢 普爾 kianush jahanpur 昨日 透過 官媒 宣佈 全國 確診 病例 又 新增 15 例 總 確診 病例 已 累 至 43 例 死亡 人數 8 人 伊朗 也 成為 中國 大陸 以外 死亡 人數 最 多 的 國家 此外 伊拉克 南部 濟加爾省 傳出 全國 第 1 起 確診 病例 讓 伊拉克 成為 繼 阿拉伯 聯合 大公國 伊朗 以色列 黎巴嫩 後 第 5 個 出現 確診 新冠肺炎 患者 的 中東國家 病 患 是從 伊朗 什葉 派 聖城 庫 姆 返國 的 學生 現 已 隔離 治療 伊朗 當局 已 下令 從 23 日 起 包括 庫 姆 和 首都 德黑蘭 在內 的 14 個 省份 的 學校 和 教育 機構 全部 關閉 同時 關閉 全國 所有 電影院 和 展覽館 至 下 週末 足球比賽 暫停 10 天 據傳 當局 也 暫時 不讓 民眾 前往 伊拉克 朝聖 而 與 伊朗 分別 有 陸上 和 海上 邊界 的 伊拉克 和 科威特 都 如臨大敵 由於 伊朗 最 早 出現 疫情 的 庫 姆 是 伊拉克和 科威特 什葉 派 信徒 的 熱門 旅遊 地點 當局 不敢 掉以輕心 伊拉克 當局 已 在 20 日 宣佈 關閉 與 伊朗 的 所有 邊境 並 暫停 對 伊朗人 核發 簽證 伊拉克 航空 也 已 暫停 往返 伊朗 的 所有 航班 科威特 則 宣佈 過去 14 天 有 伊朗 旅遊 史 的 國際 旅客 禁止 入境 從 伊朗 入境 的 科威特 公民 歸國 後 也 必須 立即 隔離</t>
  </si>
  <si>
    <t>新冠肺炎 肆虐 最近 日本 確診 案例 連環 爆 但 日本政府 在 防疫 措施 上 相當 輕忽 腎臟科 醫師 江守山 在 節目 上 分享 許多 日本 朋友 只 把 新冠肺炎 當作 是 感冒 看待 不用 理 它 讓 他 超 驚訝 鄭弘儀 昨 在 節目 新聞 挖 挖 哇 上 指出 新</t>
  </si>
  <si>
    <t>新冠肺炎 江守山 感冒 相當 輕忽</t>
  </si>
  <si>
    <t>高端 入境 美國 蔡英文 新冠肺炎 臺灣</t>
  </si>
  <si>
    <t>林岱 樺 口罩 邱議瑩 新冠肺炎 臺灣</t>
  </si>
  <si>
    <t>中國國務院 總理 李克強 24 日 在 北京 出席 瀾湄 合作 第 三 次 領導人 會議 時 表示 瀾湄 合作 應 與 國際 陸海 貿易 新 通道 對接 以 進一步 暢通 貿易 通道 此外 中國 的 新冠肺炎 疫苗 研製成功 後 將 優先 提供 給 湄公河 的 國家 瀾湄 合作</t>
  </si>
  <si>
    <t>中國 國務院 總理 李克強 24 日 在 北京 出席 瀾湄 合作 第 三 次 領導人 會議 時 表示 瀾湄 合作 應 與 國際 陸海 貿易 新 通道 對接 以 進一步 暢通 貿易 通道 此外 中國 的 新冠肺炎 疫苗 研製成功 後 將 優先 提供 給 湄公河 的 國家 瀾湄 合作 瀾滄江 湄公河 合作 是 由 中國政府 推動 的 區域合作 機制 由 李克強 在 2014 年 的 第 17 次 中國 與 東協 領導人 會議 上 所 提出 的 倡議 相關 成員國 包括 湄公河 流域 的 中國 寮 國 緬甸 泰國 柬埔寨 和 越南 等 六 國 央 視 報導 上述 會議 原本 訂 於 2020 年初 在 寮 國 舉行 但因 受 疫情 影響 而 推遲 最終 改為 線 上 會議 以 對 瀾湄 合作 提供 戰略 指引 方針 此次 會議 除了 討論 互聯互通 機制 外 公共 衛生 議題 也 成為 重點 內容 李克強 在 上述 會議 指出 瀾湄 合作 與 國際 陸海 貿易 新 通道 對接 將 進一步 暢通 貿易 通道 調動 中國 西部 西南部 以及 東協 其他 國家 力量 以 實現 對 湄公河 國家 的 更 大 投入 確保 產業鏈 供應 鏈 穩定 中國 願 與 湄公河 五 國 落實 好 對接 措施 為 相關 區域 注入 新動力 李克強 表示 國際 陸海 貿易 新 通道 縱貫 中國 西部 地區 鏈 接 東南亞 與 歐亞 大陸 區域 聯動 效果 突出 他 強調 為了 協助 各國 對抗 疫情 中方 將 在 瀾湄 合作 專項基金 框架 下 設立 公共 衛生 專項資金 中國 新冠肺炎 疫苗 研製 完成 並 投入使用 後 將 優先 提供 給 湄公河 國家 國際 陸海 貿易 新 通道 是 以 一帶 一路 政策 為 基礎 由 中國 與 新加坡 兩 國 聯手 展開 的 互聯互通 示範 專案 以 重慶 為 內陸 連 接點 利用 鐵路 水運 等 運輸 方式 與 東南亞 國家 建立 貿易 通道</t>
  </si>
  <si>
    <t>英格蘭 超級 足球聯賽 上周 針對 996 名 球員 及 球隊 工作人員 進行 新冠肺炎 病毒 檢驗 當地 時間 週六 結果 出爐 來自 兩 只 不 同 球隊 的 兩 人 呈 陽性 而 英超 雖然 尚未 確定 複賽 日期 但 計畫 週二 開放 管制 人數 的 團體 訓練 目前 在 聯盟 頂級</t>
  </si>
  <si>
    <t>足球 英超 進行 檢測 新冠肺炎</t>
  </si>
  <si>
    <t>興 櫃 餐飲 公司 乾杯 1269 公佈 2019 年 合併 營 收 為 2897億 元 創 歷史 新高 年 增 1958 合併 稅 後 淨利 達 092億 元 為 歷史 第 三高 每股 稅 後 盈 餘 497 元 董事會 4 24 決議 擬 每股 配發 2 元 現金 股利 展望 後市 面臨 新冠肺炎 疫情 嚴</t>
  </si>
  <si>
    <t>興 櫃 餐飲 公司 乾杯 1269 公佈 2019 年 合併 營 收 為 2897億 元 創 歷史 新高 年 增 1958 合併 稅 後 淨利 達 092億 元 為 歷史 第 三高 每股 稅 後 盈 餘 497 元 董事會 4 24 決議 擬 每股 配發 2 元 現金 股利 展望 後市 面臨 新冠肺炎 疫情 嚴峻考驗 加上 何時 方 休 尚不 明朗 乾杯 審慎 以 對 延緩 展 店 計 畫 管控 各項 費用 維持 財務 營運 體質 健全 以 保障 全體同仁 工作 權益 為首 要 在 嚴格執行 防疫 措施 提供 安全 用餐 環境 給 消費者 之 餘 乾杯 並 自 去年 已經 開始 展開 研究 的 外 送 服務 餐廳 之外 銷售 通路 更 加速 籌備 進程 致力 提升 集團 整體 競爭 優勢 力拼 營運 維持 暢望 乾杯 集團 今年 以 穩健 為 目標 朝 縱橫 軸 雙向 發展 架構 集團 健全 的 牛肉 事業 全新 藍圖 將 在 縱軸 上 深化 教育 滲透 牛肉 事業 發展 核心 知識 給予 全體 員工 橫 軸 則 是 開發新 商 機 佈 局外 送 外帶 食品 零售 等 市場 並 樂觀 看待 疫情 後 消費 力度 回溫 營運 可望 逐 季 轉 強 乾杯 集團 2019 年 營 收 創 高 主因 為 海內外 全力 拓展 牛肉 核心 事業 以及 精 實 策略 助 功 奏效 面對 新冠肺炎 重創 餐飲 市場 乾杯 集團 以 穩健 保障 全體同仁 工作 權益 為 首要 目標 同時 並以 深化 教育 訓練 與 開發新 商 機 雙向 發展 架構 集團 更 穩健 的 牛肉 事業 藍圖 因應 疫情 帶來 的 產業 急速 結構性 轉變 乾杯 2019 年 海內外 拓 點 雙箭 齊發 全年 海內外 共 展 9 間 店 其中 包括 臺灣 4 店 中國 大陸 5 店 臺灣 事業 聚焦 牛肉 核心 開創 和 牛 燒肉 懷 石 和 牛 47 全球 獨家 和 牛油 重慶 麻辣鍋 麻辣 45 兩 間 全新 高價 品牌 為 集團 餐飲 事業 開創 嶄新 格局 並 持續 拓展 新型 態 黑毛 屋 品牌 在 中國 大陸 乾杯 亦 快速 拓 點 去年 進軍 北京 達成 北上 廣深 一線 城市 均 有 設點 寫下 新 的 里程碑 加上 重慶 門市 共 插 旗 中國 大陸 5 個 城市 擴大 市場 版圖 帶動 集團 營 收 及 獲利 的 大幅 成長 在 精 實 經營 體質 的 方針 下 於 108 年 出售 持有 100 股權 的 乾杯 速食 股份有限公司 旗 下 品牌 宮武 歧 烏 龍 面 kua`aina 轉型 黑毛 屋 品牌 積極 對 品牌 進行 調整 加上 盤點 店 點 汰 弱 留 強 關閉 旗 下 獲利 不 佳 的 店鋪 調整 體質 後 的 效益 顯現 提升 108 年 營業 淨利 至 203億 元 較 去年同期 成 長 25 創下 歷史 新高 由於 認 列 閉店 費用 影響 營業 外 支出 增加 稅 後 淨利 092億 元 仍 為 歷史 第 三高 面臨 新冠肺炎 疫情 的 嚴峻考驗 乾杯 集團 表示 在 餐飲 市場 尚不 明朗 的 狀況 下 審慎 看待 市場 延緩 展 店 計 畫 管控 各項 費用 維持 財務 營運 體質 健全 以 保障 全體同仁 工作 權益 為首 要 同時 嚴格執行 防疫 措施 提供 安全 用餐 環境 給 消費者 此外 去年 已經 開始 展開 研究 的 外 送 服務 餐廳 之外 銷售 通路 更 加速 籌備 進程 致力 提升 集團 整體 競爭 優勢 力拼 營運 維持 暢望 乾杯 集團 今 109 年 以 穩健 為 目標 朝 縱橫 軸 雙向 發展 架構 集團 健全 的 牛肉 事業 全新 藍圖 將 在 縱軸 上 深化 教育 滲透 牛肉 事業 發展 核心 知識 給予 全體 員工 橫 軸 則 是 開發新 商 機 佈 局外 送 外帶 食品 零售 等 市場 並 樂觀 看待 疫情 後 消費 力度 回溫 營運 可望 逐 季 轉 強</t>
  </si>
  <si>
    <t>三星電子 22 日 證實 韓國 龜 尾市 手機 廠 一 名 員工 確認 感染 新冠肺炎 整 座 廠房 將 暫時 停工 直至 24 日 週一 上午 三星 兩 款 折疊 手機 皆 在 龜 尾 廠 生產 一旦 停工 的 時間 延長 三星 恐難 以 滿足 市場 對 新款 折疊機 的 需求 三星 透過 電</t>
  </si>
  <si>
    <t>三星電子 22 日 證實 韓國 龜 尾市 手機 廠 一 名 員工 確認 感染 新冠肺炎 整 座 廠房 將 暫時 停工 直至 24 日 週一 上午 三星 兩 款 折疊 手機 皆 在 龜 尾 廠 生產 一旦 停工 的 時間 延長 三星 恐難 以 滿足 市場 對 新款 折疊機 的 需求 三星 透過 電子 郵件 發佈 聲明 稿 表示 龜 尾 廠 將 關閉 至 24 日 上午 防止 其他 員工 感染 新冠肺炎 病毒 而 確診 員工 工作 的 樓層 將 持續 關閉 至 25 日 上午 三星 在 新聞稿 中 指出 公司 已 要求 曾 與 該 名 確診 案例 接觸 的 員工 自我 隔離 據悉 該 確診 案例 是 三星 無線 部門 的 職員 該 部門 負責 手機 生產 三星 亦 表示 三星 位 在 韓國 其他 地方 的 晶 片 和 顯示器 廠房 生產 工作 不受 影響 龜 尾市 廠房 位 在 首 爾 東南 方 200 公里 共有 兩 條 產 線 主要 生產 高階 手機 三星 大部分 的 手機 皆 在 越南 和 印度 生產 但 部分 頂級 機種 仍 在 韓國 製造 三星 首 款 折疊機 galaxy fold 以及 甫 於 2 月初 亮相 的 第二 代 折疊機 galaxy z flip 皆 是 在 龜 尾 廠 生產 三星 的 緊急 應變 工作 小組 已用 簡訊 通知 龜 尾 廠 的 員工 公司 將 在 週末 擴大 消毒 廠房 期間 廠房 將 關閉 三星 建議 員工 在 24 日 返回 工廠 上班 時 應 配戴 口罩 做好 個人 防護 三星 亦 建議 員工 避免 國內 差 旅 透過 視 訊 會議 連系 業務 往返 龜 尾 廠 和 總部 的 接 駁 車 也 將 暫時 停 駛 由於 龜 尾 廠 是 在 週末 停工 三星 表示 對 手機 生產 的 影響 微小 然而 三星 新 一代 折疊機 才 剛 上市 一旦 停工 的 時間 拉長 三星 可能 難以 滿足 市場 旺盛 的 需求 韓國 的 新型 肺炎 疫情 急速 升溫 22 日 單日 增加 超過 200 例 確診 案例 已 累計 至 433 例 龜 尾市 鄰近 大 邱市 大 邱 市 新 天地 教會 爆發 群 聚 感染 韓國 的 確診 人數 一口氣 增加 逾 60 例</t>
  </si>
  <si>
    <t>新冠肺炎 疫情 延 燒 新竹 縣 除 對 各 醫院 陪 病 及 探病 人數 進行 限 縮 與 管制 衛生局 8 日 發 佈 各 護理 之家 探 陪 病 時間表 其中 芊 馨 園 瑪 琍 亞 禾 韾 富林 懷恩 福 韾 豫萱 等 7 所 護理 之家 禁止 探訪 衛生局 表示 其它 護理 之家 因</t>
  </si>
  <si>
    <t>新冠肺炎 疫情 延 燒 新竹 縣 除 對 各 醫院 陪 病 及 探病 人數 進行 限 縮 與 管制 衛生局 8 日 發 佈 各 護理 之家 探 陪 病 時間表 其中 芊 馨 園 瑪 琍 亞 禾 韾 富林 懷恩 福 韾 豫萱 等 7 所 護理 之家 禁止 探訪 衛生局 表示 其它 護理 之家 因應 疫情 發展 也 規定 每個 訪 客 必需 嚴格執行 戴 口罩 量 體溫 手部 消毒 詢問 旅遊 史 職業 別 接觸 史 群 聚 狀況 及 登記 以備 必要 時 方便 厘 清 傳染 路徑 進行 接觸 者 調查 縣長 楊文科 呼籲 這 段 時間 避免 出入 醫療 場所 和 護理 之家 改以 視 訊 或 通訊 等 方式 表達 對 親人 的 關心</t>
  </si>
  <si>
    <t>立 法院 朝野 黨團 週五 同意 將 因應 新冠肺炎 紓困 法案 逕 付二 讀 預估 最 快 可 在 25 日 完成 三 讀 朝野 各黨 與 社會各界 對 紓困 並 無 異議 但 我們 仍要 再 進 一 言 紓困 不能 常態 化 朝野 政客 應 珍惜 民脂民膏 不能 以 紓困 為由 亂 撒 幣 甚至</t>
  </si>
  <si>
    <t>立 法院 朝野 黨團 週五 同意 將 因應 新冠肺炎 紓困 法案 逕 付二 讀 預估 最 快 可 在 25 日 完成 三 讀 朝野 各黨 與 社會各界 對 紓困 並 無 異議 但 我們 仍要 再 進 一 言 紓困 不能 常態 化 朝野 政客 應 珍惜 民脂民膏 不能 以 紓困 為由 亂 撒 幣 甚至 成為 政 經 權勢 打秋風 的 藉 口 紓困 特別 條例 20 日 在 行政院 會 通過 定名 嚴重 特別 傳染性 肺炎 防治 及 紓困 振興 特別 條例 授權 行政院 編 列 新 台幣 600億 元 預算 用於 防疫 與 振興 紓困 草案 分為 防治 紓困 振興 與 罰 則 等 四 部分 共 18 條 如果 以 經費 分配 看 大致 上 是 觀光 產業 紓困 約 44億 元 交通運輸業 紓困 98億 元 觀光 產業 復蘇 與 振興 約 54億 元 以及 觀光 升級 與 轉型 前瞻 計 畫 約 300億 元 新冠肺炎 對 大陸 經濟 產生 強烈 的 衝擊 這股 衝擊 明顯 已 波及 周 遭 國家 不僅 4 成 出口 到 大陸 的 臺灣 難以 倖免 日 韓 東南亞 國家 都 已 承受 相當程度 的 負面影響 包括 官方 與 民間 的 經濟 預測 單位 都已 下 修 今年 全年 的 經濟 成長率 預測值 因此 經濟 的 影響 確實 已 發生 絕不 浮 濫 發 續命錢 不過 經濟 受 影響 並不 代表 政府 非要 拿 國庫 經費 去 紓困 去 支撐 企業 新冠肺炎 確實 對 特定 產業 衝擊 極度 強烈 例如 航空 觀光 旅行社 旅館 驟然 間 業績 大幅 跌 了 5 成 甚至 有 高 達 8 成者 但 如果 以 時間 來看 其 衝擊 是 在 春節 後 才 出現 至今 只 有 一個 月 至於 未來 到底 會 延續 多久 仍 在 未知 之 數 一般 估計 至少 要到 45 月 之後 疫情 才會 緩和 如果 拿 當年 sars 或 之後 的 h 1 n 1 這種 短期 就 對 經濟 產生 強大 衝擊 的 疫情 案例 來看 在 疫情 高峰期 固然 是 風聲鶴唳 各種 消費 經濟 行為 受 影響 但 都能 在 短期 一 到 二季 內 就 結束 經濟 立即 能 反彈 上揚 雖然 現在 很 難 確定 新冠肺炎 是否 也 能 在 一 到 二季 內 結束 但 坦白說 如果 企業 連 承受 幾 個 月 業績 重 挫 的 能力 都 沒有 虧損 幾 個 月 就 要 政府 拿 錢 紓困 這種 體質 與 經營 能力 政府 是否 該 拿 納稅人 的 錢去 救 是 該 再 細 思量 此外 法令 的 內涵 紓困 的 內容 與 經費 的 分配 我們 也 認為 大 有 問題 以政府 對 產業 的 紓困 而言 切記 其 基本 原則 是 對 體質 與 營運 較 好 有 繼續 經營 能力 與 價值 但 受 短期 衝擊 而 影響 營運者 政府 可以 給予 融資 甚至 降低 其 各種 費用 以 助 其 度過 經營 難關 但 絕對 不能 拿 錢 不分 好壞 浮 濫 的 給予 續命錢 這些 未來 終究 是 呆帳 一 筆 更 不能 拿 錢去 補助 虧損 但 根據 交通部 規 畫 的 經費 中 約 45 為 補助 損失 協助 業者 融資 周轉 的 紓困 方案 這 部分 即使 以 補助 業者 在 業績 差 時進行 員工 培訓 的 名義 把 錢 送出去 都 是 不該 的 浪費 還有 已 被 證明 效益 差 的 振興 抵 用 券 這次 編 列 了 20億 元 除了 原本 適用 的 夜市 外其他 單位 紛紛 來 爭取 適用 除 零售 外 連 文化部 都 要求 適用於 文藝活動 看 表演 看 電影 買 書 都 適用 文化產業 固然 有 受 衝擊 但 絕非 重災區 跑 來 爭取 適用 只 讓 外界 有 打秋風 之 感 在 600億 元 的 紓困 經費 中 有 一半 是 用作 觀光 升級 與 轉型 前瞻 計 畫 坦白說 臺灣 觀光 產業 要能 永 續 發展 必然 要 升級 轉型 臺灣 觀光 資源 必須 再 作 規 畫 與 調整 如此 才能 吸引 更 多 高 消費 力 的 觀光客 因此 我們 支援 政府 這項 作法 檢討 花費 多 效益 低 但 這些 計畫 與 經費 編 列 在 為 紓困 而 訂 定 的 條例 中 為此 還 在 法令 中 加上 振興 兩 字 是否 有 趁火打劫 讓 各界 支援 此 預算 的 味道 是否 合宜 是 該 再 檢討 這些 計畫 其實 並 非 十萬火急 為 何不 回歸 正常 預算 程式 編入 總預算 中 而 法案 中 列入 的 各種 刑罰 如不 遵 指示 有 傳染 他人 之 虞 散播 疫情 謠言 等 其實 都有 其他 相關 法令 規範 並 無 必要 列在 紓困 條例 中 從 整體 經濟 情勢 看 官方 2 月 公佈 的 今年 經濟 成長率 預測 仍 有 237 因 疫情 下 修 幅度 約 035 到 05 個 百分點 這種 經濟 情勢 實在 難 謂 緊急 到 要 政府 紓困 的 程度 再以 個別 產業 看 從 過去 的 案例 政府 相挺 的 補助 甚至 紓困 實 非 良策 蔡 政府 執政 後 短短 3 年 多 就 對 觀光 產業 進行 過 78 次 補助 成效 如 何是 有目共睹 政府 豈能 繼續 花費 多 又 效益 低 的 政策</t>
  </si>
  <si>
    <t>新冠肺炎 疫情 衝擊 百工 百業 尤以 觀光業 運輸業 快撐 不 下去 立 委 李昆澤 許智傑 4 日 邀集 交通部 等 部會 與 高雄 相關 產業 座談 針對 紓困 振興 方案 說明 業者 大吐苦水 李昆澤 呼籲 紓困 預算 須 持續 滾 動 檢討 回應 產業 需求 高</t>
  </si>
  <si>
    <t>新冠肺炎 疫情 衝擊 百工 百業 尤以 觀光業 運輸業 快撐 不 下去 立 委 李昆澤 許智傑 4 日 邀集 交通部 等 部會 與 高雄 相關 產業 座談 針對 紓困 振興 方案 說明 業者 大吐苦水 李昆澤 呼籲 紓困 預算 須 持續 滾 動 檢討 回應 產業 需求 高雄 市 旅行 公會 理事長 吳盈良 提到 現行 針對 旅行社 紓困 方案 必須 提出 5 成 業績 衰退 等 文件 證明 但 每 筆 交易 金額 很細 量 太 大 了 需 花 很 長 時間 對於 急需 用錢 業者 緩不濟急 盼 能 簡化 申請 補助 流程 吳 盈 良 表示 政府 提出 以 訓 代 賑 方案 原本 提供 提供 員工 每月 120 個 小時 培訓 上課 現 改 為 每 6 個 月 總共 120 個 小時 對 需要 把 人才 留住 的 旅 行業 是 很 大 的 傷害 高雄 市 遊覽車 公會 理事長 林士勳 直言 遊覽車 業 95 營業額 來自 國民 旅遊 如今 生意 幾乎 停 擺 盼 交通部 給予 專案 貸款 審核 從寬 高市 計程車 公會 理事長 甘光華 則 盼 計程車 汰舊換新 補助 能 延長 讓多數 運將 都 能 受惠 交通部 政務 次長 王國材 指出 相關 振興 政策 觀光局 正規 畫 中 會 配合 疫情 發展 調整 預計 投入 665億 元 預算 重振 產業 紓困 預算 能量 不足 部分 也 會 隨時 滾 動 檢討 李昆澤 表示 相關 紓困 須 滾 動 檢討 即時 回應 產業 需求 像是 觀光局 人才 轉型 培訓 計畫 相關 預算 原本 只 有 5億 在 他 爭取 下 追加 15億 紓困 方案 需 更加 完備 申請 更加 快速 全面 照顧 到 產業界</t>
  </si>
  <si>
    <t>新冠肺炎 觀光 飯店 遊覽車 紓困</t>
  </si>
  <si>
    <t>在 美國 也 遭 新冠肺炎 重 擊 後 事態 的 走向 悄悄 回歸 到 中 美 兩 強 的 結構性 對抗 近期 中 美 爭論 誰 是 病毒 起源地 就是 鮮明 例子 而 臺灣 也 陷入 兩 強 結構 的 盤算 在 本 就 應該 專業 至上 的 防疫 決策 中 屢屢 採用 雙重標準 處處 著</t>
  </si>
  <si>
    <t>ait 確診 油 漆工 約翰 紅茶 新冠肺炎</t>
  </si>
  <si>
    <t>崔碧珈 擁有 36 g 火 辣 魔鬼身材 讓 她 被 封為 香港 新 一代 波 神 上個月 剛 渡過 32 歲 生日 的 她 在 ig 放上 性感照 催促 粉絲 訂閱 自己 頻道 火 辣 的 魔鬼身材 讓 所有人 直 呼 要 噴鼻血 了 新冠肺炎 肆虐 全球 讓 原本 要到 國外 工作 的 崔碧</t>
  </si>
  <si>
    <t>崔碧珈 擁有 36 g 火 辣 魔鬼身材 讓 她 被 封為 香港 新 一代 波 神 上個月 剛 渡過 32 歲 生日 的 她 在 ig 放上 性感照 催促 粉絲 訂閱 自己 頻道 火 辣 的 魔鬼身材 讓 所有人 直 呼 要 噴鼻血 了 新冠肺炎 肆虐 全球 讓 原本 要到 國外 工作 的 崔碧珈 行程 全 取消 留在 香港 為了 打發 時間 更 開設 youtube 頻道 直接 透過 網路 進行 英文 教學 日前 她 在 ig 放 上火 辣 身材 照 只 見 她 對 著 鏡頭 擺 出 嫵媚 撩 人 的 姿勢 並 露出 一對 渾圓 北半球 和 深邃 事業 線 讓 粉絲 眼睛 大 吃 霜淇淋 接 著 不 忘 跟 粉絲 再三 喊話 你們 subscribe 我 新 的 youtube channel 沒 呀 日前 被 拍到 和 一 名 外籍 猛男 在 沙灘 做 運動 疑 似 有 新 戀情 傳出 對此 她 表示 和 對 方僅 是 朋友 更 透露 對 方早 是 已婚 身分 至於 外界 關心 的 感情 狀態 仍 繳 出 白卷</t>
  </si>
  <si>
    <t>新冠肺炎 ncp 爆發 以來 全球 各地 都 陸續 傳出 確診 案例 近日 更是 在 日本 迅速 蔓延 近日 有 網友 就 在 ptt 發問 表示 如果 現在 日本 官員 全都 開始 清醒 認真 防疫 這樣 還 來 的 及 嗎 文章 瞬間 引起 網友 熱 議 一 名 網友 近日 在 ptt 八</t>
  </si>
  <si>
    <t>新冠肺炎 ncp 爆發 以來 全球 各地 都 陸續 傳出 確診 案例 近日 更是 在 日本 迅速 蔓延 近日 有 網友 就 在 ptt 發問 表示 如果 現在 日本 官員 全都 開始 清醒 認真 防疫 這樣 還 來 的 及 嗎 文章 瞬間 引起 網友 熱 議 一 名 網友 近日 在 ptt 八卦板 以 標題 日本 現在 清醒 還 來得及 嗎 發文 表示 現在 日本 爆發 一 堆 病例 疫情 慘重 假如 現在 官員 全部 清醒 開始 認真 防疫 的 話 還 來 的 及 嗎 會 不 會 疫苗 馬上 就 研發 出來 然後 這 件 事情 就 落幕 文章 曝光 後 有 網友 留言 表示 學 武漢 封城 啊 擔心 自己 臺灣 吧 科科 隨時 都 可以 來得及 只 是 看 來不及 是 定義 在 什麼 東奧 障礙 讓 他們 不 想 面對現實 不 辦 東奧 寧願 死 的 精神 下 周 開會 決定 要 不 要 醒 東奧 就算 少 到 只 有 中國 跟 日本隊 比 也 要辦 下去 再 擺 爛 下去 3 月 日本 變 全球 最 大 疫區 他們 其實 有能力 處理 卡 在 辦 東奧 心態 但有 大部分 網友 覺得 已經 太 晚 紛紛 留言 點出 主因 來不及 了 檢驗 是 一 回事 縮 限潛 在 病例 跟 爬 梳 接觸 史 在 已經 發生 社區 感染 的 現在 難度 太 高 晚 了 接下來 確診 病例 要 往 上 沖了 不會 清醒 啦 官員 信賴 一 但 被 打破 你 要 原本 就 對 政治 冷感 的 日本 民眾 再 去 相信 難 了 開會 的 速度 趕不上 疫情 的 速度 有 哪個 國家 確診 例 從 29 飆 車 到 61 早就 淪陷 了 已經 有 病例 在 東京車站 晃 好幾 天 現在 連厚勞 省 都 有人 中獎 了 連 自己 官員 都 爆 看來 沒 救 了</t>
  </si>
  <si>
    <t>英國 新冠肺炎 疫情 惡化 但 首相 強森 19 日 強調 他 相信 疫情 可以 在 未來 12 周內 受到 控制 不過 前提 是 民眾 須 遵從 政府 的 抗 疫 指南 去 做 從 19 日 起 英國 疫情 較 嚴重 的 倫敦 關閉 部分 地鐵站 但 首相府 稱 目前 倫敦 封 城 機會 為 零</t>
  </si>
  <si>
    <t>新冠肺炎 臺灣 蘇貞昌 國內 臺灣</t>
  </si>
  <si>
    <t>who 川普 譚 德塞 大 流行 新冠肺炎</t>
  </si>
  <si>
    <t>全球 升溫 的 新冠肺炎 疫情 成為 詐騙 集團 的 新 手法 30 歲 單身 林 姓 女子 的 網路 情 mr cheng 自稱 是 香港 人 還 秀 出 大 肌 身材 猛男 照 以 甜言蜜語 擄 獲 林女 芳心 mr cheng 向 林女 指稱 因 疫情 管制 導致 他 收入 大幅 減少 要</t>
  </si>
  <si>
    <t>全球 升溫 的 新冠肺炎 疫情 成為 詐騙 集團 的 新 手法 30 歲 單身 林 姓 女子 的 網路 情 mr cheng 自稱 是 香港 人 還 秀 出 大 肌 身材 猛男 照 以 甜言蜜語 擄 獲 林女 芳心 mr cheng 向 林女 指稱 因 疫情 管制 導致 他 收入 大幅 減少 要 商 借 新 台幣 15萬 元 應急 林女 不 疑 有 他 到 銀行 匯款 所幸 行員 及 員 員警 覺 有異 及時 勸阻 詐騙 集團 手法 推陳出新 連 全球 延 燒 的 新冠肺炎 疫情 也 用上 了 保七 第一 大隊 20 日 表示 日前 阻攔 第一 件 以 假 藉 新冠肺炎 疫情 作為 詐騙 藉 口 的 網路 交友 感情 詐騙 案件 林 女 2 月 28 日 上午 到 台銀 鬥六 分行 要辦 匯款 到 香港 不斷 低頭 滑 手機 引起 銀行 人員 注意 通報 保七 員警會 同行 員 趨前 關心 瞭解 林女 指稱 錢 是 要 匯 給 從小 就 認識 的 朋友 堅持 沒有 被騙 經 員警 及 行員 耐心 的 關心 探詢 林女才 娓娓道 出 她 在 遊戲 網站 認識 香港 人 mr cheng 雖 兩 人 並未 見面 但是 對方 溫柔體貼 讓 她 很 信任 mr cheng 日前 訴苦 說 因為 新冠肺炎 疫情 管制 影響 導致 收入 大 減 要 借 15萬 元 應急 等 疫情 過後 生活 工作 穩定 就 會 還 錢 經 員警 與 行員 解釋 說 明 林女才 恍然大悟 原來 是 遇上 詐騙 集團 的 網路 交友 詐騙 感謝 員警 及 行員 的 勸阻 讓 她 保住 辛苦 錢 中 時 新聞網 關心 您 防 詐騙 專線 165 報案 專線 110</t>
  </si>
  <si>
    <t>技嘉 2376 5 月 營 收 再創 單月 歷史 新高 站上 11601億 元 月 增 5 年 增 52 連續 第 3 個 月 營 收 站上 百億 元 累計 前 5 個 月 營 收 為 51014億 元 年 增 64 今年以來 宅 經濟 發酵 品牌 大廠 輝 達 超 微 新品 推出 帶動 技嘉 板 卡 伺服器 等 產品 出 貨 暢 旺 營 收 吃 補 外資 持 股 技嘉 由 年初 的 27 增加 到 32 技嘉 是 目前 市面上 amd 伺服器 產品數量 最 多 陣容 最 齊全 應用 範圍 最 廣 的 品牌 致力 提供 各種 高效能 運算 的 商用 情境 優化 的 產品 解決 方案 除了 協助 歐洲 頂尖 理工學院 建置 資料 運算 中心 以及 歐洲 核子 研究 組織 cern 選擇 技嘉 amd 伺服器 來 處理 大型 強子 對撞機 lhc 的 實驗 巨 量 資料 之外 技嘉 運算 叢集 與 伺服器 的 高效能 運算 讓 探索 外 星 生命 研究 氣候變遷 到 追蹤 新冠肺炎 足跡 變 得 更加 容易 技嘉 也 切入 自動 駕駛 車輛 決策控制 平臺 技嘉 科技 adcu3 100 車載 決策控制 與 ai 邊緣 運算 平臺 支援 各 類型 加速器 可 提供 自 駕車 感知 融合 與 決策 判斷 所 需 的 強大 算 力 提供 各式 高速 介面 介面 靈活性 連接 車輛 周邊 感測器 即時 收集 與 傳輸資料 藉 以 分析 車輛 與 駕駛人 狀態 並 做出 即時 行為 調整 和 決策 技嘉 目前 業績 占 比 最 大 的 產品 線 為 顯 卡 約 40 主機板 為 30 伺服器 經過 多年 耕耘 占比 已 來到 20</t>
  </si>
  <si>
    <t>新冠肺炎 臺灣 連鎖店 7 人 違反</t>
  </si>
  <si>
    <t>印度 總理 莫迪 narendra modi 週二 對 全國 發表演說 時 宣佈 新冠肺炎 防疫 封鎖 措施 的 實行 期間 將 延至 5 月 3 日 原本 為期 21 天 的 封鎖 措施 訂 於 週二 午夜 解除 莫迪 表示 封鎖 及 其他 社會 疏 離 措施 已 使 國家 受益 儘管 經濟 成本 隨</t>
  </si>
  <si>
    <t>印度 莫迪 新冠肺炎 全國 封鎖</t>
  </si>
  <si>
    <t>莫德納 疫苗 新冠肺炎 臺灣 接種 順序</t>
  </si>
  <si>
    <t>被 稱為 日本 第一 牛郎 夜 之 帝王 的 羅蘭 roland 年薪 高 達日 幣 3億 元 他 開 的 男 公關 店 發 薪 也 相當 闊綽 但 受到 新冠肺炎 影響 日前 宣佈 暫時 停業 不過 羅蘭昨 2 日 罕見 曬 了 兩 張 裸照 說 想要 被 我 擁抱 上 床</t>
  </si>
  <si>
    <t>被 稱為 日本 第一 牛郎 夜 之 帝王 的 羅蘭 roland 年薪 高 達日 幣 3億 元 他 開 的 男 公關 店 發 薪 也 相當 闊綽 但 受到 新冠肺炎 影響 日前 宣佈 暫時 停業 不過 羅蘭昨 2 日 罕見 曬 了 兩 張 裸照 說 想要 被 我 擁抱 上 床 嗎 引發 粉絲 熱烈 回應 還有 人 看 照 後 感動 表示 能 活 著 真是 太好了 羅蘭 是 日本 男 公關 界 的 傳奇人物 許多 自負 發言 更是 出名 甚至 還 集結 成冊 出書 辦 名言 展覽 他 曾說 如果 我 認真 做 男 公關 的話 法國 的 葡萄園 大概 都 要 滅絕 了 你 的 年薪 只是 我 的 時薪 世界 上 只 有 2 種 男人 我 我 以為 的 人 等 名言 為人 津津樂道 羅蘭 日前 才剛 宣佈 他 的 男 公關 店 the club 受到 新冠肺炎 影響 現在 可能 連 員工 的 薪水 房租 都 無法 負擔 讓 他 相當 苦惱 不得不 暫時 停業 不過 發文 隔日 馬 上 貼出 兩 張上 半身 裸照 還 說 想要 被 我 擁抱 嗎 由於 日文 的 抱 有 兩 種 意思經常 被 引申為 發生 性關係 所以 發文 一 出 就 引發 網友 爆 動 短短 1 天 就 近 7萬 人 按 贊 不過 羅蘭 也 補充 各位 粉絲 在 夢中 可以 自由 想像 不論如何 大家 都 要 好好 的 粉絲 看 後 紛紛表示 好 高級 的 色情 啊 啊 啊 好 想 抱 一下 我 想 在 現實 中 抱 你 好 想 被 你 抱 在 懷裡 根本就是 大衛 雕像 啊 這 照片 在 發光 啊 更 多 ctwant 報導</t>
  </si>
  <si>
    <t>加強版 集中 檢疫所 快 篩 陽性 無 症狀 新冠肺炎</t>
  </si>
  <si>
    <t>隱瞞 伊朗 新冠肺炎 萬 人 塚 連 太空 都 看得見</t>
  </si>
  <si>
    <t>儘管 伊朗 官方 資料 顯示 新冠肺炎 確診 病例 破 萬 死亡 超過 400 人 除 了 中國 大陸 外 這 疫情 仍 在 災情慘重 的 義 大利 之後 不過 據 華盛頓郵報 washington post 和 每日 郵報 daily mail 報導 衛星 影像 顯示 伊朗</t>
  </si>
  <si>
    <t>儘管 伊朗 官方 資料 顯示 新冠肺炎 確診 病例 破 萬 死亡 超過 400 人 除 了 中國 大陸 外 這 疫情 仍 在 災情慘重 的 義 大利 之後 不過 據 華盛頓郵報 washington post 和 每日 郵報 daily mail 報導 衛星 影像 顯示 伊朗 疫情 中心庫 姆 qom 的 墓地 正在 擴大 專家 說 種種 跡象 顯示 這 新 出現 的 300 英尺 約 91 公尺 大 溝 是 埋 新冠肺炎 死者 的 萬人塚 此外 多 支 影片 顯示 挖掘 大 溝 的 當事人 證實 他們 是 為了 因應 爆發 的 新冠肺炎 疫情 專家 認為 從 伊朗 的 衛星 影像 可以 看出 匆匆 挖 出 的 萬人塚 是 為了 因應 節 節 攀升 的 新冠肺炎 死者 伊朗 是 目前 全球 新冠肺炎 疫情 十分 慘重 的 國家 之一 各方 廣泛 懷疑 當局 隱瞞 了 危機 的 實際 規模 馬薩爾 科技 maxar technologies 公開 的 衛星 畫面 顯示 聖城 庫 姆 的 貝 謝赫 馬蘇梅 behesht-e masoumeh 公墓 直到 去年 10月 時 大都 還是 空 著 不過 從 今年 3 月 起 原本 半 空 的 1 4 墓地 都 滿 了 另 一個 原本 還 沒 使用 的 區域 也 開始 啟用 而 在 第二 塊 區域 內 出現 了 兩 條 長 達 約 91 公尺 的 大 溝 從 衛星 圖像 上 清晰可見 馬薩爾 科技 的 分析 師說 這 匆忙 挖 出 的 壕溝 和 先前 的 墓地 不同 此外 他 指出 墓穴 旁 堆積 的 白色 物質 可能 是 群 葬 所用 防止 屍體 快速 腐敗 的 石灰</t>
  </si>
  <si>
    <t>治療 新冠肺炎 住院 病 患 可望 有 全新 療法 國衛院 近日 發佈 最新 研究成果 指出 使用 瑞德西韋 搭配 一 款 用於 器官 移植 抗 排斥 的 免疫 製劑 環孢素 老 藥 來 治療 新冠 中 重症 患者 可 達成 一 加 一大 於二 的 療效 進一步 縮短 病</t>
  </si>
  <si>
    <t>治療 新冠肺炎 住院 病 患 可望 有 全新 療法 國衛院 近日 發佈 最新 研究成果 指出 使用 瑞德西韋 搭配 一 款 用於 器官 移植 抗 排斥 的 免疫 製劑 環孢素 老 藥 來 治療 新冠 中 重症 患者 可 達成 一 加 一大 於二 的 療效 進一步 縮短 病 患 病程 提高 新冠 中重度 病 患 的 存活率 瑞德西韋 具有 抑制 新冠 病毒 效果 一 開始 被 稱為 神 藥 但 臨床 實證 使用 瑞德西韋 對 插管 或 裝 葉克 膜 的 重症 患者 預後 及 降低 死亡 沒有 幫助 目前 是 建議 住院 須用 氧氣 或 使用 高 流量 氧 或非 侵襲 性 呼吸器 的 患者 使用 國 衛 院 生 技 與 藥物 研究所 研究員 李秀珠 率 其 研究 團隊 尋找 除 瑞德西韋 以外 的 新冠肺炎 解 藥 起初 多半 是 找 國內 沒有 的 藥物 實驗 但 沒有 特別 發現 後來 研究 團隊 從 國內 健 保 給付 藥物 尋 寶 發現 環孢素 搭配 瑞德西韋 使用 能 有效 縮短 新冠肺炎 病程 李 秀 珠 表示 瑞德西韋 雖是 新冠 病毒 的 解 藥 但僅 能 抑制 病毒 在 體內 轉錄 複製 降低 病 患 體內 病毒 量 然而 新冠肺炎 對 人體 所 帶來 的 影響 卻 不僅 止於 病毒 複製 還 會 引發 人體 的 細胞 因數 風暴 而 加入 環孢素 的 使用 後 即 可 降低 細胞 風暴 的 產生 提高 治癒率 至於 兩者 最 適合 搭配 劑量 為何 李秀珠 說 目前 實驗 結果 還 很 難用 單一 資料表 現 但 透過 大 資料 運算 大多數 的 配法 都 能 達到 一 加 一大 於二 的 效果 只是 效果 究竟 能 達多高 還 有待 進一步 的 人體 試驗 驗證</t>
  </si>
  <si>
    <t>香港 衛生防護 中心 22 日 公佈 當地 新增 44 宗 新冠肺炎 確診 個案 有 29 宗 病例 為 境外 輸入 其中 7 人 是 留學生 另外 15 宗是 本土 感染 病例 信 報 財經 報導 香港 衛生防護 中心 指出 新增 患者 年齡 介於 20 個 月 大 72 歲 其中 境外 輸入 2</t>
  </si>
  <si>
    <t>香港 衛生防護 中心 22 日 公佈 當地 新增 44 宗 新冠肺炎 確診 個案 有 29 宗 病例 為 境外 輸入 其中 7 人 是 留學生 另外 15 宗是 本土 感染 病例 信 報 財經 報導 香港 衛生防護 中心 指出 新增 患者 年齡 介於 20 個 月 大 72 歲 其中 境外 輸入 29 宗 病例 多數 病 患 均 曾 到訪 歐美 包括 7 名 留學生 及 一 名 香港 運動員 其中 有 兩 患者 屬於 加拿大 旅行團 體 此 團體 至 今 共 7 人 確診 對此 港 大 醫學院 院長 梁卓偉 表示 香港 疫情 正 處於 最 高風險 階段 未來 兩 周仍會 有 大批 港人 從 外國 返回 香港 如果 市民 減少 社交 接觸 無法 取得 成效 香港政府 在短期內 應 考慮 限制 餐飲業 的 營業時間</t>
  </si>
  <si>
    <t>因應 新冠肺炎 高雄市 各 早 療 中心 及 據點 不敢 大意 老師 們 在 療 育 課程設計 運用 巧 思 將 洗手 個人 衛生習慣 健康 促進 等 內容 融入 繪 本 教材 課程 希望 讓 孩子 養成 良好 衛生習慣 打造 強健 抵抗力 來 面對 傳染性 疾病 為 照顧 0 至 6</t>
  </si>
  <si>
    <t>因應 新冠肺炎 高雄市 各 早 療 中心 及 據點 不敢 大意 老師 們 在 療 育 課程設計 運用 巧 思 將 洗手 個人 衛生習慣 健康 促進 等 內容 融入 繪 本 教材 課程 希望 讓 孩子 養成 良好 衛生習慣 打造 強健 抵抗力 來 面對 傳染性 疾病 為 照顧 0 至 6 歲 發展 遲緩 與 身心 障礙 兒童 早 療 中心 工作人員 每日 清早 即 投入 環境 清潔 消毒 將 教室 空間 教具 輔 具 扶手 門把 等 用 酒精 進行 擦拭 更 善用 戶外 陽光 進行 曝曬 殺菌 並 備 好 額 溫槍 幹 洗手 液 等 迎接 上課 的 孩子 老師 們 加強 每天 的 環境 與 用 物 清潔 消毒 頻率 空間 保持 通風 孩子 下 課後 除了 用 漂 白水 也 定期 推 著 醫療 級 的 紫外線 消毒 燈 進行 教室 內 全面 消毒 社會局 兒 福 中心 表示 除 管控 進出 早 療 中心 人員 每天 也 密切注意 孩子 的 精神 狀況 食欲 活動力 體溫 洗手 等 情形 監測 並 緊 盯 著 孩子 在 機構 內 的 情形 期待 透過 這樣 的 努力 為 孩子 的 照顧 與 健康 把關 為 防疫 守 住 這 一道 防線</t>
  </si>
  <si>
    <t>新冠肺炎 可能 在 秋冬 捲土重來 屆時 將 直接 碰上 流感 的 衝擊 專家 表示 過去 流感 季節 國外 曾 出現 醫療 量 能 崩潰 的 情況 加 護 病房 被占 滿 排擠 了 其他 病 患 的 需求 今年 流感 季節 碰上 新冠肺炎 醫療 整備 必須 做好 流感疫苗 的</t>
  </si>
  <si>
    <t>疫苗 新冠肺炎 臺灣 大陸 朱鳳蓮</t>
  </si>
  <si>
    <t>新 纖 1409 去年底 公告 其 杭州 廠 將 搬遷 原訂 2020 年 中 結束 營業 春節 期間 即為 停工 狀態 因此 不受 影響 杭州 廠 的 搬遷 補償 及 獎勵 補貼 為 人民幣 78億 元 公司 表示 因 有 稅負 問題 須 考慮 尚 無法 確定 可 認 列 獲利 金額 此外 新 纖 亦 公告 將 在 揚州 建新 的 工程 塑膠廠 預估 最 快 2021 年 完工 新 纖 今 早 盤 逆勢 反彈 挑戰 季線 反 壓 市場 揣測 新冠肺炎 影響 中國 產 能 生產 及 運輸 新 纖 聚酯纖維 可望 有 轉 單 的 受惠 題材 但 法人 指出 新 纖 已 在 數 年前 將 纖維 產品 由 大宗 規格 轉 作 特殊 規格 因此 並 沒有 因 中國 疫情 蔓延 而 出現 轉 單 受惠 新 纖 目前 在 臺灣 的 工廠 為 聚酯 粒 與 聚酯纖維 聚酯 粒 的 銷售 地區 以 日本 東南亞 為主 法人 指出 由於 飲料業 者 對 回收 酯 粒 的 需求 提升 新 纖 於 2020 年 1 月 與 三菱 商事 簽約 在 泰國 廠 擴 建 21萬 噸 聚酯 粒 產能 其中 r-pet 回收 酯 粒 可 占 50 若 3 月 順利 通過 環 評 預計 明年 4 q 可望 完工 屆時 新 纖 將 切入 r-pet 上游 對 營運 將 是 另 一 挹注 新 纖 也 公告 將 在 5 月 28 日 舉行 股東會 3 月 20 到 3 月 25 日 暫停 融 券 賣出 股票</t>
  </si>
  <si>
    <t>新冠肺炎 預約 健 保 快易通 app 疫苗</t>
  </si>
  <si>
    <t>陳時中 鄭麗文 臺灣 疫苗 新冠肺炎</t>
  </si>
  <si>
    <t>開放 盧秀燕 新冠肺炎 解封 防疫</t>
  </si>
  <si>
    <t>新冠肺炎 臺灣 戶外工作 工人 外 送 員</t>
  </si>
  <si>
    <t>新增 152 例 確診 新冠肺炎 韓國 累計 8565 例</t>
  </si>
  <si>
    <t>繼 富 邦 產 國泰 產 以及 旺 旺 友聯 產 之後 為 防疫 以及 提供 保戶 更 多 保障 新安 東京 海上 產 也 將旗 下 健康 險 再 升級 包括 取消 法定 傳染病 等待 期 等 五大 保障 新安 東京 海上 產險 表示 為了 提升 民眾 健康 保障 推出 升級 版 的 健康 禦 守 健康 保險 主要 的 五大 保障 為 一 取消 因 罹 患 新冠肺炎 登革熱 等 法定 傳染病 等待 期 二 保戶 經 確診 罹 患 約定 的 法定 傳染病 將 額外 給付 法定 傳染病 補償 金 三 保障 範圍 不分 海內外 四一 次 住院 達 90 日 以上者 提供 住院日 額 500 倍 的 高額 突發 傷病 特別 慰問金 五 不分 職業 類別 不須 體檢 都 可 投保 守護 民眾 健康 更 全面 健康 防護 好 心安 為 減輕 國人 面對 法定 傳染病 等 突發 傷病 之 壓力 新安 東京 海上 產險 推出 針對 法定 傳染病 的 保單 除 新冠肺炎 外 其他 如 登革熱 流感 併發 重症 等 法定 傳染病 都 包含 在內 若 保戶 經 確診 將 一次性 給付 法定 傳染病 補償 保險金 尤其 保障 範圍 不分 海內外 提供 保戶 最 完整 防護 網 新安 東京 海上 產險 副總經理 呂文泉 表示 新安 東京 海上 產險 健康 禦 守 健康 保險 不僅 保障 法定 傳染病 連 海內外 突發 傷病 也 涵蓋 應 是 市場 保障 範圍 最 廣 的 防疫 保單 且 保費 相對 傳統 壽險 便宜 不 限 職業 類別 都 可 投保 民眾 無需 特別 體檢 可 減少 投保 時 的 困擾 與 費用 貼心 守護 國人 健康 呂文泉 說 新安 東京 海上 產險 健康 禦 守 健康 保險 也 保障 擴 及 海外 也 就 是 隨 著 疫情 緩解 若 國際 商旅 活動 解禁 當 保戶 海外 旅遊 經 醫師 確診 為 法定 傳染病 時 可 領取 1 3萬 元 不等 的 補償 保險金 若 因 新冠肺炎 住 進 負 壓 隔離病房 每日 給付 可 達 3000 9000 元 當 連續 住院 90 日 以上 則 可 領 走 50 150萬 元 不等 的 一次性 的 突發 傷病 特別 慰問金 另外 還 可 選擇 附加 投保 突發 傷病 住院 回診 保險金 突發 傷病 住院 照護 費用 保險金 相關 醫囑 回診 或 住院 時 每次 或 每日 可 獲得 1000 3000 元 理賠金 讓 保戶 更 無 後顧之憂 專心 對抗 病毒</t>
  </si>
  <si>
    <t>電子 化學材料 通路商 崇越電 3388 受到 原 物料 價格 下滑 及 中 美 貿易戰 干擾 致使 2019 年 營 收 及 獲利 均 呈現 下滑 2019 年 每股 盈 餘 為 51 元 崇越 電錶 示 今年以來 全球 受到 新冠肺炎 影響 經濟 景氣 目前 全球 市況 仍 存在 諸多 不 確定</t>
  </si>
  <si>
    <t>崇越電 殖 息率 新冠肺炎</t>
  </si>
  <si>
    <t>根據 trendforce 表示 自 2019 年 躋身 為 全球 第二 大 智慧 型 手機 市場 的 印度 近期 因 新冠肺炎 疫情 日趨嚴重 民生 經濟 再次 遭受 重創 進而 影響 各 大 手機 品牌 的 生產 與 銷售 力道 trendforce 預估 2021 年 全球 智慧 型 手機 市場 的 年 增</t>
  </si>
  <si>
    <t>根據 trendforce 表示 自 2019 年 躋身 為 全球 第二 大 智慧 型 手機 市場 的 印度 近期 因 新冠肺炎 疫情 日趨嚴重 民生 經濟 再次 遭受 重創 進而 影響 各 大 手機 品牌 的 生產 與 銷售 力道 trendforce 預估 2021 年 全球 智慧 型 手機 市場 的 年 增 幅度 將 因 此 自 原先 的 94 收斂 至 85 生產 總數 約 136億 支 且 未來 不 排除 有 持續 下 修 的 可能 trendforce 進一步 指出 目前 全球 前 五大 手機 品牌 三星 蘋果 小米 oppo vivo 皆 有 在 印度 設置 產 線或 透過 oem 廠 協力 產出 且 比重 逐年 擴大 惟 目前 的 產出 仍以 供應 當地 需求 為主 依 現階段 當地 生產 情形 來看 初 估 第二 季至第 三 季 共有 1200萬 支 的 生產量 會 受 影響 而 印度 全年 生產 總量 將 可能 因 此 下滑 75 印度 除了 因 人口 紅利 造就 的 龐大 的 市場需求 外 政府 為 了 提 振 經濟 創造 就業機會 也 祭出 關稅 優惠政策 吸引外資 落地 以 加速 供應 鏈 在 地 化 持續 拉攏 國際 手機 品牌 擴大 當地 的 生產 比重 以 穩固 在 全球 手機 市場 的 位置 據 當地 資料 指出 第二 波 疫情 主要 重創 中 高 富裕 階層 其 將 正面 衝擊 第二 季 消費 表現 並 進一步 導致 平均 售價 asp 下滑 因此 手機 品牌 廠 勢必會 視 成品 庫存 狀況 以 調節 全年 生產 計畫 從 印度 前 四大 手機 品牌 銷售 市 占 來看 依序 為 小米 25 oppo 23 三星 22 vivo 16 四 者 合計 囊括 86 其 銷售 品 項 覆蓋 市場 主流 消費 100 250 美元 區間 的 產品 因此 疫情 擴大 對 各 大 品牌 皆 有 衝擊 另 從 生產力 來看 據悉 目前 多數 工廠 不受 疫情 影響 仍 維持 正常 營運 然而 隨 著 疫情 擴散 速度 加快 不 排除 將 對 廣大 的 中低 階 勞動 人口 產生 負面效應 trendforce 認為 若 後續 情況 未 緩解 也 將 使 關務 停 擺 甚至 影響 零 組件 運輸 整體而言 倘若 印度 疫情 未能 于 第二 季 獲得 妥善 控制 2021 年 下半年 印度 的 景氣 也 將 難以 樂觀 看待 屆時 2021 全年度 手機 生產量 可能 再度 面臨 下 修 基於 此 假設 trendforce 提出 熊市 預測 不 排除 將 今年 智慧 型 手機 生產 總量 的 增幅 再度 下 修至 8 以下</t>
  </si>
  <si>
    <t>鑒於 以 美國 為首 的 主要 經濟體 祭出 大規模 的 刺激 方案 以及 全球 疫苗 加速 接種 國際貨幣基金 imf 發佈 最新 世界 經濟 展望 報告 調高 今 明年 全球 經濟 成長 預測 今年 成長率 上調 至 6 將 創 1970 年代 以來 新 高 同時 imf 將 臺灣 今年 經濟 成長率 由 32 上 修至 47 符合 當前 國內外 機構 對於 臺灣 預期 國發 會 表示 臺灣 今年 經濟 動能 將 由 消費 投資 出口 三 馬車 拉動 去年 曾 擔心 這 波 復蘇 是 k 型 復蘇 不 均衡 復蘇 觀察 去年 第 四季 以來 不只 半導體 產業 成長 強勁 傳統產業 也 開始 好轉 這 波 復蘇 可說是 全面 強勁 穩健 型 的 復蘇 imf 新 估 今年 全球 成長率 較 1 月 預估 的 55 調高 05 個 百分點 明年 成長率 估計 會 放緩 至 44 但 也 較 上次 預測 多 出 02 個 百分點 imf 預估 去年 全球 經濟 萎縮 33 創 大 蕭條 以來 最 大 衰 幅 imf 表示 美國 與 中國 大陸 是 全球 經濟 復蘇 的兩 大 領頭羊 美國 今年 成長率 調高 至 64 較 上次 預測 上調 13 個 百分點 較 去年 10 月 預測 更是 調 高一 倍 美國 去年 經濟 衰 幅 估 達 35 今年 復蘇 後 經濟 產值 就 可 重返 疫 前 的 水準 中國部 份 imf 新 估 今年 成長率 將 達 84 較 上次 報告 調高 03 個 百分點 imf 指出 自 去年 春天 爆發 新冠肺炎 以來 美國 即 採取 大規模 的 刺激 政策 其中 財政 刺激 總 規模 達 5 兆 美元 聯 准會 除了 將 基準利率 降 至 趨 近於零 同時 斥資 好幾 兆 美元 投入 資產 購買 計畫 其他 如 歐盟 日本 與 英國 也 採取 類似 刺激 政策 除 了 美國 此次 成長 預測 獲 調高 的 已 開發 經濟體 還有 加拿大 英國 與 義 大利 整體 已 開發 經濟體 今年 成長率 預測 也 同 步調 升至 51 較 上次 報告 上調 08 個 百分點 開發 中 國家 雖然 展望 也 獲 調升 但 調幅 不如 已 開發 國家 imf 新 估 新興 市場 今年 成長率 可 達 67 較 1 月 報告 僅 上調 04 個 百分點 imf 指出 全球 各個 地區 的 復蘇 並 不 同調 造成 復蘇 步調 不一 的 因素 有 疫苗 接種 計 畫 速度 快慢 經濟 政策 支持 的 多寡 與 經濟 對 諸如 觀光業 依賴 程度 高低 結構性 因素</t>
  </si>
  <si>
    <t>新冠肺炎 疫 外 助攻 股東會 電子 投票 集 保 結算 所 統計 今年 1773 家 發行 公司 股東會 整體 電子 投票率 高 達 56 在 電子 投票 筆數 及 股數 成 長 高 達 7 累計 筆數 達 793萬 筆 股數 達 3347億 股 外資 持 股 中 亦 有 97 透過 電子 投票 系</t>
  </si>
  <si>
    <t>新冠肺炎 疫 外 助攻 股東會 電子 投票 集 保 結算 所 統計 今年 1773 家 發行 公司 股東會 整體 電子 投票率 高 達 56 在 電子 投票 筆數 及 股數 成 長 高 達 7 累計 筆數 達 793萬 筆 股數 達 3347億 股 外資 持 股 中 亦 有 97 透過 電子 投票系統 投票 均 再 創新 巔峰 集 保 股 務 部 經理 汪明 鏽 表示 電子 投票 平臺 自 2009 年 開發 至今 因應 金融 科技 發展趨勢 持續 推出 不同 服務 並以 國際化 數位化 esg 推手 等 三大 亮點 出發 擘 畫 新 電子 投票 生態系 集 保持 續 關注 國際 發展趨勢 尋求 適切 的 合作 機會 陸續 與 全球 前 二 大 的 電子 投票 機構 broadridge 及 iss 公司 合作 提供 跨國 投票 直通 處理 stp 服務 讓 眾多 外資 股東 投票 更為 便利 而 電子 投票 管道 不 局限 於 電腦 集 保 運用 api 科技 串聯 國內 40 多 個 券商 下單 app 及 集 保 e 存摺 app 達成 電子 投票 交易 下單 與 資產 管理 一 站 購 足 讓 投資人 投票 更加 方便 並且 打破 空間 限制 集 保 指出 今年 一般 投資人 採用 app 電子 投票 比率 高 達 52 擁有 全方位 電子 投票 管道 專利 及 完善 流程 規 畫 的 集 保 去年 更以 電子 投票 創新 應用 暨 跨國 投票 直通 處理 服務 服務 受 邀 代表 臺灣 參加 在 泰國 舉辦 的 亞太 電子化 成就 獎 並 獨得 數位 轉型 公共部門 類 金獎 使 臺灣 資本 市場 數位 創新 成就 耀眼 國際 電子 投票 是 強化 股東會 透明度 的 路徑 之一 為 提供 市場 更 友善 的 投資 環境 集 保 建置 公司 投資人 關係 整合 平臺 ir 平臺 持續 以 促進 環境 社會 及 治理 esg 及 溝通 國際 合作 為 主軸 進行 發展 集 保 指出 公司 投資人 關係 整合 平臺 已 納入 富 時 msci iss sustainalytics 等 國際 重量級 評分 機構 對於 臺灣 上市 櫃 公司 評比 資訊 除 提供 發行 公司 檢 視 自身 esg 表現 參考 外 本 季 亦 將 開放 給 國內 投資者 參考 促進 機構 投資人 責任 投資 以 提升 公司 治理 形象</t>
  </si>
  <si>
    <t>集 保 股東會 電子 投票 比率 新冠肺炎</t>
  </si>
  <si>
    <t>新冠肺炎 臺灣 曹 西平</t>
  </si>
  <si>
    <t>旅遊業 國際 旅遊 組織 新冠肺炎 疫情</t>
  </si>
  <si>
    <t>新冠肺炎 疫情 人心惶惶 搶購 口罩 酒精 彷 佛 成為 臺灣人 的 全民運動 臺灣 採取 實 名 制 與 健 保 特約 藥局 配合 販 售 不過 這 也 讓 藥師 的 工作量 倍增 雖然 民眾 事先 可 在 口罩 地圖 查詢 然而 卻 面臨 困難 排隊 人潮 眾多 不少 藥局 會</t>
  </si>
  <si>
    <t>新北 市 幼稚園 群 聚 事件 板橋 某 社區 大樓 今天 深夜 12 時將 有 383 人 要 解 隔離 外界 好奇 新北 各個 檢疫所 面對 大量 民眾 解 隔離 相關 作法 為何 對此 新北 市長 侯友宜 表示 這 2 天 社區 住戶 陸續 解隔 當中 市府 對 社區 大樓 清 消 會 做 完整 讓 社區 居民 回到 乾淨 的 環境 確保安全 由於 住戶 分散 在 不同 集中 檢疫所 內 市府 事先 已 規 畫 防疫 專車 將 住戶 適當 安排 接送 回 住家 讓 社區 居民 平安 回 到家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隨 著 新冠肺炎 的 疫情 持續 更新 為 避免 室內 群 聚 感染 透過 戶外活動 提升 免疫力 與 增強 抵抗力 亦 是 防疫 良方 之一 新光 產險 為 讓 民眾 假日 也 能夠 安心 出門 特別 於 sk 858 新光 幫 我 保 網 投 平臺 推出 罩 fun 假 一年期 小額 傷害 商</t>
  </si>
  <si>
    <t>隨 著 新冠肺炎 的 疫情 持續 更新 為 避免 室內 群 聚 感染 透過 戶外活動 提升 免疫力 與 增強 抵抗力 亦 是 防疫 良方 之一 新光 產險 為 讓 民眾 假日 也 能夠 安心 出門 特別 於 sk 858 新光 幫 我 保 網 投 平臺 推出 罩 fun 假 一年期 小額 傷害 商品 專案 該 商品 的 假日 期間 自動 增 額 專用 保單 除 提供 假日 期間 出遊 時 遭遇 意外事故 之 增 額 保障 外 也 同時 提高 全年度 搭乘 大眾 運輸工具 的 通勤 族 遭遇 交通 意外 之 保障 讓 風險 填補 在 更 需要 的 地方 為 假日 愛 玩 客 或 通勤 族 的 一大 福音 該 商品 同時 包含 目前 市場 少見 的 丟 包險 新 世代 族群 若 擔心 個人 的 隨身攜帶 物品 包含 現金 手機 平板 在外 時 遭 竊 遭搶 不妨 可 利用 此 保險 商品 將 損失 降到 最低 新光 產險 提醒 清明連 假 將 至 無論是 返鄉 祭祖 或是 出門 踏青 都應 審視 自身 保障 足夠 以 罩 fun 假 方案 b 身故 保 額 40萬 元 計算 意外 身故 或 失 能 假日 保 額 提高 至 200萬 元 搭乘 大眾 運輸工具 公車 客運 火車 高鐵 或 飛機 保 額 可 提高 至 440萬 元 除了 擁有 意外 保障 外 同時 擁有 個人 隨身攜帶 物 損失 保險金額 3萬 元 的 補償 金 一 年 保費 只 要 778 元 平均 每天花 不 到 22 元 的 銅板 價 而且 只要 上 sk 858 新光 幫 我 保 動 動 手指 即可 用 獲得 全面 的 保護</t>
  </si>
  <si>
    <t>新冠肺炎 疫情 反彈 北京市政府 將 應急 回應 級別 提升 至 第 2 級 城市 對外 交通 聚會 及 線下 活動 等 群 體性 活動 禁令 再 出 其中 出入境 逾 六 成 航班 取消 快遞 業 也 暫停 運送 北京 包裹 加上 全市 所有 社區 實行 嚴格 封閉式 管理 並 限制</t>
  </si>
  <si>
    <t>新冠肺炎 疫情 反彈 北京市政府 將 應急 回應 級別 提升 至 第 2 級 城市 對外 交通 聚會 及 線下 活動 等 群 體性 活動 禁令 再 出 其中 出入境 逾 六 成 航班 取消 快遞 業 也 暫停 運送 北京 包裹 加上 全市 所有 社區 實行 嚴格 封閉式 管理 並 限制 出入 北京 已 進入 半 封城 狀態 過去 六 天 北京 新增 確診 本土 病例 已 飆 升至 137 例 北京市疾控中心 17 日 表示 疫情 在 早期 即 被 發現 目前 疫情 還 處於 上升期 據 大陸 國家 衛健 委 最新 統計 至 17 日 止 的 六 日內 北京 新增 確診 137 例 皆 與 新發 地 蔬果 批發市場 有關 且 遼寧 四川 河北 等 省份 也 出現 關連 的 確診 病例 顯示 疫情 有 擴散 風險 在 出入境 的 防疫 管 控 方面 所有 境外 人員 入境 北京 需 全部 集中 觀察 及 進行 核酸 檢測 中 高風險 地區 以及 新發 地 市場 相關 人士 禁止 離開 北京 而 其他 出 京者 需 持 7 日 內 的 核酸 檢測 證明 且 停止 開放 境內 跨 省 區 團隊 旅遊 業務 由於 北京首都機場 和 大興機場 的 航班 資訊 立刻 更改 為 全面 取消 據 大陸 民航 資料 機構 航班 管家 統計 截至 17 日 上午 9 點 兩 機場 共 取消 航班 達 1255 架次 航班 取消 率 均 在 65 以上 另 鐵路 和 客運 也 取消 多 班 車次 甚至 有 外 遞 業者 表示 暫停 運送 北京 包裹 北京 接近 半 封城 狀態 北京市政府 發言人 徐和 建 表示 北京 未來 幾 天 確診 病例 還 可能 繼續 增加 疫情 情勢 嚴峻 建議 民眾 若無 不適 無須 進行 檢測 以免 增加 感染 風險 但因 進入 任何 單位 必須 要 有 七 日內 核酸 檢測 陰性 的 證明 北京市 的 醫療點 仍 被 長長的 排隊 人龍 塞 爆 武漢大學 醫學 部 病毒 所 教授 楊 占 秋 表示 北京 本次 為 局部 的 區域性 疫情 疫情 溯源 明確 感染 源 均 來自 新發 地市 場 只 要 掌握 住 接觸 過 的 人和 物 疫情 就 可以 控制</t>
  </si>
  <si>
    <t>新冠肺炎 衝擊 各國 國外 紛紛 祭出 封 城 等 措施 但 因為 無法 出門 也 傳出 各 國家 暴 案件 頻 傳 雖然 我國 並未 有 嚴格 限制 措施 但 許多 人 未 能 順利 出遊 也 傳出 家 暴 通報 相對 去年 增加 不少 達 約 5 而 新北 市 相對 去年 更是 成長 3</t>
  </si>
  <si>
    <t>新冠肺炎 衝擊 各國 國外 紛紛 祭出 封 城 等 措施 但 因為 無法 出門 也 傳出 各 國家 暴 案件 頻 傳 雖然 我國 並未 有 嚴格 限制 措施 但 許多 人 未 能 順利 出遊 也 傳出 家 暴 通報 相對 去年 增加 不少 達 約 5 而 新北 市 相對 去年 更是 成長 3 成 有感於 疫情 讓 很多 人 失去 生命 自由 甚至 工作 也 讓 很多 婦女 受到 難以想像 的 暴力 對待 藝人 于美人 成立 的 做好事 小組 今年 義賣 捐助 的 物件 選擇 婦女 救援 社會福利 事業 基金會 希望 陪伴 婦女 建立 自信心 走 出 創傷 邁向 復原 的 康莊大道 婦女 救援 基金會 副 執行長 杜 瑛 秋 表示 今年 受到 疫情 影響 雖然 承擔 了 不少 經濟 壓力 但 臺灣 各界 的 愛心 援助 還是 沒有 停下 感謝 這些 社會 的 愛心 讓 救援 行動 可以 繼續 她 也 呼籲 民眾 要 多多 注意 身邊 的 家 暴 案件 及 家庭 主動 給予 更 多 協助 和 關懷 危險 的 時候 可以 打 110 求助 如果 需要 跟 社 工人員 討論 可以 打電話 給 113 或 婦女 救援 基金會</t>
  </si>
  <si>
    <t>婦女 新冠肺炎 疫情 家 暴 基金會</t>
  </si>
  <si>
    <t>受 隔夜 美 股 下跌 影響 週三 日 股 走低 投資人 密切 關注 全球 新冠肺炎 確診 數 持續 激增 恐 使 才剛 啟程 的 經濟 復蘇 脫離 軌道 終場 日經 225 指數 收 跌 078 為 2243865 點 東 證 一 部 指數 收 跌 092 為 155723 點 33 大類 股 全面 收</t>
  </si>
  <si>
    <t>受 隔夜 美 股 下跌 影響 週三 日 股 走低 投資人 密切 關注 全球 新冠肺炎 確診 數 持續 激增 恐 使 才剛 啟程 的 經濟 復蘇 脫離 軌道 終場 日經 225 指數 收 跌 078 為 2243865 點 東 證 一 部 指數 收 跌 092 為 155723 點 33 大類 股 全面 收 黑 高度 週期 型 的 礦業 股 保險 股 分別 下跌 29 與 143 表現 最 疲弱 全球 新冠肺炎 確診 數 持續 升高 美國 累計 確診 數 突破 300萬 例 澳州 第二 大 城市 墨爾本 週二 已 重 啟 封鎖 措施 日本 首都 東京 的 確診 數 也 持續 增加 但 經濟部長 西村 康稔 表示 沒有 必要 就 新冠肺炎 疫情 再次 宣佈 緊急 事態 oled 製造商 保土 穀 化學 公司 hodogaya chemical 大 漲 1556 因 媒體 報導 蘋果公司 今年 推出 的 5 g 版 iphone 手機 將 全面 改 采 oled 螢 幕 iphone 的 lcd 面板 供應商 日本 顯示器 終場 收 平 早 盤 一度 重 挫 6</t>
  </si>
  <si>
    <t>確診 數 收 跌 日 股 全球 新冠肺炎 指數</t>
  </si>
  <si>
    <t>今年 2 月中 旬 一 名 白 牌 計程車 司機 一度 為 國內 首 位 感染 源 不 明 的 新冠肺炎 確診 病例 後來 靠 著 對 一 名 台商 的 抗體 檢測 追 出 原來 是 司機 載 過 這 名 曾 遭 感染 的 台商 最近 長 庚 大 學 團隊 也 從新冠肺炎 痊癒 者 身上 找 到 有效 對 抗病</t>
  </si>
  <si>
    <t>國內 新冠肺炎 疫情 持續 延 燒 雖然 屏 東縣 已 連 4 天 嘉玲 但 為 維護 前線 防疫 人員 安全 屏 東 縣政府 自籌經費 為 全縣 4396 名 防疫 人員 加 保 防疫 險 此外 經 中央 撥 配 第二 波 5600 劑 疫苗 到位 除 部分 優先 第一線 醫護人員 施打外</t>
  </si>
  <si>
    <t>新冠肺炎 臺灣 屏 東 防疫 人員 醫護人員</t>
  </si>
  <si>
    <t>新冠肺炎 衝擊 消費 出口 主 計 總 處 下 修 今年 gdp 為 237</t>
  </si>
  <si>
    <t>新冠肺炎 衝擊 經濟 主 計 總 處 今 公佈 下 修 今年 全年 經濟 成長率 預測值 至 237 與 去年 11 月 的 預測值 相比 下 修 幅度 達 035 個 百分點 主 計 總 處 主 計 長 朱 澤民 表示 若 沒有 新冠肺炎 疫情 應該 會 持續 上 修 全年 經濟 成長率 但 疫</t>
  </si>
  <si>
    <t>新冠肺炎 衝擊 經濟 主 計 總 處 今 公佈 下 修 今年 全年 經濟 成長率 預測值 至 237 與 去年 11 月 的 預測值 相比 下 修 幅度 達 035 個 百分點 主 計 總 處 主 計 長 朱 澤民 表示 若 沒有 新冠肺炎 疫情 應該 會 持續 上 修 全年 經濟 成長率 但 疫情 發生 了 評審 會 以 sars 影響 3 個 月 為 參考 下 修 民間 消費 出口 以及 民間 投資 等 預測 全年 gdp 受 疫情 衝擊 035 05 個 百分點 朱 澤民 進一步 指出 這次 與 2003 年 sars 疫情 不同 電 商 外 送 平臺 發展 成熟 宅 經濟 發展 可以 讓 商品 透過 更 多 元 管道 銷售 衝擊 不 會 像 sars 這麼 大 當年 第 2 季 經濟 成長率 甚至 出現 負數 朱 澤民 認為 目前 股市 金融 面 仍 穩定 加上 與 大陸 競爭 廠商 有 轉 單 效益 今年 各季 gdp 民間 消費 都 不至於 像 sars 當年 一樣 出現 負 成長 主 計 總 處 也 同時 公佈 去年 第 4 季 初步統計 經濟 成長率為 331 以及 全年 經濟 成長率 271 主 計總 處 報告 指出 新冠肺炎 疫情 延 燒 中國 大陸 採取 封城 延後 生產 開工 等 措施 也 對 各國 有 多 項 防疫 管制 禁令 加以 高度 不 確定性 勢 將 影響 生產 消費 及 交易 等 正常 經濟 活動 進而 拖累 全球 經濟 表現 影響 外貿 擴張力 道 隨 新冠肺炎 疫情 逐漸 獲得 控制 供應 鏈 生產 活動 回復 正常 主 計 總 處 認為 出口 動能 可望 回升 預測 今年 我國 商品 出口 3387億 美元 年 增 285 服務 輸出方 面 來 台 旅客 第 1 季大 減 衝擊 旅行 收入 並 計 商品 與 服務 並 剔除 物價 因素 後 實質 輸出 成 長 173 較 去年 11 月 預測 下 修 096 個 百分點 民間 消費 方面 朱 澤民 認為 疫情 對 國人 消費 衝擊 在所難免 幸好 國內 疫情 有效 控制 尚無 死亡 案例 確診 個案 亦 遠 低於 2003 年 之 sars 疫情 民眾 恐慌 情緒 應可 逐漸 減低 加上 部分 台商 尚未 回大陸 對 我國 消費 仍 有 挹注 股票市場 表現 亦 穩定 預測 今年 民間 消費 實質成長 158 下 修 044 個 百分點</t>
  </si>
  <si>
    <t>新冠肺炎 防疫 馬文君 移 工 開齋節</t>
  </si>
  <si>
    <t>新冠肺炎 假 訊息 流竄 屏警 接 獲 6 起 報案</t>
  </si>
  <si>
    <t>新冠肺炎 疫情 嚴峻 網路上 常 流傳 假 訊息 引發 民眾 恐慌 屏 東縣 警察局 近期 接 獲 6 起 關於 疫情 的 假 訊息 已 移送 4 件 有鑒於 網路 數位化 犯罪 愈來愈多 縣 警 局 2 年 多 前 成立 科技 犯罪 偵查隊 及 數位 證物 實驗室 去年 協助</t>
  </si>
  <si>
    <t>食 藥 署 封 緘 az 疫苗 臺灣 新冠肺炎</t>
  </si>
  <si>
    <t>隨 著 國內 新冠肺炎 疫情 持續 升溫 不少 民眾 為 避免 群 聚 選擇 到 山區 及 森林 遊樂區 旅遊 屏 東 林管 處 17 日 宣佈 包括 林後 四 林 平地 森林 園區 等 多 處 管轄區 域 自 5 月 18 日 至 5 月 28 日 期間 暫停 開放 原鄉 族人 也 呼籲 民眾 減少 異地 移動</t>
  </si>
  <si>
    <t>新冠肺炎 臺灣</t>
  </si>
  <si>
    <t>女星 確診 新冠肺炎 首 露面 治癒 康復雙 頰 凹陷 顯 憔悴</t>
  </si>
  <si>
    <t>全球 因 新冠肺炎 疫情 影響 各行各業 多少 都 受到 影響 各國 演藝圈 明星 也 有 受到 波及 日本 南韓 接連 傳出 有 藝人 確診 令 粉絲 都 相當 不 舍 南韓 人氣 女 歌手 請 夏在 去年 12 月初 證實 確診 新冠肺炎 暫停 所有 活動 接受 治療 近日 在</t>
  </si>
  <si>
    <t>請 夏 新冠肺炎 確診 治癒 康復</t>
  </si>
  <si>
    <t>磐石 艦 一 夜增 21 確診 累計 24 人 染 新冠肺炎</t>
  </si>
  <si>
    <t>康健 雜誌 新冠肺炎 全球 delta 以色列</t>
  </si>
  <si>
    <t>49 歲 的 光 良 3 月 14 日 白色 情人節 當天 將 帶 著 全新 巡演 今夜 我 不 孤獨 二 度 前進 臺北 小 巨蛋 開 唱 並 推出 新 專輯 絕 類 他 今 25 日 上 hit fm 擔任 大 台柱 談到 演唱會 強碰新冠肺炎 表示 已 做 好 萬 全 準備 除了 疫情 的 來臨</t>
  </si>
  <si>
    <t>長相 激 似 angelababy 的 香港 辣 模 許佩榆 diva 近年 演藝事業 轉 往 大陸 發展 在 新冠肺炎 期間 也 不 忘 做好 防疫 工作 她 今 22 日 被 港 媒 直擊 與 友人 戴著 口罩 出現 在 香港 某 商場 豪 乳 上 圍 超 吸 睛 擁有 葡萄牙 新疆 血統 的 辣 模</t>
  </si>
  <si>
    <t>長相 激 似 angelababy 的 香港 辣 模 許佩榆 diva 近年 演藝事業 轉 往 大陸 發展 在 新冠肺炎 期間 也 不 忘 做好 防疫 工作 她 今 22 日 被 港 媒 直擊 與 友人 戴著 口罩 出現 在 香港 某 商場 豪 乳 上 圍 超 吸 睛 擁有 葡萄牙 新疆 血統 的 辣 模 許佩榆 2009 年 演出 tvb 四 葉草 南華 夢 飛翔 出道 後來 憑 著 超 犯規 d 罩 杯 火 辣 身材 成為 香港 宅 男女 神 只 是 人 紅 是非 多 她 就 曾 被 爆 料 是 人工 美女 當時 經紀 公司 則 為 她 喊冤 表示 她 是 以前 有 嬰兒 肥 沒有 整容</t>
  </si>
  <si>
    <t>新冠肺炎 臺灣 群體 免疫 反 覆 感染 地方 性 流行 病毒</t>
  </si>
  <si>
    <t>新冠肺炎 臺灣 地方 政府 采 檢 民眾</t>
  </si>
  <si>
    <t>新冠肺炎 疫情 仍 持續 發燒 死亡 人數 連日 創新 高 不過 前 綠 委 沈富雄 發現 新冠肺炎 致死 率 和 年齡 似乎 有 關係 有 驚人 關係 沈 認為 對 青壯之 士 以 佛 系 之 眼 待 此 病毒 對 70 歲 以上 的 老人家 以 魔 網 全力 反向 圍堵 沈富雄 在 臉</t>
  </si>
  <si>
    <t>最近 新冠肺炎 疫情 全球 延 燒 國際 導演 吳宇森 夫婦 5 日 在 美國 洛杉磯 家中 以 簡 餐 低調 祝賀 結婚 44 周年 吳宇森 喝 紅 酒 吳 太太 牛春龍 喝茶 兩 人 乾杯 祝福 彼此 身體健康 也 祝福 世界 人人 身體健康 以 愛 的 互動 度過難關 吳宇森</t>
  </si>
  <si>
    <t>最近 新冠肺炎 疫情 全球 延 燒 國際 導演 吳宇森 夫婦 5 日 在 美國 洛杉磯 家中 以 簡 餐 低調 祝賀 結婚 44 周年 吳宇森 喝 紅 酒 吳 太太 牛春龍 喝茶 兩 人 乾杯 祝福 彼此 身體健康 也 祝福 世界 人人 身體健康 以 愛 的 互動 度過難關 吳宇森 一生 熱愛 電影 把 自己 一輩子 獻給 觀眾 和 家人 聚少離多 直 到 他 得到 癌症 後 在 和 病魔 決 戰時 他 的 小孩 在 妻子 的 帶領 下 釋出 愛 在精神上 全力支持 他 才 使 他 瞭解 妻子 為了 圓 他 人生 的 夢 幫 他 教導 了 3 個 懂得 關懷 父親 丶 愛 朋友 的 好 子女 因為 愛 的 支持 吳宇森 撐過 難關 化療 後 他 曾 瘦 得 像 個 小 老頭 最後 也 因 堅持 活 著 度過 生命 的 難關 目前 他 正 在 籌 拍 新版 喋血 雙 雄 也 關注 全球 四處 漫延 的 疫情 他 強調 回到 初始 愛 自己 才 有能力 愛 他人 愛 從 家庭 出發 才是 正規 有 了 愛 和 正向 關懷 才能 抗 疫</t>
  </si>
  <si>
    <t>義 大利 新冠肺炎 疫情 失控 7 日 新增 確診 近 1200 例 義 大利 政府 當地 時間 晚間 8 時 40 分 宣佈 緊急命令 封鎖 整個 倫巴 底 大區 與其 他 區域 的 11 個 省 未經 核准 不許 進出 米蘭 威尼斯 等 大城 都 在 封鎖 之列 中央 社 報導 義 大利 7 日 確</t>
  </si>
  <si>
    <t>義 大利 新冠肺炎 疫情 失控 7 日 新增 確診 近 1200 例 義 大利 政府 當地 時間 晚間 8 時 40 分 宣佈 緊急命令 封鎖 整個 倫巴 底 大區 與其 他 區域 的 11 個 省 未經 核准 不許 進出 米蘭 威尼斯 等 大城 都 在 封鎖 之列 中央 社 報導 義 大利 7 日 確診 病例 達 5883 例 死亡 人數 233 例 許多 地方 行政 首長 也 感染 義 大利 政府 晚間 採取 新 的 緊急措施 擴大 封鎖 的 紅色 區域 封鎖 範圍 除了 米蘭 為 首府 的 整個 倫巴 底 大區 lombardia 還 包括 附近 幾 個 疫情 嚴重 大區 內 的 11 個 省 分別 為 帕瑪 parma 比 森 薩 piacenza 裡米尼 rimini 摩 狄納 modena 貝 沙羅 pesaro 烏 比 諾 urbino 威尼斯 venezia 巴多瓦 padova 特雷維索 treviso 亞歷山德里亞 alessandria 阿斯提 asti 這些 大 區 內 將 關閉 娛樂場所 博物館 體育 活動 健身房 游泳池 區域 內 的 學校 停課 到4 月 3 日</t>
  </si>
  <si>
    <t>新冠肺炎 爆發 至今 全球 確診 人數 高達 3300萬 多 死亡 人數 已 逾 百萬 美國醫學會 雜誌 研究 報告 指出 美國 境內 的 新冠 死亡數 可能 少 算了 將近 28 世界衛生組織 who 坦言 目前 的 死亡 人數 可能 被 低估 並 警告 各國 若 不 團結</t>
  </si>
  <si>
    <t>新冠肺炎 爆發 至今 全球 確診 人數 高達 3300萬 多 死亡 人數 已 逾 百萬 美國醫學會 雜誌 研究 報告 指出 美國 境內 的 新冠 死亡數 可能 少 算了 將近 28 世界衛生組織 who 坦言 目前 的 死亡 人數 可能 被 低估 並 警告 各國 若 不 團結 死亡 人數 恐怕 倍 增至 200萬 人 根據 7 月份 出刊 的 美國醫學會 雜誌 jama internal medicine 研究 報告 指出 耶魯大學 研究員 依據 美國 衛生統計 中心 的 資料 發現 美國 境內 的 新冠肺炎 死亡 人數 可能 少 算了 將近 28 約翰霍普金斯大學 統計 顯示 新冠 死亡 人數 最 多 的 國家 前 3 名 依序是 美國 204萬 人 巴西 141萬 人 以及 印度 95萬 人 但 who 世衛 突發 衛生事件 執行 主任 萊恩 直言 計算 時 沒 辦法 做 到 完美 甚至 保證 無論是 確診 或 死亡 人數 官方 的 統計數字 很 可能 被 低估 華盛頓郵報 日前 報導 美國 休斯頓 一個 研究 團隊 23 日 公佈 的 研究 發現 病毒 不 斷 突變 可能 變 得 更具 傳染性 而且 更 適合 在 人類 之間 傳播 美國 國家 過敏 和 傳染病 研究所 病毒學家 莫倫斯 表示 值得注意 的 是 病毒 傳染性 增加 恐 影響 目前 的 防疫 政策 戴 口罩 洗手 等 防疫 措施 可能 都 無法 有效 阻隔 病毒</t>
  </si>
  <si>
    <t>新冠 死亡 人數 新冠肺炎 美國醫學會 雜誌 who 全球 新冠 死亡</t>
  </si>
  <si>
    <t>長 聖 國際 生 技 今年 在 亞洲 生 技 展 登場 面對 新冠肺炎 疫情 長 聖 研發 的 異體 臍帶 幹細胞 umsc 01 用於 治療 新冠肺炎 確診 患者 除 已 獲 衛福部 核准 恩 慈 療法 財團法人 醫藥品 查驗 中心 cde 認證 對 新冠肺炎 藥物 研發 具 潛力</t>
  </si>
  <si>
    <t>長 聖 國際 生 技 今年 在 亞洲 生 技 展 登場 面對 新冠肺炎 疫情 長 聖 研發 的 異體 臍帶 幹細胞 umsc 01 用於 治療 新冠肺炎 確診 患者 除 已 獲 衛福部 核准 恩 慈 療法 財團法人 醫藥品 查驗 中心 cde 認證 對 新冠肺炎 藥物 研發 具 潛力 之 藥物 外 也 同步 申請 美國 fda 緊急 使用 核准 進行 臨床 試驗 參與 抗 疫 國家隊 不 遺 餘 力 表現 亮 眼 長 聖 總經理 胸腔 科 名醫 黃文良 表示 間 質 幹細胞 的 分化 能力 很 強 可 調節 免疫系統 並 抑制 發炎 促進 內 發性 修復 對抗 重症 患者 的 細胞 激素 風暴 並 拯救 生命 希望 能帶 給 新冠肺炎 患者 恢復健康 的 契機 長 聖是 中國 醫藥 大學 暨 醫療 體系 的 合作 企業 之一 致力 於 研發 免疫 細胞 與 幹細胞 療法 對 相關 病症 給予 新 的 治療 契機 並 針對 每個 人 的 差異 給予 個人化 的 精准 醫療 是 全方位 細胞 療法 之 新藥 研發 公司 此外 黃文良 表示 對於 逐年 增加 的 癌症 患者 長 聖 積極 推動 細胞 治療 對抗 癌症 依據 特 管 辦法 長 聖 不僅 提供 自體 免疫 樹突 細胞 dc 治療 同時 也 在 今年 5 月 獲 衛福部 核准 將 dc 與 細胞 因數 誘導 的 殺手 細胞 cik 結合 成為 樹突 細胞 結合 細胞 因數 誘導 殺手 細胞 療法 dc-cik 長 聖 同時 積極 與 全台 各 醫療 院所 合作 申請 目前 已 與 17 家 大型 醫療 院所 合作 及 有 七 家 醫療機構 獲得 衛福部 核准 收 案 治療 人數 已 達 90 人 讓 癌 友 露出 生命 的 曙光 嘉惠 更 多病 人 黃文良 表示 樹突 細胞 腫瘤 疫苗 adcv 治療 多 型 性 膠質 母細胞 瘤 俗稱 惡性 腦瘤 gbm 正在 進行 2 期 臨床 試驗 此外 異體 臍帶 幹細胞 umsc 01 治療 心肌梗塞 及 腦 中風 第一 期 臨床 試驗 也 在 進行 中 在 未來 治療 疾病 有 可能 是 一 顆 細胞 a cell 而 不 只 是 一 顆 藥丸 a pill 長 聖 董事長 劉 銖 淇 表示 看到 特 管 辦法 的 個案 一 次 只 能 救到 一個 人 若 能 通過 臨床 試驗 並 上市 透過 細胞 製劑 的 量 產 將 能夠 同時 救治 很多 的 患者 這 是 最 令人振奮 的 事情 期許 嘉惠 更 多病 人</t>
  </si>
  <si>
    <t>法人 機構 指出 隨 著 後 疫情 期間 經濟 緩 復蘇 現象 全球 低 利率 環境 將 持續 一段時間 而 聯 准會 政策 動向 延續 當前 基準利率 近 0 的 現象 至少 維持 到 2022 年底 或 甚至 更 久 凱基 投 信 分析 根據 歷史 經驗 回 測 2009 2014 年 間 聯 准會 維持 利率 為 0 而 可 代表 亞洲 債券 的 摩根 亞洲 信貸 指數 漲幅 達 80 表現 十分 亮 眼 凱基 新興 亞洲 永續 優選 債券 基金 預定 經理 人 陳建銘 表示 亞洲 債券 經歷 過 2008 年 金融 海嘯 2011 年 歐 債 危機 2015 年 油價 重 挫 2018 年 美中 貿易戰 2020 年 新冠肺炎 等 危機 衝擊 後 亞洲 債券 仍 能 快速 收復 跌幅 表現 相對 於亞 股 抗跌 顯示 亞 債 資產 的 穩健 度 較佳 陳建銘 進一步 觀察 歷年來 亞洲 債券 相較 於 各類 信用 債券 及 股票指數 的 年 化 夏普 值 較 高 亞洲 債券 有 096 而 市場 普遍 關注 的 全球 高 收益 債 為 076 全球 股票 為 04相形之下 亞 債 的 投資 效率 比 其他 資產 表現 更 亮 眼 尤其 是 今年 全球 市場 波動 度 增加 投資人 欲 尋找 更 能 提升 投資 報酬率 的 資產 亞 債 即 能 脫穎而出 值得 投資人 提高 關注 度 雖然 新冠肺炎 疫情 尚未 完全 控制 但 對於 金融市場 的 衝擊 已 逐漸 鈍 化 各 地區 的 經濟 活動 逐漸 復蘇 相較 於 成熟 及 新興國家 地區 亞洲 經濟 雖 同樣 受到 衝擊 但 幅度 較 小 且 估計 在 中國 市場 的 帶動 下 有 機會 加快 復蘇 腳步 未來 基本 面 前景 較為 正向 目前 全球 債券 殖 利率 水準 已 近 歷史 低點 建議 投資 角度 可 鎖定 具備 利差 收斂 空間 可望 創造 資本 利得 的 信用 債券 陳建銘 表示 目前 亞洲 債券 的 利差 水準 仍 高於 歷史 平均 而 就 歷史 評價 面 分析 亞 債 相對 於 主要 股市 公債 及 其他 信用 債 仍 相對 低廉 可望 持續 吸引 資金 青睞</t>
  </si>
  <si>
    <t>東京都 帥哥 北海道 新冠肺炎 保健</t>
  </si>
  <si>
    <t>新冠肺炎 臺灣 施打 第一線 執勤 員警</t>
  </si>
  <si>
    <t>日本首相 安倍 於 3 月 5 日 傍晚 終於 發 佈 新冠肺炎 防疫 措施 對 中國 大陸 韓國 實行 入境 限制 要求 在 9 日 以後 入境 日本 的 大陸 與 韓國 旅客 強制 隔離 14 天 據 日本 讀賣新聞 報導 因為 新冠 疫情 擴散 形勢 難以 遏止 日本政府 今 5</t>
  </si>
  <si>
    <t>日本首相 安倍 於 3 月 5 日 傍晚 終於 發 佈 新冠肺炎 防疫 措施 對 中國 大陸 韓國 實行 入境 限制 要求 在 9 日 以後 入境 日本 的 大陸 與 韓國 旅客 強制 隔離 14 天 據 日本 讀賣新聞 報導 因為 新冠 疫情 擴散 形勢 難以 遏止 日本政府 今 5 日 開始 規劃 限 縮 或 中止 已經 向 大陸 與 韓國 旅客 發出 簽證 未來 將 計畫 要求 大陸 與 韓國 兩 國 的 遊客 暫時 不 要 前往 日本 讀賣新聞 指出 來自 大陸 與 韓國 旅客 移民 官員 必須 在 醫療機構 或 政府 指定 的 機構 進行 隔離 檢疫 兩 周 由 這 兩 國 抵達 日本 的 航班 將 限制 只能 在 成田 機場 和 關西國際機場 降落 水路 部 份 的 船舶 客運 則 全部 暫停 止 為了 抑制 新冠肺炎 疫情 東京 原 就 打算 對 所有 來自 陸 韓 的 旅客 強制 隔離 14 天 安倍 首相 終於 在 5 日 晚間 的 防疫 會議 上 正式 宣佈 此 一 決定</t>
  </si>
  <si>
    <t>屏 東 新冠肺炎 確診 案 號 臺灣</t>
  </si>
  <si>
    <t>股市 全球 油價 重 挫 新冠肺炎</t>
  </si>
  <si>
    <t>上市 櫃 唯一 標榜 無 抗 養殖 的 農業 科技 概念 股 達 邦 蛋白 6578 2019 年底 取得 食品 益生 菌 廠 登記證 開發 水產 動物 用 益生 菌 達 邦 來 富 測試 發現 搭配 達 邦 勝 肽 蛋白 投 喂 能 有效 壓制 午 仔 魚 鏈球菌 病情 提升 魚只 活力 明顯 增 重 二 到 三 成 達到 減 抗 70 穩定 龐大商 機 同時 達 邦 蛋白 漳州 廠 目前 已 開始 作 庫存 出 貨 並 接 到 新 單 新冠肺炎 停工 帶來 的 影響 在 可 控 範圍 2 月底 可望 完全恢復 正常 午 仔 魚 鏈球菌 疫情 好 發於 夏季 炎熱 氣候 以及 魚 生長 至 二 到 五兩 重 時 造成 養殖戶 嚴重損失 市場 上 卻 缺乏 有效 的 益生 菌 產品 達 邦 來 富 投入 屏 東 佳 冬 午 仔 魚 養殖區 測試 長達 十 個 月 獲得 重大突破 配合 測試 的 全國 績優 產銷 班 的 楊傳章 先生 表示 過去 用 過 各式各樣 的 益生 菌 產品 但 效果 都 不 太 明顯 有時 迫不得已 使用 抗生素 也 僅 是 在 疾病 爆發 後 盡可能搶救 實在 苦 無 有效 對抗 鏈球菌 感染 的 好 方法 然而 達 邦 來 富 測試 的 結果 不僅 魚只 活力 更 好 投 喂 量 顯著 提高 二 到 三 成 同時 搭配 使用 達 邦 勝 肽 蛋白 正好 令 腸道 較 短 的 午 仔 魚 有效率 地 獲得 更 多 蛋白質 改善 換 肉 率 對 抗生素 減量 達 七 成 不僅 降低 依賴性 節約 成本 疫情 控制 使 養殖 過程 更加 穩定 安全高 品質 的 午 仔 魚 到 生鮮 市場 上 對 養殖戶 及 消費者 來說 是 雙贏 大陸 疫情 延 燒 達 邦 蛋白 新建 的 漳州 廠 目前 已 開始 運作 並 接 到 新 單 新冠肺炎 停工 帶來 的 影響 在 可 控 範圍 2 月底 可望 完全恢復 正常 剛 完成 的 第一 條 線 產能 達 1200 噸 規劃 中的 第二 三 條 預計 下半年 動工 屆時 產能 可 達 2400 噸 合計 漳州 廠 產能 可 達 3600 噸 與 臺灣 產能 相當 站 在 無 抗 養殖 的 浪頭 上 前景 非常 看好</t>
  </si>
  <si>
    <t>英國 新冠肺炎 病例 破百 醫護 認為 nhs 沒 準備 好</t>
  </si>
  <si>
    <t>陸 加入 新冠肺炎 疫苗 實施 計畫 優先 供應 發展中國家</t>
  </si>
  <si>
    <t>大陸 外交部 發言人 華春瑩 9 日 宣佈 中國 大陸 於 8 日 同 全球 疫苗 免疫 聯盟 簽署 協定 正式 加入 新冠肺炎 疫苗 實施 計畫 中國 疫苗 研發 完成 並 投入使用 後 將 作為 全球 公共 產品 優先 向 發展中國家 提供 外交部 網站 新聞稿 援引 她</t>
  </si>
  <si>
    <t>大陸 外交部 發言人 華春瑩 9 日 宣佈 中國 大陸 於 8 日 同 全球 疫苗 免疫 聯盟 簽署 協定 正式 加入 新冠肺炎 疫苗 實施 計畫 中國 疫苗 研發 完成 並 投入使用 後 將 作為 全球 公共 產品 優先 向 發展中國家 提供 外交部 網站 新聞稿 援引 她 的 話 稱 確保 發展中國家 有 平等 機會 獲取 適合 安全 和 有效 的 疫苗 是 中國 一直 關注 的 重點 儘管 中國 多 支 疫苗 研發 處於 國際 領先水準 並 具備 充足 的 生產能力 但 決定 加入 實施 計畫 目的 是 以 實際行動 促進 疫苗 公平 分配 確保 為 發展中國家 提供 疫苗 同時 帶動 更 多 有能力 的 國家 加入 並 支持 實施 計畫 華春瑩 稱 中方 同 實施 計畫 保持 著 密切 溝通 對 加入 實施 計畫 持 積極態度 這 是 中國 秉 持 人類 衛生 健康 共同體 理念 履行 自身 承諾 推動 疫苗 成為 全球 公共 產品 的 一個 重要 舉措 通過 加入 實施 計畫 中方 也 將 同 有關 國家 加強 疫苗 合作 世界衛生組織 who 總 幹事 譚 德塞 6日 表示 針對 新冠 病毒 的 疫苗 可能 在 年底 前 準備 就緒 但 他 並未 詳細 說明 譚 德塞 呼籲 所有 領導人 團結 一致 並 作出 政治 承諾 確保 在 未來 疫苗 問世 時 公平 分配</t>
  </si>
  <si>
    <t>廣東省 疫情 防控 新聞 發佈會 11 日 由 廣東省 衛 健 委 副 主任 省 中醫藥局 局長 徐慶鋒 介紹 端午節 假期 疫情 防控 安排 分析 此 輪 疫情 感染者 以 老人 小孩 較 多 最 長 92 歲 最小 1 歲 經 分析 廣州市 近期 新增 病例 都 來自 封閉 管理 區域 及 隔離 觀察 人員 透過 落實 各項 防控 措施 茂名市 佛山市 深圳市 分別 至 5 月 26 日 6 月 5 日 6 月 7 日 以來 已 無 新 增 個案 報告 大陸 國家 衛健 委 網站 通報 6 月 10 日 0 24 時 新增 確診 病例 22 例 其中 本土 病例 9 例 均 在 廣東 無 新 增 死亡 病例 本土 無 症狀 1 例 官方 健康 廣東 微信 公 號 通報 6 月 10 日 0 24 時 廣東省 新增 9 例 本土 確診 病例 均 為 廣州 報告 截至 6 月 10 日 24 時 全省 累計 報告 新冠肺炎 確診 病例 2593 例 境外 輸入 1061 例 目前 在 院 178 例 據 介紹 廣州市 近期 新增 病例 都 來自 封閉 管理 區域 及 隔離 觀察人員 透過 落實 各項 防控 措施 茂名市 佛山市 深圳市 分別 至 5 月 26 日 6 月 5 日 6 月 7 日 以來 已 無 新 增 個案 報告 專家 研 判 廣州市 疫情 形勢 在 積極 向好 方向 發展 但 不 排除 還 會 有 散 在 病例 發生 的 可能 為 做 好 交通 出行 疫情 防控 工作 廣州 於 端午 假期 全面落實 機場 鐵路 公路 客運站 離 穗 旅客 均 須 憑 健康 碼 綠 碼 和 48 小時 內 核酸 檢測 陰性 證明 的 查驗 工作 暫時 關停 部分 市內 客運站 並 停 運 市內 所有 省際 長途 客運 班線 端午 假期 廣州市 將 減少 公車 班次 地鐵 執行 時間 也 不 延長 公車 各 路線 發 班 壓 降 20 以上 並 確保 車廂 載客 量 保持 在 60 以下 預計 在 端午節 假期 廣東 鐵路運輸 從 6 月 11 日 開始 至 15 日 省內 客流 不 會 出現 聚集 性 高峰 較為 平穩 旅客 在 12306 網站 購買 廣東省 內 各 車站 出發 離開 廣州 佛山 或 離開 廣東省 的 車票 時 將 收到 彈 窗 資訊 提示 要求 進站 乘車 時 提供 健康 碼 綠 碼 和 相關 核酸 檢測 陰性 結果</t>
  </si>
  <si>
    <t>新冠肺炎 大陸 6 月 廣州 廣東省</t>
  </si>
  <si>
    <t>半導體 測試 介面 廠精 測 6510 受惠 5 g 即將 進入 商用化 供應 鏈 備料 帶動 多 項 半導體 測試 介面 需求 2020 年 5 月 自 結合 並 營 收 續 雙 升 至 353億 元 創 同期 新高 亦 創 歷史 第 4 高 展望 後市 隨 著 5 g 相關 應用 晶 片 需求 浮現 公司 對 第 三 季 旺季 營運 審慎 樂觀 精 測 今 3 日 上午 召開 股東 常會 通過 2019 年 財 報 及 盈 餘 分派 案 決議 配發 每股 現金 股利 10 元 並 完成 4 席 董事 3 席 獨 董 改選 會後 召開 董事會 通過 推選 中華 投資 法人 董事 林國豐 擔任 新任 董事長 精 測 2020 年 5 月 自 結合 並 營 收 達 353億 元 月 增 296 年 增 達 6782 創 同期 新高 歷史 第 4 高 其中 晶圓 測試 卡 276億 元 月 減 1097 年 增 達 118 倍 ic 測試 板 054億 元 月 增 近 217 倍 年 減 723 技術 服務 與 其他 022億 元 月 增 4408 年 減 1052 累計 精 測 2020 年 1 5 月 合併 營 收 1596億 元 年 增 達 5573 續創 同期 新 高 其中 晶圓 測試 卡達 1293億 元 年 增 達 114 倍 ic 測試 板 054億 元 年 增 2399 技術 服務 與 其他 022億 元 年 減 621 精 測 表示 5 月 營 收 仍 可見 垂直 探針 卡 vpc 拓展 成效 應用 晶 片 包括 5 g 射 頻 rf 智慧 型 手機 核心 應用 處理器 ap 及 高效能 運算 arm-based 伺服器 晶 片 隨 著 vpc 新 產品 營 收 挹注 在 多 產品 多 客戶 風險 分散 營運 模式 下 已 有效 降低 單一 客戶 對 營運 影響 展望 後市 隨 著 時序 步入 第二 季末 在 新冠肺炎 疫情 趨 緩 美國 及 中國 大陸 競逐 5 g 情境 下 精 測 表示 對應 的 所 需 晶 片 需求 已 逐漸 浮現 帶動 公司 垂直 探針 卡 業務 成長 對 第 三 季 旺季 營運 審慎 樂觀 因應 疫情 對 全球 經濟 影響 的 不 確定性 因素 精 測 坦言 未來 終端 市場 消費 需求 有待 觀察 亦 將 牽動 半導體 產業鏈 面臨 大環境 嚴峻 挑戰 精 測 將 運用 長年 累積 實力 抵擋 景氣 衝擊 並 持續 拓展 全球 市場 積極 投入 垂直 探針 卡 各項 研發 以 分散 區域 經濟 營運 風險</t>
  </si>
  <si>
    <t>新冠肺炎 臺灣 縣府 金門 楊鎮 浯</t>
  </si>
  <si>
    <t>今 14 日 天 清晨 6 點 多 一 輛 載有 國家隊 聚陽 實業 生產 的 防疫 隔離 衣 貨櫃車 行經 國道 1 號 台中 南屯 路段 時 突然 不明 原因 起火 車內 250 箱 計 約 2萬 件 隔離 衣 全部 被 燒 的 焦黑 破爛 已 無法 使用 聚陽 得知 消息 後 表示 這 批 貨 是 要 送交 衛福部 雖然 全部 化為烏有 但 以 該 公司 的 每 日產量 備 貨 相當 齊全 只要 再 送 一 批 新 的 就 好 這 輛 車上 載 著 2萬 件 隔離 衣 的 貨櫃車 從 嘉義 要 送至 桃園 新屋 行經 國道 1 號 台中 市南 屯 路段 時 突 火燒 車 駕駛 發現 車底 不斷 竄 煙 直覺 不對勁 連忙 將 車 停 至 路 肩 查看 但 打開 貨櫃 門 已 來 不急 裡頭 的 防疫 用 隔離 衣 已 燒 成 一團亂 他 和 2 名 同事 連忙 撥 打 119 求救 也 拿 滅火器 試圖 搶救 經警 消 搶救 後 該 貨櫃車 燒毀 嚴重 裡頭 2萬 件 隔離 衣 全都 燒毀 駕駛 猜測 應是 車內 監視器 電線走火 但 確切 原因 還 有待 火 調 科 調查 厘 清 對此 聚陽 實業 受訪 時 要 大家 不必 太 擔心 雖然 這 批 貨 是 要 交 送給 衛福部 的 但 他們 強調 整起 意外 並 不 會 影響 防疫 隔離 衣 的 物資 因為 該 公司 每日 生產量 逾 50萬 件 所 以 2萬 件 只是 每日 生產 的 一小 部分 且 庫存 充足 再 補 送 即可 至於 損失 部分 因 有 保險 保險 公司 會 全額 理賠 等於 無損 失 最 重要 的 是 這 起 意外 沒 造成 人員傷亡 值得 慶倖 聚陽 實業 過去 sars 期間 就 曾 投入 防疫 工作 協助 政府 生產 防護衣 這次 新冠肺炎 再次 傾 全力 投入 並 與 其他 5 家 公司 共同 承做 100萬 件 聚陽 則 承做 10萬 件 防護 隔離 衣 短 時間 通過 紡 綜 所 測試 3 月底 陸續 交貨 提供 第一 線 醫護人員 使用</t>
  </si>
  <si>
    <t>連續 56 日 零 確診 後 的 北京市 1112 日 連續 驚 傳 多 起 新冠肺炎 本土 新增 病例 均 與 豐台區 新發地農產品批發市場 有關 隨 著 疫情 擴散 豐台區 13 日 啟動 戰時 機制 北京 也 將 餐飲 防控 等級 調升 至 二級 並 喊停 跨 省 旅遊團 與 足球 等 體</t>
  </si>
  <si>
    <t>新冠肺炎 臺灣 長者 北市 az</t>
  </si>
  <si>
    <t>台泥 1101 首季 營 收 年 減 13 季 減 38 目前 在 大陸 水泥 發貨量 已 恢復 至 產能 的 90 以上 不過 廣東 及 廣西 庫容 比 仍 較 去年同期 高出 10 個 百分點 水泥 價格 仍然 有 壓 台泥 在 電力 事業 及 臺灣 水泥 業務 今年 獲利 看好 但 受到 大陸 水泥 業務 獲利 面臨 壓力 的 情形 下 法人 認為 台泥 今年 全年度 獲利 恐 將 面臨 年 衰退 的 窘境 大陸 首季 因 新冠肺炎 疫情 進行 封城 水泥 出貨量 下滑 還好 淡季 仍 有 執行 錯 峰 生產 水泥 均 價 還算 穩定 目前 台泥 大陸 水泥 事業 已 恢復正常 運作 出貨量 有 機會 和 去年同期 差不多 不過 據 數位 水泥網 資料 廣東 和 廣西 4 月初 水泥 庫容 比 從 3 月 的 高峰 略 下滑 至 70 75 但 仍 較 一 年 前 的 水位 高出 10 個 百分點 法人 認為 庫存 將 繼續 面臨 去 化 壓力 台泥 今年 第 2 季營 收 恐 將 還 是 會 呈現 年 減 的 局面 全年度 獲利 恐 將 面臨 年 衰退 的 窘境 長期 來看 大陸 當局 救 經濟 大 推 基建 施工 年限 長 有利 水泥 市場 的 長期 需求 並 已 在 2019 年 10 月 取消 低 標 水泥 推 升 長期 熟料 用量 持續 拉高 水泥 產業 集中度 水泥 大廠 價格 掌 控 力增強 另外 大陸 煤 改 氣 及 全球 環保 趨勢 煤 價 長期 看跌 將 有利 推 升 水泥 大廠 的 長期 獲利</t>
  </si>
  <si>
    <t>台泥 獲利 大陸 水泥 市場 水泥 價 新冠肺炎</t>
  </si>
  <si>
    <t>男 大生 發燒 az 施打 疫苗 新冠肺炎</t>
  </si>
  <si>
    <t>紓困 40 補助 打工 補助 申請 新冠肺炎</t>
  </si>
  <si>
    <t>美國白宮 在 20 日 公佈 將 在 11 月初 實施 全新 的 旅遊 規定 需 完整 接種 疫苗 者 才可 入境 且 可免 隔離 可 體驗 有如 疫情 前 能 自由 旅行 的 生活 然而 不僅 符合條件 的 疫苗 廠 牌 尚未 底定 對於 許多 有 孩子 的 家庭 來說 未能 接種 的 孩童 如何 符合 嚴格 規定 更是 一大 難題 當前 美國 在 11 月初 將 實施 的 旅行 新 規 還有 許多 尚 待 公佈 的 細節 針對 這 項 議題 可以 來 看看 紐約時報 以及 美聯社 所 整理 的 相關 要點 一 美國 旅行 新 規 為何 美國白宮 宣佈 11 月初 起 所有 入境 美國 的 外籍 成年人 登機 前 都 要 完整 接種 疫苗 fully vaccinated 且 必須 要 額外 持有 登機 前 72 小時 3 天 內 的 新冠肺炎 病毒檢測 陰性 證明 這項 規定 上路 後 過去 針對 外國 旅客 入境 美國 的 特殊 規定 都會 廢除 僅 適用 此 規 而 未 接種 新 規 認可 之 疫苗 者 將 不得 入境 美國 二 新 規 下 美國 cdc 認可 fda 與 who 核准 的 疫苗 根據 美國 疾病 管制 暨 預防 中心 cdc 的 說明 獲得 美國 食品 暨 藥物 管理局 fda 核准 包含 瑞 bnt pfizer-biontech 莫德納 moderna 以及 嬌 生 johnson johnson 疫苗 以及 世界衛生組織 who 核准 的 疫苗 除 上述 三 款 還 包含 阿斯特 捷利康 astrazeneca az 科興 coronavac 國藥 sinopharm 疫苗 以及 covishield 疫苗 皆 可 但是 當前 最終 符合 新 規 的 疫苗 清單 尚未 確認 最終 將 會 交 由 美國 cdc 來 討論 與 認定 三 對於 美國 公民 的 影響 為 何? 已經 完整 接種 疫苗 的 美國 公民 含 持有 永久 居留 證者 回 到 美國 時 僅 需要 出示 72 小時 內 的 陰性 檢測 證明 未 完整 接種 者 也 可 入定 但 需要 配合 較為 嚴格 的 追蹤 與 檢疫 要求 且 在 登機 時 出示 24 小時 內 的 陰性 鑒 測 證明 入境 時 也 需要 接受 病毒檢測 四 從 陸地 邊境 入境 美國 的 旅客 需 面臨 怎樣 的 規定 從 與 墨西哥 加拿大 接壤 的 邊境 入境 的 旅客 相關 防疫 檢疫 的 規定 都 沒有 變化 就此 來說 可以 搭 機 入境 美國 的 加拿大 墨西哥 旅客 並不一定 能 從 陸路 入境 美國 五 對於 兒童 旅客 將 帶來 哪些 影響 據 瞭解 當前 美國 頒佈 的 旅遊 新 規 僅 針對 外國籍 成年人 白宮 並 沒有 說明 針對 未 接種 疫苗 的 外國 未成年 旅客 的 規定 也 未 確認 是否 會 進一步 公佈 針對 全新 入境 美國 的 新 規定 因 必定 牽涉到 未成年 的 旅客 顯得 更為 複雜 輝瑞 pfizer 與 biontech 日前 才 公佈 針對 5 11 歲 孩童 的 2 3 臨床 試驗 證實 疫苗 安全 且 有效 接種 劑量 較 低 雖然 樂觀 預期 在 美國 有望 最 快 在 10 月 取得 緊急 授權 使用 eua 但 不 代表 父母 有 意願 讓 孩童 接種 疫苗 根據 紐約時報 報導 在 美國 5 11 歲 孩童 人數 約 有 2800萬 名 而 根據 財經 m 平方 網站 資料 當前 全球 15 歲 以下 人口 預估 約 有 19億 人 可以 見得 是 無法 忽視 的 龐 大 族群 但是 當前 沒有 任何 一 款 新冠肺炎 疫苗 已 被 核准 可 針對 5 11 歲 或 甚至 更 年輕 的 孩童 施打 根據 美國 cdc 研究 父母 對於 讓 小孩 施打新冠肺炎 疫苗 的 意願 隨 著 孩子 的 年齡層 下降 而 降低 凱薩 家庭 基金會 kff 上個月 公佈 的 民 調 結果顯示 有約 20 的 12 17 歲 兒童 之 父母 表示 決 不 會 讓 孩子 接種 疫苗 在家 有 5 11 歲 孩童 的 族群 中 此 比例 上升 到 25 而 5 歲 以下 孩童 的 父母 裡 有 30 表明 絕不會 讓 孩子 接種 而 父母 顧慮 的 原因 大多 與 孩童 接種 疫苗 可能 的 罕見 但 嚴重 的 副作用 有關 例如 心肌炎 不過 以色列 也 有 研究 透過 比對 200萬16 歲 以上 族群 的 電子 醫療 紀錄 後 發現 感染 新冠肺炎 也 容易 導致 心肌炎 的 問題</t>
  </si>
  <si>
    <t>美國 藥廠 默克公司 日前 公佈 的 第 3 期 臨床 試驗 結果 指 旗 下 實驗 用 來 治療 新冠肺炎 的 口服藥 molnupiravir 可使 重症 高風險 患者 的 住院 或 死亡 機 率 降低 約 50 不過 藥物 對 已 入院 的 重症 患者 並 無 作用 據 港 媒 報導 指 港 府 有</t>
  </si>
  <si>
    <t>美國 藥廠 默克公司 日前 公佈 的 第 3 期 臨床 試驗 結果 指 旗 下 實驗 用 來 治療 新冠肺炎 的 口服藥 molnupiravir 可使 重症 高風險 患者 的 住院 或 死亡 機 率 降低 約 50 不過 藥物 對 已 入院 的 重症 患者 並 無 作用 據 港 媒 報導 指 港 府 有意 引入 此款 新藥 香港醫院 藥劑師 學會 會長 崔俊明 今 4 日 表示 研究 結果 發現 這款 口服藥 對 delta 和 mu 變種 病毒 都 有 非常 好 的 治療 效果 有望 減低 病人 入院 或 死亡 風險 從而 減少 對 醫療系統 的 負荷 對於 香港醫管局 有意 引入 此款 新藥 崔俊明 認為 是 好事 稱 現在 世界 上 多 個 先進 國家 都 在 搶購 並 透露 新藥 每 劑 5000 多 港幣 比 現在 香港醫管局 使用 每 劑 15萬 港幣 的 瑞德西韋 便宜 很多 崔俊明 說 該款 口服藥 研究 招募 物件 是 新冠 輕度 至 中度 患者 且 最 少有 一 項 風險 因素 包括 60 歲 以上 肥胖 有 糖尿病 或 心血管 疾病 等 研究 顯示 這款 口服藥 對 delta 和 mu 變種 病毒 都 有 非常 好 的 治療 效果 也 可 將 入院 及 死亡 數字 減半 他 指出 該藥 有 出現 肚 瀉 等 副作用 而 雖然 新藥 未 完成 第 三期 臨床 研究 就 申請 緊急 使用 但 也 不 算 罕有 例如 一些 癌症 新藥 若 成效顯著 未 完成 第 三期 臨床 研究 也 會 申請 緊急 使用</t>
  </si>
  <si>
    <t>口服藥 新冠肺炎 delta 崔俊明 香港</t>
  </si>
  <si>
    <t>羅比威廉斯 驚 傳 確診 新冠肺炎 隔離 天價 費用 曝光</t>
  </si>
  <si>
    <t>新冠肺炎 疫情 肆虐 全球 即便 事 隔 一 年 仍 不 見 趨 緩 不過 傳出 英國 樂壇 巨星 羅比威廉斯 robbie williams 年底 前往 加勒比海 度假 後 竟 確診 新冠肺炎 目前 一家 六 口 都 在 當地 進行 隔離 此外 長達 14 天 的 天價 隔離 費 也 因</t>
  </si>
  <si>
    <t>羅比威廉斯 隔離 新冠肺炎 英國 壞 小子</t>
  </si>
  <si>
    <t>防範 新冠肺炎 龜 山 警 異地 辦公</t>
  </si>
  <si>
    <t>新冠肺炎 疫苗 拼 夏末 問世</t>
  </si>
  <si>
    <t>由於 新冠肺炎 確診 人數 持續上升 加州 州政府 13 日 宣佈 取消 解封 該州 的 兩 大學 區 秋季 將 不 會 有 面對面 課程 在 此 同時 美國 衛生 官員 透露 一 項 好 消息 表示 新冠肺炎 疫苗 將 在 夏末 開始 生產 川普 內閣 資深 官員 13 日 在 電話會議 向</t>
  </si>
  <si>
    <t>由於 新冠肺炎 確診 人數 持續上升 加州 州政府 13 日 宣佈 取消 解封 該州 的 兩 大學 區 秋季 將 不 會 有 面對面 課程 在 此 同時 美國 衛生 官員 透露 一 項 好 消息 表示 新冠肺炎 疫苗 將 在 夏末 開始 生產 川普 內閣 資深 官員 13 日 在 電話會議 向 媒體 表示 疫苗 生產 工作 已經 開始 進行 與 政府 合作 的 製藥 廠 預計 在 夏季 結束 之前 開始 生產 疫苗 美國 的 目標 是 在 2021 年初 之前 製造 3億 劑 疫苗 該 匿名 衛生 官員 表示 政府 資助 了 四 種 最 有 贏 面 的 潛 在 疫苗 但 資助 名單 可能 會 增加 美國政府 補助 對象 包括 moderna 嬌 生 johnson&amp;johnson 阿斯特 捷利康 astrazeneca 和 novovax 的 疫苗 moderna 與 嬌 生 的 疫苗 將 在 7 月底 之前 進行 後期 階段 人體 試驗 儘管 目前 仍 不 確定 疫苗 的 成效 但 官員 表示 藥廠 已經 開始 準備 生產 工作 例如 採購 設備 選擇 生產 據點 甚至 是 取得 原物 料 該 官員 在 美國 衛生 及 公共 服務部 主持 的 電話會議 中 指出 疫苗 確切 的 製造 與 生產 時間 可能 在 四至 六 周 之後 但 我們 會 在 夏季 結束 前 積極 生產 另一方面 加州 的 新冠肺炎 疫情 不斷 升溫 州長 紐森 gavin newsom 13 日 下午 宣佈 取消 解封 下令 餐廳 酒吧 博物館 動物園 和 電 影院 等 場所 的 室內 活動 即刻 暫停 意味著 甫 于數 周前重 啟 商業活動 的 商家 得 再次 停止 營運 此外 洛杉磯 和 聖地牙哥 學 區 表示 8 月 開學 時 只 會 提供 線 上 教學 兩 大學 區 透過 聲明 稿 表示 過去 幾 周 加州 的 確診 人數 急速 躥 揚 凸顯 疫情 尚未 得到 控制 兩 個 學 區 合計 約 有 80萬 名 學生 據 約翰霍普金斯大學 統計資料 顯示 截至 14 日 止 美國 的 新冠肺炎 確診 病例 突破 336萬 例 死亡 人數 超過 135萬 人</t>
  </si>
  <si>
    <t>陸26 日 新增 22 例 確診 新冠肺炎 本土 占 12 例</t>
  </si>
  <si>
    <t>大陸 國家 衛健 委 27 日 公佈 26 日 新增 新冠肺炎 確診 病例 22 例 其中 境外 輸入 病例 10 例 上海 4 例 北京 3 例 浙江 2 例 安徽 1 例 本土 病例 12 例 遼寧 7 例 北京 5 例 無 新 增 死亡 病例 無 新 增 疑似病例 大陸 衛生 應急 辦公室 指</t>
  </si>
  <si>
    <t>大陸 國家 衛健 委 27 日 公佈 26 日 新增 新冠肺炎 確診 病例 22 例 其中 境外 輸入 病例 10 例 上海 4 例 北京 3 例 浙江 2 例 安徽 1 例 本土 病例 12 例 遼寧 7 例 北京 5 例 無 新 增 死亡 病例 無 新 增 疑似病例 大陸 衛生 應急 辦公室 指出 境外 輸入 現有 確診 病例 270 例 其中 重症 病例 3 例 無 現有 疑似病例 累計 確診 病例 4203 例 累計 治癒 出院 病例 3933 例 無 死亡 病例 截至 26 日 24 時 大陸 現有 確診 病例 334 例 其中 重症 病例 4 例 累計 治癒 出院 病例 81987 例 累計 死亡 病例 4634 例 累計 報告 確診 病例 86955 例 無 現有 疑似病例 累計 追蹤 到 密切接觸 者 逾 90萬 人 尚在 醫學觀察 的 密切接觸 者 11954 人</t>
  </si>
  <si>
    <t>大陸 確診 病例 疑似病例 死亡 病例 新冠肺炎</t>
  </si>
  <si>
    <t>正 受 困 於新冠肺炎 疫情 大 爆發 的 韓國 近日 一 架 大韓 航空 航班 被 以色列 拒絕 入境 原因 是 韓國 疫情 快速 爆發 這 架 大韓 航空 ke 957 機上 乘客 除 12 名 以色列 乘客 被 直接 運送 回家 隔離 14 天 其他 乘客 則 原 航班 返回 韓國首 爾 據 環</t>
  </si>
  <si>
    <t>正 受 困 於新冠肺炎 疫情 大 爆發 的 韓國 近日 一 架 大韓 航空 航班 被 以色列 拒絕 入境 原因 是 韓國 疫情 快速 爆發 這 架 大韓 航空 ke 957 機上 乘客 除 12 名 以色列 乘客 被 直接 運送 回家 隔離 14 天 其他 乘客 則 原 航班 返回 韓國首 爾 據 環球 網 報導 當地 時間 2 月 22 日 晚 臺北 時間 2 月 23 日 淩晨 韓國 大韓 航空 ke 957 航班 降落 以色列 本 古裡安 機場 後 航班 上 近 200 名 韓國 與 其他 國家 乘客 被 拒絕 進入 以色列 國土 僅 12 名 以色列 乘客 獲准 入境 但 被 直接 運送 回家 隔離 14 天 航班 則 在 完成 加油 和 補充 餐飲 後 於 當地 時間 22 日 晚間 10 點 啟程 飛返 首 爾 以色列 衛生部 表示 連日來 韓國 的 新冠肺炎 病例 急劇 增加 達到 433 人 其中 包括 9 名 剛剛 在 以色列 結束 旅程 而 確診 染病 的 韓國人 目前 在 以色列 旅行 的 大約 一千 名 韓國 遊客 已 被 告知 避免 進入 公共場所 自覺 隔離 在 旅館 中 等待 有關 部門 採取 相應措施 據 報導 23 日 以色列 總理 內 坦 亞 胡將 召集 一個 緊急 特別 會議 商討 如何 應對 新冠肺炎 在 以色列 的 蔓延 趨勢</t>
  </si>
  <si>
    <t>輝瑞 執行長 博爾 拉 向 對手 喊話 合力 研發 新冠肺炎 疫苗</t>
  </si>
  <si>
    <t>面對 新冠肺炎 疫情 危機 輝瑞 執行長 博爾 拉 albert bourla 認為 輝瑞 是 擁有 先進 技術 的 重要 製藥 機構 肩負 研究 新藥 和 疫苗 等 責任 因此 願意 砸 下 10億 美元 不求 回報 地 加快 疫苗 開發 與 生產 甚至 願意 跟 其他 對手 分享 與 合作</t>
  </si>
  <si>
    <t>面對 新冠肺炎 疫情 危機 輝瑞 執行長 博爾 拉 albert bourla 認為 輝瑞 是 擁有 先進 技術 的 重要 製藥 機構 肩負 研究 新藥 和 疫苗 等 責任 因此 願意 砸 下 10億 美元 不求 回報 地 加快 疫苗 開發 與 生產 甚至 願意 跟 其他 對手 分享 與 合作 希望 秋季 時能 為 大家 提供 有效 疫苗 博爾拉 3 月中 跟 輝瑞 研發 疫苗 和 生產 部門 等 負責人 舉行 視 訊 會議 雖然 他們 訂 下 2021 年 成功 研發 與 生產 疫苗 的 目標 但 博爾拉 認為 在 時間 上 仍然 不夠 快 因為 秋冬 是 呼吸道 疾病 傳播 高峰期 疫情 可能 捲土重來 因此 研發 與 生產 有效 疫苗 是 克 不容 緩 輝瑞 科學 長 杜爾斯坦 mikael dolsten 說 博爾拉 向 研發 與 生產 團隊 施壓 要 年底 前 能 提供 數 百萬 劑 疫苗 來 防疫 為 儘早 控制 疫情 跟 其他 廠商 合作 是 最好 方法 輝瑞 5 月初 在 美國 巴爾 的 摩 進行 臨床實驗 的 疫苗 就 是 跟 2008 年 才 成立 的 德國生 技 公司 biontech 合作 研發 博爾拉 說 研發 疫苗 通常 要 花數 年 時間 因此 對 輝瑞 短短 數 周內 做 到 目前 程度 感到 自豪 他 坦承 在 其 職業生涯 裡 未曾 遇過 像 新冠肺炎 這樣 的 疫情 危機 但 他 2019 年初 上臺 後 積極 讓 輝瑞 業務 從 學 名藥 和 潤 唇膏 等 個人用品 大舉 轉向 高風險 但 高回報 的 專利 藥 研發 上 才讓 輝瑞 有能力 快速 研發 新冠肺炎 疫苗 雖然 一些 專家 認為 博爾拉 要 在 未來 幾 個 月 內 成功 研發 並 量 產 有效 疫苗 是 不可能 實現 但 他 強調 這次 拼命 研發 疫苗 的 主要 目標 並非 為 賺錢 而是 要 盡 一家 藥廠 為 社會 解決 疫情 危機 的 責任 為 加快 成功 研發 疫苗 他 授權 其 研發 團隊 可 跟 對手 討論 和 分享 具 專利權 的 資訊 這 是 向來 最 保護 研究成果 的 醫藥業 從未有過 的 舉動 輝瑞 和 biontech 合作 以 前沿技術 研發 信使 核糖核酸 mrna 疫苗 是 目前 全球 七 種 進入 臨床實驗 階段 的 候選 疫苗 輝瑞 的 實驗 在 美國 有 360 位 自願者 參與 德國 有 200 人 最終 會 把 實驗 總數 擴大 至 約 8000 人 輝瑞 希望 10 月 前 得 到 美國政府 緊急 使用 的 授權 為 做好 這 方面 準備 輝瑞 正 轉換 四 座 廠房 的 生產 要 在 年底 前 可 生產 2000萬 劑 疫苗 2021 年 可 生產 數 億 劑 儘管 還 不 確定 輝瑞 的 疫苗 是否 有效 和 得到 授權 但 博爾拉 強調 輝瑞 打算 2020 年 撥 出 10億 美元 經費 去 研發 和 生產 其 疫苗 強調 只要 證實 有效 和 得 授權 就 能 讓 大家 立即 得到 疫苗 才 是 最 重要 對於 輝瑞 不計 代價 的 做法 許多 人 好奇 其 真的 那麼 有把握 不少 專家 甚至 認為 輝瑞 不可能 達成 在 秋季 時 提供 數 百萬 劑 疫苗 的 目標 博爾拉 承認 自己 飽受 極大 壓力 因為 真 的 有效 就 能 拯救 世界 若 沒效 即 一場空 博爾拉 3 月中 跟 輝瑞 管理 高層 開會 時 已經 表明 這次 研發 疫苗 所 做 的 投資不能 用 是否 賺 錢 來 考量 他 強調 所 砸 下 的 10億 美元 不 會 對 公司財務 造成 衝擊 其 計 畫 是 要 確保 大家 能 得到 有效 疫苗 只要 一切 按照 計畫 進行 輝瑞 還 會 向 biontech 額外 支付 563億 美元 對於 博爾拉 在 研發 上 的 全力支持 輝瑞 疫苗 研究 部 主管 珍 森 kathrin jansen 說 在 研發 成功 前 是 無法 告訴 大家 成功 的 可能性 有 多 大 但 在 新冠肺炎 帶來 前所未有 的 疫情 危機 之下 就 需要 前所未有 的 行動</t>
  </si>
  <si>
    <t>受到 新冠肺炎 疫情 影響 台中 市 議會 臨時 會 日前 因 疫情 延期 一 次 11 日 再度 召開 程式 委員會 經 政黨 協商 決定 於 19 日 至 25 日 召開 臨時 會 將 請 市府 針對 臺灣 燈會 新冠肺炎 防疫 及 振興 經濟 措施 雙十 公車 台 中州 廳 等 進行 專案 報</t>
  </si>
  <si>
    <t>亞太 電 qrcode kono 新冠肺炎 618 檔 期</t>
  </si>
  <si>
    <t>崇友 4506 3 月 合併 營 收 為 389億 元 月 增 3089 年 增 1505 主要 來自 於 桃園 青 埔 商業 大樓 高雄 橋頭 住宅 大樓 淡 海 新市鎮 集合 住宅 社區 等 新 梯 與 汰舊換新 完工 認 列 累計 第 1 季 合併 營 收 998億 元 年 減 313 崇 友 今年 第 1 季新 梯 暨 汰舊換新 維修保養 營 收 比重 分別 為 4997 5003 其中 維修保養 業務 台數 穩步 增加 達 36000 台 而 新 梯 業務 持續 採取 多 品牌 接 單 案源 結構 優化 等 策略 中高 端 電梯 品牌 堅 尼西斯 推行 電梯 智慧化 第一 季 堅 尼西斯 品牌 台數 占 新 梯 比重 自 去年同期 的 888 提升 至 1275 因 臺灣 商用 不動產 及 高 樓層 建築 需求 持續 增 溫 有助於 中高 端 品牌 產品 出 貨 面對 臺灣 住房 及 電梯 走向 高齡 化 且 政府 民眾 對於 電梯 安全意識 提升 帶動 社區型 住宅 公共 工程 等 大型 電梯 汰舊換新 需求 升溫 崇友 汰舊換新 業務 保持 雙 位數 成長 展望 第 2 季 有 台大醫院 電梯 汰舊換新 中國 醫藥 大學 等 大型 新 梯 建 案 陸續 完工 認 列 為 營 收 注入 動能 近期 新冠肺炎 疫情 延 燒 崇友 來自 大陸 零部件 廠商 已于 2 月 17 日 全面 復工 目前 供貨 都 正常 法人 估 崇友 今年 營 收 可望 維持 成長 3 5 成長</t>
  </si>
  <si>
    <t>大陸政府 19 日 宣佈 放寬 新 能源 車 企及 產品 進入 市場 的 門檻 本次 新 規 刪除 包括 對 新 能源 車企 有關 設計 開發 能力 的 要求 並 將 新 能源 車企 停止 生產 的 時間 由 12 個 月 調整 為 24 個 月 新 規 9 月 1 日 正式 上路 新浪 財經 報導 2020 年 4 月初 大陸 工 信 部 曾經 公佈 關於 修改 新 能源 汽車 生產 企業 及 產品 准入 管理 規定 的 決定 徵求意見 稿 當時 內容 即 進一步 放寬 新 能源 車 企及 產品 的 准入 門檻 大陸 工 信 部 19 日新 公佈 的 新 能源 汽車 生產 企業 及 產品 准入 管理 規定 內容 基本上 與 4 月初 的 徵求意見 稿 相 符合 本次 新 規 將 於 9 月 1 日 起 實施 與 2017 年 的 新 能源 汽車 准入條件 相比 大幅 降低 行業 准入 門檻 新 規 變化 主要 集中 在 三 方面 一 是 刪除 申請 新 能源 汽車 生產 企業 准入 有關 設計 開發 能力 的 要求 包括 過去 對 新 能源 車企 准入 的 審查 要求 除 降低 企業 准入 門檻 同時 強化 對 企業 生產流程 和 售後服務 能力 要求 其次 是 將 新 能源 車企 停止 生產 的 時間 由 12 個 月 調整 為 24 個 月 這 也 與 大陸 道路 機動車輛 生產 企業 及 產品 准入 管理 辦法 第 34 條 第 三 款 規定 生產 企業 連兩年 不能 維持 正常 生產 經營 的 需 特別 公示 的 要求 保持 一致性 新 規 也 刪除 新 能源 車企 申請 准入 的 過渡期 臨時 條款 工 信 部 表示 隨 著 海內外 形勢 的 發展 變化 為 配合 大陸 新 能源 汽車產業 的 發展 需要 須 進一步 放寬 准入 門檻 以 激發 市場 活力 同時 加強 事 中 事後 監管 促進 大陸 新 能源 汽車產業 邁向 高 品質 發展 業 界 人士 指出 新 規 有助 規範 和 釋放 新 能源 汽車 的 市場 活力 推動 相關 汽車銷量 進入 高 增長 2020 年初 以來 受到 新 能源 車 補貼 退出 新冠肺炎 與 國際 油價 下挫 影響 過去 強勢 的 大陸 新 能源 汽車 產銷 遭到 重 擊 上半年 大陸 新 能源 汽車 各月 銷量 年增率 均 呈現 負值 尤其 2 月份 衰退 更 達 752 中 汽 協 近日 公佈 的 7 月份 新 能源 車 銷量 年 增 雖 達 193 為 2020 年 來 首次 轉為 正值 但 銷量 卻 較 6 月 衰退 58 顯示 大陸 新 能源 車 市場 仍 在 泥 淖 中 前行</t>
  </si>
  <si>
    <t>新冠肺炎 臺灣 防疫 旅館 隔離 者 陳麗娜</t>
  </si>
  <si>
    <t>新冠肺炎 全球 大 流行 桃園 地 檢 署 整合 防疫 處理 小組 及 查緝 民生 犯罪 聯繫 平臺 嚴辦 假 訊息 包括 楊男 稱 桃園 疑似病例 至少 60 起 住宿 某 賓館 彭男 看到 sng 車 就 說 該 醫院 有 新冠肺炎 患者 就 連楊 男 回 覆 案 34 醫院 疑 在 林</t>
  </si>
  <si>
    <t>新冠肺炎 思科 遠 距 上班 惡意 軟 體 勒索 軟 體</t>
  </si>
  <si>
    <t>dnc 民主黨 全國 黨代表大會 密 爾瓦基 威斯康 辛 新冠肺炎</t>
  </si>
  <si>
    <t>首 張移工 防疫 保單 問世 金管會 16 日 宣佈 核准 富 邦 產險 送 審 的 移 工 新冠肺炎 住院 醫療 個人 險 及 團 險 兩 張 保單 保障 期間 是 30 天 要 保人 即 付 保險費 者 是 引進 移 工 的 雇主 移 工 入境 30 天內 若 確診 將 以 實支 實 付 方式 給付 最高 50萬</t>
  </si>
  <si>
    <t>新冠肺炎 臺灣 疫苗 護照 就 會 北市</t>
  </si>
  <si>
    <t>新冠肺炎 疫苗 az 爽約 臺灣</t>
  </si>
  <si>
    <t>大陸 新冠肺炎 疫情 最新 數字 曝光</t>
  </si>
  <si>
    <t>新冠肺炎 肆虐 持續 數 月 多數 演藝 活動 等 工作 取消 或 延期 去年底 休 長假 至 今 的 張惠妹 今年 的 工作 計畫 全部 暫緩 連 去年底 提到 的 新 專輯 進度 同樣 毫無 下落 她 的 經紀人 陳鎮川 今 表示 妹 的 工作 確實 有 受到 影響 目前 完全</t>
  </si>
  <si>
    <t>新冠肺炎 肆虐 持續 數 月 多數 演藝 活動 等 工作 取消 或 延期 去年底 休 長假 至 今 的 張惠妹 今年 的 工作 計畫 全部 暫緩 連 去年底 提到 的 新 專輯 進度 同樣 毫無 下落 她 的 經紀人 陳鎮川 今 表示 妹 的 工作 確實 有 受到 影響 目前 完全 靜下來 新 專輯 連 開 案 都 還 沒 陳 鎮 川 近來 為 高級 名車 代 言 他 謙稱 自己 半 開玩笑 跟 朋友 說 上半年 演唱會 都 取消 了 就 找 點 好玩 的 事 做做 廣告 近日 曝光 阿妹 卻 還 沒看 過 陳鎮川 笑 回 我 哪 好意思 跟 她 討論 會 害羞 啦 陳 鎮 川 是 知名 填詞人 製作 人 舞臺 導演 製作 無數 大型活動 及 頒獎典禮 其中 包括 海內外 23000 場 演唱會 並且 擔任 經紀人 成功 打造 張惠妹 羅志祥 林憶蓮 及 艾怡良 等 天王 天 後 近年 不少 廠商 邀 約 代言 都 被 他 婉拒 年初 車商邀 合作 好不容易 才讓 他 點頭 陳鎮川 說 主要 是 產品 的 廣告 文案 比較 回歸 個人 沒 那麼 像 在 賣東西 的 感覺 不然我會 覺得 很 糗 他 擔任 連環泡 編劇 時買 了 人 生 第一 部 車 主要 是 因為 住 北 投 交通 不 方便 那時 侯買 車 貸款 貸 了 不少 第一 部 車 沒 選擇 二手車 主要 是 我 本身 有 一點 潔癖 他 喜歡 在 車上 聽 音樂 大聲 唱歌 抒發 負面 情緒 而且 我 不喜歡 開快車 我 開車 很 慢 喜歡 看 沿途 景色 路邊人 事物 他 住家 離 公司 近 經常 為了 工作 到處 飛 很 少 時間 開車 的 他 把 車子 視為 房子 甚至 避難所 因為 我 的 工作 跟 音樂 有 關 要 聽 得 非常 仔細 我 不 知道 為什麼 必須 在 車子 裡 聽 音樂 才聽得 進去 這個 習慣 直到現在 還是 這樣</t>
  </si>
  <si>
    <t>交通部 因應 新冠肺炎 將 啟動 所有 場站 量 測體溫 措施 交通部 次長 王國材 表示 5 月 1 日 起 台鐵 241 站 都 要 全面 量 體溫 王國材 說 交通部 主管 包括 客運 場站 航空站 郵局 國道 服務 區 風景區 及 主題樂園 4 月 1 日 起 旅客 及 民</t>
  </si>
  <si>
    <t>交通部 因應 新冠肺炎 將 啟動 所有 場站 量 測體溫 措施 交通部 次長 王國材 表示 5 月 1 日 起 台鐵 241 站 都 要 全面 量 體溫 王國材 說 交通部 主管 包括 客運 場站 航空站 郵局 國道 服務 區 風景區 及 主題樂園 4 月 1 日 起 旅客 及 民眾 都 要 量 體溫 其中 高鐵 4 月 1 日 起 臺北 桃園 台中 左營 台南 等 5 站 都 要 量 體溫 4 月 6 日 起 高 鐵 12 站 都 要用 紅外線 量 體溫 台 鐵 部分 已 要求 4 月 1 日 台 鐵 南港 等 22 個 大站 全部 都用 紅外線 體溫 偵 測儀 量量 體溫 其 餘 小站 目前 因 額 溫槍 陸續 採購 中 所以 目標 就 是 5 月 1 日 起 全部 241 站 統統 都 要 量 體溫 人員不足 部分 小站 先 由 列車長 幫忙 其 餘 場部 分則 雇請 臨時 人員 協助 交通部 也 說 相關 防疫 措施 包括 搭車 戴 口罩 避免 民眾 返鄉 掃墓 產生 交叉 感染 運輸業 者 宣導 民眾 配戴 口罩 並 販賣 棉布 口罩 全面 量 測體溫 鐵路 客運 主要 場站 國內航線 航空站 國道 服務 區 國家 風景區 及 主題樂園 4 月 1 日 起 旅客 入口 或 閘門 量 測體溫 超過 375 度 將 勸導 返家 休息 或 就醫 此外 也 會 加強 消毒 頻 次 場站 及 運具 原則 每日 至少 消毒 1 次 並 視 需要 增加 次數 高鐵 列車 每 一 往返 1 次 公路 客運 每 6 小時 1 次 並 減少 人潮 聚集 國道 服務 區 推出 簡易 賣 場 減低 大廳 人潮 臺北站 等 18 個 車站 至 4 月 30 日 停止 場地 租借 及 舉辦活動</t>
  </si>
  <si>
    <t>除了 護 眼 還 能 對抗 新冠肺炎 研究 發現 蝦 紅 素 的 3 個 益處</t>
  </si>
  <si>
    <t>蝦 紅 素可 不只 拿 來 護 眼 還有 很多 不同 的 應用 因為 其 抗 氧化 抗 發炎 的 功能 已經 被 證實 對 皮膚 心血管 神經 有 保護 作用 甚至 能 對抗 新冠肺炎 蝦 紅 素 可以 對抗 新冠肺炎 研究 推論 能 降低 肺部 發炎 蝦 紅 素是 一 種 脂 溶 性 的</t>
  </si>
  <si>
    <t>蝦 紅 素可 不只 拿 來 護 眼 還有 很多 不同 的 應用 因為 其 抗 氧化 抗 發炎 的 功能 已經 被 證實 對 皮膚 心血管 神經 有 保護 作用 甚至 能 對抗 新冠肺炎 蝦 紅 素 可以 對抗 新冠肺炎 研究 推論 能 降低 肺部 發炎 蝦 紅 素是 一 種 脂 溶 性 的 抗 氧化 營養素 又 稱 蝦 青素 藻 紅 素 存在 於紅球 藻類 和 海洋生物 體內 一般 熟知 蝦 紅 素 的 功效 是 對抗 眼 部 疲勞 而 在 新冠肺炎 肆虐 之際 科學家 看中 它 的 抗 氧化 效果 發現 可能 可以 降低 新冠肺炎 對 身體 的 危害 一 篇 2020 年 發表 在 生物醫學 與 藥物 療法 biomedicine pharmacotherapy 期刊 的 研究 研究員 塔 盧達 jayanta talukdar 指出 蝦 紅 素能 抑制 發炎 物質 nf-kb 的 活化 信號 進一步 降低 細胞 免疫 風暴 的 風險 和 肺部 發炎 的 程度 聯 新 國際 醫療 聯 新 營養 總 營養師 呂美寶 則 指出 從 相關 資料 和 推論 都 指出 蝦 紅 素在 對抗 新冠肺炎 有 正面 效益 但 目前 都還 只 是 推論 沒有 相關 的 人體 或 動物 研究 要 對抗 新冠肺炎 要 吃 多少 吃 多久 都還 不 清楚 未來 還 需要 更 多 研究 中國 醫藥 大學 新藥 開發 研究所 近期 針對 蝦 紅 素 做 了 體 外 實驗 該 研究所 副教授 陳曄 指出 目前 已 知 維生素 c 能 抑制 新冠 病毒 而 研究 發現 同為 抗 氧化劑 的 蝦 紅 素能 抑制 新冠 病毒 mpro 繁殖 酵素 降低 傳染 力 效果 比 維生素 c 還好 近來 因為 製造 方式 日新月異 蝦 紅 素 取得 愈來愈 方便 因 此 相關 的 體內 研究會 持續 進行 皮膚 血管 都 用 得到 蝦 紅 素 的 3 大 好處 1 改善 斑點 及 皺紋 蝦 紅 素 可以 延緩 皮膚 老化 降低 紫外線 對 細胞 的 傷害 在 人體實驗 中 每天 吃 2 12 毫克 蝦 紅 素 大多數 研究 為 6 克 可以 減少 皺紋 增加 皮膚 彈性 和 潤澤 度 在 2017 年 一 項 隨機 分配 雙 盲 安慰 劑 控制 的 試驗 double-blind placebo-controlled trials 中 65 名 女性 試驗者 隨機 分成 3 組 每天 吃 6 毫克 12 毫克 和 安慰 劑 16 周 之後 安慰 劑 組 的 皺紋 和 皮膚 潤澤 度 大幅 下降 另外 兩 組 都能 改善 皮膚 問題 而 每日 12 毫克 的 效果 更為 顯著 該 研究 刊登 在 臨床 生化 及 營養 journal of clinical biochemistry and nutrition 期刊 中 主要 研究員 富 永久 美 kumi tominaga 指出 該 實驗 是 在 日本 8 月 12 月 之間 受試者 同時 也 受到 紫外線 乾冷 等等 環境影響 如此 更 顯示 蝦 紅 素 的 抗 氧化 效果 可以 延緩 皮膚 老化 減少 環境 對 皮膚 的 傷害 2 照顧 血管 維持 心臟 健康 許多 研究 證實 蝦 紅 素 的 抗 氧化 功能 可以 維持 血管 健康 改善 高血壓 2018 年 一 份 刊登 在 亞太 臨床 營養 asia pacific journal of clinical nutrition 期刊 研究 證實 每天 吃 8 毫克 蝦 紅 素 可以 改善 第 2 型 糖尿病人 的 血糖 和 血壓 該 研究 表示 糖尿病 患者 常 同時 有 高血壓 和 高 血糖 問題 因此 未來 可 考慮 將 蝦 紅 素 當作 另 一 種 輔助 治療 調整 膽固醇 一 項 由 東京 慈惠會 醫科 大學 附屬 柏 醫院 jikei university kashiwa hospital 執行 的 綜合型 研究 找 了 61 沒有 糖尿病 肥胖 和 高血壓 問題 介於 25 60 歲 的 人 隨機 分配 安慰 劑 或 每日 61218 毫克 的 蝦 紅 素 為期 12 周 結果 發現 每日 食用 12 毫克 能 同時 降低 三 酸 甘油酯 和 增加 高密度 膽固醇 好 膽固醇 幫助 血流 順暢 日本 北海道 大學 研究 發現 每天 吃 12 毫克 蝦 紅 素 持續 4 周後 使用 雷射 散 斑 流動 圖 laser speckle flowgraphy 檢 視 發現 在 沒有 副作用 之下 血 流速 得以 提升 3 保護 腦神經 改善 認知 功能 老化 後 可能 造成 認知 功能 衰退 甚至 失 智 症 蝦 紅素 可能 有 保護 的 效果 蝦 紅 素能 幫助 身體 合成 腦 源 性 神經 營養 因數 bdnf bdnf 是 種 蛋白質 會 調節 神經 介質 傳導 參與 神經元 生長 分化 及 重塑 維持 細胞 健康 體內 較 高 的 bdnf 和 降低 失 智 症 風險 有關 此外 已經 有 許多 研究 發現 蝦 紅 素 可以 預防 氧化 損傷 改善 認知 功能 日本 順天堂 大學 曾 找來 96 位 健康 和 因為 老化 而 出現 記憶力 衰退 的 人 每天 給予 12 毫克 蝦 紅 素 持續 12 周後 實驗 前後 都進行 coghealth battery 的 測驗 選擇 反應 工作記憶 注意力 等等 測試 結果 發現 實驗 後 測驗 成績 都 顯著 提升 且 沒有 副作用 美國 知名 的 非 營利 醫學 研究 機構 桑福德 伯納姆 普裡 比斯 sanford burnham prebys 研究院 研究員 葛瑞明 beth grimmig 也 指出 已經 有 許多 研究 證據 顯示 蝦 紅 素 可能 可以 延緩 老化 造成 的 認知障礙 對 因 病 而 產生 的 神經 退化 症狀 也 有 緩解 的 效果</t>
  </si>
  <si>
    <t>新冠肺炎 臺灣 涼亭 公園 群 聚</t>
  </si>
  <si>
    <t>微軟 26 日 週三 盤後 警告 由於 新冠肺炎 疫情 蔓延 使 供應 鏈 受阻 本 季 負責 windows 事業 的 個人 運算 部門 營 收 將 低於 預期 這 是 繼 蘋果 之後 又 一家 因 大陸 疫情 衝擊 供應 鏈 而 發佈 財 測 預警 的 科技 巨擘 受 此 拖累 微軟 周 早 盤開</t>
  </si>
  <si>
    <t>貝恩 策略 顧問 bain company 出具 報告 指出 受 新冠肺炎 大 流行 衝擊 未來 幾 個 月 全球 精品 銷售額 恐 將 崩 跌 貝恩 顧問 表示 包括 服飾 珠寶 手錶 美 妝 品 與 配件 等 全球 個人 奢侈品 市場 恐 將 在 第二 季 暴跌 約 50 60 新</t>
  </si>
  <si>
    <t>全球 印度 疫情 新冠肺炎 經濟命脈</t>
  </si>
  <si>
    <t>新冠肺炎 延 燒 至今 影響 各 產業 甚 巨 新創 投資 市場 信心 更是 受到 動搖 然而 臺灣 創新 能量 豐碩 新型 態 的 服務 與 產品 不斷 出現 仍然 有 龐大 的 資金 或 企業 資源 需求 創 夢 市集 今年 選出 可 進入 加速 育 成 階段 的 團隊 漁拓 等 9 家 新</t>
  </si>
  <si>
    <t>新冠肺炎 延 燒 至今 影響 各 產業 甚 巨 新創 投資 市場 信心 更是 受到 動搖 然而 臺灣 創新 能量 豐碩 新型 態 的 服務 與 產品 不斷 出現 仍然 有 龐大 的 資金 或 企業 資源 需求 創 夢 市集 今年 選出 可 進入 加速 育 成 階段 的 團隊 漁拓 等 9 家 新創 團隊 為 臺灣 新創 注入 資源 依據 企業 服務 資料庫 公司 crunchbase 統計 2020 年 第 1 季 新創 投資 筆數 相較 前 一 年 同期 下降 4 投資 金額 亦 下降 8 並 預測 第 2 季 影響 可能 更 明顯 由 網 銀 國際 橘子 6180 華 義 3086 昱泉 6169 齊 民 等 五 家 遊戲 業者 及 新光 金 國際 創 投 共同 出資 成立 的 創新 平臺 創 夢 市集 一直 以來 提供 臺灣 新創 團隊 加速 成長 與 種子 輪 投資 的 資源 今年 依然 不受 疫情 影響 透過 初步 書 審 面 審 與 募 資 簡報 訓練 等 多 階段 的 關卡 在 近 140 家 的 新創 團隊 中 選出 可 進入 加速 育 成 階段 的 團隊 包含互動 娛樂 類 的 漁拓 數位 卡夫 特 炎姬 民生 創新 類 的 毛小 愛 燊 曆 poop out 玩藝 星球 電 商 科技類 的 印花 樂 深 義 分析 quickper checkout 共 9 家 新創 團隊 創 夢 評審 團 以 團隊 組成 與 磨合 度 核心技術 能力 商業模式 以及 產品 服務 是否 已 接受 市場 驗證 等等 做為 評選 考量 的 條件 新創 團隊 往往 因為 本身 產業 類型 或 各別 需求 而 對外 尋求 政府 企業 的 資源 或 資金 挹注 例如 本次 入選 團隊 之一 的 印花 樂 表示 雖 曾 獲得 其他 企業 與 創投公司 的 投資 但 三 位 創辦 人 的 專業 背景 雷同 因此 希望 透過 如 創 夢 市集 這樣 的 加速器 獲得 更 多 不同 的 激蕩 創作 人才 媒 合 社 群 artzyplanet 玩藝 星球 與 旗 下 行銷 快速 出 圖 服務 picasso 希望 透過 加速 輔導 的 過程 將 更 強化 品牌 商業模式 以 立足 與 建立 新 市場 燊 曆 則 希望 藉 由 創 夢 市集 背後 股東 資源 吸引 策略 性 投資人 挹注 並 增加 電 商 合作 與 國際 業務 擴展 能力 入 選育 成 階段 的 團隊 將 在 創 夢 市集 的 協助 下 展開 至少 兩 個 月 的 深度 輔導 包含 重新 厘 清 價值 主張 商業模式 目標 顧客 及 設定 目標 和 關鍵 成果 並且 由 內外部 不同 的 領域專家 進行 兩 到 三 次 的 客 制 化 一對一 輔導 經過 盡職 調查 due-diligence 後 最終 有 機會 獲得 200萬 的 投資 金額 挹注 甚至 促成 與 創 夢 市集 股東 或 其他 企業 的 策略 合作</t>
  </si>
  <si>
    <t>越南 臺灣 輸出 新冠肺炎 陳時中</t>
  </si>
  <si>
    <t>新冠肺炎 臺灣 何志偉 北農 苛責</t>
  </si>
  <si>
    <t>血液 淨化 治 新冠肺炎 張上淳 需要 更 多 科學 證據</t>
  </si>
  <si>
    <t>血液 淨化 新冠肺炎 張上淳 治療 傷害</t>
  </si>
  <si>
    <t>新冠肺炎 蔓延 白宮 坦承 檢驗 工具 不夠 用</t>
  </si>
  <si>
    <t>新冠肺炎 江啟臣 世界衛生組織 國際 民主聯盟 idu</t>
  </si>
  <si>
    <t>新冠肺炎 疫情 趨 緩 連續 5 日 0 確診 馬偕 醫院 上月 開始 要求 進入 醫院 的 民眾 先 在 入口處 查 旅遊 史 隨 著 國內 有 旅遊 史 的 民眾 減少 該院 今 宣佈 5 月 4 日 起 取消 入口處 的 健 保 卡 查詢 旅遊 史 作業 門診 的 旅遊 史 查詢 不 變 開放 進入</t>
  </si>
  <si>
    <t>新冠肺炎 疫情 趨 緩 連續 5 日 0 確診 馬偕 醫院 上月 開始 要求 進入 醫院 的 民眾 先 在 入口處 查 旅遊 史 隨 著 國內 有 旅遊 史 的 民眾 減少 該院 今 宣佈 5 月 4 日 起 取消 入口處 的 健 保 卡 查詢 旅遊 史 作業 門診 的 旅遊 史 查詢 不 變 開放 進入 醫院 的 時間 也 從 上午 7 點 半 調整 為 上午 7 點 提醒 民眾 需 戴 口罩 配合 動 線 規劃 等 措施 馬偕 醫院 上月 20 日 宣佈 民眾 進入 醫院 時 必須 在 入口處 插 健 保 卡 查檢 旅遊 史 隨 著 國外 入境 人數 減少 該院 今日 宣佈 5 月 4 日 起 取消 入口處 的 插 卡規 定 民眾 進入 馬偕 紀念 醫院 淡水 馬偕 紀念 醫院 馬偕 兒童 醫院 不 需 先 在 門口 插 健 保 卡 但 進入 門診 醫師 仍 會 進行 旅遊 史 職業 別 接觸 史及 是否 群 聚 tocc 的 查驗 與此同時 馬偕 醫院 也 宣佈 5 月 4 日 起 民眾 進入 醫院 的 時間 將 從 上午 7 點 半 提前 至 上午 7 點 其 餘 的 措施 如 陪 病 探病 規定 等 仍然 維持 不 變 為 減少 感染 風險 馬偕 醫院 提醒 民眾 進入 醫院 應 配合 入口處 噴 酒精 幹 洗手 體溫 監測 並 全程 戴 口罩 遵守 管制 措施 及 動 線 規劃 自 車道 進入 的 民眾 也 需 配合 體溫 量 測 配戴 口罩 才 可 開放 進入 對於 近期 疫情 趨 緩 民眾 進入 其他 醫院 的 措施 是否 放寬 台大 長 庚 新光 北 榮 三 總 均 表示 目前 仍 維持 現行 措施 暫 未有 變動 五 一連 假期 間 馬偕 新光 長 庚 門診 均 休 診 台大 北 榮 三 總 門診 則 照常 提醒 民眾 留意</t>
  </si>
  <si>
    <t>馬偕 醫院 健 保 卡 入口處 上午 7 點 新冠肺炎 疫</t>
  </si>
  <si>
    <t>日本 東京 新增 3 例 新冠肺炎 總計 32 例</t>
  </si>
  <si>
    <t>日本富士電視臺 今天 報導 東京都 內 又 新增 3 例 新冠肺炎 病例 總計 東京都 已 有 32 例 鄰近 東京都 的 神奈川縣 今天 也 新增 一 例 重症 病例 患者 並 無 海外 旅遊 史 日本 朝日電視臺 報導 神奈川縣 今天 新增 一 例 病例 患者 是 住 在 神 奈</t>
  </si>
  <si>
    <t>日本富士電視臺 今天 報導 東京都 內 又 新增 3 例 新冠肺炎 病例 總計 東京都 已 有 32 例 鄰近 東京都 的 神奈川縣 今天 也 新增 一 例 重症 病例 患者 並 無 海外 旅遊 史 日本 朝日電視臺 報導 神奈川縣 今天 新增 一 例 病例 患者 是 住 在 神奈川縣 的 50 多 歲 男性 上班族 14 日 發燒 到 攝氏 38 度 今天 確診 感染 肺炎 這 名 男性 在 東京都 內 的 公司 上班 在 醫療機構 檢查 時 呈現 陽性 目前 症狀 嚴重 日本 神 奈川 新聞報導 神 奈川 縣政府 表示 這 名 男性 患者 並 沒有 海外 旅遊 史 目前 正在 調查 他 的 活動 史及 有無 密切接觸 者</t>
  </si>
  <si>
    <t>共 454 人 確診 鑽石 公主 號 再 99 人 染 新冠肺炎</t>
  </si>
  <si>
    <t>就 在 美國 乘客 撤離 後 幾 小時 厚生 勞動 省 17 日 宣佈 在 鑽石 公主 號 郵輪 上 新 檢測 的 504 人中 又 有 99 人 確認 罹 患 新冠肺炎 使 確診 共 達 454 人 據 nhk 報導 這些 人 中 有 70 人 並未 出現 症狀 至今 郵輪 上 的 乘客 與 工作人員 共有 1 7</t>
  </si>
  <si>
    <t>就 在 美國 乘客 撤離 後 幾 小時 厚生 勞動 省 17 日 宣佈 在 鑽石 公主 號 郵輪 上 新 檢測 的 504 人中 又 有 99 人 確認 罹 患 新冠肺炎 使 確診 共 達 454 人 據 nhk 報導 這些 人 中 有 70 人 並未 出現 症狀 至今 郵輪 上 的 乘客 與 工作人員 共有 1723 接受 檢驗 而 美國 已 包機 接回 約 400 名 該國 乘客 除 了 1 名 上 船 執行公務 的 檢疫 官 染病 外 郵輪 上 約 3700 名 乘客 與 工作人員 中 如今 已 有 454 人 確診 使 這 艘 郵輪 成為 大陸 之外 疫情 最 嚴重 的 地方 而 日本 從 2 月 3 日 開始 強制 實施 的 隔離 檢疫 期 即 將 於 19 日 結束 由於 鑽石 公主 號 的 病例 暴 增 儼然 成 了 疫區 也 有 24 名 澳洲人 確診 據 路透 報導 澳洲 總理 莫里森 scott morrison 說 預定 19 日 派 包機 接回 船上 200 多 位 公民 他們 將 被 帶往 屬於 熱帶氣候 的 澳洲 北部 達爾文 darwin 並 再 接受 14 天 的 隔離 檢疫 此外 莫里森 說 澳洲航空公司 qantas airways 包機 將 提供 機上 空位 接回 鑽石 公主 號 上 的 紐西蘭人 不過 人數 尚未 確定 而 這些 紐西蘭人 將 在 達爾文 轉機 返回 紐西蘭</t>
  </si>
  <si>
    <t>在 電競 領域 中 雄據一方 的 微星 2377 大 動作 宣佈 跨向 商務 筆 電 市場 除 發佈 全新 msi logo 更 一口氣 重整 非 電 競 筆 電 產品 線 推出 由 summit prestige 和 modern 三大 系列 組成 的 商務 筆 電 陣 式 為 其 筆 電 事業 在 電競 之外 建立 營運 動能 的 第二 只 腳 微星 於 9 月 3 日 以 登峰造極 為 主軸 舉行 全球 線 上 虛擬 高 峰會 揭露 全新 以 費式 數列 與 黃金 比例 為 基礎 具 簡潔 俐落 設計 的 msi 全新 商務 筆 電 產品 logo 同時 微星 亦 以 商務 生產力 全面 開展 非 電 競 系列 的 商務 筆 電新 產品 線 有 新 推出 聚焦 高階 效能 及 資 安 強化 的 summit 系列 外 還有 與 原 既有 針對 創作者 行動 工作者 優化 使用 體驗 的 prestige 和 modern 兩 系列 全面 搶 進 非 電競 領域 的 商務 利基 筆 電 市場 並 展現 其 擴展 戰線 的 決心 在 新冠肺炎 疫情 肆虐 的 2020 年 微星 筆 電 業務 暨 行銷 處 總監 陳禮群 表示 這 一 年 雖 充滿 挑戰 但 也 帶來 機會 尤因 疫情 帶動 的 遠 端 工作 需求 更 突顯 了 具 高效能 高 生產力 之 商務 筆 電 的 重要性 微星 此 波 發佈 的 全新 商務 筆 電 系列 皆 搭載 英特爾 第 十 一代 core i 處理器 及 英特爾 新 發佈 的 iris xe 顯示 晶 片 此外 全 系列 亦 皆 採用 超薄 鋁 制 軍事 耐用 等級 的 機殼 同時 內建 tpm 20 提供 企業 級 安全性 防護 措施 該 場 發表會 中 微星 也 端 出首 度 推出 的 翻轉 螢 幕 筆 電機 款 summit e 13 flip 更 再度 打破 其 過往 產品 外觀 框架 以 多彩 機身 的 全新 商務 筆 電 搶 進 市場 預計 此 回 發表 的 全新 商務 筆 電 系列 新品 將 接續 於 10 月 起 在 各 市場 上市 屆時 亦 可望 為 微星 第 四季 及 明年 上半年 的 筆 電 事業 營運 增添 一 波 銷售 新 動能</t>
  </si>
  <si>
    <t>新冠肺炎 疫情 全球 肆虐 各國 人心惶惶 就 有 網友 指出 中港臺 都 曾 經歷 過 sars 風暴 然而 卻 貌似 僅 有 臺灣 記取 教訓 讓 他 不禁 好奇 為何 會 有 這樣 的 落差 貼 文一 出 隨即 掀起 網友 熱 議 2003 年 3 月 13 日 臺灣 爆發 首 起 sars 確診 病</t>
  </si>
  <si>
    <t>診所 az 金門 新冠肺炎 新冠 疫苗</t>
  </si>
  <si>
    <t>掉 發 莫德納 副作用 新冠 疫苗 新冠肺炎</t>
  </si>
  <si>
    <t>2020 美國 網球 公開賽 男單 亞軍 小 祖維瑞 夫 賽後 致詞 透露 父母 新冠肺炎 病毒檢測 呈 陽性 因此 這次 無法 一起 到 美國紐約 為 他 加油 今年 美 網 男單 爭霸 小 祖維瑞 夫 在握 有 兩 盤 絕對 領先 優勢 下 遭 奧地利 好友 提姆 逆轉 頒獎典禮</t>
  </si>
  <si>
    <t>2020 美國 網球 公開賽 男單 亞軍 小 祖維瑞 夫 賽後 致詞 透露 父母 新冠肺炎 病毒檢測 呈 陽性 因此 這次 無法 一起 到 美國紐約 為 他 加油 今年 美 網 男單 爭霸 小 祖維瑞 夫 在握 有 兩 盤 絕對 領先 優勢 下 遭 奧地利 好友 提姆 逆轉 頒獎典禮 上 接過 亞軍 獎盃 時 小 祖維瑞 夫 看起來 情緒 波動 頗 大 致詞 時 他 先 感謝 父母 無怨無悔 支持 他 挑戰 網球 隨後 透露 父母 這次 無法 同行 的 原因 我 的 父母 過去 不論 大小 賽事 都會 到場 鼓勵 我 小 祖維瑞 夫 邊講 邊 眼眶 泛 淚 但 他們 在 美 網 賽前 確診 新冠肺炎 不能 一同 來 紐約 我 很 想 他們 這次 美 網 真的 挺 難 熬 的 所以 我 在 致詞 時 展現出 比較 多 感性 的 一面 小 祖維瑞 夫 補充 他們 身體狀況 還 不錯 後來 的 檢驗 結果 也 呈現 陰性 但 就 整場 比賽 來說 握有 2 盤 絕對 領先 卻 在 第 五 盤搶 七大 戰輸 掉 真的 是 很 遺憾 的 一 場 比賽 我 現在 心情 是 挺 激動 的甚至 字 不 成句 壓 根 記不得 我 說 了 什麼 過去 這 兩 周對 我 來說 很 不好過 小 祖維瑞 夫 來自 運動 家庭 爸爸 老 祖維瑞 夫 和 媽媽 伊琳娜 過去 是 代表 蘇聯 出賽 的 職業 網球 選手 因此 常會 在場 邊看 兒子 比賽 年長 小 祖 10 歲 的 哥哥 大 祖 維 瑞 夫 同樣 在 atp 巡迴賽 奮戰 不過 目前 單打 世界排名 261 和 弟弟 的 世界 第 7 有 段距離</t>
  </si>
  <si>
    <t>受到 新冠肺炎 疫情 影響 三級 警戒 至今 已經 超過 一個 月 不僅 許多 店家 生意 受到 影響 就 連 藝人 也 因為 工作 喊 卡 導致 收入 銳減 對此 八 點 檔 女星 璟 宣 透露 因為 疫情 關係 詢問 房東 是 能否 調整 房租 沒 想到 卻 得到 讓 她 傻眼 的 答</t>
  </si>
  <si>
    <t>璟 宣 房租 八 點 檔 新冠肺炎 疾 管家</t>
  </si>
  <si>
    <t>越南 一對 夫妻 確診 新冠肺炎 後 地方 官員 擔心 狗 會 傳播 病毒 下令 撲 殺 這 對 夫妻 及 親戚 飼養 的 15 只 狗 及 1 只 貓 引爆 越南 社會 怒火 當初 這 對 夫妻 騎 機車 載 著 所有 毛 小孩 逃離 疫情 的 畫面 也 在 網路上 瘋 傳 綜合 越南 快訊 vnexpress</t>
  </si>
  <si>
    <t>新冠肺炎 全球 越南 狗 貓 撲 殺</t>
  </si>
  <si>
    <t>新冠肺炎 臺灣 盧秀燕 施打 接種</t>
  </si>
  <si>
    <t>南 投 縣 新冠肺炎 疫苗 第 2 劑 施打 率 601 略低於 全國 平均值 南 投 縣長 林明溱 13 日 提醒 民眾 踴躍 施打 疫苗 並 指示 衛生局 在 19 日 下午 舉辦 的 名間 鄉親 子 生態 公園 開幕 時 加開 快 打 站 民眾 當天 施打 疫苗 將 贈送 肉鬆 等 禮品 中</t>
  </si>
  <si>
    <t>新冠肺炎 臺灣 南 投 鼓勵 接種</t>
  </si>
  <si>
    <t>美國 放棄 世界 領袖 的 責任 與 地位 國際 政治 出現 真空 大陸 乃 趁虛而入 歐盟 是 其 主要 目標 中 美 衝突 深化 歐盟 更 成為 大陸 突破 美國 新 冷戰 的 重點 地區 大陸 外長 王毅 日前 到訪 義 大利 荷蘭 挪威 法國 及 德國 接 著 中央政治局 委員 中央 外事 工作委員會辦公室 主任 楊潔篪 前往 希臘 與 西班牙 訪問 展現 爭取 歐盟 支持 的 強烈 企圖 心 但 大 陸戰 狼 式 外交 路線 不但 不能 為 其 外交 攻勢 加分 反而 凸顯 了 雙方 在 制度 結構 上 的 差異 川普 總統 的 強勢 外交政策 個人 獨斷 風格 使 美國 與 歐盟 關係 跌 到 二次大戰 後 最低點 同盟 關係 的 堅定 基石 已經 鬆動 相較 美國 全面 對抗 中國 歐盟 採取 的 是 溫和 但 防衛性 政策 中國 與 歐盟 關係 看好 但 新冠 疫情 蔓延 全球 大陸 頒行 港版 國安法 後 歐盟 開始 重新 盤點 對 中 關係 重塑 對 中 政策 美國 國務卿 蓬佩 奧 日前 訪問 中歐 4 國 王毅 楊潔篪 隨即 到訪 足 見 大陸 爭取 歐盟支持 的 用心 川普 第一 任期 已 接近 尾聲 過去 3 年 他 做出 一連串 令 歐洲 盟邦 感到 不安 及 不滿 的 決定 包括 退出 巴黎 氣候 協定 與 伊朗 核 協議 自 敘利亞 阿富汗 及 德國 撤軍 退出 中程飛彈 條約 及 開放 天空 條約 要求 各國 增加 軍費 預算 甚至 威脅 退出 nato 北大西洋公約組織 對 美 歐 同盟 關係 造成 了 嚴重 負面效應 川普 的 美國 優先 代表 了 美國 要 同時 累積 擁有 最 強大 的 軍事 及 經濟 力量 只 跟 順從 華盛頓 旨意 的 國家 打交道 還要 全面 制衡 中國 俄羅斯 伊朗 等 對手 過度 的 單邊主義 破壞 了 世界秩序 民主 陣營 許多 國家 過去 懷著 羡慕 與 尊敬 追隨 美國 領導 現在 已 被 不 信任 及 懷疑 所 取代 過去 3 年 歐盟 對 中共 採行 務實 策略 在 推動 加強 經濟 合作 同時 對 直接 海外投資 的 審核 政府 補貼 技術 轉移 5 g 科技 等 經貿 投資 問題 採取 防禦 性 措施 中共 與 歐盟 雙邊關係 的 轉捩點 在於 歐盟 於 2019 年 3 月 發佈 的 歐中 戰略 展望 報告 認知 中共 所 帶來 的 挑戰 與 機會 間 的 平衡 已經 轉移 以及 中共 提倡 的 治理 模式 與 歐盟 迥異 更 界定 中國 為 經濟 競爭者 與 體制 對手 今年以來 世界 局勢 急劇 變化 2020 成為 中歐 關係 發展 的 關鍵 年 除了 既存 的 治理 模式 網路 資 安 與 人權 等 歧異 外 新冠 病毒 傳染 香港 國安法 立法 大陸 在 南海 的 擴張 行為 甚至 對 臺灣 問題 的 強硬 立場 等 都 使 雙邊關係 更為 緊張 歐盟 是 中國 最 大 貿易 夥伴 中國 則 是 歐盟 的 第二 大 貿易 夥伴 歐盟 27 個 會員國 與 中國 關係 不同 立場 也 呈現 多元化 基本上 歐盟 雖然 不 會 出現 美國 鷹 派 式 的 全面 對抗 制裁 中國 主張 但 中歐 過去 10 幾 年 的 友好合作 關係 已經 轉變 歐盟 更 堅持 經貿 投資 的 對等 互惠 原則 更 關切 大陸 壓制 人權 及 新冠肺炎 傳染 造成 的 損害 另外 美國 更是 頻頻 施壓 要求 歐盟 配合 抗 中 戰略 使 許多 歐盟 國家在 5 g 設備 等 議題 上 對 大陸 採取 強硬 立場 大陸 強勢 的 外交 路線 過度 宣揚 防疫 的 成果 與 貢獻 已 產生 反 效果 強行通過 香港 國安法 形同 中共 與 西方 世界 攤牌 最近 對 臺灣 的 文攻武 嚇 都 引發 了 歐盟 強烈反應 促使 歐盟 全面 檢討 中國 政策 歐盟 對 臺灣 問題 傳統 上 保持 低調 但 王毅 最近 針對 捷克 參議院 議長 韋德齊 訪台 在 歐洲 接連 發言 恐嚇 引發 地主國 強烈 反彈 德國 的 外長 馬斯當 著 王毅 的 面 表示 完全 無法 接受 法國外交部 發言人 也 聲援 捷克 不能 接受 中國 對 歐盟 成員國 的 任何 威脅 這些 言語 上 的 針鋒相對 代表 了 雙邊關係 的 警訊 不但 是 政府 官員 歐洲議會 媒體 及 公民 團體 都 醞釀 反 中意 識 使 未來 雙邊關係 蒙上 陰影 就中 長 程 關係 來看 從 意識形態 競爭 產業鏈 重組 資訊 安全 人權 新冠肺炎 到 安全 議題 中歐 之間 確實 存在 價值觀 和 利益 的 衝突 及 信任危機 但 雙方 也 有 更 多 有助於 全球 合作 促進 和平 的 機會 其中 包括 合作 研發 新冠肺炎 疫苗 共同 對抗 氣候變遷 甚至 在 伊朗 等 區域性 議題 上 也 可 扮演 積極 角色 唯有 透過 合作 才能 修補 重建 雙邊關係</t>
  </si>
  <si>
    <t>新冠肺炎 臺灣 國產 疫苗 柯文哲 國運</t>
  </si>
  <si>
    <t>安娜涅 翠 柯 新冠肺炎</t>
  </si>
  <si>
    <t>佛光山 嬌 生 新冠肺炎 臺灣 疫苗</t>
  </si>
  <si>
    <t>新冠肺炎 的 社區 感染 是 我們 最 不 希望 看到 的 情況 也 是 整個 防疫 體系 是否 潰 堤 的 指標 就算 政府 把 臺灣 圍得 跟 鐵桶 一樣 可別 忘 了 新冠 病毒 會 有 氣 溶膠 傳染 只要 有 縫 就 能 鑽進來 鐵桶 也 會 氣 爆 日本 的 殷鑒不遠 近日 瞬間 崩潰</t>
  </si>
  <si>
    <t>新冠肺炎 的 社區 感染 是 我們 最 不 希望 看到 的 情況 也 是 整個 防疫 體系 是否 潰 堤 的 指標 就算 政府 把 臺灣 圍得 跟 鐵桶 一樣 可別 忘 了 新冠 病毒 會 有 氣 溶膠 傳染 只要 有 縫 就 能 鑽進來 鐵桶 也 會 氣 爆 日本 的 殷鑒不遠 近日 瞬間 崩潰 成 中國 大陸 以外 疫情 最 嚴重 的 國家 臺灣 也 已 出現 社區 感染 病例 疫情 走 下坡 指日可待 社區 感染 為什麼 可怕 因為 人 在 生病 時 都 不 會 立即 去 看 醫師 在 這 段 具有 傳染 力 的 就醫 前期 沒有 人 告訴 他 可能 的 診斷 及 該 做 的 預防 作為 造成 在 就醫 前 就 在 社區 大量 擴散 就醫 後 也 沒 好 到 哪裡 去 醫師 用以 鑒別 新冠肺炎 與 一般 上呼吸道感染 的 疫區 旅遊 史 在 感染 已經 社區化 後 完全 沒有 用 醫師 不可能 在 第一時間 將 病人 診斷 出來 也 會 造成 院內 感染 爆發 日本 為什麼 會 搞 成 這樣 光 看 第 1 個 確診 及第 1 個 死亡 病例 就 很 清楚 這 兩個 病例 都出 在 神奈川縣 第 1 個 確診 病例 是 住 在 日本 的 中國人 由 武漢 返 日前 就 有 症狀 入 關時 關口 沒 檢 出 也 沒 對 有 明顯 武漢 旅遊 史 的 人 執行 健康 管理 就 簡單 地 由 關口 放行 這種 檢疫 方式 在 疫情 已 很 緊張 的 時候 簡直 不可思議 更 扯 的 是 醫院 端 檢疫 入 關 3 日後 他 到 醫院 看病 病人 誠實 講 了 武漢 旅遊 史 也 沒人 理 他 直到 入 關後 11 日 才 遂行 通報 及 醫院 隔離 這 段 時間 內 病毒 早就 散 到 社區 與 醫院 了 日本 當時 可 沒 認為 自己 有 問題 沒 做 任何 檢討 還 沾沾自喜 於 他們 偵 測出 第 1 個 病例 果不其然 3 個 星期 後 日本 第 1 個 社區 感染 死亡 案例 就 出 在 神奈川縣 這個 80 多 歲 的 老太太 沒出 過 國 發病 到 呼吸衰竭 往 生 總共 22 日 因為 無 旅遊 史 一直 不 被 認為 是 新冠肺炎 往 生前 1 日 才 通報 送 檢 往 生 後 確診 問題 就 出 在 地方 政府 沒有 檢討第 1 個 確診 案例 所犯 的 錯誤 改進 暴露出 的 防疫 缺口 沒有 告訴 醫療 院所 已經 有 社區 感染 的 風險 診斷 新冠肺炎 不可 再 靠 旅遊 史 也 應該 針對 不明 原因 肺炎 這 何嘗 不是 另 一 種 形式 的 掩蓋 疫情 造成 日本 現在 的 局面 臺灣 的 問題 出 在 過於自信 出現 社區 感染 本 就 是 遲早 的 事 剛 開始 的 檢疫 成績 讓 每個 官員 都 飛上了 天 新冠 病毒 是 像 流感 的 病毒 檢疫 是 不可能 阻絕 於 境外 的 檢疫 上 的 任何 小 缺失 都 有 可能 讓 病毒 鑽 到 社區 剛 開始 的 武漢 或 大陸 航班 全 航班 入境 後 的 健康 管理 並 沒法 做 得 像 現在 這麼 嚴 形成 散播 在 臺灣 各地 的 未 爆 彈 他們 散 出去 的 第 2 代 社區 病例 輕 症 會 被 當作 感冒 想 采 檢 也 因為 沒 旅遊 史 不讓 采 重症 病例 會 像 神 奈川 的 老太太 一樣 以 不明 原因 肺炎 重症 來 表現 只要 出現 1 個 死亡 確診 案例 大概 代表 社區 已經 有 50 個 病例 了 最近 在 醫療 端 很多 不明 原因 肺炎 都 礙於 檢驗 能量 太 低 不讓 檢 不讓 報 一旦 1 個 陽性 就 成 防疫 破 口 政府 應 想 辦法 擴充 常規 檢驗 最少 覆蓋 到 不明 原因 肺炎 神 奈川 老太太 在 往 生前 都還 能 驗 到 新冠 病毒 我們 可不 能 做 得 比 日本 還 差 只有 通報 流感 重症 才 檢驗 是 不足 的 作者 為 中華民國 防疫 學會 榮譽 理事長</t>
  </si>
  <si>
    <t>鴻 海 2317 今 23 日 召開 股東 常會 通過 2019 年 財 報 及 盈 餘 分配 案 決議 配發 每股 現金 股利 42 元 以 今日 平盤 價 789 元 計算 現金 殖 利率 約 532 展望 今年 集團 將 持續 求新 求 變 透過 3 階段 措施 持續 轉型 升級 提升 集團 營運 績效 鴻 海 2019 年 合併 營 收 創 534 兆 元 新高 年 增 093 但 歸屬 母公司 稅 後 淨利 115308億 元 年 減 1066 為 近 6 年 低點 獲利 3 率 毛利率 591 營益 率 215 淨利 率 216 均 創 新低 不過 由於 股本 減少 每股 盈 餘 eps 832 元 創 近 3 年高 點 鴻 海 董事長 劉揚偉 在 營業 報告 書 中 表示 去年 外 有 中 美 貿易 大戰 內 有 公司 領導 團隊 接 棒 內外 均 處於 高度 變動 時期 對 集團 是 相當 不容易 的 一 年 所幸 在 創辦 人 郭台銘 打下 的 扎實 基礎 下 鴻 海面 對 充滿 挑戰 的 一 年 仍 繳 出 營 收 創新 高 的 成績單 對於 上半年 新冠肺炎 衝擊 全球 劉揚偉 表示 儘管 疫情 對 全球 經濟 帶來 挑戰 但 鴻 海 向來 認為 任何 一個 時刻 都 可以 是 最壞 的 時代 也 是 最好 的 時代 對此 從 一 開始 的 核心 製造 技術 到 近年 積極 網 工業 互聯網 發展 與 致力 資 通訊 科技領域 研發 成績 都 有目共睹 劉揚偉 強調 集團 仍 持續 求新 求 變 從 原本 的 勞力 密集 為 本 體質 脫胎換骨 為 以 腦力 密集 為主 結構 因 此 依循 f 10 現況 優化 f 20 數位 轉型 f 30 轉型 升級 等 看似 有別 實則 合而為一 的 道路 朝 好 還要 更 好 目標 大 步 向前 劉揚偉 指出 去年 針對 現有 業務 已 宣示 分工 分享 興利 除 弊 等 f 10 四大 重點 目前 均 已 產生 成效 其中 分工 分享 協作 已 在 疫情 時期 發揮 功效 透過 在 採購 流程 中 導入 系統化 機制 亦 達成 興利 及 除 弊 效果 在 f 20 數位 轉型 方面 鴻 海 善用 數位 科技 使 整體 營運 更 有效 益 並 著 手 建立 各種大 資料庫 形成 自動化 智慧 決策 流程 劉揚偉 指出 去年 9 月 已 從 其中 1 個 次 集團 開始 試行 1 年 來 已 有 相當 不錯 成效 預計 將 在 5 年 間 陸續 推廣 至 整個 集團 至於 f 30 轉型 方面 鴻 海 設定 投資 電動車 數位 健康 機器人 等 3 大 產業 以及 人工智慧 半導體 新 世代 通訊 技術 等 3 大 技術 的 3 3 重要 發展 策略 並於 年中 成立 鴻 海 研究院 下設 5 大 研究所 提供 前瞻 支援 5 年 後 的 成長 計 畫 以 鞏固 技術 領域 領先地位</t>
  </si>
  <si>
    <t>新冠肺炎 臺灣 書面報告 疫情 蘇貞昌</t>
  </si>
  <si>
    <t>台微 體 4152 2020 年 營 收 102億 元 年 減 513 淨損 983億 元 每股 虧損 1242 元 台微 體表 示 子公司 盈 擘 醫藥 完成 1500萬 美元 增資 新設 子公司 將 專注 於 肺部 疾病 產品 之 開發 包含 旗 下 新冠肺炎 新 方案 tlc 19 及 其他 嚴重</t>
  </si>
  <si>
    <t>台微 體 4152 2020 年 營 收 102億 元 年 減 513 淨損 983億 元 每股 虧損 1242 元 台微 體表 示 子公司 盈 擘 醫藥 完成 1500萬 美元 增資 新設 子公司 將 專注 於 肺部 疾病 產品 之 開發 包含 旗 下 新冠肺炎 新 方案 tlc 19 及 其他 嚴重 型 急性 及 慢性 肺部 疾病 藥物 台 微 體 總經理 葉志鴻 指出 有幸 在 新冠肺炎 大幅 擴散 至 美國 前 提早 完成 術 後 長效 止痛藥 物 tlc 590 二期 試驗 的 收 案 更 在 疫情 肆虐 全球 之際 順利完成 關節炎 長效 止痛藥 物 tlc 599 的 收 案 並 持續 拓展 安 畢 黴 的 國際 藍圖 此外 台微 體 更 啟動 吸 入 式微 脂 體 藥物 的 第 一個 臨床 試驗 可望 能夠 預防 及 治療 新冠肺炎 等 嚴重 型 肺部 疾病 台 微 體 依照 傳統 參加 全球 最 大 的 生 技 及 醫療 活動 惟 今年 因 疫情 關係 改 成 線 上 舉行 目前 全球 智慧 財產權 保護 增至 257 項 截至 2020 年12 月 31 日 止 台微 體 已於 世界 各國 取得 160 項 發明專利 並 有 97 項 發明專利 申請 案 正 在 審查 階段</t>
  </si>
  <si>
    <t>新冠肺炎 疫情 延 燒 國 中小 所 延長 兩 周 的 寒假 終於 要 結束 針對 下 週二 就要 開學 基隆 市長 林右昌 於 17 日 親自 主持 教育處 防疫 會議 確認 所有 學校 防疫 物資 的 整備 都 已 到位 並 瞭 解 是否 有 需要 市府 協助 及 加強 之處 務 必要 讓 學童</t>
  </si>
  <si>
    <t>新冠肺炎 疫情 延 燒 國 中小 所 延長 兩 周 的 寒假 終於 要 結束 針對 下 週二 就要 開學 基隆 市長 林右昌 於 17 日 親自 主持 教育處 防疫 會議 確認 所有 學校 防疫 物資 的 整備 都 已 到位 並 瞭 解 是否 有 需要 市府 協助 及 加強 之處 務 必要 讓 學童 都 能夠 安心 上課 他 指出 大家 的 警覺心 都 很 高 若是 學生 有 發燒 等 現象 也 請 家長 讓 學生 就醫 在家 休息 林右昌 強調 臺灣 的 防疫 工作 起步 很 早 因此 相對 於 其他 國家 臺灣 的 防疫 工作 做 得 非常 好 但 最 重要 的 除了 醫護人員 的 辛苦 跟 努力 之外 強調 防疫 是 所有 國人 的 責任 只要 大家 依照 中央 疾 管 中心 的 指揮 做好 自主 管理 遵循 相關 規定 大家 團結合作 就 能夠 度過 這次 的 疫情 市府 表示 這次 徵調 防疫 物資 的 量 其中 額 溫槍 為 84 支 口罩 為 一萬 片 酒精 為 232 瓶 幹 洗手 為 56 瓶 配發 原則 為 每 200 名 學生 配置 一 支 酒精 為 每 30 名 學生 可配 得 500 c c 的 儲備 量 而 這些 物資 可以 供 在 地 學童 使用 多久 市府 則 回應 道 因為 現在 的 量 都 是 應付 緊急狀況 不適 每日 發放 所以 市府 目前 也 無法 估算 使用 期限 市府 強調 勤洗手 及 確實 量 體溫 才 是 防疫 的 重點 教育處 指出 開學 後 校方 派 人 在 門口 量 體溫 要是 375 度 就要 勒令 直接 帶回家 或 去 醫院 就診 其 中建 德國 小 怕 家長 無法 臨時 趕來 更 騰出 一 間 教室 來 做為 隔離 教室 讓 有 發燒 的 學生 可以 到 那間 空 教室 裡 等 家長 並 會用 耳 溫再量 二 次 做 確認 更 有 國小 指出 他們 已 把 消毒水 等 防疫 配備 分裝 成 袋 給 每個 班級 用 開學 後 請 老師 來 領 回天天 消毒 其中 各 班以 肥皂 勤洗手 並以 消毒水 來 清潔 整間 教室 會 將 桌面 把手 等 肌膚 長 會 接觸 到 的 地方 仔細 擦拭 消毒</t>
  </si>
  <si>
    <t>傳 裁員 3 成?新冠肺炎 衝擊 百貨 業 微風 開出 裁員 第一 槍</t>
  </si>
  <si>
    <t>新冠肺炎 重創 零售 百貨 業 國內 百貨 業 也 開出 裁減 人力 第 一個 震撼 彈 微風 集團 傳出 將 資 遣 近 3 成 人力 將 有 百 人 以上 受 影響 對此 微風 集團 回應 此為 依例 年度 進行 內部 人力 組織 調整 等於 是 認 了 有 裁員 一 事 微風 是否 會 啟</t>
  </si>
  <si>
    <t>新冠肺炎 重創 零售 百貨 業 國內 百貨 業 也 開出 裁減 人力 第 一個 震撼 彈 微風 集團 傳出 將 資 遣 近 3 成 人力 將 有 百 人 以上 受 影響 對此 微風 集團 回應 此為 依例 年度 進行 內部 人力 組織 調整 等於 是 認 了 有 裁員 一 事 微風 是否 會 啟動 百貨 業 裁員 連鎖 效應 後續 值得 關注 早先 在 微風 集團 尾 牙 上 微風 董事長 廖鎮漢 對 2019 年 全年 營 收 成功 達到 305億 元 相當 滿意 甚至 對 員工 打 出 120 分 的 分數 並 大手筆 宣佈 員工 年終 25 個 月 起 最高 可 達 7 個 月 沒 想到 才事 隔 一個 月 就 風雲變色 啟動 縮減 人力 計 畫 令 外界 大 感 意外 還 記得 廖鎮漢 當時 談 到 今年 景氣 指出 2020 是 變化多端 的 一 年 就 看 大家 有 沒有 準備 機會 是 給 準備 好 的 人 似乎 也 印證 新冠肺炎 在 全球 的 暴風 肆虐 殺 得 各 產業 措手不及 微風 廣場 今年 進入 第 19 年 近年 展店 積極 除了 本店 之外2014 年 首度 插 旗 北市 信義 區 開出 微風 松 高 隔 年 開出 微風 信義 去年初 更是 大張旗鼓 開出 微風 南山 6 年 來 一口氣 開出 8 個 據點 且 全數 位於 臺北市 並 積極 佈局 自營 餐廳 與 多 家 醫院 美食 廣場 微風 集團 由 廖鎮漢 一手 打造 自 第一 家 百貨 店面 微風 廣場 於 2001 年 10 月 開幕 到 去年 1 月 微風 南山 開幕 成為 信義計畫 區 人潮 新 焦點 未來 還有 微風 南 港 預計 加入 事實上 微風 近年來 展店 相當 快速 儘管 展店 速度 快 但 承受 高額 租金 也 令其 獲利 狀況 一向 受到 同業 和 外界 的 質疑 百貨 業者 分析 微風 一大 營運 強項 就是 餐飲 新冠肺炎 疫情 造成 的 衝擊 應該 不小 但 若 此 波 裁員 規模 高 達 3 成 令 人 驚訝 對於 微風 集團 傳出 大幅 資 遣 近 3 成 人力 臺北市 勞動局 主 秘劉家 鴻 表示 目前 未 收到 大量 解雇 通報 資 遣 通報 也 沒有 收到 員工 申訴 根據 勞動局 資料 顯示 截至 去年 11 月 止微風 集團 勞保 人數 為 245 人 劉家鴻 表示 目前 未 收到 任何 員工 申訴 以及 業者 大量 解雇 通報 與 資 遣 通報 但 會 緊 盯 微風 廣場 後續 發展 更 多 ctwant 報導</t>
  </si>
  <si>
    <t>新冠肺炎 疫情 臺灣 逐漸 升溫 今 傳出 新北 某 私立 大學生 赴 日本 旅遊 後 返台 卻 沒 進行 自主 管理 且 向周 遭 友人 隱瞞 旅遊 史 對此 經 詢問 校方 由 秘書長 回應 確實 有 一 位 同學 赴 日 旅遊 但 校方 在 事情 傳開 後 已 請 系上 緊急 調查</t>
  </si>
  <si>
    <t>國內 新冠肺炎 疫情 持續 延 燒 醫療 量 能 緊 繃 臺北市 長 柯文哲 今 26 日 上午 在 北市 防疫 會議 上 指出 如果 要 等 到 8 月 打 疫苗 且 是 國產 疫苗 這 等 於 把 國運 賭 在 一個 不可 知 的 期望 上面 若要 撐到 8 月 恐 撐不下去 會 死傷 慘重</t>
  </si>
  <si>
    <t>美國 民眾 持續 接種 新冠肺炎 疫苗 但 施打 進度 近日 出現 放緩 跡象 美國 高階 衛生 官員 敦促 更 多 民眾 接種 疫苗 根據 美國 疾病 管制 預防 中心 cdc 資料 顯示 過去 一 周 美國 每日 平均 施打約 280萬 劑 疫苗 低於 4 月初 的 平均 320萬 劑</t>
  </si>
  <si>
    <t>全球 各地 都 受到 玩 家 歡迎 的 知名 手 游 pok mon go 原訂 3 月 15 日 將 舉辦 本月 社 群 日 community day 活動 不過 目前 官方 已 提早 宣佈 今年 3 月 社 群 日 確定 延期 舉辦 並 公佈 了 補償 辦法 訓練 師 們 可以 特別 留意 pok mon go 官方 提早 宣佈 原定 3 月 15 日 舉辦 的 凱西 abra 社 群 日 確定 延期 延到 什麼 時候 舉辦 並 沒有 明確 公佈 頗 有 可能 讓 凱西 直接 遞補 成為 4 月 社 群 日 的 主角 但 一切 需要 等候 官方 確認 才能 算數 針對 3 月 社 群 日 延 後 的 政策 官方 並 沒有 特別 公佈 原因 但 因為 新冠肺炎 疫情 先前 pok mon go 在 日本 義 大利 韓國 等 疫情 比較嚴重 地區 的 活動 都 已 停辦 而 社 群 日 主要 是 鼓勵 訓練 師 可以 走 出 家中 前往 各 地 抓 寶 與其 他 訓練 師 互動 的 機制 因此 推 估 3 月 凱西 社 群 日 延期 也 可能 是 被 疫情 影響 必須 要 主動 降低 群 聚 感染 的 機會 所 致 由於 取消 了 凱西 社 群 日 pok mon go 官方 也 提出 了 補償 措施 在 另行 公佈 凱西 社 群 日 相關 政策 前 遊戲 內 將 帶來 幾 項 改變 1 每 位 訓練 家 可 以 1 枚 寶 可 幣 交換 30 個 薰香 效果 延長 為 1 小時 的 組合 本 組合 僅 可 交換 一 次 可 在 商店 中 兌換 2 孵 蛋 所 需 的 行走 距離 減半 3 旋轉 寶 可 補給站 的 轉盤 時 將 更 容易 得到 友情 禮物 4 寶可夢 的 棲息地 將 增加 野生 寶可夢 的 出現 也 因此 增加 從 內容 來看 主要 是 補償 內容 是 在 玩 家 因 疫情 被迫 降低 外出 走動 頻率 的 狀態 下 仍舊 能 維持 與 過去 差不多 的 獎勵 與 抓 寶 收穫 雖然 3 月 凱西 社 群 日 取消 可能 讓 不少 訓練 家 覺得 失望 但是 官方 已經 確認 3 月 14 日 將 會 開 打 go 對 戰 聯盟 第 1 季 坐在 家裡 就 可以 跟 全球 玩 家 連 線 對 戰 此外 3 月底 的 週末 也 將 推出 直擊 古生代 寶 可 夢 之謎 特殊 調查 需要 購票 票價 nt$ 270 此外 3 月份 還有 很多 特別 的 團體 戰 騎 拉 帝 納 別種 型態 勾帕 路 翁 洛奇 亞都 將 在 不同 時間 加入 特別 團體 戰 pok mon go 玩 家 們 仍舊 可以 多多 期待</t>
  </si>
  <si>
    <t>人類 新冠肺炎 侵襲 禽畜 也 受 禽流感 威脅 雲 林縣 口湖 17 日 一大 型 牧場 撲 殺 了 3萬2454 只 黑羽 土 雞 該 場 飼 主 本月 1213 日 發現 雞 只 異常 死亡 雲 林縣 動植物 疾病 防疫 所 16 日 下午 確診 感染 h 5 n 2 及 h 5 n 5兩 種 高 病原 性 禽流感 雲林 防</t>
  </si>
  <si>
    <t>人類 新冠肺炎 侵襲 禽畜 也 受 禽流感 威脅 雲 林縣 口湖 17 日 一大 型 牧場 撲 殺 了 3萬2454 只 黑羽 土 雞 該 場 飼 主 本月 1213 日 發現 雞 只 異常 死亡 雲 林縣 動植物 疾病 防疫 所 16 日 下午 確診 感染 h 5 n 2 及 h 5 n 5兩 種 高 病原 性 禽流感 雲林 防疫 所 指出 該所 接 獲 畜 主 通報 後 派員 查驗 發現 部分 罹 病 雞 只有 腳 部發 紺 的 禽流感 典型 病徵 立即 開立 移動 處分 書 限制 全場 雞 只 移動 並 採樣 送 檢 16 日 確診 而且 同時 檢 出 h 5 n 2 及 h 5 n 5兩 種 高 病原 性 禽流感 由於 正值 新冠 病毒 肆虐 全球 臺灣 防疫 目前 控制 得宜 但是 農業縣 禽流感 的 威脅 始終 未 止 歇 有人 擔心 會 不 會 禽 傳人 雲 林縣 防疫 所 技正 鄭 安國 請 大家 放心 表示 目前 臺灣 禽流感 尚無 禽 傳人 的 報告 而且 政府部門 從 飼養 到 屠宰 有 3 道 防線 幫 消費 大眾 把關 禽肉 要 取得 獸醫 師 簽章 的 健康 證明書 才能 上市 禽 場 有異 立即 查驗 需 在 合格 屠宰場 屠宰</t>
  </si>
  <si>
    <t>新冠肺炎 禽流感 撲 殺 屠宰場 h 5 n 2</t>
  </si>
  <si>
    <t>部 立 桃園 醫院 副 院長 王偉傑 帶領 院內 血漿 淨化 團隊 將 血漿 淨化 術 運用 在 新冠肺炎 患者 身上 去年 已 成功 將 3 名 重症 個案 救回 王偉傑 強調 血漿 淨化 術 費用 少 副作用 低 個案 採用 血漿 淨化 術 後 症狀 大幅 改善 該 技術 也 獲得 美</t>
  </si>
  <si>
    <t>部 立 桃園 醫院 副 院長 王偉傑 帶領 院內 血漿 淨化 團隊 將 血漿 淨化 術 運用 在 新冠肺炎 患者 身上 去年 已 成功 將 3 名 重症 個案 救回 王偉傑 強調 血漿 淨化 術 費用 少 副作用 低 個案 採用 血漿 淨化 術 後 症狀 大幅 改善 該 技術 也 獲得 美國 fda 緊急 授權 使用 在 新冠肺炎 重症 病 患 治療 的 適應症 王偉傑 表示 桃醫 醫療 團隊 去年 對於 新冠肺炎 重症 患者 採取 血漿 淨化 術 成為 世界 第 1 例 成功 治療 新冠肺炎 重症 病 患 相關 治療 也 發表 在 醫學期刊 後來 陸續 又 完成 2 例 桃醫 近期 重 回 防疫 第一線 專責 病房 收治 重症 病例 個案 再度 施以 血漿 淨化 術 陸續 有 3 名 個案 症狀 明顯 改善 感染 科 主任 鄭健禹 提到 其中 1 例 50 多 歲 新冠 確診 男性 個案 到 院 時 幾乎 呼吸衰竭 且 胸部 x 光 呈現 雙 側 肺部 浸潤 第一時間 施以 經 鼻 高 流量 濕 化 氧氣 治療 和 申請 瑞德西韋 使用 由於 症狀 未見好轉 相當 危及 隨時 處於 需要 插管 和 呼吸器 治療 的 狀態 經 與 病人 討論 並 取得 同意 血漿 淨化 術 的 療法 後 給予 4 次 血漿 淨化 術 的 治療 和 新鮮 冷凍 血漿 補充 最後 病人 免于 插管 鄭健禹 說明 血漿 淨化 術 因為 吸附器 含有 類似 樹脂 材質 會 將 病毒 與 發炎 因數 吸附 在 吸附器 吸 滿 後 丟棄 同時 透過 血漿 分離 方式 將 帶有 大量 其他 發炎 物質 與 病毒 直接 濾 出 體 外 接 著 補充 健康 的 新鮮 血漿 來 替換 體內 被 濾 掉 的 血漿 數量 血液 中的 rna 病毒 也 會 被 吸附 在 吸附器 等待 血漿 淨化 術 療程 結束 後 再 將 吸附器 棄置 到 感染 性 垃圾 鄭健禹 提到 新冠肺炎 會 造成 肺泡 上皮 細胞 死亡 而 脫落 此時 免疫系統 會 認為 該部 位 有 發炎 潰爛 的 風險 因此 引發 介 白 素 大量 釋放 而 該 機制 會 導致 一系列 的 凝 血 反應 血小板 會 開始 聚集 並 形成 血栓 這 些微 小 血栓 也 可能 造成 肺泡 微血管 阻塞 而 血漿 淨化 術 會 把 這些 促成 凝 血 的 因數 去除 以 避免 高 死亡率 的 肺 栓塞 發生</t>
  </si>
  <si>
    <t>美 媒 引述 消息人士 指出 美國 前 總統 川普 去年 染 上 新冠肺炎 時 症狀 比 外界 知道 的 還要 嚴重 出現 了 肺 浸潤 等 重大 急性症狀 醫生 甚至 一度 考慮 要為 他 戴 上 呼吸器 美國有線電視新聞網 cnn 報導 消息人士 證實 美國 前 總統</t>
  </si>
  <si>
    <t>川普 新冠肺炎 肺 浸潤 呼吸器 隱瞞 病情</t>
  </si>
  <si>
    <t>新冠肺炎 臺灣 家樂福 板橋 搶購 鐵門</t>
  </si>
  <si>
    <t>美國 職 籃 nba 7 月 即 將 於 奧蘭多迪士尼 世界 disney world 複賽 主辦單位 打算 出動 穿戴 式 裝置 與 大 資料 分析 希望 確保 22 支 隊伍 球員 與 工作人員 免 於新冠肺炎 的 感染 威脅 nba 為了 複賽 做 足 準備 備 妥 超過 100 頁 的 備忘錄</t>
  </si>
  <si>
    <t>新冠肺炎 臺灣 黃珊珊 疫苗 八大 行業</t>
  </si>
  <si>
    <t>為了 更加 清楚 表達 nba 對抗 新冠肺炎 疫情 的 決心 nba 總裁 席爾佛 13 日 特別 寫 了 一 封 給 所有 nba 球迷 的 公開信 強調 會 做出 停賽 的 無奈 決定 都 是 為了 所有人 的 幸福 與 健康 著 想 更 表示 這次 停賽 至少 持續 30 天 直到 所有人 確定 安全</t>
  </si>
  <si>
    <t>adam silver letter to nba fans pic twitter com f 5 ga 2 yb 0 ib 為了 更加 清楚 表達 nba 對抗 新冠肺炎 疫情 的 決心 nba 總裁 席爾佛 13 日 特別 寫 了 一 封 給 所有 nba 球迷 的 公開信 強調 會 做出 停賽 的 無奈 決定 都 是 為了 所有人 的 幸福 與 健康 著 想 更 表示 這次 停賽 至少 持續 30 天 直到 所有人 確定 安全才 會 重新 開 打 以下 是 席爾佛 寫給 球迷 的 信件 內容 親愛 的 nba 球迷 就 如同 你們 知道 的 為了 因應 新冠肺炎 疫情 我們 已經 臨時 把 賽季 暫停 了 我們 做出 這個 決定 是 為了 保障 球迷 球員 以及 所有 跟 我們 比賽 相關 人士 與 公眾 的 幸福 和 健康 這次 停賽 至少 持續 30 天 我們 打算 在 所有 相關 人員 安全 情況 下 再 重新 開始 這個 賽季 我們 同時 將 跟 傳染病 與 公共 衛生 專家 政府 官員 協商 確定 恢復 比賽 的 安全 規程 當 我們 為了 未來 的 nba 賽事 與 制定 合適 賽 制 會 在 發生 任何 變化 時 即時 告訴 大家 已 購買 的 延賽 門票 將 在 改期 後 仍 可 使用 假如 比賽 被 取消 或 閉門 進行 球隊 將 替 球迷 辦理 退票 我們 鼓勵 球迷 前往 官網 第一時間 瞭解 最新消息 與 nba 保持聯繫 你 也 可 在 那裡 得到 一些 如何 保護 自己 或 家人 健康 的 相關 訊息 現在 仍 是 一個 複雜 且 隨時 迅速 演變 的 局面 卻 也 提醒 我們 都 是 廣泛 社會 的 一部分 有 責任 彼此 照顧 這 是 nba 將 做 的 事情 我們 感謝 你們 的 體諒 感謝 你們 是 體育界 最 棒 的 球迷 湖 人 球星 小 皇帝 詹姆斯 也 在 第一時間 分享 席爾佛 的 公開信 更 寫 席爾佛 做 得 很棒 給 我們 的 球迷 我們 已經 開始 想念 你們 了 清楚 表達 自己 支持 聯盟 停賽 作法 就算 他 先前 曾一度 公開 放 話 假如 聯盟 選擇 閉門 開 打 他 將 拒絕 參加 隨後 卻 馬上 改口 支持</t>
  </si>
  <si>
    <t>海軍 敦睦 艦隊 有 24 名 官兵 感染 新冠肺炎 國防部 的 處置 和 說法 屢 遭打 臉 因此 遭 外界 質疑 隱匿 病情 事發 至今 國軍 至少 有 3 大 防疫 疏失 包括 口罩 政策 未 落實 等 艦 上 健康 管理 問題 返國 檢疫 隔離 不如 遠洋漁船 標準 以及 下船 檢疫</t>
  </si>
  <si>
    <t>國防部 國軍 口罩 敦睦 艦隊 新冠肺炎</t>
  </si>
  <si>
    <t>赴 大陸 考察 新冠肺炎 疫情 的 世界衛生組織 專家 已 結束 在 路 調查 行程 考察 組 外方 組長 世衛組織 總 幹事 高級顧問 艾爾沃德 bruce aylward 表示 大陸 所 採取 的 策略 明顯 影響 了 確診 病例 增加 的 速度 並 已 認識 到 武漢 人民 所 付出</t>
  </si>
  <si>
    <t>武漢 艾爾沃德 大陸 who 新冠肺炎</t>
  </si>
  <si>
    <t>全球 新冠肺炎 疫情 未 歇 使 景氣 後市 遲未 明朗 專家 認為 5 g 仍 是 後 疫情 時代 啟動 全球 經濟 引擎 的 鑰匙 基礎 建設 關鍵 元件 等 硬 5 g 將 迎來 首 波 商 機 在 5 g 趨勢 初始 爆發 階段 超前 部署 關鍵 科技 硬 5 g 等 相關 商機 將 是 掌握 布</t>
  </si>
  <si>
    <t>全球 新冠肺炎 疫情 未 歇 使 景氣 後市 遲未 明朗 專家 認為 5 g 仍 是 後 疫情 時代 啟動 全球 經濟 引擎 的 鑰匙 基礎 建設 關鍵 元件 等 硬 5 g 將 迎來 首 波 商 機 在 5 g 趨勢 初始 爆發 階段 超前 部署 關鍵 科技 硬 5 g 等 相關 商機 將 是 掌握 佈局 5 g 的 最佳 策略 專家 指出 5 g 範圍 包羅萬象 包括 基地 台 行動 裝置 自 駕車 等 乃至 智慧 家庭 與 智慧 城市 實現 需要 的 硬體 零 組件 非常 廣泛 因此 鎖定 5 g 發展 技術 中的 關鍵 科技 甚為 重要 即可 藉 此 掌握 各個 關鍵 科技 製造商 的 發展 脈 動 而 欲 發展 5 g 首先 需要 建立 5 g 基地 台 天線 等 基礎 建設 市 調 機構 預估 今年 全球 5 g 無線 網路 基礎 設施 產生 的 全球 收入 將 超過 41億 美元 約達 去年 的 2 倍 因此 包括 基礎 建設 關鍵 元件 等 硬 5 g 將 迎來 5 g 時代 首 波 商 機 據 工研院 iek consulting 報告 在 美國 中國 大陸 歐洲 日本 韓國 等 電信業者 陸續 投入 5 g 網路 基礎 建置 帶動 下 去年 5 g 基地 台在 整體 基地 台 市場 占 比為 85 預估 至 2023 年 占比 將 大舉 提升 至 546 以上 元 大 投 信 看好 相關 商機 推出 全台 首 檔 著 重於 5 g 前 趨勢 的 元 大 未來 關鍵 科技 etf 00876 追蹤 istoxx 全球 未來 關鍵 科技 指數 自 5 g 關鍵 元件 製造商 中 挑選 掌握 優先 受惠 族群 的 投資 標的 涵蓋 基礎 建設 智慧 裝置 終端裝置 行動 裝置 等 4 大 商 機 產業 元 大 投 信 指出 元大 未來 關鍵 科技 etf 在 5 個 募集 日 內 的 累積 扣 款 筆數 逾 4萬 筆 募集 金額 高 達 152億 元 除了 成為 臺灣 募集 金額 最高 的 etf 也 是 國際 間 投資 全球 5 g 規模 最 大 的 etf 7 日 掛牌 首日 成交量 便 突破 10萬 張 顯現 國人 看好 5 g 主題 投資</t>
  </si>
  <si>
    <t>新冠肺炎 疫情 全球 景氣 經濟</t>
  </si>
  <si>
    <t>3 11 範雲 新冠肺炎</t>
  </si>
  <si>
    <t>催 貨 蔡英文 莫德納 az 疫苗 新冠肺炎</t>
  </si>
  <si>
    <t>華南銀行 積極 配合 政府 政策 照顧 受 新冠肺炎 疫情 衝擊 的 基層 勞工 率先 推出 受 嚴重 特殊 傳染性 肺炎 影響 勞工 紓困 貸款 每人 最高 十萬 元 貸款 期限 三 年 第一 年 免繳 利息 前 六 個 月 寬限 期間 不必 攤還 本金 第二 年 起 利率 則</t>
  </si>
  <si>
    <t>華南銀行 積極 配合 政府 政策 照顧 受 新冠肺炎 疫情 衝擊 的 基層 勞工 率先 推出 受 嚴重 特殊 傳染性 肺炎 影響 勞工 紓困 貸款 每人 最高 十萬 元 貸款 期限 三 年 第一 年 免繳 利息 前 六 個 月 寬限 期間 不必 攤還 本金 第二 年 起 利率 則 依 郵政 二 年 期 定儲 機動 利率 加 1 個 百分點 目前 合計 1845 計收 利息 且 不 收取 任何 開辦 費用 該 貸款 申請 對象 為 年滿 20 歲 且 受 疫情 影響 之本 國籍 勞工 票 債 信 無 異常 簡易 信用 評分 總分 在 60 分 以上者 即可 申 貸 華銀 更 將 從寬 認定 受理 物件 只要 有 工作 事實 皆 可 提出 申請 包含 有 投 勞保 者 與 固定 薪資 收入 的 受 雇 勞工 無 投保 紀錄者 可 提出 薪資 證明 接案 單 等 工作 事實 佐證 即日起 就 可 至 華銀 各 分行 申請 紓困 另 為了 讓 受 疫情 影響 的 企業 能 快速 便捷 申請 紓困 貸款 華銀 推出 小 微 企業 線 上 貸款 平臺 提供 企業 24 小時 全年 無 休的 線 上 申請 服務 企業 戶 只 需 上網 填寫 企業 基本資料 華銀 就 會 有 專人 主動 聯絡 縮短 貸款 申請 流程 以 從寬 從簡 從速 三原 則 力挺 中小企業 華銀 的 小 微 企業 線 上 貸款 平臺 透過 簡化 內部 核 貸 流程 讓 實收 資本額 在 3千萬 元 以下 且 符合 信 保 基金 保證 對象 的 中小企業 或是 僅 辦理 稅 籍 登記 的 營利事業 都可 透過 平臺 提出 申請 而 對於 未 達 使用 統一發票 標準 的 小規模 營業 人 只 要 通過 簡易 評分表 計算 符合標準 也 能 符合 申 貸 資格 最 快 在 三 天內 就 能 取得 資金 為 照顧 新冠肺炎 疫情 衝擊 攤 商 等 小規模 營業 人 自 5 月 1 日 起 華銀 提供 新 台幣 50萬 元 簡易 申 貸方 案 貸款 期限 最 長 5 年 央行 融通 期間 利率 以 1 計 收 且 免收 取信 保 手續費 小規模 營業 人 只 需 于 華銀 官 網 專屬 網頁 勾選 確認 稅 籍 登記 期間 負責人 從事 本 業經 驗 不動產 擔保 設定 營業 狀況 等 四 個 欄位元 系統 就 會 自動 判斷 是否 符合 資格 華銀 秉 持 從寬 從簡 從速 三原 則 全力 配合 政府 產業 紓困 及 經濟 振興 政策 並 匯 整 相關 紓困 貸款 資訊 與 諮 詢 窗口 于 華銀 官 網 新冠肺炎 紓困 專區 持續 協助 客戶 度過難關</t>
  </si>
  <si>
    <t>洪都拉斯 兒子 護理 師 新冠肺炎 臺灣</t>
  </si>
  <si>
    <t>養 貂 員工 感染 新冠肺炎 荷蘭 疑 爆發 首 宗 動物 傳人 案例</t>
  </si>
  <si>
    <t>荷蘭 農業部 19 日 表示 國內 傳出 一起 養 貂 場 員工 被 貂 感染 新冠肺炎 案例 是 荷蘭 第一 件 通報 的 動物 傳染給 人 的 病例 荷蘭 南部 荷蘭 北布拉班特 省 north brabant 的 大城 愛 因 霍芬 eindhoven 東部 有 兩 座 養殖場 新冠肺炎 病毒</t>
  </si>
  <si>
    <t>蓬佩 奧 證實 美 首位 外交官 染 新冠肺炎 不治</t>
  </si>
  <si>
    <t>美國 國務卿 蓬佩 昨 31 日 證實 一 名 國務院 官員 不幸 因 新冠肺炎 逝世 這 也 是 美國 外交 官員 病逝 首例 綜合 美 媒 cnbc 美國 野獸 日報 daily beast 報導 美國 國務卿 蓬佩 奧 昨日 證實 一 名 國務院 官員 因為 新冠肺炎 喪命</t>
  </si>
  <si>
    <t>新冠肺炎 自 1 月底 爆發 至今 國光 生 技 董事長 詹啟賢 表示 無法 出國 應酬 也 變 少 了 意外 收穫 是 高爾夫球 的 球技 進步 了 詹啟賢 說 因為 大家 都 不 出國 幾 個 朋友 很 容易 約 以前 高爾夫球 久久 打 一 次 現在 一 星期 可以 約 上 2 次</t>
  </si>
  <si>
    <t>新冠肺炎 疫情 導致 英國 籍 鑽石 公主 號 郵輪 成為 國際 間 確診 感染 人數 最 多 的 疫區 荷蘭籍 威士特丹 號 漂流 海上 兩 星期 有鑑於此 義 大利 歌 詩 逹 郵 輸 公司 今天 發聲明 宣佈 取消 旗 下 歌 詩 達 新 浪漫 號 及 歌 詩 達 威尼斯 號 3 月份 從</t>
  </si>
  <si>
    <t>新冠肺炎 疫情 延 燒 民眾 減少 外出 用餐 臺灣 許多 老 牌 中 餐廳 不堪 虧損 紛紛 停業 對此 天廚 菜館 的 餐廳 監察 人 退休 情報人員 陳 虎門 表示 許多 老 牌 中 餐廳 會 停業 除 疫情 影響 外 還有 一 例 一 休 和 年金 改革 都 影響 餐廳 營 收</t>
  </si>
  <si>
    <t>新冠肺炎 疫情 延 燒 民眾 減少 外出 用餐 臺灣 許多 老 牌 中 餐廳 不堪 虧損 紛紛 停業 對此 天廚 菜館 的 餐廳 監察 人 退休 情報人員 陳 虎門 表示 許多 老 牌 中 餐廳 會 停業 除 疫情 影響 外 還有 一 例 一 休 和 年金 改革 都 影響 餐廳 營 收 許多 店面 因 不堪 損失 就 借 這 機會 收 起來 不 做 了 開業 近 50 年 的 老 餐廳 天廚 菜館 才 宣佈 於 4 月 16 日 起 將 暫停營業 2 個 月 消息 一 出 老 顧客 紛紛 致電 勸說 不要 停業 並以 實際行動 訂位 來 支持 餐廳 陳 虎門 深受感動 再 加上 不忍 員工 頓時 失去 經濟 來源 因此 再度 宣佈 將 不 停業 對於 天廚 停業 又 複業 的 消息 陳 虎門 接受 港 媒 中 評 網 採訪 表示 因為 一 例 一 休 和 年金 改革 影響 許多 老 牌 中 餐廳 都 受到 嚴重 衝擊 天廚 也 不 例外 以 天廚 為 例 其 最 大 客源 不是 陸客 而是 75 臺灣 本地 客 和 25 日本 觀光客 在 臺灣 本地 客 中 軍公教 占 最 大宗 所以 年 改 後 天廚 營運 受到 嚴重 波及 新冠肺炎 的 爆發 只 是 最後 一 根 稻草 但是 天廚 複業 後 能 經營 多久 陳 虎門 歎道 現在 先 暫定 做到 年底 之後 看情形 再 決定 是否 繼續 營業 陳 虎門 因 江南案 而 知名 並 曾 入獄 陳 虎門 是 以 化名 陳 奕樵 晉升 少將 樵 字 輩 在 情報員 中 輩分 相當 高 陳 虎門 退伍 後 接手 父親 和 軍中 退役 同 袍 一起 開 的 天廚 餐館 現 為 天廚 監察 人</t>
  </si>
  <si>
    <t>陳 虎門 天廚 停業 中 餐廳 新冠肺炎</t>
  </si>
  <si>
    <t>在 新冠肺炎 持續 延 燒 全球 經濟 大受打擊 之際 20 國 集團 g 20 週四 26 日 以 視 訊 方式 召開 緊急會議 決議 共同 投入 大量 資源 拯救 遭到 重創 的 經濟 總 金額 高 達 5 兆 美元 根據 路透社 報導 g 20 是 2008 2009 年 全球 金融 海嘯 之下 的 產</t>
  </si>
  <si>
    <t>在 新冠肺炎 持續 延 燒 全球 經濟 大受打擊 之際 20 國 集團 g 20 週四 26 日 以 視 訊 方式 召開 緊急會議 決議 共同 投入 大量 資源 拯救 遭到 重創 的 經濟 總 金額 高 達 5 兆 美元 根據 路透社 報導 g 20 是 2008 2009 年 全球 金融 海嘯 之下 的 產物 這 20 國 影響 著 全球 經濟 的 脈 動 現在 主席國 是 沙烏地 阿拉伯 本 週四 召開 了 一 場 90 分鐘 的 緊急 視 訊 會議 討論 如何 挽救 這 場 經濟危機 沙烏地 阿拉伯 國王 沙爾曼 salman 會後 公開 表示 現在 首要 的 任務 就 是 恢復 全球 的 物流 系統 及 供應 鏈 民生 物品 醫療 資源 極度 仰賴 物流 運送 一定 要 維持 正常 運作 才能 穩定 民心 各國 都 同意 投入 特別 預算 救 經濟 總額 加 起來 超過 5 兆 美元 這 金額 已 超越 了 2008 年 金融 海嘯 後 的 振興 政策 總 金額 了 其中 包含 了 現金 借貸 方案 等 紓困 措施 最 大手筆 的 就 是 川普 政府 的 2 兆 美元 振興 方案 世界衛生組織 who 對於 這 場 會議 感到高興 總 幹事 譚 德塞 表示 這 場 災難 已 成為 全球 衛生 及 經濟 的 危機 20 國 集團 有 責任 及 義務 帶領 全球 走 出 這 場 經濟危機</t>
  </si>
  <si>
    <t>立法 院長 游錫堃 呼籲 立 法院 盡 速 通過 臺灣 加入 世衛組織 決議文 大陸 國 台辦 批評 這 是 以 疫 謀 獨 的 妄想 在 疫情 面前 製造 兩岸 對抗 呼籲 臺灣 一些 政客 若 自我 膨脹 逆勢 蠢動 只 會 碰得 頭破血流 國 台辦 發言人 馬曉光 14 日 針對 遊錫堃 的 發言 批 其 借 新冠肺炎 疫情 大放厥詞 公然 鼓吹 台獨 傷害 同胞 感情 破壞 兩岸關係 再次 暴露出 臺灣 極少數人 以 疫 謀 獨 的 妄想 馬曉光 說 在 疫情 面前 這些 人 不 去 思考 如何 維護 兩岸 同胞 生命安全 與 共同利益 反而 傳播 政治 病毒 製造 兩岸 對抗 阻礙 兩岸 同胞 關愛 互助 已 喪失 基本 良知 令 人 不齒 他 強調 台獨 是 一 條 走 不通 的 死路 絕路 只 會 給 臺灣 民眾 帶來 深重 災難 一些 政客 自我 膨脹 逆勢 蠢動 罔 顧 廣大 臺胞 的 福祉 安危 只 會 碰得 頭破血流</t>
  </si>
  <si>
    <t>新冠肺炎 大量 全國 封鎖 delta</t>
  </si>
  <si>
    <t>由於 新冠肺炎 疫情 影響 美國政府 推出 企業 貸款 服務 但 卻 因為 太 多 小企業 貸款 遭到 拒絕 導致 獲得 460萬 美元 貸款 的 湖 人 成為 攻擊 標 靶 因此 湖 人 決定 將 這筆 貸款 退回 美國 小企業 管理局 這次 推出 總 金額 3490億 美元 的 貸款 希</t>
  </si>
  <si>
    <t>由於 新冠肺炎 疫情 影響 美國政府 推出 企業 貸款 服務 但 卻 因為 太 多 小企業 貸款 遭到 拒絕 導致 獲得 460萬 美元 貸款 的 湖 人 成為 攻擊 標 靶 因此 湖 人 決定 將 這筆 貸款 退回 美國 小企業 管理局 這次 推出 總 金額 3490億 美元 的 貸款 希望 能 幫助 美國 境內 小型企業 度過 疫情 難關 然而 美國 媒體 報導 指出 數 千家 企業 申請 貸款 遭到 拒絕 反而 是 家大業大 的 湖 人 申請 到 460萬 美元 的 貸款 因此 球 團 決定 退回 這筆 款項 湖 人 球 團 表示 我們 符合 工資 保障 申請 資格 但 我們 得知 這筆 金額 耗盡 之後 決定 退回 貸款 希望 這些 錢 能夠 説明 需要 的 企業 我們 也 將 繼續 照顧 旗 下 員工</t>
  </si>
  <si>
    <t>nba 湖 人 新冠肺炎</t>
  </si>
  <si>
    <t>合 庫 銀行 總行 於 今日 接 獲 城東 分行 通報 該 分行 實習生 經 檢疫 後 確診 新冠肺炎 分行 立即 於 同日 晚間 請 專業 清潔 廠商 進行 全面 消毒 作業 並 規劃 全體同仁 進行 快 篩 及 加強 自我 健康 監測 據 該 分行 通報 該 實習生 工作 以定 存 業務 為</t>
  </si>
  <si>
    <t>新冠肺炎 臺灣 實習生 分行 合 庫</t>
  </si>
  <si>
    <t>新冠肺炎 疫情 延 燒 短短 1 周內 全球 確診 病例 數 暴 增 2 倍 即將 超越 百萬 門檻 各國 政府 紛紛 採取 禁 足 令 全球 進入 鎖國 時代 旅館 餐廳 商店 工廠 等 關門 全球 經濟 烏雲 罩 頂 世界銀行 下 修 全球 經濟 預估 亞太地區 今年 最</t>
  </si>
  <si>
    <t>新冠肺炎 疫情 延 燒 短短 1 周內 全球 確診 病例 數 暴 增 2 倍 即將 超越 百萬 門檻 各國 政府 紛紛 採取 禁 足 令 全球 進入 鎖國 時代 旅館 餐廳 商店 工廠 等 關門 全球 經濟 烏雲 罩 頂 世界銀行 下 修 全球 經濟 預估 亞太地區 今年 最糟 情況 是 負 成長 05 中國 最糟 僅 成長 01 影響 所及 數 千萬 人 陷入 貧窮 深淵 新冠肺炎 疫情 如火如荼 由於 歐美 人士 不 習慣 戴 口罩 也 不 理會 政府 的 禁 足 令 使得 疫情 不斷擴大 各地 醫院 被 擠爆 義 大利 美國 紐約州 宛如 武漢 第二 目前 較 令人擔憂 的 是 如果 連公衛 醫療系統 較 優 的 g 7 國家 都 疲於奔命 那麼 醫療系統 欠缺 的 開發 中 國家 如 非洲 南亞 中東 等 地區 後果 不堪設想 世衛組織 who 專家 警告 這 一 波 疫情 如果 在 夏天 暫 告一段落 秋天 可能 再起 經濟學 人 預估 第二 波 疫情 可能 在 11 月 帶來 更 嚴重 的 衝擊 今年 全球 經濟 為 負 成長 歐盟 與 美國 也 落入 負 成長 中國 則 是 歷史 新低 全球 三大 主要 經濟體 成長 同步 減速 對 全球 經濟 的 衝擊 非常 大 引發 的 失業 潮 也 將 超越 全球 金融 海嘯 新冠 疫情 將 改變 人們 生活 方式 同時 淘汰 不合時宜 的 產業 催生 新 的 產業 目前 不論是 製造業 或 服務業 許多 進入 加 護 病房 等待 急救 企業 負責人 無語 問蒼天 也 必須 設法 自救 開創 新 的 經營 模式 例如 餐廳 沒 生意 那 就 專攻 零 接觸 外 賣 透過 宅 配 限 時 快遞 只要 清潔衛生 且 服務 好 訂單 可能 倍增 各國 政府 紓困 補貼 有 其 局限性 如果 第二 波 疫情 在 冬季 捲土重來 預料 威力 更 強 屆時 無論 產業 或 個人 都 必須 有 新 的 因應 方式 在 疫苗 尚未 出爐 之前 每個 人 都 要 做好 長期抗戰 的 準備</t>
  </si>
  <si>
    <t>新冠肺炎 確診 本土 個案 警戒</t>
  </si>
  <si>
    <t>群 聯 8299 6 月 營 收 月 減少 1368 較 去年同期 持平 董事長 潘健成 認為 群 聯 已經 於 去年 拿 到 日本 最 大 柏 青哥 品牌 的 訂單 並於 今年 開始 出 貨 對 營 收 及 獲利 將 有 正面 助益 群 聯 6 月 合併 營 收 為 3371億 元 較 去年同期 持平 月 減少 1368 累計 前 6 月 營 收 達 23722億 元 年增率 將近 25 目前 雖然 新冠肺炎 在 全球 肆虐 的 情況 尚未 有 放緩 的 跡象 但 各國 因 擔心 疫情 大幅 影響 經濟 活動 與 復蘇 均 開始 實施 有 條件 的 解封 而 群 聯 也 在 各國 逐漸 解封 的 氛圍 中 努力 維持 應有 的 營運 水準 與 獲利 表現 就 出 貨 表現 來說 群 聯 6 月 控制 晶 片 總 出貨量 成長 近 12 而 ssd 及 emmc 控制 晶 片 總 出貨量 成長 近 50 6 月 總 銷售額 部分 ssd 年 成長 近 25 pcie ssd 更是 維持 75 的 年 成長 顯示 在 群 聯 高階 pcie gen 4 ps 5016 -e 16 ssd 控制 晶 片 的 技術 帶動 之下 消費者 對於 高速 ssd 儲存 產品 持續 產生 相當 的 興趣 與 需求 此外 針對 全年度 累計 前 6 月 的 整體 出貨量 年增率 ssd 及 emmc 控制 晶 片 成長 近 40 pcie ssd 控制 晶 片 成長 近 120 工規 控制 晶 片 成長 近 90 記憶 體總 位 元數 成長 近 20 均 創下 歷史 新 高 群 聯 董事長 潘健成 表示 近 幾 年 快 閃 記憶體 nand flash 產業 的 成長 動能 除了 愈來愈多 的 電腦系統 從 傳統 的 機械式 硬碟 hdd 改 成 固態 硬碟 ssd 以外 許多 原本 沒有 使用 nand flash 作為 主要 儲存 裝置 的 硬體 設備 因為 nand flash 的 物美價廉 優勢 也 逐漸 導入 nand 儲存 產品 例如 柏青 哥 機台 早期 因為 畫面 解析 度 低 遊戲 動畫 簡單 所以 沒有 使用 nand 儲存 產品 然而 近 幾 年 因應 消費者 需求 遊戲 畫面 大幅 提升 解析 度 及 複雜 度 因此 柏青 哥 機台 已 逐漸導入 nand 儲存 產品 ssd 由於 柏青 哥 產業 具有 其 特殊性 群 聯 經過 多年 的 耕耘 已於 去年 拿 到 日本 最 大 柏 青哥 品牌 的 訂單 並於 今年 開始 出 貨 預估 對 公司 營 收 及 獲利 將 有 正面 助益</t>
  </si>
  <si>
    <t>群 聯 ssd nand flash 新冠肺炎 emmc 控制 晶 片</t>
  </si>
  <si>
    <t>武漢市 已 連續 多 日 宣佈 新 增 新冠肺炎 確診 人數 為 0 但 日前 網路上 出現 一 篇 名為 我 最 難忘 的 一 天 的 文章 文中 聲稱 目前 武漢 仍 有 多 地 出現 確診 病 患 甚至 聲稱 有 確診 病 患 遭 官方 互 踢皮球 武漢 當局 也 火速 出面 澄清 表示 該 文章</t>
  </si>
  <si>
    <t>武漢市 已 連續 多 日 宣佈 新 增 新冠肺炎 確診 人數 為 0 但 日前 網路上 出現 一 篇 名為 我 最 難忘 的 一 天 的 文章 文中 聲稱 目前 武漢 仍 有 多 地 出現 確診 病 患 甚至 聲稱 有 確診 病 患 遭 官方 互 踢皮球 武漢 當局 也 火速 出面 澄清 表示 該 文章 情節 不實 我 最 難忘 的 一 天 文章 作者 自稱 是 名 湖北 的 主流 媒體 記者 描述 了 自己 在 3 月 19 日 從 淩晨 到 晚上 的 親身經歷 並 在 文章 撰寫 完成 後 向 親友 發送 而 這 篇文章 提及 玫瑰 西園社區 以及 麗水 康城 社區 都有 新 增 確診 病例 同濟醫院 新 增 更 多 達 百 起 確診 病例 甚至 指出 有名 老婦 人 在 湖北省人民醫院 就診 卻 遭 踢皮球 由於 事關 重大 武漢市 疫情 防控 指揮部 與 流行病 學 調查組 在 22 日 淩晨 緊急 於 武漢市 衛健 委 官 網 發佈 通報 指 我 最 難忘 的 一 天 文章 中 描述 的 情節 與 武漢 新冠肺炎 確診 個案 數目 都 是 不實 的 通報 中 提到文章 指涉 的 同濟醫院 本部 光 谷 院區 中法 新城 院區 近日 來 都 沒有 新增 確診 個案 被 指稱 遭 踢皮球 的 老婦 人 則 是 因為 出現 上呼吸道 症狀 因 此 被 轉院 但 後來 檢驗 後 顯示 為 陰性 另外 麗水 康城 社區 的 個案 應屬 於 無 症狀 感染者 非 確診 病例 該 通報 也 重申 近 幾 天 武漢市 新冠肺炎 確診 病例 皆 為 0 均 為 各 醫療機構 各級 疾 控 部門 依法 依規 進行 網路 直 報 資料 客觀 真實</t>
  </si>
  <si>
    <t>侯友宜 酒 駕 不 輸 新冠肺炎 新北 不 停止 取締</t>
  </si>
  <si>
    <t>新北 市長 侯友宜 今 6 日 上午 視察 致理 科技 大學 防疫 工作 媒體 追問 中央 宣佈 暫停 員警 酒 測 勤務 的 看法 侯友宜 表示 尊重 中央 的 規定 不過 酒 駕 是 無形 的 殺手 不 輸 新冠肺炎 新北 市 來講 不 會 停止 會用 彈性 重點 的 方式</t>
  </si>
  <si>
    <t>新北 市長 侯友宜 今 6 日 上午 視察 致理 科技 大學 防疫 工作 媒體 追問 中央 宣佈 暫停 員警 酒 測 勤務 的 看法 侯友宜 表示 尊重 中央 的 規定 不過 酒 駕 是 無形 的 殺手 不 輸 新冠肺炎 新北 市 來講 不 會 停止 會用 彈性 重點 的 方式 來 取締 酒 駕 侯友宜 說 酒 測器 不用 沒關係 可以 用 目測 吹 氣 用 拋棄式 的 這些 衛 教會 請 衛生局 和 警察局 藝 一起 宣導 讓 我們 同仁 在 執勤 可以 保護 自己 也 可以 保護 他人 酒 駕 還是 要 嚴格 取締 沒有 空 窗 時間 侯友宜 強調 酒 駕 的 死亡率 是 很 高 的 不 輸 新冠肺炎 所以 取締 酒 駕 這個 工作 對 地方 的 首長 來說 是 非常重視 的 工作 所以 新北 市 取締 酒 駕 是 不 會 停止 的</t>
  </si>
  <si>
    <t>今年 因應 新冠肺炎 疫情 持續 延 燒 許多 宮廟 紛紛 停止 舉辦 宗教 繞 境 活動 避免 群 聚 嘉義 縣 新 港 奉 天宮 4 年 一度 的 十八 莊 繞 境 也 受 影響 而 延期 因此 新 港 奉 天宮 特地 將 已 有 200 年 歷史 的 元宵 繞 境 活動 搬 進展 場 舉辦 百年 元宵</t>
  </si>
  <si>
    <t>今年 因應 新冠肺炎 疫情 持續 延 燒 許多 宮廟 紛紛 停止 舉辦 宗教 繞 境 活動 避免 群 聚 嘉義 縣 新 港 奉 天宮 4 年 一度 的 十八 莊 繞 境 也 受 影響 而 延期 因此 新 港 奉 天宮 特地 將 已 有 200 年 歷史 的 元宵 繞 境 活動 搬 進展 場 舉辦 百年 元宵 新生 不息 新 港 奉 天宮 元宵 繞 境 特展 讓 信徒 瞭解 元宵 繞 境 富含 的 新 港 百年 在 地 文化 與 禮俗 奉 天宮 指出 此次 展覽 介紹 了 新 港 奉 天宮 元宵 繞 境 的 許多 重要 文化 程式 包括 4 年 一度 的 十八 莊 繞 境 路線 新 港 奉 天宮 媽祖 轎 班會 武館 與 曲 館 介紹 更 有 睽 違 一 甲子 再次 呈現 于 信徒 面前 的 1962 年 新 港 奉 天宮 元宵 繞 境 老 照片 等 還有 義工 們 耗時 18 個 月 手工 製作 的 繞 境 人偶 公 仔 新 港 奉 天宮 董事長 何達煌 表示 今年 雖然 因為 疫情 的 關係 4 年 一度 的 十八 莊 繞 境 只能 延期 舉行 但 也 希望 能夠 藉 由 展覽 的 方式 讓 繞 境 活動 轉換 成為 另 一 種 方式 持續 進行 同時 也 期待 透過 展覽 讓 大家 更 瞭解 新 港 奉 天宮 元宵 繞 境 的 儀式 與 在 地 文化 傳統 而 不再 只 是 拿 香 兌 拜 看熱鬧 活動 策 展 人 戴士翔 說 新 港 奉 天宮 元宵 繞 境 對於 新 港人 來說 不僅僅 是 每年 的 重要 例行公事 更 是 新 港 在 地 信仰 與 文化 傳承 的 文化 記憶 也 因 前 人們 的 堅持 與 傳承 得以 讓 此次 展覽 能夠 展出 許多 例 年 元宵 繞 境 留下 的 珍貴文物 與 影像 此次 展覽 可說是 由 古 至今 新 港人 們 一同 努力 累積 的 一 場 展覽 新 港 奉 天宮 這次 也 與 富禦 琉 金 文化 創意 有限公司 共同開發 框 金 a 保 庇 純金 手 環 更 邀請 國際 書畫 藝術家 辜琪鈞 以 古符 為 原型 親筆 創作 符文 除 將 古 符咒 藝術化 也 創作 成 時尚 精品</t>
  </si>
  <si>
    <t>侯友宜 防疫 新北 六都 新冠肺炎</t>
  </si>
  <si>
    <t>婦 確診 解 隔離 2 天 後 過世 死亡 證明 驚見 新冠肺炎 引 恐慌</t>
  </si>
  <si>
    <t>新冠肺炎 解 隔離 醫師 死亡 原因 死亡</t>
  </si>
  <si>
    <t>馬林 魚 27 日 隊 上 一口氣 爆出 十 多 名 新冠肺炎 感染者 衝擊 自家 與 他 隊 賽程 讓 大 聯盟 再現 停 擺 危機 聯盟 發出 備忘錄 給 各隊 高層 表示 目前 還 不 會 中斷 球季 只 要求 提升 防疫 層級 包括 建議 大家 都去 打 流感疫苗 職 籃 nba 也</t>
  </si>
  <si>
    <t>馬林 魚 27 日 隊 上 一口氣 爆出 十 多 名 新冠肺炎 感染者 衝擊 自家 與 他 隊 賽程 讓 大 聯盟 再現 停 擺 危機 聯盟 發出 備忘錄 給 各隊 高層 表示 目前 還 不 會 中斷 球季 只 要求 提升 防疫 層級 包括 建議 大家 都去 打 流感疫苗 職 籃 nba 也 跟進 下令 防疫 升級 依照 開 季 前 勞資 共識 大 聯盟 設下 停賽 3 條件 其中 包含 參賽 的 球員 人數 陣容 不足以 維持 大 聯盟 的 競爭 強度 停賽 的 決定權 交給 了 聯盟 總裁 曼 佛 雷德 rob manfred 但 具體 要 感染 多少 人才 會 停賽 曼 佛 雷德 沒有 訂 出 明確 數字 如果 有 一兩 支 球隊 損失 了 部分 球員 並且 有 很 長 時間 無法 比賽 這 就 會 衝擊 整個 賽季 屆時 我們 必須 非常 慎重 地 重新考慮 馬林 魚 隨隊 出征 費城 的 33 位 球員 高達 11 位 染病 他們 暫時 無法 返回 邁阿密 曼 佛 雷德 確實 在 開 季 前 說 過 能 打完 60 場 例行 賽 就算 走運 了 外界 批評 大 聯盟 在 馬林 魚 爆出 首例 感染 後 沒有 及時 喊停 他們 與 費城 人 的 比賽 拖累 接下來 費城 人 與 洋基 的 賽程 金鶯 與 馬林 魚 賽事 也 被 延後 此外 白 襪 總 教練 倫特 利亞 rick renteria 28 日 賽前 出現 咳嗽 等 症狀 必須 等 檢驗 報告 出爐 才能 回歸 白 襪 與 印地安人 的 比賽 則 因 天候不佳 取消</t>
  </si>
  <si>
    <t>常見 的 高血壓 藥物 美 托 洛爾 可能 有助於 治療 重症 新冠肺炎</t>
  </si>
  <si>
    <t>最近 發表 在 美國 心臟病 學會 雜誌 journal of the american college of cardiology 的 一 項 研究 報告 指出 一 種 常見 的 心臟病 藥物 美 托 洛爾 metoprolol 常見 商品 名為 倍 他 樂克 betaloc 可以 減輕 新冠肺炎 重症</t>
  </si>
  <si>
    <t>最近 發表 在 美國 心臟病 學會 雜誌 journal of the american college of cardiology 的 一 項 研究 報告 指出 一 種 常見 的 心臟病 藥物 美 托 洛爾 metoprolol 常見 商品 名為 倍 他 樂克 betaloc 可以 減輕 新冠肺炎 重症 患者 身上 的 呼吸 窘迫 並 改善 其 呼吸 功能 今日 醫學 新聞 medical news today 報導 新冠肺炎 已 蔓延 世界 一 年 半 大約 有 14 33 的 患者 可能 會 惡化 為 重症 約 有 三 分之二 的 重症 患者 會 出現 急性 呼吸 窘困 症 acute respiratory distress syndromeards 的 情況 大多數 的 供 氧 重症 監護 病房 icu 就是 搶救 這類 病 患 來自 nasa 的 消息 醫治 重症 患者 所 耗用 的 氧氣 已 造成 太空 行業 的 停頓 因為 火箭 發射 需要 大量 的 液態氧 但是 救人 優先 太空 行業 也 只 能 讓 位 急性 呼吸 窘困 症 ards 是 涉及 由於 炎症 和 肺泡 中 積液 而 導致 的 肺 組織 損傷 肺泡 是 肺 中的 氣囊 在 那裡 與 血管 發生 氣體 交換 由於 血管 洩漏 而 導致 肺泡 中 積聚 的 液體 限制 了 肺部 向 身體 其他 部位 供 氧 的 能力 因此 ards 需要 入住 重症 監護 病房 icu 和 有 創 機械 通氣 以 補償 有限 的 肺 功能 ards 是 受 新冠 病毒感染 後 受損 的 組織 所 釋放 的 細胞 因數 以及 病毒 的 持續 擴散 導致 免疫系統 的 過度 亢奮 大量 的 免疫 細胞 例如 白血球 巨 噬 細胞 t 細胞 聚集 到 肺部 它們 又 造成 更 大 的 發炎 反應 科學家 稱之為 細胞 因數 風暴 導致 更 大 範圍 的 肺部 破壞 這 也 就 是 重症 患者 出現 的 肺部 纖維 化 進入 這個 階段 非常 嚴重 是 新冠肺炎 的 重要 死亡 原因 即使 成功 搶救 仍然 會 造成 永久性 肺部 損傷 因此 減少 免疫 細胞 阻止 白血球 的 活躍 一直 是 減輕 重症 肺炎 的 主要 方法 西班牙 馬德里卡洛斯 三 世健康 研究所 國家 心血管 研究 中心 cnic 的 研究 發現 原本 用於 治療 心臟病 的 美 托 洛爾 可以 達到 遲滯 白血球 動員 的 效果 它 是 一 種 受體 阻滯 劑 具有 阻斷 腎上腺素 和 去 甲 腎上腺素 的 作用 醫生 通常 使用 受體 阻滯 劑 來 治療 心血管 疾病 腎上腺素 常 被 稱為 超人 激 系 是 人類 在 高度 緊張狀態 時 身體 分泌 的 腺 素 它 會 使 肌肉 收縮 變 得 更 強壯 但是 身體 也 會 付出 相應 的 巨大 代價 它 造成 的 反應 類似 發炎 會 對 器官 造成 損害 美 托 洛爾 具有 抑制 腎上腺素 的 作用 研究 團隊 發現 美 托 洛爾 可以 減少 肺部 發炎 並 改善 血 氧 濃度 這 也 就 降低 了 肺部 的 白血球 數量 也 就 改善 了 細胞 因數 風暴 該 研究 的 第一 作者 阿古斯丁 克萊門特·莫拉貢 agust n clemente-morag n 博士 表示 在 過去 的 幾 年 我們 已 知 受體 阻滯 劑 倍 他 樂克 與 白血球 茲 生 的 關係 我們 找到 馬德里 的 重症 自願 患者 進行 實驗 他們 每天 注射 15 毫克 的 美 托 洛爾 然後 檢查 肺部 積液 中的 白血球 數量 實驗組 為 12 名 患者 他們 每天 接受 靜脈注射 美 托 洛爾 而 對照組 為 8 天 接受 的 是 標準 護理 接受 美 托 洛爾 治療 的 實驗組 在 4 天 之後 肺部 積液 裡 的 白血球 量 確實 比 對照組 來 的 少 發炎 細胞 因數 的 濃度 也 有所 下降 這些 結果表明 美 托 洛爾 限制 了 白血球 的 活化 也 就 減輕 了 患者 的 肺部 發炎 症狀 在 調查 臨床 結果 的 影響 時 研究 人員 也 發現 另 一個 好 消息 就 是 血 氧 濃度 有所 提升 莫拉 貢博士 表示 美 托 洛爾 是 一 種 臨床 可用 而且 便宜 的 藥物 每日 治療費 用 不到 3 美元 如果 確定 它 有效 可以 改善 全球 幾 百萬 名 仍以 呼吸 機 氧氣瓶 在 幫助 呼吸 的 重症 患者 也 就 能 降低 全球 醫療 院所 icu 病房 的 壓力 不過 他 也 強調 這 是 給 重症 患者 的 藥物 不是 預防 藥物 與 輕 症 治療 藥 而且 這 只 是 20 人 進行 的 極 小 規模實驗 還 必須 通過 更 多 的 臨床實驗 才能 證實 它 廣泛 有效</t>
  </si>
  <si>
    <t>美國 新冠肺炎 確診 人數 飆 破 462萬 疫情 導致 經濟 步入 衰退 失業率 飆 升 但 川普 總統 1 日 仍 前往 他 位於 維吉尼亞 州 史 特林 的 私人 高爾夫球場 揮杆 由於 川普 國家 高爾夫 俱樂部 就 位於 華府 近郊 因此 川普 搭車 前往 球場 外 有 一</t>
  </si>
  <si>
    <t>美國 新冠肺炎 確診 人數 飆 破 462萬 疫情 導致 經濟 步入 衰退 失業率 飆 升 但 川普 總統 1 日 仍 前往 他 位於 維吉尼亞 州 史 特林 的 私人 高爾夫球場 揮杆 由於 川普 國家 高爾夫 俱樂部 就 位於 華府 近郊 因此 川普 搭車 前往 球場 外 有 一 位 打扮 成撒旦 的 抗議 人士 一手 高舉 假 鐮刀 一手 舉 上面 寫 著 152 k 的 標語 象徵 美國 因 新冠肺炎 死亡 的 人數 已經 累積到 15萬2千 人 到 2 日 已 達 154萬 不過 因為 男子 沒有 過激 舉動 秘勤局 人員 僅 在 旁 戒備 美國有線電視新聞網 cnn 統計 這 是 川普 上任 3 年 多 以來 第 283 次 忙裡偷閒 去 打 小 白球 也 是 他 在 自家 物業 待 的 第 376 天 川普 在 4 年前 競選 期間 過去 多 次 攻擊 前 總統 歐 巴馬 愛 打 小 白球 並稱 如果 他 當 總統 一定 會 忙於 國事 而 沒空 打高爾夫 但 數字 會 說話 川普 第 一個 任期 未 滿 他 去 打 高爾夫球 的 次數 已經 遠遠 超過 歐巴馬</t>
  </si>
  <si>
    <t>川普 小 白球 美國 新冠肺炎 疫情</t>
  </si>
  <si>
    <t>北部 1 名 高中生 確診 新冠肺炎 全班 停課 新北 市 開出 第一 槍 禁止 高中職 以下 師生 出國 防疫 經常 依 中央 指示 掛 嘴上 的 基隆 市長 林右昌 下午 再 補 一 槍 跟進 北 北 桃 逆 時鐘 更 加碼 基隆 至 7 月 14 日前 都 禁止 零 確診</t>
  </si>
  <si>
    <t>受到 新冠肺炎 疫情 影響 印度議會 14 日 召開 6 個 月 來 首次 會議 印度 總理 莫迪 narendra modi 與 議員 帶 著 口罩 坐在 滿 是 隔板 的 議會廳 開會 莫迪 在 演說 中 表示 在 新冠肺炎 藥物 問世 前 不能 鬆懈 希望 疫苗 儘快 推出</t>
  </si>
  <si>
    <t>議會 莫迪 睽 違 新冠肺炎 召開</t>
  </si>
  <si>
    <t>受 新冠肺炎 疫情 影響 大陸 文娛 行業 今年 首季 只 運作 近 1 個 月 加上 廣電總局 2 月 公佈 關於 進一步 加強 電視劇 網路 劇 創作 生產 管理 有關 工作 的 通知 要求 電視劇 網路 劇 網路 電影 在 備案 審批 時 須 提交 完整 劇本 的 規定 以</t>
  </si>
  <si>
    <t>受 新冠肺炎 疫情 影響 大陸 文娛 行業 今年 首季 只 運作 近 1 個 月 加上 廣電總局 2 月 公佈 關於 進一步 加強 電視劇 網路 劇 創作 生產 管理 有關 工作 的 通知 要求 電視劇 網路 劇 網路 電影 在 備案 審批 時 須 提交 完整 劇本 的 規定 以致 q 1 新劇 備案 量 比 去年同期 大 減 12 12 月 僅 147 部 1 月 84 部 2 月 63 部 備案 新劇 的 題材 中 以 當代 主題 的 數量 最 多 穩 居 榜首 而 由 小說 ip 改編 影視作品 的 依然 不在少數 如 1 月份 的 繁花 阿麥 從軍 木蘭 無 長兄 以及 2 月 的 億萬 星辰 不及 你 親愛的 摯愛 的 星漢 燦爛 等 尚未 拍攝 就 已經 在 社 群 媒體 自帶 話題 流量 礙於 大陸 官方 公佈 的 限 古令 等 政策 影響 古裝 劇 備案 數量 比 去年同期 下降 16 1 月 有 少年 御醫 漢鄉 等 11 部 備案 2 月 有 曹操傳 汴京 夢華 圖 長風 渡 等 5 部 備案 至於 過去 曾 叫好 又 叫座 仙 俠 類 題材 因為 於泛 濫 網友 喜好 度 下降 q 1 的 備案 通報 中 已 看不到 相關 作品 業者 表示 2 月 因為 新冠肺炎 確診 病例 大增 大陸 各省 市 封城 封路 多 家 大陸 上市 製作 公司 平均 備案 數 僅 5 部 遠 低於 2019 年 同期 的 75 部 而 立項 成本 增加 備案 數量 優化 影視 公司 趨於 理性 等 因素 影響 電視劇 行業 內 的 一系列 連鎖反應 就 此 展開</t>
  </si>
  <si>
    <t>治癒 全台 新冠肺炎 首例 是 他 抗 煞 醫 不能 讓 臺灣 漏氣</t>
  </si>
  <si>
    <t>新冠肺炎 臺灣 打 疫苗 注意事項</t>
  </si>
  <si>
    <t>新冠肺炎 美國 疫苗 蕭美琴</t>
  </si>
  <si>
    <t>群 聚 感染 1 人 確診 國內 新冠肺炎</t>
  </si>
  <si>
    <t>新冠肺炎 升溫 爭議 假消息 被 網友 匿名 在 網路上 散播 調查局 假 訊息 防制 中心 一口氣 溯源 追查 了 包括 武漢 台商 與 一 位 女性 打 麻將 出現 發燒 症狀 等 4 件 假 訊息 共約 談 6 位 散播 網友 到案 偵 訊 後 依 違反 傳染病 防治法 移送</t>
  </si>
  <si>
    <t>顧慮 新冠肺炎 疫情 facebook 取消 f 8 開發者 大會</t>
  </si>
  <si>
    <t>日 職 阪神 虎 選手 藤 浪 晉太郎 與 二 軍 2 名 不 具名 選手 在 新冠肺炎 檢測 中都 為 陽性 日 職 一下 暴 增 3 確診 案例 雖然 球員 確診 可能 衝擊 到 原本 日 職 開幕 日 不過 日 職 事務 局長 井原敦 表示 最 快 4 月 24 日 開幕 的 目標 不 會 變 先前 日 職 聯</t>
  </si>
  <si>
    <t>日 職 阪神 虎 選手 藤 浪 晉太郎 與 二 軍 2 名 不 具名 選手 在 新冠肺炎 檢測 中都 為 陽性 日 職 一下 暴 增 3 確診 案例 雖然 球員 確診 可能 衝擊 到 原本 日 職 開幕 日 不過 日 職 事務 局長 井原敦 表示 最 快 4 月 24 日 開幕 的 目標 不 會 變 先前 日 職 聯盟 與 職業 足球 j 聯盟 曾在 12 日新冠肺炎 對策 會議 中 曾有 共識 若 球員 或 職員 確診 除了 做 好 防疫 措施 外 其他 工作 應 正常 進行 因此 日 職 遵循 此 目標 開幕 戰 依舊 希望 於 4 月 24 日 進行 不過 今日 下午 中央 聯盟 6 球 團 會 針對 阪神 虎 3 名 確診 球員 進行 會議 是否 會 有所 改變 要 等 官方 宣佈 而 藤 浪 因 出現 嗅覺 失靈 雖然 沒有 咳嗽 發燒 等 症狀 他 仍 多次 赴 醫院 檢查 最後 新冠肺炎 檢測 為 陽性 同時 球隊 二 軍 2 名 曾 與 他 一起 吃飯 的 選手 也 出現 味覺 失靈 檢測 後 也 都 是 陽性 藤 浪 勇於 檢測 的 做法 獲 大多數 人 稱讚 一 名 球隊 職員 說 所有 棒壇 人士 都 擔心 自己 是 日 職 第 一個 被 感染者 但 有些 人 有 咳嗽 發燒 等 明顯 症狀 可能 會 因為 害怕 而 保持沉默 但 藤 浪 並 沒有 輕視 自己 的 病徵 還 多次 赴 醫 檢查 這 很 勇敢 他 對 身邊 的 人和 球隊 都 很 體貼 真誠 雖然 我們 仍 處在 低潮 但 相信 一切 會 回到 正軌 他 也 能 重 回 身手</t>
  </si>
  <si>
    <t>日 職 確診 新冠肺炎 陽性 日本</t>
  </si>
  <si>
    <t>新冠肺炎 冬季 新冠 廢 顏 a 型 流感 疫苗</t>
  </si>
  <si>
    <t>新冠肺炎 再 添 16 例 2 本土 個案 感染 源 不明</t>
  </si>
  <si>
    <t>蘇貞昌 新冠肺炎 臺灣 延長 高中</t>
  </si>
  <si>
    <t>新冠肺炎 疫情 嚴峻 我國 口罩 日產量 不斷 提升 臺灣政府 目前 已 放寬 到 每 14 天 成人 可 買 9 片 口罩 兒童 可 買 10 片 不過 部分 民眾 困惑 為何 不是 每天 一 片 行政院長 蘇貞昌 前日 透露 衛福部 認為 如果 不 限量 大家 可能 就 會 浪費 政</t>
  </si>
  <si>
    <t>因 疫情 持續 延 燒 瑞昱 2379 遠 端 需求 將 延續 到 下半年 加上 tws 真 無線 藍芽 耳機 電視 soc 等 產品 出現 回溫 跡象 整體 動能 將 延續 到 下半年 瑞昱 今 開高 後 震盪 拉高 站 回月線 也 一度 收復 400 元 大關 盤中 維持 漲幅 逾 15 瑞 昱 第二 季營 收 17338億 元 季 增加 89 年 增加 142 表現 優於 市場 預期 主要 動能 來自 於新冠肺炎 事情 帶動 的 遠 距 辦公 潮 激發 強勁 wi-fi 乙太網 及 交換器 晶 片 需求 且 因為 pc 業務 貢獻度 達 34 非 pc 事業 貢獻 66 帶動 產品組合 轉 強 毛利率 攀升 到 448 全球 疫情 持續 延 燒 所 帶動 的 遠 端 需求 將 延續 到 下半年 瑞昱 受惠 於遠 距 辦公 帶動 的 pc 及 路由器 內建 wi-fi 5 80211 ac 標準 為 中心 的 連接 晶片組 需求 將 帶動 pc 周邊產品 需求 持續 熱絡 其中 有 以 chromebook 表現 最為 搶眼 此外 wi-fi 4 朝 wi-fi 5 升級 腳步 正在 加速 由於 wi-fi 5 相對 於 wi-fi 4 享有 一 倍 產品 溢 價 隨 著 wi-fi 5 占 公司 整體 營 收 比重 上升 瑞昱 也 將 直接 受惠 至於 wifi 6 產品 瑞昱 目前 已經 有 在 量 產 下一代 也 在 開發 中 明年 會 有 產品 出來 瑞 昱 第二 季 因為 防疫 解 封前 終端 市場 對於 非 必需 消費性 電子產品 需求 不如 預期 也 影響 到 瑞昱 tws 電視 soc 系統 單晶 片 產品 表現 展望 第 三 季 即便 今年 全球 電視 市場 可能 出現 小幅 衰退 瑞昱 仍舊 看好 tv 系統 單晶 片 soc 出貨量 自 本 季 將 開始 回溫 提升 市 占 尤其 是 在 北美地區 至於 tws 方面 內建 anc 主動 降 噪 技術 的 tws 晶 片 已於 上半年 投 片 量 產 預期 下半年 非 蘋 tws 新 產品 將 陸續 上市 電視 soc tws 需求 逆轉 將 有助於 瑞 昱 第 三 季 營 收 表現</t>
  </si>
  <si>
    <t>228 連 假期 間 警方 發現 有 關新冠肺炎 相關 的 假 訊息 案件 突然 大 爆發 每天 有 逾 10 件 與 過去 1 個 月 平均 每天 約 4 件 相比 大幅 增加 警方 初步 調查 都跟 來自 境外 的 大陸 網 軍 有關 懷疑 是 有 計 畫 的 向 臺灣 進逼 影響 防疫 刑</t>
  </si>
  <si>
    <t>全新 2455 董事會 決議 每股 配 息 25 元 並 自 今天 起 實施 庫藏 股 由於 大陸 加速 推動 5 g 基礎 建設 並 持續 進行 去 美化 全新 3 月光 通訊 訂單 狀況 不錯 全新 對 3 月 業績 不 看淡 日 系 外資 認為 雖然 新冠肺炎 covid-19 可能 影響 全新</t>
  </si>
  <si>
    <t>全新 2455 董事會 決議 每股 配 息 25 元 並 自 今天 起 實施 庫藏 股 由於 大陸 加速 推動 5 g 基礎 建設 並 持續 進行 去 美化 全新 3 月光 通訊 訂單 狀況 不錯 全新 對 3 月 業績 不 看淡 日 系 外資 認為 雖然 新冠肺炎 covid-19 可能 影響 全新 今年 第 1 季 業績 但 在 大陸 積極 推動 5 g 計畫 下 營 收 可望 在 今年 第 2 季度 恢復 並 對 全新 產品 結構 保持 樂觀 重申 全新 買進 評等 大陸 各地 因 新冠肺炎 疫情 受到 控制 全面 後 加速 推動 5 g 基礎 建設 且 wifi 6 滲透 率 持續 提升 加上 vcsel 等 新 應用 激增 讓 全新 2 月 合併 營 收 維持 水準 單月 合併 營 收 為 208億 元 月 減 415 但 年 增 5276 累計 前 2 月 合併 營 收 為 425億 元 年成 長 5241 由於 全新 3 月光 通訊 訂單 狀況 不錯 將 有助於 全新 3 月 營 收 表現 日 系 外資 在 最新 報告 中 指出 儘管 存 在 新冠肺炎 疫情 問題 但因 亞洲 的 供應 鏈 營運 已 逐漸 恢復 到 正常 水準 且 大陸政府 希望 加快 5 g 建設 以 刺激 當地 經濟 這 將 帶動 全 新光 通訊 晶 片 訂單 在 基礎 設施 端 對光 收發器 的 需求 且 計畫 還 應 通過 價格 補貼 覆蓋 終端 設備 端的 5 g 智慧 型 手機 有助於 帶動 全新 rf 訂單 我們 認為 全新 已 準備 好 搶攻 快速 成長 的 5 g 和 3 d 需求 週期 由於 股價 已 回落 到 底價 重申 買進 評等 目標價 維持 140 元 全新 董事會 決議 自 今天 起至 5 月 19 日 實施 庫藏 股 買 回 自家 股票 5000 張 買 回 區間 價格 58 元 到 108 元 激勵 全新 今天 股價 以 漲 停板 作 收</t>
  </si>
  <si>
    <t>牛津 az 疫苗 21 日 起 開放 自費 接種 今天上午 開始 受理 預約 北部 許多 醫學 中心 湧現 預約 潮 台大醫院 4 月底 前 500 多 個 名額 在 短短 2 小時 搶光 臺北 馬偕 醫院 21 至 24 日 就 有 近 687 人 預約 covid-19 2019 冠 狀 病毒 疾病 疫苗 公費 接種</t>
  </si>
  <si>
    <t>日本 小兒科 學會 等 團體 調查 發現 截至 去年 8 月 確診 2019 冠 狀 病毒 疾病 covid-19 的 孕婦 所生 的 新生兒 中 有 一 人 一 出生 即 確診 疑 似 母子 垂直 感染 為 日本 國內 首度 發現 的 個案 日本放送協會 nhk 報導 日本大學 醫學 部</t>
  </si>
  <si>
    <t>中央 公佈 孕婦 納入 公費 covid-19 疫苗 接種 第 6 類 實施 對象 後 嘉義 市 隨即 宣佈 今 22 日 起 孕婦 可向 嘉義 基督教 醫院 天主教 聖馬 爾 定 醫院 台中 榮 總 嘉義 分院 衛生 福利 部 嘉義 醫院 及 東西區 衛生所 預約 接種 疫苗 莫德納 az 可 擇</t>
  </si>
  <si>
    <t>ces 2020 展 會 舉辦 之際 新冠肺炎 covid-19 疫情 仍 處於 初期 階段 但 時至今日 疫情 散播 情形 已 截然不同 全球 確診 人數 衝破 1600萬 為了 保護 參展 廠商 與 參觀 民眾 與 媒體 們 的 健康 主辦單位 cta consumer technology ass</t>
  </si>
  <si>
    <t>ces 2020 展 會 舉辦 之際 新冠肺炎 covid-19 疫情 仍 處於 初期 階段 但 時至今日 疫情 散播 情形 已 截然不同 全球 確診 人數 衝破 1600萬 為了 保護 參展 廠商 與 參觀 民眾 與 媒體 們 的 健康 主辦單位 cta consumer technology association 美國 消費 技術 協會 以 確認 2021 年 ces 展 會 將 以 純 線 上 形式 舉辦 cta 公告 原定 將 在 2021 年 1 月 6 日 至 9 日 在 美國 拉斯維加斯 舉辦 的 ces 消費性 電子 展 將 取消 線下 實體 展覽 的 形式 包含 主題 演講 高峰會議 產品 展出 以及 商機媒 合 的 會議 都將 以 線 上 方式 呈現 cta 方面 指出 由於 疫情 傳播 對於 全球 帶來 的 健康 疑慮 選 在 2021 年初 在 拉斯維加斯 舉辦 實體 展覽 還有 面對 面對 的 洽談 生意 難 以 確保 參加者 的 健康 因此 為了 進一步 保障 參展者 參觀者 的 健康 ces 2021 將 以 線 上 形式 舉辦 但 預計 2022 年 將 會 重返 拉斯維加斯 舉辦 實體 展覽 ces 是 每年 第 一個 大型 的 消費性 電子 展 通常 選 在 一月 份 在 拉斯維加斯 舉行 2020 年 ces 聚焦 5 g 人工智慧 ai 擴 增 實 境 ar 虛擬實境 vr 自 駕車 等 議題 吸引 全球 160 個 國家 逾 4500 家 廠商 參展 展位 面積 超過 290 萬 平方 英尺 創下 歷史紀錄 總共 展出 2 萬 項 以上 新品 參觀 人數 達 184 萬 人 演講 人數 超過 1200 人 若要 改以 線 上 形式 舉辦 對於 主辦單位 也 將 是 另 一個 全新 的 挑戰 2020 年 因 新冠肺炎 疫情 影響 包含 mwc 全球 行動 通訊 大展 日內瓦 車 展 swsx 音樂節 日本 cp 攝影展 器材 展 等 展覽 還有 蘋果 google 微軟 以及 facebook 等 科技 巨頭 的 開發者 大會 也 被 被迫 取消 或以 線 上 形式 舉辦 在 全球 多國 的 疫情 尚未 獲得 緩解 之前 在 cta 宣佈 ces 2021 以 線 上 方式 舉辦 展 會後 會 不 會 引發 連鎖 效應 值得 觀察</t>
  </si>
  <si>
    <t>台 大公 衛學院 4 日 舉行 第 13 周抗 covid-19 說明會 副 院長 陳秀熙 表示 到 5 月 3 日 全球 新冠肺炎 344萬 確診 死亡 24萬 死亡率 71 仍未 達到 預期 的 下降 好 消息 是 康復 率 32 比 上周 增加 4 另外 台 大公 衛學院 也 預測 全球通</t>
  </si>
  <si>
    <t>新冠 病毒 covid-19 仍 在 流行 病理學家 也 在 調查 感染 風險 一 項 新 的 研究 表明 常用 來 治療 胃灼熱 及 胃酸 逆流 的 胃酸 抑制 劑 可能 會 無意 中 增加 感染 covid-19 的 機會 醫療 訊息 medical xpress 報導 超過 5 3萬 名 美國 人 都有 胃</t>
  </si>
  <si>
    <t>近期 因為 受到 新冠肺炎 covid-19 疫情 影響 年度 盛事 媽祖 繞 境 爭議 不 斷 到底 要 不 要 繼續 辦 各界 說法 紛紜 對於 疫情 來說 大型活動 能 延期 就 應 儘量 延後 但 對於 虔誠 的 媽祖 信 眾 來說 則 面臨 了 心靈 與 現實 上 的 抉擇</t>
  </si>
  <si>
    <t>月初 才 以身作則 施打新冠肺炎 疫苗 看來 神采奕奕 的 前 大 聯盟 生涯 全壘打 王 漢克阿倫 hank aaron 今天 由 其 女兒 證實 已 不幸 辭世 享壽 86 歲 名人 堂 兩 天 前 才 痛失 生涯 324 勝 的 強 投 蘇頓 don sutton 如今 連阿倫 也 撒手 人 寰 令老 球迷 悲慟不已 綽號 鐵錘 hammer 的 漢克阿倫 是 大 聯盟 長青 樹 從 1954 年 打到 1976 年 雖然 是 效力 勇士 釀酒 人 兩 支 小 市場 球隊 他 的 生涯 755 轟 卻 在 大 聯盟 維持 了 30 多年 直到 2007 年 才 被 邦茲 barry bonds 所 超越 然而 相對 於 破 了 紀錄 卻 因 禁藥 蒙 塵 的 邦茲 阿倫 不論 場內外 都 是 模範人物 儘管 生涯 全壘打 退 居 次席 他 仍 是 大 聯盟 生涯 打點 2297 壘 打 數 6856 長 打 1477 等 3 項 紀錄 保持 人 3298 場 出賽 3771 安 都是史 上 第 3 得分 2174 則 排 第 4 阿倫 在 1957 年 幫助 勇士 贏得 世界大賽 冠軍 他 也 榮膺 國聯 mvp 此外 他 曾獲 兩 屆 國聯 打擊 王 3 座 外野 金 手套 25 次 入選 明星賽 也 是 紀錄 1982 年 首次 獲得 名人 堂 候選 資格 阿倫 就 以 978 的 高 得票率 上榜 大 聯盟 更 從 1999 年 起 頒發 漢克阿倫 獎 表彰 當年 美 聯 國聯 的 最佳 打者 球場 之外 阿倫 為 爭取 黑人 權利 積極 努力 因為 他 自己 就 是 種族歧視 的 受害者 阿倫 出生于 阿拉巴馬州 莫比爾 家境貧寒 更 從未 打過 正式 棒球 校 隊 因為 只有 白人 學生 可以 參加 而 在 打破 棒球 之 神 貝 比 魯斯 babe ruth 的 生涯 全壘打 紀錄 過程 中 阿倫 收到 許多 死亡威脅 因為 有人 不 想 看到 黑人 打破 這 項 紀錄 但 阿倫 還是 做到 了 他 在 1974 年 開 季 的 首 打 席 首次 揮棒 就 擊出 追 平魯 斯 的 714 轟 4 月 8 日 阿倫 在 亞特蘭大 主場 53775 名 觀眾 面前 再 將 道奇 左 投 道 寧 al downing 的 滑球 一 棒 掃 出左 外野 牆 外 以 715 轟 成為 新 科大 聯盟 全壘打 王 當下 阿倫 展開 英雄式 的 跑壘 過程 一度 被 兩 位 熱情 球迷 沖 進場 干擾 其中 一 位 是 已逝 的 tnt 電視網 場邊 記者 塞格 craig sager 最後 阿倫 終於 踏 回本 壘 被 包圍 的 隊友 們 高高 舉 起 他 也 與 觀眾席 上 的 雙親 擁抱 成為 大 聯盟 史上 最 經典 的 感人 畫面 之一 阿倫 引退 後 成為 勇士隊 行政 高層 也 幫助 更 多 黑人 球員 能 跟 他 一樣 在 卸下 球員 身分 後 也 能 轉任 行政職務 nothing to it i&amp;apos m proud to roll up my sleeve and be among the first to receive the covid-19 vaccine at morehouse school of medicine with my friends hank aaron and dr louis sullivan i do hope hope everyone who has the opportunity follows our example https t co o 6 veved 0 js 2002 年 阿倫 獲 頒 象徵 美國 最高 平民 榮譽 的 總統 自由 勳章 但 他 曾 語重心長 的 說 黑人 在 球場上 能夠 成為 超級 巨人 但 一旦 我們 的 球員 生涯 結束 就 是 一切 的 終點 我們 又 得 坐 回 巴士 後面 這個 典故 來自 1955 年 的 蒙哥馬利 公車 事件 一 位非 裔 美國 女士 因為 拒絕 把 前排 座位 讓給 白人 竟然 遭到 逮捕 漢克阿倫 最後 一 次 公開 露面 是 本月 初 在 亞特蘭大 公開 接種 新冠肺炎 疫苗 也 呼籲 民眾 踴躍 施打 熱心 公益 的 他 開心 的 說 能 做 一 件 不只 幫助 自己 也 能 幫助 社會 的 事情 我 覺得 非常 棒 可惜 不 到 20 天 後 阿倫 的 笑容 就 像 他 飛出 牆 外 的 755 支 全壘打 一樣 只能 留給 後人 追憶 了</t>
  </si>
  <si>
    <t>新竹 市 衛生局 為 有效 利用 並 加速 民眾 完成 新冠肺炎 疫苗 接種 10 日 起 開放 全市 5 家 醫院 及 15 家 診所 提供 免 平臺 預約 接種 bnt az 疫苗 未來 接種 第 12 劑 bnt 或 az 疫苗 衛生局 也 將 視 庫存 到貨 與 接種 情形 適度 調整 合約 院所 家數 以利 民眾 就近 接種 衛生局 表示 新竹 市 第 1 劑 疫苗 涵蓋 率 至 今天 已 達 894 為 全國 排名 第 1 為 讓 疫苗 更 有效 運用 及 提供 未 於 平臺 預約 接種 的 民眾 方便 施打 疫苗 衛生局 協調 竹市 5 大 醫院 及 15 家 診所 優先 提供 接種 第 12 劑 bnt 或 az 疫苗 後續 也 將 視 疫苗 接種 及 配送 情形 增加 接種 服務 院所 家數 尚未 接種 疫苗 的 民眾 可 多 加 運用 接種 bnt 第 2 劑 須為 18 歲 以上 符合 接種 間隔 滿 4 周 以上者 az 疫苗 則 開放 第 2 劑 接種 間隔 滿 8 周 以上 民眾 接種 相關 院所 接種 資訊 請 可 至 新竹 市 防疫 資訊 專區 查詢 前往 醫療 院所 接種 前 請 先 電話 洽 詢 預約 衛生局 同時 提醒 民眾 除 covid-19 疫苗 外 流感疫苗 也 已 開 打 呼籲 符合 公費 流感疫苗 資格 民眾 宜盡 速 接種 尤其 是 長者 及 幼童 接種 流感疫苗 提高 自我 保護 力 但 需注意 與 covid-19 疫苗 接種 間隔 7 天 以上 避免 發生 疫苗 接種 不良 事件 無法 厘 清 有關 合約 醫療 院所 可 至 衛生局 網站 查詢 或 撥 打 1999 市民 服務 專線 洽 詢</t>
  </si>
  <si>
    <t>針對 未來 各種 類似 新冠肺炎 病毒 隨時 有 爆發 可能 海巡署 今天 動工 建造 的 第 2 艘 4000 噸級 專業 醫療 巡 防 艦 除 首創 負 壓 隔離病房 及 醫療 手術 室外 另于 普通 病床 增設 負 壓 隔離 罩 降低 交叉 感染 風險 保護 執勤 隊員 與 隨 艦 醫療 人員 安全 海 巡 署 蔡長孟 副 署長 及 臺灣 國際 造船 股份有限公司 曾 國正 總經理 于 109 年 3 月 11 日 上午 10 時 假 台船 公司 高雄 廠主 持 4000 噸級 巡 防 艦 4 艘 統包 採購 案 第 2 艘 巡 防 艦 開工 祈福 儀式 海 巡 署 指出 新 造 4000 噸級 巡 防 艦 規劃 建置 醫療 手術室 病房 一般 病房 及 負 壓 隔離病房 回復 受難者 體溫 之 複 溫室 等 緊急 醫療 救護 裝備 另 因應 特殊 傳染性 疾病 全艦 醫療 區域 設計 為 獨立 空調 系統 可 有效 區隔 執勤 及 醫療 人員 作業 空間 另為 因應 嚴重 特殊 傳染性 肺炎 covid-19 來勢洶洶 艦隊 分署 特別 規劃 升級 病房 設備 一般 病房 均 增設 負 壓 隔離 罩 以 降低 病 患 間 交叉 感染 機會 同時 減低 醫療 人員 受 感染 之 風險 另 4000 噸級 巡 防 艦 建置 直升機 庫 可 供 海軍 s- 70 c 直升機 臨時 駐 艦 遇有 海上 緊急 醫療 案件 時 可 搭配 直升機 進行 後 送 發揮 人道 救援 精神 有效 擴展 巡 防 艦 及 直升機 執勤 範圍 艦隊 分署 表示 籌建 海巡 艦艇 發展 計畫 自 107 年 正式 啟動 6 種 船型 的 建造 進度 均 正常 甚至 大幅 超前 首 艘 4000 噸級 巡 防 艦 預計 本 109 年 年底 前 可 完工 交 船 未來 也 將 如期 如 質 如 預算 推動 海巡國 艦 國造 政策 全面 提升 海巡 艦艇 執勤 能量 有效 捍衛 主權 及 漁權 保障 我國 漁民 海上 作業 權益 與 安全</t>
  </si>
  <si>
    <t>面對 新冠肺炎 covid-19 疫情 蔓延 全球 防疫 是 場 長期抗戰 民眾 減少 外出 至 人群 聚集 場 域 紛紛 轉向 尋求 各類 數位 內容 平臺 開始 建立 足不出戶 的 不 接觸 生活型 態 如數 位元 雜誌 音樂 及 影音 平臺 kono 電子 雜誌 平臺 指出 今</t>
  </si>
  <si>
    <t>面對 新冠肺炎 covid-19 疫情 蔓延 全球 防疫 是 場 長期抗戰 民眾 減少 外出 至 人群 聚集 場 域 紛紛 轉向 尋求 各類 數位 內容 平臺 開始 建立 足不出戶 的 不 接觸 生活型 態 如數 位元 雜誌 音樂 及 影音 平臺 kono 電子 雜誌 平臺 指出 今年 2 月 的 新會員 數 較 1 月 成長 近 7 成 平臺 內 總 文章 閱讀數 更 激增 近 5 成 帶動 整體 業績 較 去年同期 成 長 27 此外 針對 新 用戶 現在 用 手機 下載 並 註冊 kono 電子 雜誌 app 免費 獲得 14 天 會員 資格 成功 推薦 朋友 還 可 額外 得到 7 天 免費 會員 資格 更 能 享受 當 期 現 刊 共 300 種 以上 知名 國內外 電子 雜誌 看到 飽 包含 全美 最 大 梅 瑞 迪斯 出版集團 meredith corporation people instyle allrecipes 等 知名 刊物 與 韓國前 三大 出版集團 seoul media group 之 數位 雜誌 內容 kono 電子 雜誌 獨家 smarticle 技術 全球 首創 導入 ai 人工智慧 可 自動 產出 符合 各式 數位 裝置 閱讀 格式 的 好讀 模式 並於 今年 推出 viewer 20 讓 閱讀 電子 雜誌 更 聰明 版面 也 更 生動 更 便於 閱讀 縮 放 kono 進一步 運用 大 資料系統 根據 個人 閱讀 習慣 推 播 適合 雜誌 同時 像 google 一樣 輸入 關鍵字 搜尋 就 可 從 上萬 篇 的 雜誌 文章 中 找 出 相關 的 文章內容 讓 雜誌 內容 能 更 貼近 消費者 閱讀 喜好 此外 smarticle 的 好讀 模式 可 利用 google 語音 系統 朗讀 隨時 可 聽 中 英 日 韓四種 語言 雜誌 同時 也 可 將 文字 放大 縮小 適合 各種 不同 的 閱讀 情境 更 好看 更 好聽 今年 kono 電子 雜誌 平臺 更 取得 美國 最 大 的 媒體 集團 之一 梅瑞 迪斯 出版集團 meredith corporation 旗 下 8 本 熱門 雜誌 的 亞洲 區 電子 版權 授權 囊括 生活 娛樂 休閒 美食 旅遊 等 類別 包括 travel leisure food wine people instyle parents 等 知名 雜誌 於 臺灣 等 亞洲 多國 上架 同時 韓風 迫降 今年 更 積極 擴展 雜誌 範疇 新 引進 韓國 seoul media group 旗 下 雜誌 women sense 及 living sense 讓 讀者 零 時差 追上 最新 的 潮流 趨勢 kono 電子 雜誌 平臺 涵蓋 臺灣 香港 日本 歐美 等 300 多 款 跨國 電子 雜誌 並 擁有 上萬 本 以上 的 新刊 與 過 刊 線 上 雜誌 領域 橫跨 財經 科技 時尚 旅遊 等 16 大 類別 除 搶先 取得 數位 授權 之 美 韓 雜誌 既 有 多 本 的 獨家 日雜 non-no 25 ans 婦人 畫報 men s non-no 更 是 廣受 讀者 喜愛 現在 更 同步 積極 開發 多國 雜誌 授權 除了 歐美 日本 韓國 等 國家 外 未來 也 會 著 眼 於 新加坡 馬來西亞 等 亞洲 國家 期待 能 引進 各地 不同 雜誌 擴大 閱 聽 者 的 視野</t>
  </si>
  <si>
    <t>不畏 新冠肺炎 covid-19 疫情 經濟部 加工出口 區 管理處 挺 就業 征 才 服務 不間斷 高雄 楠梓 以及 中港 園區 從 12 日 開始 舉辦 現場 征 才 活動 包括 日 月光 半導體 華泰 電子 楠梓 電子 華 新科 技 銳 康 科技 臺灣 海 博特</t>
  </si>
  <si>
    <t>不畏 新冠肺炎 covid-19 疫情 經濟部 加工出口 區 管理處 挺 就業 征 才 服務 不間斷 高雄 楠梓 以及 中港 園區 從 12 日 開始 舉辦 現場 征 才 活動 包括 日 月光 半導體 華泰 電子 楠梓 電子 華 新科 技 銳 康 科技 臺灣 海 博特 和 詮 科技 頎 邦 科技 華新 麗 華 今 國 光學 技迪 科技 維 勝 特 企業 及 盛輪 公司 等 18 家 知名企業 將 釋出 573 個 職 缺 最高 薪資 上 看 5萬 元 加工 處 7 日 表示 此次 的 加工區 征 才 活動 將 由 中港 分處 與 台中市政府 沙 鹿 就業 服務站 共同 辦理 率先 在 12 日 上午 10 時至 12 時 30 分 在 中港 分處 3 樓 訓練 教室 舉行 現場 征 才 活動 中港 園區 的 征 才 廠商 有 華新 麗 華 今 國 光學 技迪 科技 維 勝 特 企業 及 盛輪 公司 等 5 家 公司 提供 職 缺 專案 包括 電機 工程師 軟 體 工程師 研發 工程師 制程 工程師 光 面板 技術員 車床 人員 國貿 人員 管理 部 助理 倉管 人員 等 總計120 個 職 缺 最高 薪資 上 看 5萬 元 加工 處 指出 第二 場 征 才 活動 則 由 高雄 分處 與 高雄 市政府 訓練 就業 中心 接 棒 在 13 日 上午 9 時 30 分至 11 時 在 高雄 分處 後 棟 第一 訓練 教室 舉辦 現場 征 才 參加 廠商 有 華 新科 技 銳 康 科技 臺灣 海 博特 和 詮 科技 及 頎 邦 科技 等 5 家 公司 提供 職 缺 包括 設備 保修 助理 工程師 氣體 管路 焊接 工程師 水電 工程師 及 生產 助理 技術員 等 總計 100 個 職 缺 加工 處 說 最後 登場 的 是 楠梓 園區 與 高雄 市政府 勞工 局 訓練 就業 中心 合作 20 日 上午 9 時 30 分至 11 時 30 分 在 楠梓 園區 內 從業 員工 育樂 活動 中心 辦理 征 才 活動 加工 處 表示 包括 日 月光 半導體 華泰 電子 楠梓 電子 全球華人 臺灣 興勝 半 導體 以及 臺灣 捷 康 等 8 家 楠梓 園區 廠商 將 釋出 共 353 個 職 缺 提供 職 缺 包括 制程 設備 工程師 資料庫 管理 師 軟 體 工程師 設備 保修 技術員 倉管員 化驗室 化性 人員 生產 機台 技術員 操作員 品 管員 作業 員 及 smt 機台 操作員 等</t>
  </si>
  <si>
    <t>臺灣 女星 歐陽娜 娜 近年來 把 演藝 重心 轉 往 對岸 最近 將 出席 央 視 舉辦 的 十一 國慶 晚會 高唱 我 的 祖國 一 曲 引發 臺灣 網友 熱 議 有人 好奇 為什麼 大陸 人 那麼 喜歡 歐陽娜 娜 據悉 她 吸 金 功力 一流 曾 一個 小時 撈 66 萬金 幣 歐陽娜 娜 去年 在 網路上 發表 敏感 的 政治立場 受到 大陸 人 的 喜愛 從此 之後 就 在 對岸 進行 演藝 活動 當 新冠肺炎 covid-19 肆虐 全球 時 歐陽娜 娜 為了 鼓舞 武漢 的 民眾 特地 獻 唱 樹洞 加油打氣 暖 心地 告白 我 記得 在 武漢 音樂會 最後 一 首歌 唱 的 就 是 樹洞 武漢 的 粉絲 們 都 特別 熱情 當時 第一 排 的 粉絲 都戴 了 小 葵花 頭飾 希望 可以 再 回到 武漢 辦 音樂會 可以 再 和 小 葵花 見面 再 吃 上 一 碗 熱騰騰 的 熱 乾麵 只見 歐陽娜 娜 在 直播 平臺 拿 著 吉他 自彈自唱 短短 一個 小時 就 吸引 2600萬 觀看 人次 一度 登 上 禮物 榜 前三名 爽 賺 66 萬金 幣 魅力 打 趴 一 票 職業 網 紅 如今 受 邀 登 上 央 視 演唱 許多 網友 狠 酸 真 的 不 意外 根據 歐陽娜 娜 將 在 對岸 獻 唱 陸委會 呼籲 國人 不應 參加 大陸 十一 相關 活動 如果 違反 兩岸 條例 相關 規定 將 懲處</t>
  </si>
  <si>
    <t>聯合國世界糧食計畫署 wfp 署長 26 日 表示 全球 首富 特斯拉 創辦 人 兼 執行長 馬斯克 elon musk 只要 捐 出 2 財產 便 能 挽救 4200萬 可能 因 饑荒 而 死 去 的 全球 民眾 呼籲 各國 富有 人士 站 出來 協助 解決 全球 糧食 危機 世界糧食計畫署 署長 畢 斯利 david beasley 26 日 在 美國 有線電視 新聞網 cnn 的 鏈結 全世界 connect the world 節目 中 呼籲 全球 億萬富翁 們 須 立即 站 出來 並 特別 提到 全球 最 有錢 的 馬斯克 和 亞馬遜公司 創辦 人 貝佐斯 jeff bezos 稱 馬斯克 淨資產 接近 2890億 美元 約 新 台幣 804 兆 元 只要 他 捐 出 名下 財產 的 21 60億 美元 約 新 台幣 1670億 元 便 足以 拯救 4200萬 若 未獲 幫助 便 將 沒命 的 人們 畢 斯利 強調 在 新冠肺炎 covid-19 疫情 與 氣候變遷 等 多重 危機 結合 下 許多 國家 正 敲響 饑荒 的 大門 如 據 世界糧食計畫署 估計 近期 才 被 塔利班 掌 控 的 阿富汗 有 高 達 2280萬 人 面臨 嚴重 的 糧食 危機 約 占 該國 人口 的 一半 而 2020 年 11 月 爆發 內戰 的 衣索比亞 已 造成 超過 200萬 人 流離失所 而 作為 主戰場 的 該國 北部 泰 格瑞 省 tigray 目前 更 有約 520萬 人 急需 糧食 援助 另外 瓜地馬拉 宏都拉斯 薩爾瓦多 尼加拉瓜 等 中美洲 國家 則 在 颶風 和 洪水 下 損失慘重 畢 斯利 指出 世界糧食計畫署 等 人道 組織 缺乏 資金 和 資源 的 狀況 又 讓 上述 區域 的 危機 雪上加霜 呼籲 全球 富有 人士 提供 協助 讓 其 能 繼續 支援 各地 承受 苦難 的 民眾</t>
  </si>
  <si>
    <t>新北 市 中 和 區公所 31 日 將 于中和 華新街 舉辦 2020 光明 點燈 節 活動 今 26 日 舉辦 宣傳 記者會 適逢 新冠肺炎 疫情 蔓延 全球 現場 特別 用 小 燭光 排 出 了 no covid-19 的 字樣 中和 區長 賴俊達 也 強調 要 在 中和 點燈 為 世</t>
  </si>
  <si>
    <t>新冠肺炎 讓 許多 產業 出現 新 變革 連 av 業 界 也 得 順應時勢 引發 一 串 新 流行 的 跟風 網站 decider 顯示 在 3 月 4 日 左右 人氣 a 片 網站 pornhub 以 新冠肺炎 coronavirus 做為 關鍵字 的 影片 就 有 115 件 而 影片 的 內容 則 包含 和 病毒 戰鬥 在 廢棄 屋 及 危險 的 野外 性愛 及 與 不能 外出 的 犧牲 者 做 進一步 接觸 最 受 歡迎 的 片子 甚至 已 播放 5萬7千 多 次 製作 av 的 公司 spicy x rice 最近 推出 一 支 新 的 a 片 內容 設定 為 夫妻 是 美國國土安全部 的 職員 發現 患 有 新冠肺炎 病毒 的 女性 另外 一家 little squirtles 的 新 影片 片名 則 是 covid-19 解決 性 衝動 要 戴 口罩 都 是 另 一 種 形式 的 災難 片 其他 新 的 設定 也 有 主角 以 亞洲 人 為主 在 封鎖 的 城市 裡 不知 何事 會 發生 的 恐懼感 或是 穿 上 防護衣 戴 上 面罩 做愛 做 的 事為了 吸引 點 閱 率 av 產業 也 要 很 拼 更 多 ctwant 報導</t>
  </si>
  <si>
    <t>雲 林縣 今天 新增 1 例 covid-19 本土 確診 個案 為 一 名 女 外籍 看護 雲 林縣 維持 零 確診 62 天 破 功 縣府 在 其 足跡 周 遭 環境 清 消 外 明天 將 在 北港鎮 草 湖裡 西湖 活動 中心 設置 社區 快 篩 張麗善 今天 召開 疫情 線 上 記者會 說明 新增 1 起 co</t>
  </si>
  <si>
    <t>雲 林縣 今天 新增 1 例 covid-19 本土 確診 個案 為 一 名 女 外籍 看護 雲 林縣 維持 零 確診 62 天 破 功 縣府 在 其 足跡 周 遭 環境 清 消 外 明天 將 在 北港鎮 草 湖裡 西湖 活動 中心 設置 社區 快 篩 張麗善 今天 召開 疫情 線 上 記者會 說明 新增 1 起 covid-19 2019 冠 狀 病毒 疾病 本土 確診 個案 為 案 16035一 名 36 歲 女性 外籍 看護 雲 林縣 本土 累積 確診 22 例 張麗善 指出 案 16035 今年 3 月 25 日 由 菲律賓 初次 來 台 工作 入境 後 至 嘉義 縣 中埔 集 檢 所 進行 集中 檢疫 4 月 7 日 居 檢 期滿 前 采 檢 pcr 檢驗 結果 為 陰性 後續 至 臺北市 內 湖 區 擔任 家庭 看護 工 案 16035 於 7 月 16 日 因故 更換 雇主 工作地 改為 雲 林縣 北港鎮 當日 曾先至 台南 成大 醫院 進行 自費 pcr 檢驗 為 陰性 昨天 因 至 中國 醫藥 大學 北 港 附設 醫院 陪 病 因 此 進行 采 檢 昨天晚上被 通知 pcr 檢驗 陽性 目前 在 醫院 治療 中 雲 林縣 衛生局長 曾春美 表示 確診 者 足跡 地點 皆 已 通知 相關 單位 清 消 案 16035 足跡 單純 大都 陪伴 長者 在 北港鎮 草 湖裡 的 住家 附近 散步 另於 昨天下午 3 時 30 分至 4 時騎 腳踏車 前往 北港鎮 華 勝 路 的 全家 便利商店 昨天下午 4 時至 4 時 30 分則 至 華勝路 的 全聯福利中心 均 配戴 口罩 曾春美 說 這 名 外籍 看護 確診 縣府 目前 匡列 居家 隔離 22 人 需 自我 健康 管理 11 人 及 自我 健康 監測 75 人 曾春美 指出 因應 發生 外籍 看護 確診 個案 明天 下午 2 時起 將 在 北港鎮 草 湖裡 西湖 活動 中心 設置 社區 熱點 快 篩 若 有 疑慮 及 需求者 可 前往 接受 免費 快 篩 以 杜絕 任何 可能 傳染 風險 同時 呼籲 鄉親 加強 外籍 看護 管理 避免 不 必要 移動 及 群 聚 編輯 卞金峰 1100822</t>
  </si>
  <si>
    <t>臺灣 新冠肺炎 疫情 日益嚴重 重症 與 死亡數 不斷 增加 趨勢科技 與 中國 醫藥 大學 附設 醫院 率先 合作 將 擴大 投入 經費 與 醫療 專業 以 臍帶 間 質 幹細胞 恩 慈 療法 方式 治療 covid-19 重症 患者 而 這項 創新 的 治療 計畫 已 快速 獲得 雙方 財</t>
  </si>
  <si>
    <t>臺灣 新冠肺炎 疫情 日益嚴重 重症 與 死亡數 不斷 增加 趨勢科技 與 中國 醫藥 大學 附設 醫院 率先 合作 將 擴大 投入 經費 與 醫療 專業 以 臍帶 間 質 幹細胞 恩 慈 療法 方式 治療 covid-19 重症 患者 而 這項 創新 的 治療 計畫 已 快速 獲得 雙方 財務部門 與 董事會 支持 希望 在 疫情 嚴峻 當下 讓 重症 患者 出現 一線生機 中國 醫藥 大學 附設 醫院 細胞 治療 團隊 表示 這項 治療 方式 首先 是 由 美國邁阿密大學 研究 團隊 發表 根據 研究 指出 臍帶 間 質 幹細胞 約 95 可 進入 肺部 並 具有 抗 發炎 和 再生 活性 在 對照組 的 實驗 中 接受 幹細胞 注射 的 重症 患者 存活率 可 達 91 而 所謂 的 恩 慈 療法 是 以 人 道 的 角度 使用 試驗 新藥 沒有 健 保 給付 也 不能 向 病人 收費 每 一個 案 都需 經過 衛福部 專案 審查 通過 預估 每人 每次 耗費 治療 經費 約 30 至 50萬 元 目前 中國 附 醫 團隊 擁有 的 臍帶 間 質 幹細胞 已於 2020年 8 月 獲得 美國 fda 同意 進行 第 i iia 的 臨床 試驗 在 此 非常 時期 也 經衛福 部 特別 核准 以 恩 慈 療法 的 方式 治療 了 四 位 確診 新冠肺炎 的 重症 病人 趨勢科技 得知 這項 創新 治療 後 表達 支持 並 率先 捐助 500萬 元 中國 附 醫 也 相對 提撥 500萬 元 合計 1000萬 元 由 仁愛 基金 細胞 治療 專戶 幫助 重症 患者 趨勢科技 表示 除了 資訊 安全 防護 業務 趨勢 本來 就 有 投資 並 支持 新 一代 的 智慧 醫療 在 新冠肺炎 疫情 嚴峻 之際 期待 能 及時 挹注 有效 醫療 透過 新 醫療 科技 為 疫情 盡 一 分心 同時 希望 藉 由 這次 抛磚引玉 幫助 更 多 新冠肺炎 的 重症 患者 中國 附 醫 指出 趨勢科技 為 資 安 防護 全球 品牌 經由 這次 合作 串聯 資 安 防護 的 精神 進行 醫療 防護 救治 將 可 協助 更 多 國內 極 需 幹細胞 治療 的 重症 病 患 本 計 畫 擬 提供 全國 各 大 醫學 中心 緊急 需要 臍帶 間 質 幹細胞 治療的 重症 病 患 進行 恩 慈 療法 由於 目前 國內 只 有 中國 附 醫 通過 衛福部 核准 進行 恩 慈 療法 如有 其他 醫學 中心 願意 投入 中國 附 醫 可以 提供 協助</t>
  </si>
  <si>
    <t>經濟部 傳出 有 同仁 因 確診 經濟部 17 日 上午 證實 這 消息 該 名 同仁 因 曾 前往 特定 疫情 熱區 附近 並 出現 不適 症狀 進行 采 檢 後 已 接 獲 通知 為 covid-19 確診 個案 而 經濟部 也 啟動 分區 辦公 應變 機制 已於 週一 5 17 展開 本 部分</t>
  </si>
  <si>
    <t>經濟部 傳出 有 同仁 因 確診 經濟部 17 日 上午 證實 這 消息 該 名 同仁 因 曾 前往 特定 疫情 熱區 附近 並 出現 不適 症狀 進行 采 檢 後 已 接 獲 通知 為 covid-19 確診 個案 而 經濟部 也 啟動 分區 辦公 應變 機制 已於 週一 5 17 展開 本部 分區 辦公 分 二 區 相關 作業 未來 兩 區 人員 杜絕 越區 交流 實體 公文 嚴禁 跨 區 分流 必要 的 會議 將 儘量 采 視 訊 方式 辦理 經濟部 指出 與 該 同仁 頻繁 接觸 的 5 位 同仁 也 依照 防疫 的 指引 建議 自即日起 至 5 月 27 日 採行 自主 隔離 隔離 期間 如有 不適 症狀 應 即 通報 屆時 將 有 專人 護送 就醫 據 瞭解 該 名 確診 者 平常 不 會 與 部長 王美花 以及 三 位 次長 有 密切接觸 經濟部 也 已於 16 日 完成 辦公 場所 全面 消毒 並 要求 所有 同仁 配戴 口罩 以及 落實 勤 加 洗手 的 衛生習慣 民眾 洽 公 部分 也 有 新 的 實 聯 制 動 線 指引 及 相關 規範</t>
  </si>
  <si>
    <t>firstly thanks to everyone for the positive words yesterday i got tested for the covid-19 virus by god s grace it came out negative despite my teammates and i taking necessary precautions it didn t turn out as expected to my guys @spidadmitchell @rudygobert 27 god speed pic twitter com 5 zbj 1 mfgro 昨天 12 日 曾一度 誤傳 跟 爵士 中鋒 戈貝爾 一起 成為 新冠肺炎 確診 者 的 爵士 替補 後衛 穆迪埃 在 爵士 全 隊 都 接受 新冠 檢測 之後 確定 呈現 陰性反應 也 就 代表 他 並未 罹 患 新冠肺炎 一切 只是 烏龍 一 場 他 也 隨即 發 推 感謝上帝 保佑 且 暫 逃 一 劫 首先 我 必須 感謝 大家 給 我 的 正面 話語 昨天 我 做 了 新冠肺炎 病毒檢測 多虧 上帝 保佑 結果 呈現 陰性 穆迪埃 發 推 表示 儘管 我 和 隊友 都 採取 必要 的 防範措施 但 結果 並未 如同 預期 那樣 希望 米契爾 戈貝爾 兩 人 趕緊 好 起來 吧 原本 在 戈貝爾 成為 首位 確診 新冠肺炎 的 nba 球星 且 造成 聯盟 緊急 宣佈 無限期 停賽 同時 穆迪埃 也 被 傳出 確診 如今 證實 只是 誤傳 反而 是 他 的 爵士 隊友 米契爾 成為 nba 第 2 位 確診 病例 但 其他 爵士 球員 與 工作人員 都 未 被 檢 出新冠肺炎 尤其 是 昨天 在 雷霆 主場 被 拍到 跟 米契爾 一起 站 在 場邊 聊 天 的 爵士 替補 後衛 克拉克生 也 馬上發 推 確定 自己 並未 感染 感謝 你們 給 我 的 愛 與 祈禱 我 已經 通過 測試 我 很 好 24 小時 過去 了 我 仍 很 健康 我 一直 心系 著 我 的 兩 名 隊友</t>
  </si>
  <si>
    <t>自 2019 年底 爆發 的 新冠肺炎 covid-19 疫情 在 全球 各地 持續 對 各 行業 造成 衝擊 今年初 巧妙 閃過 疫情 而 舉辦 galaxy s 20 系列 實體 發表會 的 三星 samsung 在 下半年 的 運氣 沒 這麼 好 恐怕 將 僅 以 線 上 實行 來 發表 galaxy not</t>
  </si>
  <si>
    <t>自 2019 年底 爆發 的 新冠肺炎 covid-19 疫情 在 全球 各地 持續 對 各 行業 造成 衝擊 今年初 巧妙 閃過 疫情 而 舉辦 galaxy s 20 系列 實體 發表會 的 三星 samsung 在 下半年 的 運氣 沒 這麼 好 恐怕 將 僅 以 線 上 實行 來 發表 galaxy note 20 系列 是 galaxy 手機 unpacked 發表會 舉行 以來 首 次 gam arena 引述 韓國 先驅 報 the korea herald 的 報導 指出 由於 新冠肺炎 疫情 影響 三星 不由得 順應時勢 已 決定 galaxy note 20 系列 的 發表會 將 僅 以 線 上 方式 舉行 對照 近期 科技產業 的 發表會 來說 並 不足為奇 但 卻是 三星 首次 僅 以 線 上 形式 舉辦 旗艦 級 手機 發表會 仍舊 是 相對 罕見 的 情況 要 留意 的 是 目前 三星 尚未 正式 公佈 下半年 unpacked 發表會 的 日期 與 形式 仍 須以 三星 最終 公佈 的 資訊 為主 與 上半年 galaxy unpacked 發表會 類似 的 是 三星 galaxy note 20 系列 預計 將 與 至少 一 款 可 折疊 螢 幕 手機 很 有 可能 是 galaxy fold 2 同台 發表 前者 預計 推出 galaxy note 20 與 galaxy note 20 兩 款 高階 款式 可望 支援 120 hz 螢 幕 更新 率 並 搭載 108 mp 1億8百萬 畫 素 相機 但 移除 galaxy s 20 ultra 當中 具備 的 100 倍 變 焦 功能 galaxy fold 2 則 預計 螢 幕 設計 將 有所 改變 螢 幕 對 機身 占比 會 比 第一 代更 出色 也 有 機會 更 便宜 做為 參考 第一 代 售價 為 1980 美元 由於 臺灣 有 引進 galaxy fold 以及 galaxy z flip 這 兩 款 可 折疊 螢 幕 手機 且 都 獲得 不少 市場 迴響 今年 下半年 也 相當 有 機會 能 買到 galaxy fold 2</t>
  </si>
  <si>
    <t>台中 市 17 日 新增 1 例 本土 確診 案 15492 為 北 區 62 歲 男性 醫師 6 月 23 日 因 個人 健康 因素 赴 北部 某 醫院 住院治療 然而 同 樓層 病房 6 月 29 日 開始 出現 covid-19 確診 病例 當日 即 辦理 出院 返回 台中 沒 被 通知 隔離 15 日 出現 症狀 確診</t>
  </si>
  <si>
    <t>移民署 南區 事務 大隊 嘉義 市 服務站 及 專勤 隊 舉辦 110 年度 新 住 民 關懷 網路 會議 邀請 約 24 個 嘉義 市 公 私 部門 及 移民 團體 等 網路 夥伴 共同 參與 結合 中央 與 地方 單位 進行 政策 交流 及 案例 分享 其中 包含 非洲 豬瘟 防疫 新式 外來人口 統一 證號 新冠肺炎 及 新 住 民 全球 新聞 網站 等 宣導 透過 公私 協力 合作 提升 服務 品質 與 營造 友善 環境 擴大 對 新 住 民 的 關懷 與 服務 本次 會議 首先 由 移民署 宣 導 非洲 豬瘟 防疫 的 重要性 還有 新式 外來人口 統一 證號 等 與 外來 人士 切身 相關 資訊 隨後 由 嘉義 市政府 衛生局 分享 如何 防範 新冠肺炎 covid-19 及 其他 傳染病 再來 最 重要 的 是 介紹 與 新 住 民 相關 的 新 住 民 全球 新聞 網站 該 網站 每天 上傳 多 則 新聞 讓 新 住 民用 自己 母國 語言 閱讀 國內外 重要 新聞 每週 還 有 多 語 影音 報導 新聞 強化 新 住 民 知 的 權利 會 中 也 藉 由各 與會者 互相 交流 分享 服務 經驗 及 面臨 的 問題 透過 熱烈 討論 的 過程 期盼 深化 轄區 內 公 部門 及 ngo 團體之間 的 橫向 連 系 全面 瞭 解 新 住 民 各項 問題 及 需求 適時 提供 協助 嘉義 市 服務站 主任 黃豔薰 表示 為了 守護 臺灣 豬 移民署 特別 製作 中 英 越 印 泰 緬 及 柬埔寨 等 7 國 語言版 文 宣及 影片 並 透過 服務站 通譯 人員 以 母國 語言 宣導 請 新 住 民 及 移 工 朋友 們 千萬 不要 網 購 或 請 家鄉 親友 從 母國 寄 肉製品 到 臺灣 違規 輸入 肉品 最高 可 處 七 年 有期徒刑 得 並 科 新 台幣 300萬 元 罰金 相關 文宣 放置 於 新 住 民 培 力 發展 資訊 網 歡迎 大家 下載 轉發 齊心 防範 非洲 豬瘟</t>
  </si>
  <si>
    <t>台南 市 衛生局 本 週末 在 台南 火車站 等 4 處 據點 開設 隨 到 隨 打 站 提供 莫德納 疫苗 免 預約 即可 接種 2 天 共 2144 人 施打 第 123 劑 都 有 由於 民眾 反應 不錯 衛生局 決定 明天 與 後天 67 日 下午 1 點 到 5 點 在 台南 火車站 與 台南 文化 中心 持續 開放 民眾 接種 莫德納 台南 市 衛生局 連續 2 天 在 台南 火車站 台南 文化 中心 新營 火車站 家樂福 安 平店 等 4 個 據點 推出 莫德納 隨 到 隨 打 服務 昨天 有 1185 人 接種 今天 也 有 959 人 接種 針對 這 波 隨 到 隨 打 服務 衛生局 也 於 3 日 晚間 主動 針對 az 第 2 劑 及 莫德納 第 2 劑 還 沒 打 的 民眾 共 發 出 2 萬通 簡訊 提醒 不少 民眾 都 是 收到 簡訊 而來 相較 別縣 市 祭出 現金 米 蘋果 等 台南 市 則 贈送 保鮮 盒 牙刷 組 等 禮品 衛生局 表示 莫德納 疫苗 接種 站 可 接種 對象 為 年滿 18 歲 以上 民眾 且 符合 下列 條件 有意 接種莫德納 疫苗 第 1 劑 已 接種 莫德納 疫苗 第 1 劑 後 28 天 須 接種 第 2 劑 或 已 第 1 劑 az 疫苗 滿 8 周 第 2 劑 有意 接種 莫德納 疫苗 另外 已 完成 接種 2 劑 covid-19 疫苗 後 滿 5 個 月 者 不管 是 打 哪 一 種 疫苗 第 3 劑 都 可 接種 莫德納 疫苗</t>
  </si>
  <si>
    <t>接種 疫苗 死因 解剖 covid-19</t>
  </si>
  <si>
    <t>新冠肺炎 covid-19 全球 疫情 急遽 竄升 臺灣 至 今 22 已 累積 26 名 確診 案例 眼看 仍 不 見 緩減 情勢 腎臟科 醫師 江守山 斷言 社區 感染 肯定 會 到來 全民 應 儘早 做好 準備 屆時 要 防止 自己 中 鏢 最好 的 方式 並非 戴 口罩</t>
  </si>
  <si>
    <t>新冠肺炎 covid-19 全球 疫情 急遽 竄升 臺灣 至 今 22 已 累積 26 名 確診 案例 眼看 仍 不 見 緩減 情勢 腎臟科 醫師 江守山 斷言 社區 感染 肯定 會 到來 全民 應 儘早 做好 準備 屆時 要 防止 自己 中 鏢 最好 的 方式 並非 戴 口罩 勤洗手 江守山 認為 免疫力 才 是 硬 道理 知名 主持人 謝震 武在 節目 新聞 面對面 中 邀請 到 腎臟科 醫師 江守 山一 起 討論 新冠肺炎 疫情 未來 發展 沒 想到 江守山 一鳴驚人 地 預言 社區 感染 終將 到來 表示 隱匿 感染 的 人 越來越 多 走 到 這 一 步 只是 必然 但 面對 社區 感染 也 不 需 太 過 恐懼 江守山 指出 新冠肺炎 的 致死 率 僅 2 代表 著 98 的 確診 者 會 痊癒 他 舉 日前 香港 人 吃 火鍋 發生 群 聚 感染 的 案例 19 個 人 當中 有 11 個 遭 感染 這 意味著 有 8 人 仍然 是 健康 的 這 並 不是 幸運 而是 自身 免疫力 擋住 了 病毒 入侵 所以 江守山 強調 並非 有無 戴 口罩 勤洗手 always 免疫力 才 是 硬 道理 怎樣 提升 自我 免疫力 江守山 舉出 5 個 方法 供 民眾 參考 睡 得 好 睡眠 要 充足 維持 每天 睡 足 7 小時 吃 得 好 吃 的 食物 需 做 調整 不要 亂 吃 山珍海味 多 吃 優質 蛋白 少 吃 精緻 糖 吃 了 會 讓 白血球 進入 睡眠 5 小時 多 曬太陽 補充 維生素 d 研究 指出 冬季 多 曬太陽 可讓 呼吸道 疾病 感染 率 降低 3 分之 2 多 漱口 漱 喉嚨 日本 研究 指出 病毒 進入 體內 要 時間 喉嚨 隨時 保持 整潔 可 降低 染病 風險 多喝水 或是 鹽水 優典 加 水 漱 口水 或 茶 含有 茶 多 酚 都 可以 洗 熱水澡 許多 研究 皆 指出 提升 體溫 有助於 遏止 病毒 入侵 高溫 不利於 病毒感染 江守山 強調 一 周 4 次 熱 浴 可讓 感染 風險 降 6 成 且 一 次 41 持續 5 分鐘 就 達到 足夠 曝露 量 江 守 山 提醒 泡 溫泉 在家 泡 澡 沖澡 都 可以 只 是 要 記得 避免 大眾 浴池 建議 改 泡 個人 湯屋</t>
  </si>
  <si>
    <t>臺灣 高鐵 2633 8 日 董事會 決議 將 原定 每股 配發 122 元 現金 股利 下調 至 121 元 總 配發 金額 由 68665億 元 降 至 68107億 元 換算 現金 股利 約 減少 5572萬 元 以 因應 疫情 衝擊 臺灣 高鐵 表示 變更 配發 現金 股利 原因 為 考量 新冠肺炎 covid-19 疫情 蔓延 世界 對 全球 經濟 產生 深遠 且 難以預料 負面影響 交通運輸 及 觀光旅遊 產業 首當其衝 公司 深處 疫情 影響 暴風圈 近期 營業 收入 遠 低於 預期 為 減緩 疫情 對 財務 所 造成 不利 影響 因而 積極 進行 開源節流 措施 下 修 股利 分派 金額 臺灣 高鐵 近年 運量 穩健 提升 本業 獲利 逐年 成長 108 年度 現金 股利 首度 突破 1 元 今年 董事會 原定 將 配發 122 元 現金 股利 但 遭逢 新冠肺炎 疫情 亂 流 導致 營運 動能 大 減 經 董事會 討論 後 決議 下調 現金 股利 金額 至 121 元 仍 維持 歷年 新高 紀錄 臺灣 高鐵 強調 此次 調整 現金 股利 仍是 按 公司章程 規定 進行 提撥 不 少於 60 可 供 分配 盈 餘 分配 股東 紅利 以 8 日 收盤價 30 元 計算 臺灣 高鐵 調整 股利 後 現金 殖 利率 約 403</t>
  </si>
  <si>
    <t>季節性 流感 秋天 報到 台南 市立 安南 醫院 提醒 流行性 感冒 症狀 與 新冠肺炎 雷同 今年 公費 流感疫苗 分成 10 月 1 日 與 11 月 15 日 兩 階段 開 打 符合 資格 民眾 只 要 與 新冠 疫苗 相隔 7 天 即可 接種 台南 市立 安南 醫院 家 醫科 陳 泓 毓 表示 流行性 感冒 與 新冠肺炎 症狀 一樣 常見 症狀 為 咳嗽 流 鼻 水 還有 發高燒 嗜睡 與 全身 肌肉 酸痛 等 臨床 症狀 兩者 容易 引起 混淆 且 有 一定 比例 的 民眾 還 會 引起 併發症 住院 民眾 仍 需 提高 警覺 陳 泓 毓 表示 預防 流感 同樣 是 戴 口罩 勤洗手 最 有效 的 方法 就是 施打 流感疫苗 今年 政府 提供 的 公費 疫苗 仍 為 四 價 流感疫苗 含 2 種 a 型 及 2 種 b 型 疫苗 株 與 先進 國家 使用 相同 安南 醫院 表示 今年 流感疫苗 延續 去年 策略 包含 細胞培養 疫苗 較 雞蛋 培養 疫苗 有 較 少 病毒 抗原 變異 增加 安全性 分 兩 階段 施打 第 1 階段 1 日 開始 施打 第 2 階段 11 月 15 日 開始 第 1 階段 開 打 物件 包括 醫 事 衛生防疫 相關 人員 65 歲 以上 長者 安養 養護 長 照 機構 的 受 照顧 者 及 所屬 工作人員 滿 6 個 月 以上 至 國小 入學 前 幼兒 另外 孕婦 具有 潛 在 疾病 的 高風險 慢性 病人 bmi 30 者 以上 與 罕見 疾病 及 重大 傷病 患者 國小 至 高中 職 與 五專 1 至 3 年級 學生 6 個 月 內 嬰兒 的 父母 幼稚園 托 育 人員 及 托 育 機構 專業 人員 禽畜 業 及 動物 防疫 相關 人員 第 2 階段 開 打 物件 包含 50 至 64 歲 無 高風險 慢性病 成 人 陳 泓 毓 醫師 表示 若無 對 疫苗 過敏 或 不良反應 者 建議 主動 接受 施打 以 增加 免疫力 需注意 與 covid-19 疫苗 接種 時間 間隔 7 天 以上 預約 或 接種 前 主動 告知 疫苗 接種 史 欲 自費 施 打者 可 經 醫師 評估 可 後 施打</t>
  </si>
  <si>
    <t>新冠肺炎 covid-19 疫情 在 歐洲 升溫 英國 uk 先前 採取 的 佛 系 防疫 方法 引發 各界 議論 為了 進一步 防疫 不少 國家 與 公司 都 開始 推動 遠 距 上班 work from home wfh 政策 而 英國 也 不 例外 然而 忽然 而 至 的 遠 距 上班 潮</t>
  </si>
  <si>
    <t>新冠肺炎 covid-19 疫情 在 歐洲 升溫 英國 uk 先前 採取 的 佛 系 防疫 方法 引發 各界 議論 為了 進一步 防疫 不少 國家 與 公司 都 開始 推動 遠 距 上班 work from home wfh 政策 而 英國 也 不 例外 然而 忽然 而 至 的 遠 距 上班 潮 卻 讓 沒有 準備 好 的 英國 電信 商 網路 打回 原形 出現 故障 情況 多 家 英國 媒體 報導 這 讓 配合 政策 在家 上班 的 英國 上班族 可說是 叫苦連天 因為 新冠肺炎 疫情 在 英國 也 持續 蔓延 英國首相 伯里斯 強生 boris johnson 在 16 日 鼓勵 英國 民眾 在家 上班 減少 外出 機會 多 家 英國 媒體 報導 17 日 英國 四大 電信 o 2 ee vodafone 以及 3 three 還有 virgin giffgaff tesco mobile 等 廠商 的 網路 服務 都 出現 故障 故障 發生 時間 落 在 17 日 早上 9 點 也 就 是 不少 遠 距 上班族 上班時間 的 起點 可以 顯見 要 推動 遠 距 上班並 不是 政府 機關 一 句 話 就 能 辦到 相關 產業 也 都 必須 做好 準備 britain&amp;apos s long-standing complacency over its broadband mobile network resilience has become very apparent with networks all over the country going down today as usage increases labour&amp;apos s statements about need for proper broadband in december look righthttps t co l 5 zds 4 i 5 b 5 pic twitter com 4 r 3 w 3 ihq 7 y microsoft s communications tool @microsoftteams went down across europe yesterday morning the outage started just as thousands of workers started to sign into the service and attempt to work remotely amid the ongoing coronavirus pandemic https t co wjeenxjihc pic twitter com r 053 mvanel it&amp;apos s heartening to hear from so many people using gaming as a way to stay connected during these times play is a fundamental human need proud to be part of an industry that can offer escape and fun right now stay safe https t co 1 tojzylhed nintendo s online network services down for switch playersnintendo s online services are temporarily down for switch players worldwide which has impacted their ability to browse the eshop and play online multiplayer games the company s japanese twit https t co wdcsrjzmoa 而 就 在 英國 電信 商 網路 故障 的 同時 微軟 旗 下 協作 服務 teams 也 出現 故障 情況 可說 讓 需要 遠 距 工作 的 上班族 遭遇 雪上加霜 而 同樣 因為 新冠肺炎 疫情 影響 而 催生 的 遊戲 風潮 近日 也 導致 xbox live 以及 任天堂 nintendo 線 上 遊戲 服務 都 出現 當 機 情況 前者 是 在 近日 兩 度 出現 當 機 情況 而 任天堂 線 上 網路 受到 影響 則 是 影響 到 了 部分 switch 3 ds wii u 的 玩 家</t>
  </si>
  <si>
    <t>新冠肺炎 疫情 在 全球 燃燒 各界 關注 哪 時 可以 研發 出 國產 疫苗 或 取得 外國 疫苗 衛福 部長 陳時中 透露 我國 已於 9 月 18 日 與 國際 平臺 covid-19 疫苗 全球 取得 機制 covax 對此 宅 神 朱學 恒 分析 目前 疫苗 訂價 和 數量 已成</t>
  </si>
  <si>
    <t>delta 變種 病毒 的 亞 變異 株 ay 42 近期 已 占 英國 當地 新冠肺炎 covid-19 確診 病例 近 10 引發 了 關注 科學家 究竟 如何 看待 比 delta 傳播 力更強 的 ay 42 呢 cnbc 報導 有 一些 人 因為 ay 4 2 因為 傳播 力比 delta 變異 株 高</t>
  </si>
  <si>
    <t>1999 年 開辦 的 東吳 超級 馬拉松 今年 因為 全球 受 新冠 肺 covid-19 疫情 影響 主委 會 今日 宣佈 停辦 東吳 超 馬是 臺灣 最先 舉辦 的 超級 馬拉松 尤其 是 這個 賽事 是 在 東吳大學 內 的 田徑 場 連續 跑 24 個 小時 每年 吸引 了 不少 世界 頂尖</t>
  </si>
  <si>
    <t>1999 年 開辦 的 東吳 超級 馬拉松 今年 因為 全球 受 新冠 肺 covid-19 疫情 影響 主委 會 今日 宣佈 停辦 東吳 超 馬是 臺灣 最先 舉辦 的 超級 馬拉松 尤其 是 這個 賽事 是 在 東吳大學 內 的 田徑 場 連續 跑 24 個 小時 每年 吸引 了 不少 世界 頂尖 超 馬 好手 來 台 參賽 2012 年 12 月 9 日 日本 名將 關 家良 一 以 261365 公里 成績 完成 七 連 霸 東吳 超 馬 過去 20 年 曾 停辦 兩 次 分別 為 2000 年 以及 2006 年 籌備會 今天 表示 今年 多 項 國際 知名 大型 馬拉松 賽事 均 宣告 停辦 近日 境外 疫情 仍 持續 延 燒 原訂 於 12 月 4 日 至 5 日 舉辦 的 2020 東吳 國際 超級 馬拉松 活動 經過 籌備 委員會 審慎 評估 活動 進行 風險 與 賽事 成效 在 防疫 優先 健康 第一 的 前提 下 決定 停辦</t>
  </si>
  <si>
    <t>嘉 義縣 10 日 起 開放 65 至 70 歲 民眾 接種 新冠肺炎 疫苗 共 29 場 擴大 接種 站 應戰 縣府 指出 相較 1 至 5 波 逐 齡 調整 接種 第 6 波 人口 3萬8611 人 大幅 提升 因此 自 10 日 起 除 大埔 阿里山鄉 外 16 鄉鎮 市 有 29 場 疫苗 擴大 接種 站 提醒 民眾 依 通知 接種 並 鼓勵 下 一 波 第 9 及 10 類 對象 盡 速 上 covid-19 疫苗 預約 系統 意願 登記 縣長 翁章梁 說 自 6 月 15 日 疫苗 開 打 以來 10 日 將 進入 第 6 波 接種 服務 物件 是 65 至 70 歲 鄉親 原住 民為 50 至 60 歲 全縣 開設 29 場次 的 疫苗 擴大 接種 站 依 年齡 分流 通知 也 提醒 鄉親 記 得 多喝水 充分 休息 下 一 波 接種 族群 中央 已 開放 預約 制度 提醒 鄉親 上 疫苗 施打 意願 登記 系統 登記 衛生局長 趙紋 華表 示 全國 covid-19 疫苗 預約 系統 已於 8 日 正式 啟用 供 全國 第 9 類 及第 10 類 對象 意願登記 至 12 日 下午 5 時止 嘉 義縣 也 同步 規 畫 18 鄉鎮 接種 點 因應 上班族 需求 除 假日 場外 也 增設 夜間 接種 站 16 日 開始 接種</t>
  </si>
  <si>
    <t>台微 體 4152 14 日 宣佈 其 治療 新冠肺炎 covid-19 新 方案 -tlc 19 羥 氯喹 寧 微 脂 體 吸 入 懸浮劑 第一 期 臨床 試驗 納入 第一 位 受試者 tlc 19 為 台微 體 獨家 微 脂 體 技術 配方 之 微量 羥 氯喹 寧 hydroxychloroquine hcq 吸入式 藥</t>
  </si>
  <si>
    <t>台微 體 4152 14 日 宣佈 其 治療 新冠肺炎 covid-19 新 方案 -tlc 19 羥 氯喹 寧 微 脂 體 吸 入 懸浮劑 第一 期 臨床 試驗 納入 第一 位 受試者 tlc 19 為 台微 體 獨家 微 脂 體 技術 配方 之 微量 羥 氯喹 寧 hydroxychloroquine hcq 吸入式 藥物 kavanagh oisin 等 人 所 發表 的 科學 報告 指出 吸入式 hcq 可能 會 改善 治療 新冠肺炎 的 效果 並 減少 傷害 而 微 脂 體 劑型 則 於 多年 前 就 證明 具有 將 藥物 直接 有效 遞送 至 疾病 部位 並且 持續 釋放 延長 藥物 滯留 時間 的 優勢 非 臨床 科學 報告 顯示 與 口服 hcq 和 非 微 脂 體 hcq 相較 tlc 19 能夠 增加 肺 暴露 量 達 30 倍 以上 並 有 較 低 的 血液 與 心臟 暴露 量 因此 停留 在 呼吸道 和 肺部 的 tlc 19 有 機會 成為 阻止 sars-cov- 2 感染 的 第一 道 防線 即使 感染 也 可以 透過 抑制 病毒 複製 減輕症狀 並 防止 其 隨後 對 大腦神經 入侵 此 臨床 一期 隨機 安慰 劑 對照 之 盲 性 試驗 將 評估 單一 劑量 遞增 的 吸入式 tlc 19 於 30 位 健康 受試者 中的 安全性 耐受 性 和 藥 動 學 4 毫克 8 毫克 及 12 毫克 三 種 劑量 將 以 連續 佇列 評估 每個 佇列 群 組 中 將 以 8 2 的 比例 納入 約 10 名 可 評估 受試者 並 將 其 隨機 分組 其中 8 名 受試者 接受 tlc 19 2 名 受試者 接受 tlc 19 載體 安慰 劑 相同 的 微 脂 體 劑型 但 未 包裹 活性 藥物 hcq 研究 藥物 採用 臺灣 微 邦 科技 興 櫃 3184 市 售 的 可擕式 振動 篩網 霧化器 進行 吸入式 給 藥 所有 受試者 將 接受 為期 4 周 的 追蹤 訪視 台 微 體 總經理 葉志鴻 表示 近日 美國 藥廠 禮 來 的 單株 抗體 嬌 生 的 疫苗 都 暫停 臨床 試驗 兩 個 進入 最後 階段 的 covid-19 臨床 試驗 相繼 停 擺 突顯 出臺 微 體 提供 防禦 此 致命 病毒 的 使命 之 重要性 隨 著 在 臺灣 和澳洲 的 臨床 進展 台微 體 在 gmp 製造 方面 也 進展 的 相當 順利 為 tlc 19 的 大規模 商業 生產 在 臺灣 和 美國 做 準備 國際 氣霧劑 醫學 學會 international society for aerosols in medicine isam 於 學術 文刊 中 發表 聲明 懇求 法規 單位 在 新冠肺炎 非常 狀況 時 利用 現有 的 安全性 資料 來 加快 已 過 專利 期 老 藥 新 用於 吸 入 途徑 的 藥物 之 開發 就 需要 達到 肺部 高 藥物 濃度 的 情況 而言 吸入式 劑型 每日 所 需 劑量 通常 比 其他 投 與 途徑 低 許多 tlc 19 正是 抗 瘧疾 老 藥 hcq 用於 新 吸 入 途徑 之 藥物 因此 可 利用 此 一期 藥 動 資料 透過 生理學 基礎 的 藥 動 模型 運算 快速 轉化 為 後續 應用 於新冠肺炎 患者 的 臨床 試驗 劑量 台微 體 計畫 在 遭受 新冠肺炎 影響 最 大 的 地區 進行 該 試驗</t>
  </si>
  <si>
    <t>新冠肺炎 covid-19 疫情 日益 嚴峻 抗 疫 已 成為 國際 社會 主流 但 疫情 之下 的 政治 鬥爭 並未 停止 其他 國家 之間 爆發 的 大都 是 互相 截留 物資 的 事務性 糾紛 而 中 美 之間 上演 的 爭鬥 話題 則 豐富 到 了 令人 眼花撩亂 的 地步 蔡英文</t>
  </si>
  <si>
    <t>新冠肺炎 covid-19 疫情 日益 嚴峻 抗 疫 已 成為 國際 社會 主流 但 疫情 之下 的 政治 鬥爭 並未 停止 其他 國家 之間 爆發 的 大都 是 互相 截留 物資 的 事務性 糾紛 而 中 美 之間 上演 的 爭鬥 話題 則 豐富 到 了 令人 眼花撩亂 的 地步 蔡英文 政府 在 這 場 爭鬥 中 立場 明確 然 這 場 爭鬥 的 本質 及其 將 會 給 臺灣 帶來 的 命運 蔡英文 本人 或許 也 未 認清 中 美 開戰 陰雲濃 從 病毒 來源 中國 大陸 大陸 資料 造假 到 中國 大陸 援助 他國 動機 不純 從 中國 大陸 拒絕 美國 專家 中國 大陸 與 世界衛生組織 who 勾結 到 大陸 歧視 虐待 在 陸 非洲 人 國際輿論 少不了 和 中國 大陸 相關 的 爭議 事件 且 幾乎 都 由 美國 挑起 大陸 方面 其 因 對 也 是 空前 的 在 美 歐 成為 全球 疫情 新 的 震央 自顧不暇 時 中國 大陸 迅速 轉變 姿態 準備 擔當 公共 衛生領域 的 全球 領導者 角色 截至 4 月 10 日 中國 大陸 已經 或 正在 向 127個 國家 和 4 個 國際 組織 提供 物資 援助 累計 向 包括 義 大利 在內 的 11 國 派出 13 批 醫療 專家組 和 150 多 個 國家 以及 國際 組織 舉行 了 70 多 場 專家 視頻 會 分享 經驗 這 使得 美國 持續 大力 抨擊 中國 大陸 藉 疫情 伸 政治 黑手 更 加深 與 中方 的 對立 情結 資料 更新 事實上 中 美 對立 之 勢 並不 始於 疫情 過去 一兩 年 的 貿易戰 雙方 互有 攻守 退讓 並於 1 月份 簽署 妥協 協定 但 在 公共 衛生領域 中 美 一 開始 就 打 了 一 場 遭遇戰 局勢 膠 著 美國 為什麼 頻頻 發聲 不難猜測 要 論證 中國 大陸 不行 除了 否定 中方 的 抗 疫 成果 連 稱讚 中方 成果 的 人和 組織 也 要 一併 否定 因為 這 是 自從 中國崛起 後 歐美 就 有 的 疑問 當 專制 被 證明 有用 那麼 民主 要 如何 捍衛 自己 若 中國 大陸 防疫 和 反觀 美國 防疫 失敗 這種 論調 蔓延 會 成為 支持 中國 制度 的 另 一 佐證 當然 中共 對 此 的 看法 是 疫情 防控關鍵 還 在於 各國 是否 成功 最終 還 要 每個 國家 的 政府 自己 買 單 誰 能夠 迅速 走 出 疫情 迅速 在 危局 中站 起來 就 贏得 了 主動 中國 大陸 一方面 認為 真正 犯 錯誤 的 國家 等 疫情 結束 之後 自然 會 見分曉 潮水 退 了 就 知道 誰 沒穿 褲子 另一方面 也 自信 自己 已經 先 一 步 控制 住 疫情 掌握 了 先機 而 去除 國際輿論 對於 中國 大陸 瞞報 的 質疑 未 消 之外 當前 局面 就 算 不 利於 中國 大陸 但 亦 不利 於 美國 美國 深陷 疫情 其 大國 雄心 只 能 體現 在 口頭 美國 此次 給 了 世界 什麼 幫助 這種 質疑 在 西方 媒體 上 一直 存在 令人擔憂 的 並非 中 美 針對 疫情 的 鬥爭 而是 從 貿易戰 科技 戰 到 公共 衛生領域 爭奪戰 雙方 矛盾 正在 以 前所未有 的 速度 大 爆發 鬥爭 已 全面 公開化 這 是 中 美 結構性 矛盾 日益 尖銳 的 必然結果 臺灣 蔡 政府 在 選 邊 美國 的 同時 並非 不 瞭 解 這個 局面 所以 蔡 政府 此刻 最 憂慮 的 是 這 是否 也 意味著 中 美 矛盾 很快 會 延燒到 軍事 領域 若 中 美 矛盾 蔓延到 軍事 領域 台海 就 會 成為 首當其衝 的 引爆 點 明顯 可見 的 是 中 美 都 在 加速 戰備 建成 世界 一流 軍隊 已是 解放軍 公開 的 目標 而 川普 donald trump 上臺 後 實施 美國 歷史 上 最 大 規模 的 一 次 強軍 2018 年 軍費 總額 提升 至 近 7000億 美元 2019 財年 國防 預算 總額 進一步 上漲 至 7160億 美元 中 美 軍艦 戰機 在 台海 南海 東海 同時 同地 現身 的 頻率 不斷 上升 中 美 之間 的 平靜 已非 一 紙 貿易 協定 可以 維持 因為 中國 大陸 的 國際 影響力 仍 會 增強 而 美國 也 會 盡全力 維持 住 老大 地位 世界 各國 恐怕 都已 有 了 心理準備 未來 數 十 年 將要 面對 左右 拉鋸 的 局面 戰鬥 心切 華盛頓 對於 如何 因應 後起 者 的 挑戰 美國 並 不 陌生 並 有 著 成功 的 經驗 美 蘇 爭霸 時 軍事 競賽 政治 對抗 經濟封鎖 輪番上陣 最終 冷戰 以 蘇聯 解體 美國 勝利 宣 告 結束 20 世紀 80 年代 日本 經濟 發展 迅速 美國 以 簽署 廣場 協議 plaza accord 徹底 搞垮 日本 的 追趕 再往 前 看 兩 次 世界大戰 就 是 新 崛起 的 大國 挑戰 現有 大國 的 典型 案例 為了 爭奪 海上 霸權 17 世紀 至 18 世紀 英荷 之間 斷斷續續 打 了 四 場 仗 美國 所 代表 的 的 西方 社會 處理 矛盾 衝突 的 典型 手法 便是 戰鬥 在 如何 處理 同 中國 的 矛盾 上 美國 逐漸 形成 的 答案 是 全面 圍堵 打 壓 中國 大陸 貿易戰 是 一 環 以 封殺 華為 中興 為 代表 的 科技 戰是 一 環 以 新疆 西藏 香港 問題 煽動 意識形態 戰 是 一 環 以 斷絕 雙方 關係 為 威脅 的 脫? 方案 是 一 環 否定 中國 抗 疫 成果 又 是 一 環 他們 認定 中國 大陸 國強 必 霸 先 出 重 拳 則 是 美國 的 應急 反應 這 很 大程度 上 是 歷史 文化 的 慣性 使 然 一言以蔽之 美國 給出 的 處理 中 美 結構性 矛盾 的 方案 還 是 西方 傳統 幾 百年 來 的 老一套 其 結果 必然 是 無 休止 的 矛盾 與 衝突 過去 中國 大陸 飛速發展 西方 及 臺灣 等 東亞 民主 地區 都 認為 待 中國 大陸 經濟 起飛 老百姓 會 要求 民主 中國 大陸 會 往 西方化 結果 並 不 如此 中國 大陸 不 西化 更 未 因 此 崩潰 這 加重 了 歐美 及 臺灣 社會 的 焦慮 選舉 政治 則 逼 著 政客 們 言必稱 對華 強硬 美國 仍 太 難 接受 需 與 中國 大陸 平等 交談 之 現實 川普 利用 對 華強 硬 的 標籤 助 選 民主黨人 僅剩 的 對華 理性 在 選舉 利益 面前 不堪一擊 美國 兩 黨在 對華 強硬 上 漸 趨 一致 現階段 美國 國內 的 政治 機制 已經 失去 了 理性 決策 的 空間 在 美國 軍方 的 案頭 對於 如何 與 中國 大陸 開戰 恐怕 早 有 過 無 數次 沙盤 推 演出 的 現成 方案 但 另 一面 美國 近年 來 從 伊拉克 阿富汗 敘利亞 撤軍 正在 進行 全球戰略 收縮 早已 不再 是 那個 隨心所欲 指 哪 打 哪 的 帝國 這些 都 是 要 對華 鋌而走險 必須 先 考慮 的 現實 原因 力求 避 戰 的 北京 至於 北京政府 這 一頭 早期 也 曾想 逃避 兩 強相爭 的 修昔底 德 陷阱 thucydides trap 但 如今 也 明白 中國崛起 是 國際 皆 知 的 中 美 之 爭 更是 就 算 不 想 戰 也 躲 不過 中 美 必然 的 衝突 2012 年 2 月 習近平 以 大陸 國家 副 主席 身份 訪 美 期間 提出 要 構建 前無古人 但 後 啟 來者 的 新型 大國 關係 歐 巴馬 barack obama 執政 期間 他 也 多次 表示 中國 的 崛起 有利於 美國 正 如 美國 的 繁榮 有利於 中國 彼時 美國 雖然 提出 亞太 再 平衡 政策 來 圍堵 中國 大陸 但 中 美 矛盾 處於 整體 可 控 的 範圍 川普 上臺 以來 所 發動 的 貿易戰 提前 將 中 美 矛盾 推向 了 前臺 歐 巴馬 所 代表 的 民主黨 建制 派 能夠 聽 懂 新型 大國 關係 但 川普 代表 的 共和黨人 對於 新型 大國 關係 不感興趣 如何 找 到 一 條 從根本上 管 控 中 美 矛盾 的 新路 是 北京 面臨 的 難題 戰略 上 北京 已經 設法 重申 和平 崛起 的 戰略 意圖 中共 黨代會 報告 政府 報告 習近平 在 聯合國 的 演講 任何 宣示 外交 的 機會 中 中國 大陸 都稱 奉行 和平 外交政策 和平 崛起 不 稱霸 此外 北京 還 反 覆 重申 沒有 挑戰 美國 的 意圖 2019 年 9 月 大陸 官方 發 佈 的 新 時代 的 中國 與 世界 白皮書 說 中國 大陸 無意 挑戰 美國 也 不 想 取代 美國 習近平 也 多次 在 公開場合 提到 現行 國際 秩序 並不 完美 但 不必 推倒重來 也 不 需 另起爐灶 而是 應在 悉心 維護 的 基礎 上 改革 完善 北京 為 國際 秩序 和 中美關係 勾畫 的 藍圖 是 構建 人類 命運 共同體 2017 年 10 月 構建 人類 命運 共同體寫入 中共 黨章 2018 年 3 月 11 日 寫入 大陸 憲法 序言 構建 人類 命運 共同體 一 詞 其實 正是 中國 文化 中的 天下 觀 這 一 詞 有 歷史 及 文化 傳承 在 其中 與 西方 長久以來 的 價值體系 完全 不同 因此 儘管 中共 多次 強調 中國 要 做 什麼 西方 仍 無 法 理解 北京 曾 認為 在 美國 磨刀霍霍 之際 構建 人類 命運 共同體 是 中 美 兩 強國 避免 開戰 的 關鍵 畢竟 孤掌難鳴 美國 遇到 的 是 不 願意 針鋒相對 的 北京 它 與 以往 新興 大國 試圖 充當 挑戰者 迥然不同 北京 認為 自身 的 和平 崛起 是 穩定 中美關係 的 定海神針 但 越來越 明顯 的 結構性 矛盾 也 讓 北京 意識 到 和平 崛起 不能 靠 避 戰來 確保 如果 戰事 無法 避免 那就迎 刃 而 上 確保 打 贏 中國 大陸 正在 進行 中共 建軍 以來 最 大 的 一 次 改革 包括 軍事 政策 制度 指揮 體制 規模 結構 和 力量 編成 等 各 方面 這項 雄心勃勃 的 改革 目標 直指 確保 發展 進程 不因 外力 而 中斷經濟 與 社會 發展 的 成果 不 被 外力 竊取 破壞 合則兩利 有 契機 綜合 以上 所 述 對 北京 來說 確保 中 美 不 衝突 的 目標 非常 明確 中共 正在 進行 的 策略 主要 有 四 個 層面 首先 集中力量 發展 自己 力圖 保證 經濟社會 穩定 發展 中共 嘗試 向 世界 展示 一個 發展 的 中國 一個 持續 前進 的 中國 大陸 不僅 沒有 必要 挑戰 現 有 國際 秩序 還 會 從 側面 敦促 美國 反思 打 壓 中國 大陸 的 思路 是否 必要 是否 可行 是否 要 持續 只要 中國 大陸 不 倒 中 美 就 有 避免 衝突 的 可能 一旦 中國 大陸 垮 了 接下來 的 就 只 有 被 美國 教訓 了 其次 中國 大陸 正 積極 改善 與 歐洲 日本 印度 等 各 大國 的 關係 致力 於將 中 美 矛盾 從 中西 矛盾 中 剝離 分化瓦解 美國 的 對華 戰線 第 三 攻心為上 動搖 美國 現任 領導人 的 開戰 決心 習近平 前往 美國 與 川普 進行 莊園 會晤 川普 訪華 期間 習近平 夫婦 陪同 其 參觀 故宮 中 美 達成 第一 階段 協定 後 北京 開啟 對 美 買買 買 模式 這些 都 是 忍讓 策略 北京 需要 持續 以 能 忍 則 忍 該 緩 則 緩 避免 觸怒 美國 為 要點 來 管控 中 美 矛盾 自然 隨 著 國力 的 持續 增強 大陸 內部 亦 有 強烈 的 民族主義 情緒 中共 態度 稍微 放 軟 就 會 被 民意 解讀 為 屈辱 和 丟臉 但是 習近平 政府 明白 所有 政策 的 出發點 和 落腳點 是 長遠 的 崛起 一時 的 得與失 無須 過於 看重 忍讓 不是 因為 忌憚 所以 並不 丟臉 當然 要 讓 人民 瞭 解 這 點 還 需要 一些 技巧 與 時間 第 四 忍讓 的 同時 不可 缺少 的 是 震懾 不能 有效 震懾 就 不足以 談 合作 中共 認為 中國 大陸 必須 展現 能夠 制衡 美國 的 實力 讓 美國 在 一些 鬥爭 中 吃 些 苦頭 意識 到 與 中 開戰 可能 有的 重大 苦果 如此 才 可能 避免 更 嚴重 的 衝突 就 整 體 中美關係 來看 中國 的 國家 實力 正 處在 不斷 上升 逼近 美國 的 狀態 短 時間 內 中美關係 持續 膠 著 不 會 改變 而 臺灣是 中共 的 核心 利益 中國 大陸 上下 願意 為 臺灣 問題 所 付出 的 代價 遠 比 美國 多 太 多 更 甚者 儘管 美國 現 下 懷抱 強烈 遏制 中國崛起 的 意圖 但 對於 開戰 並 無 意願 這 又 該 如何 想像 美國會 為了 臺灣 而 與 中國 大陸 挑起 直接 軍事衝突 然而 當前 臺灣 的 立場 不知 會 被 美國 帶到 何處 而 臺灣 也 只能 被 中 美 被動 影響 台海 局勢 的 未來 與 中 美 衝突 一樣 是 國際 上 難 測 的 變數 美國 何時 能 真正 認識 到 管理 中美關係 的 重要性 很 難 預料 短期 內 看不到 變化 現階段 美國 政治 被 民意 綁架 政客 則 利 用 民意 持續 煽動 而 北京 的 政治 決定 很 少受 國內 政治 情緒 的 影響 相對 穩定 中 美 能否 避免 陷入 修昔底 德 陷阱 關鍵 還要 看 北京 如何 管理 雙邊關係 從 某種程度 上 說 北京 恐怕 才是 中美關係 穩定 的 主要 維護 者</t>
  </si>
  <si>
    <t>新冠肺炎 covid-19 美國 中 美 中國</t>
  </si>
  <si>
    <t>新冠 病毒 covid-19 是 全球 各個 醫療 團隊 的 挑戰 來自 北京大學 的 金昆 林博士 kunlin jin 與 國際 研究 人員 試 著 利用 幹細胞 來 抗擊 這種 難 纏 的 疾病 醫療 訊息 medicalxpress 報導 幹細胞 是 各種 組織細胞 的 原型 不管 是 皮膚</t>
  </si>
  <si>
    <t>新冠 病毒 covid-19 是 全球 各個 醫療 團隊 的 挑戰 來自 北京大學 的 金昆 林博士 kunlin jin 與 國際 研究 人員 試 著 利用 幹細胞 來 抗擊 這種 難 纏 的 疾病 醫療 訊息 medicalxpress 報導 幹細胞 是 各種 組織細胞 的 原型 不管 是 皮膚 細胞 心肌細胞 肺部 細胞 都 是從 幹細胞 分化 而來 的 因此 理論 上 而言 幹細胞 可以 克服 任何 的 器官 缺損 的 問題 包括 組織 壞死 機能 癱瘓 等 從 西元 2000 年 以來 幹細胞 就 成為 醫療 研究 的 顯 學 金 昆 林博士 研究 幹細胞 已經 20 多年 了 他 的 主要 研究 領域 是 老齡化 研究 試 著 以 幹細胞 治療 中 風 現在 他 與 北 德州大學 健康 科學 中心 的 實驗室 合作 成立 一個 美國 與 中國 專家 合組 的 研究 團隊 雖然 他 的 研究 領域 看似 與 新冠 病毒 無關 但是 他 認為 幹細胞 可以 增強 人體 的 免疫系統 以 抵禦 新冠肺炎 他們 以 靜脈注射 將 幹細胞 送 到 北京 的 7 名 重病患者 的 血液 中 其中 3 名 是 安慰 劑 在 這個 初期 臨床實驗 當中 7 名 幹細胞 療法 的 患者 都 有所 好轉 並 在 14 天內 出 院 至於 只 接受 安慰 劑 的 患者 中 2 名 死亡 1 名 仍 有 急性 呼吸 窘迫 綜合症 ards 接受 測試 的 患者 來自 北京 佑安醫院 測試 於 1 月 30 日 開始 金 博士 說 研究 表明 臨床 級別 的 幹細胞 靜脈 輸注 法 是 有效 的 而且 他們 的 臨床 對象 是 嚴重 肺炎 的 老年 患者 這 對於 死亡率 較 高 的 65 歲 以上 患者 而言 很 可能 是 最 有效 的 療法 不過 這種 療法 還 不能 引進 到 美國 在此之前 必須 先 在 美國 進行 臨床 試驗 並 獲得 美國食品和藥物管理局 的 批准</t>
  </si>
  <si>
    <t>據 路透社 統計 美國 新冠肺炎 covid-19 感染 人數 超過 250萬 人 超過 125萬 人 喪命 已是 全球 疫情 最 嚴重 的 國家 然而 美國 疾 管 中心 centers for disease control and prevention cdc 認為 實際 感染 人數 可能 是 已 知 確診 患者</t>
  </si>
  <si>
    <t>由於 新冠肺炎 covid-19 爆發 全球 都 鬧 口罩 荒 為了 解決 口罩 需求 我國 動員 大量 人力 加開 產 線 並 配合 口罩 實 名 制 的 政策 實施 確保 民眾 都 能夠 能夠 領到 有 位 女 大生 在 網路上 分享 她 看到 實 名 制 口罩 一行 字 馬上</t>
  </si>
  <si>
    <t>由於 新冠肺炎 covid-19 爆發 全球 都 鬧 口罩 荒 為了 解決 口罩 需求 我國 動員 大量 人力 加開 產 線 並 配合 口罩 實 名 制 的 政策 實施 確保 民眾 都 能夠 能夠 領到 有 位 女 大生 在 網路上 分享 她 看到 實 名 制 口罩 一行 字 馬上 感動 萬分 而 眾人 直 呼 屬於 我們 的 驕傲 一 名 女 大生 在 網路 論壇 dcard 上 分享 表示 在 一大早 去 領 實 名 制 口罩 上 發現 了 平常 都 沒 注意 到 的 驚喜 原來 是 口罩 的 正面 印有 一行 字 上面 寫 著 made in taiwan 讓 她 很 感動 原 po 指出 雖然 只 是 簡短 的 一行 字 卻是 大家 一起 努力 的 結果 謝謝 mit 口罩 隊 看到 這 口罩 上面 的 驚喜 後 不少 網友 紛紛表示 屬於 我們 的 驕傲 謝謝 我們 國家 的 口罩 隊 我 用 mit 口罩 我 驕傲 有人 更 提醒 在 這 疫情 期間 大眾 別忘了 在 領 口罩 之外 也 要 想到 在 工廠 趕 工 的 員工 以及 在 前線 支援 的 醫療 團隊 都 是 臺灣 防疫 的 幕後 推手 真的 辛苦 了</t>
  </si>
  <si>
    <t>全球 汽車 鍛造 輪 圈 領導 廠商 巧 新科 技 1563 受惠 於超 跑 與 豪華 汽車 新車 銷售市場 成長 速度 優於 一般 輕型 汽車 市場 帶動 品牌 車廠 對於 公司 旗 下 客 制 化 輪 圈 產品 的 出 貨 暢 旺 恰 逢 第 四季 汽車產業 傳統 旺季 品牌 車廠 因應 耶誕 假期 提前 拉 貨 挹注 巧 新 雲林 鬥六 廠稼 動 率 持續 維持 近 滿載 水準 自 結 11 月 合併 營 收 達 76億 元 年 增 3661 遞出 四 年 半 來 單月 營 收 新 高 的 優異 佳績 展望 2021 年 第 四季 營運 巧 新 維持 審慎 樂觀 看法 主因 是 看好 隨 著 疫苗 施打 進度 穩定 全球 消費 能量 將 持續 成長 消費者 對於 超 跑 豪華 車 保持 一定 需求量 包括 賓士 保時捷 豐田 通商 jaguar bmw 賓利 及 volvo 等 超 跑 豪華 品牌 車廠 客戶 也 積極 推出 新車 款 搶攻 年底 及 2022 年 新車 市場 占比 預期 將 帶動 超 跑 與 豪華 汽車 市場 銷售 展現 良好 成長 的 態勢 巧 新 將憑 藉 著 品牌 車廠 高度 信賴 肯定 的 工藝技術 與 品質 積極 提升 于 單一 品牌 車廠 新車 款 輪 圈 開發 的 滲透 率 及 開拓 與 更 多 品牌 車廠 合作 的 機會 同時 為 滿足 客戶 的 訂單 需求 公司 也 於 今年 第 三 季起 陸續 在 雲林 及 屏 東 廠 擴 增 cnc 機台 期待 新 訂單 與 新 產 能 加入 及 解封 後 加速 客戶 驗證 屏 東新 廠 的 腳步 將 創造 巧 新 未來 中長期 營運 良好 的 成長 動能 根據 汽車產業 諮 詢 顧問 機構 lmc automotive 11 月 報告 指出 由於 全球 車市 缺 芯 晶 片 車 企 犧牲 低 利潤 車型 確保 高 利潤 車型 持續 產出 加上 高端 消費者 在 疫情 期間 收入 影響 較 小 財富 來源 如 股市 和 房地產 也 呈 積極 走勢 推進 2019 至 2021 年 豪華 汽車 市場份額 將 增長 2 占 全球 乘用車 銷量 比重 將 達 16 2021 年 豪 車 銷量 將 達到 2019 年 疫 前 的 歷史 最 高位 創造 相關 汽車 供應 鏈 良好 的 業務 拓展 環境 巧 新 董事長 黃聰榮 指出 新冠肺炎 covid-19 疫情 為 全球 汽車產業 帶來 了 空前 的 影響 與 挑戰 公司 全體 經營 團隊 與 員工 加快調整 步伐 及 因應 策略 除 員工 們 健康 管理 為 首先 必要 重點 執行 任務 外 更加 專注 在 強化 開發設計 的 技術 能力 優化 產 能 制程 效率 調整 訂單 接 單 結構 等 並 積極 正面 面對 運費 高漲 新 台幣 匯率 波動 等 負面 因數 的 干擾 此外 巧 新 因 再 生料 去 化 得宜 使得 在 客戶 拉 貨 力 道 提升 下 累計 今 年前 11 月 營 收 達 6944億 元 年 增 4328 可見 公司 近兩年來 重振旗鼓 已 創造 整體 財務 業務 等 全方位 穩定 健康 發展 不僅如此 巧 新 全力 執行 深化 豪華 品牌 車廠 經營策略 除 在 歐美超 跑 豪華 汽車品牌 車 廠 新 案 開發 滲透 率 持續 提升 外 多年 耕耘 的 日 系 豪華 車廠 也 加大 下單 力 道 近期 已 通過 巧 新 屏 東新 廠 認證 並 開始 量 產出 貨 推 升 來自日 系 品牌 車廠 營 收自 2019 年 以 20 以 上年 複合 成長率 的 速度 提高 有助 巧 新 實現 分散 客戶 降低 市場 集中 風險 以 擴大 整體 業務 規模 此外 根據 bloombergnef 預估 2021 年 全年 全球 電動車 含 phev 銷售 份額 將 從 4 成 長 到 6 並 在 2022 年 進一步 上升 到 8 如今 電動車 的 電池 重量 就 占 了 車重 的 一半 而 巧 新 的 鍛造 輪 圈 符合 電動車 輕 量化 的 需求 目前 來自 電動車 輪 圈 營 收 占輪 圈 營 收 的 比重 達 10 將 有 機會 隨 著 電動車 的 銷售 成長 提升 公司 在 電動車 市場 的 份額</t>
  </si>
  <si>
    <t>根據 trendforce 記憶體 儲存 研究 dramexchange 調查 顯示 在 美國政府 標 案 與 新冠肺炎 covid-19 疫情 帶動 的 遠 端 服務 需求 趨 動 下 伺服器 記憶體 第二 季 價格 續漲 但 也 示 警 疫情 持續 擴大 需注意 下半年 所 帶來 的 供需 改變 tr</t>
  </si>
  <si>
    <t>根據 trendforce 記憶體 儲存 研究 dramexchange 調查 顯示 在 美國政府 標 案 與 新冠肺炎 covid-19 疫情 帶動 的 遠 端 服務 需求 趨 動 下 伺服器 記憶體 第二 季 價格 續漲 但 也 示 警 疫情 持續 擴大 需注意 下半年 所 帶來 的 供需 改變 trendforce 表示 serverdram 伺服器 記憶體 第二 季 的 價格 漲幅 從 原先 預測 的 季增 15 擴大 至 20 enterprise ssd 第二 季 價格 亦 同步 上 修 預估 漲幅 將 從 原先 的 5 10 擴大 至 10 15 同時 記憶體 供應商 手中 庫存 偏 低 原廠 將 守 住 第二 季 上漲 的 走勢 不 變 2019 年 第 四季 開始 美國政府 聯合 組織 防衛 基礎 設施 jedi 標 案 需求 持續 驅動 伺服器 市場 新冠肺炎 疫情 則 使得 遠 端 辦公 需求 大增 尤其 中國 雲端 業者 的 備 貨 需求 在 二月 顯著 增長 阿裡巴巴 騰訊 主要 受 遠 端 辦公 需求 驅動 位元組 跳動 則 因 北美 業務 擴張至 電子 商務 遊戲 與 金融 應用 等 進而 帶動 北美 自建 資料 中心 的 需求 成長 trendforce 指出 需求 的 持續 增加 使得 供需雙方 的 記憶體 庫存 皆 達 低點 加上 中國 電信業者 普遍 於 二月 開始 執行 新一輪 的 招標 將 使得 server dram 供貨 更為 吃緊 帶動 價格 上揚 雖然 中國 疫情 暫 受到 控制 但 歐洲 疫情 卻 迅速 升溫 加上 美國 數 州 也 發生 感染 將 有 可能 衝擊 全球 的 消費者 信心 全球 需求 發生變化 會 讓 整體 的 供需 結構 改變 下半年 的 價格 走勢 將 依據 疫情 的 擴散 程度 再 觀察 展望 下半年 企業 級 ssd 價格 走勢 隨 著 歐洲 與 美國 疫情 快速 蔓延 歐洲 交通樞紐 米蘭 也 進入 封城 階段 如果 疫情 延續 到 下半年 將 導致 全球 經濟 進一步 下 修 pc 及 手機 oem 廠商 有 可能 調整 下半年 的 生產 需求 是否 會 反 轉 nand flash 現在 供不應求 的 市況 將 取決 於 全球 疫情 受 控 程度</t>
  </si>
  <si>
    <t>臺灣 年度 觀光旅遊 盛事 itf 臺北 國際 旅 展 實體 展 將 於 10 30 至 11 2 在 臺北 南港 展覽館 展出 受 新冠肺炎 衝擊 本屆 旅 展 規模 大幅 縮水 且 航空 公司 沒有 參展 外國 觀光局 亦 只能 由 駐 台 辦事處 參加 攤位 數 由 去年 1700 個 大 減為 今年 1000 個 整體 規模較 去年 減少 30 全球 疫情 持續 蔓延 重創 國際 觀光 產業 惟 itf 臺北 國際 旅 展 今年 依然 逆風 前行 主辦單位 臺灣 觀光 協會 秘書長 羅瓊雅 表示 主要 目的 是 為 臺灣 觀光 人 加油打氣 此 一 決定 也 使 itf 臺北 國際 旅 展 成為 2020 年底 前 全世界 最 大型 的 國際型 實體 旅 展 羅瓊雅 表示 因 covid-19 新冠肺炎 影響 觀光業 受到 重創 因此 航空 業 部 份 國家 館 和 旅行社 今年 首度 缺席 主辦單位 深感 遺憾 但 在 艱 困 環境 下 itf 臺北 國際 旅 展 依然 持續 和 觀光 產業 並肩 合作 不僅 首次 舉辦 從 6 月底 開跑 至 今 的 線 上 旅 展 今年 實體 旅 展也 將 逆風 前行 成為 年底 前 全球 最 大型 的 實體 旅 展 現場 仍 有 臺灣 近 20 個 縣市政府 展示 各地 特色 游程 並 有 超過 20 個 國家 地區 參展 為 提高 民眾 入場 觀展 意願 今年 itf 臺北 國際 旅 展 除了 各 參展 單位 展出 內容 外 還有 具 知識性 的 旅遊 論壇 探討 與 疫情 共存 的 時代 更 首次 辦理 旅遊 沙龍 請 學者 專家 及 旅遊 達人 共同 討論 對 住宿 游程 運動 和親 子 等 特殊 主題 的 想像 此外 最 受 大 小朋友 歡迎 的 吉祥物 大 遊行 及 吉祥物 見面會 則 是 其它 展覽 沒有 的 特殊 體驗 為 協助 觀光業 復蘇 臺灣 觀光 協會 自 6 月 29 日 起首 度 架設 線 上 旅 展 提供 免費 平臺 讓 觀光業 者 上架 優質 商品 讓 民眾 可 在 線 上 選購 優質 旅遊 產品 其中 中秋 雙十連 假 follow me 並於 16 日 起 正式 上線 開 賣 包括 臺北 美 福 飯店 凱撒 飯店 以及 長 帆 宏 祥 與 山富 旅行社 都 針對 中秋 推出 優惠 專案 全台 最高 的 臺北 101 觀 景 台也 推出 登高望遠 慶 中秋 觀 景 台 門票 1 大 帶 2 小 優惠 羅瓊雅 表示 itf 線 上 旅 展將 會 持續 集結 全國 觀光業 者 推出 前所未有 的 組合 商品 直到 9 月底</t>
  </si>
  <si>
    <t>統 新 6426 2019 年 獲利 大 爆發 全年 稅 後 淨利 為 094億 元 年增率 70314 每股 獲利 278 元 董事會 也 通過 每股 配發 現金 股利 20 元 展望 2020 年 統 新 認為 儘管 有 新冠肺炎 衝擊 但 因為 各國 對 5 g 的 建設 依舊 相當 積極 故 看好 薄膜 濾光片 的 需求 穩定 公司 營運 仍 可 以 樂觀 看待 統 新 2019 年 合併 營 收 617億 元 年增率 3416 主要 成長 動能 為 5 g 商 轉 啟動 全球 5 g 布建 加速 在 中 美 韓 領先 啟動 服務 5 g 基礎 建設 及 5 g 高頻 高速 的 網路 需求 帶動 公司 dwdm 濾光片 需求 成長 推 升 平均 毛利率 成 長 2016 個 百分點 至 5237 全年 稅 後 淨利 為 094億 元 年增率 70314 另外 統 新 在 2019 年 12 月中 以 每股 100 元 辦理 現金 增資 發行 新股 共 5000仟 股 其中 依法 保留 15 予 員工 認購 因此 認 列 酬勞 成本 32975萬 元於 資本 公積 員工 認 股權 項下 致使 全年 結算 之 每股 稅 後 盈 餘 為 278 元 展望 2020 年 統 新 指出 雖有 covid-19 新冠肺炎 衝擊 但 大陸 韓國 等 國家 仍 持續 對 5 g 基地 台建設 大數 據 資料 中心 ai 等 產業 領域 發展 由於 5 g 商 轉 在即 新開通 基地 台 的 需求 將 大幅 增加 為 符合 高 傳輸 低 延遲 以及 高容量 的 需求 光 模 組 邁向 高 階 25 g 應用 配合 各地 電信 商 對 5 g 基地 台 的 布建 將 推動 薄膜 濾光片 的 需求 穩定 統 新 董事會 通過 2019 年度 盈 餘 分配 案 為 落實 獲利 回 饋 股東 政策 公司 擬 配發 現金 股利 20 元 現金 配發 率 達 72 以上 週五 27 日 盤後 收盤價 8460 元 現金 殖 利率 達 236</t>
  </si>
  <si>
    <t>新冠肺炎 covid-19 疫情 肆虐 各國 已 影響 製造業 交通運輸 等 產業 正常 運作 國際貨幣基金組織 imf 總裁 喬治艾娃 kristalina georgieva 認為 現在 要 斷定 疫情 造成 的 經濟損失 仍 為 時尚 早 但 她 認為 這 對 全球 經濟 的</t>
  </si>
  <si>
    <t>台中市政府 將 於 中秋節 過 後 9 月 23 日 起 為 全市 高中職 以下 含 五專 專一至 專 三 12 歲 以上 學生 接種 bnt 疫苗 教育局 指出 截至 16 日 止 全市 公 私立 國 高中 及 五 專 學校 計 130 校 已 全數 完成 意願 書 回收 作業 完成率 100 經 統計 有意 接種 疫苗 的 學生 比率 達 9442 台中市政府 指出 為 提升 校園 防護力 中央 特別 安排 12 至 17 歲 以上 學生 接種 covid-19 疫苗 預計 10 月 19 日前 可為 台中 市 各國 高中 學校 學生 及 五專 專一至 專 三學 生 完成 第一 劑 covid-19 疫苗 接種 此次 疫苗 接種 不 強迫 學生 可 依照 個人 需求 和 意願 自由選擇 是否 接種 經 回收 意願 書後 130 校 計 15萬7245 位 學生 中 有 14萬8478 位 有 意願 接種 疫苗 有 意 接種 比率 達 9442 其中 14萬6257 位 同意 在校 集中 接種 9301 自行 至 醫療 院所 施打計 2221 人 141 市府 指出 此次 校園 covid-19 疫苗 接種 作業 將 全市 劃分 為 42 組 每 組 均 有 合約 醫療 院 所至 區內 各國 高中 及 五專 學校 為 學生 接種 疫苗 教育局 已 請 學校 務必 留意 學生 接種 疫苗 後 身體狀況 後續 幾 日 的 教學活動 以 靜態 活動 為主 市府 表示 接種 疫苗 後 學生 身體 如有 不適 反應 可 申請 疫苗 假 不 列入 出 缺席 紀錄 疫苗 假 以 三 天 為 原則 含 接種 當日 必要 時 得 延長 學生 若 選擇 不 接種 疫苗 未來 也 不 用 擔心 需 接受 快 篩 才能 進入 校園 學習 仍 可 正常 到校 上課 教育局 將 持續 督導 各 校 落實 各項 防護 措施 維護 校園 師生 健康</t>
  </si>
  <si>
    <t>巴西 總統 波索納洛 jair bolsonaro 發燒 到 38 度 而且 在 新冠 病毒 測試 中 也 呈 陽性 所幸 在 週二 已 退燒 波索納洛 說 他 是 服用 羥 氯喹 才能 迅速 康復 的 然而 這種 抗 瘧疾 藥物 尚未 被 證明 對 covid-19 有效 美聯社 報導 波索納洛</t>
  </si>
  <si>
    <t>新冠肺炎 擾 世已 足足 400 多 天 了 這些 日子 以來 全人類 應該 都 深深 體悟 到 新冠 疫情 最 可怕 的 並 不是 死亡 人數 和 醫療 崩解 而是 政治 的 副作用 有 評論家 喻 之為 史 上 最 政治 的 一 場 瘟疫 畢竟 它 不但 已 淪為 全球 兩 大 強權 的 博弈 籌碼 民族 及 孤立主義 的 尚方寶劍 更進一步 地 讓 意識 型態 的 對峙 斬斷 了 抗 疫 的 專業 讓 許多 荒謬 的 反 智 行為 佔據 了 人類 進步 的 空間 比爾蓋茲 應該 對 此 最 有 感觸 照理說 在 1995 2007 連續 13 年 蟬聯 forbes 世界 首富 的 比爾蓋茲 應是 最 擅 算計 的 智者 此外 他 在 2015 年 預言 未來 數 十 年 人類 可能 因 病毒 損失 千萬 條 性命 也 彰 顯 了 他 的 睿智 與 遠見 但 最近 卻 有 些 聲名狼藉 原來 比爾蓋茲 2008 年 離開 微軟 後 把 580億 美元 的 財產 捐 到 蓋茲 基金會 致力 於 公益 去年 疫情 發燒 基金會 陸續 投資 一億 美元 支援 疫苗 及 藥物 研發 這 原為 美事 一 樁 但 整件事 卻 被 黑 化成 一 樁 樁 的 陰謀 2020 年 12 月底 羅馬尼亞 泰國 與 阿拉伯 世界 開始 流傳 一 支 影片 警告 世人 比爾蓋 茲將 透過 疫苗 計 畫 完全 統治 世界 最 荒謬 的 推演 是 說 他 將 趁 著 疫苗 接種 植入 微晶片 以 追蹤 與 控制 人類 這 讓 一 位 企業主 忍不住 語 帶 同情 地 說 真傻 放 著 舒服 的 退休 生活 不過 還 惹 了 一身 腥 但 即便 有人 在 醜化 疫苗 多數 人 都仍 想望 它 的 到來 還 因此 出現 橫亙 在 富人 與 窮人 間 的 疫苗 鴻溝 強 國 與 弱國 之間 的 疫苗 主權 爭奪戰 使得 同樣 是 疫苗 有人 等得 崩潰 有人 輕鬆 插隊 道出 普世眾 生 同命 不同 價 的 殘酷 在 疫苗 搶 翻天 之際 由於 美國 佛州 是 最 早 開放 疫苗 施 打的 區域 之一 加拿大航空公司 momentum jets 就 透露 當地 富豪 願 以 70萬 224萬 台幣 價錢 購買 當日 往返 佛州 的 機票 為 的 就是 能 搶先 施打 讓 平凡 人 只 能 對 著 疫苗 接種 食物鏈 頂端 的 富人 望之 興歎 所幸 人性 依舊 存有 光輝 印度 裔 英格蘭 小姐 穆克吉 和 愛爾蘭 總理 瓦蘭 德卡 都重 披 白袍 投入 診治 病 患 的 第一線 而 當 所有人 都 用盡 氣力 避免 自己 感染 covid-19 時 世界 上 也 有 一 群 人 自願 染上 病毒 記者 沖 第一線 搶 當 疫苗 試驗 受試者 近來 聲名大噪 的 非 營利 組織 one day sooner 快 一 天 也好 早 在 去年 就 號召 全球 自願 施打 實驗 疫苗 的 勇 者 2021 年初 他們 更 在 英國 實驗 自願 在 體內 接種 新冠肺炎 病毒 為 的 就是 能 快速 催生 救 世 仙丹 一 位 23 歲 的 志願者 就 表示 疫苗 愈 早 研發 成功 可能 一 天 能 拯救 7000 多 條 人命 而 遠見 記者 蔣濬 浩秉 著 永遠 沖到 第一線 的 記者 魂 也 以 身 試針 地 成為 臺灣 本土 疫苗 的 受試者 同時 本期 的 封面 故事 則 以 疫苗 過後 疫苗 過 為題 除了 電 訪 到 以色列 疫苗 接種 者 為 疫苗 釋疑 並 分析 在 這 場 疫苗 戰 中 臺灣 未來 的 贏 面 與 輸 面 誠如 衛福 部長 陳時 中所 言 防疫 已 通過 期中考 但 期末 考 要 靠 疫苗 究竟 投身 於 疫苗 催生 的 比爾蓋茲 到底 搞 的 是 循 私 為 己 的 陰謀 還是 造福 世人 的 陽 謀 智者 自有 論斷 但 至少 世界 上 還 有 太 多 為 人類 犧牲 付出 的 傻瓜 足以 贏得 你 我 的 掌聲 本文 作者 李建興 本文 摘自 遠見 雜誌 3 月 號 417 期</t>
  </si>
  <si>
    <t>next@acer 2020 全球 線 上 發表會 邀請函 圖 宏棋 提供 品牌 廠 宏棋 2353 今年 度 新品 發表會 時程 在 新冠肺炎 covid-19 疫情 肆虐 下 大 受 影響 原照 慣例 會 在 第二 季初 舉行 的 春季 新品 發表會 取消 實體 活動 後 再 延至 季 底</t>
  </si>
  <si>
    <t>email protected 2020 全球 線 上 發表會 邀請函 圖 宏棋 提供 品牌 廠 宏棋 2353 今年 度 新品 發表會 時程 在 新冠肺炎 covid-19 疫情 肆虐 下 大 受 影響 原照 慣例 會 在 第二 季初 舉行 的 春季 新品 發表會 取消 實體 活動 後 再 延至 季 底 舉行 今 27 日 宏棋 正式 發出 預告 email protected 2020 全球 線 上 發表會 將 於 臺北 時間 6 月 23 日 晚上 9 點 與 歐美 同步 線 上 發佈 宏棋 董事長 暨 執行長 陳俊聖 先前 透露 6 月 登場 的 新品 發表會 將 分別 在 電競 predator acer nitro 系列 與 專業 創作者 conceptd 創 系列 推出 搭 戴 最新 一代 cpu gpu 平臺 架構 規格 之 新品 此外 宏棋 今年 還 將 再 推出 除了 predator 掠奪者 conceptd 創 系列 兩 大子 品牌 外 的 第 三 個 pc 相關 產品 系列 的 新 子 品牌 這 也 是 其 繼 創作者 領域 後 聚焦 的 另 一個 微 趨勢 新 藍海 市場</t>
  </si>
  <si>
    <t>創源 生 技 4160 去年 擴展 基因 檢測 範疇 帶動 業績 再創 歷年 新高 2019 年 整體 營 收 較 前 一 年 成 長 13 而 在 新冠肺炎 covid-19 衝擊 之下 仍 不畏 威脅 逆勢 增長 2020 年 1 2 月 營 收 又 較 去年同期 成 長 11 表現 亮 眼 執行</t>
  </si>
  <si>
    <t>在 印度 4 月 新冠肺炎 covid-19 疫情 失控 醫療 體系 陷入 崩潰 之時 全球 發揮 人道精神 緊急 向其 捐贈 氧氣 藥品 等 醫療 物資 不過 英國廣播公司 bbc 6 日 指出 印度政府 對 物資 的 整理 與 分配 過於 緩慢 有些 疫情 嚴重 的</t>
  </si>
  <si>
    <t>在 印度 4 月 新冠肺炎 covid-19 疫情 失控 醫療 體系 陷入 崩潰 之時 全球 發揮 人道精神 緊急 向其 捐贈 氧氣 藥品 等 醫療 物資 不過 英國廣播公司 bbc 6 日 指出 印度政府 對 物資 的 整理 與 分配 過於 緩慢 有些 疫情 嚴重 的 地區 至今 仍未 獲得 任何 緊急 援助 物資 bbc 指出 目前 呼吸器 藥品 氧氣 製造機 等 醫療 物資 正 持續 自 全球 湧 向 印度 僅 在 1 日 期間 便 有 25 趟 航班 逾 300 噸 物資 送達 印度 但 這些 緊急 用品 大多 被 放在 倉庫 中 等待 清點 當地 官員 透露 首批 送達 印度 的 緊急 援助 物資 在 倉庫 待 了 超過 一個 星期 才 開始 對外 發 放 印度 南部 克勒拉 省 kerala 衛生局長 柯布拉加德 rajan khobragade 告訴 bbc 該省 疫情 嚴峻 本 周 已 新增 近 4萬 確診 病例 但 至今 仍未 獲得 任何 來自 外國 的 援助 物資 克勒拉 省長 維加揚 pinarayi vijayan 5 日 已 致信 印度 總理 莫迪 narendra modi 呼籲 其 儘快 向 該省 提供 氧氣 印度 醫護 協會 healthcare federation of india 會長 馬哈揚 harsh mahajan 表示 印度政府 並未 提供 關於 如何 或 何時 領取 援助 物資 的 資訊 印度 樂施 會 oxfam 官員 阿南德 pankaj anand 也 認為 恐怕 沒有 任何人 清楚 物資 上 哪 去 了 根據 報導 外國 援助 物資 須先 交給 印度 紅十字會 由 其 帶過 海關 再 交給 印度 衛生 與 家庭 福利 部 旗 下 國營企業 hll lifecare 負責 運送 期間 由於 物資 包裝 不一 印度政府 還 須先 開封 清點 再 重新 裝箱 導致 物資 難以 迅速 向外發 放 不過 印度政府 強烈 否認 物資 分配 出現 延宕 強調 其 已 引進 簡化 過 的 新 標準 作業 程式 sop 正 每天 24 小時 不間斷 地 向 各地 發放 物資 到 4 日 為止 已 有 31 個 省 的 38 個 機構 獲得 物資</t>
  </si>
  <si>
    <t>臺灣 疫苗 還 在 拼 第 1 劑 接種 覆蓋率 但 臺北市 萬 華運動 中心 卻 推出 打 第 3 劑 疫苗 可 免費 游泳 1 個 月 的 優惠 但 國內 截至 14 日 僅 有 48 的 1 劑 覆蓋率 45 的 2 劑 覆蓋率 臺北市 長 柯文哲 表示 製作 創意 廣告 的 委 外 廠商 本意 是 想 諷刺 中央 但 市府 已 判定 它 為 不實 廣告 現 已 下 架 萬 華運動 中心 日前 貼出 廣告 內容 指出 即日起 至 9 月 21 日 民眾 只要 出示 打完 疫苗 的 小 黃卡 即可 享 covid-19 疫苗 打 3 劑 的 優惠 可 獲得 免費 游泳 月 卡 每人 限 領 一 張 還 說 這 是 振興 防疫 價 廣告 一 出 就 引發 大批 網友 討論 質疑 到底 誰 能 符合 這項 資格 對此 柯文哲 今日 主持 防疫 記者會 時 表示 萬華 運動 中心 是 北 市府 的 委 外 廠商 他 也 知道 小 編 是 要 諷刺 中央 做 了 一個 創意 廣告 但 後來 北 市府 判定 為 不實 廣告 目前 已經 下 架 了</t>
  </si>
  <si>
    <t>受到 新冠肺炎 疫情 covid-19 導致 農曆 春節 延後 復工 影響 光寶 科 2301 2 月 合併 營 收 為 867億 元 月 減 23 年 減 20 在 大陸 各廠 區 返 崗 率 陸續 提升 與 大陸 以 外廠 區 全力 調度 生產 支援 下 光寶 科 預估 3 月 整體 出 貨 與 營運 將 優於</t>
  </si>
  <si>
    <t>受到 新冠肺炎 疫情 covid-19 導致 農曆 春節 延後 復工 影響 光寶 科 2301 2 月 合併 營 收 為 867億 元 月 減 23 年 減 20 在 大陸 各廠 區 返 崗 率 陸續 提升 與 大陸 以 外廠 區 全力 調度 生產 支援 下 光寶 科 預估 3 月 整體 出 貨 與 營運 將 優於 2 月 新冠肺炎 疫情 全球 延 燒 讓 今年 第 1 季 淡季 更 淡 光寶 科 2 月 合併 營 收 為 867億 元 月 減 23 年 減 20 累計 前 2 月 合併 營 收 為 1998億 元 就 各 部門 來看 2 月 光電 資訊 產品 與 儲存 裝置 部門 營 收 占比 分別 為 21 62 與 11 隨 著 大陸 各 地區 加速 復工 光寶 科 表示 希望 3 月底 復工 率 能到 達 80 到 90 3 月 整體 出 貨 與 營運 將 優於 2 月 光寶 集團 總 執行長 陳廣中 表示 原本 今年 公司 計畫 是 下半年 比 上半年 好 今年 上半年 比 去年 上半年 保守 一點 新冠肺炎 爆發 後 由於 開工 延 後 且 員工 返工 比率 不 佳 第 1 季比 原來 計畫 差 10 到 20 若 和 去年同期 相比 是 年 減 20 到 30 整體 成本 也 會 高 一點 保守 看待 第 1 季及 上半年</t>
  </si>
  <si>
    <t>臺灣 新冠肺炎 covid-19 疫情 不斷 升溫 今天 新增 2 例 為 國內 累積 第 27 例 第 28 例 為 北部 80 多 歲 男性 和 其 50 多 歲 的 兒子 父子 兩 人 都 沒有 旅遊 史 但 其 最小 的 兒子 因 工作 頻繁 往返 大陸 過年 期間 也 曾和 有 大陸 旅遊 史 的 人 有 聚餐</t>
  </si>
  <si>
    <t>因為 新冠肺炎 全球 爆發 疫情 肆虐 下限 制 了 許多 自由 尤其 疫情 曾經 飆 升 的 國家 更是 痛失 許多 生命 南韓 就 包含 在 其中 在 一 片 戒慎 恐懼 中 南韓 演藝圈 今 出現 喜悅 的 光芒 皇后 的 品格 中 飾演 皇后 卞賢真 的 女星 申 高恩 宣佈 結婚 喜訊 且 物件 也 是 影星 演藝圈 將 多 一對 明星 夫妻 檔 申 高恩 有 著 不同於 一般 女 演員 的 經歷 她 在 觀眾 面前 有 過 很多 不同 的 樣 貌 最初 是 作為 娛樂 線 記者 在 採訪 藝人 時于 鏡頭 前 現身 清新 模樣 給 人 好 印象 而 她 還有 副 好 歌喉 出 演過 音樂劇 直到 2018 年 演出 皇后 的 品格 精湛 演技 讓 人 眼睛 為 之一 亮 她 也 自此 正式 以 戲劇 演員 身分 在 圈 內 發展 就 在 今天 3 19 申 高恩 透過 所屬 經紀 公司 image 9 communications 發佈 了 婚 訊 對象 是 大 她 7 歲 的 單眼皮 性格 男 星 尹鍾和 兩 人 將 在 5 月 19 日 於首爾 某處 舉行 婚禮新人 們 考量 了 新冠肺炎 covid-19 疫情 將 在 遵守 防疫 方針 的 情況 下 舉辦 婚宴 只 會 邀請 家人 及 親近 朋友 參加 屆時 將 由 尹鍾和 的 主 播 親姊姊 尹賢真 擔任 司儀 祝歌 則 由 家 人 來 演唱 預計 走 溫馨 小巧 婚禮 路線 @shinggoni 分享 的 貼 文 申 高恩 隨後 也 在 ig 發佈 文章 告知 粉絲 這個 喜訊 還 談論 了 未來 的 夫婿 在 片場 受到 眾人 喜愛 總 散發 正 能量 的 那 個人 現在 將 成為 我 珍貴 的 人 他 承諾 將 一輩子 伴 我 左右 我們 會 互相 扶持 成長 並 幸福 度過 未來 每 一 天 的 申 高恩 署名 時 還 特別 在 兩 人 的 名字 中間 加上 愛心 並 用 了 表情符號 &amp;gt _&amp;lt 展現 准 人 妻 的 嬌羞 與 喜悅</t>
  </si>
  <si>
    <t>安盛 生 6734 規劃 在 今年 第 四季 推出 安必 測 新型 冠狀 肺炎 智慧 抗原 快 篩 pixotest poct covid-19 antigen test 與 數位 健康 通行證 pixohealth pass 安盛 生 科 目前 正 與 國際 合作夥伴 規劃 臨床 測試 預計 於 第 4 季進行 取證 送 審</t>
  </si>
  <si>
    <t>新冠肺炎 covid-19 的 疫情 持續 升溫 各國 也 積極 投入 疫苗 與 藥物 的 開發 還有 不少 人 針對 自己 的 專業 提出 防疫 小 撇 步 像是 俄羅斯 一 名 性 學 專家 日前 就 在 自己 的 課程 中 提出 一 項 論點 認為 透過 性愛 高潮 可以 達到 防疫 的 效果</t>
  </si>
  <si>
    <t>科技 部 南科 管理局 針對 新冠肺炎 後 疫情 時代 超前 佈 署 打造 精准 健康 產業鏈 並 配合 政府 六大 核心 戰略 產業 之 生物 及 醫療 科技產業 展現 階段性 成果 展示 成果 包括 目前 最 受 矚目 的 covid-19 核酸 檢測 試劑 泉沂 全球</t>
  </si>
  <si>
    <t>心 悅 6575 pentarlandir 新藥 執行 編號 snb 011 covid-19 向 臺灣 衛福部 申請 臨床 試驗 據 衛福部 多國 多 中心 藥品 臨床 試驗 計 畫 審查 程式 此 申請 案 將 可循 快速通道 審查 途徑 心 悅 生 醫 董事長 暨 執行長 蔡果荃 教授 指出 該 公司 p</t>
  </si>
  <si>
    <t>新冠肺炎 covid-19 爆發 至今 全球 受 衛生 危機 影響 許多 國家 實施 鎖 國政 策 要 民眾 待 在家 不要 出門 而 疫情 源頭 被 認為 是因為 吃 野味 不過 日前 越南 一 處 市場 被 發現 仍 持續 販 售 活 體 野味 現場 環境 髒亂 蒼蠅 四處 飛</t>
  </si>
  <si>
    <t>新冠肺炎 covid-19 爆發 至今 全球 受 衛生 危機 影響 許多 國家 實施 鎖 國政 策 要 民眾 待 在家 不要 出門 而 疫情 源頭 被 認為 是因為 吃 野味 不過 日前 越南 一 處 市場 被 發現 仍 持續 販 售 活 體 野味 現場 環境 髒亂 蒼蠅 四處 飛 照片 曝光 引起爭議 位於 越南 隆 安 省市 場 thanh hoa bird market 是 當地 最 大 的 野味 市場 之一 市場 內 販 售 各種 烏龜 蛇 老鼠 水獺 兔子 還有 禽鳥 等 動物 攤販 會 現場 宰殺 並 烹 煮 還有 鳥類 被 關在 鐵籠 腳 捆綁 在 一起 翅膀 折斷 眼睛 被 縫合 放置 在 微型 儲氣瓶 裡 以便 快速 煮 熟 根據 外 媒 報導 目擊者 表示 現場 環境 非常 糟糕 小小 的 攤位 擠滿 各種 動物 被 宰殺 的 野味 似乎 放 太 久 吸引 許多 蒼蠅 排水溝 丟 滿 廢棄物 飄 出 屎 味 及 食物 混雜 的 噁 心 氣味 一 位 攤販 透露 每天 早上 必須 準備 70 公斤 禽鳥 每年 售出 約 8萬 只 新聞 曝光 後 引起 譁然 動物 慈善機構 擔心 這樣 的 環境 恐 會 導致 新 的 致命 危機 呼籲 全球 停止 販 售 野味 其實 不只 越南 先前 有 澳洲 節目 揭發 泰國 市場 仍 有 業者 無視 疫情 出售 箭豬 蜥蜴 猴子 等 野味 環境 亦 相當 惡劣</t>
  </si>
  <si>
    <t>佳 世 達 2352 公佈 3 月 合併 營 收 為 新 台幣 14596億 元 較 去年同期 成 長 09 較 上月 成長 333 創 同期 新 高 累計 2020 年 1 3 月 合併 營 收 為 新 台幣 392億 元 較 去年同期 減少 16 佳 世 達 表示 雖有 新冠肺炎 covid-19 衝擊 亞洲 供</t>
  </si>
  <si>
    <t>佳 世 達 2352 公佈 3 月 合併 營 收 為 新 台幣 14596億 元 較 去年同期 成 長 09 較 上月 成長 333 創 同期 新 高 累計 2020 年 1 3 月 合併 營 收 為 新 台幣 392億 元 較 去年同期 減少 16 佳 世達 表示 雖有 新冠肺炎 covid-19 衝擊 亞洲 供應 鏈 3 月 工作 天數 和 到 工 率 陸續 恢復 再 加上 聯合 艦隊 較 去年 新增 聚 碩 6112 勝 品 6556 羅 升 8374 等 夥伴 合併 營 收 較 2 月 增長 33 較 去年同期 成長 近 1 創 同期 新高 第一 季 較 去年同期 則 大致 持平 略 減 近 2 佳 世達 指出 新冠肺炎 covid-19 對 全球 供應 鏈 和 需求面 的 影響 還 在 持續 蔓延 2020 年 將 是 營運 相當 挑戰 的 一 年 目前 好 消息 是 居家 上班 上學 帶來 顯示器 家庭 娛樂 虛擬 辦公室 各行各業 數位 轉型 醫院 提升 防疫 物資 準備 度 等 新增 需求 但 國際 運動 賽事 停辦 實體 活動 縮減 各地 股市大跌 民眾 減少 上 醫療 院所 等 仍 會 衝擊 政府 投資 與 民間 消費 活動 長期 佳 世 達 還是 看好 雲端 化 自動化 數位 轉型 和 健康 醫療 事業 等 趨勢 也 符合 佳 世 達 的 轉型 目標</t>
  </si>
  <si>
    <t>新冠肺炎 covid-19 全球 疫情 急速 蔓延 許多 國家 確診 數字 呈現 值 限 上升 狀態 我國 疫情 雖 稍 有 增長 但 相較 之下 病情 控管 相對 樂觀 且 處於 穩定 可 控 有 民眾 就 質疑 我 新冠肺炎 確診 數 恐 有 做假 之 嫌 學 他國 做法 一旦 疫情</t>
  </si>
  <si>
    <t>新冠肺炎 covid-19 肆虐 全球 南韓 的 疫情 也 持續 升溫 從 8 月 以來 每天 都 增加 3 位 數 的 確診 者 疫情 蔓延 的 相當 迅速 日前 韓媒 爆 料 有 部 份 確診 病 患 在 醫院 對 護理 師 提出 不合理 要求 最美 變性 人 河 莉 秀 聞 此 訊 特別 發文 炮</t>
  </si>
  <si>
    <t>南 臺灣 中型 建 商泰嘉 開發 去年 營 收 39億 元 年 增 30 面對 新冠肺炎 肆虐 在 80 以上 的 大型活動 取消 之際 泰嘉 13 日 仍然 舉行 員工 聚餐 泰 嘉 董事長 呂金髮 指出 此 波 疫情 造成 全球 金融市場 波動 劇烈 難免會 影響 市場 購屋 信心 但 首 購 或 首 換 產品 在 剛性 需求 下 最 多 只 是 買氣 遞 延 因此 泰嘉 分別 在 高雄和 台南 的 3 大建 案 總 銷 約 78億 元 仍 將 如期 推出 泰 嘉 開發 今年 受到 大陸 新冠肺炎 covid-19 疫情 的 影響 13 日 晚間 舉行 的 春 酒 縮 小規模 改 為 公司 內部 員工 聚餐 前 高雄市 建築 開發 公會 房屋 市場 委員會 主委 泰嘉 開發 董事長 呂金髮 表示 泰嘉 開發 2019 年 房屋 銷售 金額 創下 公司 成立 10 年 來 的 新高 達到 39億 元 比 起 2018 年 的 30億 元 足足 成長 3 成 他 說 農曆 年前 爆發 的 大陸 新冠肺炎 疫情 延 燒 打亂 了 整體 市場 的 推 案 節奏 南 臺灣 市場 年 後 的 來人 低於 預期 許多 成交 數字 當然 也 受到 影響 而 影響 的 時間 有 多長 除了 視 疫情 發展 的 嚴重性 以外 全球 股 匯市 短期 的 波動 程度 也 是 這 波 市場 觀察 的 重要 指標 呂金髮 指出 這 波 新冠肺炎 疫情 造成 全球 金融市場 波動 劇烈 難免會 影響 市場 購屋 信心 但 與 17 年 前 的 sars 不同 的 是 目前 市場 多 屬 預售 推 案 以 15 樓 建築 而言 也 要 1 年 半 至 2 年 完工 至於 超高層 建築 更 需 2 年 半 至 3 年 半 左右 加上 利率 水準 低 建 商 資金 結構 扎實 地價 和 建築 成本 高漲 因此 消費者 要 因此 撿便宜 的 機會 並 不 高 他 說 短期 影響 比較 直接 的 是 單價 創新 高 的 投資型 產品 或是 高 總價 的 換屋 型 產品 但是 首 購 或 首 換 產品 在 剛性 需求 下 最 多 只 是 買氣 遞 延 呂金髮 表示 儘管 疫情 來 襲 泰嘉 開發 今年 的 推 案 步調 並未 改變 總共 有 3 大建 案 包括 台南 九 份子 總銷 約 38億 元 的 水 律 川 大樓 住宅 台 南安 平 港 20億 元 建 案 以及 高雄七 賢 路 20億 元 建 案 將 如期 從 三二九 檔 期 開始 陸續 推出 他 說 泰嘉 位於 台南 九份 子 的 第 4 個 建 案 水 律 川 基地 共 1775 坪 是 泰嘉 成立 以來 推 案 樓高 最高 的 27 層 住宅 大樓 也 是 總 銷 最 大 的 個案 大約 38億 元 預定 329 期 公開 呂金髮 表示 位於 目前 銷售 中的 台南 安平港 國 平 重劃 區 水 悅 灣 旁 的 1000 坪 基地 將 在 年底 動工 興建 樓高 26 層 的 住宅 大樓 總 銷 約 20億 元 而 位於 高雄 七 賢 路 靠近 民族 路旁 的 400 坪 基地 則 是 預定 年中 動工 興建 樓高 29 層 的 住宅 總 銷 也 是 20億 元 左右 至於 這 2 個 建 案 的 開 賣 時程 則 視 市場 買氣 而 定</t>
  </si>
  <si>
    <t>心血管 疾病 位居 國人 十 大 死因 第 2 位 且 臺灣 進入 高齡 化 社會 年紀 越 大 共 病 越 多 常見 的 共 病 因數 如 糖尿病 高血壓 性 疾病 腎臟 相關 疾病 皆 位居 十 大 死因 之列 萬一 國內 新冠肺炎 疫情 再起 心血管 疾病 患者 更 亟需 接種 疫苗 來 提升 保護 力 馬偕 紀念 醫院 副 總 院長 心臟 內科 醫師 洪大川 今天 出席 疾病 管制 署 covid-19 疫苗 與 心血管 疾病 臨床 處置 研討會 解析 各類 心血管 疾病 病人 接種 新冠 疫苗 注意事項 不少 心臟 科 患者 都會 詢問 自己 是否 適合 施打 疫苗 打完 疫苗 會 不 會 讓 原本 的 疾病 惡化 他 認為 答案 原則 上 都 是 不會 根據 歐洲 心臟病 學會 建議 除非 疾病 處於 不 穩定 期 或 本身 對 疫苗 過敏 包括 心肌梗塞 心房顫動 心肌 病變 先天性 心臟病 心臟 移植 肺 高壓 肺 栓塞 周邊 性 血管 疾病 腦 中風 暫時性 腦 缺血 等 都 建議 施打新冠 疫苗 而今 年 發表 在 英國 醫學期刊 bmj 的 研究 顯示 接種 az 和 bnt 疫苗 後 發生 缺血性 中風 和 心肌梗塞 的 比率 都 沒有 明顯 增加 反而 是 感染 新冠肺炎 後 發生 血栓 中風 心肌梗塞 的 比率 上升 了 洪大川 提醒 心血管 疾病 患者 如有 使用 抗 血小板 藥物 施打 疫苗 前 不須 停藥 如 近期 接受 心導管 手術 只要 沒有 發生 併發症 或 急性 胸 痛 症狀 原則 上 術 後 1 周可施 打 疫苗 急性 心肌梗塞 病人 由於 恢復 時間 因人而異 原則 上 出院 後 1 至 2 周 如果 無 明顯 或 惡化 之 胸 痛 或 心 衰竭 經 醫師 評估 即可 打 疫苗 根據 臺灣 腦 中風 學會 建議 剛 發生 急性 腦 中 風 時 可能 會 出現 中風 症狀 惡化 再次 中風 和 心血管 事件 感染 等 併發症 因此 建議 在 中風 急性 期 大約 1 至 2 周 過後 經 醫師 評估 身體狀況 已 穩定 再 施 打 疫苗 在 少數 情況 下 需要 避免 接種 特定 種類 的 疫苗 洪大川 說 血栓 栓塞 病人 目前 多半 建議 施打 疫苗 但 如果 過去 發生 血栓 合併 血小板 低下 症 後 群 或 肝素 引起 之 血小板 低下 症 者 應 避免 接種 az 等 腺病毒 載體 疫苗 另 腦 中風 患者 需要 做 mri 及 電腦 斷層 檢查 有 文獻 指出 莫德納 疫苗 的 賦形劑 與 這 兩 種 檢查 所用 的 顯影劑 相關 如果 對 顯影劑 過敏 就 不 建議 施打 莫德納 疫苗 至於 接種 mrna 疫苗 可能 出現 心肌炎 心包 膜 炎 等 不良反應 洪大川 表示 mrna 疫苗 可 使用 在 多數 慢性 心血管 疾病 患者 包括 冠狀動脈 疾病 心肌梗塞 穩定性 心臟 衰竭 心律不整 風濕性 心臟病 川 崎 氏症 多數 先天性 心臟病 和 植入式 心臟 裝置 者 但 如果 評估 當下 心臟 仍 在 發炎 者 建議 暫緩 接種 mrna 疫苗 或 考慮 使用 其他 疫苗 萬一 施打 bnt 莫德納 等 mrna 疫苗 後 發生 心肌炎 心包 膜 炎 不良反應 洪大川 指出 可 與 醫師 充分 討論 下 並於 病況 改 善後 考慮 以 其他 平臺 的 疫苗 進行 第 2 劑 接種 例如 腺病毒 載體 疫苗 az 蛋白質 次 單元 疫苗 高端 等</t>
  </si>
  <si>
    <t>空軍 雜誌 air force magazine 22 日 報導 美國空軍 戰術 戰機 2021 財年 的 任務 執行率 mission capable rates 全面 下滑 除 a- 10 疣 豬 warthog 攻擊機 外 f- 22 f- 35 f- 16 f- 15 都 無法 倖免 空軍 雜誌 指出 即使 2021 財年 軍方 面臨 的 新冠肺炎 covid-19 疫情 影響 不如 2020 財年 但 任務 執行率 仍 進一步 下降 f- 35 自 7607 大幅 滑落 至 688 但 仍 高於 2019 財年 的 616 這 是 因為 許多 f- 35 開始 面臨 第一 次 發動機 大修 但 近年 美軍 f- 35 機隊 在 該 設備 上 面臨 短缺 估計 2021 財年 內 有 40 架 f- 35 a 因 缺少 發動機 而 停 飛 且 此 狀況 可能 持續 達 數 年 f- 15 e 連續 2 年 下滑 自 2019 財年 的 7129 降 至 2020 財年 的 6921 再降 至 2021 財年 的 6624 f- 15 c 和 f- 15 d由於 機 齡 過 老 任務 執行率 同樣 連續 2 年 降低 f- 15 c 目前 為 6948 f- 15 d 為 6856 f- 16 c 也 自 2020 財年 的 739 降 至 2021 財年 的 7153 f- 16 d 自 2020 財年 的 7211 降 至 2021 財年 的 6932 f- 22 的 任務 執行率 繼續 於 50 上下 徘 回 2021 財年 為 5081 較 2020 財年 降低 約 1 個 百分點 但 與 2019 財年 的 5057 相差不遠 a- 10 雖然 最為 老 舊 但 可能 獲益 於 機翼 更換 工程 及 其 相對 簡單 的 構造 任務 執行率 自 712 上升 至 7254 任務 執行率 是 衡量 戰備 狀態 時 常用 的 指標 代表 戰機 能 至少 執行 一 項 其 被 賦予 的 核心 任務 如 f- 16 就是 空對空 作戰 對 地 攻擊 或 防空 壓制 三 選 一 而 此次 美軍 未公開 全 任務 執行率 full mission capable rates 資料 在 川普 政府 的 前 美國 國防部長馬 提 斯 jim mattis 時代 美國空軍 曾 被 要求 應將 整體 任務 執行率 提升 至 80 以上 但 此 目標 從未 達成</t>
  </si>
  <si>
    <t>隨 著 數位化 時代 來臨 人們 的 生活型 態 也 在 改變 再 加上 近期 新冠肺炎 covid-19 疫情 衝擊 餐 點 外 送 的 市場 蓬勃發展 也 因為 工作 時間 彈性 進入 門檻 低等 特性 只要 有 手機 與 機車 就 可以 外 送 故 吸引 越來越 多 年輕 族群 投入</t>
  </si>
  <si>
    <t>隨 著 數位化 時代 來臨 人們 的 生活型 態 也 在 改變 再 加上 近期 新冠肺炎 covid-19 疫情 衝擊 餐 點 外 送 的 市場 蓬勃發展 也 因為 工作 時間 彈性 進入 門檻 低等 特性 只要 有 手機 與 機車 就 可以 外 送 故 吸引 越來越 多 年輕 族群 投入 這個 市場 然而 外 送 員 薪水 與 送 單量 高度 連動 因 搶快 而 違反 交通規則 甚至 發生 車禍 的 案例 時有所聞 也 曾 發生 死亡 車禍 的 新聞 根據 媒體 調查 顯示 外 送 員 平均年齡 為 30 歲 有 高 達 八成 的 人員 最 擔心 遇到 車禍 事故 如何 運用 保險 填補 風險 遂 成為 大家 都 在 討論 的 議題 之一 現行 外 送 平臺 業者 多 已 協助 外 送 員 投保 一般 的 傷害 保險 但 保 額 有限 國泰 產險 與 wemo scooter 瞄準 此 商機 聯合 打造 外 送 員 的 專屬 商品 企圖 填補 保障 缺口 只要 有 需求 wemo 提供 超 值 租 車 方案 予 外 送 員 另 由 國泰 提供 外 送 員 自費 加 購 的 保險 專案 內容 為 交通 意外 身故 或 失 能 時 最高 給 付 100萬 元 保險金 保費 為 三 個 月 105 元 透過 wemo app 中 專屬 連結 跳 轉至 國泰 產險 官 網 購買 用 手機 即 可 操作 免去 紙本 繁瑣 作業 及 傳遞 時間 流程 中 整合 共用 運具 租用 平臺 與 保險 流程 投保 僅 需 三 分鐘 快速 又 便利 國泰 產險 梁明喬 副總 表示 配合 新興 行業 的 發展 國泰 產險 會 積極 創新 以 人 的 角度 出發 運用 科技 與 數位 方式 打造 新 的 服務 模式 及 價值 打造 保險 生態圈 國泰 產險 未來 也 持續 會 與 wemo 合作 共同 研發 其他 商品 讓 保險 與 生活 緊密結合 以 消費者 的 角度 出發 持續 不斷創新 創造 新 的 保險 價值</t>
  </si>
  <si>
    <t>新竹 市政府 14 日 宣佈 施打 莫德納 就 送 200 禮 券 場次 再 加開 2 天 15 日 16 日 上午 8 至 11 時 下午 3 時至 晚間 7 時 包含 第 123 劑 都 可 施 打 免 預約 直接 至 中正 市場 疫苗 施打 站 接種 莫德納 疫苗 打完 現場 就 送 200 元全 聯 禮 券 市長 林智堅 表示 新竹 市 第 1 劑 疫苗 涵蓋 率 已 達 935 是 全國 第 1 劑 次 人口 比為 1698 更是 本島 第 1 因應 國外 疫情 仍 嚴峻 海外 返鄉 潮 耶誕 跨 年 活動 到來 竹市 明 後 兩 天 莫德納 疫苗 專案 持續 在 中正 市場 進行 不論 第 123 劑 均 免 預約 到 現場 打完 疫苗 就 送 200 元全 聯 禮 券 呼籲 大家 持續 踴躍 接種 提升 疫苗 涵蓋 率 守護 自己 與 親友 的 健康 衛生局 指出 此次 符合 打 疫苗 領 禮 券 活動 資格 包括 18 歲 以上 尚未 接種 第 1 劑 第 1 劑 施打 莫德納 疫苗 已 滿 4 周 可 接種 第 2 劑 者 第 1 劑 施打 az 疫苗已 滿 8 周 可 接種 第 2 劑 者 接種 兩劑 az 或 莫德納 疫苗 已 滿 5 個 月 可 接種 第 3 劑 者 符合 的 接種 物件 可 致電 疫苗 專線 03 5355137 預約 施打 站 接種 莫德納 疫苗 也 可 直接 赴 中正 市場 2 樓施 打 民眾 只要 接種 完 莫德納 疫苗 即可 在場 簽收 100 元全 聯 禮 券 2 張 衛生局 表示 根據 covid-19 公費 疫苗 預約 平臺 顯示 竹市 仍 有 4900 多 人 曾 預約 第 1 劑 或 第 2 劑 疫苗 但 不明 原因 爽約 接種 疫苗 簡訊 提醒 也 未果 為 完善 疫苗 防護 網 透過 打 疫苗 送禮 券 也 希望 再 提高 接種 疫苗 意願 持續 提升 涵蓋 率 市府 也 鼓勵 竹縣 苗縣 民眾 前來 施打 目前 衛生局 仍 持續 透過 簡訊 通知 符合 資格 者 盡 速 預約</t>
  </si>
  <si>
    <t>盧森堡 政府 今天 表示 感染 2019 冠 狀 病毒 疾病 covid-19 的 貝特爾 xavier bettel 總理 情況 嚴重 但 穩定 將 繼續 住院 2 4 天 貝特爾 現年 48 歲 是 歐洲 國家 年輕 一 輩 的 領導人 之一 總理 辦公室 的 一 名 消息人士 透露 他</t>
  </si>
  <si>
    <t>盧森堡 政府 今天 表示 感染 2019 冠 狀 病毒 疾病 covid-19 的 貝特爾 xavier bettel 總理 情況 嚴重 但 穩定 將 繼續 住院 2 4 天 貝特爾 現年 48 歲 是 歐洲 國家 年輕 一 輩 的 領導人 之一 總理 辦公室 的 一 名 消息人士 透露 他 的 呼吸 急促 但 並未 插管 貝特爾 5 月 6 日 曾 注射 一 劑 az 疫苗 目前 尚未 注射 第 2 劑 他因 出現 溫和 症狀 而 在 6 月 27 日 自主 隔離 接 著 在 昨天 住院 當局 宣佈 這 是 24 小時 預防措施 盧森堡 政府 發表 聲明 說 當時 他 被 診斷 出血 氧 濃度 不足 於是 接受 持續 醫學觀察 醫生 認為 總理 目前 身體狀況 嚴重 但 穩定 因此 照 護 總理 的 醫療 人員 決定 此時 總理 仍 有 必要 住院 估計 是 2 4 天 以 持續 觀察 同為 自由派 的 財政部長 葛 梅格納 pierre gramegna 將 獲 授權 負責 確保 政務 延續 但 貝特爾 還 是 能 在 醫院 中 協調 多數 事務 1100706</t>
  </si>
  <si>
    <t>勤業 眾 信 聯合 會計師 事務所 投資 管理 產業 負責人 黃海悅 圖 勤業 眾 信 提供 近期 新冠肺炎 covid-19 疫情 延 燒 衝擊 全球 供應 鏈 和 經濟 各 產業 開始 思考 應對 之 道 對 金融 服務業 來說 疫情 所 造成 的 中國 消費 內需 下滑 供</t>
  </si>
  <si>
    <t>勤業 眾 信 聯合 會計師 事務所 投資 管理 產業 負責人 黃海悅 圖 勤業 眾 信 提供 近期 新冠肺炎 covid-19 疫情 延 燒 衝擊 全球 供應 鏈 和 經濟 各 產業 開始 思考 應對 之 道 對 金融 服務業 來說 疫情 所 造成 的 中國 消費 內需 下滑 供應 鏈斷裂 及 赴 陸 差 旅 減少 等 然而 對於 臺灣 的 銀行 證券 投 信 投 顧 等 產業 的 影響 程度 目前 仍 待 觀察 勤業 眾 信 聯合 會計師 事務所 今 18 日 發佈 2020 投資 管理 產業 趨勢 展望 報告 指出 受到 全球 區域 經濟 發展 差異 和 投資人 偏好 影響 促使 許多 投資 經理 人 主要 策略 是 跨出 國界 勤業 眾 信 建議 企業 可以 從 尋求 市場 或 產品 之 成長 機會 增進 營運 效率 提升 顧客 體驗 與 互動 度 三大 方向 擬定 策略 開拓 新 的 發展 路徑 同時 針對 近期 疫情 衝擊 也 呼籲 金融業 者 重新 檢 視 其 風險管理 機制 及 投資 佈局 強化 數位 溝通 管道 確保 與 客戶 的 順暢 溝通 管道 以 即時 面對 環境 的 變化 勤業 眾 信 會計師 事務所 投資 管理 產業 負責人 黃海悅 指出 全球 經濟 動盪 與 區域間 的 經濟 發展 差 異性 加劇 加上 投資人 偏好 轉為 被動 且 資產 集中 的 投資型 態 及 手續費 壓力 等 因素 使得 另 類 投資 alternative 與 多頭 long-only 投資 經理 人 紛紛 跨出 國界 借 鏡 全球</t>
  </si>
  <si>
    <t>中國疾控中心 官方網站 週三 發表 一 篇 週報 評估 如果 中國 採取 外國 的 防疫 策略 每日 新增 確診 可能 達到 數 十萬 例 其中 如果 採用 美國 防疫 中國 每日 新增 將 超 63萬 例 文末 提到 世界 上 許多 國家 都因 過於自信 地 以為 病毒 傳染 力 會 衰退 而 蒙受損失 我國 不 應該 也 負擔 不 起 成為 下 一個 週報 文章 與 covid-19 共存 估計 和 展望 以 美國 英國 以色列 西班牙 和 法國 為 參考 國 並 評估 若 採取 參考 國 的 防疫 政策 每日 新增 案例 會 數以十萬計 其中 1萬 例會 出現 嚴重 症狀 對 我國 的 醫療 體系 造成 毀滅性 的 衝擊 在 國內 造成 巨大 的 災難 文章 指出 如果 採用 美國 防疫 策略 中國 每日 確診 將 超過 63萬 若 採用 英國 防疫 策略 每日 新增 則 為 27萬 值得注意 的 是 上述 結果 已是 病例 預測 數字 的 下限 文章 認為 按 目前 情況 在 可 預見 的 未來 全球 幾乎 不可能 消滅 這種 疾病 全人類 不得不 暫時 與 病毒 共存 不過 文章 直言 這樣 的 現實 並 不 意味著 我們 可以 偏離 現有 的 動態 清零 策 轉而 毫無保留 地 接受 某些 開放 戰略 僅僅 依靠 某些 西方 國家 宣導 的 疫苗 接種 誘導 群體 免疫 成功 的 假設 文末 強調 西方 國家 根據 流行病 學 動態 模型 來 抗 疫 在 過去 的 一 年 裡 世界 上 許多 國家 都因 過於自信 地 跳 入 後 一 種 情況 病毒傳播 力 加強 而 蒙受損失 我國 不 應該 也 負擔 不 起 成為 下 一個</t>
  </si>
  <si>
    <t>不畏 新冠肺炎 covid-19 疫情 經濟部 加工出口 區 管理處 挺 就業 每月 征 才 服務 不間斷 高雄 及 台中 園區 將 分別 在 14 日 以及 29 日 舉辦 現場 征 才 活動 共 釋出 242 個 職 缺 此次 征 才 廠商 包括 華 新科 技 台虹 科技 光 頡 科技</t>
  </si>
  <si>
    <t>不畏 新冠肺炎 covid-19 疫情 經濟部 加工出口 區 管理處 挺 就業 每月 征 才 服務 不間斷 高雄 及 台中 園區 將 分別 在 14 日 以及 29 日 舉辦 現場 征 才 活動 共 釋出 242 個 職 缺 此次 征 才 廠商 包括 華 新科 技 台虹 科技 光 頡 科技 臺灣 三井 高科技 組 弘 科技 億 力 光電 及 聲 遠 精密 光學 等 7 家 知名企業 加工 處 12 日 表示 14 日 登場 的 高雄 園區 征 才 活動 參加 廠商 包括 華 新科 技 光 頡 科技 臺灣 三井 高科技 組 弘 科技 以及 台虹 科技 等 5 家 公司 提供 職 缺 專案 包括 設備 保修 助理 工程師 品 管 品 保 工程師 測 包 助理 工程師 生產 助理 技術員 倉管 技術員 及 操作 工 等 總計 212 個 職 缺 台中 園區 征 才則 在 29 日 接 棒 共有 億 力 光電 以及 聲 遠 精密 光學 等 2 家 廠商 參與 征 才 釋出 共 30 個 職 缺 設備 工程師 薪資 上 看 45 k</t>
  </si>
  <si>
    <t>新冠肺炎 covid-19 疫情 持續 延 燒 臺灣 7 日 公佈 淩晨 0 時起 港澳 來 台 旅客 需要 居家 檢疫 14 天 的 防疫 措施 一 名 臺灣 網友 表示 和 妻子 從 芬蘭 度 完 蜜月 要 回 臺灣 因為 要 在 香港 轉機 所以 需要 居家 檢疫 14 天 25 日 正好 是 第 14 天</t>
  </si>
  <si>
    <t>新冠肺炎 covid-19 疫情 持續 延 燒 臺灣 7 日 公佈 淩晨 0 時起 港澳 來 台 旅客 需要 居家 檢疫 14 天 的 防疫 措施 一 名 臺灣 網友 表示 和 妻子 從 芬蘭 度 完 蜜月 要 回 臺灣 因為 要 在 香港 轉機 所以 需要 居家 檢疫 14 天 25 日 正好 是 第 14 天 他 也 分享 居家 檢疫 的 心得 慶倖 終於 到 隔離 最後 一 天 了 原 po 在 ptt 論壇 發文 透露 自己 和 妻子 到 芬蘭 度 蜜月 原先 預計 2 月 10 號 在 香港 轉機 回台 不料 臺灣政府 在 7 日 公佈 有 中 港澳 旅遊 史者 來 台須 居家 檢疫 14 天 的 措施 可 活動 範圍 就 只有 居住 場所 若 趴 趴 走 會 被 處以 1 到 15萬 的 罰款 原 po 原先 想 乾脆 用 飯店 電話 取消 班機 結果 芬蘭 航空 要 嘛 不是 不 接 就是說 再 問 主管 只能 硬 著 頭皮 到 香港 轉機 事 後 還 發現 電話費 居然 還 要 5000 台幣 原 po 表示 到 香港 轉 機時 飛機 上 的 空服 員 都會 發 居家 檢疫 通知書 下 飛機 後 再 交給 防疫 人員 會 說 需要 隔離 多久 可以 感受 防疫 人員 的 辛苦 唯一 可惜 的 是 沒有 防疫 配合 的 返家 工具 防疫 人員 也 僅 說 不 建議 搭乘 大眾 運輸工具 但 實際上 還是 有 不少 人 是 搭 捷 運 公車 回家 的 到家 後 便 開始 漫長 的 隔離 期 原 po 提到 區公所 每天 都會 打電話 關心 他們 的 狀況 甚至 提供 一 支 手機號碼 有 異常 狀況 隨時 都 可 聯絡 甚至 連 倒 垃圾 都 可以 跟 區公所 的 人 講 他們 會 派 人 在 門口 收取 垃圾 如果 有 其他 需求 也 都 可以 跟 他們 講 至於 吃飯 食 材 都 是 父母 放在 房門口 後 離開 自己 在家 煮飯 認為 要 吃 的 健康 免疫力 才 會 好 而 隔離 的 14 天 就 是 在 家裡 忙 忙 工作 玩玩 遊戲 朋友 還 借 他 switch 健身 環 運動 他 坦言 不能 出 門還真 的 是 很 悶 但 為了 防疫 只能 悶 14 天 囉 很 慶倖 今天 是 我們 最後 一 天 這 14 天 是 很 悶 很累 但 保障 了 其 他人 的 安全 我們 都 覺得 很 值得 各 層 級 的 防疫 人員 也 真的 很 辛苦 有 需求 也 願意 幫 我們 處理 真的 很 感謝 網友 看 完 po 文 紛紛 留言 表示 恭喜 健康 無事 手藝 看起來 不錯 這 叫 不 會 做 菜 的 人 怎麼辦 好 會 煮 隔離 瘋狂 做菜 喜獲 防疫 寶寶 恭喜 兒子 射手 座 瘋狂 做菜 那 有 瘋狂 做人 嗎 xd 區公所 幫忙 倒 垃圾 服務 真好 謝謝 你們 保護 臺灣 感謝 你 配合 了 14 天 沒有 偷 跑出去 新婚 在家 隔離 剛好 培養感情</t>
  </si>
  <si>
    <t>近 一個 多 月 來 新冠肺炎 covid-19 疫情 在 全球 擴散 造成 金融市場 動盪不安 除了 主要 股市 跌 聲 連連 外 債市 亦 明顯 波動 外匯市場 也 無法 置身事外 隨 著 疫情 與 主要 國家 財政 與 貨幣政策 的 動態 發展 市場 的 風險 偏好 狀態 亦</t>
  </si>
  <si>
    <t>因應 嚴重 特殊 傳染性 肺炎 疫情 加溫 新北 市政府 農業局 輔導 轄內 取得 許可 登記證 的 休閒 農場 皆 配合 強化 三級 防疫 政策 自主 停業 後續 農業局 將 協助 休閒 農場 業者 向 中央 爭取 紓困 補助 措施 由於 嚴重 特殊 傳染性 肺炎 covid-19 疫</t>
  </si>
  <si>
    <t>東京 奧運 再 兩 天 就 要 正式 開幕 目前 世界 各國 的 好手 們 都 陸續 抵達 了 日本 東京 準備 迎接 這 盛大 的 體育賽事 而 本次 奧運 因為 正逢 新冠肺炎 肆虐 整體 辦 起來 提心吊膽 雖然 國際 奧 會 和 日本 方面 都 還是 有 信心 但 難保 疫情 不 會 影響 這次 盛會 的 進行 #envivo fernanda aguirre qued fuera de los jj oo por covid-19 24 horascentral #tokyo 2020 entvn sigue la se al en vivo 24 play https t co mi 3 ydustrf pic twitter com vhyz 369 h 2 o 而 不好 的 消息 就 在 今天 傳出 了 智利 跆拳道 女子 選手 阿吉雷 fernada aguirre 因 兩 次 新冠肺炎 檢測 都 呈 陽性 必須 被迫 退 賽 她 也 成為 本屆 東京 奧運 首 位 因 確診 退 賽 的 選手 這 對 智利 以及 日本 主辦國 方面 都 是 個 痛心 的事情 畢竟 阿吉雷 在 出發 前往 東京 前 檢測 都 還 是 呈 陰性 阿吉雷 是 智利 代表團 唯一 的 跆拳道 選手 她 參加 57 公斤 級 比賽 目前 因 確診 退 賽 智利 代表團 就 完全 沒有 跆拳道 選手 了 相當 令 人 惋惜 而 這個 缺額 將 由 大陸 選手 周俐君 遞補 出賽 智利 奧 會 對 此事 表示 她 從 烏茲別克 轉機 到 東京 出發 前 pcr 檢測 為 陰性 如今 兩 次 檢測 都 呈 陽性 幸好 屬 無 症狀 而 她 的 教練 是 陰性 但 還 是 得 進行 隔離 阿吉雷 今年 才 21 歲 身高 172 公分 體重 57 公斤 畢業 于 智利 美洲 大學 正值 運動員 在 生涯 衝刺 的 大好時機 她 曾 獲得 2018 年 泛美 跆拳道 錦標賽 女子 57 公斤 級 銅牌 及 2019 年 泛美 運動會 跆拳道 比賽 女子 57 公斤 級 銅牌 同年 也 摘 下 世界 大學 運動會 57 公斤 級 的 銅牌 相信 這 次 也 是 抱 著 奪 牌 希望 前來 可惜 因 確診 被迫 退出</t>
  </si>
  <si>
    <t>時序 秋 冬 新冠肺炎 covid-19 疫情 持續上升 多國 的 確診 者 數位 再創新高 南韓 也 不 例外 爆發 第 三 波 感染 潮 24 歲 男 星 李燦元 不經意 檢測 卻 中 鏢 嚇 得 網 刷 一 片 好 恐怖 李燦元 所屬 的 經紀 公司 new era project</t>
  </si>
  <si>
    <t>工商時報 與 南僑集團 及 太田水 素工 坊 生 技 股 公司 暨 歐 立得 科技 有限公司 和 社團 法人 臺灣 醫務 管理學 會 將 於 7 月 24 日 下午 1 30 1 00 入場 在 中華經濟 研究院 國際 廳 隆重 舉辦 新冠肺炎 covid-19 高峰論壇 邀請 衛福部 疾病</t>
  </si>
  <si>
    <t>工商時報 與 南僑集團 及 太田水 素工 坊 生 技 股 公司 暨 歐 立得 科技 有限公司 和 社團 法人 臺灣 醫務 管理學 會 將 於 7 月 24 日 下午 1 30 1 00 入場 在 中華經濟 研究院 國際 廳 隆重 舉辦 新冠肺炎 covid-19 高峰論壇 邀請 科技部長 到</t>
  </si>
  <si>
    <t>美國 前 國務卿 鮑爾 病逝 死因 為 新冠肺炎 併發症 根據 外電報導 鮑爾 雖 已 完整 接種 兩劑 疫苗 但 他 患 有 罕見 血癌 帕金森氏症 免疫 功能 不 全 醫師 姜冠宇 認為 針對 本身 就 有 多重 慢性病 的 人 來說 罹 患 covid-19 容易 加重 這些</t>
  </si>
  <si>
    <t>美國 前 國務卿 鮑爾 病逝 死因 為 新冠肺炎 併發症 根據 外電報導 鮑爾 雖 已 完整 接種 兩劑 疫苗 但 他 患 有 罕見 血癌 帕金森氏症 免疫 功能 不 全 醫師 姜冠宇 認為 針對 本身 就 有 多重 慢性病 的 人 來說 罹 患 covid-19 容易 加重 這些 併發症 他 呼籲 若 欲 降低 死亡數 應 儘快 做 準備 幫 免疫 低下 者 追加 第 3 劑 綜合 國外 媒體 報導 薑冠宇 分析 鮑爾 的 免疫系統 本來 就 差 而 體 弱 的 人 在 確診 後 很多 症狀 會 持續 確診 的 衰弱 老人 即便 二 采 陰 病程 也 未必 結束 出院 後 萬一 支持 不夠 還是 有 死亡 風險 薑冠宇 強調 要 減少 ongoing covid 的 死亡 免疫 低下 者 應 追加 打 第 3 劑 新冠 疫苗 他 建議 中 央 地方 政府 優先 統計 這些 有 潛 在 需要 的 人口 免疫 低下 者 與 高齡 長者 其他人 等待 次 世代 疫苗 即可</t>
  </si>
  <si>
    <t>臺灣 2020 年度 代表 字 今天 出爐 結果 襲卷 全球 的 疫 字 獲得 壓倒 性 勝利 從 66 個 字 中 脫穎而出 拿下 總 票 數 82631 票 中的 28441 票 票數 幾乎 是 第 2 名 蓄 字 的 2 倍 此外 值得注意 的 是 今年 入選 前 10 名 的 候選 字 中 有 5 個 是 正向 的 是 近 5 年 來 最 多 代表 人們 從 黑暗 中 看見 希望 臺灣 2020 年度 代表 字 大選 今 8 日 公佈 票 選 結果 今年 的 年度 代表 字 第 1 名 至 10 名 分別 為 疫 蓄 悶 安 韌 惜 勇 偽 茫 封 回顧 過去 12 年 臺灣 年度 代 表字 從 2008 年 的 亂 2009 年 的 盼 2010 年 的 淡 2011 年 的 贊 2012 年 的 憂 2013 年 的 假 2014 年 的 黑 2015 年 的 換 2016 年 的 苦 2017 年 的 茫 2018 年 的 翻 到 2019 年 的 亂 今年 新冠肺炎 疫情 席捲 全球 幾乎 改變 了 大眾 的 生活 方式 不過 今 年前 10 名 的 候選 字 中 仍 出現 5 個 正向 字 也 是 近 5 年 來 最 多 正向 字 入選 前 10 名 的 一 年 代表 人們 從 黑暗 中 依舊 能 看見 希望 2020 代 表字 疫 也 是 獲得 最 多 名 人 推薦 的 字 前 副 總統 陳建仁 認為 今年 籠罩 在 百年 大 疫 covid-19 的 陰影 下 死亡 超過 百萬 經濟 嚴重 衰退 瘟疫 防疫 疫苗 儼然 成 為 整年 的 恐慌 試 煉 與 盼望 疾 管 署長 周志浩 表示 今年 全世界 生活 都 圍繞 在 疫 這個 字 面對 疫情 你 我 皆 疫 無 反顧 疫 不容 辭</t>
  </si>
  <si>
    <t>英國 衛報 the guardian 2 日 報導 在 技術 問題 下 以色列 原本 即 將 與 英國 達成 的 輝瑞 pfizer bnt 新冠肺炎 covid-19 疫苗 交換 協議 已 宣告 失敗 這 批 數量 超過 百萬 劑 的 疫苗 恐 在 7 月底 過期 後 被迫 銷毀 根據</t>
  </si>
  <si>
    <t>來自 瑞典 全球 知名 的 居家 用品 ikea 販 售 各種 風格 的 家用品 以 價格 實惠 自己 動手 組裝 聞名 最近 ikea 推出 自己 組合 的 棺材 一 放上 宣 傳 廣告 就讓 許多 忠實 消費者 驚訝 紛紛 猜測 是否 因為 新冠肺炎 covid-19 疫情 嚴重 放置</t>
  </si>
  <si>
    <t>來自 瑞典 全球 知名 的 居家 用品 ikea 販 售 各種 風格 的 家用品 以 價格 實惠 自己 動手 組裝 聞名 最近 ikea 推出 自己 組合 的 棺材 一 放上 宣 傳 廣告 就讓 許多 忠實 消費者 驚訝 紛紛 猜測 是否 因為 新冠肺炎 covid-19 疫情 嚴重 放置 遺體 棺木 不足 有關 ikea 推出 的 這款 diy 自組 棺材 售價 200 英鎊 折合 台幣 大約 7400 元 棺材 30 公斤 左右 可以 用 郵寄 方式 寄送 自行 組裝 完成 後 可以 放 入 約 110 公斤 的 遺體 ikea 表示 這款 棺材 因為 面積 較 小 運送 時所 占 的 空間 比 一般 棺材 少 80 相當 節省 空間 根據 外 媒 報導 該款 棺材 已經 在 英國 熱銷 ikea 總經理 拉爾斯博克 lars bork 表示 在 這樣 的 困難 時期 歐洲每 5 秒 鐘 就 有 人 死亡 時機 再好不過 了 任何人 都 可以 在 2 周內 購買 和 組裝 棺材 這 對於 維護 人類 尊嚴 至關重要 每 副 棺材 均 附有 120 頁 的 組裝 說明書 並提供 終身 或 10 年 保固 來自 倫敦 的 消費者 馬克凱利 mark kelly 分享 使用 心得 說明 指示 很 糟糕 當 我們 走下 樓梯 時 我 的 叔叔 跌倒 了 不過 我 不 會 發牢騷 因為 只 要 4999 英鎊 外 媒 newsbiscuit 報導 的 恰 有 其事 但 臺灣 ikea 出面 澄清 其實 這 則 消息 是 惡 搞 新聞 無論是 國外 臺灣 ikea 皆 沒有 販 售 自組 棺材 newsbiscuit 是 英國 知名 諷刺 媒體 時常 刊出 惡 搞 時事 的 文章</t>
  </si>
  <si>
    <t>美國國務院 一 名 高官 今天 表示 美方 正 在 跟 臺灣 監管 單位 合作 預期 會 在 非常 短 的 時間 內 送出 2019 冠 狀 病毒 疾病 covid-19 疫苗 給 臺灣 華府 之前 已 承諾 會 捐贈 臺灣 75萬 劑 covid-19 疫苗 路透社 報導 美國國務院 東亞 暨</t>
  </si>
  <si>
    <t>美國國務院 一 名 高官 今天 表示 美方 正 在 跟 臺灣 監管 單位 合作 預期 會 在 非常 短 的 時間 內 送出 2019 冠 狀 病毒 疾病 covid-19 疫苗 給 臺灣 華府 之前 已 承諾 會 捐贈 臺灣 75萬 劑 covid-19 疫苗 路透社 報導 美國國務院 東亞 暨 太平洋 事務 局 副 助理 國務卿 費德 瑋 jonathan fritz 在 聯邦 參議院 聽證會 上 表示 我們 確實 預期 在 非常 短 的 時間 內 就 會 送出 那些 疫苗 給 臺灣 希望 在 那 之後 不久 人民 就 能 施打 被 問及 疫苗 是否 將 在 幾 周 內 交付 費德 瑋 回答 他 希望 時程 可能 會 比 那 更 快 但 他 無法 提供 確切 日期 1100618</t>
  </si>
  <si>
    <t>美國 知名 節目 艾倫秀 主持人 艾倫 狄珍妮 ellen degeneres 近期 負面新聞 不 斷 一向 給 人 親 民 形象 的 他 遭 工作人員 指控 是 雙面 人 之外 更 被 爆 料 艾倫 的 工作 團隊 有 惡劣 的 職 場 文化 內部 高層 涉及 種族歧視 性騷擾 下屬 這些 狀況 艾倫皆 不聞不問 這 也 對 他 的 形象 造成 相當 大 的 傷害 醜聞 風波 持續 延 燒 數日 之後 艾倫 終於 做出 懲處 開除 涉嫌 性騷擾 及 霸 淩 的 員工 但 艾倫 又 在 疫情 期間 未經 工作人員 同意 竟 將 工作 團隊 薪資 減少 60 引發 同仁 們 的 不滿 事後 艾倫 甚至 有 想 放棄 主持 17 年 的 節目 企圖 平息 風波 艾倫 的 挑戰 可說 一波未平 一波又起 今 11 日 他 在 自己 的 社 群 平臺 上 主動 公佈 自己 確認 感染 上 新冠肺炎 並 坦承 曾和 自己 觸 過 的 人 都 收到 通知 艾倫 在 貼 文 中 說道 嗨 大家 好 我 想 讓 各位 知道 我 的 新冠肺炎 covid-19 檢測 結果 為 陽性 所幸 現在 我 感覺 已經 好多 了 我會 遵守 防疫 規定 假期 後 見 因 各種 醜聞 纏身 以致 艾倫秀 收視率 下滑 她 在 最新 一 季 節目 開播 時 還 在 節目 上 反 諷 說 一直 很 想 當面 與 各位 說 一些 話 但 在 過去 半 年 裡 當面 這 件 事 是 不 合法 的 雖然 小心 防疫 但 最後 仍 不幸 確診 ellen degeneres @theellenshow 分享 的 貼 文</t>
  </si>
  <si>
    <t>近一年來 受到 新冠肺炎 covid-19 疫情 影響 民眾 的 生活 及 消費 習慣 都 受到 一定 程度 的 影響 例如 減少 外出 增加 網路 購物 的 頻率 或是 改 以外 送 服務 為主 同時 今年 臺灣 疫情 再次 爆發 更 促使 許多 企業 加快 數位 轉型 的 腳步 樂</t>
  </si>
  <si>
    <t>新冠肺炎 covid-19 疫情 持續 延 燒 治療 與 預防 藥物 的 研發 迫在眉睫 懷特生 技 4108 旗 下 懷特 精製 黃 耆 多糖 研究 中心 展開 研發 計畫 與 國立 陽明 大學 黃奇英 教授 合作 借重 大 資料 資料庫 和 電腦 軟 體 分析 進一步 驗證</t>
  </si>
  <si>
    <t>新冠肺炎 covid-19 疫情 持續 延 燒 治療 與 預防 藥物 的 研發 迫在眉睫 懷特生 技 4108 旗 下 懷特 精製 黃 耆 多糖 研究 中心 展開 研發 計畫 與 國立 陽明 大學 黃奇英 教授 合作 借重 大 資料 資料庫 和 電腦 軟 體 分析 進一步 驗證 黃 耆 多糖 新冠肺炎 病毒 抑制 病毒 的 基因 片段 三者 間 關聯 性 並 探討 防止 肺部 纖維 化 發生 的 可能性 期盼 盡 速 研發 出 抗 病毒 藥物 懷特生 技 表示 我國 首 例 新冠肺炎 具 確診 女 台商 痊癒 後 就 出現 肺 纖維 化 症狀 雖 並非 人人 均 有此 症狀 但 肺 纖維 化 通常 不 可逆 避免 發生 就 顯得 相當 重要 有 鑒 sars 疫情 病毒 會 導致 患者 自體 免疫 反應 過於 劇烈 引發 細胞 因數 風暴 傷及 器官 修復過程 中 產生 纖維 化 對 器官 功能 產 造成 終身性 的 損害 多 篇 研究 和 文獻 顯示 黃 耆 多糖 具 調節 免疫 反應 作用 懷特生 技 總經理 鄭建新 博士 指出 懷特 精製 黃 耆 多糖 研究 中心 現 正 啟動 黃 耆 多糖 用於 調控 細胞 因數 風暴 與 肺部 纖維 化 研發 計畫 探討 黃 耆 多糖 的 調節 免疫 反應 作用 應用 在 防止 肺 纖維 化 發生 同時 研究 是否 具 阻斷 新冠肺炎 covid-19 惡化 的 作用 此外 依據 精准 醫學 的 概念 懷特 精製 黃 耆 多糖 研究 中心 利用 大數 據 資料 電腦 軟 體 分析 與 文獻 回顧 為 立基 推測 出 至少 有 4 個 可能 用 來 抑制 新冠肺炎 病毒 的 小 分子 核酸 mirna 且 令人振奮 的 是 透過 用藥 預測 分析 黃 耆 多糖 與此 4 個 小 分子 核酸 關係 密切 有望 透過 誘發 這些 小 分子 核酸 降低 病毒 複製 的 能力 達到抑制 新冠肺炎 惡化 的 結果</t>
  </si>
  <si>
    <t>備受 期待 的 5 g iphone 還 得 等 更 久 在 競爭對手 都 紛紛 推出 5 g 手機 搶市 的 環境 下 由於 技術 尚未 成熟 市場 也 尚未 準備 好 蘋果 apple inc 在 2019 年 秋季 並未 推出 支援 5 g 的 手機 而 一般 預料 5 g iphone 將 會 在 2020 年 秋季 登場 但 一 波 自 2019 年底 起 爆發 的 新冠肺炎 疫情 卻 打亂 蘋果 的 如意算盤 美國銀行 bofa 或 稱 boa 預警 受到 新冠肺炎 covid-19 疫情 影響 預計 在 今年 上 下半年 發表 的 新 iphone 都 將 受到 影響 延後 亮相 知名 財經 外 媒 報導 引述 了 美國銀行 分析 師 wamsi mohan 的 報告 指出 由於 供應 鏈 的 問題 以及 疫情 導致 的 市場需求 疲軟 iphone se 2 或 稱 iphone 9 的 發表 將 會 延遲 幾 個 月 而 具體 發表 的 時間 點 則 要 視 4 月 及 5 月 間 產量 回升 的 情況 來 決定 不僅如此 美國銀行 方面 更 引用 了 蘋果 供應 鏈 專家 elliot lan 的 看法 後者 認為 預計 秋季 發表 的 5 g iphone 受 疫情 影響 也 將 延後 一個 月 發表 先前 由於 疫情 影響 中國 大陸 供應 鏈 的 復工 進度 再 加上 因為 防疫 而 導致 的 旅遊 禁令 已 有 市場 消息 指出 蘋果 暫停 旗 下 工程師 前往 中國 大陸 出差 影響 到 了 2020 年 秋季 新 iphone 的 研發 進度 美國銀行 以及 供應 鏈 專家 的 說法 一 出 則 是 再度 證實 了 先前 的 市場 傳聞 蘋果 自 2011 年 ceo tim cook 接任 steve jobs 上任 後 首度 接 棒 發表 的 iphone 4 s 之後 每 一 年 都 是 選 在 秋季 9 月份 揭曉 年度 新 iphone 慣例 已 延續 9 年 未 變 若 今年 新 iphone 將 延後 發表 不僅 對於 蘋果 而言 將 造成 衝擊 對於 相關 產業 而言 恐怕 也 免不了 受到 更 大 的 波及 臺灣地區 第一 階段 5 g 頻譜 競標 在 2 月 21 日落 幕後 5 g 開 台 的 準備 進度 開始 加速 電信 三 雄 近日 也 因為 三星 galaxy s 20 系列 5 g 版 上市 而 提前 推出 5 g 早 鳥 方案 宣 告 5 g 資費 戰 提早 開 打 按照 先前 電信 商 公佈 的 計畫 5 g 開 台 電信 三 雄 皆 以 今年 第 三 季為 目標 這 當中 的 原因 除了 基地 台佈 建 等 因素 外 iphone 都 選 在 秋季 發表 更是 其中 一大 要素 若 5 g iphone 果真 延後 發表 會 不會 也 連帶 影響 到 臺灣 5 g 開 台 的 時間 點 令 人 不由得 憂心 今年 2 月中 旬 蘋果 罕見 的 提前 預警 今年 2020 財年 q 3 財 報 反映 2020 年 q 2 業績 很 可能 無法 達成 預期 並 點出 其中 原因 包含 受到 復工 速度 緩慢 的 影響 全球 iphone 供應 將 出現 短缺 以及 中國 市場 消費 需求 下滑 等 因素 而 從 稍 早 前 美國銀行 的 說法 來看 這 一 波 疫情 的 衝擊 對於 蘋果 的 影響 將 不僅 限於 q 2 且 還 會 持續 擴大 影響 範圍 超乎 預期</t>
  </si>
  <si>
    <t>世界衛生 大會 今天 閉幕 今年 國際 更 明確 力挺 臺灣 除 14 友邦 支持 外 美國 加拿大 等 5 國 發言 更 直接 提及 臺灣 加上 德國 紐西蘭 等 多國 間接 聲援 讓 中國 多次 指 挑戰 一中 別 有 居心 第 74 屆 世界衛生 大會 wha 自 5 月 24 日 起 以 視 訊 方式 開議 原訂 6 月 1 日 閉幕 但因 討論 進度 順利 今天下午 提前 閉幕 在 臺灣 參與 議題 方面 今年 國際 支持 參與 呼聲 更 明確 強烈 除 教廷 為 觀察員 身分 一向 以 其他 方式 表達 支援 外 14 個 友邦 以 提案 致函 及 會 中 發言 等 方式 支援 臺灣 參與 wha 其中 馬紹爾群島 聖 克裡斯 多福 及 尼維斯 諾魯 以及 史瓦帝 尼 等 4 個 友邦 更 代表 台方 分別 在 總務 委員會 及 全會 與 中方 進行 2 對 2 辯論 呼籲 接納 臺灣 參與 在 理念 相近 國家 方面 美國 日本 英國 加拿大 澳洲 及 瑪律他 騎士 團 在 會 中 直接 發言 表達 支持 其中 英 加 澳 三國 今年 首度 在 wha 會 中 明確 提及 臺灣 具有 重要 意義 另 德國 紐西蘭 捷克 立陶宛 等 理念 相近 國家 則 在發言中 強調 全球 只有 落實 包容 性 才能 戰勝 2019 冠 狀 病毒 疾病 covid-19 疫情 以 間接 方式 聲援 臺灣 面對 國際 社會 特別 是 重要 國家 以 公開 提及 臺灣 方式 表達 明確 支持 中國 方面 則 多 次 在 會 中 行使 答辯 指 一些 國家 挑戰 一中 是 要 在 國際 上 製造 兩 個 中國 或 一中一台 雖然 who 連續 第 5 年 未 邀請 臺灣 參與 wha 但 今年 美國 撤銷 退出 who 決定 後 在 會議 期間 積極參與 討論 也 參與 包括 舉行 wha 特別 會議 制定 應對 疫情 大 流行 條約 保護 衛生 及 照 護 工作人員 等 決議 草案 顯示 美國 在 全球 公衛 議題 上 強化 領導 性 未來 臺灣 參與 議題 可見度 仍 受 期待 編輯 韋樞 1100531</t>
  </si>
  <si>
    <t>受到 嚴重 特殊 傳染性 肺炎 covid-19 疫情 影響 computex 2020 臺北 國際 電腦展 確定 延期 至 9 月 舉辦 且 9 月 28 日 至 30 日 僅 三 天 天數 也 縮減 computex 2020 將 呈現 5 g 與 通訊 智慧 解決 方案 電競 及 創新 等 主題 新冠肺炎 疫情</t>
  </si>
  <si>
    <t>受到 嚴重 特殊 傳染性 肺炎 covid-19 疫情 影響 computex 2020 臺北 國際 電腦展 確定 延期 至 9 月 舉辦 且 9 月 28 日 至 30 日 僅 三 天 天數 也 縮減 computex 2020 將 呈現 5 g 與 通訊 智慧 解決 方案 電競 及 創新 等 主題 新冠肺炎 疫情 擴散 目前 已 累積 超過 30萬 人 確診 分佈 於 全球 167 國 已 嚴重 衝擊 經濟 貿易 交通運輸 與 會展 觀光 等 各行各業 computex 主辦單位 外貿協會 秘書長 葉明水 及 臺北市 電腦 公會 總 幹事 杜全昌 23 日 共同 宣佈 基於 維護 參展 廠商 及 參觀者 的 健康 與 安全 顧及 參展 效益 與 維繫 computex 品牌形象 原訂 今年 6 月 2 日 至 6 日 舉辦 的 computex 將 延期 至 9 月 辦理 為了 持續 服務 全球 有 需求 的 參展 廠商 及 買主 今年 computex 將 延期 至 9 月 28 日 至 30 日 於 臺北 南港 展覽館 2 館 舉行 將 呈現 5 g 與 通訊 智慧 解決 方案 電競 及 創新 與 新創 innovex 等 重點 主題 依據 麥肯錫 最新 疫情報告 中國 與 東亞 的 疫情 在 第 2 季 初期 會 受到 控制 歐美地區 疫情 也 會 在 6 月 趨 緩 外貿協會 將 透過 全球 63 個 駐外 單位 加強 洽 邀 全球 買主 來 台 參觀 9 月 的 computex 針對 持續 力挺 computex 的 國內 參展 廠商 主辦單位 將 於 6 月 原 檔 期 期間 在 臺灣 經貿網 辦理 computex 線 上 展覽 廣 邀 全球 買主 參加 視 訊 採購 洽談會 及 邀請 國內外 指標 廠商 進行 線 上 新 產品 發表會 同期 將 邀請 國 內外資 通訊 指標性 業者 以 webinar 型式 分享 5 g 與 aiot 等 智慧 科技 應用 與 最新 趨勢</t>
  </si>
  <si>
    <t>太陽 報 the sun 報導 英國 衛生 大臣 賈維德 sajid javid 27 日 表示 該國 有 2 名 新冠肺炎 covid-19 確診 者 已 確認 為 感染 omicron 變種 病毒 並稱 2 起 病例 都 與 南非 旅行 有所 聯繫 賈維德 表示 這 2 起 病例 分</t>
  </si>
  <si>
    <t>新冠肺炎 covid-19 疫情 影響 全世界 許多 影展 活動 接連 受 影響 youtube 宣佈 舉辦 we are one a global film festival 線 上 影展 將 於 5 月 29 日 至 6 月 7 日 舉行 為期 10 天 將 免費 提供 全球 的 影迷 觀賞 屆時 不 會 有 任何</t>
  </si>
  <si>
    <t>新冠肺炎 covid-19 疫情 影響 全世界 許多 影展 活動 接連 受 影響 youtube 宣佈 舉辦 we are one a global film festival 線 上 影展 將 於 5 月 29 日 至 6 月 7 日 舉行 為期 10 天 將 免費 提供 全球 的 影迷 觀賞 屆時 不 會 有 任何 廣告 觀眾 可 在 觀看 期間 直接 向 世界衛生組織 who 的 covid-19 團結 救助 基金 捐款 該 影展 主辦單位 翠 貝卡 企業 公司 tribeca enterprises 與 youtube 於 27 日 發表 聲明 說 自 5 月 29 日 起 為期 10 天 的 we are one a global film festival 將 與 20 家 頂尖 影展 合作 放映 柏林 坎城 威尼斯 日 舞 多倫多 與 翠 貝卡 等 影展 策劃 內容 路透社 報導 這次 影展 將 播放 影片 紀錄片 音樂 喜劇 與 訪談 節目 內容 細節 尚未 公佈 不 過 不太可能 有 一般 在 影展 首映 的 熱門 新片 根據 deadline 報導 則 指出 新聞稿 中 強調 新 舊 影片 皆 有 不過 考量 商業 效益 及 版權 問題 預期 劇情 片 應該 是 曝光 過 的 影片 而 坎城影展 只有 提供 一些 經典電影 的 片 源 不過 即便 合作 推出 we are one a global film festival 並不 代表會 取代 原本 的 實體 影展 坎城影展 日前 宣佈 2 度 延期 後 仍 正 在 評估 舉辦 與否 主辦單位 也 曾 表示 不可能 以 線 上 影展 取代 接下來 的 夏季 於義 大利 的 威尼斯 影展 目前 則 照常 舉辦 秋天 的 加拿大 多倫多 影展 也 準備 將 部分 單元 以 線 上 方式 進行</t>
  </si>
  <si>
    <t>新冠肺炎 covid-19 坎城 youtube we are one a global film festiva</t>
  </si>
  <si>
    <t>新竹 市 5 日 增 1 名 covid-19 確診 個案 案 10649 為 京元電 竹南 廠群 聚 案例 為 50 多 歲 本 國籍 女性 為 京元 電子 竹南 廠 員工 租 屋 處於 新竹 市 轄內 非 竹市 市民 6 月 1 日 發燒 就醫 pcr 采 檢 後 確診 共 匡列 3 名 居家 隔離 市府 已 安排 相關</t>
  </si>
  <si>
    <t>日本 安倍 首相 于 前天 及 昨日 分別 在 日本 眾 參 兩院 預算 委員會 答詢 時 表示 已向 who 秘書長 譚 德塞 反應 臺灣 參與 世界衛生組織 who 的 問題 加拿大 副 總理 方慧蘭 於 渥太華 時間 昨日 也 在 加國 聯邦 眾議院 表示 加國 支持 臺灣 以 觀察員 身分 出席 世界衛生組織 大會 會議 外交部 今 29 日 表示 對於 日本 與 加拿大 的 支持 表達 感謝 加拿大 副 總理 方慧蘭 chrystia freeland 於 渥太華 時間 29 日 在 該國 聯邦 眾議院 因應 covid-19 特別 委員會 上 答詢 在野 保守黨 議員 趙錦榮 時 公開 說 加國 認為 讓 臺灣 擔任 who 大會 會議 的 觀察員 角色 符合國際 衛生界 的 利益 且 對 全球 對 抗大 流行 與 疾病 至關重要 這 是 繼 加國 總理 小 杜魯道 justin trudeau 1 月 29 日 在 其 國會 公開 宣示 支持 我 案 後 加國 高層 再次 於其 國會 做 公開 表示 外交部 對 加國 高層 重申 加國 支持 我 參與 who 之 立場 表示 歡迎 與 感謝 外交部 發言人 歐 江安 指出 日前 臺灣 捐贈 加國 50萬 片 醫療 用 口罩 台加 也 透過 科技交流 等 共同努力 對抗 疫情 對 加國 政府 再次 公開 支持 臺灣 有意義 參與 who 表示 誠摯 感謝 至 盼 持續 與 加拿大政府 與 人民 攜手 合作 深化 雙方 在 各 領域 的 互利 友好 夥伴關係 共同 維護 兩國人民 及 全球 的 健康 安全 歐 江安 也 說 外交部 對 安倍 首相 及 日本政府 支持 臺灣 參與 who 及 堅定 的 友 我 情誼 表達 最深 的 敬意 與 謝忱 她 指出 日本政府 曾多次 表示 臺灣 與 日本 共用 自由 民主 人權 法治 等 基本 價值觀 雙方 擁有 密切 經貿關係 及 人員 往來 臺灣 是 日本 的 重要 夥伴 及 珍貴 友人 歐 江安 表示 我國 盼 持續 與 日方 深化 疫情 情 資 交換 及 防疫 合作 在 既 有 的 堅實 友好 基礎 上 繼續 積極 深化 台 日間 各項 交流 與 合作 穩健 發展 雙方 互惠互利 的 夥伴關係 更 多 ctwant 報導</t>
  </si>
  <si>
    <t>新冠肺炎 covid-19 疫情 期間 即時通訊 平臺 line 宣佈 為了 協助 臺灣 的 政府 機關 有效 傳遞 正確 的 官方 資訊 將 為 中央政府 一二 三級 機關 與 縣市政府 提供 公共服務 帳 號 讓 政府 機關 在 近期 的 防疫 時期 免費 推 播 防疫 措施 等 相</t>
  </si>
  <si>
    <t>來自 馬來西亞 的 辣 媽 amanda seet 在 網上 人氣 超高 從 過去 在 模特 兒 圈 就 因 澎 派 身材 引發 關注 但 最讓人 印象 深刻 的 其實 是 她 胸前 超 醒目 的 一 顆 痣 如同 標記 一樣 恰恰 好在 胸口 正中間 的 位置 讓 大批 粉絲 看 了 狂 贊 果真 是 胸懷 大 痣 伴隨 新冠肺炎 covid-19 疫情 擴大 她 不 忘 發 辣 照 呼籲 粉絲 動 起 來 抗 疫 大家 要 乖乖 呆 家 在 哦 不要 亂 跑 了 馬來西亞 加油 吧 照 片中 她 身穿 亮 眼 的 螢光 綠 貼身 背心 配上 牛仔 短褲 讓 少少的 布料 意外 凸顯出 豪 乳 就 連 事業 線 都 超 明顯 amanda seet @amandaseet 分享 的 貼 文 於 pdt 2020 年 3 月 月 19 日 下午 10 52 張貼 在 ig 上 瘋狂 吸引 419萬 人 追蹤 的 amanda 已經 從 少女 升級 當 媽媽 育 有 可愛 的 兒子 lucas 也 幫 他 開 了 個人 ig 記錄 成長 點滴 除了 專心 顧 小孩 同時 也 擔任 網 拍 服飾店 老闆 可說是 人美 事業 順 的 人生 勝利 組 lucas teo baby boy @lucasteobaby 分享 的 貼 文 於 pst 2020 年 2 月 月 14 日 上午 4 23 張貼 amanda seet @amandaseet 分享 的 貼 文 於 pdt 2020 年 3 月 月 18 日 上午 7 23 張貼 amanda seet @amandaseet 分享 的 貼 文 於 pst 2020 年 2 月 月 22 日 下午 9 57 張貼 amanda seet @amandaseet 分享 的 貼 文 於 pst 2020 年 2 月 月 26 日 下午 9 59 張貼</t>
  </si>
  <si>
    <t>美國 生 技 大廠 諾瓦 瓦克斯 novavax 蛋白 次 單位 新冠 疫苗 在 保護 力及 對抗 變種 病毒 的 能力 都 表現 優異 國產 的 高端 及 聯 亞 疫苗 也 是 蛋白 次 單位 疫苗 能 擁有 如同 諾瓦瓦克斯 疫苗 的 效力 嗎 專家 認為 諾瓦瓦克斯 做 這 支 疫苗 用上 兩 項 專利 奈 米 顆粒 技術 和 佐劑 國產 疫苗 恐怕 很 難 望其項背 我國 開 打 新冠 疫苗 以來 az 猝死 數字 令 人 心驚 莫德納 開 打 後 也 陸續 傳出 猝死 個案 雖然 到 目前為止 無法 證明 死亡 與 疫苗 有 直接 關係 不過 國內 有 部分 民眾 堅定 等待 國產 疫苗 因為 他們 深信 蛋白 疫苗 最 安全 同是 蛋白 疫苗 高端 聯 亞 也 和 諾瓦 瓦克斯 一樣 優異 嗎 美國 生 技 大廠 諾瓦瓦克斯 6 月中 旬 宣佈 該 公司 研發 的 蛋白 次 單位 新冠 疫苗 第 3 期 臨床 試驗 資料 疫苗 整體 效力 達 904 可 100 預防 中度 或 重症 對抗 英國 變種 alpha 南非 beta 巴西 gamma 及 印度 delta 變異 株 效力 達 93 科學家 兼 醫藥 作者 巴斯廷 hilda bastian 在 美國 大西洋 the atlantic 雜誌 撰文 指出 最先 上市 的 mrna 疫苗 非常 棒 使用 蛋白 次 單位 技術 的 諾瓦瓦克斯 又 更 好 她 認為 諾瓦瓦克斯 是 現在 最好 的 新冠 疫苗 國產 高端 及 聯 亞 疫苗 也 是 蛋白 次 單位 疫苗 可以 據此 類推 也 具有 高 保護 力及 對抗 變種 病毒 的 能力 嗎 技術 與 做法 不同 效果 就 不 一樣 不要 以為 蛋白 疫苗 都 一樣 感染 權威 台大 兒童 醫院院長 黃立民 表示 技術 不 一樣 做法 不 一樣 效果 就 不 一樣 諾瓦瓦克斯 研發 的 新冠蛋白 疫苗 有 獨特 技術 國產 疫苗 很 難 有 一樣 好 的 表現 國家衛生研究院 感染症 與 疫苗 研究所 研究員 暨 生物 製劑廠 執行長 劉士 任 表示 即使 同是 蛋白 次 單位 疫苗 每家 公司 在 疫苗 設計 和 生產 技術 上 仍 有 不同 諾瓦瓦克斯 與 國產 疫苗 不同之處 有 3 1 抗原 的 蛋白質 來源 不同 諾瓦瓦克斯 用 昆蟲 秋 行軍 蟲 細胞培養 蛋白 高端 及 聯 亞 則 用 哺乳類 倉鼠 的 cho 細胞 去 培養 2 製作 技術 不同 諾瓦瓦克斯 以 專利 奈 米 顆粒 技術 聚合 棘 蛋白 形成 奈 米 顆粒 3 使用 的 佐劑 不同 他 解釋 蛋白 疫苗 成份 單純 對 免疫系統 的 刺激 不強 因此 必須 添加 佐劑 提高 免疫 反應 佐劑 對於 蛋白 疫苗 的 效力 至關重要 培養 蛋白 諾瓦瓦克斯 用 昆蟲 細胞 國產 疫苗 用 倉鼠 細胞 長 庚大學 臨床醫學 研究所 副教授 顧正侖 表示 抗體 類 的 蛋白 藥物 一般 使用 哺乳類 細胞 生產 因為 製造 蛋白 時 的 糖基化 過程 利用 酵素 將 糖 分子 添加 在 蛋白質 上 昆蟲 細胞 蛋白 跟 人類 不 太 相同 倉鼠 細胞 則 跟 人類 極為 類似 理論 上 使用 倉鼠 蛋白 效果 會 比較 好 高端 與 聯 亞 用 的 是 倉鼠 細胞 蛋白 諾瓦瓦克斯 則 選用 的 昆蟲 細胞 但 臨床 試驗 上 看 起來 效果 很 好 顯示 使用 昆蟲 細胞 也 沒 問題 而 昆蟲 細胞 還 具有 產量 好 價錢 便宜 的 優勢 諾瓦瓦克斯 強項 之一 特殊 的 奈 米 顆粒 技術 黃立民 指出 諾瓦瓦克斯 最 強 的 地方 在 於用 專利 的 重組 蛋白 奈 米 顆粒 技術 跟 該 公司 專利 的 佐劑 matrix-m 混合 讓 多 個 抗原 蛋白 聚合 形成 奈 米 顆粒 有效 提高 免疫 反應 奈 米 顆粒 的 優點 是 提高 免疫系統 辨識 的 效率 劉士 任 解釋 人體 是 靠 免疫系統 去 辨識 棘 蛋白 來 刺激 免疫 反應 聚合 成 球 的 棘 蛋白 比 單個 棘 蛋白 醒目 當 棘 蛋白 目標 愈 顯 著 免疫系統 愈 容易 辨識 到 奈 米 顆粒 被 免疫系統 辨識 的 效率 比較 高 抗原性 也 就 比較 好 諾瓦瓦克斯 強項 之二 專利 佐劑 顧正侖 表示 諾瓦 瓦克斯 除了 棘 蛋白 可 聚 在 一起 的 特殊 設計 佐劑 matrix-m 也 是 該 公司 的 研究成果 主 成分 是 皂素 quillaja saponins 與 膽固醇 磷脂 以 特殊 比例 組成 可以 刺激 出 非常 好 的 免疫 反應 他 指出 佐劑 概 分 3 類 一 是 傳統 的 鋁 鹽 非常 安全並 廣泛 使用 但 刺激 細胞 免疫 的 效果 不是 很 理想 二 是 一些 免疫 刺激性 強 的 類 微生物 成分 像是 cpg 三 是 皂素 等 三 萜 triterpenes 類 成分 cpg 與 皂素 屬於 較 新 的 佐劑 除了 誘發 抗體 反應 好 相較 鋁 鹽 會 誘發 很 好 的 t 細胞 反應 近年 逐漸 使用 在 各種 疫苗 上 皂素 與 三萜類 成分 安全係數 相當 不錯 產生 的 免疫刺激 也 非常 好 除了 諾瓦 瓦克斯 英國 葛蘭素史克 藥廠 glaxosmithkline 的 佐劑 as 03 與 諾華 novartis 藥廠 的 佐劑 mf 59 也 是 以 三萜類 成分 鯊烯 squalene 為 主要 成份 效果 也 非常 好 與 諾瓦 瓦克斯 各 有 各 的 專利 國產 的 高端 及 聯 亞 各 使用 兩 種 佐劑 高端 是 cpg 1018 及 aluminum hydroxide 一 種 鋁 鹽 聯 亞 則 是 cpg 及 aluminum phosphate 另 一 種 鋁 鹽 黃立民 直言 高端和 聯 亞 使用 的 佐劑 並 不 新 台灣 的 疫苗 公司 什麼 專利 都 沒有 技術 底子 沒有 人家 好 至於 大眾 最 關切 的 保護 效力 高端 及 聯 亞 疫苗 的 人體 試驗 目前 只 進行 到 第 2 期 只能 證明 安全性 沒 問題 但 還 沒有 進行 3 期 人體 試驗 保護 效力 不得而知 現在 只能 從 中和 抗體 效價 推 估 保護 效力 國產 疫苗 保護 力 待 驗證 可以 施打 嗎 黃立民 說 疫苗 抗體 跟 保護 力 大致 成 正比 雖說 不同 實驗室 做 出來 的 結果 不能 直接 比 但 現在 國產 疫苗 也 只 有 中和 抗體 效價 可 參考 如果 不 看 實驗室 只 看 資料 諾瓦瓦克斯 是 國際標準 單位 1800 左右 而 同 實驗室 做 出來 的 高端 與 聯 亞 分別 是 662 與 1023 高端 是 聯 亞 的 6 倍 諾瓦瓦克斯 則 比 兩 支 國產 疫苗 都 高出 許多 一般 認為 疫苗 效果 一定 會 有差 劉士 任也 認為 在 欠缺 3 期 臨床 資料 情況 下 從中 和 抗體 效價 看起來 國產 疫苗 的 效力 比較 令人擔憂 那 國產 疫苗 還有 打的 價值嗎 黃立民 說 國產 疫苗 還 是 打得 出 抗體 總會 有 一定 保護 力 安全性 也 不必 擔心 要 應付 國內 疫情 可能 是 可以 的 在 緊急情況 可以 使用 目前 政府 採取 的 做法 是 免疫 橋 接 如果 國產 疫苗 中和 抗體 的 表現 跟 az 一樣 水準 至少 可有 67 成 效力 就 可 獲得 緊急 授權 核准 使用 問題 是 打 了 國產 疫苗 的 人 要 不 要 繼續 打 其他 廠 牌 疫苗 以及 國產 疫苗 未獲 國際 認證 出國 怎麼辦 這 都 是 複雜 的 問題 不過 顧正侖 認為 不同 種類 的 疫苗 與 不同 佐劑 誘發 的 免疫 反應 是 不 一樣 只 測 抗體 濃度 或是 體 外 病毒 中和 實驗 只是 疫苗 誘發 免疫 反應 的 一小 部分 生物 指標 biomarker 並 不是 疫苗 誘發 抗 感染 反應 的 全部 再者 covid-19 避免 重症 或 感染 是 抗體 重要 那 t 細胞 的 免疫 有 多 重要 目前 沒有 確切 答案 顧正侖 指出 az 疫苗 所 誘發 抗體 濃度 相對 於 mrna 疫苗 來說 並 不 高 但在 真實 世界 中的 保護 效果 還 是 相當 好 若要 經由 免疫 橋 接 的 方式 評量 疫苗 的 保護 力 最好 是 比較 兩 個 類似 與 近似 佐劑 的 疫苗 會 有 比較 好 的 評估 準確性 不過 評估 疫苗 效力 最好 的 方式 還是 經由 臨床 試驗 研究 它 在 真實 世界 中 對 抗 病毒 的 效果</t>
  </si>
  <si>
    <t>高雄 副 市長 葉匡時 16 日 邀集 各局 處 瞭解 因應 新冠肺炎 covid-19 首 波 紓困 計畫 執行 以及 各 產業 別 受 影響 狀況 並 指示 盡 速 提出 第二 波 措施 應對 協助 業者 順利 度過 疫情 難關 高雄 新聞 局 表示 目前 高雄 市政府 在 財政 經濟</t>
  </si>
  <si>
    <t>高雄 副 市長 葉匡時 16 日 邀集 各局 處 瞭解 因應 新冠肺炎 covid-19 首 波 紓困 計畫 執行 以及 各 產業 別 受 影響 狀況 並 指示 盡 速 提出 第二 波 措施 應對 協助 業者 順利 度過 疫情 難關 高雄 新聞 局 表示 目前 高雄 市政府 在 財政 經濟 社會 救助 農 漁產 業 文化 觀光 以及 交通 勞工 等 面向 都已 提出 紓困 方案 財政 部分 除 實施 延 繳 減征 線 上 申辦 等 措施 並 主動 調 降 娛樂 稅 30 提供 質 借 利息 減 收 一半 且 給予 展延 安居 高雄 購屋 貸款 包括 新 住 民 在內 凡是 設 籍高 市直 接 或 間接 影響 的 微型 企業 等 都可 申請 低利 貸款 經濟 上 推出 公有 市場 租金 減半 高 市府 委 外 經營 已 簽約 的 ot rot 案 視 個案 延長 營運 期 酌減 租金 延長 繳納 權利 金 同時 對 體 感 科技 應用 場 域 提供 補助 sbir 研發 補助 行政 服務 線 上 申請 及 投資 加碼 補助 等 優惠 高雄 新聞 局 指出 目前 正 在 研 擬 紓困 20 計 畫 包括 商業貸款 延 繳 減收 產業 園區 特定 產業 維護費 以及 商圈 市集 振興 計 畫 盼 能 減緩 疫情 對 產業 的 衝擊 由於 疫情 影響 觀光旅遊 意願 高 市府 也 積極 推動 振興 國旅 方案 搭配 不同 主題 推出 住宿 優惠 協助 旅 宿業 建置 親 善 旅館 作為 居家 檢疫 者 的 家屬 暫 居所</t>
  </si>
  <si>
    <t>台中 市 大裡 仁愛 醫院 9 月 29 日 為 44 名 洗 腎 患者 接種 az 疫苗 第二 劑 應施 打 05 cc 卻 只 打 了 01 cc 遭 台中 市 衛生局 處以 covid-19 疫苗 接種 作業 停 權 處分 並 依法 裁 罰 10萬 元 罰 鍰 在 近 一個 月 的 調查 檢討 改善 流程 後 衛生局 已 核准 該</t>
  </si>
  <si>
    <t>台中 市 大裡 仁愛 醫院 9 月 29 日 為 44 名 洗 腎 患者 接種 az 疫苗 第二 劑 應施 打 05 cc 卻 只 打 了 01 cc 遭 台中 市 衛生局 處以 covid-19 疫苗 接種 作業 停 權 處分 並 依法 裁 罰 10萬 元 罰 鍰 在 近 一個 月 的 調查 檢討 改善 流程 後 衛生局 已 核准 該院 於 13 期 施打時 恢復 新冠 疫苗 接種 作業 大裡 仁愛 醫院 9 月 29 日 爆出 新冠 疫苗 接種 重大 違 失 洗 腎 室 44 名 洗 腎 患者 接種 az 第二 劑 原本 每 劑 應 抽 05 cc 卻 只 抽 了 01 cc 直至 下午 醫 事 人員 發現 施打 人數 與 剩 餘 劑量 不符 才 發現 44 名 患者 都只 打 了 1 5 劑量 事後 該院 立即 通知 患者 回院再 補 接種 劑量 並 成立 關懷 小組 追蹤 其 健康狀況 迄今 都 未有 民眾 出現 不適 事件 發生 後 台中 市 衛生局 立即 對 該院 處 以 新冠 疫苗 接種 作業 停 權 處分 並 依法 裁 罰 該院 10萬 元 罰 鍰 據悉 衛生局 實際 到 院 瞭解 作業 流程 發現 此次 失誤 主要 是 未 由 專門 負責 接種 疫苗 的 護理人員 為 患者 接種 且 未 落實 三 讀 五 對 經 要求 該院 對 相關 人員 重新 進行 教育 訓練 並 修正 流程 後 近日 也 恢復 其 新冠 疫苗 接種 業務 已於 13 期 開放 民眾 可 至 該院 預約 接種</t>
  </si>
  <si>
    <t>安盛 生 科 6734 在 美國 future of health 2020 宣佈 該 公司 規劃 在 今年 第 四季 推出 安必 測 新型 冠狀 肺炎 智慧 抗原 快 篩 pixotest poct covid-19 antigen test 與 數位 健康 通行證 pixohealth pass 安必 測 新冠肺炎 智能 抗</t>
  </si>
  <si>
    <t>和 鑽石 公主 號 新冠肺炎 複 呈 陽性 病例 同機 臺灣 團 赴 以色列 遭 遣返 產險 業者 表示 若 遇到 上述 旅行 不順遂 情事 投保 旅行 不便 險 賠 不 賠 因 各 產險 保單 契約 規定 不一 然 多半 都 無法 獲得 理賠 補償 但 仍 可 以 跟 保險 公司 申請 退回 旅 平險 保費 因 新冠肺炎 疫情 持續 向 各國 蔓延 打亂 了 不少 人 今年 出國 旅遊 計畫 即使 勉強 成行 變數 也 大增 如 航班 被 改 或者 取消 或 提前 等 增多 產險 業者 表示 近期 保戶 詢問 旅行 不便 險 理賠 問題 多 由於 產險 公司 都依 保險 契約 理賠 因此 能 獲 理賠 補償者 並不多 以 3 月 2 日 傳出 國內 某 旅行社 以色列 旅遊團 11 人 於 2 28 出發 至 以色列 由於 搭乘 班機 上有 一 名 以色列 人 確診 新冠肺炎 covid-19 導致 該 旅遊團 11 名 旅客 在 以色列 相關 單位 要求 下 搭乘 同日 晚間 班機 離境 返回 臺灣 依照 我國 規定 全團 11 人 皆 列為 與 確診 者 接觸 者 須 居家 隔離 14 天 類似 此 一 案例 多數 產險 業者 都 不予 理賠 多半 產險 公司 不予 理賠 因 是 政府 命令 屬於 保單 不 保 條款 或者 不 符合 該 公司 相關 理賠 規定 等 所以 不予 理賠 部 份 產險 雖有 放寬 理賠 規定 但 需要 有 實際 消費 的 收據 若 用 以色列 團 遭 要求 離開 以 國 為 例 國泰 產險 表示 原 班機 若 正常 起降 如因 以色列 檢疫 之 規定 遣返 同 班機 乘客 此種 情形 屬於 該 公司 旅程 延誤 承保 範圍 可 申請 之 專案 有 額外 產生 之 1 交通費 2 膳食費 及 3 住宿 費用 另 遣返 班機 若 起飛 或 降落 時間 較 原 預定 時間 延誤 達 3 小時 以上 則 可於 檢 附 航空 公司 開立 之 延誤 證明 及 實際 搭乘 之 登機 證 後 申請 班機 延誤 專案 新光 產險 說 若 保戶 有 額外 產生 交通費 或 住宿費 者 則 給付 額外 支出 之 費用 以 國 旅行團 遭遇 情事 雖不 符合 該 公司 理賠 規定 但 富 邦 產險 表示 若 客戶 于 此時 決定 取消 旅程 已經 投保 的 旅 平險 則 可向 產險 公司 申請 退費</t>
  </si>
  <si>
    <t>武漢 爆發 新冠肺炎 covid-19 後 為了 防止 疫情 擴大 不少 企業 宣佈 員工 可 在家 上班 原 以為 這樣 會 變 得 較 輕鬆 能 省 下 通勤 時間 晚點 起床 但 沒 想到 卻是 噩夢 的 開始 大陸 一 名 上班族 日前 曝光 實況 表示 由於 沒有 打 卡 上下班</t>
  </si>
  <si>
    <t>武漢 爆發 新冠肺炎 covid-19 後 為了 防止 疫情 擴大 不少 企業 宣佈 員工 可 在家 上班 原 以為 這樣 會 變 得 較 輕鬆 能 省 下 通勤 時間 晚點 起床 但 沒 想到 卻是 噩夢 的 開始 大陸 一 名 上班族 日前 曝光 實況 表示 由於 沒有 打 卡 上下班 反而 比到 公司 上班 還 累 網路上 更是 怨聲載道 綜合 陸媒 報導 一 名 在 北京 工作 的 ol 楊 樂 表示 由於 為了 防疫 因此 從 2 月 3 日 開始 她 便 在 家 辦公 但 沒 想到 比 在 公司 更 辛苦 就是 從 睜 開眼 到 閉上眼 都 可能 有人 找 吃飯 或 午休 時間 都 難以 休息 在家 工作 的 上班時間 簡直 超過 10 小時 在家 好像 大家 都 忽略 了 這個 時間 上下班 時間 也 被 模糊 了 在 內蒙古 從事 社 群 運營 的 上班族 阿離 也 透露 從 大年初五 後 就 開始 居家 工作 雖然 很 適應 這種 上班 方式 因為 能夠 靈活 安排 時間 也 可以 減少 焦慮 感 但 最 重要 的 問題 就是 下班時間 太 模糊 居家 辦公弱化 了 生活 與 工作 的 邊界 感覺 沒有 下班 週末 這樣 的 概念 你 可能 隨時 都 要 打開 電腦 工作 阿離 提到 普通 上班時間 為 上午 10 點 至 晚上 7 點 左右 但 若 遇 緊急事件 有時 甚至 要 連上 12 小時 昨天晚上 8 點 左右 接到 工作 通知 大約 工作 到 淩晨 5 點 有 24 小時 待命 的 感覺 工作量 也 多 出 一 倍 由於 大陸 疫情 嚴重 又 面臨 延期 復工 的 狀況 其中 有 55 企業 採取 在家 上班 的 方式 對此 律師 楊偉偉 表示 在 法定 工作 時間 外 接 緊急 工作 而延 後 下班 員工 可 保留 相關 證據 向 公司 申請 加班費</t>
  </si>
  <si>
    <t>台大醫院 昨日 新增 1 名 確診 案例 外傳 該案 身分 為 麻醉 護理 師 醫院 也 在 昨日 證實 關閉 開刀房 進行 清 消 並 把 接觸 者 召回 采 檢 台大醫院 企業 工會 今 表示 完全 同 理 感 控 人員 的 辛勞 但 不可否認 的 是 事發 當下 仍 有 許多 員工 直 到 新聞報導 前 都對 院內 疫情 一無所知 宛如 無頭 蒼蠅 擔憂 是否 還 能 返家 家人 需不需要 立即 采 檢 台大醫院 企業 工會 表示 過去 院方 對於 院內 疫情 總是 抱 持 你 不 知道 就 是 你 不 需要 知道 的 態度 工會 完全 同 理 感 控 人員 的 辛勞 但 不可否認 的 是 事發 當下 仍 有 許多 員工 直 到 新聞報導 前 都對 院內 疫情 一無所知 在 錯愕 之中 懊悔 與 擔憂 傳染給 家中 親友 對此 工會 建議 儘管 對於 感 控 防護 平時 已 做 足 準備 在 完成 調查 以前 院方 仍 可 在 確保 不 違法 與 員工 隱私 的 前提 下 對 院內 員工 概述 現況 同時 公告 相關 匡列 準則 否則 恐 令 員工 宛如 無頭 蒼蠅 一般 擔憂 是否 還 能 返家 家人 需不需要 立即 采 檢 根據 covid-19 疫情 醫療 照 護 工作 人力 短缺 之 應變 處置 建議 已 接種 2 劑 疫苗 達 14 天 且 與 確診 者 有 過 密切接觸 的 醫療 人員 在 第一 次 pcr 陰性 以後 可 返回 工作崗位 但 需 自主 健康 管理 21 天 並且 每 3 日 接受 采 檢 但 工會 表示 上述 規定 應僅 適用於 三級 警戒 下 人力 短缺 的 醫療機構 本次 病毒 是否 屬於 高 傳染 力 變異 株 仍 是 未知數 工會 認為 此次 密切接觸 者 應予 匡列 並 應 安排 居家 辦公 或以 公假 方式 暫緩 上班 例如 刀房 雖 關閉 有 密切接觸 者 不該 調度 支援 其他 單位 亦 應 避免 接觸 免疫 低下 的 病人 工會 表示 我們 很 遺憾 得知 本次 暫時 關閉 的 單位 仍 有 同仁 被 要求 以 事假 或 特 休假 等 自己 的 假 辦理 請假 這 不僅 有 違法 之 疑慮 更是 對於 無可避免 之 執業 風險 受害者 的 落井下石 要 提醒 相關 單位 調派 員工 支援 應 考量 其 能力 與 專業 屬性 並 確保 其 在 完善 監督 訓練 下 執行 較 不 熟悉 的 醫療 業務 工會 認為 台大 面對 此類 議題 應更 積極主動 並且 站 在 保護 員工 支持 員工 的 立場 攜手 防疫 工會 也 願 做 院方 與 員工 之 橋樑 只 可惜 疫情 至今 院方 甚 少 在 事發 當下 將 工會 視為 能夠 共患難 且 交換 資訊 的 夥伴 我們 在 照顧 患者 時 總是 希望 能夠 讓 患者 知道 治療 處置 之 原因 而非 父權 式 的 你 照 我 說 的 就 對了 態度 同理可證 員工 心理 的 感受 而 我們 也 期待 看見 台 大好 的 轉變 從 現在 開始 另 工會 也 衷心 期盼 確診 的 同仁 早日康復</t>
  </si>
  <si>
    <t>心 冠 肺炎 covid-19 狗貓 感染 專家 病源 污染</t>
  </si>
  <si>
    <t>期待 蘋果 apple inc 下半年 即將 發表 的 新 iphone 嗎 雖然 因為 新冠肺炎 covid-19 疫情 影響 業 界 傳聞 蘋果 頗 有 可能 延後 發表 新機 但是 相關 傳聞 仍舊 止不住 知名 youtuber 再度 分享 了 對 iphone 12 pro 暫定 名稱 系列 的</t>
  </si>
  <si>
    <t>期待 蘋果 apple inc 下半年 即將 發表 的 新 iphone 嗎 雖然 因為 新冠肺炎 covid-19 疫情 影響 業 界 傳聞 蘋果 頗 有 可能 延後 發表 新機 但是 相關 傳聞 仍舊 止不住 知名 youtuber 再度 分享 了 對 iphone 12 pro 暫定 名稱 系列 的 預測 其中 關於 相機 還有 螢 幕 更新 率 的 看法 令人 感到 興奮 在 先前 預測 iphone 12 pro 系列 可能 有 全新 的 海軍藍 顏色 此外 主 相機 畫 素 電量 都 有望 全 升級 後 youtube everythingapplepro 頻道 發表 的 最新 影片 指出 iphone 12 pro 系列 也 就 是 4 款 新 iphone 中的 高 階 61  吋 67  吋 螢 幕 的 款式 預計 將 支援 120 hz 螢 幕 更新 率 而且 可能 採用 ipad pro 之中 的 promotion 自動 適應 更新 率 技術 可 根據 需要 自動 在 60 hz~ 120 hz 之間 動態 切換 而為 了 要 適應 更 高 的 螢幕 更新 率 還有 支援 5 g 的 特性 新 iphone 配備 更 大 的 電池 是 勢在必行 該 影片 再度 指出 螢 幕 最 大 的 67  吋 新款 iphone 預計 電池電量 為 4400 mah 若 成 真 將 是 蘋果 有史以來 最 大 電量 的 機種 作為 參考 在此之前 電量 最高 的 iphone 是 iphone 11 pro max 電量 3969 mah 在 新冠肺炎 疫情 影響 下 蘋果 會 否 改進 當前 face id 臉部 辨識 的 技術 在 配戴 口罩 下 能夠 有 更 好 的 解鎖 效率 或者 是 導入 螢 幕 下 指紋 解 鎖 技術 是 今年 新 iphone 被 關注 的 焦點 之一 對此 everythingapplepro 頻道 認為 face id 相關 元件 truedepth 相機 系統 尺寸 變 小 因此 螢 幕 頂端 佔據 的 瀏海 區域 也 有望 縮小 此外 face id 預計 將 支援 更 寬 的 視角 讓 使用者 解 鎖 的 角度 臉部 與 手機 之間 的 角度 範圍 能夠 更 大 主 攝影 鏡頭 部分 長 焦 鏡頭 支援 的 光學 變 焦 預計 從 2 倍 升級 到 3 倍 能夠 在 不 降低 相片 品質 的 前提 下 拍到 更 遠 的 景物 除此之外 iphone 12 pro 系列 在 低 光源 環境 下 的 拍攝 效果 也 有望 提升 並且 升級 防 手 震 的 性能 在 增加 光學 雷達 掃描器 lidar 的 預測 下 主 鏡頭 的 自動 對焦 預計 也 將 更 快速 更 準確 在此之前 該 頻道 預測 過 iphone 12 pro 主 相機 預計 升級 到 6400 萬 畫 素 目前 是 1200 萬 畫 素 並且 三 顆 鏡頭 都 有望 支援 夜間 模式 目前 iphone 11 pro 系列 中 只有 主 鏡頭 長 焦 鏡頭 支援 超 廣角鏡頭 並不 支援 包含 蘋果 知名 分析 師 天 風 國際 分析 師郭明 錤 摩根 大通 jpmorgan 美國銀行 等 都 曾經 預測 iphone 12 系列 受到 疫情 影響 可能 延後 發表 或者 分 兩 波 推出 今年 果粉 們 在 何時 才能 親自 入手 新機 一 償 宿願 以 目前 時間 點 來看 仍 充滿 諸多 變數</t>
  </si>
  <si>
    <t>日本 13 日新冠肺炎 covid-19 單日 確診 數 首度 突破 2萬 例 雅 虎 新聞 yahoo news 報導 東京都 醫師 協會會長 尾崎 治 夫 13 日 表示 日本 許多 醫療 單位 已 陷入 緊 繃 狀態 且 全國 大多數 行政區域 的 疫情 仍 在 升溫 因 此 呼籲 政</t>
  </si>
  <si>
    <t>新冠肺炎 covid-19 疫情 延 燒 北市 某 知名 酒店 昨 8 日 驚 傳 一 名 女 公關 確診 且 出現 發燒 流 鼻 水 症狀 症狀 後 仍 持續 上班 衛生局 上門 稽查 感染 源 時 竟 發現 酒店 內 仍 有 不少 客人 北 市府 府 副 發言人 戴于文 事後 緊急 回應 表</t>
  </si>
  <si>
    <t>新冠肺炎 covid-19 疫情 延 燒 北市 某 知名 酒店 昨 8 日 驚 傳 一 名 女 公關 確診 且 出現 發燒 流 鼻 水 症狀 症狀 後 仍 持續 上班 衛生局 上門 稽查 感染 源 時 竟 發現 酒店 內 仍 有 不少 客人 北 市府 府 副 發言人 戴于文 事後 緊急 回應 表示 已 針對 接觸 者 後續 的 居家 隔離 進行 協助 同時 依照 完善 的 防疫 sop 進行 消毒 但 仍 引起 網友 討論 據 瞭解 這 名 女 公關 疑 似 出現 症狀 前 有 到 酒店 上班 確診 後 衛生局 前往 酒店 稽查 時 現場 許多 酒客 見狀 問 發生 什麼 事 得知 有 女 公關 確診 當場 臉色 大變 走人 據 自由 時報 報導 這 位 確診 女 公關 所屬 的 經紀 公司 橫跨 北市 10 家 以上 酒店 如果 消息 屬實 北市 酒店業 恐 遭受 嚴重 打擊 就 有 鄉民 在 ptt 發文 表示 感覺 這 是 高級 酒店 所屬 的 小姐 其實 要 找 出 這 位 酒店 小姐 的 接觸 史 很 簡單 因為 店家 為了 小姐 出事 只要 客人 帶 小姐 出場 都 會 留 下 個 資 點過 她 坐 台 的 人 一定 有 記錄 另 一 名 鄉民 透露 酒店 食物鏈 酒店 經紀 酒店 小姐 恩 客 企業主 老闆 ceo 業務 臺灣 很多 企業 都 在 酒店 喬 事情 看 多少 間 公司 開始 改在 家裡 辦公 大概 可知 端倪</t>
  </si>
  <si>
    <t>2020 東京 奧運 因為 新冠肺炎 疫情 從 原訂 今年 7 月 24 日 開幕 延後 到 明年 7 月 23 日 才 正式 展開 日本 外國 特派員 協會 在 4 月份 的 刊物 封面 將 東京 奧運會徽 與 病毒 示意圖 結合 象徵 奧運 受到 疫情 影響 延期 不過 這個 設計 引起 東奧 組委會 不滿 要求 撤下 目前 日本 外國 特派員 協會 也 暫時 關閉 日本 外國 特派員 協會 的 月刊 number 1 shimbun 4 月 號 以 新冠肺炎 為 主題 做 了 特輯 並 把 東京 奧運會徽 結合 病毒 示意圖 變成 一個 新 圖案 並 在 徽章 下方 寫 著 新冠肺炎 病毒 的 英文 covid-19 東奧 組委會 表示 這個 修改 的 會徽 的 動作 侵犯 著作權 上周 已 要求 日本 外國 特派員 協會 撤下 日本 外國 特派員 協會 的 官網 今晚 也 暫時 關閉 點 進 協會 網址 畫面 一 片 白 只有 內部 伺服器 錯誤 的 訊息</t>
  </si>
  <si>
    <t>彰 化 縣 covid-19 新冠肺炎 本土 疫情 9 日 零 確診 但 新增 1 名 死亡 案例 為 40 出頭 歲 女性 肝癌 患者 發病 67 天 後 死亡 是 彰 化 縣 今年以來 累計 13 例 新冠 確診 死亡 案例 中 最 年輕 的 一 位 彰 化 縣 衛生局長 葉 彥 伯 表示 死亡 案例 年 約</t>
  </si>
  <si>
    <t>印度 第二 波 新冠肺炎 疫情 持續 惡化 昨天 單日 新增 病例 再 創紀錄 新增 3萬5886 例 創下 102 天 新高 紀錄 疫情 嚴重 的 馬哈拉什特拉 省 和 新德里 計畫 為 更 多 人 施打 疫苗 根據 統計 印度 昨天 一 天 新增 3萬5886 例 2019 冠 狀 病毒 疾病 covid-19 新冠肺炎 病例 創下 102 天 以來 的 新 高 紀錄 其中 有 60 需要 治療 的 病例 都 來自 印度 疫情 最 嚴重 的 馬哈拉什特拉 省 maharashtra 此外 統計 顯示 印度 18 個 省 市 及 中央 直 轄區 的 單日 新增 病例 都 創下 今年 1 月 以來 新高 紀錄 這 讓 許多 省市 強化 防疫 措施 其中 被 印度 總理 莫迪 點名 關切 疫情 的 旁遮普省 punjab 從 昨晚 對 9 個 疫情 嚴重 的 縣 市 實施 延長 宵禁 2 小時 的 措施 省長 辛赫 amarinder singh 呼籲 民眾 遵守 規定 馬哈拉什特拉 省 省政府 雖然 數度 警告 如果 疫情 惡化 不 排除 全省 再度 實施 全面 封鎖 措施 但 該省 只 在 部 份 疫情 嚴重 縣 市 實施 更 嚴格 的 封鎖 和 收容 措施 馬哈拉什特拉 省 省長 薩克雷 uddhav thackeray 希望 中央政府 能 支持 馬哈拉什特拉 省 為 45 歲 以上 的 民眾 施打新冠肺炎 疫苗 印度 中央政府 列入 3億 人 疫苗 接種 計 畫 的 群體 中 除 醫療 和 第一 線 工作人員 外 只 有 60 歲 以上 及 罹 患 糖尿病 等 慢性 綜合 病症 的 高 危險 群 列入 首 階段 疫苗 接種 計 畫 同樣 的 新增 病例 不斷 攀升 的 新德里 市長 克裡 瓦爾 arvind kejriwal 今天 與 衛生廳 相關 官員 開會討論 疫情 問題 後 呼籲 中央政府 擴大 接種 疫苗 的 群體 以 對抗 第二 波 疫情 印度斯坦 時報 hindustan times 引述 克裡瓦爾 說 只要 中央政府 許可 新德里 政府 可 在 3 個 月 為 所有 18 歲 以上 市民 接種 疫苗 此外 北方省 高 灘 布德納格 gautam buddh nagar 警方 今天 宣佈 4 月 30 日前 禁止 未經 批准 的示威 活動 及 即將 到來 荷 麗 節 holi 等 節慶 與 宗教 慶祝 活動 印度 迄今 累計 新冠肺炎 病例 超過 1147萬 例 居 世界 第 2 高 死亡 人數 達到 15萬9254 人</t>
  </si>
  <si>
    <t>在 新冠肺炎 covid-19 疫情 引發 的 社會 動盪 之下 美國 民用 槍械 與 彈藥 的 銷量 自 去年 起 猛 烈 增加 且 客群 擴 及 原本 並 無 太 大 意願 購買 武器 的 民眾 一 間 槍 店 店員 便 表示 他 最近 遇到 老年 婦女 和 單親 媽媽 等 顧客 坦言 此類情況</t>
  </si>
  <si>
    <t>法國 24 電視臺 france 24 報導 法國 教育部長 9 日 表示 法國 不會 跟隨 美國 澳洲 英國 等 國家 的 腳步 對 北京 冬季 奧運會 進行 外交 抵制 與 該國 先前 聲稱 希望 整個 歐盟 同 進退 的 態度 相 違背 法國 教育部長 布朗凱 jean-michel blanquer 告訴 該國 bfm 電視臺 和 rmc 廣播電臺 法國 不 會 對 北京 冬奧 進行 外交 抵制 雖然 他 本人 不會 出席 但 體育 部長 馬拉希尼亞努 roxana maracineanu 屆時 將 代表 法國政府 前往 北京 布朗凱 強調 須 當心 體育 與 政治 之間 的 聯繫 因為 體育 是 一個 與世隔絕 的 世界 若 讓 其 遭受 政治 干預 可能 導致 情勢 失控 最終 毀掉 所有 競賽 不過 他 也 表示 法國 會 繼續 譴責 中國 大陸 侵犯 人權 的 行為 不過 法國 總統 馬克宏 emmanuel macron 7 日 才 在 聲明 稿 中 表示 將 與 歐盟 成員國 協商 尋求 在 是否 外交 抵制 北京 冬奧 上 採取 一致 的 態度 而 在 布朗凱接受 訪問 的 同時 法國 外交部長 勒 德里安 jean-yves le drian 則 在 記者會 中 重申 外交 抵制 問題 將 以 歐洲 層級 處理 仍 在 尋求 與 歐盟 的 共同 立場 不 清楚 布朗凱 是否 提前 洩漏 法國政府 的 實際 立場 在 美國政府 6 日 宣佈 對 北京 冬奧 進行 外交 抵制 後 澳洲 和 英國 已 先後 跟進 紐西蘭 也 稱 不 會派 官員 出席 但 強調 原因 與 新冠肺炎 covid-19 全球 疫情 有關 且 早 在 10 月 就 已向 中國 大陸 通知 此 決定 除此之外 南韓 日本 等 美國 東亞 盟友 皆 尚未 正式 表態 與 法國 同為 歐盟 核心 成員國 的 德國 也 表示 歐洲須 就 是否 外交 抵制 北京 冬奧 商定 共同 對策</t>
  </si>
  <si>
    <t>經濟部 即將 在 3 月中 召開 電價 審議 委員會 電價 已 連續 三 次 未 調整 但 國際原油 跌 至 每桶 50 多 美元 近期 又 遇上新冠肺炎 covid-19 疫情 肆虐 知情 官員 透露 4 月 起 新 電價 維持 連 四 凍 可能性 很 大 有 不調 漲 空間 不過 目前</t>
  </si>
  <si>
    <t>經濟部 即將 在 3 月中 召開 電價 審議 委員會 電價 已 連續 三 次 未 調整 但 國際原油 跌 至 每桶 50 多 美元 近期 又 遇上新冠肺炎 covid-19 疫情 肆虐 知情 官員 透露 4 月 起 新 電價 維持 連 四 凍 可能性 很 大 有 不調 漲 空間 不過 目前 電價 平穩 基金 僅剩 225億 元 若 下半年 電價 面臨 調 漲 壓力 將 無 銀彈 可 平抑 電價 對於 電價 可能 連 四 凍 工商 團體 幾乎 松 一口氣 更 指 現在 漲 電價 會 讓 全民 困擾 希望 政府 要 傾聽 民間 聲音 甚至 呼籲 連 今年 基本工資 都 不 要 調 漲 全國 商業 總會 理事長 賴正鎰 表示 電價 調整 將 會 影響 物價 現在 臺灣 遇上 疫情 觀光 等 相關 產業 損失慘重 若 是 現在 漲 電價 是 雪上加霜 期望 政府 因應 民間 需求 暫時 不 要 調整 電價 經濟部 將 於 3 月中 召開 電價 費率 審議 委員會 敲定 今年 4 月 起 的 新 電價 據 瞭解 由於 中 美 貿易戰 於 去年 趨 緩 國際 油價 一度 漲 至 每桶 68 美元 帶動 能源 成本 攀 高 惟 近來 因 新冠肺炎 影響 能源價格 持續 下跌 截至 2 月 下旬 西 德州 北海 布蘭特 及 杜拜 原油 每桶 已 跌 至 50 至 60 美元 之間 讓 電價 上漲 壓力 減小 知情 人士 透露 由於 調整 電價 會 連帶 影響 物價 目前 疫情 蔓延 任何 事 都 要以 防疫 為 最 優先 且 近期 國內 產業 與 台商 回報 經濟 情勢 受 疫情 影響 嚴峻 此時 不宜 再 調高 電價 加重 國人 負擔 值得注意 的 是 2019 年 台電 全年 稅 前 虧損 147億 元 經濟部 決議 提撥 412億 元 電價 穩定 基金 挹注 台電 讓 稅 前 盈 餘 達 265億 元 較 2018 年 盈 餘 減少 35億 元 台電 累計 虧損 也 降為 758億 元 經濟部 2018 2019 年 連三次 以 電價 穩定 基金 彌補 台電 虧損 2020 年初 電價 平穩 基 金已 見 底 僅剩 225億 元 近期 國際 能源價格 下跌 但 若 未來 全球 景氣 回升 帶動 產業 復蘇 能源需求 大增 電價 將 有 上漲 壓力 屆時 已無 銀彈 可 平抑 電價 最終 恐 仍 會 反映 在 民生 用電 上</t>
  </si>
  <si>
    <t>鈺 齊 -ky 9802 第一 季 合併 營 收 為 新 台幣 2773億 元 年 增 76 創 歷史 同期 新高 毛利率 238 較 去年同期 揚升 42 個 百分點 營業 利益 比 去年同期 成 長 358 達 新 台幣 356億 元 歸屬於 母公司 稅 後 淨利 為 新 台幣 354億 元 eps 202 元 亦 分別 較 去年同期 大幅 成長 725 及 507 首季 營 收 營業 利益 稅 後 淨利 共 創 歷史 同期 新 高 鈺 齊 大陸 越南 及 柬埔寨 首季 產能 占比 分別 為 277 432 291 非 大陸 產能 占比 已 逾 7 成 而 柬埔寨 產 能 更 首度 超越 大陸 另 關於 銷售 地區 品牌 客戶 指定 目的地 大 歐洲 首季 營 收 及 比重 分別 達到 新 台幣 123億 元 及 444 而 大 美洲 市場 則 是 逐年 開發 有成 首季 已 達 新 台幣 103億 元 371 多 品牌 接 單 策略 對 產品組合 優化 營運 規模 擴 增 以及 銷售 地區 分散 確 可 產生 多 元 正面 效果 全球 新冠肺炎 covid-19 疫情 導致 大陸 各廠 區 延後 開工 而 減少 2 月 及 3 月 的 總產量 而且 自 三月 中下旬 過後 隨 著 全球 疫情 急速 惡化 品牌 客戶 下單 態度 及 拉 貨 動能 轉 趨 保守 當前 國際 情勢 不 確定 因素 仍 高 故 未來 數 月 營運 展望 仍 需 視 全球 疫情 控管 程度 及 終端 消費市場 表現 而 定</t>
  </si>
  <si>
    <t>根據 美國 製藥 大廠 默沙東 集團 今天 公佈 的 臨床 期中 分析 結果 還 在 實驗 中 用 來 治療 covid-19 2019 冠 狀 病毒 疾病 的 口服藥 可使 重症 高風險 患者 的 住院 或 死亡 機 率 降低 約 50 法新社 報導 默沙東 集團 merck co 與 ridgeb</t>
  </si>
  <si>
    <t>一 名 32 歲 育 有 三 個 孩子 的 美國 婦女 竟 在 確診 新冠肺炎 covid-19 後 四肢 出現 血栓 必須 要 截肢 才能 保命 歷經 艱辛 歷程 後 她 期待 自己 的 經歷 能 鼓勵 更 多 人 盡 速 接種 疫苗 免於 遭遇 類似 的 不幸 景況 內科醫生 wesley ely 近</t>
  </si>
  <si>
    <t>一 名 32 歲 育 有 三 個 孩子 的 美國 婦女 竟 在 確診 新冠肺炎 covid-19 後 四肢 出現 血栓 必須 要 截肢 才能 保命 歷經 艱辛 歷程 後 她 期待 自己 的 經歷 能 鼓勵 更 多 人 盡 速 接種 疫苗 免於 遭遇 類似 的 不幸 景況 內科醫生 wesley ely 近日 在 twitter 上 分享 了 一 段 故事 他 首先 提到 新冠肺炎 是 一 種 會 影響 肺部 心臟 大腦 或 任何 器官 的 血管 疾病 而且 當 重要 器官 出現 血栓 情況 嚴重 可能 會 喪 掉 生命 #covid 19 took her hands feet i cried when she sent me this yesterday her physical resilience mental fortitude are my #inspiration she sent this of her walking w new legs and said to tell you blood clots of #covid can be preventedw a #vaccine shown w perm https t co ouomfhy 0 jh pic twitter com gz 9 n 0 fcv 8 v 他 特別 分享 了 一 位 確診 病 患 親身經歷 指出 新冠肺炎 奪 走 了 她 的 手腳 ely 醫生 指出 他 收到 病 患 autumn 傳給 他 的 影片 後 看到 都 哭 了 也 指出 她 在 對抗 疾病 的 韌性 與 毅力 為 他 帶來 了 啟發 醫生 分享 有 3 個 孩子 的 autumn nugent 在 確診 後 四肢 因為 併發症 出現 血栓 發病 期間 四肢 就 像 燒傷 一樣 護士 需要 花 好幾 個 小時 為 他 換藥 最終 她 手腳 都 經歷 截肢 才 保住 性命 醫生 指出 手術 後 她 每天 都 需要 服用 12 種 不同 的 藥物 ely 醫生 沉痛 表示 感染 新冠肺炎 全然 改變 了 她 的 生命 而 這樣 的 情況 也 可能 發生 在 非常 年輕 而且 完全 健康 的 人 身上 在 後期 的 複健 期間 autumn 與 ely 醫生 之間 的 感情 越來越 好 甚至以 父女 相稱 因此 autumn 向 ely 提出 邀請 請 他 可以 分享 她 的 故事 為的是 鼓勵 更 多 人 去 接種 新冠肺炎 疫苗 且 他 也 鼓勵 更 多 人 能 分享 autumn 的 故事 讓 她 的 精神 可以 影響 更 多 的 人 醫生 指出 很多 感染 新冠肺炎 的 病人 都 期待 當初 可以 接種 疫苗 因此 盼望 人們 能 因 她 的 故事 重新 思考 是否 要 接種 疫苗 的 決定</t>
  </si>
  <si>
    <t>2020 年 應是 一個 美好 的 開始 然而 意外 的 黑 天鵝 降臨 新冠肺炎 衝擊 全球 經濟 與 產業 供應 鏈 斷 鏈 危機 爆發 東京 奧運 延期 所有 的 產業 預測 失效 數字 一再 下 修 疫情 平息 點 尚是 未知數 在後 疫情 時代 科技產業 該 如何 重 啟 將 是 重要 關鍵 2020 年 原本 註定 是 產業 的 分水嶺 5 g 世代 來臨 加速 aiot 的 發展 能 領先 奪得 商機 的 一 方將 掌握 下 一個 世代 的 全球 發 語 權 新冠肺炎 covid-19 疫情 撼動 全球 產業 的 變化 本書 分析 因 疫情 所 形成 的 產業鏈 整合 趨勢 並 探索 未來 中國 與 亞 太 國家 的 發展 策略 以及 與 全球 產業 即 將 面臨 的 變革 作者 分析 如今 的 中國 相較 於 2003 年 sars 發生 時期 已經 大相逕庭 2018 年 中國 的 gdp 民間 消費 額 相較 於 2003 年 增加 了 4 兆 美元 其 民間 消費 gdp 近乎 是 全球 gdp 的 5 顯示 現今 中國 對 全球 的 影響力 不容 小覷 新冠肺炎 爆發 後 停工 復工 斷 鏈 等 頓時 成為 熱門 關鍵字 身 為 世界 工廠 的 中國 牽一發而 動 全球 面板 原 物料 短缺 筆 電 零件 不足 日 韓 汽車零件 缺貨 等 即使 春節 後 陸續 復工 也 無法 完全 正常 運作 然而 在 疫情 過後 全球 供應 鏈 版圖 可能 產生 新 的 局面 中國 為了 維持 在 中 美 爭奪戰 中的 優勢 將 加速 半導體 進程 與 5 g 基礎 建設 的 普及 同時 國際 合作 關係 上 也 會 有所 改變 位 于東亞 島 鏈 的 臺灣 首當其衝 勢必 面臨 相對 的 挑戰 與 新 的 機會 隨 著 中 美 貿易 戰火 持續 延 燒 影響 過去 全球化 建構 的 世界 樣 貌 可能 將 不再 如 我們 所 熟知 未來 中國 產業 將 有 三 種 發展 的 可能性 和平 演化 選擇 與 集中 鋌而走險 中國 若以 和平 演化 方式 將 需要 20 到 30 年 方能 再度 崛起 但 若以 選擇 和 集中 的 模式 將 造成 更 嚴重 的 貧富差距 如何 維 穩 將 會 是 極大 的 挑戰 最後 若 鋌而走險 以 武力方式 掠奪 資源 臺灣 將 首當其衝 成為 首要 目標 不論 最後 中國 的 選擇 為何 臺灣 一個 全球 無害 的 好 夥伴 在 這 供應 鏈 洗 牌 的 時刻 也 是 掌握 商機 的 最佳 時刻 只有 懂得 逆向 思考 才有 做 不 完 的 生意</t>
  </si>
  <si>
    <t>新冠 病毒 covid-19 來勢洶洶 歐美 甚至 出現 病毒 變異 的 情況 疫苗 研發 緩不濟急 所幸 目前 已經 擁有 多 項 藥物 經 臨床 試驗 陸續 被 證實 具有 療效 尤其 老 藥 新用 的 奎寧 至於 其他 包括 目前 被 公認 為 最 具 療效 的 吉利 德 旗 下 研發</t>
  </si>
  <si>
    <t>recently the @mlb announced they will be continuing to send paychecks to players while the season is suspended @kateupton and i have decided to donate those funds to a different organization each week so that we can support their efforts and highlight the great work they re doing during the covid-19 crisis everyone around the world is affected by this virus and we hope to contribute to the families and jobs affected the healthcare workers and first responders on the front lines and the many others in need of basic necessities medical supplies and support at home as soon as the first paycheck is received we will be highlighting the first organization we know everyone is impacted by this crisis but for those who are able we encourage you to stay home to help flatten the curve and look to those around you who need a helping hand #covid 19 #flattenthecurve justin verlander @justinverlander 分享 的 貼 文 於 pdt 2020 年 4 月 月 4 日 上午 8 38 張貼 太空人 王牌 投手 韋藍德 justin verlander 偕同 辣 妻 阿普頓 kate upton 一起 做 公益 他們 要 捐 出 在 賽季 暫停 時大 聯盟 所 預支 的 薪資 並 拍 影片 透露 將 把 每週 獲得 的 薪水 捐贈 給 正 為 新冠肺炎 努力 的 非 營利 組織 來回 饋 社會 也 支援 這些 辛苦 人們 的 付出 大 聯盟 與 球員 工會 達成協議 就算 賽季 暫停 球員 仍 能 獲得 補助款 直到 5 月底 每人 所 拿 到 的 薪資 按 不同 層級 不同 年資 領到 金額 也 有 差異 根據 今日 美國 報導 韋藍德 每週 能 領到 3萬3411 美元 約 101萬 台幣 2 個 月 共 可 得到 28萬6980 美元 約 869萬 台幣 順帶 一 提 韋藍德 今年 的 薪資 是 3300萬 美元 近 10億 台幣 韋藍德 在 影片 中 和 名模 辣 妻 阿普頓 一起 發聲 他 表示 這 社會 還 有 太 多 在 前線 的 醫護人員 及 工作人員 需要 説明 也 有 很多 人 因 這次 疫情 而 丟了 工作 阿普頓 和 我 決定 將 我 每週 獲得 的 薪資 捐 給 為 疫情 努力 的 組織 希望 能 支持 他們 的 工作 也 給予 他們 出色 的 表現 一點 鼓勵 韋藍德 與 阿普頓 將 在 領到 薪水 後 決定 要 捐贈 給 哪個 單位 同時 向 大家 介紹 這 組織 所 做 的 貢獻 每個 人 都 在 這 場 危機 中 受到 影響 但是 有能力 的 人 我 鼓勵 你們 留在 家中 並為 控制 疫情 盡 一 份 心力 也 請 試圖 説明 身邊 需要 協助 的 人</t>
  </si>
  <si>
    <t>有線電視 新聞網 cnn 半島電視臺 al jazeera 等外 媒 26 日 報導 為 避免 來自 印度 的 delta 新冠肺炎 covid-19 變種 病毒 繼續 傳播 澳洲 已 下令 擴大 封城 範圍 除 原先 的 第一 大城 雪梨 sydney 和 其 東部 郊區 外</t>
  </si>
  <si>
    <t>印尼 雅加達 東部 公共秩序 局 satpol pp 宣佈 將 停止 實施 引發 爭議 的 違反 防疫 規定 懲罰 措施 也 就 是 強迫 未 在 公共場所 配戴 口罩 的 民眾 躺 入 未 蓋 棺 蓋 的 棺材 中 從 1 數 到 100 以 感受 死亡 的 威脅 日前 在 雅加達 東部 pasar rebo 地區 的 kalisari 多 名 官員 發現 未 在 公共場所 配戴 口罩 的 數 名 民眾 並 強迫 他們 躺 在 空 棺 中 數 分鐘 作為 懲罰 pasar rebo 區長 解釋 這 是 因為 部分 違反 防疫 規 的 民眾 無法 支付 25萬 印尼盾 約 台幣 500 元 的 罰款 或 自稱 沒 時間 參加 60 分鐘 社區服務 因此 自願 選擇 這種 懲罰 方式 事件 曝光 後 雅加達 東部 公共秩序 局局長 諾維安 budhy novian 表示 這種 懲罰 方式 不 符合 地方 法規 根據 州府 第 79 2020 號 條例 針對 在 公共場所 未 佩戴 口罩 的 居民 懲罰 方式 是 就 罰款 和 社區服務 諾維安 說 我 譴責 了 用 假 棺材 作為 懲罰 方式 的 人員 並 要求 他們 根據 現行 法規 對 違法 者 進行 處罰 希望 罰款 和 社區服務 可以 讓 民眾 遵守 遏制 covid-19 傳播 的 衛生 規定</t>
  </si>
  <si>
    <t>新冠肺炎 covid-19 疫情 流行 至今 世界 各國 經濟 與 人民 遭受 重大 損害 我國 政府 有鑒於 sars 的 經驗 超前 部署 除 增加 國內 口罩 產能 外 率先 進行 口罩 管制 組建 標榜 全 臺灣 製造 的 口罩 國家隊 與 一系列 供應 鏈 在 政府 與 國民</t>
  </si>
  <si>
    <t>新冠肺炎 covid-19 疫情 流行 至今 世界 各國 經濟 與 人民 遭受 重大 損害 我國 政府 有鑒於 sars 的 經驗 超前 部署 除 增加 國內 口罩 產能 外 率先 進行 口罩 管制 組建 標榜 全 臺灣 製造 的 口罩 國家隊 與 一系列 供應 鏈 在 政府 與 國民 齊心協力 下 創造 我國 傲視 全球 的 防疫 成果 令 世界 各國 爭相 學習 借 鏡 成功 向 世界 宣傳 了 我國 口罩 國家隊 的 好 成績 為 我國 口罩 產業 注入 了 一 劑 強心針 眾多 廠商 紛紛 加入 口罩 產業 陸續 依 現行 法規 向 政府 申請 衛 字型大小 相關 許可證 帶動 了 一 波 口罩 經濟 不幸 的 是 人 多 總是 會 有 害群之馬 新進 口罩 業者 指出 今年 9 月份 起 陸續 查獲 了 以 某 老牌 口罩 廠商 為 引爆 點 的 惡行 這些 在 疫情 之 初 或 之前 已 取得 許可證 的 廠商 以 中國 制 口罩 混充 打 著 國家隊 大旗 進行 販 售 牟取 不法 利益 而 這家 老牌 口罩 廠商 對應 此事 之 態度 更 令 國人 譁然 頓時 之間 已 令 國家隊 招牌 蒙上 陰影 新進 口罩 業者 建議 亡羊補牢 猶 未 晚 也 在 國家隊 這個 招牌 已 受到 國人 質疑 的 現在 政府 必須 也 確實 需要 有所作為 藉 此 挽救 國人 對 國家 隊 的 信心 惟 政府 採取措施 的 同時 對於 已 依 程式 提出 申請 的 廠商 應該 加速 審查 程式 避免 一 改 再 改 申請 程式 恐 將 導致 有 擾民 費時 破壞 人民 對 政府 信心 的 疑慮 新進 口罩 業者 認為 人民 對 政府 的 程式 信任 對 早已 取得 許可證 的 廠商 反而 需要 再次 檢 視 是否 有 違背 法令 的 行為 藉 由此 一 機會 汰舊換新 為 產業界 注入 新 血 重新 擦亮 國家隊 的 招牌 再創 臺灣 的 口罩 經濟 奇跡 方為 正道</t>
  </si>
  <si>
    <t>鑒於 新冠肺炎 疫情 日益嚴重 七大 工業國 g 7 領袖 週一 16 日 緊急召開 視 訊 會議 會後 發佈 共同聲明 強調 將 緊密 合作 以 對抗 疫情 並 推出 支撐 經濟 所 需 的 財政 與 貨幣政策 加拿大 央行 週一 宣佈 新 的 挹注 市場 流動性 措施 將 在 次級 市場 購買 房 貸 債券 市場 解讀 此為 加國 也 將 啟動 量化 寬鬆 qe 日本 則 有 國會議員 提案 要求 安倍 政府 調 降 消費稅 日銀 總裁 黑田 週二 則 強調 必要 時還會 再 擴大 貨幣 寬鬆 根據 白宮 經濟 顧問 庫德洛 larry kudlow 表示 美 總統 川普 週一 上午 在 白宮 戰情 室 進行 視 訊 會議 儘管 面對 美 股 崩 盤 川普 不但 仍 維持 冷靜 還 與 g 7 其他 領袖 皆 同意 將 竭盡所能 對抗 新冠肺炎 此外 g 7 領袖 也 討論 東京 奧運 今年 是否 如期舉行 日本首相 安倍 迄今 仍 拒絕 延後 或 取消 東奧 庫德洛 會後 向 記者 提及 他 安倍 不 知道 是否 可行 但 他 想 這麼 做 川普 總統 祝 他 好運 我們 都 在 後面 支持 他 另一方面 川普 週一 稍晚 在 白宮 簡報 表示 此次 疫情 可能 持續 到 7 月 或 8 月 或許 甚至 更 長 該 集團 發佈 會後 共同聲明 表示 透過 共同行動 我們 將 致力 解決 因 covid-19 新冠肺炎 流行 引發 的 健康 與 經濟 風險 為 未來 強勁 的 復蘇 持續 的 經濟 成長 與 繁榮 作好 準備 g 7 領袖 承諾 致力 採取 共同行動 以及 一切 必要措施 使用 所有 政策 工具 包括 貨幣 和 財政 辦法 力阻 下行 風險 該 份 共同聲明 指出 g 7 領袖 將 協調 各方 努力 減緩 病毒 擴散 包括 透過 適當 的 邊界 管制 措施 此外 也 將 支持 由 政府 和 民間 推出 合作 研發 計畫 以及 分享 藉 此 快速 研發 製造 和 提供 治療 和 疫苗 g 7 領袖 也 同意 財政部長 進行 每週 開會 協調 執行 情況 並且 研 擬 進一步 的 行動 上周 歐洲 領袖 們 尤其 是 法國 總統 馬克宏 即 積極 遊說 川普 召開 g 7 領袖 視 訊 會議 以 討論 新冠肺炎 因應之道 川普是 今年 g 7 輪值 主席</t>
  </si>
  <si>
    <t>covid-19 的 肆虐 全球 以及 美中 貿易戰 科技 戰 的 開 打 加深 了 全球 經濟 發展 的 不 確定性 不過 疫苗 的 接種 各國 的 解封 等 正面 的 因素 也 使 未來 全球 經濟 的 成長 有 更 好 的 期待 臺灣 當前 面臨 第二 波 疫情 的 衝擊 但 在 政府 有</t>
  </si>
  <si>
    <t>covid-19 的 肆虐 全球 以及 美中 貿易戰 科技 戰 的 開 打 加深 了 全球 經濟 發展 的 不 確定性 不過 疫苗 的 接種 各國 的 解封 等 正面 的 因素 也 使 未來 全球 經濟 的 成長 有 更 好 的 期待 臺灣 當前 面臨 第二 波 疫情 的 衝擊 但 在 政府 有效 防疫 民眾 自律 下 即使 對 民間 消費 服務業 有所 衝擊 但 對 出口 投資 影響 不 大 的 情況 下 整體 經濟 預期 仍 可 以 保持 5 的 成長 不過 總體 因素 雖然 傾向 于 樂觀 但 疫情 的 反 覆 爛 頭寸 的 充斥 推 升 了 股票 房地產 比 特 幣 等 金融 泡沫 都 是 我們 不 可 輕忽 的 變數 疫情 的 控制 貨幣政策 的 擬定 財政政策 的 紓困 美中 科技 戰 的 因應 雖然 都 是 政府 的 施政 範疇 與 責任 但是 在 此 多變 的 大環境 下 企業 也 應該 持續 改革 創新 不可 停滯不前 因為 在 十 倍 速 的 時代 不進則退 至於 企業 應該 做 什麼 或 不 應該 做 什麼 攸 關 企業 在後 疫情 時代 的 競爭力 不容 輕忽 以下 我們 指出 企業 在後 疫情 時代 不 應該 做 的 與 應該 做 的 幾 個 大方向 一 不 應該 的 作為 首先 企業 不 應該 過度 財務 杠杆 隨 著 各國 的 寬鬆 貨幣政策 利率 偏 低 的 結果 大量 資金投入 房地產 股票 外匯 原 物料 市場 導致 金融 泡沫 方興未艾 在 泡沫 逐漸 形成 之際 企業 應該 守 住 自己 的 核心 競爭力 不可 過度 投資 本業 以外 的 領域 才 不 會 在 泡沫 崩 跌 後 受到 拖累 拖垮 公司 的 財務 其次 不可 盲目 裁員 停止 投資 新冠肺炎 造成 不少 企業 面臨 困境 但 不 可 盲目 裁員 因為 員工 是 公司 的 競爭力 來源 可以 適度 縮 小規模 但 透過 教育 訓練 保持 公司 的 元氣 當然 企業 也 不 可以 大量 盲目投資 或 輕率地 減少 投資 例如 某 一 日本 高科技公司 為了 因應 1997 年 的 亞洲 金融風暴 2008 年 的 全球 金融 海嘯 大量 裁員 減少 投資 在 風暴 結束 後 雖然 利潤率 提高 但 營 收 卻 大幅 下滑 競爭力 也 開始 落後 於 同業的 競爭對手 第二 個 案例 是 美國 的 惠普 hp 公司 在 2000 年代 購並 康柏 compaq 並 大幅 擴張 亞太 通路 但 缺乏 聚焦 反而 衝擊 公司 的 長期 競爭力 反之 美國 target公司 雖然 縮減 若干 實體 門市 但 擴張 線 上 投資 並 和 亞馬遜公司 合作 也 因而 在 新冠肺炎 後 營 收 不減 反 增 股價 不 斷 上揚 另 一個 案例 是 台積電 在 不景氣 時 大幅 增加 研發 的 投資 進而 有能力 接到 iphone 的 大 訂單 整體 競爭力 遠遠 超過 同業 競爭對手 也 贏得 臺灣 護 國 神 山 的 美名 再者 千萬 不要 原地踏步 持續 改革 不斷創新 組織 再造 不可 鬆懈 因為 在 數位 時代 跨 域 競爭 成為 常態 對手 不是 來自 本業 甚至 來自 異 業 不斷 革新 進步 建構 更 深 的 護城河 才能 因應 挑戰 二 企業 應有 的 作為 首先 持續 的 變革 創新 尤其 在 covid-19 之後 去 全球化 之後 的 短 鏈 發展 去 實體 化 大幅提高 線 上 營運 模式 透過 組織 再造 因應去 弱 存 強 以及 追求 綠色化 乾淨 寬敞 社交 空間 的 去 汙 減 碳 這些 趨勢 都 應該 深入 瞭解 作為 公司 變革 創新 的 基礎 與 鞭策 的 方向 再者 加強 跨 域 的 合作 在 數位 經濟 時代 來臨 之際 平臺 經濟 共用 經濟 等 逐漸 蔚 為 趨勢 企業 應 掌握 上述 趨勢 進行 策略 的 調整 但 公司 資源 有限 投入 不同 領域 有 其 風險 因此 進行 跨 域 合作 尋求 夥伴 合作 可以 創造 雙贏 並 擴大 公司 的 影響力 其三 透過 折扣 補貼 共同 研發 共同 環保 鎖 住 客戶 及 合作夥伴 由於 新冠肺炎 之後 企業 的 營 收 會 有 一定 的 減 損 很多 客戶 流失 可 透過 折扣 補貼 優惠 來 吸引 忠實 客戶 回流 鎖 住 忠實 客戶 相當 重要 同時 有些 上游 大廠 透過 和 下游 客戶 的 共同 研發 共同 進行 節能 減 碳 的 活動 也 可以 增加 彼此 休戚與共 的 革命 情感 進而 留住 客戶 其四 加速 數位 轉型 迎接 數位 時代 數位化 在後 疫情 時代 已經 成為 顯 學 也 是 公司 競爭力 不可或缺 的 環節 中型企業 因為 資源 不 多 可以 尋求 政府 或是 法人 機構 的 協助 掌握 數位 投資 前後 效益 的 變化 才能 積極 投入 大型 企業 雖然 資源 比較 多 但是 數位 轉型 成功 與否 取決 於 公司 組織 再造 人才 的 訓練 商業模式 的 調整 等 這些 努力 都 有賴 公司 高層 的 企圖 心 與 決心 另一方面 瞭解 未來 產業 的 趨勢 也 攸 關 公司 競爭力 未來 十 年 的 產業 發展趨勢 包括 人口老化 少 子化 節能 減 碳 數位 經濟 的 發展趨勢 均值 得 企業 高層 重視 並 有效 融入 公司 的 經營策略 此外 重視 環境 的 永續 社會 責任 與 公司 治理 esg 重視 esg 不但 公司 的 形象 可以 提升 有利於 公司 招募 人才 同時 在 資本 市場 也 有加 分 的 作用 而且 透過 綠色 esg 的 加 值 投入 也 可以 創造 公司 的 差 異化 進而 提升 企業 的 出口 競爭力</t>
  </si>
  <si>
    <t>委內瑞拉 疫苗 covid-19 covid 反對派</t>
  </si>
  <si>
    <t>受 新冠肺炎 covid-19 擴散 影響 美 股 面臨 回檔 修正 壓力 不過 對 美 股 未來 前景 仍 有 相當 投資人 保持 信心 台新 智慧 生活 基 金經理 人 蘇聖峰 就 表示 美 股 基本 面 優於 其他 市場 如 製造業 ism 重 回 榮 枯 線 50 企業 去年 第 四季</t>
  </si>
  <si>
    <t>受 新冠肺炎 covid-19 擴散 影響 美 股 面臨 回檔 修正 壓力 不過 對 美 股 未來 前景 仍 有 相當 投資人 保持 信心 台新 智慧 生活 基 金經理 人 蘇聖峰 就 表示 美 股 基本 面 優於 其他 市場 如 製造業 ism 重 回 榮 枯 線 50 企業 去年 第 四季 財 報 獲利 亮 眼 且 指標 個股 展望 佳 加上 低利 環境 不 變 美 股 因 具 報酬 較 高 優勢 吸引力 高 預期 美 股 後市 仍 有 漲 升 行情 可期 短線 若 遇 較 大 回檔 皆 是 買點 看好 軟 體 網路 安全 fintech 電競 娛樂 共用 經濟 等 趨勢 成長 股 蘇聖峰 指出 預期 新冠肺炎 對於 今年 全球 gdp 影響 輕微 股市 承接 力道 強勁 市場 普遍 共識 認為 第一 季 的 經濟損失 會 在 第二 季 獲得 部分 彌補 不過 由於 第一 季 經濟 下行 壓力 增加 全球 央行 貨幣政策 有望 更 寬鬆 帶動 經濟 復蘇 美國 基本 面 為 全球 相對 突出 的 s&amp;p 500 企業 去年 第 四季 企業 獲利 優於 預期 比例 達 70 以上 資訊 科技類 股 是 今年以來 唯一 獲利 上 修 的 類 股 仍 為 盤面 主流 尤其 科技 龍頭 大廠 apple amazon microsoft tesla 等 財 報 與 展望 佳 將 帶動 美國科技 相關 基金 後市 表現 蘇聖峰 表示 科技 股 擁有 五大 利基 仍 是 未來 美 股 的 領頭羊 包括 一 科技 通訊 生 技 等 類 股 受 疫情 影響 小 在 恐慌性 殺 盤後 將 有 顯著 反彈 二 5 g ai 雲端 等 新興產業 成長 題材 豐富 三2020 年 it 支出 調查 it 業者 願意 增加 投資 的 企業 為 89 大型 科技 股 動能 不 變 四 軟 體 股 有 更 多 題材 疫情 對於 軟 體 股 影響 小 且 網路 安全 容器 效能 監控 資料 處理 devops 雲 通訊 與 客戶 使用者 體驗 是 許多 公司 的 優先 專案 五 強勢 美元 影響 減弱 有利 出口 及 匯兌</t>
  </si>
  <si>
    <t>2019 冠 狀 病毒 疾病 covid-19 新冠肺炎 疫情 大 流行 瑞典政府 採取 放任 措施 讓 人民 在 自律 行 為 下 維持 正常 生活 享受 日光浴 運動 上學 工作 但 在 4 月 21 日 瑞典 死亡 病例 新增 185 例 創 疫情 期間 單日 最 大 增幅 此前 兩</t>
  </si>
  <si>
    <t>新冠肺炎 司機 台鐵 出國 covid-19</t>
  </si>
  <si>
    <t>柯文哲 新冠肺炎 新冠 病毒 covid-19 海軍</t>
  </si>
  <si>
    <t>新冠肺炎 covid-19 成為 全球 流行 疾病 各國 都 相繼 鎖國 來 控制 疫情 尤其 是 義 大利 更 成為 歐洲 最 嚴重 疫區 也 因 些 讓 各 精品 紛紛 投入 捐 錢 捐 物資 給 醫療機構 來 守護 第一線 的 醫療 人員 在 新冠 疫情 還 看不到 盡頭 下 寶格麗</t>
  </si>
  <si>
    <t>寶格麗 抗 菌 洗手 凝 膠 義 大利 新冠肺炎 covid-19</t>
  </si>
  <si>
    <t>三星 samsung 今年 下半年 預計 推出 的 galaxy note 20 系列 到底 有 幾 款 先前 曾經 爆 料 指出 蘋果 不 會 在 新 一代 iphone 中 採用 ltpo 低溫 多晶矽 氧化物 技術 的 display supply chain consultant dscc ceo ross young 透過 在 twitter 回答 網友 問題 提前 揭曉 了 不少 關於 galaxy note 20 系列 的 猛料 關心 的 你 應該 要 知道 三星 自 2019 年 起 也 在 galaxy note 系列 中 採用 galaxy s 系列 的 策略 推出 多種 款式 讓 使用者 有 更 多 選擇 而今 年 看似 也 將 延續 不 過 不 像 galaxy s 20 系列 一口氣 推出 三 款 note 20 系列 預計 將 僅 有 兩 款 分 別是 galaxy note 20 以及 galaxy note 20 而 沒有 所謂 的 ultra 款式 no note 20 ultra note 20 and 20 ross young 進一步 指出 根據 他們 從 三星 方面 得知 的 消息 三星 雖然 在 galxay s 20 系列 中 全線 支援 了 120 hz 螢 幕 更新 率 的 功能 但是 在 galaxy note 20 系列 中 僅 有 galaxy note 20 會 支援 120 hz 螢 幕 更新 率 galaxy note 20 則 不 會 對此 說法 三星 並 沒有 對外 回應 證實 note 20 supports 120 hz but samsung confirmed to us that note 20 does not 至於 三星 要 如何 在 galaxy note 20 中 實現 120 hz 螢 幕 更新 率 ross young 指出 三星 是 在 galaxy s 20 系列 的 面板 採用 ltps 技術 但是 這項 技術 在 功 耗 上 的 表現 不是 很 好 因此 三星 計 畫 在 galaxy note 20 中 改用 ltpo 技術 但是 由於 這項 技術 的 成本 過 高 因 此 很 可能 這 是 三星 僅 在 高階 款式 中 導入 的 可能 原因 之一 i see note the ipad uses an oxide panel which can show low refresh rates without flicker more difficult for ltps panels this is why ltpo is coming to smartphones 在 與 網友 的 問答 中 ross young 還有 知名 爆 料 達人 之一 max weinbach @maxwinebach 指出 三星 在 下半年 除了 有望 發表 galaxy note 20 系列 外 可能 還 會 推出 galaxy fold lite 4 g galaxy fold e galaxy fold 2 等 可 折疊 螢 幕 新機 max weinbach 表示 三星 正在 開發 中的 可 折疊 螢 幕 機種 有 三 款 其中 兩 款 採用 塑膠 螢 幕 另 一 款 採用 utg 螢 幕 有 可能 後者 是 指 galaxy flip 5 g galaxy flip 採用 的 就是 utg 螢 幕 there&amp;apos s a rumor and keep in mind this is a rumor samsung will be releasing a galaxy fold e for 1100 they are also working releasing 3 folds two with plastic one with utg could explain the winner 2 vs champ codenames more galaxy fold 2 leaks launch date we think it will be announced with the galaxy note series which has been happening annually in august since 2015 we would expect shipments to start from september ross young 認為 可 折疊 螢 幕 的 新機 與 galaxy note 20 系列 有望 在 八月 發表 並 期待 從 九月 開始 出 貨 這 一點 跟 先前 韓媒 的 說法 不謀而合 此前 韓國 先驅 報 the korea herald 報導 指出 雖然 業 界 受到 新冠肺炎 covid-19 疫情 影響 程度 不 低 但是 按照 三星 的 準備 galaxy note 20 系列 還有 galaxy fold 2 等 新機 都 將 如期 在 原本 預期 的 八月 亮相</t>
  </si>
  <si>
    <t>一個 月 前 全球 將 新加坡 視為 控管 新冠肺炎 covid-19 的 模範 生 對 感染者 後續 處理 的 黃金 標準 獲得 讚賞 但 從 3 月中 開始 新加坡 確診 案例 飆 升 22 倍 從 266 例 增加 到 5992 例 其中 有 60 是 外籍 移 工 顯示 新加坡 忽視 移 工 這</t>
  </si>
  <si>
    <t>一個 月 前 全球 將 新加坡 視為 控管 新冠肺炎 covid-19 的 模範 生 對 感染者 後續 處理 的 黃金 標準 獲得 讚賞 但 從 3 月中 開始 新加坡 確診 案例 飆 升 22 倍 從 266 例 增加 到 5992 例 其中 有 60 是 外籍 移 工 顯示 新加坡 忽視 移 工 這塊 低估 傳播 速度 導致 確診 暴 增 根據 外 媒 報導 社會輿論 認為 政府 忽視 移 工 處境 對待 移 工 方式 等同 第三世界 他們 像 沙丁魚 30萬 人 擠 在 40 多 家 宿舍 等於 是 將 成千上萬 的 人 困 在 同一 棟 建築 且 12 至 20 人 共用 狹小 房間 與 衛浴 是 常態 4 月 7 日 新加坡 下令 關閉 國內 非必要 工作 場所 14 日 封鎖 所有 移 工 宿舍 但 所有人 全 擠 在 室內 反而 比 平時 更 危險 新加坡 律師 前 外交官 湯米 科姆 tommy koh 曾 警告 這些 宿舍 就 像 一 顆 定時炸彈 正 在 爆炸 為了 降低 傳染 政府 將 部分 男性 移 工 安置 在 停車場 軍營 打算 將 健康 移 工 安置 在 郵輪 鑿 於 先前 郵輪 爆發 感染 還 需 考慮 是否 符合 防疫 規範 其實 新加坡 移 工 住宿 環境 糟糕 的 問題 存 在 已久 2008 年 多 名 移 工 感染 水痘 2016 年 新加坡 受 登革熱 茲 卡 病毒 重創 移 工 之間 也 爆發 疫情 新加坡國立大學 的 醫學 教授 戴爾費雪 dale fisher 表示 如果 不 儘快 阻止 移 工 群 聚 感染 醫療系統 恐 不堪 負荷 戴爾費雪 也 指出 新加坡 防疫 政策 與 香港 形成 對比 在 新加坡 我們 希望 生活 繼續 正常 進行 反觀 香港 關閉 學校 在家 辦公 升級 控管 目前 來看 香港 做法 更加 有效 新加坡 應對 病毒 方式更 像是 一 場 賭博 你 可能 會 小 贏 幾 把 然後 輸 一 把 大 的</t>
  </si>
  <si>
    <t>國內 引進 covid-19 疫苗 進度緩慢 數量 嚴重不足 引發 中央 分配不公 權貴 偷打 等 爭議 近日 網路 傳出 肺炎 鏈球菌 疫苗 可 抗 covid-19 訊息 引起 民眾 熱 議 確實 也 出現 民眾 搶 打 現象 亞東 醫院 家 醫科 醫師 翁資閔 表示 施打 肺炎 鏈</t>
  </si>
  <si>
    <t>儘管 全球 新冠肺炎 疫情 持續 延 燒 但 大陸 在 疫情 受 控 後 各地 加速 復工 腳步 tpca 預估 今年 第 1 季 台商 pcb 兩岸 海內外 產值 為 新 台幣 1312億 元 上半年 被 疫情 影響 而 遞 延 出 貨 的 訂單 將 會 遞 延至 下半年 下半年 有 機會 呈現 旺季 更 旺 的 狀況 預估 2020 年 整體 產值 可 達 新 台幣 6811億 元 原本 市場 預期 今年 pcb 產業 將 受惠 於 5 g 基礎 建設 與 終端 的 帶動 周邊 消費 電子 需求 而 大幅 成長 未 料 新冠肺炎 疫情 自 農曆 年前 自 大陸 地區 大 爆發 造成 大陸 地區 延後 復工 打亂 全球 電子 產業 生產 節奏 相較 於 全球 疫情 持續 蔓延 大陸 各 區域 因 疫情 受 控 復工 率 逐步提高 不過 業 界 在 開工 後 仍 須 克服 不同 程度 的 問題 如 物流 及 人流 的 管制 導致 防疫 物資 原料 與 成品 運送 都 難以 掌握 交 期 人員 返 廠 比率 及 自主 管理 期 造成 短期 低 稼 動 率 營運 壓力 儘管 部分 廠商 因 年初 訂單 滿載 春節 期間 采 不 停工 加班 生產者 復工 率 相對 較佳 但 仍 受 物 流 不順 問題 影響 既定 排 程 tpca 表示 新冠肺炎 covid-19 目前 已 確定 將 對 全球 經濟衰退 造成 影響 國際 市 調 機構 紛紛 下調 全球 終端產品 需求 原來 樂觀 5 g 與 各項 電子 終端產品 需求 動能 將 延後 發生 未來 幾 個 月 有 幾 個 面向 可以 留意 包括 供給 面 部分 電子 產業鏈 上下游 供貨 狀況 的 復原 速度 需求面 則 要 觀察 全球 終端產品 消費 動能 降低 何時 回溫 就 目前 疫情 的 發展 情況 來看 多數 認為 將 會 於 第 2 季 完全 結束 主要 的 衝擊 亦 集中 於 第 1 季 在 此 情境 下 由於 2 月 稼 動 率 下降 且 終端 需求 減少 tpca 保守 預估 今年 第 1 季 台商 pcb 兩岸 海內外 產值 為 新 台幣 1312億 元 而 上半年 被 疫情 影響 而 遞 延 出 貨 的 訂單 將 會 遞 延至 下半年 下半年 有 機會 呈現 旺季 更 旺 的 狀況2020 年 預估 整體 產值 可 達 新 台幣 6811億 元 值得注意 的 是 去年 至 今 的 美中 貿易戰 讓 電子 組裝 與 pcb 產業 有 了 重新 佈局 的 思考 不過 根據 統計 2019 年 台商 兩岸 產值 生產 比重 大陸 地區 生產 比重 達 約 634 相較 主要 競爭對手 日本 及 韓國 已 分散 在 東南亞 各國 佈局 臺灣 廠商 海外 佈局 的 分散 程度較 低 在 大陸 生產 比重 僅次於 陸資 廠商 也 導致 面對 疫情 衝擊 的 應變 上 更加 捉襟見肘 此次 新冠肺炎 疫情 將 讓 產業 加速 分散 風險 的 策略 短期 可以 看到 廠商 將 重新 檢 視 現有 海內外 產能 配置 原 物料 供應 來源 的 彈性 長遠 則 將 加速 產業 升級 與 分散 佈局 避免 雞蛋 放在 同一 的 籃子 的 佈局 調整 強化 智慧 製造 體質 以 避免 大環境 突如其來 的 變數 打亂 企業 成長 的 腳步</t>
  </si>
  <si>
    <t>砷 化 鎵磊 晶廠 全新 2455 前 2 月 合併 營 收 為 425億 元 年 增 5241 由於 大陸 加速 推動 5 g 基礎 建設 全新 3 月光 通訊 訂單 狀況 優於 2 月 全新 對 3 月 業績 不 看淡 日 系 外資 則 認為 在 去 美化 以及 5 g 3 d 感 測 等 需求 推動 下 新冠肺炎 疫情 對 全新 核心 業務 前景 不 會 造成 損害 重申 買進 評等 目標價 140 元 新冠肺炎 疫情 在 全球 持續 蔓延 讓 大陸 及 全球 經濟 蒙上 陰霾 大陸 為 降低 疫情 負面 衝擊 在 大陸 各地 陸續 復工 後 加速 推動 5 g 基礎 建設 且 wifi 6 滲透 率 持續 提升 加上 vcsel 等 新 應用 激增 讓 全新 2 月 合併 營 收 維持 水準 單月 合併 營 收 為 208億 元 月 減 415 但 年 增 5276 累計 前 2 月 合併 營 收 為 425億 元 年成 長 5241 受惠 於 大陸 5 g 基礎 建設 需求 全新 3 月光 通訊 訂單 狀況 優於 2 月 將 有助於 全新 3 月 營收 表現 日 系 外資 在 最新 報告 指出 qrvo 在 3 月 3 日 發佈 季度 中期 警告 認為 有 可能 比 其 原本 預估 的 收入 範圍 中點 低 6 qrvo 是 全新 的 主要 客戶 之一 有鑒於 新冠肺炎 covid-19 影響 我們 認為 全新 今年 第 1 季 合併 收入 預測 為 698億 元 較 去年同期 約 成長 48 不過 儘管 新冠肺炎 疫情 可望 拖累 今年 上半年 需求 但 這 是 季節性 問題 不 會 影響 我們 對 全新 結構性 業務 前景 的 樂觀 看法 預期 全新 仍 將 受惠 於 5 g 和 3 d 感 測 兩 種 長期 需求 以及 今年 不斷 增加 的 去 美國化 趨勢 重申 買進 評等 目標價 140 元</t>
  </si>
  <si>
    <t>美國 藥廠 莫德納 今天 向 美國 食品 暨 藥物 管理局 申請 全面 批准 其 研發 的 covid-19 疫苗 成為 第 2 家 尋求 監管 機關 核准 並 廣泛 使用 的 藥廠 目前 莫德納 在 美國 只 取得 緊急 使用 授權 莫德納 moderna inc 的 競爭對手 美國 藥廠 輝瑞 pf</t>
  </si>
  <si>
    <t>美國 藥廠 莫德納 今天 向 美國 食品 暨 藥物 管理局 申請 全面 批准 其 研發 的 covid-19 疫苗 成為 第 2 家 尋求 監管 機關 核准 並 廣泛 使用 的 藥廠 目前 莫德納 在 美國 只 取得 緊急 使用 授權 莫德納 moderna inc 的 競爭對手 美國 藥廠 輝瑞 pfizer inc 和 其 合作夥伴 德國 生 技 公司 biontech 已於 數 周前 向 美國 食品 暨 藥物 管理局 fda 申請 全面 批准 使用 它們 研發 的 2019 冠 狀 病毒 疾病 covid-19 疫苗 全面 批准 使用 疫苗 可能 是 緩和 疫苗 猶豫 vaccine hesitancy 的 重要 步驟 美國 和 其他 富裕 國家 境內 的 疫苗 猶豫 愈來愈 令 人 憂心 全面 批准 使用 疫苗 也 可讓 藥廠 可以 直接 行銷 它們 的 疫苗 以及 幫助 企業 和 政府 機關 為 員工 施打 疫苗 莫德納 表示 未來 數 周 將 持續 以 滾 動 方式 提供資料 給 食品 暨 藥物 管理局 並 要求 優先 審查 莫德納 已 與 美國政府 達成協議 供應3億 劑 covid-19 疫苗 根據 美國 疾病 管制 暨 預防 中心 cdc 超過 1億5100萬 劑 莫德納 疫苗 已 配送 至 美國 各地 截至 5 月 30 日 為止 已 施打約 1億2450萬 劑 譯者 陳昱婷 核 稿 劉學源 1100601</t>
  </si>
  <si>
    <t>covid-19 高雄 市政府 民政局 殯葬 管理處 旗 津 生命 紀念館</t>
  </si>
  <si>
    <t>新冠 病毒 新冠肺炎 covid-19 疫情 大陸</t>
  </si>
  <si>
    <t>國際 大型 科技 會展 又 再 取消 一 樁 受 新冠肺炎 covid-19 疫情 從 中國 延 燒 至 歐美 影響 原訂 於 6 月 2 日 開展 的 臺北 國際 電腦展 computex 將 延至 9 月 28 日 舉行 展覽 日期 也 由 原本 的 6 天 縮減 至 3 天 展區 則 集中 至 世貿 二 館</t>
  </si>
  <si>
    <t>衛福 部長 陳時中 今 2 日 公佈 國內 出現 第 41 例 covid-19 新冠肺炎 病例 為 案 34 的 女兒 20 多 歲 近期 無 旅遊 史 除 自身 有 過敏 體質 外 無 任何 不適 症狀 然而 這 位 第 41 例 確診 者 於 2 月 15 26 日間 曾多次 至 病房 陪伴 她 的</t>
  </si>
  <si>
    <t>紐約州 新冠肺炎 covid-19 確診 病例 數 突破 1萬 人 成為 美國 疫情 最 慘重 的 地區 對此 就 有 網友 好奇 紐約 為 何比 其他 城市 還 多 好幾 倍 貼 文一 出 隨即 掀起 熱 議 更 有 知情 人士 點破 一致 命 關鍵 直言 紐約 完全 大染缸</t>
  </si>
  <si>
    <t>紐約州 新冠肺炎 covid-19 確診 病例 數 突破 1萬 人 成為 美國 疫情 最 慘重 的 地區 對此 就 有 網友 好奇 紐約 為 何比 其他 城市 還 多 好幾 倍 貼 文一 出 隨即 掀起 熱 議 更 有 知情 人士 點破 一致 命 關鍵 直言 紐約 完全 大染缸 原 po 今 22 日 淩晨 2 時許 在 ptt 八卦板 po 文 指出 太 誇張 了 現在 美東 才 幾 點 紐約 就 即將 單日 破 2 k 其他 比較嚴重 的 地方 像是 加州 跟 華盛頓州 也 才 一百 多 為何 紐約 如此 嚴重 啊 是 最 認真 驗 有 沒有 八卦 貼 文一 出 隨即 掀起 網友 熱 議 眾人 直指 人口密度 高 是 其 致命 關鍵 密集 度 其實 有差 差不多 香港 那種 擁擠 程度 紐約 是 美國 裡 最 像 亞洲 的 城市 難 停車 擁擠 高密度 人口 太 密集 所以 臺灣 沒 炸 也 真的 很 神 了 你 去 過 就 知道 那邊 的 擁擠 跟 髒亂 不是 美國 其他 城市 能比 的 紐約 去 哪裡 都 擠 又 倚靠 老 舊 通風 不良 的 地鐵 一 出門 風險 就很 大 人口密度 太 高 完全 大染缸 大雜燴 也 有 不少 人 認為 醫療 資源 相對 多 且 認真 驗 認真 驗 的 原因 啊 不 像 亞洲 某國 蓋 牌 全球 金融 中心 每天 很多 歐洲人 來 歐洲 爆 紐約 一定 爆 咳嗽 不 戴 口罩 密集 地鐵 空間 美國 恐怖 的 是 窮人 和 遊民 應該 到 死 都 不 會 去 驗 死不了 的 就 到處 散佈 病毒 偏偏 現在 是 大 右派 執政</t>
  </si>
  <si>
    <t>紐約 確診 新冠肺炎 covid-19 美國</t>
  </si>
  <si>
    <t>雖然 世界衛生組織 who 還 沒 把 新冠肺炎 列為 全球 流行 疾病 但 疫情 已 擴散 至 73 國 確診 案例 超過 10萬 例 29億 學生 停課 醫 界 權威 雜誌 柳葉刀 3 月 7 日 發表 社論 covid-19 太 少 太 晚 covid-19 too little too late</t>
  </si>
  <si>
    <t>rudy gobert is donating more than 500000 to support both the employee relief fund at vivint smart home arena and covid-related social services relief in utah oklahoma city and within the french health care system https t co dxy 82 ztqp 3 爵士 中鋒 戈貝爾 rudy gobert 在 公開 道歉 之後 正式 對 大眾 做出 補償 他 15 日 宣佈 捐 出 50萬 美元 約 台幣 1500萬 來 幫助 防疫 包括 支援 那些 因為 停賽 而 生計 受 影響 的 時薪 工作人員 他 慷慨 的 行為 讓 球迷 也 不好意思 再 罵 他 了 戈貝爾 透過 球 團 聲明 我 明白 有些 人 可能 因 疫情 陷入 各種 困境 這些 捐款 聊表 我 對 他們 的 感恩 與 支持 也 是 我 試圖 發揮 正面 影響力 而 邁出 的 第一 步 同時 我 繼續 瞭解 並 普及 新冠 病毒 covid-19 的 知識 給 大眾 美 媒 espn 報導 捐款 的 其中 20萬 美元 拿 來 補貼 爵士 球場 的 時薪 工作人員 10萬 美元 幫助 猶他 州 的 染病 家庭 10萬 美元 幫助 奧克拉荷馬 市 的 染病 家庭 因為 他 染病 時 跑 去 客場 作戰 最後 10萬 美元 捐 給 法國 健 保 系統 戈貝爾 是 法國 人 爵士 球迷 稱讚 戈貝爾 知過能改 他 一時 糊塗 犯了錯 但 他 實際上 是 個 好人 請 媒體 不要 再 攻擊 他 了</t>
  </si>
  <si>
    <t>日本 新冠 疫情 突然 降溫 連 當地人 都 無法 確定 原因 不過 最新 研究 發現 日本 疫情 突然 降溫 可能 是 delta 變異 株 自我 毀滅 的 結果 日本 第 5 波 新冠 疫情 在 9 月 之後 突然 降溫 連 當地人 都 相當 困惑 外 媒 大致 統 整出 幾 個 原因 包括 日本 疫苗 接種 率 沖高 日本 人 的 戴 口罩 習慣 日本 人 減少 出遊 等 不過 最新 研究 發現 主要 原因 可能 是 delta 變異 株 自 爆 綜合 共同 社 中 日 新聞 報導 日本 國立 遺傳 研究所 及 新 潟 大學 的 研究 團隊 於 30 日 得出結論 指出 第 5 波 疫情 降溫 可能 是 因為 負責 修復 delta 基因組 突變 的 酵素 nsp 14 出現 變化 導致 病毒 活性 喪失 according to the national institute of genetics in japan #coronavirus #delta are self-destructed in lack of self-recovery of genome dueto change of enzyme nsp 14 that may be on of the factors that decreasing the new positive cases in japan #nsp 14 https t co dacytyniwx 研究 指出 病毒 在 傳播 時會 複製 基因組 但 有時 會 發生 錯誤 及 突變 這類 突變 累計 過多 的話 將 導致 病毒 無法 繼續 繁殖 但是 如果 nsp 14 及時 修復 基因組 的話 無法 繁殖 的 狀況 將 可 以 預防 the termination of covid-19 infection in japan may have been influenced by the death of the delta strain which failed to repair the genomic mutation it is speculated that an enzyme called &amp;quot apobec&amp;quot that mutates and destroys the virus in the human body changed nsp 14 pic twitter com zaqus 2 kshe 研究 團隊 分析 日本 國立 傳染病 研究所 公開 的 日本 新冠 基因組 資料 發現 第 5 波 疫情 中 隨 著 感染 蔓延 nsp 14 酵素 已經 發生變化 的 病毒 占 比 也 愈來愈多 到 8 月 下旬 日本 疫情 進入 高峰 之前 大部 份 病毒 幾乎 已 被 這類 酵素 發生變化 的 病毒 所 取代 國立 遺傳 研究所 教授 井上逸 朗 表示 病毒 的 基因組 都 突變 了 修復 跟不上 所以 就 死 了 指出 病毒 來不及 自我 修復 而 滅絕 研究 還 發現 2020 年 秋天 至 今年 3 月 的 第 3 波 疫情 也 有 類似 趨勢 這 份 研究 已 在 10 月 於 日本 人類 遺傳學 會上 公開</t>
  </si>
  <si>
    <t>比爾 及 梅琳達 蓋茲 基金會 惠康 基金會 和 萬事達卡 10 日 共同 宣佈 啟動 新冠肺炎 治療 加速器 covid-19 therapeutics accelerator 承諾 投入 最 高 125億 美元 種子 基金 透過 篩選 評估 開發 和 擴大 推廣 新冠肺炎 的 治療 方法</t>
  </si>
  <si>
    <t>比爾 及 梅琳達 蓋茲 基金會 惠康 基金會 和 萬事達卡 10 日 共同 宣佈 啟動 新冠肺炎 治療 加速器 covid-19 therapeutics accelerator 承諾 投入 最 高 125億 美元 種子 基金 透過 篩選 評估 開發 和 擴大 推廣 新冠肺炎 的 治療 方法 加速 疫情 應 對 工作 上述 3 家 合作夥伴 承諾 將 為 資源 匱乏 的 國家 和 地區 提供 公平 可 及 價格 可 負擔 的 產品 新冠肺炎 治療 加速器 的 短期 目標 是 透過 加快 新藥 研發 評估 老 藥 新用 以及 生物 製劑 讓 新冠肺炎 患者 儘快 得到 治療 長期 目標 則 是 為 其他 病 毒性 疾病 找到 治療 方法 目前 還 沒有 找到 可用 在 對抗 新型 病原體 的 廣效抗 病毒 用藥 或 免疫 療法 的 新冠肺炎 批准 用藥 蓋 茲 基金會 和 惠康 基金會 各自 承諾 投入 最 高 5000萬 美元 萬事達卡 則 承諾 投入 最 高 2500萬 美元 用於 該 計畫 並 啟動 初期 的 工作 蓋茲 基金會 此次 宣佈 的 投入金額 是 其 在 2 月 宣佈 將 為 支持 抗擊 新冠肺炎 疫情 投入 最 高 1億 美元 捐款 的 一部分 蓋 茲 基金會 首席 執行官 馬克 蘇 茲曼 mark suzman 表示 新冠 病毒 及 類似 病毒 的 傳播 速度 很快 然而 相關 疫苗 和 藥物 的 開發進展 緩慢 面對 這樣 的 疫情 如果 想要 保護 全世界 特別 是 弱勢群體 我們 就 必須 設法 加快 研發 工作 同時 需要 政府 民間 企業 和 慈善機構 快速 行動 為 研發 工作 提供 資金 新冠肺炎 治療 加速器 將 與 世界衛生組織 各國 政府 民間 企業 資助 和 相關 機構 全球 監管 和 政策 制定 部門 通力合作 吸取 2014 年 伊 波拉 疫情 中所 獲得 的 經驗 此 合作 機制 將 包含 從 藥物 篩選 生產 到 擴大 推廣 的 全部 環節 並 透過 共同 研究成果 協調 投資 和 彙聚 資源 來 加快 藥物 研發 進程 該 合作 機制 將 針對 研發 過程 的 關鍵環節 進行 快速 靈活 的 資金 投放 降低 開發 對抗 新冠肺炎 和 未來 可能 出現 其他 疫情 的 新型 藥物 和 生物 製劑 的 風險 並 保障 資源 匱乏 國家 的 藥品 普及性 新冠肺炎 治療 加速器 將 由 出資方 聯合 營運 並 充分利用 各 機構 和 外部 專家 的 專長 該 合作 機制 將 關注 藥物 研發 週期 的 多 個 環節 以 簡化 從 候選 藥物 的 臨床 評估 到 使用 和 生產 該 機制 將 採用 三 種 方法 識別 候選 化合物 測試 已 批准 藥物 對 新冠肺炎 的 活性 對數 千 種 已 有 確定 安全 資料 的 化合物 進行 篩選 以及 考慮 處於 探索 階段 的 化合物 和 單細胞 抗體 通過 初步 篩選 的 藥物 或 單細胞 抗體 將 交由 行業 夥伴 進一步 研發 生物科技 和 醫藥產業 的 關鍵 夥伴 將 為 本次 合作 提供 化合物 庫 和 臨床 資料 並 利用 他們 的 商業化 運作 能力 及 其他 專長 將 選中 的 藥物 和 單細胞 抗體 投入 規模化 生產 在 篩選 新冠肺炎 藥物 的 同時 該 機制 還 將 與 監管部門 合作 統一 行業標準 並 擴大 生產能力 目前 已 獲 監管部門 批准 的 產品 或 具備臨床 資料 的 候選 藥品 大約 需要 一 年 時間 才能 進入 市場 臨床 資料 有限 且 處於 篩選 初期 的 化合物 則 需要 更 長 的 時間 惠 康 基金會 主席 傑瑞米 法拉 博士 dr jeremy farrar 指出 新冠 病毒 造成 了 前所未有 的 全球 威脅 我們 必須 透過 國際 合作 來 開發 治療 方法 快速 診斷 方法 和 疫苗 雖然 科學 在 對抗 新冠肺炎 方面 取得 驚人 進展 但 為了 跑 在 疫情 前面 我們 需要 投入 更 多 資源 並 協調 各方 研究 我們 將 透過 此次 合作 為 潛在 的 治療 方法 提供 研究 開發 評估 和 生產 方面 的 支持 雖然 新冠 病毒 極具 威脅 性 但 我們 已經 證明 透過 國際 合作 我們 能夠 戰勝 新型 傳染病 我們 必須 盡全力 對抗 新冠肺炎 並 繼續 確保 研究成果 能 以 可 負擔 的 價格 普及 所有人 如果 我們 想要 扭轉 疫情 發展趨勢 全球 必須 齊心協力 立即 大規模 投資 並 承擔 相對 的 風險 歡迎 大家 加入 我們 的 行列 雖然 已 有 獲 批 的 抗 病毒 藥物 可 用於 緩解 季節性 流感 或 治療 愛滋病 等 病 毒性 疾病 但 目前 還 沒有 一 種 針對 新冠肺炎 的 有效 藥物 其中 一個 原因 是 這些 藥物 在短期內 看不到 市場 回報 導致 研究 和 商業 推廣 緩慢 甚至 停滯 新冠肺炎 治療 加速器 將 整合 各方 資源 與 專長 幫助 學界 生物科技 公司 和 醫藥 公司 降低 財務 和 技術 風險 並 確保 這些 產品 能夠 以 可 負擔 的 價格 提供 給 資源 匱乏 國家 和 地區 的 人們 醫藥 公司 的 專業 能力 對 藥物 的 篩選 研發 和 商業化 至關重要 萬事達卡 副董事長 邁克 弗羅曼 mike froman 表示 我們 很 榮幸 能 加入 對抗 新冠肺炎 的 行列 以 進一步 實現 我們 對 相容 並 緒 的 承諾 這 一 全球 挑戰 不僅 威脅 了 世界各地 人民 的 健康 和 安全 也 可能 破壞 全球 數 百 萬民 眾 企業 和 組織 的 經濟 活力 我們 在 實踐 普 惠 金融 方面 的 經驗 告訴 我們 建立 一個 資本 共用 資源 和 技能 互補 的 合作 網路 十分 重要 歡迎 其他 關注 包容 性 增長 的 夥伴 加入 我們</t>
  </si>
  <si>
    <t>新冠肺炎 疫情 衝擊 全球 連帶 的 牽動 企業主 租賃 辦公室 的 決策 過程 和 需求 商業 用 不動產 市場 首當其衝 不過 反觀 臺北市 受惠 企業 重新 加碼 佈局 臺灣 所 賜 辦公 租金 漲 好凶 漲幅 叫 我 亞太 第一 以 2 的 單季 漲幅 38 的 年 漲幅 居 亞太區 之 冠 高力 國際 8 日 公佈 最新 調查 針對 此 波 新冠肺炎 covid-19 對於 亞太 a 級 辦公 市場 的 影響 追蹤 19 個 城市 的 結果 發現 2020 年 第二 季 的 a 級 辦公室 租賃 需求 較 第一 季 大幅 衰退 逾 5 成 甚至 較 去年同期 大幅 減少 逾 7 成 不過 臺北市 因 疫情 控制 得當 市場 又 是 最小 第二 季 租金 季 漲幅 年 漲幅 竟 雙雙 成為 亞太區 之 最 調查 指出 臺北 是 以 2 的 單季 漲幅 38 的 年 漲幅 居 亞太區 之 冠 另外 印度 德里 韓國首 爾 辦公 平均 租金 也 不畏 疫情 租金 較 上 季 走 揚 高力 國際 董事 總經理 劉學龍 表示 臺北市 辦公室 租約 一般 為期 五 年 受制於 市場 新增 供給 有限 續約 已是 當務之急 租金 勢必 調 漲 展望 下半年 高力 國際 預期 在 肺炎 疫情 未 解 以及 許多 城市 有 大量 供給 的 衝擊 下 至 今年 年底 亞太區 整體 租金 跌幅 可能 會 達到 5 而 臺北 則 將 逆勢上漲 23 另外 調查 顯示 亞太 19 個 主要 城市 今年 第二 季 辦公室 新增 租賃 需求 普遍 比 上 季 萎縮 實際 去 化 面積 為 48萬 平方公尺 約 1452萬 坪 相較 第一 季去 化 面積 109萬 平方公尺 約 3297萬 坪 大幅 萎縮 56 若 對照 比 去年 第二 季去 化 面積 164萬 平方公尺 約 4961萬 坪 年 減幅 更 高 達 71 展望 下半年 高力 國際 認為 中國 大陸 一線 城市 印度 東京 等 地方 需求 將 明顯 復蘇 但 上海 及 香港 等 處 有 較 高 跨國企業 占 比 的 城市 租賃 需求 仍 偏 弱</t>
  </si>
  <si>
    <t>日本放送協會 nhk 報導 日本 專家 使用 最新型 的 超級 電腦 富嶽 模擬 新冠肺炎 covid-19 的 飛沫傳染 狀況 結果 發現 若 未 配戴 口罩 行人 在 邊 走 邊 說 話 時 的 飛 沫 會 飄散在 自身 後方 距離 可 達 3 公尺 之 遠 日本 的 理化</t>
  </si>
  <si>
    <t>日本放送協會 nhk 報導 日本 專家 使用 最新型 的 超級 電腦 富嶽 模擬 新冠肺炎 covid-19 的 飛沫傳染 狀況 結果 發現 若 未 配戴 口罩 行人 在 邊 走 邊 說 話 時 的 飛 沫 會 飄散在 自身 後方 距離 可 達 3 公尺 之 遠 日本 的 理化 學 研究所 研究 團隊 利用 3 月 9 日 才 正式 開始 運作 的 富嶽 進行 模擬 發現 在 無風 且 未戴 口罩 下 站立 不動 說話 時 的 飛 沫 散佈 距離 為 面前 15 公尺 而 若 邊 走 邊 說話 飛 沫 則 可能 向後 飄散 2 至 3 公尺 行走 速度 對 飛 沫 飄散 的 影響 也 十分 明顯 類比 顯示 以 時速 23 公里 散步 時 大 顆粒 飛 沫 會 迅速 落地 僅 有 小 顆粒 的 氣 膠 會 飄浮 在 空中 但 若 時速 達到 46 公里 風勢 便 會 讓 飛 沫 持續 飄浮 在 空中 難以 落下 而 在 以 時速 92 公里 慢 跑 時 氣 膠 更 會 一口氣 擴散 並且 持續 飄浮 在 空中 因 此 研究 團隊 建議 最好 與 未 配戴 口罩 且 在步行 間 交談 者 保持 3 公尺 以上 的 距離 並 避免 在 慢 跑 時跟 跑 前方 跑 者 另外 該 團隊 也 類比 了 口罩 的 防 飛 沫 效果 結果顯示 在 配戴 單 層 不織布 口罩 但 鼻樑 片 未貼 合 面部 的 情況 下 飛 沫 防護 效果 僅 有 69 若 有 調整 鼻樑 片 但 口罩 與 面部 仍 有 空隙 時 飛 沫 防護 效果 為 81 單 層 口罩 在 配戴 完好 下 能 有 85 的 防護 效果 而 若 外面 再 戴一層 聚酯 海綿 制 的 口罩 防護 效果 則 為 89 因 此 研究 團隊 認為 戴 雙層 口罩 對 提升 飛 沫 防護 能力 並 無 太 大 助益 只要 把 不織布 口罩 戴 好 不要 露出 空隙 就 能 有效 防止 飛沫傳染</t>
  </si>
  <si>
    <t>東奧 新冠肺炎 東京 南非 covid-19</t>
  </si>
  <si>
    <t>半島電視臺 al jazeera 13 日 報導 在 新冠肺炎 covid-19 疫情 下 斯里蘭卡 偏 鄉 的 孩童 們 無法 去 學校 上課 但 村內 又 連不上 網路 只好 每天 穿過 茂密 且 有 猛 獸 出沒 的 叢林 登 上 村子 附近 的 小山 以 連上 網路 接受 線 上 授</t>
  </si>
  <si>
    <t>半島電視臺 al jazeera 13 日 報導 在 新冠肺炎 covid-19 疫情 下 斯里蘭卡 偏 鄉 的 孩童 們 無法 去 學校 上課 但 村內 又 連不上 網路 只好 每天 穿過 茂密 且 有 猛 獸 出沒 的 叢林 登 上 村子 附近 的 小山 以 連上 網路 接受 線 上 授課 聯合國 先前 警告 疫情 已 讓 全球 兒童教育 成果 倒退 20 年 位於 斯里蘭卡 偏遠地區 的 村落 博 希 提 瓦 亞 bohitiwaya 村內 的 45 名 學童 每天 都 會 在 大人 的 帶領 下 穿過 茂密 的 叢林 登 上 一 座 小 岩山 因為 只有 在 山頂 才能 收到 網路 訊號 讓 他們 得以 接受 線 上 授課 和 下載 講義 等 且 由於 並非 所有人 都 有 手機 或 筆記型電腦 只好 大家 一起 共 用 設備 根據 報導 這 段 路 來回 須 行走 超過 6 公里 且 叢林 中 有 大象 和 豹 等 野獸 出沒 該村 一 名 6 年級 學生 的 父親 庫 瑪瑞 hm pathmini kumari 表示 父母 們 都 很 擔心 學童 可能 在 路上 遭遇 危險 這 並非 單一 案例 距離 該村 約 60 公里 的 盧努 加 拉 lunugala 村 同樣 收不到 網路 訊號 學童 只好 在 大人 的 帶領 下 到 附近 森林保護 區 一 座 小山 山頂 的 樹屋 上課 半島電視臺 指出 自 2020 年 3 月 以來 斯里蘭卡 學校 大部分 時間 都 維持 關閉 而 該國 430萬 名 學生 中 最 多 僅 約 40 有能力 參與 線 上 授課 斯里蘭卡 12 日 已 開始 為 所有 教師 接種 疫苗 希望 儘快 讓 學校 能夠 重新 開放 聯合國 先前 公佈 報告 指出 在 新冠肺炎 疫情 影響 下 2020 年 全球 缺乏 基本 閱讀 能力 的 兒童 達 584億 人 較 預期 的 46億 人 大幅 增加 抵銷 了 過去 20 年 來 的 努力 成果 教科文組織 呼籲 各國 向 教育 體系 提供 更 多 資源 以 儘快 在 確保安全 下 重 啟 學校 並 加速 數位 學習 工具 的 普及 避免 發生 世代 性 災難</t>
  </si>
  <si>
    <t>航 港 局 7 日 表示 covid-19 疫情 嚴峻 全國 自 5 月 19 日 起 提升 至 三級 警戒 航 港 局 考量 民眾 因 疫情 關係 可能 無法 如期 依法 檢查 船舶 申請 換 照 或 參加 訓練 為 降低 群 聚 感染 風險 及 維護 民眾 安全 健康 特別 提供 船舶 檢查 船</t>
  </si>
  <si>
    <t>作為 確保 2020 年 東京 奧運會 和 殘奧 會 安全計 畫 的 一 部 份 國際奧會 ioc 今天 宣佈 與 輝瑞公司 pfizer inc 和 biontech se 達成 共識 將 提供 來自 世界 各國 奧林匹克 和 殘奧 委員會 的 運動員 新冠肺炎 疫苗 國家 奧會 noc 將 與 當地政府 合作 根據 每個 國家 疫苗 接種 指南 並 與 當地 法規 保持一致 以 協調 當地 疫苗 分 佈 狀況 並 在 7 月 下旬 奧運 開幕 前 完成 2 次 疫苗 接種 as part of the plans to ensure safe and secure @tokyo 2020 the ioc has signed an mou with pfizer inc and biontech se to donate doses of the companies covid-19 vaccine to games participants from national olympic and paralympic committees around the world https t co ne 3 slgm 1 se 國際奧會 和 國際殘奧會 ipc 正 與 國家 奧會 和 國家 殘奧 會 npc 合作 鼓勵 和 協助 居住 在 領土 內 運動員 按 國家 免疫 指南 在 本國 接種 疫苗 然後 才去 日本 這 不僅 為 奧運 安全 環境 做出 貢獻 也 是 出於 對 日本 居民 尊重 目前 許多 國家政府 已 在 這 方面 採取 積極 步驟 並 正 與 其 國家 奧會 和 全國人民代表大會 協商 為 奧運 參與者 接種 疫苗 據 國家 奧會 和 國家 殘奧 會 回應 預計 有 大部 份 奧運 參與者 在 到達 日本 前 已 接種 疫苗 國際奧會 主席 巴赫 thomas bach 說 疫苗 有助於 東京 奧運 和 殘奧 會 所有 選手 更 安全 並 向 我們 熱情 的 日本 東道主 表示 聲援 我們 邀請 運動員 和 參加 代表團 以身作則 在 可能 情況 下 接受 疫苗 透過 接種 疫苗 可 對外 傳達 強而有力 的 訊息 畢竟 疫苗 接種 不僅 關乎 個人 且 關乎 團結 和 對 社區 其他人 福祉 感謝 輝瑞 和 biontech 慷慨 捐助 以 支援 東京 奧運會 和 殘奧 會 運動員 和 參與者 的 疫苗 接種 輝瑞 首席 執行官 伯拉 albert bourla 5 月 6 日 受 日本 經濟 新聞 線 上 採訪 時 表示 奧運 舉辦 是 人類 戰勝 病毒 象徵 能 向 運動員 提供 疫苗 確保 奧運 安全 令 我們 驕傲 奧運 和 殘奧 會 回歸 是 經歷 艱苦 一 年 後 世界 團結 與 和平 里程碑 我們 為 提供 疫苗 感到 自豪 另外 biontech 首席 執行官 薩辛 ugur sahin 表示 目前 已 提供 超過 4 3億 劑 疫苗 疫苗 將 繼續 幫助 保護 世界各地 生命 並 使 我們 恢復正常 生活 今年 奧運會 和 殘奧 會 是 具有歷史意義 的 時刻 代表 全球 社會 及 我們 如何 站 在 一起 很 榮幸 提供 疫苗 來 支持 奧運 和 殘奧 會 的 安全</t>
  </si>
  <si>
    <t>新北 市 中 和 區公所 31 日 將 于中和 華新街 舉辦 2020 光明 點燈 節 活動 26 日 舉辦 宣傳 記者會 由於 新冠肺炎 疫情 蔓延 現場 特別 用 小 燭光 排 出 no covid-19 的 字樣 中和 區長 賴俊達 也 強調 要 在 中和 點燈 為 世界 祈福 歡迎</t>
  </si>
  <si>
    <t>新北 市 中 和 區公所 31 日 將 于中和 華新街 舉辦 2020 光明 點燈 節 活動 26 日 舉辦 宣傳 記者會 由於 新冠肺炎 疫情 蔓延 現場 特別 用 小 燭光 排 出 no covid-19 的 字樣 中和 區長 賴俊達 也 強調 要 在 中和 點燈 為 世界 祈福 歡迎 民眾 一起 共襄盛舉 賴俊達 表示 新北 市 擁有 來自 全球 120 多 個 國家 的 新 住 民 及 移 工 五顏六色 多元 繽紛 的 文化 在 這塊 土地 上 綻放 緬甸 移民 回台 定居 的 華僑 在 全台 共有 10萬 餘 人口 新北 市 就 有 8萬 餘 其中 超過 半數 在 中和 區 生根 大部分 聚居 在 南勢角 一帶 是 全國 緬 僑居 住 最 多 的 地區 他 強調 緬僑 們 早已 融入 新北 市 的 大 家族 中 並且 在 中和 華新街 形成 異國 美食 聚集地 及 商圈 藉 由 傳統 點燈 禮 佛 祈福 活動 讓 全國 民眾 認識 東南 亞文化 增進 民眾 與 新 住 民間 瞭解 與 尊重 中和 區公所 表示 2020 緬甸 光明 點 燈節 好 康多多 31 日 在中和 華新街 熱鬧 登場 將 會 進行 交通管制 活動 下午 4 時將 發送 摸彩 券 3000 張 最 大獎 switch 遊戲機 氣炸 鍋 等 並 加碼 前 500 名 排隊 者 還 能 參加 緬甸 文化 體驗 闖 關 可 獲得 道地 美食 緬甸 芝麻 酥 可樂 1 罐 及 led 小 燭燈 另外 華 夏科大 也 設計 抓 寶及 好玩 的 遊戲 與 民眾 互動 現場 還有 免費 彩繪 及 東南亞 書 車 文物 展示 等 以及 多 達 300 人 的 民族服裝 踩 街 秀 歡迎 民眾 攜帶 燈光 燭 火 一同 來 2020 中和 緬甸 光明 點 燈節 保平安 祈 好運</t>
  </si>
  <si>
    <t>日本 新冠肺炎 covid-19 疫情 嚴重 導致 負責 處理 相關 業務 的 公務員 疲於奔命 日本政府 坦承 內閣 官 房 防疫 對策 推進 室 中 有 一 名 職員 1 月 的 加班 時數 高 達 391 小時 遠超 過 勞 死 警戒線 的 每個 月 80 小時 標準 日本 放 送 協</t>
  </si>
  <si>
    <t>日本 新冠肺炎 covid-19 疫情 嚴重 導致 負責 處理 相關 業務 的 公務員 疲於奔命 日本政府 坦承 內閣 官 房 防疫 對策 推進 室 中 有 一 名 職員 1 月 的 加班 時數 高 達 391 小時 遠超 過 勞 死 警戒線 的 每個 月 80 小時 標準 日本放送協會 nhk 報導 負責 整理 新冠肺炎 因應 對策 的 內閣 官 房 防疫 對策 推進 室 由於 日本 疫情 嚴重 需要 擔負 大量 業務 因此 該 單位 所屬 的 102 名 職員 不僅 無法 在家 遠 距 上班 且 1 月 平均 加班 時數 為 124 小時 其中 甚至 有 人 加班 高 達 391 小時 就 連身兼 日本 國家 公務員 制度 擔當 大臣 的 行政 改革 擔當 大臣 河野太 郎 也 公開 在 記者會 上 表示 這 太過分 了 要求 立即 改善 經濟 再生 擔當 大臣 西村 康稔 則 已 公開 致歉 他 表示 這 名 加班 時數 嚴重 破 表 的 職員 對 工作 十分 熱心 且 被 周 遭 的 許多 人 所 依賴 導致 業務 全都 集中 在 他 身上 將 修正 相關 業務 分配 和 輪班 制度 為 改變 日本 長期以來 的 加班 文化 日本 2019 年 修改 勞動 相關 法律 規定 單月 加班 時數 不 得 超過 100 小時 且 在 與其 他 月份 合併 計算 後 2 至 6 個 月 內 的 每月 平均 加班 時數 不 得 超過 80 小時 不過 民間 企業 仍 經常 違反規定 公務員 更 不在 此法 保障 範圍 之內 朝日新聞 先前 指出 由於 工作 環境 過於 嚴苛 日本 國家 公務員 的 報考 人數 已 連續 4 年 下降</t>
  </si>
  <si>
    <t>臺灣 化學 產業 協會 tcia 日前 舉辦 第 六 屆 第 五 次 理 監事會 議 近 40 位 產學研 菁英 齊聚一堂 tcia 理事長 暨 李長榮 集團 總裁 李謀偉 表示 今年 新冠肺炎 蔓延 全球化 學業 都 面臨 了 艱難 時刻 感謝 會員 廠商 提供 口罩 國家隊 所 需 熔 噴 pp 和 pe 不織布 原料 帶領 大家 渡過難關 近一年來 政府 許多 產業政策 都 與 化學 產業 的 發展 息息相關 例如 限塑 政策 既有 化學品 登錄 大社 工業區 降 編 等 議題 協會 都站 在 服務 的 立場 努力 協助 大家 一起 因應 會 中 並 邀請 工研院 綠 能 所 所長 說明 用電 大戶 綠 電 條款 希望 在 配合 發展 綠 電 的 同時 也 能 兼顧 企業 的 發展 會議 最後 通過 日前 評選 出 的 2020 年 臺灣 化學 產業 菁英 獎 暨 產品 創新獎 獲獎 名單 如下 傑出 領導 獎 由 台塑 石化公司 陳 寶郎 董事長 獲得 卓越 研 發獎 由 四 維 創新 材料 公司 及 國家 中山 科學研究院 化學 研究所 的 研發 團隊 獲得 產品 創新獎 由 長興 材料 工業 公司 新型 水性 uv led 固化 材料 及 財團法人 塑膠工業 技術 發展中心 蔬果 保鮮 袋 等 兩 項 產品 獲得 所有 得獎 者 將 於 2020 年 臺灣 化學 產業 高峰論壇 接受 頒獎 表揚 同時 在 會場 外 展出 獲獎 產品 今年 新冠肺炎 疫情 蔓延 但 協會 仍 排除萬難 將 於 9 月 2 日 假 臺北 國際會議中心 舉辦 化學 產業 高峰論壇 本次 已是 化學 產業 協會 連續 第 17 年 舉辦 為 臺灣 化學 業 界 年度 盛事 主 題為 跨 業 合作 共 趨永 續 特別 邀請 merck 及 dsm 集團 分享 國際級 化學 企業 對 永續 發展 的 策略 作法 同時 透過 視 訊 方式 由 加拿大多倫多大學 教授 alan aspuru-guzik 分享 ai 在 化學 產業 上 的 應用 以及 ihs markit 專家 分享 covid-19 對 化學 產業 之 影響</t>
  </si>
  <si>
    <t>新冠肺炎 covid-19 疫情 期間 為了 讓 使用者 能夠 瞭解 即時 且 正確 的 資訊 微軟 microsoft google 以及 蘋果 apple 三大 巨頭 都 不約而同 推出 了 新冠肺炎 專屬 網站 不僅如此 twitter facebook 等 社 群 平臺 也 都 優化 介面</t>
  </si>
  <si>
    <t>google 搜尋 新冠肺炎 covid-19 在 地</t>
  </si>
  <si>
    <t>醫 籲 使用 吸 入 劑 氣喘 用藥 可望 緩解 covid-19 症狀</t>
  </si>
  <si>
    <t>全球 醫療 及 科學家 團隊 都 積極 研究 採用 何種 藥物 治療 新冠 患者 一 份 近 期 發表 於 刺 胳 針 呼吸 醫學雜誌 the lancet respiratory medicine 指出 吸 入 劑 budesonide 可 做為 改善 緩解 covid-19 症狀 的 選擇 用藥 之一 北醫 附設 胸</t>
  </si>
  <si>
    <t>全球 醫療 及 科學家 團隊 都 積極 研究 採用 何種 藥物 治療 新冠 患者 一 份 近 期 發表 於 刺 胳 針 呼吸 醫學雜誌 the lancet respiratory medicine 指出 吸 入 劑 budesonide 可 做為 改善 緩解 covid-19 症狀 的 選擇 用藥 之一 北醫 附設 胸腔 內科主任 周 百 謙 指出 治療 新冠肺炎 使用 合適 劑量 的 系統性 類固醇 在 新英格蘭 醫學雜誌 顯現出 可以 下降 高 危險 群 重症 與 呼吸衰竭 的 機 率 這 說明 了 適度 使用 合適 劑量 類固醇 在 理論 上 可以 降低 病毒 相關 發炎 問題 以及 免疫 風暴 的 機 率 針對 這個 概念 臨床 研究 嘗試 使用 副作用 更 小 的 吸入性 類固醇 來 調控 呼吸道 免疫 環境 將 可 改善 病毒 引發 發炎 及 過敏 反應 造成 的 氣道 狹窄 與 痰 量 增加 以及 病毒感染 所 造成 病 患 廣泛 呈現 的 呼吸 障礙 問題 根據 bbc 報導 英國牛津大學 研究 發現 用於 治療 氣喘 的 吸入式 藥物 budesonide 能夠 加速 病 患 康復 衛生部長 邱吉爾 jo churchill 也 證實 政府 1 項 研究 發現 吸 入 劑 布地奈德 budesonide 讓 患者 自我 報告 的 康復 時間 減少 了 3 天 而 牛津大學 教授 呼吸 內科 醫師 巴 法爾德 mona bafadhel 指出 budesonide 能 在 新冠 病毒 可能 產生 影響 的 地方 發揮 最 大 效用 皮質 類固醇 可以 減緩 發炎 該 藥物 有 可能 可以 減少 病毒 複製 但 目前 仍 需 繼續 對 服用 的 患者 後續 評估 周 百 謙 主任 特別 提醒 對於 高風險 族群 許多 藥物 治療 必須 提早 才 能夠 下降 相關 的 重症 率 及 致死 率 類固醇 雖然 可以 降低 重症 風險 但 仍 可能 因 免疫抑制 造成 部分 副作用 不過 吸 入 型 類固醇 主要 透過 呼吸道 調控 對 全身 影響 不大 副作用 極 少 孕婦 同樣 可以 使用 相信 善用 吸 入 型 藥物 的 特性 可以 有效 下降 新冠肺炎 的 影響 更 可望 改善 罹 病 後 恢復期 的 氣道 早日 恢復 罹 病 族群 的 健康 全球 都 在 尋求 老 藥 新用 以 對抗 新冠 病毒感染 後 的 重症 威脅 並 持續 臨床 研究 及 觀察 以 保衛 人類 健康 這個 成分 的 吸 入 劑 用藥 經 查詢 衛福部 食品 藥物 管理署 資料 有 國產 和 輸入 2 個 來源 顯示 未來 國內 患者 需要 治療 時 應 可無 虞</t>
  </si>
  <si>
    <t>嘉南 藥理 大學 保健 營養 系 今年 因 遭逢 新冠 疫情 肆虐 全台 在 保護 營養 系 實習生 安全 及 兼顧 同學 取得 營養 師專 技 高考 資格 的 雙重 前提 下 除 與 營養 學會 營養師 公會 視 訊 會議 外 同時 與 實習 醫院 共同商定 因應 新冠肺炎 covid-19</t>
  </si>
  <si>
    <t>嘉南 藥理 大學 保健 營養 系 今年 因 遭逢 新冠 疫情 肆虐 全台 在 保護 營養 系 實習生 安全 及 兼顧 同學 取得 營養 師專 技 高考 資格 的 雙重 前提 下 除 與 營養 學會 營養師 公會 視 訊 會議 外 同時 與 實習 醫院 共同商定 因應 新冠肺炎 covid-19 疫情 營養 科系 實習 學生 訓練 計畫 將 彈性 調整 實習 截止 日期 到 111 年 4 月 30 日 並且 協調 實習 醫院 與 實習生 完成 pcr 檢測 疫苗 施打 等 程式 克服 因 疫情 而來 的 不便 目前 已 有 63 位 學生 開始 到 醫院 實體 實習 該校 表示 新冠肺炎 covid-19 疫情 不只 衝擊 各行各業 也 為 各類 國家 考試 帶來 變數 尤其 對 營養師 藥師 社 工 師 等 必須 完成 專業 實習 才能 參加 國家 證照 考試 科別 更是 雪上加霜 不只 國考 延期 實習 規劃 也 可能 被迫 取消 嘉 藥 保營 系 自 三級 警戒 升級 以來 便 密切 觀察 以 進行 滾 動式 調整 並 在 營養學 會 主辦 的 視 訊 會議 建議 將 營養 系 的 實習生 比照 醫學 牙醫 實習生 列入 第一 類 醫 事 執業 人員 實習生 優先 施打 疫苗 再 將 決議 函送 教育部 及 衛生 福利 部 並 獲得 政府 各部 會 良善 的 回 覆 該系 系主任 孫芳明 表示 自 去年 109 年度 實習 起 就 持續 與 院方 針對 疫情 狀況 進行 討論 很 幸運 109 年度 實習生 能 照常 實習 但 110 年度 實習 同學 們 必須 在 承受 新冠肺炎 covid-19 蔓延 的 壓力 下 完成 醫院 實習 但 校方 很 有 信心 相信 在 壓力 下 該系 學生 不但 能成 長 得 更 好 也 能 提早 養成 醫 事 執業 人員 應有 的 專業 素養</t>
  </si>
  <si>
    <t>az 疫苗 3 月 22 日 開 打 昨 國內 新增 14 例 疑 似 嚴重 不良 事件 另 有 1 例 從 非 嚴重 不良 事件 改 列 疑 似 嚴重 不良 事件 合計 有 15 例 創下 新 高 發言人 莊人祥 表示 15 名 疑 似 嚴重 不良 事件 中 有 3 人 疑 似 血栓 年齡 分別 是 20 幾 歲 30 幾 歲 50 幾 歲 9 日 國內 新增 通報 14 例 疑 似 疫苗 接種 後 嚴重 不良 事件 第 1 例 個案 接種 後 7 日 發生 左臉 麻痹 且 無 法 閉 眼 就醫 後 疑 似 左側 顏面 神經 麻痹 門診 追蹤 中 第 2 例 個案 接種 後 2 天 開始 發生 左耳 腫脹 感 並 有 耳鳴 等 不適 就醫 後 疑 似 左 耳 聽力 變 差 門診 追蹤 中 第 3 例 個案 接種 後 10 天 發燒 與 全身 不適 就醫 後 發現 肝功能 異常 與 肌 酸 磷化 酵素 升高 住院 診治 中 第 4 例 個案 為 接種 後 7 天 發生 血 便 住院 而 通報 目前 已 出 院 第 5 例 個案 接種 後 4 天 發生 血壓高 與 左側 肢體 麻木 及 無力感 就醫 後 住院 評估 檢查 腦 部 影像 學 無 特殊 發現 住院 一 日後 出院 持續 追蹤 中 第 6 例 接種 後 12 天 因 左眼 中心 有 黑影 而 就醫 疑 似 左眼 黃斑部 水腫 持續 門診 追蹤 中 第 7 例 個案 接種 後 8 日 因 腹痛 至 急診 就醫 抽血 檢驗 發現 d-dimer 異常 但 血小板 數 正常 後續 四肢 出現 紅疹 接種 後 9 日 再 就醫 疑 似 為 尋 麻疹 但 抽血 檢驗 仍 發現 d-dimer 異常 血小板 正常 住院 診治 中 第 8 例 為 接種 後 隔日 有 胸 悶 喘 腹瀉 和 頭痛 症狀 後續 症狀 改善 但 接種 後 6 日 仍 有 胸 悶 喘 以及 出現 視力 模糊 情形 而 就醫 檢查 初步 排除 血栓 持續 門診 追蹤 中 第 9 例 為 接種 後 4 天 因 左 腿 疼痛 至 急診 就醫 後續 又 因 左腿 開始 紅腫 疼痛 接種 後 7 日 再 就醫 診斷 疑 似 為 左側 股 靜脈 栓塞 持續 門診 追蹤 中 第 10 例 為 接種 後 3 天 因 胸 悶 喘 及 心跳 快 而 就醫 後續因 心悸 喘 而 在 接種 後 8 天 至 急診 就醫 目前 心臟 科 門診 追蹤 中 第 11 例 為 接種 後 3 天 因 發燒 腹痛 而 就醫 後續 因 持續 發燒 肌肉 無力 而 在 接種 後 8 天 至 急診 就醫 初步 檢查 cxr 疑 似 有 肺炎 covid-19 檢驗 陰性 目前 住院 診治 中 第 12 例 為 接種 後 隔 天 有 發燒 雙 手腳 無力 頭暈 嘔吐 症狀 接種 後 2 天 就醫 目前 雙腳 無力 情形 已 改善 持續 追蹤 關懷 第 13 例 為 接種 後 隔 天 有 體溫 偏 高 頭暈 全身 酸痛 喘 起身 無力 症狀 接種 後 4 天 因 右 腳踝 腫大 會 痛 且 有 瘀 血 情形 而於 次日 就醫 血小板 與 d-dimer 檢驗 正常 目前 門診 追蹤 第 14 例 為 接種 後 當天 出現 腹瀉 症狀 後續 於 接種 後 1 到 5 天 陸續 出 現 發燒 注射 部位 疼痛 及 紅腫 胸前 與 四肢 出現 大片 紅疹 癢 喉頭 水腫 且 吞 嚥 困難 而於 接種 後 6 天 至 急診 就醫 疑 似 過敏 反應 收治 住院 觀察 2天 目前 已 出院 紅疹 已 全部 消退 無 不適 症狀 第 15 例 為 從 非 嚴重 不良 事件 改 列 疑 似 嚴重 不良 事件 的 個案 5 月 19 日 接種 後 當天 四肢 與 腹部 出現 紅疹 癢 並 有 畏 寒 疼痛 症狀 而 至 診所 就醫 後續 於 接種 後 15 到 20 天 陸續 出現 左腳 水腫 腫脹 癢 且 有 瘀斑 而於 接種 後 22 天 至 急診 就醫 初步 診斷 疑 似 左側 下肢 其他 特定 深部 靜脈 栓塞 及 血栓 持續 追蹤 關懷 中</t>
  </si>
  <si>
    <t>新冠 肺癌 病毒 肆虐 全球 為 鼓勵 民眾 施打 covid-19 疫苗 增加 身體 保護 力 21 日 開始 日本政府 實施 企業 大學 等 職 域 接種 引發 各界 關注 不過 當地 電視臺 拍攝 長髮 正 妹 小 露香 肩 接種 疫苗 的 畫面 意外 讓 日本 臺灣 網友 超</t>
  </si>
  <si>
    <t>新冠肺炎 covid-19 在 亞洲 爆發 日本 北海道 知事 鈴木 直道 日前 表示 既然 中央政府 拿不出 答案 我們 就 要 自己 去 解決 率先 宣佈 停課 日本 民眾 對 他 的 政策 相當 滿意 網友 更 對 他 的 戴 口罩 的 顏值 驚 豔 讓 他 在 網路上 爆 紅</t>
  </si>
  <si>
    <t>新冠肺炎 covid-19 在 亞洲 爆發 日本 北海道 知事 鈴木 直道 日前 表示 既然 中央政府 拿不出 答案 我們 就 要 自己 去 解決 率先 宣佈 停課 日本 民眾 對 他 的 政策 相當 滿意 網友 更 對 他 的 戴 口罩 的 顏值 驚 豔 讓 他 在 網路上 爆 紅 日本 新冠肺炎 案例 數 截至 目前 已 有 938 例 其中 11 例 死亡 41 人 已經 出院 除了 鑽石 公主 號 的 705 名 確診 案例 之外 北海道 有 66 例 案例 排名 第一 北海道 知事 鈴木 直道 暨 2 27 率先 宣佈 學校 停課 之後 2 28 更 宣佈 緊急 事態 宣言 希望 到 3 19 的 三 周 之內 請 國民 週末 儘量 不 要 外出 比 日本 中央政府 更 積極 的 態度 面對 疫情 也 讓 日本國 人 相當 贊許 事實上 38 歲 的 鈴木 知事 是 日本 最 年輕 的 民選 知事 與 民選 市長 他 曾考僅 是 日本 東京都 廳 工作 先後 在 東京都 衛生局 東京都 衛生 研究所 現在 的 東京都 健康 安全 研究 中心 東京都 立 北 療 育 醫療 中心 福祉 保健局 保健 政策部 疾病 對策 課 任職 2008 年 擔任 福祉 保健局 總務部 總務 課 主任 時 被 東京都 廳 派遣 至 北海道 夕 張市 協助 因 在 2007 年 破產 而 大量 裁員 的 夕 張 市政府 運作 他 的 高 顏值 也 成為 這次 防疫 之外 的 話題 之一 不管 是 戴著 口罩 的 照片 或是 過去 選舉 及 出席 活動 的 照片 都 被 一一 翻出 粉絲 團 也 迅速 湧入 全球 各地 的 粉絲 成為 新冠肺炎 防疫 之外 的 熱門話題</t>
  </si>
  <si>
    <t>新冠肺炎 covid-19 的 疫情 持續 延 燒 全球 不少 國家 的 確診 和 死亡 人數 都 不斷 增加 臺灣 也 在 昨 18 日 爆 加 23 例 正式 突破 百 人 確診 讓 民眾 人心惶惶 對此 就 有 網友 好奇 在 網路上 發問 想 知道 最後 的 淨土 在 哪裡 文章</t>
  </si>
  <si>
    <t>新冠肺炎 covid-19 的 疫情 持續 延 燒 全球 不少 國家 的 確診 和 死亡 人數 都 不斷 增加 臺灣 也 在 昨 18 日 爆 加 23 例 正式 突破 百 人 確診 讓 民眾 人心惶惶 對此 就 有 網友 好奇 在 網路上 發問 想 知道 最後 的 淨土 在 哪裡 文章 也 引起 熱烈 的 討論 一 名 網友 在 ptt 八卦板 以 標題 要 逃 到 哪裡 最 安全 發文 表示 臺灣 近日 又 新增 23 名 確診 病例 讓 人數 正式 飄 破百 人 讓 他 感到 十分 不安 忍不住 直 呼 感覺 各個 地方 都 快守 不 住 了 如果 疫情 真 的 控制 不 住 了 要 逃 到 哪個 世外桃源 才 是 最 安全 的 呢 文章 曝光 之後 引起 熱 議 不少 人 紛紛 留言 回應 南極洲 北 韓 巴西 叢林 地獄 馬達加斯加 挖 洞 跳進去 玉 山 山頂 吧 有 肺炎 的 八成 爬 不 上去 澎 湖 金門 馬 祖 不要 出 門就好 躲 祖墳 過 兩 周會 有 親友 去 找 你 餐 餐 吃 熊貓 叫 他 餐 點 放 門口 而 另 一 篇 詢問 哪裡 會 是 最後 淨土 的 文章 中 不少 網友 均 推薦 南海 的 曾母暗沙 曾母暗沙 曾母暗沙 好懷念 喔 只有 在 地理 課本 才看 過 曾母暗沙 0 確診 1 但 也 有 許多 網友 認為 留在 臺灣 最好 留在 臺灣 啊 又 還 沒 社區 感染 我 相信 臺灣</t>
  </si>
  <si>
    <t>華 新科 閎暉 結親 為 哪 樁 光寶 執行長 陳廣中 表示 閎暉 華 新科 將 攜手 一起 把 車用 領域 做 大 不過 光寶 不 會 再 出脫 閎暉 持 股 而 面對 疫情 帶來 的 購並 良機 他 也 表示 光寶 會 優先 尋找 評估 與 現 有 在 光電 電源 優勢 相關 的 並購 機會 預計 明年 開始 評估 6 月 8 日光 寶 低調 轉讓 9000 張 閎暉 持 股 給 特定人 而 華 新科 則 遲至 21 日 才 低調 公告 已於 6 月 8 日 透過 钜 額 交易方式 取得 閎暉 9000 張 持 股 成為 閎暉 第二 大 股東 雙方 神神秘秘 有 時間 差 的 公告 方式 讓 市場 頗為 不解 也 看不懂 華 新科 看上 閎暉 哪 一點 對此 陳廣中 表示 閎暉 長 年 經營 車用 機 構件 華新 麗 華 集團 這 幾 年 則 是 在 5 g 車用 領域 的 佈局 很 積極 華 新科 希望 透過 持有 閎暉 股權 一起 把 車用 領域 的 事業 做 大 發揮 一 加 一大 於二 的 效應 等於 是 閎暉 加入 華新 麗 華旗 下 psa 華 科 事業 群 的大 聯盟 而光 寶 仍 是 閎暉 最 大 股東 不 會 繼續 出售 閎暉 股權 新冠肺炎 covid-19 疫情 重創 許多 產業 被 體質 良好 的 企業 視為 是 並購 撿便宜 的 良機 陳廣中 表示 光寶 不會 為了 並購 而 並購 還 是 會 先 優先 尋找 能 與 光寶 現有 優勢 電源 光電 互補 的 標的 明年 會 積極 評估 並購 機會 以 光電 來看 比如說 不可見光 的 光 耦合器 可以 廣泛應用 在 多種產品 光寶 在 這個 領域 不 算 小 但 可以 透過 並購 變 得 更 大 更 好 面對 下半年 pc 與 資料 中心 的 景氣 前景 陳廣中 表示 45 月 的 時候 pc 客戶 資料 中心 客戶 不僅 下單 都 非常 積極 由於 需求 太 緊俏 連 貨運 方式 都 要求 從 海運 改 成 空運 不過 6 月 開始 已經 回歸 至 海運 他 也 重申 下半年 pc 旺季 不 旺 的 趨勢 已經 確立 至於 資料 中心 客戶 現在 的 下單 力 道 與 訂單 急迫性 都 訪 緩 許多 然而 美國 四大 網際網路 業者 承接 的 各種 標 案 多 一 有 標 案 就 有 急 單 資料 中心 下半年 景氣 還 有待 觀察 臺灣 三大 電源供應器 公司 在 資料 中心 用電 源 的 合計 市 占率 已經 超過 五 成 光寶 在 這個 領域 持續 高速成長 資料 中心 電源 在 整體 電源 營 收 貢獻度 已 超過 兩 成</t>
  </si>
  <si>
    <t>臺北市 長 柯文哲 上午 出席 2021 鬧熱 關 渡 節 開幕 記者會 致詞 表示 按照 目前 疫苗 施打 速度 他 估計 疫情 在 農曆 新年 前 就 會 結束 所以 疫苗 護照 很快 就 會 上線 呼籲 民眾 去 接種 疫苗 柯文哲 今天 表示 covid-19 疫情 預估 在 明年 春</t>
  </si>
  <si>
    <t>臺北市 長 柯文哲 上午 出席 2021 鬧熱 關 渡 節 開幕 記者會 致詞 表示 按照 目前 疫苗 施打 速度 他 估計 疫情 在 農曆 新年 前 就 會 結束 所以 疫苗 護照 很快 就 會 上線 呼籲 民眾 去 接種 疫苗 柯文哲 今天 表示 covid-19 疫情 預估 在 明年 春節 前 結束 另外 北市 的 疫苗 護照 很快 就 會 上線 也 將 結合 臺北 通 app 進 餐廳 分流 坐 因 此 呼籲 還 沒 打 疫苗 的 人 趕快 去 打</t>
  </si>
  <si>
    <t>新冠肺炎 covid-19 疫情 持續 延 燒 受到 疫情 影響 有 多 場 全球性 的 大型 展會 包含 今年 2 月份 mwc 全球 行動 通訊 大會 以及 日本 橫濱 攝影 器材 展 cp 等 都 已經 確定 取消 在 臺灣 的 臺北 國際 書展 tibe 以及 臺北 國際 電 玩 展 tpgs</t>
  </si>
  <si>
    <t>新冠肺炎 covid-19 疫情 持續 延 燒 受到 疫情 影響 有 多 場 全球性 的 大型 展會 包含 今年 2 月份 mwc 全球 行動 通訊 大會 以及 日本 橫濱 攝影 器材 展 cp 等 都 已經 確定 取消 在 臺灣 的 臺北 國際 書展 tibe 以及 臺北 國際 電 玩 展 tpgs 也 都 因 此 延後 到 年中 舉行 對於 全球 各 產業 的 影響 仍舊 在 持續 中 而 繼 宣佈 取消 自家 的 年度 行銷 高 峰會 global marketing summit 之後 facebook 再度 宣佈 取消 5 月份 的 f 8 開發者 大會 是 美國 一線 科技 巨頭 中 第 一個 宣佈 取消 年度 開發者 大會 的 廠商 facebook 平臺 合作夥伴 總監 konstantinos papamiltiadis 稍 早 之前 在 facebook for developers 網站 中 指出 f 8 對於 facebook 來說 是 極為重要 的 活動 但是 我們 需要 優先 考量 員工 合作夥伴 以及 開發者 的 安全 與 健康 也 認為 在 強調 該 公司 包容 文化 的 基礎 上 若 沒有 來自 國際 的 開 者 者 參與 f 8 是 不 妥當 的 做法 因此 facebook 發出 聲明 表示 因 對於 新冠肺炎 疫情 憂心 日益 增加 在 優先 考量 員工 開發者 合作夥伴 的 健康 與 安全 的 前提 下 不得不 作出 取消 今年 f 8 大會 的 決定 由於 新冠肺炎 疫情 影響 facebook 已經 退出 了 不少 今年 大型 展會 而且 都 屬於 較 早 做 出 反應 的 廠商 包含 今年 的 mwc gdc 遊戲 開發者 大會 facebook 先前 都 率先 宣佈 退出 值得 關注 的 是 facebook 目前 宣佈 取消 的 是 預定 5 5 5 6 在 加州 聖 荷西 舉辦 的 開發者 大會 相距 目前 還有 2 個 多 月 會 提前 這麼 早 宣佈 取消 活動 或許 是 觀察 到 新冠肺炎 在 美國 的 疫情 也 逐漸 升溫 此外 也 不 排除 還 有 其他 相關 統計資料 的 輔助 而 做出 的 艱 困 決定 這 會 不 會 引發 骨牌效應 讓 微軟 microsoft google 以及 蘋果 apple 等 科技 大廠 跟進 值得 觀察 facebook is cancelling f 8 more than 2 months in advance which is a very big deal in the tech industry obviously a data-driven decision fb would not cancel such an important conference unless they were confident that the #coronavirus situation in usa is about to blow up https t co laazojzuob facebook 一般來說 都 會 在 開發者 大會 中 宣佈 接下來 一 年 之內 對於 旗 下 產品 的 規劃 在 f 8 2019 當中 facebook 宣佈 facebook 平臺 要 轉向 私 密 化 private 並 強化 社團 group 功能 也 針對 messenger 加入 端 對 端 加密 針對 facebook 桌上出版 改版 fb 5 版本 等等 除此之外 facebook 也 規劃 長期 要 進一步 整合 instagram messenger 以及 whatsapp 的 底層 讓 使用者 不 需要 選用 不同 的 社 群 工具 都能 找到 你 的 朋友 在 今年 f 8 則 預期 facebook 除了 宣佈 針對 旗 下 社 群 平臺 的 新 功能 規劃 外 也 將 公開 對於 數位 貨幣 libra 的 現階段 規劃 facebook 宣佈 取消 今年 的 f 8 大會 後 表示 仍 會 舉辦 在 地 的 活動 並且 以 影片 線 上 直播 的 方式 來 發表 原本 預計 在 f 8 要 發表 的 計畫 會 這麼 早 決定 取消 f 8 推測 facebook 也 是 需要 有 更 多 時間 反應 儘快 推動 取消 f 8 後 的 各樣 應變計 畫</t>
  </si>
  <si>
    <t>新冠肺炎 covid-19 疫情 facebook f 8</t>
  </si>
  <si>
    <t>若 今年 冬季 covid-19 疫情 與 流感 同時 夾攻 人類 該 如何 因應 最佳 的 預防 方法 就是 接種 疫苗 由 中央研究院 翁啟惠 院士 領導 的 基因 體 研究 中心 團隊 多 年 來 致力 於 研究 廣效 流感疫苗 近期 又 出現 重大突破 團隊 研 發出 單 糖化 嵌</t>
  </si>
  <si>
    <t>為了 該 如何 進口 疫苗 近期 中央 與 地方 甚至 民間團體 都 吵 翻天 中央 要求 以 正式 管道 申請 藥 證 不過 國民黨 主席 江啟臣 發現 今年 3 月 10 日 衛福部 的 檔 中 已經 清楚 寫明 輝瑞 bnt pfizer-biontech 疫苗 已 通過 我國 緊急 授權 使用 反倒 是 最近 送 到 的 moderna 疫苗 在 說明 中 未 提 已 通過 我國 緊急 授權 使用 江 啟臣 指出 衛福部 疾 管署 網站 上 提供 的 covid-19 疫苗 接種 須知 暨 意願 書 明確 寫道 pfizer-biontech 之 covid-19 疫苗 是 含有 sars-cov- 2 病毒 棘 蛋白 之 mrna 疫苗 本 疫苗 已 通過 who 歐盟 美國 等 先進 國家 及 我國 緊急 授權 使用 江 啟臣 質疑 該 須知 印製 時 pfizer-biontech 疫苗 是不是 已 通過 我國 緊急 授權 使用 為什麼 當時 moderna 疫苗 未 通過 我國 緊急 授權 使用 這 官方網站 上 的 疫苗 接種 須知 不 會 是 假 的 吧 還是 連 這 疫苗 接種 須知 也 要 校正 回歸 呢</t>
  </si>
  <si>
    <t>工商 社論 抓住 covid-19 帶來 的 企業 轉型 契機</t>
  </si>
  <si>
    <t>新北 市 covid-19 確診 案例 不斷 攀升 新北 市政府 為 強化 三級 防疫 繼 板橋 中和 三 重 新莊 接連 成立 熱區 防疫 中心 今 26 日 永 和 新 店 跟進 成立 防疫 中心 上午 市長 侯友宜 前往 2 處 視察 呼籲 民眾 配合 保持 低度 活動 齊心</t>
  </si>
  <si>
    <t>新北 市 covid-19 確診 案例 不斷 攀升 新北 市政府 為 強化 三級 防疫 繼 板橋 中和 三 重 新莊 接連 成立 熱區 防疫 中心 今 26 日 永 和 新 店 跟進 成立 防疫 中心 上午 市長 侯友宜 前往 2 處 視察 呼籲 民眾 配合 保持 低度 活動 齊心 對抗 病毒 侯友宜 除 視察 熱區 防疫 中心 作業 情形 也 到 附近 賣 場 餐飲店 瞭解 上班 人潮 與 相關 防疫 措施 侯友宜 表示 市府 根據 大 資料 分析 找 出 熱區 加強 做 熱區 防疫 中心 從 板橋 中和 新莊 三 重 今天 又 加 了 永和 跟 新 店 不管 是 區長 區公所 的 夥伴 裡長 以及 國軍 單位 清潔隊 民政 體系 員警 同仁 們 全部 總動員 除了 加強 熱區 清 消 外 民眾 也 自動 配合 非必要 的 營業 全部 停止 包括 公園 都 被裡 長 封閉 起來 減少 活動 侯友宜 說 只要 大家 能夠 保持 低度 活動 希望 市民 們 能夠 配合 加上 全面 大 清 消 減少 非必要 營業 場所 這樣 疫情 就 可以 舒緩 下來</t>
  </si>
  <si>
    <t>牛津大學 研究 covid-19 引發 血栓 的 機 率 遠 高於 az 疫苗</t>
  </si>
  <si>
    <t>阿斯特 捷利康 astrazeneca az 的 新 冠 疫苗 因為 有 罕見 副作用 血栓 接連 在 世界 各國 核准 與 使用 受阻 譬如 日本 剛 核准 az 疫苗 時 就 不讓 其 進入 大規模 接種 計 畫 中 丹麥 在 4 月 全面 禁用 az 疫苗 美國 直至 目前 也 還 沒 核准 az 疫苗 而 近期 牛津大學 一 篇 研究 顯示 covid-19 引發 血栓 的 機 率 遠 大於 az 疫苗 指出 施打 疫苗 的 利大於弊 有望 平反 az 疫苗 因 血栓 而來 的 負面 形象 近 3000 萬 人 的 新 冠 副作用 研究 牛津大學 是 az 疫苗 的 開發 單位 之一 不過 研究 指出 作者 獨立 於 az 疫苗 開發 團隊 不 會 影響 研究 內容 研究 分析 近 3000 萬 人 資料 分別 為 1960 萬 施打 1 劑 az 疫苗 的 人 951 萬 施打 1 劑 bnt 疫苗 的 人 還有 175 萬 covid-19 確診 者 3 個 族群 他們 比較 3 個 族群 在 接種 或 確診 28 日內 出現 血小板 減少 症 thrombocytopenia 血栓 栓塞 事件 thromboembolic 靜脈 栓塞 venous thromboembolism 動脈 栓塞 arterial thromboembolism 的 機 率 而 相關 研究 也 發表 於 british medical journal 期刊 上 covid-19 引發 血栓 機 率 遠超 新 冠 疫苗 從 結論 來看 研究 結果 共 2 大 要點 一 是 az 與 bnt 新 冠 疫苗 的確 會 增加 血栓 中風 等 副作用 的 機 率 二 是 covid-19 產生 副作用 的 機 率 遠 比 新 冠 疫苗 來得 高 在 每 1000 萬 人中 接種 az 疫苗 增加 了 107 個 血小板 減少 症 66 個 出現 靜脈 栓塞 7 個 出現 腦 靜脈 竇 血栓 cerebral venous and sinus thrombosis cvst 案例 接種 bnt 疫苗 則 增加 143 個 缺血性 中風 ischaemic stroke 案例 但 covid-19 卻 新增 934 個 血小板 減少 症 約 12 萬 個 靜脈 栓塞 20 個 cvst 與 近 1700 個 缺血性 中風 案例 換句話說 施打 az 疫苗 後 血小板 減少 症 的 發生率 增加 了 33 但 感染 covid-19 讓 該 疾病 的 發生率 提升 527 倍 另外 施打 az 疫苗 會 增加 靜脈 栓塞 的 發生率 10 而 感染 covid-19 則 讓 該 疾病 的 發生率 提升 1386 倍 至於 接種 bnt 疫苗 該 疫苗 會 增加 約 6 動脈 栓塞 的 發生率 而 感染 covid-19 卻 會 增加 102 的 比例 這 顯示 了 az 疫苗 與 bnt 疫苗 會 使 一些 疾病 的 發生率 上升 但 不 打 疫苗 的 患者 卻 得 面對 更 高 的 風險 所以 儘管 疫苗 出現 罕見 副作用 施打新 冠 疫苗 仍 是 在 疫情 下 保護 自我 的 最佳解 方</t>
  </si>
  <si>
    <t>yahoo 奇摩 今天 公佈 2020 年度 臺灣 十 大 新聞人物 前 高雄 市長 韓國瑜 市長 回歸 庶民 話題 性 十足 三 度 蟬聯冠軍 寶座 施政 滿意度 高漲 的 新北 市長 侯友宜 搶下 第 3 名 總統 蔡英文 排名 第 6 強力 背書 萊 豬 的 農委會 主席 陳吉仲 以及 民 調 支持 度 直 直 落 的 行政院長 蘇貞昌 分別 排名 第 910 名 2020 年 起伏跌宕 不斷 yahoo 奇摩 今天 公佈 年度 十 大 國內外 新聞 及 娛樂 榜單 包括 臺灣 十 大 新聞 事件 臺灣 十 大 新聞人物 國際 十 大 新聞 事件 國際 十 大 新聞人物 及 十 大 娛樂 事件 排行榜 在 臺灣 十 大 新聞人物 方面 yahoo 奇摩 指出 選舉 議題 持續 攻佔 網友 眼球 韓國 瑜 總統大選 失利 又 遭 罷免 市長 回歸 庶民 話題 性 十足 三 度 蟬聯 臺灣 十 大 新聞人物 冠軍 寶座 橫掃 817萬 票 連任 成功 的 總統 蔡英文 排名 第 6 名 施政 滿意度 高漲 的 新北 市長 侯友宜 也 上榜 搶下 第 3 名 新冠肺炎 成 2020 重要 關鍵 事件 也 讓 防疫 國家隊 強勢 霸 榜 鐵人 部長 陳時中 與 數位 政委 唐 鳳 因 防疫 有成 人 氣節 節 攀升 位居 第 28 名 台 積 電 創辦 人 張忠謀 三 度 出使 亞太經濟 合作 會議 apec 一度 與 川普 習近平 同 框 奪下 第 4 名 萊 劑 美 豬 政策 成全民 矚目 焦點 朝野 攻防 不斷 炮火 連連 的 柯文哲 改變 立場 為 強力 背書 萊 豬 的 農委會 主席 陳吉仲 以及 民 調 支持 度 直 直 落 的 蘇貞昌 分別 排名 第 5910 名 yahoo 奇摩 列出 的 前十名 及 主要 的 新聞 熱度 包括 1 韓國 瑜 落選 又 遭 罷 韓總 回歸 庶民 2 陳時中 鐵人 大臣 紅 在 瘟疫 蔓延 時 3 侯友宜 施政 最 滿意 2024 動 見 觀瞻 4 張忠謀 -apec 同 框 川 習 暢談 數位 經濟 5 柯文哲 防疫 萊 豬 問題 炮 口 頻 對 中央 6 蔡英文 史上 最高 票 辣 台 妹 連任 成功 7 江啟臣 最 年輕 黨主席 力求 凝聚 共識 8 唐鳳 跨 性別 政委 數位 防疫 有成 9 陳吉仲 一 改 立場 強力 背書 萊 豬 10 蘇貞昌 民 調 下滑 歎 被 嫌 到 流涎</t>
  </si>
  <si>
    <t>隨 著 我國 疫苗 覆蓋率 突破 六 成 臺灣 目前 累計 912 人 接種 疫苗 後 死亡 而 申請 受害 救濟 的 案件數 也 不斷 增加 根據 衛福部 統計 截至 10 月 15 日 為止 已 收 案 1347 件 申請 目前 已 有 5 件 死亡 個案 完成 審定 初步 判定 與 疫苗 無關 將 不予 提供 救濟 衛福 部長 陳時中 今 赴 立 法院 衛環 委員會 備詢 透露 目前 有 5 例 死亡 個案 完成 審定 已 排除 與 疫苗 之間 的 關聯 將 不 給予 救濟 疾 管 署長 周志浩 接受 媒體 聯 訪 時 透露 這 5 案 屬於 早期 申請 的 案件 因 此 都 是 接種 az 疫苗 個案 年紀 也 都 偏 長 都是經 專家 小組 鑒定 後 排除 與 疫苗 的 關聯 陳時中 表示 由於 目前 申請 受害 救濟 的 案件數 較 多 因此 衛福 部將 協助 地方 政府 調閱 個案 病例 將 增派 調閱 人力 盼 能 將 過去 調閱 時間 從 6 個 月 縮短 至 2 個 半 月 周志浩 則 補充 已 發包 民間 機構 協助 進行 調閱 盼 能 加速 受害 救濟 進度 根據 衛福部 提供 的 資料 目前 待 完成 申請 程式 的 受害 救濟 案件 還 有 436 件 完成 申請 程式 共計 899 件 已 有 665 件 進入 調閱 病歷 階段</t>
  </si>
  <si>
    <t>又 有 41萬 劑 莫德納 要來 陳時中 證實 週三 到貨</t>
  </si>
  <si>
    <t>衛福 部長 陳時中 今天 證實 下 一 批 自 購 的 41萬 劑 莫德納 疫苗 確實 會 在 週三 30 日 進來 只不過 航班 班次 與 媒體 報導 有 誤差 另外 我國 也 曾 與 美國 novavax 德國 curevac 兩 家 公司 談過 疫苗 採購 針對 週三 將來 台 的 莫德納 疫苗 陳時中 也 解釋 為 何選 在 今天 宣佈 是否 與 媒體 搶先 披露 有 關? 他 則 說 由於 已 有 媒體 先 報導 因此 主要 是 證實 這 件 事情 但 還 是 希望 在 疫苗 還 沒 進來 前 大家 還是 報 少 一點 好 了 免得 節外生枝 陳時中 今天 說 去年底 就 曾跟 novavax 公司 談過 當時 我們 只要 是 對 進入 二期 或是 有 潛力 的 都會 建立 一個 溝通 管道 去年 novavax 告訴 我們 說 他們 已經 加入 covax 平臺 現在 試驗 告一段落 對方 建議 我們 要 在 平臺 做 爭取 比較 可能 可以 得到 比較 早 否則 在 雙邊 供應 都會 拖到 比較 晚 的 時間 陳時中 說 當 novavax 接近 要 成功 的 時候 我們 有 透過 其他 管道 跟 他們 做 進一步 的 談判 和 溝通 而 目前 covax 平臺 我們 也 有 提出 需求 數 但 現在 這個 平臺 幾乎 停 擺 但 我們 已 提出 兩百 多 萬 劑 的 需求 陳時中 也 透露 我國 對 可能 成功 的 疫苗 廠商 都有 談 就 像 德國 另 一家 curevac 試驗 成果 雖然 不好 但 我們 也 有 跟 他 談過 這 部分 駐 德 代表處 也 都 知道 至於 國產 疫苗 高端 有 哪些 技術性 資料 尚未 補 齊 陳時中 也 說 食 藥 署 對 相關 審查 作業 常 被 批評 過 嚴 而 大家 之所以 會 批評 過 嚴 代表 是 很 嚴謹 的 單位 對 任何 時候 送 的 資料 審查 也好 要 補 件 也 是 常有 的 事 只要 是 他們 認為 資料 不 完整 或 沒有 辦法 證實 某些 情況 有 須要 探討 的 問題 都會 請 廠商 補 件 這 部分 要 看 廠商 補 件 速度 怎樣 才會 決定 最後 審查 速度 在 新藥 或 新 疫苗 審查 對 相關 檔 技術性 資料 要求 相對 嚴格 因此 審查 時間 無法 預 判</t>
  </si>
  <si>
    <t>九千 多 件 紓困 案 送 中央 陳時中 新北 有點 誤解 了</t>
  </si>
  <si>
    <t>中研院 確診 女 助理 違反 sop 陳時中 揭 一動 作 犯 錯</t>
  </si>
  <si>
    <t>連 假 曾至 人潮 擁擠 場所 陳時中 在家 辦公</t>
  </si>
  <si>
    <t>8 大類 場所 不 戴 口罩 陳時中 授權 地方 政府 即 起開 罰</t>
  </si>
  <si>
    <t>黃卡 可 注 記 國藥 科興 陳時中 針對 事實 認定</t>
  </si>
  <si>
    <t>新增 本土 333 例 陳時中 茶藝 館 為 大宗 宜 蘭 的 緩 下來 了</t>
  </si>
  <si>
    <t>屏 東 delta 群 聚 陳時中 相信 越來越 樂觀</t>
  </si>
  <si>
    <t>新冠肺炎 疫情 擴散 儘管 臺灣 防疫 成效 非常 不錯 但 各 大 行業 尤其 是 觀光業 依舊 受到 重創 政府 也 推出 一系列 紓困 方案 因應 卻 出現 各種 亂象 連 基層 公務員 自己 都 搞不懂 民怨 四起 就 有 網友 在 ptt 發問 為何 政府 防疫 做 這麼 好 紓困 卻 這麼 差 引發 網友 熱 議 原 po 在 ptt 八卦 版 詢問 這次 防疫 做 得 不錯 應該 是 共識 吧 對比 其他 國家 非常 好 結果 紓困 方案 亂成一團 門檻 多 又 複雜 幾乎 沒 聽 到 有人 稱讚 他 不解 詢問 造成 這 兩 方面 有 這麼 大 的 差異 的 主因 是 什麼 啊 鄉民 們 紛紛 回應 一個 是 神 一個 是 騙 神 防疫 好 是因為 國人 沒 蠢 到 去 相信 我 ok 你 先 領 防疫 能 順便 鼓吹 仇中 紓困 能幹 嘛 撒 錢 很 簡單 但 造成 後面 財政 炸裂 就 不是 簡單 的 事 怕 被 跟 馬比 結果 搞 的 自己 都講 不 清楚 因為 防疫 是 人民 自覺 戴 口罩 不甘 綠 官 的 事 陳時中 對 蘇貞昌 當然 阿中 完 勝部長 能力 &amp;gt &amp;gt &amp;gt &amp;gt 院長 蘇貞昌 只 會 說 防疫 是 陳時中 紓困 是 蘇貞昌 高下 立 判 防疫 也 沒 多 好 後面 海龜 跟 軍艦 搞 成 那樣 防疫 是因為 仇中 不然 政策 整天 變來變去 一 開始 還 說 健康 的 人 不 用 戴 口罩 民進 党 連大撒 幣 都 不會 可憐 喔</t>
  </si>
  <si>
    <t>2 確診 者 感染 源 不明 陳時中 不 否認 社區 存 在 未 爆 彈</t>
  </si>
  <si>
    <t>5 本土 個案 仍 找 不 到 感染 源 陳時中 最 擔心 這 2 例</t>
  </si>
  <si>
    <t>藥師 怒火 被 聽到 了 陳時中 將 撥 經費 聘 工讀生</t>
  </si>
  <si>
    <t>花博 提早 開 打 醫師 哀怨 陳時中緩 頰 長輩 習慣 早起</t>
  </si>
  <si>
    <t>辦 桌 流水席 怎麼 坐 陳時中 只 要 注意 一 限制</t>
  </si>
  <si>
    <t>防疫 旅館 貼 紅 標 陳時中 沒有 必要</t>
  </si>
  <si>
    <t>公文 跑 比 病毒 慢 柯文哲 酸 陳時中 是 我們 的 錯 嗎</t>
  </si>
  <si>
    <t>想 都 不用 想 陳時中 重申 莫德納 以 廣打 第一 劑 為主</t>
  </si>
  <si>
    <t>爽 出國 回台 添 一 堆 確診 張雅琴 泄 陳時中 真實 心聲 別 讓 全台 做 白工</t>
  </si>
  <si>
    <t>國內 醫療 量 能 吃緊 衛福 部長 陳時中 今天 終於 鬆口 考慮 蓋 類似 方 艙 醫院 的 醫療 設施 來 因應 當前 醫療 緊 繃 狀況 盼 能 讓 未來 疫情 有備無患 陳時中 表示 全世界 的 醫療 量 能 都 一樣 本來 就 是 維持 一個 相對 的 平衡 因此 當 有 疾病 爆發 流行 時 就 會 造成 醫療 緊 繃 而為 因應 這樣 的 情形 各國 都 會 在 原來 處所 之外 再來 進行 建置 我們 也 不 會 例外 如果 能夠 的話 當然 可以 有備無患 陳時中 說 目前 各縣市 已 開始 規劃 建置 原處 所 以外 的 醫療 設施 營建 署 現在 已 有 比較 快 的 設計 目前 先 對 采 檢 站 初步設計 讓 戶外 能夠 快速 部署 接下來 就 會 對 相關 設施 進行 規劃</t>
  </si>
  <si>
    <t>紓困 陳時中 啟動 關懷 產業 之 旅 首站 婚紗 業</t>
  </si>
  <si>
    <t>立 法院 已 同意 追加 1500億 元 紓困 特別 預算 明天 起 財委會 將 進行 審查 紓困 陳時中 行政院 政委 龔明鑫 明天 也 將 啟動 受 困 產業 關懷 之 旅 首站 將 抵 婚紗 業 龔明鑫 明天 下午 一點 將 偕同 經濟部 次長 王 美 花 拜會 受 衝擊 婚紗 業 代表</t>
  </si>
  <si>
    <t>立 法院 已 同意 追加 1500億 元 紓困 特別 預算 明天 起 財委會 將 進行 審查 紓困 陳時中 行政院 政委 龔明鑫 明天 也 將 啟動 受 困 產業 關懷 之 旅 首站 將 抵 婚紗 業 龔明鑫 明天 下午 一點 將 偕同 經濟部 次長 王 美 花 拜會 受 衝擊 婚紗 業 代表 最佳 風情 國際 婚紗 瞭解 婚紗 業 受 衝擊 情況 並 說明 宣導 政府 紓困 措施 官員 表示 婚紗 業 日前 在 經部 座談 曾 建議 不 要用 今年 任二 個 月 平均 衰退 五 成營 收 和 去年同期 作 比較 因 去年 受 香港 反 送 中 影響 原本 生意 就 受到 影響 因此 建議 放寬 經部 官員 表示 不論 服務業 或 製造業 艱 困 企業 定義 都 以 五 成為 原則 但有 很 多 元 的 彈性 不只 今年 任二 個 月 平均 可 和 去年同期 前年 同期 去年 下半年 平均 或 今年 任二 個 月 平均 作 比較 甚至 也 可以 只用 今年 一個 月 作 比較 條件 非常 寬鬆 目的 就是 要 協助 企業 挺 過 寒冬 不要 因 疫情 挺 不 過去 而 關門 至於製造業 若 有 特殊 產業 營 收 衰退 比例 也 可 不以 五 成為 限 可 申請 專案 紓困 符合 要件 的 艱 困 企業 均 可 申請 員工 薪資 補貼 四 成 上限 每人 每月 2萬 元 補貼 3 個 月 同時 還 有 申請 一次性 營運 資金 補貼 以 員工 數 每人 1萬 元 計 以 減輕 企業 租金 壓力 同時 未 承租 辦公 場所 的 企業 也 能 公平 領 得到</t>
  </si>
  <si>
    <t>婚紗 業 紓困 陳時中 龔明 鑫 新冠肺炎 新冠 病毒</t>
  </si>
  <si>
    <t>臺灣 東洋 藥品 3 日 傍晚 臨時 宣佈 bnt 與 政府 難 有 一致性 共識 未 能 如期 代理 新冠 疫苗 加上 之 前衛 福 部長 陳時中 表示 不 會 編 列 公費 購買 大陸 疫苗 可能 導致 臺灣 沒有 疫苗 可用 對此 有 網友 批評 陳時中 害 慘 國人 還要 唱 卡拉</t>
  </si>
  <si>
    <t>疫苗 大 作戰 沈富雄 一 句 話 拆穿 陳時中</t>
  </si>
  <si>
    <t>行政院長 蘇貞昌 今 下午 舉行 紓困 振興 記者會 首先 對於 紓困 亂象 道歉 並 要求 衛福部 簡化 流程 由 中央 負責 審查 基層 免責 衛福 部長 陳時中 表示 防疫 與 福利 本來 就 是 衛福部 重要 的 一 環 擴大 紓困 方案 有 缺失 沒 注意 到 造成 困擾 很 抱歉 但 也 請 大家 給 他們 一點 時間 改正 努力 把 事情 做 好 針對 行政院 擴大 紓困 亂象 外界 把 矛頭 指向 行政院 與 衛福部 蘇貞昌 今 下午 與 陳時中 親 上火 回應 陳時中 說 衛福部 本來 除了 衛生 方面 的 事務 外 照顧 弱勢 福利 也 是 應該 做 的 事情 名單 內 低 收 或 中低 收 或 急難 救助 物件 有些 相同 或 不同 名單 整理 審核 造成 很 大 困擾 陳時中 說 衛福部 執行 擴大 紓困 方案 沒有 注意 到 相關 細節 造成 程式上 帶 給 基層人員 很 大 的 困擾 對 此 要 向 他們 說 聲 辛苦 了 也 對 社會 大眾 感到 困擾 說 聲 抱歉 請 大家 都 給 他們 一點 時間 讓 他們 改正 問題 把 事情 做 好</t>
  </si>
  <si>
    <t>疫苗 採購 0 進度 陳時中推 讬 廠商 生產線 出 問題</t>
  </si>
  <si>
    <t>開放 潛水 卻 不 開放 游泳池 陳時中 說 明 1 個 差別</t>
  </si>
  <si>
    <t>被 問 疫苗 採購 陳時中 要 我 講 價格 的 都 居心叵測</t>
  </si>
  <si>
    <t>我國 採購 疫苗 截至 六月 底 帳 面上 共 花新 台幣 67億 但 實際上 目前 卻 只 花 10億 元 購買 國際 疫苗 衛福 部長 陳時中 今天 指出 到 現在 都還 在 講 疫苗 價格 的 覺得 有 點 居心叵測 因為 疫苗 價格 在 合約 中 已 寫 得 清清楚楚 就是 保密 事項 若 再 講下去 就 可能 破壞 合約 影響 合約 有效性 與 進貨 時程 陳時中 今天 指出 有關 67億 採購 疫苗 的 爭議 其實 是 因為 政府 單位 在 採購 疫苗 前 都會先 編 列 預算數 權責 數 以及 所 付出 的 現金 流 而 我國 採購 疫苗 後 簽約 有 一定 的 量 但 現在 到貨 的 數量 卻 沒 那麼 多 所以 使用 的 預算 自然 沒 這麼 多 後續 預算 會 等 疫苗 到貨 前 陸續 付款 陳時中 今天 再度 回應 67億 爭議 時 表情 嚴肅 直指 現在 外界 仍 有 聲音 要 講 價格 的 根本 是 居心叵測 因為 現在 疫苗 進貨 是 最 大 困難 而 價格 早 在 合約 內 就 寫 得 很 清楚 是 雙方 都 要 保密 的 事項 拜 讬 各位 不要再 講 如果 因此 破壞 保密 事項 會 影響 到 合約 的 有效性 與 進貨 時程 另外 今天 外 媒 報導 泰國政府 流出 一 份檔 指出 我國 早 在 去年 十月 就 已 採購 az 疫苗 對此 陳時中 說 自己 沒看 過 該 份文件 但 仍 強調 我國 早 在 去年 九月 底 與 covax 簽約 十月 底 與 az 簽約 開始 談判 則 更 早 要 往 前 推 23 個 月</t>
  </si>
  <si>
    <t>立 委 爆 7600萬 口罩 憑空 消失 陳時中 這麼 說</t>
  </si>
  <si>
    <t>明起 入境 全面 普 篩 陳時中 驗 出 陽性 一律 做 基因 定 序</t>
  </si>
  <si>
    <t>回顧 諾 富特 事件 陳時中 坦言 跌 了 一跤</t>
  </si>
  <si>
    <t>歐洲 確診 數 恐 會 高於 亞洲 陳時中 嚴防 第二 波 疫情</t>
  </si>
  <si>
    <t>疫情 管制 鬆綁 下 周 說明 陳時中 定調 不會 分區</t>
  </si>
  <si>
    <t>蘇貞昌 臺灣 好棒 陳時中 不 會 換</t>
  </si>
  <si>
    <t>712 解 封 有望 陳時中 表現 好 的 話 這些 地方 先 開放</t>
  </si>
  <si>
    <t>大陸 指 臺灣 疫情 有 漏洞 陳時中 乾笑 兩 聲 大家 心知肚明</t>
  </si>
  <si>
    <t>大陸 陸續 公佈 3 名 來自 臺灣 的 新冠肺炎 確診 案例 國 台辦 說 臺灣 防疫 有 漏洞 防疫 指揮官 陳時中 今天 受訪 時 乾笑 兩 聲 說 有 沒有 漏洞 大家 心知肚明 不過 任何 的 情報 我們 都會 予以 重視 臺灣 不斷 傳出 有 入境 他國 或 其他 地區 確診 案例 且 不 排除 是 在 臺灣 減 染 而 對於 國 台辦 示 警 陳時中 似乎 相當 有 信心 他 說 有 沒有 漏洞 大家 心知肚明 不過 任何 的 情報 我們 都會 予以 重視 在 臺灣 內部 把 相關 情況 疫 調 做好 檢討 流程 有 沒有 疏失 之處 有無 什麼 可 以 改進 等等 陳時中 上午 是 在 2020 行政院 生 技 產業 策略 諮 議 委員會 議 開幕式 場合 受訪 而 對於 含 瘦肉 精美 豬 進口 陳時中 表示 有關 食品 的 進口 基本上 還是 要 有 科學 的 證據 及 國際 的 標準 政府 會 落實 查驗 對 相關 的 標示 也 會 強化 至於 他 提出 的 開放 可以 交換 到 國際 地位 的 說法 陳時中 認為 當然 是 有 前景 跟 展望 但 沒有安全 就 沒有 開放 的 事實 對於 地方 包圍 中央 反 美 豬 陳時中 表示 中央 對 地方 溝通 是 一定 要 溝通 的 政府 就 是 要 溝通 討論 虛心 請教 並 建立 共識 他 說 開放 美 豬 進口 有 很多 需要 從 源頭 管理 很 難用 單一 說明 跟 大家 講 清楚 所以 也 跟 食 藥 署 講 陸續 要 針對 大家 關心 的 情況 做 一些 示範區 讓 大家 一起 來看 距離 開放 現在 還有 一些 時間 衛福部 希望 逐步 把 意見 蒐集 清楚 做到 最好</t>
  </si>
  <si>
    <t>高端 人士 國際 寸步難行 陳時中 下 周 開會 研 擬 混打 政策</t>
  </si>
  <si>
    <t>高端 臨床 試驗 排除 5 類人 陳時中 解釋 原因</t>
  </si>
  <si>
    <t>bnt 疫苗 下 周開 打 陳時中 接種 意願 蠻高 的</t>
  </si>
  <si>
    <t>若 有 需要 擬 擴大 采 檢 陳時中 外國人 自費</t>
  </si>
  <si>
    <t>不 認 蓋 牌 陳時中 本土 疫情 與 獎勵 采 檢 無關</t>
  </si>
  <si>
    <t>鴻 海 台積電 買 bnt 疫苗 陳時中 曝 最新 進度</t>
  </si>
  <si>
    <t>美 11 月 起 需 打 2 劑 疫苗 才 准入 境 陳時中 將 啟動 緊急 第 2 劑 接種</t>
  </si>
  <si>
    <t>美國 政府 日前 宣佈 入境 新 規 11 月 8 日 起 必須 要 有 完整 的 疫苗 接種 才 准入 境 國民黨 立 委 蔣 萬安 今天 質詢 時 要求 衛福部 應盡 速 研 擬 緊急 第二 劑 疫苗 的 補救 方案 讓 有 迫切 赴美 需求 的 國人 能夠 接種 對此 衛福 部長 陳時中 當面 允諾 表示 可望 於 12 月 啟動 相關 措施 美國政府 表示 11 月 8 日 起 凡 外籍 成年 旅客 在 搭乘 赴美 航班 前 都 必須 出示 完整 的 疫苗 接種 紀錄 蔣 萬安 今 在 衛環 委員會 質詢 時 指出 國內 目前 第二 劑 疫苗 涵蓋 率 僅 2 成 出頭 衛福部 應 檢討 提供 緊急 補救措施 因應 美國 新政 陳時中 表示 由於 1112 月 的 疫苗 到貨 量 會 比較 充足 屆時 可望 提供 有 緊急 需求 的 民眾 接種 第二 劑 或 起動 鼓勵 大家 打 第二 劑 的 計畫 這部 份 沒有 問題 蔣 萬安 也 提到 目前 國內 接種 疫苗 後 死亡 的 個案 累計 912 人 若 用 預防接種 受害 救濟 的 最低 賠償標準 50萬 並 將 申請 人數 減 半 計算 仍然 須 編 列 超過 2億 元 的 經費 但 衛福部 今年 卻 只 編 列 1億 元 的 預算 來 進行 賠償 恐 讓 民眾 擔心 政府 對 賠償 疫苗 接種 受害 的 決心 陳時中 強調 目前 預防接種 受害 救濟 基金 共 有 2億 多元 這些 全部 都 拿 來用 是 沒 問題 衛福部 的 預算 也 不 會 只 有 1億 若 有 不足 也 可先 用 其他 項目 支應 允諾 增加 救濟 經費</t>
  </si>
  <si>
    <t>打 高端 3 人 不適 陳時中 證實 都 是 同一 原因 2 種 人 先 別 打</t>
  </si>
  <si>
    <t>美國 250萬 劑 莫德納 怎麼 來 的 陳時中 曝 過程</t>
  </si>
  <si>
    <t>美版 陳時中直 打 臉 川普 缺 一 關鍵 過早 解 封 下場 慘</t>
  </si>
  <si>
    <t>秋冬 疫情 再來 臺灣 沒 疫苗 陳時中 備 妥 135億 元 可 跟 國外 買</t>
  </si>
  <si>
    <t>2 娃 奶 聲 喊話 陳時中 一 號 表情 變 了</t>
  </si>
  <si>
    <t>雙北 確診 個案 要 破百 了 外界 關心 是否 短 時間 內 要 封城 控制 陳時中 表示 每個 階段 要 實施 的 措施 要 多 強 不是 越 強 越 好 太強 就 撐 不 久 就 會 提早 潰 堤 怎樣 叫做 最 適當 要 考慮 很多 場合 的 情況 國外 實施 各種 情況 可以 參考 像是 直接 封城 會 造成 民眾 和 政府 的 對抗 反而 不利於 全民 防疫 聚會 人流 減少 聚會 減少 口罩 戴 好 公共 措施 是 有效 的 很多 國家 人民 不 願意 配合 所以 才 需要 這麼 嚴格 臺灣 的 人民 配合 是 好 的 昨天 中午 宣佈 後 其實 整理 街上 人流 就 變 少 了 八大 也 已經 停 了 陳時中 重申 防疫 大家 的 責任 都有 個人 防疫 新 生活 也 要 做好 假 訊息 不要 傳播 聚會 不要 參加 公共 衛生 是 有效 的 手段</t>
  </si>
  <si>
    <t>為了 意識形態 陳時中 買 疫苗 可能 被 加錢 藥師 酸 老闆 還 不 電 爆 你</t>
  </si>
  <si>
    <t>美 疫情 升溫 陳時中 會分 州 處理 旅遊 警示</t>
  </si>
  <si>
    <t>北市 疫苗 護照 擬 納 科興 國藥 陳時中 要 考量 國內 eua</t>
  </si>
  <si>
    <t>全球 疫情 發燒 許多 國家 進行 封城 鎖國 措施 政府 也 禁止 高中 以下 師生 出國 並 對 故意 前往 第 三級 疫區 的 人士 開 罰 外界 質疑 缺乏 法 源 依據 指揮官 陳時中 昨 搬 出 特別 條例 第 7 條 的 應變 權 作為 回應 但 國民黨 立 委 費 鴻泰 認為 沒有 法 源 就是 獨裁 國家 建議 蔡 總統 直接 發佈 緊急命令 這樣 程式才 完備 根據 特別 條例 第 7 條 指揮官 為 防治 控制 疫情 需要 得 實施 必要 之 應變 處置 或 措施 被 外界 視為 指揮官 對於 防疫 作為 的 霸王 條款 陳時中 表示 禁止 師生 出國 是 為 避免 校內 出現 群 聚 感染 由於 新冠肺炎 全球 大 流行 外出 旅遊 的 風險 已 相當 高 這 對 校園 社會 的 威脅 很 大 因此 決議 高中 以下 不要 出國 至於 故意 前往 加 征 費用 系 依 傳染病 防治法 第 58 條 公佈 姓名 則 是 依 特別 條例 第 78 條 於法 有 據 但 在 執行 時會 衡量 是否 為 防疫 的 必要 因此 任何 須 動用 第 7 條 的 都會 非常 謹慎 不過 人權 律師 時力立 委 邱顯智 指出 大法官 解釋 曾 指 限制 人民 遷徙 或 人身自由 都 要 有 嚴格 法律 規範 特別 條例 第 7 條 的 規範 仍 不 明確 受 規範 人 無法 理解 應由 行政院 提出 較 具體 的 法規 命令 並 送 立 法院 審查 災害 防 救法 第 5 條 也 規定 中央政府 為 達 災害 防 救 之 目的 採取 的 必要措施 要 送 立 法院 報告 時 力立委 陳 椒 華則 表示 疫情 嚴峻 確 不 適合 出國 但 法律 規範 並不 完備 執政黨 應 儘快 配合 修正 此外 自 疫區 返國 的 人 可能 不 遵守 法律 到處 趴 趴 走 執政黨 對 此 應修法 管制 可能 的 災難</t>
  </si>
  <si>
    <t>基層 診所 苦 等 疫苗 處置費 陳時中 宣佈 下週一 發放</t>
  </si>
  <si>
    <t>衛福 部長 陳時中 31 日 表示 國產 疫苗 第二 期收 案 人數 有 將近 有 4000 人 屬於 擴大 型 第 二期 以此 規模 若 可 通過 安全性 不 會 有 問題 陳時中 表示 綜觀 各國 由於 疫苗 三期 實驗 會 拉 很 長 若要 等 三期 結束 才下 決定 會 緩不濟急 各 疫苗 大廠 第 三期 時 要 完成 的 時間 都還 要 一陣子 bnt 要 2023 年 4 月 才能 通過 莫德納 要 2022 年 10 月 完成 嬌 生 是 2023 年 5 月 az 疫苗 在 英國 巴西 美國 等 地 預計 完成 的 時間 點 不一 最 快 今年 9 月 最 慢 要到 2023 年 2 月 陳時中 說 也 因此 各國 eua 緊急 授權 使用 均 已 提早 核准 避免 緩不濟急</t>
  </si>
  <si>
    <t>政府 施行 口罩 限量 實 名 採購 制 以來 許多 都會區 民眾 仍 須要 排 很 久 的 隊 才能 買到 或 甚至 買不到 但 隨 著 口罩 產量 日增 衛福 部長 陳時中 今天 表示 考慮 在 學校 配送 口罩 讓 家長 不用 去 外面 藥局 買 此外 也 考慮 針對 企業 施行 預約 制 立 法院 今日 召開 財政 委員會 民眾黨 立 委 高虹 安 質詢 時 談 到 各地 藥局 口罩 供需 情況 失衡 有些 地方 民眾 買不到 的 問題 她 表示 陳時中 說 過 會 滾 動 檢討 口罩 配送 是否 調整 甚麼 時候 會 做 滾 動式 檢討 對 配送點 真實 需求 做 調整 陳時中 回 稱 剛 開始 實施 實 名 制 時 用藥 局 分配 一 開始 口罩 總量 不足 但 後來 確實 有些 地方 的 藥局 沒 賣 完 上周 就 開始 對 這些 藥局 減 發 至於 要 多 發 的 部分 有點 困難 因為 要 跟 藥局 與 藥師 公會 協商 而 也許 有人 覺得 太 忙碌 陳時中 說 為了 讓 藥局 的 工作 不要 太 過 繁重 如今 在 思考 三 個 方向 首先 對於 專業 需求 增加 配送 其次 對 學校 配送 讓 家長 不用 去 外面 幫 孩子 買 第 三 企業 也許 可以 採用 預約 制 這樣 也 不 用去 外面 買 而 身 障 民眾 在 專業 配送 的 部分 將 會 給予 他們 希望 藉 此 讓 藥局 維持 現在 的 工作量 然後 針對 一些 賣出 口罩 量 較 多 的 藥局 如果 他們 願意 政府 會 多 付 一些 工本 請 一些 工讀生 協助 處理 口罩</t>
  </si>
  <si>
    <t>韓 市府 5 3 兵 推 陳時中 出席 與否 關鍵 是 這個</t>
  </si>
  <si>
    <t>斯卡羅 導演 喊話 衛福部 拍 片 陳時中推 羅一 鈞來 演</t>
  </si>
  <si>
    <t>第 56 屆 金鐘獎 頒獎典禮 於 2 日 舉行 電視劇 斯卡羅 的 導演 曹瑞原 擔任 本屆 金鐘獎 擔任 評審委員會 主委 以及 金鐘 典禮 頒獎人 他 在 頒發 最後 2 個 獎項 時 向衛福 部長 陳時中 喊話 希望 找 衛福部 來 拍 片 對此 陳時中 回應 找 羅一鈞 比較 好 全球 受到 新冠肺炎 影響 各行各業 都 遭受 到 嚴重 波及 斯卡羅 導演 曹瑞原 昨晚 在 頒發 戲劇 節目 獎 前 時 特別 向衛福 部長 陳時中 部長 喊話 他 說 今天 各位 可以 坐在 這裡 都 是 因為 你們 背後 有 一個 很 強 很 強 的 team 團隊 這 2 年 我 也 想 感謝 陳時中 部長 的 衛福部 我 下次 真的 很 想 找 他們 來 拍 片 陳時中 今天 回應 非常 謝謝 曹 導演 的 善意 但 我們 都 覺得 請 羅一鈞 比較 好 啦 坦言 看到 曹瑞原 這樣 說 心中 覺得 很 暖和 至於 為何 要 推薦 疾 管署 副 署長 羅一鈞 他 說 因為 顏值 可看性 都 比較 高 不用 問 也 知道 所以 才說 要 找 羅一鈞 媒體 問 羅一鈞 意願 陳時中代替 羅 回答 兼職 也 要 我 准 才 可以</t>
  </si>
  <si>
    <t>為 開放 邊境 做 準備 陳時中籲 內化 防護 觀念</t>
  </si>
  <si>
    <t>坦承 疫情 狀況 不太好 陳時中 憂心 社區 還有 感染者 沒 找 出來</t>
  </si>
  <si>
    <t>楊志良 自 爆 聯 亞 抗體 只 有 40 陳時中 虧 不 懂 要 問 醫師</t>
  </si>
  <si>
    <t>bnt 著 手 研究 現有 疫苗 防護力 有 必要 將 調整 陳時中 回 應 了</t>
  </si>
  <si>
    <t>敦睦 艦隊 不能 如期 解 隔離 陳時中為 這 道歉 了</t>
  </si>
  <si>
    <t>千 人 以上 企業 造冊 是 為 先 瞭解 陳時中 非 施打 依據</t>
  </si>
  <si>
    <t>緊急 加開 2萬 多 劑 莫德納 引 民怨 陳時中 說明 原因</t>
  </si>
  <si>
    <t>趙 少康 批 混打 高端 是 狗急跳牆 陳時中 回 應 了</t>
  </si>
  <si>
    <t>單日 新增 6 例 陳時中 若 歐洲守 下來 臺灣 就 松 一口氣</t>
  </si>
  <si>
    <t>剩下 七萬 劑 莫德納 沒 打完 陳時中 會 天天 問 地方</t>
  </si>
  <si>
    <t>az 疫苗 分配 高雄 比 雙北多 惹 議 陳時中再 說明</t>
  </si>
  <si>
    <t>春節 返台 檢疫 7 7 有 譜 陳時中 鬆口 最 快 本 周 宣佈</t>
  </si>
  <si>
    <t>疫情 席捲 侯友宜 民 調 第一 陳時中 吊 車尾 政治 人物 最新 排名 曝光</t>
  </si>
  <si>
    <t>新冠肺炎 疫情 肆虐 全球 臺灣 靠 著 衛福 部長 陳時中 坐鎮 指揮 防疫 措施 獲得 各國 肯定 不過 歌手 楊培安 卻 在 微博 嘲諷 蔡 政府 沒了 陳時中 疫情 還 能 控制 在 現在 這樣 的 狀況 嗎 對此 女星 郭昱 晴 不滿 反 嗆 扯 臺灣 後 腿 的 人</t>
  </si>
  <si>
    <t>新冠肺炎 疫情 肆虐 全球 臺灣 靠 著 衛福 部長 陳時中 坐鎮 指揮 防疫 措施 獲得 各國 肯定 不過 歌手 楊培安 卻 在 微博 嘲諷 蔡 政府 沒了 陳時中 疫情 還 能 控制 在 現在 這樣 的 狀況 嗎 對此 女星 郭昱 晴 不滿 反 嗆 扯 臺灣 後 腿 的 人 楊培安 在 微博 發文 認為 臺灣 疫情 控制 得當 應該 歸功 陳時中 部長 領導 的 整個 衛福部 和 防疫 團隊 專家 光靠 執政 團隊 是 不 會 有能力 解決 疫情 以外 的 問題 接 著 嘲諷 蔡 政府 沒了 陳時中 疫情 還 能 控制 在 現在 這樣 的 狀況 嗎 對 此 郭昱 晴 發文 怒 嗆 臺灣 最 不 缺 的 就 是 這種 抱 對岸 大腿 扯 臺灣 後 腿 的 人 對此 網友 也 紛紛 留言 歲月 改變 不了 人 的 本性 但 人民幣 會 人民幣 的 魔力 讓 他 可以 毫無 尊嚴 的 活 下去 又 來 一個 因為 不 紅 硬 要 刷 存在 感 的</t>
  </si>
  <si>
    <t>400 例 確診 校正 回歸 藍 營 質疑 蓋 牌 酸 陳時中 數字 管理 大師</t>
  </si>
  <si>
    <t>基層 醫護 開放 混打 疫苗 陳時中 鬆口 快 了</t>
  </si>
  <si>
    <t>聯 亞 疫苗 200萬 劑 現貨 可用 陳時中明 宣佈 審查 結果</t>
  </si>
  <si>
    <t>呂秀蓮 拋 2 國際 組織 助 台買 5千萬 劑 疫苗 陳時中 回應</t>
  </si>
  <si>
    <t>買 疫苗 新 進度 曝光 陳時中 將 與 novavax 談判 洽 購</t>
  </si>
  <si>
    <t>為 防堵 新冠肺炎 疫情 韓國 4 月 1 日 起 針對 所有 入境 旅客 進行 14 天 的 強制 隔離 1 名 30 多 歲 的 臺灣 女子 聲稱 沒 錢 繳 遭到 驅逐 外交部 發言人 歐 江安 表示 韓國 相關 單位 事發 時即依 相關 規定 遣返 當事人 未曾 聯繫 我 駐 韓國 代表處 外</t>
  </si>
  <si>
    <t>為 防堵 新冠肺炎 疫情 韓國 4 月 1 日 起 針對 所有 入境 旅客 進行 14 天 的 強制 隔離 1 名 30 多 歲 的 臺灣 女子 聲稱 沒 錢 繳 遭到 驅逐 外交部 發言人 歐 江安 表示 韓國 相關 單位 事發 時即依 相關 規定 遣返 當事人 未曾 聯繫 我 駐 韓國 代表處 外交部 也 再度 提醒 國人 注意 韓國 相關 規定 外傳 該 名 赴 韓後 聲稱 沒 錢 繳 交 相關 費用 的 臺灣 女子 也 是 韓國第 1 位 未 遵 規定 而 被 驅逐 出境 的 外國人 歐 江安 表示 經 外交部 瞭 解 韓國 相關 單位 事發 時 立即 依 相關 規定 進行 遣返作業 而 當事人 在 韓國 期間 未曾 聯繫 我 駐 韓國 代表處 她 說 外交部 已於 3 月 17 日 起 將 韓國 全境 旅遊 警示 調整 為 紅色 建議 國人 避免 前往 另 韓國政府 自 4 月 1 日 起 針對 所有 入境 旅客 實施 隔離 檢疫 措施 倘 旅客 無 固定 居所 則 採取 定點 隔離 相關 費用 須 自行 負擔 外交部 再度 提醒 國人 注意 韓國 相關 規定 歐 江安 強調 國人 在 韓國 如果 遭遇 急難 請 立即 撥打 我 駐 韓國 代表處 或者 駐 釜山 辦事處 也 可 請 國內 親友 撥打 外交部 緊急 聯絡 中心 電話 以 獲得 必要 協助</t>
  </si>
  <si>
    <t>全球 正 努力 防堵 新冠肺炎 covid-19 擴散 臺灣 防疫 成績 舉世 肯定 前線 醫護人員 功不可沒 新 壽 慈善 基金會 新光 吳 氏 基金會 同心圓 醫學 基金會 與 老爺 飯店 有感 醫護人員 冒 生命危險 依然 挺身 堅守 戰線 守護 臺灣 發起 暖</t>
  </si>
  <si>
    <t>全球 正 努力 防堵 新冠肺炎 covid-19 擴散 臺灣 防疫 成績 舉世 肯定 前線 醫護人員 功不可沒 新 壽 慈善 基金會 新光 吳 氏 基金會 同心圓 醫學 基金會 與 老爺 飯店 有感 醫護人員 冒 生命危險 依然 挺身 堅守 戰線 守護 臺灣 發起 暖 新 便當 醫護 加油 超 暖 打氣 活動 捐贈 1500 個 便當 至 臺北市 聯合醫院 六大 院區 感謝 作為 本次 防治 之中 重度 隔離 應變 醫院 藉 此 鼓舞 醫護 抗 疫 士氣 向 醫護 臺灣隊 致敬 新冠肺炎 來 襲 醫護人員 表現 出 臺灣 的 醫療 水準 以 舍我其誰 的 精神 築 起 戰役 防線 阻擋 疫情 持續 入侵 另 醫護人員 值勤 完畢 脫下 口罩 臉上 都 是 n 95 的 痕跡 更是 常見 不 鮮 種種 抗戰 付出 讓 人 相當 不 舍 為此 吳東 進 董事長 呼籲 社會 大眾 給予 醫護 臺灣隊 鼓勵 與 關懷 新 壽 慈善 基金會 吳欣盈 執行長 指出 本 活動 是 個 開端 希望 讓 更 多 企業 團體 能 支持 我們 的 醫護人員 與 政府 組成 最 強抗 疫 臺灣隊 達成 防疫 上下一心 暖 新 打氣 便當 分 不 同 梯次 送至 臺北市 聯合醫院 陽明 中興 和平 仁愛 昆明 林森 與 忠孝 等 六大 院區 替 第一線 默默 付出 的 醫護 加油 在 防疫 上 新光 醫院 也 繳 出 防疫 跨國 合作 案例 日前 帛 琉 出現 疑 似 新冠肺炎 案例 新光 醫院 立即 以 視 訊 教學 協助 採樣 並 送回 臺灣 檢驗 在在 顯示 臺灣 防疫 實力 跨 海 的 守護 者 新光 醫院 助 帛 琉 驗 新冠肺炎 https youtu be fewdagtsjus 新冠肺炎 傳染 力 高 除 了 企業 投入 整備 民眾 也 應該 配合 政府 相關 措施 包括 勤洗手 儘量 配戴 口罩 減少 出入 人潮 擁擠 且 空氣 不 流通 的 公共場所 同時 避免 接觸 野生動物 及 禽類 最 重要 的 是 遵守 隔離 居家 檢疫 與 自主 健康 管理 措施 祈願 新冠肺炎 疫情 儘早 被 控制 大家 生活 儘早 恢復正常</t>
  </si>
  <si>
    <t>新冠肺炎 肆虐 防疫 警民 齊心協力 中 市南 屯 區 惠中 裡裡 長 曾善 體恤 員 警 執勤 辛勞 日前 特地 自掏腰包 買 了 一大 瓶 可 稀釋 的 消毒水 送 到 大 墩 派出所 讓 該所 能夠 常保 環境 衛生 安全 保護 員警 也 保護 洽 公民 眾 新冠肺炎 疫情 越 演 越 烈 造成 世界 大 恐慌 各國 紛紛 限制 疫區 旅客 入境 但 臺灣 地理 位置 鄰近 大陸 民眾 往來 頻繁 防堵 疫情 擴散 中 市 警 局 第 四 分局 大 墩 派出所 除 於 駐地 門口 張貼 防疫 宣 導 海報 外 也 加強 駐地 環境 的 消毒 清潔 但 員警 出勤 或 站櫃臺 接觸 民眾 包羅萬象 更 增 防疫 缺口 為 防範 未 然 目前 執勤 員警 均 須 配戴 口罩 並 備有 消毒 酒精 與 額 溫槍 使用 轄區 內 的 惠中 裡長 曾 善 體恤 員 警 執勤 辛勞 日前 特地 買 了 一大 瓶 可 稀釋 的 消毒水 送 到 大 墩 派出所 讓 員警 們 能夠 時常 維護 派出所 及 民眾 洽 公 區 等 周邊環境 衛生 連 執勤 時 的 隨身 裝備 也 能 常常 擦拭 與 消毒 希望 略 盡 棉薄之力 協助 員警 防疫 第一線 執勤 員警 身體健康 了 才能 進而 守護 地方 治安 大 墩 派出所 所長 葉信良 表示 感謝 裡長 暖 心力 挺 作為 員警 堅強有力 的 後盾 同時 呼籲 民眾 應 勤洗手 注意 環境 衛生 清潔 出入 公眾 場所 應 戴 口罩 不 生食 肉品 落實 個人 防疫 措施 及 自主 管理 全民 共同 為 防疫 努力</t>
  </si>
  <si>
    <t>防堵 omicron 嘉義 縣 推 接種 莫德納 送 健康 米</t>
  </si>
  <si>
    <t>為 防堵 新冠肺炎 新 變種 病毒 omicron 嘉 義縣 推出 各鄉鎮 衛生所 隨 到 隨 打 服務 即日起 接種 莫德納 還 能 獲得 健康 米一 包 78 日 兩 天 樸子市 大林鎮 全聯 門市 也 會 設 接種 站 方便 購物 民眾 接種 藉 此 提高 2 劑 疫苗 接種 率 進而 追</t>
  </si>
  <si>
    <t>南京機場 破 口 借 鏡 桃園 啟動 防疫 旅館 新 制 全力 防堵 delta 病毒</t>
  </si>
  <si>
    <t>新北 板橋 幼稚園 群 聚 案 擴大 有 確診 幼兒 的 家長 曾開 車載 小孩 到 嘉義 縣 的 姨婆 家中 用餐 幸好 這 名 姨婆 采 檢 陰性 嘉義 市 為 嚴防 疫情 8 日 擬 出 幼稚園 防疫 新 指引 有 疑 似 接觸 風險 者 幼稚園 自行決定 班級 或 全園 停課 至少 1 日 嘉義 市 今天 召開 全市 公私 立 幼稚園 防疫 視 訊 會議 特別 訂 定 增 愛 我 嘉 防疫 新 措施 市府 教育 處長 林立生 指出 嘉義 市 幼稚園 教職員工 第一 劑 疫苗 施打 率 已 達 99 黃敏惠 市長 已 極力 向 中央 爭取 第二 劑 疫苗 儘快 施打 希望 讓 幼兒 有 更 安全 的 環境 林立生 表示 北部 疫情 升溫 為 防堵 幼稚園 群 聚 感染 擴散 若 有 疑 似 接觸 風險 者 市府 授權 各園 決定 班級 或 全園 停課 至少 1 日 之 預防 性 停課 措施 教職員 生 1 人 被 匡列 該 班 停課 2 日 全園 停課 1 日 1 人 確診 全園 停課 14 日 嘉 市府 教育處 表示 幼稚園 師生 需 加強 自主 健康 管理 若 發現 有發燒 呼吸道 症狀 嗅 味覺 異常 腹瀉 等 身體 不適 症狀 應 停止 上班 上課 落實 生病 不入 園 並 立即 通報 園 所及 教育處 另 教職員工 須在 3 小時 內 提供 自主 快 篩 證明 市府 並 加強 幼稚園 防疫 稽查 工作 確保 各園 落實 防疫 措施 及 空間 容留 人數 規定 每日 上 放學 前 各園 應 針對 園內 學習 場 域 全面 清潔 消毒 並 確實 記錄 尤其 教室 公共 空間 遊具 及 設備 使用 完畢 後 應立即 清 消 並 視 使用 情形 增加 清 消 頻率 針對 容易 肢體 接觸 無法 全程 配戴 口罩 或 團體活動 應 適度 調整 課程內容 及 上課 方式 教室 內 采 固定 成員 固定座位 並 確實 點名 不得 混 班 上課 暫停 戶外 教學</t>
  </si>
  <si>
    <t>許多 國家 為 防堵 delta 疫情 宣佈 打 第 三 劑 加強 劑 疫苗 胸腔 科 醫師 蘇一峰 分享 以色列 近日 宣佈 打 第 三 劑 預防 感染 的 保護 力 增加 4 倍 預防 重症 的 保護 力則 增加 5 6 倍 美國 加拿大 法國 與 德國 也 紛紛 準備 打 第 三 劑 貼 文 引起 網</t>
  </si>
  <si>
    <t>新冠肺炎 疫情 在 亞洲 蔓延 北 韓 宣稱 該國 沒有 任何 確診 案例 而 據 南韓 東亞 日報 報導 一 名 近日 從 大陸 回 國 貿易 官員 在 遭 隔離 期間 趴 趴 走 偷偷 前往 大眾 澡堂 違反 隔離 規定 結果 慘遭 槍決 處死 東亞 日報 指出 這 名 官員 本月 初 違反 隔離 命令 偷偷 跑 去 大眾 澡堂 當場 被 抓 包 而 他 被捕 後 不久 就 遭 處死 該報 報導 另 一 位 北 韓 國家 安全 保衛 部 的 高階 官員 也 因為 隱瞞 前往 大陸 的 旅遊 史 而 遭受 處分 但 他 並 未遭 極刑 而是 被 降職 且 流放 到 農地 北 韓為 防堵 新冠肺炎 疫情 很 早就 封閉 了 與 大陸 的 邊界 也 下令 曾 前往 大陸 或 與 大陸 民眾 接觸 者 必須 接受 隔離 並 把 隔離 時間 從 世衛組織 建議 的 14 天 延長 到 30 天 最高 領導人 金正恩 曾 誓言 未獲 允許 擅自 解除 隔離 者 不惜 動用 軍法 處置</t>
  </si>
  <si>
    <t>歐盟 提案 加強 防堵 接受 補貼 的 外國 企業 扭曲 歐洲 市場 防止 獲得 政府 巨額 補貼 貸款 或 減稅 等 援助 的 企業 收購 歐洲 公司 或是 與其 競爭 以 降低 中國 大陸 與 美國 對 歐洲 經濟 的 影響 許多 觀察家 表示 歐洲 這 項 行動 系 針對 大陸 國營</t>
  </si>
  <si>
    <t>歐盟 提案 加強 防堵 接受 補貼 的 外國 企業 扭曲 歐洲 市場 防止 獲得 政府 巨額 補貼 貸款 或 減稅 等 援助 的 企業 收購 歐洲 公司 或是 與其 競爭 以 降低 中國 大陸 與 美國 對 歐洲 經濟 的 影響 許多 觀察家 表示 歐洲 這 項 行動 系 針對 大陸 國營企業 但 也 可能 影響 歐洲 企業 的 美國 對手 繼 法國 德國 和義 大利 等 歐洲 多國 加強 外國投資 審核 以 保障 遭受 新冠肺炎 疫情 重 擊 的 國內 企業 遭到 大陸 和 美國 投資人 收購 後 歐盟 也 開始 行動 歐盟 的 提案 顯示 歐洲 在 過去 一 年 來 對 大陸 的 態度 逐漸 轉變 開始 將 大陸 視為 經濟 和 政治 對手 主管 競爭 事務 與 數位 政策 的 歐盟 執委會 副 主席 維斯塔格 margrethe vestager 表示 歐盟 需要 正確 的 工具 確保 外國 補貼 不會 扭曲 歐洲 市場 新冠肺炎 凸顯 歐洲 在 醫療 領域 倚重 大陸 的 進口品 促使 歐洲 重新 思考 投資 政策 歐盟 歐盟 內部 市場 委員 佈雷頓 thierry breton 表示 提案 將 協助 歐洲 企業 經營 與 競爭 進而 促進 歐盟 的 戰略 自主 歐盟 官員 堅稱 新 工具 不是 針對 某 一 國家 或 單一 形式 的 補貼 大陸 給予 企業 補貼 或是 美國 企業 獲得 貸款 等 財務 援助 歐盟 對 兩者 的 審核 方式皆 相同 大陸 官方 期望 歐盟 的 新 規範 不 會 以 補貼 為由 形成 新 的 貿易 障礙 在 各國 致力 對抗 新冠肺炎 的 特殊 時刻 歐盟 需 避免 向 外界 傳達 負面 信號 依據 提案 執委會 期望 與 歐盟 成員國 的 競爭 主管機關 合作 加強 審查 任何 可能 依賴 國家 援助 的 企業 與 歐洲 對手 削價 競爭 若 發現 市場 扭曲 企業 將 被 勒令 返還 補貼 出售 資產 或 將 授權 技術 開放 予 歐洲 對手</t>
  </si>
  <si>
    <t>4 月 20 日西 德州 輕 原油期貨 價格 出現 史上首 見 的 負 油價 一度 造成 金融市場 的 劇烈 波動 雖然 最後 追查 主要 原因 在於 中國銀行 金融 衍生 商品 原油 寶 的 期貨 轉 倉 因素 才 造成 當日 原油期貨 每桶 負 37 美元 的 破天荒 價格 然而 其 背後 的 原油 供需 結構 發展 及 對 後續 的 投資 方向 影響 值得 投資人 深思 從 供給 面 來看 美國 自 2010 年 在 葉岩 油 開採 技術 突破 後 大力 開採 葉岩 油 美國 原油 產量 快速 增加 2019 年 每日 產量 高 達 1300萬 桶 超越 俄羅斯 以及 沙烏地 阿拉伯 成為 世界 第一 大 石油 生產國 也 因為 美國 的 葉岩 油 擴產 一舉 改變 國際原油 的 供需 結構 原油 產量 驟增 國際 油價 也 自 2014 年 起 告別 三 位 數 的 油價 開始 呈現 震盪 走跌 的 態勢 近年 國際 景氣 受到 美中 貿易戰 及 近期 新冠肺炎 疫情 影響 需求 持續 下滑 導致 西 德州 輕 原油價格 進一步 下落 跌破 2009 年 及 2016年 的 低檔 支撐 40 美元 價位 也 才 造就 4 月底 驚天動地 的 負 油價 事件 從 需求面 來看 根據 國際 能源 署 iea 的 預估 全球 因為 防堵 疫情 約 有 187 個 國家 實施 活動 限令 有 高 達 數 十億 人 生活 受到 限制 經濟 活動 嘎 然而 止 工廠 停工 航空 公司 航班 及 大眾交通 系統 大 減 各項 需要 石油 的 交通 工具 與 產業 停 擺 對 石油 的 需求 驟降 今年 第一 季沙 烏 地 阿拉伯 的 石油 收入 相較 去年同期 下滑 了 24 iea 預計 2020 年 全球 石油 需求 將 比 去年 每天 減少 930萬 桶 後續 原油 的 需求 能否 回穩 將 視 席捲 全球 的 新冠肺炎 疫情 何時 止 穩 讓 經濟 生活 重 回 正軌 但是 有 愈來愈多 的 研究 顯示 新冠肺炎 威脅 不 會 輕易 結束 台 大公 衛學院 估算 這 波 新冠肺炎 全球 大 流行 有 機會 在 6 月底 接近 尾聲 但 可能 在 今年 秋冬 捲土重來 在 疫苗 或 特效藥 沒有 出現 前 疫情 的 威脅 可能 還 要 持續 兩 年 經濟 活動 的 回復 仍 將 受限 原油 的 需求 恐 難以 回到 過去 的 榮景 就 產業 的 影響 來看 近期 西 德州 輕 原油期貨 價格 在 石油輸出國組織 opec 與 俄羅斯 達成 減產 協定 後 已 逐漸 回穩 在 20 美元 之上 從 沙烏地 阿拉伯 及 俄羅斯 的 原油 生產成本 約 介於 每桶 10 20 美元 間 來看 原油 再 向下 大 跌 的 空間 已 有限 但是 美國 葉岩 油 業者 的 生產成本 卻 高 達 40 美元 沙烏地 阿拉伯 及 俄羅斯 都 想 藉 此次 疫情 來 打擊 產 油 成本 最高 的 美國 葉岩 油 根據 baker hughes 資料 顯示 西 德州 輕 原油價格 自 2018 年 的 76 美元 高檔 下跌 至 今 美國 的 鑽 油井 數目 也 從 2018 年 11 月 的 888 座 驟降 至 5 月初 的 325 座 美國 葉岩 油 巨頭 whiting petroleum corporation 也 不 敵 油價 重 挫 壓力 在 4 月初 聲 請 破產 根據 統計 2019 年 美國 最低 等級 ccc 級 的 高 收益 債 中 能源 企業 發行 比重 達 13 這 波 油價 大跌 對 能源 企業 的 籌資 將 造成 重大 衝擊 市場 預估 未來 一 年 可能 會 有 將近 100 家 美國 原油 與 天然氣 生產商 將 聲 請 破產 保護 因 此 相關 能源 企業 的 投資 商品 必需 要 審慎 因應 另 依據 歷史 經驗 原油價格 疲軟 將 造成 下游 石化 產品 的 價格 跟 著 疲弱 且 石化 廠商 今年 將 面臨 高價 原料 庫存 侵蝕 獲利 今年 石化 產業 的 業績 不容樂觀 由於 原油 與 石化 產業 都 是 屬於 重要 基礎 工業 周邊 相關 的 產業 需求 商 機 龐大 隨 著 全球 油價 暴跌 油氣 行業 整體 損失 預估 將 超過 上 兆 美元 另 一個 需 留意 的 產業 為 過去 幾 年 表現 亮麗 的 航空 產業 過往 波音 空 巴 等 飛機製造 公司 藉 由 開發 省 油 型號 的 飛機 及 全球 旅遊 人數 不斷 增加 的 飛機 需求 相關 供應 鏈 商 機 不斷 升溫 然而 這次 新冠肺炎 疫情 造成 航空 公司 收入 驟降 大 減 飛機 訂單 市場 預估 波音 空中巴士 等 大型 廠商 今年 獲得 的 淨 訂單 可能 合計 減少 1000 架 衰退 幅度 前所未有 加上 低迷 的 原油價格 也 讓 航空 公司 節省 燃油 成本 的 機隊 更新 誘因 驟降 預計 對 航 太 產業 的 影響 可能 會 持續 到 2021 年 因此 在 投資 上 今年 不宜 對 石化 產業 航 太 產業 及 相關 的 設備 供應 廠商 業績 抱 持 太 樂觀 的 預期 原油價格 的 低迷 代表 實體 經濟 短期 內 仍 難 有所 起色 但是 另一方面 透過 無線 傳輸 發展 的 網路 通訊 產業 商機 卻 仍 將 持續 蓬勃發展 因此 投資人 在後 疫情 時代 的 投資 除 需注意 持 股 比重 的 調整 外 在 產業 類 股 的 選擇 上 也 需 審慎 選擇</t>
  </si>
  <si>
    <t>防堵 疫情 擴散 彰 化 今 起 連三 天全縣 大 消毒</t>
  </si>
  <si>
    <t>新冠 疫情 仍然 嚴峻 彰 化 縣長 王 惠美 縣府 團隊 結合 全縣 26 鄉鎮 市 21 日 起 連 三 天 進行 全縣 大 消毒 全力 防堵 疫情 擴散 並 呼籲 民眾 一起 進行 居家 消毒 工作 用 漂白 水 1 比 50 的 調配 比例 來 擦拭 桌椅 門把 開關 地板 家裡 有 幼</t>
  </si>
  <si>
    <t>全國 疫情 未 見 降溫 究竟 三級 警戒 是否 會 二 度 延長 至 6 月 28 日 成為 各界 關注 話題 不過 下 周 就要 迎來 端午 連 假 了 為 防堵 病毒 流動 各界 都 呼籲 大家 這次 忍耐 一點 別 返鄉 只 是 有人 配合 也 有人 認為 沒 必要 表示 只要 返鄉</t>
  </si>
  <si>
    <t>25 號 開學日 將 至 究竟 校園 該 如何 防堵新冠肺炎 教育部 國教 署 署長 彭富源 表示 學校 清潔 消毒 希望 在 開學 前 3 天 完成 公立 高中 以下 學校 有 4000 所 室外 會 由 環保 署 責 請 各地 環保局 在 2 23 前 完成 室內 的 部分 由 學校 接手 彭富</t>
  </si>
  <si>
    <t>25 號 開學日 將 至 究竟 校園 該 如何 防堵新冠肺炎 教育部 國教 署 署長 彭富源 表示 學校 清潔 消毒 希望 在 開學 前 3 天 完成 公立 高中 以下 學校 有 4000 所 室外 會 由 環保 署 責 請 各地 環保局 在 2 23 前 完成 室內 的 部分 由 學校 接手 彭 富源 表示 學校 專有 交通車 部分 388 輛 也 會 消毒 按照 交通部 要求 發車 收 班 都會 進行 消毒 大專院校 部分 教育部 已 發文 會 督導 完成 所有 清潔 工作 環保 署 補充 開學 之前 學校 都會 做 清掃工 作 2 23 前 4000 所 高中 以下 學校 都會 消毒 還 會 特別 針對 川 堂 洗手台 遊 憩 設施 都 是 消毒 重點 目標 23 前 完成 消毒 工作 此外 交通部 航政司 司長 葉協隆 表示 高鐵台 鐵 捷 運 列車 每天 至少 消毒 一 次 扶手 餐桌 每次 在 列車 折 反 都會 消毒 捷 運 則 每 八 小時 消毒 台鐵 回 廠 時 也 會 加強 消毒 國道 客運 發車 前 收 班 每 8 小時 消毒 一 次 交通部 各 方面 都做 強化 請 國人 安心</t>
  </si>
  <si>
    <t>全台 防堵 非洲 豬瘟 行政院長 蘇貞昌 5 日 視察 台南 市 安南 區 城 西 廚 餘 高速 發酵廠 肯定 是 經濟 迴圈 典範 對 外界 關心 波蘭 贈 台 40萬 劑 az 疫苗 他 稱 臺灣 去年 捐贈 波國 100萬 片 口罩 對方 回贈 疫苗 是 善 的 迴圈 臺灣 不只 防堵 新冠肺炎</t>
  </si>
  <si>
    <t>全台 防堵 非洲 豬瘟 行政院長 蘇貞昌 5 日 視察 台南 市 安南 區 城 西 廚 餘 高速 發酵廠 肯定 是 經濟 迴圈 典範 對 外界 關心 波蘭 贈 台 40萬 劑 az 疫苗 他 稱 臺灣 去年 捐贈 波國 100萬 片 口罩 對方 回贈 疫苗 是 善 的 迴圈 臺灣 不只 防堵 新冠肺炎 同樣 全力 防堵 非洲 豬瘟 全台 暫停 廚 餘 養豬 1 個 月 台南 市 剛在安 南區 與 新化 區 各 興建 1 座 高速 發酵廠 可 高效 轉化 廚 餘 變成 有機肥料 賣出 解決 廚 餘 過剩 問題 蘇貞昌 在 台南 市長 黃偉哲 環保 署長 張子敬 農委會 主委 陳吉仲 行政院 秘書長 李孟 諺 陪同 下 巡視 安南 城 西廠 他 表示 非洲 豬瘟 傳染性 強 豬只 感染 死亡率 高 一定 要 全力 防堵 外界 關心 波蘭 贈 台 40萬 劑 az 疫苗 蘇貞昌 回應 臺灣 去年 贈送 對方 100萬 片 口罩 波國 今年 回贈 疫苗 是 朋友 間 互相 幫忙 看得出 臺灣 被 世界 看見 是 善 的 迴圈 蘇揆 4 日 視察 屏 東縣 時 一度 點名 潘孟安接下 農委會 主委 外界 關心 現任 農委會 主委 陳吉仲 是否 將 遭 撤換 蘇貞昌 5 日 在 台南 卻 重新 肯定 陳吉仲 認為 他 做 的 非常 好 不 會 讓 他 離開 蘇貞昌 視察 安南 廠 見 廚 餘 在 機械 轉化 下 可 在 10 天內 變成 有機 堆肥 認為 是 迴圈經濟 典範 應 推廣 到 各縣市 台南 市環保局 表示 因應 防堵 非洲 豬瘟 台南 市 全面 暫停 廚 餘 養豬 廚 餘 量 一時 爆 增 平均 1 天 收 近 150 噸 安南 區 城 西 高速 發酵廠 每天 可 處理 30 噸 廚 餘 新化 廠 可 處理 15 噸 總計 每天 可 處理 45 噸 廚 餘 占 全市 廚 餘 量 3 分之 1 緩解 過剩 廚 餘 量 帶來 的 壓力</t>
  </si>
  <si>
    <t>印度 疫情 近日 開始 失控 大 爆發 以 每日 新增 30 40萬 例 確診 的 速度 快速 飆 升 引起 世界 各國 高度 關注 而 前 駐 紐西蘭 大使 介文 汲 認為 日前 大陸 外交部長 王毅 表態 願意 協助 印度 抗 疫 應該 是 出自 真心 希望 印度 能 控制 住 疫情 並 避免 疫情 擴散 同時 他 也 指出 印度政府 自我感覺 良好 且 對 社會 控制 力度 較 弱 若無 國際 社會 援助 面對 疫情 爆炸 印度政府 恐 束手無策 介文 汲 1 日 在 中天 新聞 前進 戰略 高地 節目 中 表示 若 印度 疫情 失控 周邊國家 首當其衝 所以 疫情 剛 開始 爆發 時 王毅 就 召集 印度 周邊 六 個 國家 開會 而 他 判斷 開會 的 原因 是 要 討論 是 大家 如何 結合 起來 讓 印度 疫情 不要 擴散出來 因為 這 六 個 國家 剛好 把 印度 包 起來 介文 汲 指出 雖然 中國 大陸 和 印度 有 非常 長 的 邊境 但 人員 很 難 越過 兩 國 交界 的 喜馬拉雅山脈 可是 印度 和 其他 國家 都 有 相對 容易 穿越 的 邊境 所以 必須 把 印度 的 疫情 控制 在 印度 國內 從 策略 上 來講 應該 先 把 周 邊防線 像 長城 一樣 鞏固 好 加強 這些 國家 的 防堵 意識 介文 汲 認為 事實上 大陸行 有 餘 力 的 話 也 會 先 幫 這些 國家 堵起來 這 是 很 重要 的 因為 疫情 如果 蔓延到 東南亞 或 中東 影響 就 太 大 了 從 地緣 或 經濟 來看 這些 地方 對 大陸 非常 重要 我 覺得 這 是 一個 很 重要 超前 部署 的 階段 介文 汲 分析 目前 王毅 聯繫 上 印度 當局 主要 是 要 協助 印度 控制 疫情 因為 疫情 不分 人種 不分 國家 若 真的 失控 鄰近 國家 首當其衝 所以 我 覺得 大陸 是 出於 真心 希望 印度政府 拿出 辦法 控制 住 疫情 這 是 人類 社會 共同 的 挑戰 大陸 掌握 這個 原則 而 大陸 的 考量 中 政治 成分 很 低 防疫 成分 非常 高 這個 措施 是 正確 的 現在 最 重要 的 是 疫情 發生 在 哪裡 就 要 把 它 控制 在 那個 地方 不 要 擴散 介文 汲也 說 印度政府 自我感覺 良好 但 對 印度 社會 的 管控 能力 相 當差 這時 若 沒有 國際 社會 若 沒有 其他 能力 比較 高 的 國家 協助 印度政府 面對 這個 挑戰 是 束手無策</t>
  </si>
  <si>
    <t>日本 喜劇之王 志 村健 昨 30 日 因 罹 患 新冠肺炎 過世 享壽 70 歲 消息 一 出 引 各地 粉絲 哀悼 大 歎 童年 的 偶像 驟 逝 昨 鄭弘儀 則 在 節目 中 透露 有人 將 志 村 健 的 維琪百科 資料 惡意 竄改 死因 竟 被 寫 成 臺灣 肺炎 讓 鄭弘儀 氣 得 大罵 是 誰 這麼 無恥 鄭弘儀 昨 在 鄭 知道 了 談志村 健 的 病逝 他 引用 網上 新聞 分享 指出 有人 趁機 在 維琪百科 搗亂 將 志 村 健 的 死因 寫 成 臺灣 肺炎 鄭弘儀 生氣 問 全世界 有 誰 會 這麼 無恥 會 寫 說是 臺灣 肺炎 前 衛生 署 駐 日內瓦 衛生 顧問 張武修 也 怒 說 真的 是 不要臉 至極 張 武 修說 志 村健 真的 是 非常 重要 歎 日本 雖有 先進 的 醫療 技術 竟 也 救 不 回志村 健 我 相信 這類 的 公眾人物 他們 平時 接觸 的 人 非常 多 一旦 感染 加上 原本 就 有 肺病 以及 年紀 大 所以 很 可惜 鄭弘儀 則 說 志 村 健 3 月 10 日 還 跟 工作人員 到 居酒 屋 聚餐 沒想 到 月底 就 過世 張 武修 又 表示 日本 這 回 失誤 在 沒有 在 第一時間 將 疫情 防堵起來 之前 因為 東京 奧運 導致 防線 鬆散 未來 美國 也 會 在 兩 個 月 內 抵達 疫情 的 高峰 點 對於 新冠肺炎 仍 不 可 鬆懈</t>
  </si>
  <si>
    <t>臺灣 疫情 緊張 已 連續 多 日 新增 破百 確診 病例 不僅 雙北 宣佈 三級 警戒 全台 高中 以下 學生 也 都 停課 讓 民眾 盡可能減少 外出 的 可能性 防堵 疫情 擴散 只 是 無論 規定 再 嚴格 總 有人 不 願 配合 全台 發生 多 起 外出 不 戴 口罩 的 案例</t>
  </si>
  <si>
    <t>臺灣 疫情 緊張 已 連續 多 日 新增 破百 確診 病例 不僅 雙北 宣佈 三級 警戒 全台 高中 以下 學生 也 都 停課 讓 民眾 盡可能減少 外出 的 可能性 防堵 疫情 擴散 只 是 無論 規定 再 嚴格 總 有人 不 願 配合 全台 發生 多 起 外出 不 戴 口罩 的 案例 連網紅 丹 妮婊 姊 都 po 文 抱怨 自己 爸 媽 很 難 約束 疫情 期間 常有 不必要 的 活動 行為 直言 很多 老人 真的 毫無 概念 鄉民 女神 潔 哥 看 了 卻說 自家 爸 媽 完全 相反 是 老人 圈 防疫 小 尖兵 描述 了 他們 的 防疫 日常 卻 被 網友 抓到 另 類 亮點 讓 她 哭笑不得 相較 於丹 妮婊 姊 的 爸 媽 一個 不 注意 就 出門 趴 趴 走 潔 哥 透露 自己 父母 堪稱 老人 圈 防疫 模範 生 像 我 才去 個 便利商店 回來 還 沒 踏 進 家門 在 門口 我 老 北 就 拿 著 酒精 全身上下 給 我 噴 一 遍 然後 手 舉 高高 不得 碰 觸 任何 東西 要 直接 去 洗手 潔 哥 的 媽媽 也 是 嚴陣以待 幫 她 顧 女兒 fafa 時 全程 都戴 著 口罩 即使 她 根本 宅 在家 都 沒 出門 潔 哥 也 跟 她 說 在家 可以 不 用 戴著吧 但 媽媽 卻 堅持 戴著 比較 保險 讓 潔 哥 大贊 他們 根本 老人 圈 防疫 楷模 很 值得 給 他們 掌聲 鼓勵 對於 潔 哥 爸 媽 的 防疫 意識 跟 日常生活 眾 網友 都 給予 高 評價 大贊 真的 是 模範 阿 也 希望 我家 長輩 能 這樣 羡慕 阿 潔 哥 的 父母 很 贊 少有 的 老人 會 這麼 注意 防疫 的 也 分享 自家 老人 們 的 各種 ng 行為 以及 因應 措施 而有 網友 抓到 亮點 表示 潔 哥 爸 媽 是 為了 孫女 才有 防疫 動力 讓 潔 哥 苦笑 被 大家 這麼 一 說 我 爸 媽 是 因為 他們 可愛 的 孫女 努力 防疫 而 不是 為了 我 嗎 眾人 也 毫不留情 直言 就 是 這樣 沒錯 連在 爸 媽 面前 都 過氣 了 一切都是 為了 fafa 潔 哥 你 只 是 順便 的</t>
  </si>
  <si>
    <t>印度 統計局 29 日 公佈 資料 顯示 該 國本 財年 第 四季 1 3 月 國內 生產 毛額 gdp 年增率 降 至 31 優於 預期 為了 防堵 新冠肺炎 疫情 擴散 印度 全國 各地 實施 封鎖 隔離 導致 各行各業 與 消費者 信心 遭到 重創 連帶 拖累 經濟 成</t>
  </si>
  <si>
    <t>印度 統計局 29 日 公佈 資料 顯示 該 國本 財年 第 四季 1 3 月 國內 生產 毛額 gdp 年增率 降 至 31 優於 預期 為了 防堵 新冠肺炎 疫情 擴散 印度 全國 各地 實施 封鎖 隔離 導致 各行各業 與 消費者 信心 遭到 重創 連帶 拖累 經濟 成長 印度 本 財年 2019 年 4 月 2020 年 3 月 全年 gdp 成長率 為 42 不僅 低於 上個 財年 2018 2019 年 的 61 年增率 亦 創下 11 年 來 新低 印度 上 季 gdp 年增率 僅 達 31 不如 第 三 季 的 年 增 47 但 優於 市場 預期 的 05 2 區間 印度 國家銀行 sbi 先前 預估 印度 上 季 gdp 恐怕 放緩 至 12 至於 路透 訪 調 經濟學家 後 預測 為 21 印度政府 自 3 月 25 日 以來 實施 全球 規模 最 大 最 嚴格 的 封鎖 隔離 措施 希望 保護 全國 13億 人口 的 健康 與 生命安全 無 虞 印度 一 開始 僅 打算 實施 三 周 封 城 令 但 鑒於 疫情 未 見 趨 緩 總理 莫迪narendra modi 決定 三 度 延 後 解封 一直 至 5 月 31 日 為止 目前 尚不 清楚 莫迪 政府 是否 會 再次 延長 封鎖 時間 但 此 政策 已 嚴重 衝擊 該國 勞動 市場 根據 印度 經濟 監測 中心 cmie 報告 預估 受到 疫情 影響 印度 已 有 逾 122億 人 失業 失業率 飆 升至 271 經濟學家 指出 封鎖 措施 對於 製造業 與 服務業 帶來 極大 衝擊 恐 導致 印度 本 季 經濟 進一步 放緩 高盛 銀行 更 預測 印度 2020 2021 財年 經濟 恐 將 大幅 萎縮 5 印度 疫情 仍然 嚴重 近日 更 創下 單日 確診 新高 紀錄 截至 29 日 為止 該國 新冠肺炎 確診 病例 為 168387 人 死亡 4806 人 為了 挽救 低迷 經濟 印度政府 推出 一連串 紓困 措施 首 階段 主要 針對 小型企業 與 農夫 印度 央行 本月 稍 早 更 將 基準利率 調 降 40 個 基點 此為 今年 來 第二 次 降息</t>
  </si>
  <si>
    <t>新冠肺炎 疫情 嚴峻 新北 市民 政局 今天 公告 新北 各戶 所 除 嚴格 落實 實 聯 制 出入口 防疫 及 環境 清 消 17 日 起 暫停 夜間 延時 服務 及 假日 預約 結婚登記 服務 防堵 可能 破 口 民政局長 柯慶忠 表示 本土 確診 案例 持續 攀升 為 防</t>
  </si>
  <si>
    <t>新冠肺炎 疫情 嚴峻 新北 市民 政局 今天 公告 新北 各戶 所 除 嚴格 落實 實 聯 制 出入口 防疫 及 環境 清 消 17 日 起 暫停 夜間 延時 服務 及 假日 預約 結婚登記 服務 防堵 可能 破 口 民政局長 柯慶忠 表示 本土 確診 案例 持續 攀升 為 防堵 疫情 擴散 阻斷 傳播 鏈 新北 市 各 戶政 事務所 已 專人 協助 實施 實 聯 制 並 嚴格 落實 測量體溫 手部 噴 酒精 消毒 防疫 措施 提高 清 消 頻率 並 管控 人潮 分區 分流 柯慶忠 表示 調整 戶政 服務 時間 為 週一 至 週五 上午 8 時 起至 下午 5 時 30 分 止 暫停 夜間 延時 服務 及 假日 預約 結婚登記 服務 以 降低 人潮 群 聚 接觸 民政局 專門 委員 陳耀川 表示 疫情 期間 民眾 可 多 加 運用 內政 部 系統 線 上 申辦 戶籍 登記 網址 https www ris gov tw app portal 260 避免 路程 奔波往返 減少 群 聚 感染 風險 如 需 親 至 戶 所 申辦 業務 則 應 落實 現場 防疫 措施</t>
  </si>
  <si>
    <t>為 防堵 新冠肺炎 疫情 擴散 北 市政府 衛生局 針對 未 配合 居家 檢疫 者 持續 開 罰 9 日 1 名 自 陸 港澳 流行 地區 入境 的 民眾 未 依 規定 填寫 居家 檢疫 地點 依 嚴重 特殊 傳染性 肺炎 防治 及 紓困 振興 特別 條例 從重 裁 罰 100萬 元 因 該 民</t>
  </si>
  <si>
    <t>為 防堵 新冠肺炎 疫情 擴散 北 市政府 衛生局 針對 未 配合 居家 檢疫 者 持續 開 罰 9 日 1 名 自 陸 港澳 流行 地區 入境 的 民眾 未 依 規定 填寫 居家 檢疫 地點 依 嚴重 特殊 傳染性 肺炎 防治 及 紓困 振興 特別 條例 從重 裁 罰 100萬 元 因 該 民眾 無視 法令 竟 從 臺北 又 前往 高雄欲 出境 因此 從重 裁 罰 臺北市 副 市長 黃珊珊 表示 開出 第一 張 違法 居家 檢疫 規定 的 100萬 元 罰 單 衛生局 指出 受罰 民眾 9 日 自大 陸 廈門 入境 居家 檢疫 日期 為 9 日 至 23 日 解除 檢疫 日 為 24 日 但 該 民眾 自 松山機場 入境 時 不 配合 填寫 資料 機場 檢疫 官 立即 協助 安排 入住 旅館 經 民政 及 警 政 人員 親 訪 旅館 確認 該 民眾 未 入住 隨即 提送 警 政 單位 協 尋 廈門 入境 不 配合 填 資料 北市 衛生局 查驗 後 發現 該 民眾 又 前往 高雄 國際 航空站 搭乘 班機 欲 出境 無視 居家 檢疫 規定 及 未 依 指定 住所 進行 檢疫 的 事 證明 確 已 涉及 違反 傳染病 防治法 依 嚴重 特殊 傳染性 肺炎 防治 及 紓困 振興 特別 條例 規定 從重 裁處 100萬 元 整 北市 衛生 局 已於 3 月 11 日 開立 裁處 書 經由 衛生 福利 部 疾病 管制 署 臺北區 管制中心 與 高雄 市政府 衛生局 三 方 協調 後 該 民眾 已 移 至 高雄 的 集中 檢疫 場所 安置 北市 隔離 檢疫 無 失 聯 者 北市 衛生局 統計 截至 10 日 止 依 情節 輕重 共 開 罰 70 人 黃珊珊 表示 目前 臺北市 居家 檢疫 1387 人 無 症狀 者 1375 人 有 8 人 就醫 4 人 有 輕微 症狀 居家 隔離 人數 則 有 63 人 已 解除 列管 336 人 目前 狀況 皆 正常 沒有 失 聯 者</t>
  </si>
  <si>
    <t>美國眾議院 週三 以 壓倒 性 多數 火速 通過 規模 高 達 83億 美元 防疫 支出 法案 並 送交 參議院 表決 為 防堵 新冠肺炎 疫情 擴散 與 開發 疫 苖 提供 資金 該 支出 法案 規模 遠遠 超出 川普 政府 最初 提出 的 25億 美元 在 白宮 支持 下 國會 眾 領導</t>
  </si>
  <si>
    <t>美國眾議院 週三 以 壓倒 性 多數 火速 通過 規模 高 達 83億 美元 防疫 支出 法案 並 送交 參議院 表決 為 防堵 新冠肺炎 疫情 擴散 與 開發 疫 苖 提供 資金 該 支出 法案 規模 遠遠 超出 川普 政府 最初 提出 的 25億 美元 在 白宮 支持 下 國會 眾 領導人 正 卯足 全力 讓 法案 能 快速 通過 如此 川普 總統 可能 本 周 就 能 簽署 完成 立法 眾議院 在 協商者 公佈 該 支出 法案 幾 個 小時 後 即 以 415 票 對 2 票 的 壓倒 性 表決 結果 予以 通過 凸顯出 美國國會 對於 儘快 化解 新冠 病毒 危機 的 急切 目前 美國 的 新冠肺炎 確診 病例 已經 超過 129 人 截至 週三 確診 死亡 病例 又 增加 兩 人 使 總數 達到 11 人 該 支出 法案 包括 用於 擴大 檢測 新冠 病毒 的 經費 根據 該 法案 逾 30億 美元 將 用於 研發 新冠 病毒 疫苗 檢測 試劑 與 療法 為了 協助 控制 美國 境外 的 疫情 傳播 該 法案 亦 將 撥款 125億 美元 用於 國際 專案 各州 與 地方 政府 將 獲得 95億 美元 支應 防疫 經費 逾 3億 美元 將 用 來 支應 無力 負擔 疫苗 費用 的 人 此外 因 新冠肺炎 疫情 而 受到 衝擊 的 小型企業 可 申請 聯邦 低利 貸款 在 眾院 即將 表決 前 4 名 民主黨 與 共和黨 國會 最高 領導人 收到 一 份 機密 簡報 內容 涉及 一旦 華府 爆發 疫情 時 的 國會 應變計 畫 美國國會大廈 遊客 中心 每年 吸引 約 300萬 人 參觀</t>
  </si>
  <si>
    <t>因應 近期 新冠肺炎 疫情 日趨 嚴峻 奇 美 醫學 中心 配合 台南 市政府 規定 為 加強 防堵 疫情 降低 感染 風險 自即日起 至 04 月 30 日 止 除 加 護 病房 安寧 病房 等 有 特殊 探視 需求 且 經 醫師 醫療 專業 評估 後 有 其 急迫性 必要性 者 之外</t>
  </si>
  <si>
    <t>因應 近期 新冠肺炎 疫情 日趨 嚴峻 奇 美 醫學 中心 配合 台南 市政府 規定 為 加強 防堵 疫情 降低 感染 風險 自即日起 至 04 月 30 日 止 除 加 護 病房 安寧 病房 等 有 特殊 探視 需求 且 經 醫師 醫療 專業 評估 後 有 其 急迫性 必要性 者 之外 一律 禁止 探病 至於 陪 病者 仍 依 規定 以 1 人 為 限 至於 限制 探病 時間 如下 加 護 病房 10 點 30 分至 11 點 30 分 安寧 病房 12 點 至 13 點 此外 如有 特殊 狀況 病人 病況危急 而 接受 急救 者 探病 者 得 經 現場 人員 聯絡 後進 入 院內 奇 美 醫學 中心 也 呼籲 儘量減少 進出 醫院 陪 探病 並 建議 改用 通 視 訊 軟 體 保護 病人 安全 也 維護 自身 健康</t>
  </si>
  <si>
    <t>伊朗 鄰國 巴林 王國 bahrain 今 24 日 出現 第 1 起 新冠肺炎 確診 病例 使得 先前 積極 防堵 疫情 蔓延 國內 的 巴林 防疫 破 功</t>
  </si>
  <si>
    <t>新冠肺炎 疫情 還 在 延 燒 今天 就 是 國中 小 開學日 各 校 如臨大敵 不斷 在 事前 進行 演練 如何 量 測體溫 要是 發燒 如何 安置 處理 等 動 線 基隆 市 明 德國 中 校長 沈俊光 準備 開學 禮 讓 人 眼前一亮 其中 包含 一 人 一 瓶 的 75 酒精 及 口罩 他 指出 新冠肺炎 有 很 高 的 傳染 力 自己 希望 每 個 孩子 都 能 學習 使用 物資 自主 防疫 沈俊光 表示 新冠肺炎 要是 有 一個 人 中標 處於 同一個 空間 的 人 就 很 有 可能 會 全都 受 影響 千萬 不 可以 輕忽 他 指出 開學 的 頭 兩 天 校方 將 由 學務 處 師長 在校 門口 排 四 個 動 線 為 同學 們 逐一 量 額 溫 從 第 三 天 開始 將 由 各 班 的 防疫 股長 在 進 教室 前 都 要 量 測體溫 及 噴灑 酒精 消毒 讓 孩子 學習 自主 學務 主任 王淳純 指出 校方 目前 共計 備 妥 30 只 額 溫槍 5 只 的 耳 溫槍 及 100 枚 一次性 使用 的 耳 套 供 有 發燒 的 學童 可以 進行 二 次複 檢 她 說 各 班 分配 的 防疫 物資 包括 酒精 口罩 肥皂 額 溫槍 及 一 本 防疫 衛教 文 宣 如果 出現 體溫 超過 37 度 的 情形 學童 便 必須 前往 觀察 區 她 指出 只要 有 發燒 就 一定 要 進行 單人 觀察 以免 造成 人 傳 人 的 飛沫傳染 而 目前 校方 已 準備 好 四 間 的 單人 觀察 區 誓 將 疫情 防堵 在校 外 校方 指出 學生 如果 發燒 安排 在 健康 中心 休息 並 安置 教室 再 通知 家長 要是 無法 馬上 帶回去 就 會 請 護理 師 帶去 看 醫生</t>
  </si>
  <si>
    <t>高雄 防堵 疫情 明 啟動 三大 科學園區 快 篩</t>
  </si>
  <si>
    <t>新冠肺炎 疫情 在 歐洲 有 捲土重來 之 勢 愛爾蘭 為 此 祭出 相對 嚴苛 的 防疫 措施 但 就 在 內閣 敲定 進一步 在 全國 加強 限制 的 第二 天 農業部長 卡裡利 卻 帶頭 違反規定 他 在 21 日 宣佈 請 辭 表示 自己 損害 了 全國上下 為 防堵 疫情 所 做 的 努</t>
  </si>
  <si>
    <t>防堵 新冠 病毒 竄 入 社區 凡 歸國 旅客 確診 者 或 確診 者 接觸 者 皆 須住進 防疫 旅館 進行 居家 檢疫 一 位 自 國外 返台 的 女網友 近日 剛 結束 14 天 檢疫 未 料 防疫 旅館 櫃檯 竟 向 他 透露 館內 非 確診 者 和 疑 似 個案 都 混住 一起 不但 住 在 同</t>
  </si>
  <si>
    <t>國內 連續 發生 3 起 機師 突破性 感染 正當 社會 防堵破口 之 際 卻 傳出 其中 1 名 確診 機師 未 誠實 回報 身體狀況 還 外出 與 人 聚餐 今 遭到 航空 公司 開除 交通部 民用航空 局局長 林 國顯 表示 已 打電話 給 華航 與 長 榮 的 董事長 請 他們 立</t>
  </si>
  <si>
    <t>新冠肺炎 疫情 延 燒 各種 假 訊息 充斥 造成 民眾 恐慌 政府 修法 嚴懲 提高 罰 責 外 各 員警機關 更 全力 查 察 幾乎 天天 有 績效 藉 以 遏止 假 訊息 擴散 阻礙 防疫 工作 警政署長 陳 家 欽 疾呼 司法 機關 應盡 速 偵 處 審結 共同 防堵 假 訊息</t>
  </si>
  <si>
    <t>從 舊曆 年 開始 新冠肺炎 ncp 逐漸 蔓延 全球 臺灣地區 目前 疫情 雖 控制 不錯 但 仍 須 料 敵 從嚴 國 中小 停課 至 2 月 25 日 開學 台中 市南 屯 區 各裡 不少 裡長 也 自主 比照辦理 原 社區 課程 也 都延 後 看 疫情 情況 再 複課 以防堵 疫情 擴散</t>
  </si>
  <si>
    <t>為 加強 防堵 新冠肺炎 疫情 降低 社區 感染 風險 台南 市 麻豆 新樓 醫院 配合 台南 市政府 規定 24 日 起 除 加 護 病房 有 特殊 探視 需求 一般 病房 全面禁止 探病 麻豆 新樓 醫院 表示 住院病人 每日 可有 一 人 登記 陪 病 於 院內 活動 須 配戴</t>
  </si>
  <si>
    <t>為 加強 防堵 新冠肺炎 疫情 降低 社區 感染 風險 台南 市 麻豆 新樓 醫院 配合 台南 市政府 規定 24 日 起 除 加 護 病房 有 特殊 探視 需求 一般 病房 全面禁止 探病 麻豆 新樓 醫院 表示 住院病人 每日 可有 一 人 登記 陪 病 於 院內 活動 須 配戴 陪 病 證 加 護 病房 探病 時間 為 上午 11 點 至 11 點 30 分 探視 親友 也 需 配戴 探病 證 登記 後 入院 此外 若 經 醫師 醫療 專業 評估 有 其 急迫性 必要性 者 將 由 院內 醫院 同仁 與 親友 聯繫 請 盡可能 以 電話 或 視 訊 方式 關懷 親友 請 民眾 配合 與 體諒 一同 為 防疫 努力</t>
  </si>
  <si>
    <t>全球 疫情 嚴峻 臺灣 努力 防堵 無奈 就 是 有 居家 檢疫 或 隔離 民眾 不顧 罰 緩 硬是 違反規定 出門 趴 趴 走 令 全台 深陷 恐慌 之中 更 可惡 的 是 法務部 執行 署 日前 調查 發現 一 名 蔡姓 女子 遲未 繳 清 10萬 元 罰金 執行 署 人員 登門 催繳 時</t>
  </si>
  <si>
    <t>全球 疫情 嚴峻 臺灣 努力 防堵 無奈 就 是 有 居家 檢疫 或 隔離 民眾 不顧 罰 緩 硬是 違反規定 出門 趴 趴 走 令 全台 深陷 恐慌 之中 更 可惡 的 是 法務部 執行 署 日前 調查 發現 一 名 蔡姓 女子 遲未 繳 清 10萬 元 罰金 執行 署 人員 登門 催繳 時 才 得知 她 人 早已 於 年初 潛逃 中國 於是 趕緊 依法 將 其 臺北 千萬 豪 宅 查封 根據 三 立 新聞網 報導 一 位 蔡姓 女 屋 主因 違反 居家 檢疫 規定 遭 罰 10萬 元 可 後來 她 卻 大 搞 失蹤 躲避 罰金 催繳 直至 執行 署 人員 上門 堵 人才 知道 蔡姓 女 屋 主 早已 在 今 2021 年 2 月 14 日 逃 至 中國 遂 趕緊 查封 其 價值 1800萬 的 天母 房產 對此 法務部 強調 民眾 若 執意 賴帳 不 顧居檢 隔離 罰 鍰 不僅 房屋 恐 被 查封 就 連愛 車也 可能 遭 查扣 千萬別 以身試法 為 展現 大刀闊斧 的 決心 昨 20 日 第 3 波 催繳 行動 法務部 執行 署 動員 近 400 人 進行 此次 共計 查封12 筆 土地 13 間 建築 和 3 台 汽車 並 限制 17 人 出境 中 時 新聞網 提醒您 防範 新冠肺炎 肥皂 勤洗手 必要 時 戴 口罩 避免 食用 生肉 及 生 蛋 少去人 多 的 場所 避免 接觸 禽畜 類 動物 回國 若 身體 不適 請 主動 通報 14 天內 出現 疑 似 症狀 請 先 撥 打 防疫 專線 並 戴 上 口罩 盡 速 就醫 務必 告知 醫師 旅遊 史 免 付費 防疫 專線 1922 0800 001922</t>
  </si>
  <si>
    <t>新冠肺炎 疫情 日益嚴重 全球 如臨大敵 尤其 熱門 旅遊 國家 在 防堵 疫情 與 自由 開放度 之間 拔河 例如 日本 即使 官方 表現 得 自信 輕鬆 然 在 地 民眾 的 反應 卻是 相當 真實 的 女星 林韋君 上周 到 日本 關西 一帶 旅遊 就 親眼 見識 到 這</t>
  </si>
  <si>
    <t>新冠肺炎 疫情 日益嚴重 全球 如臨大敵 尤其 熱門 旅遊 國家 在 防堵 疫情 與 自由 開放度 之間 拔河 例如 日本 即使 官方 表現 得 自信 輕鬆 然 在 地 民眾 的 反應 卻是 相當 真實 的 女星 林韋君 上周 到 日本 關西 一帶 旅遊 就 親眼 見識 到 這個 反差 讓 她 大 傻眼 之後 不 太 敢 說 中文 日本 確診 案例 與日俱增 當地 居民 態度 如 何?據 自由 時報 報導 女星 林韋君 上周 趁空 檔 飛到 日本 關西 滑雪 有 聽 聞 排 華 的 消息 但 她 並 沒有 遇到 這種 對待 然 某天 到 壽司店 用餐 她 使用 著 手機 中文翻譯 以及 用 語音 通訊 app 被 一旁 的 日本 女生 聽到 了 使用 中文 對 方竟 馬上 戴著 口罩 默默 離開 林 韋君 當下 感到 非常 尷尬 也 表示 當時 使用 中文 被 日本 人 聽到 的 話 馬上 會 被 注目 她 只 好在 日本 出遊 期間 少用 中文 至於 當地 口罩 的 供應 狀態 林韋君 透露 有 被 朋友 交代 幫忙 買 口罩 但 她 走遍 每 一 間 遇到 的 藥 妝 店 完全 沒 貨 一個 都 沒 買到</t>
  </si>
  <si>
    <t>為 防堵 疫情 持續 擴散 食 藥 署 緊急 核 可 4 款 進口 和 1 款 國產 居家 快 篩 試劑 並 於今 22 日 在 全台 藥局 陸續 販 售 明 23 日 下午 臺灣 四大 超 商 也 將 開 賣 引發 不少 民眾 搶先 預購 有 藥師 因此 出面 示範 居家 快 篩 使用 方法 並 向政</t>
  </si>
  <si>
    <t>因應 新冠肺炎 疫情 立 法院 今天 三讀通過 紓困 條例 蔡英文 總統 下午 隨即 簽署 後 發佈 蔡英文 感謝 行政院 和 朝野 政黨 的 立法 效率 強調 接下來 還有 600億 特別 預算 會 送到 立 法院 審議 希望 朝野 能夠 再度 攜手 盡 速 審議 預算 提供 防疫 最 有力 的 後盾 根據 立法 院 三讀通過 的 嚴重 特殊 傳染性 肺炎 防治 及 紓困 振興 特別 條例 規定 經費 上限 為 新 台幣 600億 元 經 衛生機關 認定 須 隔離 或 檢疫 者 等 得 申請 防疫 補償 蔡英文 總統 今天下午 召開 簽署 條例 記者會 表示 謝謝 朝野 政黨 合作 在 最 短 時間 內 通過 嚴重 特殊 傳染性 肺炎 防治 及 紓困 振興 特別 條例 在 面對 疫情 威脅 時 朝野 展現 出來 臺灣 民主 的 效率 她 說 稍 早 法案 完成 三 讀後 我們 立即 完成 簽署 讓 防疫 和 紓困 工作 可以 在 更 周全 的 法律 基礎 上 更 扎實 的 進行 這 幾 天 疫情 在 歐洲 亞洲 好幾 個 國家 快速 蔓延 蔡英文 表示 在 這個 關鍵時刻 謝謝 蘇貞昌 院長 領導 的 行政院 迅速 檢討 法規 和 預算 編 列 針對 防疫 上有 必要 性 的 地方 提出 特別 條例 草案 她 也 謝謝 遊錫堃 院長 這 是 他 就任 立法 院長 後 通過 的 第 一個 草案 在 他 折衝 協調 下 朝野 政黨 攜手 努力 最後 終於 通 過 這部 特別 條例 他 要 謝 謝兩位 院長 和 朝野 黨團 並 表達 最 大 謝意 她 說 根據 特別 條例 未來 無論是 防疫 物資 還 是 生產 設備 的 徵用 調用 或 針對 物資 囤積 哄抬 或 違反 防疫 措施 散播 不實 訊息 都 有 清楚 的 規定 和 處罰 關於 隔離 檢疫 措施 的 進行 居家 隔離 的 民眾 和 照顧 隔離 者 的 家屬 如果 收入 有 受到 影響 都 可以 申請 防疫 補助 此外 也 會 採取 租稅 鼓勵 方式 獎勵 雇主 給予 薪資 給 在職 隔離 員工 受 疫情 衝擊 產業 政府 也 會 訂 定 紓困 振興 措施 對 員工 需求 提供 必要 的 協助 她 相信 通過 特別 條例 的 立法 從 行政院 到 立法 院 從 執政黨 到 在野黨 我們 都有 共同 的目標 就是 盡力 防堵 疫情 超前 部署 務必 要 確保 國人 健康 安全 和 確保 產業 經濟 的 穩健 她 強調 接下來 還有 600億 特別 預算 會 送到 立 法院 審議 希望 朝野 能夠 再度 攜手 盡 速 審議 預算 提供 防疫 最 有力 的 後盾 雖然 挑戰 一 波 接 一 波 只要 大家 團結 在 一起 只要 政府 民間 共同努力 我們 一定 可以 通過 考驗 我們 繼續 加油</t>
  </si>
  <si>
    <t>美國 疾 管 中心 cdc 呼吸道 部門 主任 梅森尼爾 nancy messonnier 本 週五 以 電話 記者會 的 形式 向 美國 民眾 說明 美國 新冠肺炎 的 最新 情況 梅森尼爾 公開 表示 亞洲 國家 如 新加坡 南韓 臺灣 泰國 越南 香港 與 日本 都 已經 出現 社區 傳播 的 情況 美國 疾 管 中心 建議 國人 避免 搭乘 郵輪 前往 亞洲地區 旅行 並 已經 對 香港 與 日本 發出 第一 級 旅遊 警示 美國國務院 先前 已將 大陸 列為 第 四級 旅遊 警示 地區 代表 請勿 前往 若 14 天內 有 前往 湖北 地區 的 美國 民眾 返國 之後 必須 隔離 兩 周 自大 陸 其他 省份 返國 的 民眾 則 需要 接受 健康檢查 與 自主 檢疫 隔離 而非 美國 公民 只 要 14 天內 有 大陸 旅遊 史 一律 禁止 入境 美國 目前 全美 確診 新冠肺炎 的 病例 數 達到 34 例 其中 18 名 病 患 是從 鑽石 公主 號 搭乘 包機 返美 的 美國 乘客 梅森尼爾 表示 美國 尚未 有 社區 傳播 的 情況 發生 但 不 排除 未來 發生 的 可能性 甚至 非常 有 可能 發生 一旦 出現 社區 傳播 疾 管 中心 會 下令 關閉 學校 及 辦公 場所 避免 造成 大規模 傳染 疾 管 中心 正在 盡全力 監控 每個 病例 並 跟 各級 醫院 藥局 醫療 器材 供應商 密切合作 防堵 疫情 在 美國 擴散 如果 疫情 繼續 蔓延 疾 管 中心 也 準備 好 如何 面 對了</t>
  </si>
  <si>
    <t>防堵 新冠肺炎 疫情 港 都 杯 田徑賽 封閉式 舉行</t>
  </si>
  <si>
    <t>防堵 歐洲 疫情 擴散 俄 緊急 關閉 波蘭 挪威 邊界</t>
  </si>
  <si>
    <t>繼 國際級 賽事 萬金石 馬拉松 確定 停辦 原定 4 月 19 日 登場 的 新北 市 鐵道 馬拉松 接力賽 考量 新冠肺炎 疫情 持續 延 燒 新北 市 觀光局 今晚 逐一 發送 email 給 報名 跑 者 宣佈 活動 確定 延期 辦理 全力 防堵 疫情 蔓延 延期 時間 待 定 新北</t>
  </si>
  <si>
    <t>繼 國際級 賽事 萬金石 馬拉松 確定 停辦 原定 4 月 19 日 登場 的 新北 市 鐵道 馬拉松 接力賽 考量 新冠肺炎 疫情 持續 延 燒 新北 市 觀光局 今晚 逐一 發送 email 給 報名 跑 者 宣佈 活動 確定 延期 辦理 全力 防堵 疫情 蔓延 延期 時間 待 定 新北 市 觀 旅 局長 張其強 表示 今年 鐵道 馬 共 5600 位 跑 者 報名 共 分 7 隊 原定 4 月 19 日 登場 經過 相關 單位 再三 評估 在 無法 確定 讓 每個 人 跑 得 健康 玩 得 開心 的 情況 下 最終 決定 延期 辦理 希望 跑 者 保留 資格 等 疫情 紓 緩 恢復 比賽 後 一起 開跑 但 也 可 選擇 依 規定 退費</t>
  </si>
  <si>
    <t>防堵 delta 新北 幼稚園 9 日 起 停辦 跨 班 課後 留 園</t>
  </si>
  <si>
    <t>瑞典 國家 統計 當局 今天 宣佈 全國 上半年 登記 的 死亡 人數 達 5萬1405 人 比 去年同期 暴 增 15 6500 人 更 創下 瑞典 自 1869 年 以來 1 到 6 月 的 最高 紀錄 55431 當時 該國 遭逢 大規模 饑荒 新冠 疫情 正是 死亡 人數 創紀錄 的 元 凶 瑞典 以 佛 系 防疫 追求 群體 免疫 的 方式 來 因應 疫情 因此 在 疫情 於 春天 在 歐洲 炸裂 後 該國 並未 像 大多數 國家 採取 鎖國 或 封城 等 方式 防堵 病毒 擴散 瑞典 反倒 強調 國民 的 個人 責任 酒吧 餐館 美容院 和 學校 都 照常 開放 儘管 採取 較 寬鬆 的 措施 但 據 統計 首都 斯德哥爾摩 到 4 月底 只 有 73 民眾 身上 帶有 新冠 抗體 遠遠 不及 群體 免疫 所 需要 的 70 到 90 6 月初 瑞典 新冠 死亡 人數 突破 4500 現在 升至 5802 政府 的 公衛 部門 遭 批 完全 不 知道 疫情 對 養老院 的 衝擊 不 清楚 疾病 在 養老院 的 傳播 影響 有 多 大 導致 大量 死亡</t>
  </si>
  <si>
    <t>臺灣 本土 疫情 嚴峻 中央 有意 採購 二期 臨床 試驗 尚未 解 盲 的 國產 疫苗 引發 外界 疑慮 臺北市 長 柯文哲 說 他 支持 臺灣 疫苗 與 本土 生 技 產業 但 感染 已 滲透 整個 北市 人流 管制 撐 不了 多久 建議 購買 國際 認證 疫苗 擋 一下 比較 好 至於 還 沒 三期 試驗 就要 人民 接種 柯則 酸 我們 是 醫學院 教授 我們 沒有 辦法 支持 目前 中央 很多 說法 北 市府 下午 舉行 防疫 記者會 媒體 問及 臺灣 國產 疫苗 尚 在 第二 期 試驗 階段 但 中央 似乎 想 加速 通過 緊急 使用 授權 eua 彌補 國內 疫苗 不足 現況 也 強調 國外 3 大 上市 疫苗 通過 eua 時 也 都 僅 完成 二期 試驗 柯文哲 表示 這 題 過去 一 周 已 有 諸多 討論 是非 對錯 大家 心理 有數 他 雖然 支持 臺灣 疫苗 與 本土 生 技 產業 但 疫情 狀態 與 1 年 前 不同 如今 邊境 的 防線 已 破 病毒 更 從 萬華 向 外 延伸 滲透 整個 臺北市 雖然 市府 花 很 大 力氣 用 停課 停 夜市 等 管制 勉強 維持 現況 但要 思考 能 撐 多久 柯 認為 在 疫苗 尚未 開 打 前 只要 鬆懈 確診 數 就 會 飆 升 倘若 國際 上有 可 認證 的 疫苗 只要 價格合理 就 可 買來 施打 先 擋 一下 趁 疫情 還 在 雙北 肆虐 前 先行 防堵 否則 再過 三 周就會 慢慢 擴散 到 全台 灣 與其 搞 到 遍地 烽火 不如 在 此 階段 盡可能 滅火 才 是 正確 做法 話鋒一轉 柯也 針對 外界 對 國產 疫苗 的 疑慮 再 嗆 中央 我 很 抱歉 我們 還 是 科學家 我們 還 是 醫學院 的 教授 我們 實在 是 沒有 辦法 支持 目前 的 中央 很多 說法 也 說 政府 不該 只 著 眼 在 本土 生計 和 疫苗 產業 上 畢竟 疫情 是 整個 臺灣 的 問題 戰略 邏輯 要 清楚 至於 基隆 市長 林右昌 說 地方 自 購 疫苗 將 造成 貧富 對立 撕裂 社會 一 事 柯文哲 則 說 那 如果 這樣的話 中央 趕快 疫苗 進來 看 怎麼 解決 我 不 想 再 討論 了 是非 對錯 大家 都有數</t>
  </si>
  <si>
    <t>新冠肺炎 疫情 持續 升溫 為 維護 校園 安全 東海大學 即日起 謝絕 訪 客 入校 校方 指出 除 每日 固定 進出 的 廠商 外 洽 公 者 必須 先 由 校內 窗口 提出 申請 此外 路思義 教堂 的 主 日 崇拜 活動 也 改 采 網路 直播 方式 舉辦 東海大學 指出 疫情 急速 擴散 校方 因應 疫情 變化 除 配合 政府 防疫 也 考慮 師生 健康 即日起 謝絕 訪 客 進入 實施 期限 將 視 疫情 發展 再 決定 而 因 假日 常有 民眾 到 東海 校園 遊 憩 散步 或 運動 有感于 遊客 身分 追蹤 不易 呼籲 民眾 改到 公園 休憩 或 運動 除 謝絕 一般 訪 客 進入 校園 東海 強調 與 學校 合作 的 廠商 暫不 在 限制 內 另 若是 民眾 有 洽 公 需求者 必須 先 由 校內 相關 單位 聯繫 並 提出 申請 藉 此 防堵 防疫 漏洞 東海大學 的 路思義 教堂 相關 活動 也 改變方式 與 半 校方 說 路思義 教堂 從 本月 29 日 開始 將 停止 進入 教堂 聚會 主 日 崇拜 活動 改 為 主 日 當天 上午 10 點 以 網路 直播 方式 舉行 這項 措施 目前 預定 實施 至 4 月 26 日 之後 將 視 疫情 發展 情況 評估 是否 延續 中興大學 則 表示 目前 尚未 針對 訪 客 部分 進行 管制 因 學校 屬於 開放式 校園 設計 出入口 多 在 控管 上 難度 較 高</t>
  </si>
  <si>
    <t>新冠肺炎 肆虐 全球 隨 著 病毒 不 斷 進化 delta 印度 變異 株 已 取代 alpha 英國 變異 株 成為 目前 最 流行 株 傳播 力 強到 就算 接種 2 劑 疫苗 仍 有 機會 感染 各國 紛紛 考慮 施打第 三 劑 疫苗 胸腔 重症 專家 北市 聯 醫 陽明 院區 胸腔 內科 醫師 蘇一峰 分享 美國 最新 研究 發現 接種 完 2 劑 疫苗 的 delta 確診 者 體內 病毒 量 竟然 和 未 接種 者 一樣 多 無疑 是 個 壞 消息 美國 研究 帶來 壞 消息 蘇一峰 今 19 日 表示 因應 delta 病毒 快速 在 國際 蔓延 許多 人 都 關心 疫苗 能否 有效 防堵 變種 病毒 肆虐 但 美國 衛斯康 辛州 的 最新 研究 指出 打完 兩劑 完整 疫苗 的 感染者 病毒 量 與 感染 能力 和 未 打 疫苗 者 一樣 多 蘇一峰 在 部落 格 說明 美國 威斯康 辛大學 麥迪森 分校 university of wisconsin-madison 的 學者 收集 了 共 719 名 新冠肺炎 感染者 資料 其中 122 人 經過 病毒基因 分析 有 九 成都 是 delta 感染者 透過 採取 每 位 受試者 的 鼻腔 病毒 分析 體內 病毒 量 ct 值 與 時間 的 變化 在 統計學 上 打完 兩劑 疫苗 的 感染者 鼻腔 中的 病毒 含量 與 沒 打 疫苗 者 相同 蘇一峰 指出 研究 也 發現 就算 接種 了 完整 疫苗 病毒 在 細胞 間 的 感染 成功率 也 非常 高 有 打 疫苗 者 在 確診 後 出現 症狀 天數 及 嚴重度 也 和 未 打 疫苗 者 沒有 差異 此 研究 的 作者 病毒學家 thomas friedrich 在 學術期刊 nature 上 提到 這個 研究 讓 我們 知道 打 了 疫苗 的 人 感染 病毒 後 還 存在 著 感染 傳播 能力 期刊 也 呼籲 打完 疫苗 後 的 防疫 保護 仍 不能 拋棄 如 戴 好 口罩 蘇一峰 也 提到 另 一 篇 新加坡 做 的 研究 則 顯示 接種 輝瑞 bnt 或 莫德納 等 mrna 疫苗 者 與 未 接種 者 在 感染 delta 變異 株 後 兩者 初期 的 ct 值 差不多 但 隨後 觀察 到 已 接種 者 體內 病毒 量 下降得 更 快</t>
  </si>
  <si>
    <t>彰 化 員林 秀 妃 養生 館 感染 再 擴大 今天下午 新竹 市長 林智堅 證實 新竹 1 名 50 歲 男子 21 日 曾 到 秀 妃 消費 昨天 采 檢 今 確診 目前 已 匡列 4 人 隔離 但 明明 15 日 就 三級 警戒 八大 行業 停業 卻 能 在 21 日 消費 確診 令人不解 轄區 警方 表示 每日 都有 派員 查 察 但 這下 臉 被 打 腫 明顯 有 疏失 彰 化 秀 妃 養生 會館 爆出 員工 確診 縣府 積極 查 察 匡列 相關 接觸 者 掌握 帳 本 40 多 名 接觸 者 現在 又 爆出 新竹 男子 21 日 消費 店家 偷偷 營業 的 證據 就 擺在 眼前 有 民眾 質疑 偷 營業 轄區 警方 是否 都 有 掌握 還是 知情不報 但有 也 民眾 說 警方 很 辛苦 不可能 24 小時 盯 著 可惡 的 店家 才 對 彰 化 縣議員 曹嘉豪 就 表示 15 日 3 級 警戒 就 宣佈 八大 行業 停業 但 這種 惡質 店家 依然 偷偷 營業 強烈 譴責 這種 行為 而 警方 醫護 替 人民 守 在 第 一線 加上 這 陣子 值勤 時時 暴露 在 危險下 加上 這麼 多 有心 搗亂 秩序 的 民眾 在 督導 查 察 上 確實 難免 有 疏失 曹嘉豪 說 這種 養生 會館 多半 在 半夜 偷偷 營業 但 警方 人力 有限 業務 繁重 希望 民眾 能 主動 舉報 一發 現有 非法 情事 就 立即 通報 警方 前往 取締 非常 時期 希望 大家 能夠 主動 協助 警方 別 讓 疫情 持續 擴散 共同 防堵 疫情 擴散 而 警方 督導 不周 也 將 請 相關 單位 嚴查 而 秀 妃 養生 會館 現在 也 傳出 有 分店 如果 2 家 分店 有 互調 支援 恐怕 疫情 擴散 程度 比 想像中 還要 大 加上 養生 會館 客人 隱私 問題 疫 調 困難 病毒 究竟 來自 員工 客人 還 是 其他 接觸 者 目前 縣府 衛生局 積極 調查 中</t>
  </si>
  <si>
    <t>防堵 北農 桃園 5 大 市場 快 篩 1139 人 全 陰性</t>
  </si>
  <si>
    <t>金門 尚義 機場 防疫 再 升級 入境 旅客 今 22 日 起 均 以 紅外線 監測儀 量 體溫 發燒 者 立即 送醫 就診 縣府 也 加開 居家 檢疫 報到 站 入境 就 開始 列管 追蹤 楊鎮 浯 縣長 強調 在 超前 部署 全面 防堵 的 大 戰略 下 只 有 一個 目標</t>
  </si>
  <si>
    <t>金門 尚義 機場 防疫 再 升級 入境 旅客 今 22 日 起 均 以 紅外線 監測儀 量 體溫 發燒 者 立即 送醫 就診 縣府 也 加開 居家 檢疫 報到 站 入境 就 開始 列管 追蹤 楊鎮 浯 縣長 強調 在 超前 部署 全面 防堵 的 大 戰略 下 只 有 一個 目標 做到 滴水不漏 縣府 在 機場 設置 的 紅外線 監測儀 只要 旅客 體溫 過 高 發出 警示 聲 即 由 防疫 人員 2 次 複測 若 耳 溫均 高於 攝氏 38 度 或 額 溫均 高於 攝氏 375 度 一律 留 置於 體溫 監測站 由 救護車 直 送 金門 醫院 就診 另 航空 公司 也 配合 向 入境 旅客 廣播 凡 持有 居家 檢疫 通知書 者 均 需 至 入口 居家 檢疫 報到 站 登記 核對 居住地 電話 後 縣府 就 會 立即 通知 裡長 村裡 幹事 啟動 健康 關懷 居家 檢疫 者 返家 後 限制 外出 至 檢疫 解除 縣府 說明 旅客 應 配合 檢疫 措施 如有 拒絕 規避 妨礙 者 將 依 傳染病 防治法 第 37 條 第 1 項 第 6 款 及 同 法 第 70 條 第 1 項 第 3 款 處 新 台幣 3000 元 以上 1萬5000 元 以下 罰 鍰 楊 鎮 浯 縣長 今 率 員 視察 作業 現況 強調 系列 防疫 新 措施 在 超前 部署 全面 防堵 的 大 戰略 下 特別 針對 如有 旅客 是 大三通 進來 或有 中 港澳 的 旅遊 史 若 等候 中央 在 23 天 後 才 通知 可能 出現 防疫 漏洞 的 狀況 主動 強化 居家 檢疫 新 措施 將 這個 漏洞 補 起來 從 旅客 入境 就 開始 列管 追蹤 沒有 任何 時間 差 和 空 窗 期 目標 就是 要 做到 1 個 不漏 楊 鎮 浯 並 指出 從 臺灣 很多 確診 病例 可以 看出 交通 工具 變成 移動 傳染源 縣府 因此 也 採取 針對性 辦法 即 居家 檢疫 者 可以 事先 撥打 金門縣政府 的 1999 由 縣府 安排 交通 工具 接送 避免 讓 交通 工具 淪為 移動 傳染源 的 可能性 連日來 經由 大三通 返回 金門 者 有 10 餘 人 均 由 相關 單位 切實 管制 追蹤 楊鎮 浯 也 說明 他們 在 臺灣 各 大 機場 入境 時 即已 被 登錄 為 居家 檢疫 追蹤物件 縣府 在 金門 機場 又 可 再 攔截 1 次 目的 就 是 建立 複式 的 追蹤 機制 確保 金門 不 會 出現 防疫 缺口</t>
  </si>
  <si>
    <t>今天 是 我 和 孩子 分開 的 第 22 天 我 怕 不 小心 中 了 沒 發現 就此 傳染給 孩子 前 立 委 黃適 卓 近日 收到 許多 殯葬 業 的 反應 感歎 新冠肺炎 患者 必須 24 小時 內 火化 但 身處 第一線 的 他們 日夜 接觸 確診 個案 卻 幾乎 被 政府 遺忘 力爭 將 殯葬 業者 列為 優先 施打 疫苗 名單 桃園 市 新聞 處長 詹賀舜 指出 按照 傳染病 防治法 新冠肺炎 確診 病故 個案 必須 24 小時 火化 針對 有 接觸 遺體 的 人 市府 已經 完成 調查 列 冊 75 位 第一 線工作人員 都 已經 完成 疫苗 施打 他 強調 第一線 人員 執行 業務 時 都 要 穿 著 防護衣 戴 口罩 面罩 才能 執行 任務 防堵 疫情 零 破 口 無 症狀 的 感染 使 我 更 害怕 我 害怕 的 不是 我 中獎 而是 害怕 自己 不 小心 中 了 而 沒 發現 就此 傳染給 孩子 也 因為 這樣 今天 是 我 和 孩子 分開 的 第 22 天 了 前 立 委 黃適 卓說 殯葬 業者 一 封 信 道 盡 因為 疫情 骨肉分離 不得 相見 的 心酸 殯葬 業 彷 佛 是 隱藏 版 的 第一線 日夜 接觸 確診 個案 卻 幾乎 被 政府 遺忘 黃適 卓說 每 一個 離 世 的 人 身後 事 都 應該 辦 得 莊嚴 鄭重 可是 疫情 期間 不僅 遺體 必須 在 24 小時 內 火化 家屬 也 不 得 親見 往 生 者 最後 一面 折衷 的 辦法 往往 只能 透過 殯葬 業 人員 隔 著 螢 幕 用 手機 視 訊 送 親友 離去 但 他們 肩負 防疫 最後 一個 環節 卻 沒 辦法 受到 完善 的 保護 呼籲 政府 應該 將 殯葬 從業者 列入 優先 對象 不讓 隱藏 版 第一線 人員 淪為 防疫 犧牲品</t>
  </si>
  <si>
    <t>新冠肺炎 肆虐 情況 不減 反 增 不只 發源地 中國 大陸 封 城管 控 在 他國 也 出現 確診 甚至 死亡 病例 讓 全球 如臨大敵 而 地理 位置 首當其衝 的 臺灣 如今 正 拼 盡全力 防堵 疫情 日前 國民黨 立院 黨團 力推 500億 紓困 專款 沒 想到 此舉 遭</t>
  </si>
  <si>
    <t>新冠肺炎 病毒 擴散 防疫 成 熱門話題 長 榮 女中 邀請 奇美醫院 中醫 部長 許堯欽 客座 授課 教 學生 製作 養生 茶 與 防疫 香 包 內服 外用 提升 免疫力 對抗 病毒 防疫 除了 勤洗手 戴 口罩 外 增強 免疫力 是 防病毒 入侵 最 基本 方式 長 榮 女中 餐飲 科 與 美容 科 師生 移 到 戶外 大樹下 授課 請來 許堯欽 教導 增強 防疫 課程 教 學生 如何 製作 防疫 香 包 及 養生 茶 增強 抵抗力 課程 呼應 時勢 許堯欽 指出 根據 大陸 抗 疫 經驗 證實 西醫 消滅 病毒 中醫 調理 身體 雙管齊下 對 新冠肺炎 患者 有 更 好 療效 平時 若 能 提升 自體 免疫力 創造 病毒 不 愛 的 環境 能 使 疾病 遠離 自己 許堯欽 調配 的 香 包 含有 藿香 菖蒲 艾葉 等 能 保健 腸胃 護 心 肺 的 中藥材 攪 碎 後 裝入 過濾 袋 香 包 放在 書房 或 臥室 味道 能 驅 走 病毒 美容 科學 生 將 網 紗布 料 縫製成 香 包袋 傳統 香 包 更添 時尚 感 許堯欽 調配 補 中 益氣 的 養生 茶 健 脾 化痰 的 檸檬 香茅 餐飲 科學 生 現場 沖 泡 給 師生 品嘗 外 有 薰香 護 體 內 有 茶 飲 補 身 內服 外用 達到 防疫 效果 長女 校長 蔡玉敏 表示 為了 防堵 疫情 寒假 期間 學校 即 成立 防疫 小組 包括 學生 到校 量 體溫 一般 教室 不關 門窗 專業 教室 強化 消毒 等 校方 也 將 部分 課程 改到 戶外 進行 今年 長女 畢業 成果 發表會 捨棄 設備 一流 的 大禮堂 美容 科 時尚 造型 科 的 造型 走 秀 移師 到 學校 後 花園 餐飲 科 觀光 科 預訂 在 林蔭大道 擺攤 選 在 較為 安全 的 開放 環境 進行</t>
  </si>
  <si>
    <t>新冠肺炎 疫情 升溫 北部 傳出 有 醫護 感染 情況 為 超前 部署 同時 配合 年前 清潔 工作 台中 市環保局 特別 針對 人潮 聚集 熱點 執行 環境 防疫 消毒 也 加強 巡 檢 清除 積水 容器 及 孳生 源 疏通 水溝 值得一提的是 日前 還 發生 清潔 人員 協助 民眾 疏通 水溝 時 竟 沖 出 大批 老鼠 所幸 經過 近 2 小時 清淤 讓 水溝 恢復 乾淨 清 水溝 沖 出 大批 老鼠 環保 局長 陳宏益 指出 因應 新冠肺炎 發展 清潔隊 去年初 就 成立 防疫 消毒 大隊 去年 二月 開始 持續 在 臺灣 燈會 會場 針對 大眾交通 工具 及 全市 464 所 高中 以下 學校 及 127 輛 校 車 等 進行 環境 及 公共 區域 消毒 作業 陳宏益 表示 為 全面 強化 防疫 工作 消毒 大隊 每月 也 持續 針對 百貨 商圈 交通 場站 及 民眾 洽 公 機關 等 全市 579 處 人潮 聚集 熱點 進行 戶外 環境 加強 消毒 至今 完成 6300 處 次 重點 場所 消毒 工作 此外 針對 農曆 新年 前後 民眾 外出 採買 年貨 或 出遊 也 規 畫 增加 消毒 頻率 只要 衛生 單位 通報 清潔 消毒 人員 立即 出動 防 新冠 也 阻絕 登革熱 確實 的 清理 與 消毒 不只 可 防範 新冠 疫情 也 可 防範 登革熱 疫情 陳宏益 強調 台中 市 前 幾 年 發生 登革熱 本土 病例 為 防堵 環保局 秉 持 孳生 源 清除 為主 化學 噴藥 為輔 的 原則 定期 清除 積水 容器 杜絕 孳生 源 清潔 隊員 每月 並到 熱點 區 進行 公共 環境 巡 檢 去年 總計 動員 近 12萬 人次 清理 積水 容器 超過 3萬 個 在 清理 水溝 部分 日前 清潔隊 接 獲 通報 指 樂業 國小 旁 一 處 水溝 不通 且 頻 傳 惡臭 經 現場會 勘 發現 是 攤販 清洗 魚蝦 時 丟棄 海鮮 殘渣 導致 惡臭 東南區 清潔 隊長 蔡明昌 說 清潔 人員 到場 後 先 灌 水 沖洗 水溝 接 著 2 人 鑽進 窄小 水溝 查看 突然 有 一 群 老鼠 沖向 隊員 幸好 他們 處變不驚 持續 2 小時 終於 清完 溝 內 約 05 公噸 垃圾</t>
  </si>
  <si>
    <t>南韓 為 防堵 新冠肺炎 疫情 自 4 月 1 日 起 規定 不論 本國 或 外國人 所有 入境者 一 率 要 隔離 14 天 其中 一 位 30 多 歲 的 臺灣 女性 因為 拒絕 繳納 定點 隔離 費用 成為 第一 位 未 遵 規定 而 被 驅逐 出境 的 外國人 韓聯社 報導 這 名 臺灣 女性 遊</t>
  </si>
  <si>
    <t>南韓 為 防堵 新冠肺炎 疫情 自 4 月 1 日 起 規定 不論 本國 或 外國人 所有 入境者 一 率 要 隔離 14 天 其中 一 位 30 多 歲 的 臺灣 女性 因為 拒絕 繳納 定點 隔離 費用 成為 第一 位 未 遵 規定 而 被 驅逐 出境 的 外國人 韓聯社 報導 這 名 臺灣 女性 遊客 4 月初 從 仁川 國際機場 入境 她 起初 同意 配合 防疫 政策 前往 隔離 設施 但是 到 了 隔 天 抵達 定點 隔離 區 時 她 卻 改口 不 願 承擔費用 南韓 法務部 表示 南韓 政府 已 在 4 月 5 日 晚間 將 這 名 臺灣 旅 籍 旅客 驅逐 出境 她 也 是 南韓 該項 政策 實施 後 第一 位 因為 拒絕 待 在 集中 檢疫所 而 被 遣返 的 外國人 南韓 為 防堵 新冠肺炎 疫情 自 4 月 1 日 起 規定 不論 本國 或 外國人 所有 入境者 一 率 要 居家 或 在 集中 檢疫所 隔離 14 天 如果 選擇 在 集中 檢疫所 隔離 費約 是 每天 約 10萬 韓元 約 新 台幣 2500 元</t>
  </si>
  <si>
    <t>新冠肺炎 疫情 全球 肆虐 各國 人心惶惶 就 有 網友 指出 中港臺 都 曾 經歷 過 sars 風暴 然而 卻 貌似 僅 有 臺灣 記取 教訓 讓 他 不禁 好奇 為何 會 有 這樣 的 落差 貼 文一 出 隨即 掀起 網友 熱 議 2003 年 3 月 13 日 臺灣 爆發 首 起 sars 確診 病例 直至 疫情 結束 臺灣 確診 人數 為 346 例 造成 包括 醫務人員 在內 的 73 人 死亡 對此 就 有 網友 昨 26 日 在 ptt 八卦板 以 為啥 只 有 臺灣 會 記取 sars 的 教訓 為題 po 文 指出 臺灣 以前 sars 掛 了 很多 人 還 搞 到 封院 結果 這次 新冠肺炎 來 襲 整個 臺灣 都 非常 警戒 緊張 程度 要 說 是 全世界 第一 也 不為過 然而 他 不 解 的 是 這麼 多 年 過去 了 為何 大陸 依舊 沒 記取 前車之鑒 不 重視 醫療 環境 及 預防 就 連 香港 也 不 緊張 明明 中港臺 都 經歷 過 sars 為 何只 有 臺灣 會 記取 歷史教訓 啊 貼 文一 出 隨即 掀起 網友 熱 議 紛紛 留言回應 和平醫院 封 院 太 震撼 sars 封 院 真的 是 讓 臺灣人 印象 深刻 的 關鍵 臺灣 醫療衛生 觀念 好 最 強 的 人 都 學醫 因為 臺灣 有 自知之明 是 孤兒 sars 被 搞 而且 之後 一直 杯 葛 臺灣 進 世衛 我們 只好 自立 自強 被 婊 過 一 次 若 再 第二 次 就 只能 怪 自己 傻 了 但 也 有人 吐 槽 子彈 還 沒飛 完 捏 繞 境 完再 誇獎 臺灣 接下來 還有 好幾 關卡 要 過 媽祖 繞 境 台商 祭祖 神經 不要 鬆懈 另外 也 有人 認為 公 衛 醫療 向來 就 不是 大陸 發展 重點 香港 的 話 純粹 就 是 被 帶 衰 想 防堵 也 防堵 不了 資源 分配 問題 升級 公衛 其實 是 很 花錢 又 看不到 政績 對岸 其實 也 是 政客 沉迷 一 堆 經濟 建設 這種 肉眼 能 看到 的 政績 日 韓 當年 sars 不 嚴重 香港 是 政府 不 緊張 人民 很 擔心 香港 是 人民 幹急 政府 無視 氣死 他們</t>
  </si>
  <si>
    <t>歐美 防堵 慢 半 拍 疫 發不 可 收 十 專家 稱 1 2 個 月 內 恐難 改善</t>
  </si>
  <si>
    <t>新冠肺炎 大陸 移入 個案 確診 陳志金 臺灣</t>
  </si>
  <si>
    <t>大陸 昨 28 日 新增 新冠肺炎 確診 病例 101 例 其中 98 例 為 本土 病例 新疆 89 例 遼寧 8 例 北京 1 例 再 破 本輪 疫情 最高 記錄 也 是 自 4 月 中旬 以來 確診 數字 首次 破百 當中 新疆 新增 89 例 其中 43 例 為 無 症狀 感染者 轉 確診 病例 均 在 烏魯木齊市 據 國家 衛健 委 7 月 28 日 31 個 省 自治區 直轄市 和 新疆生產建設兵團 報告 新增 確診 病例 101 例 其中 境外 輸入 病例 3 例 廣東 2 例 上海 1 例 本土 病例 98 例 新疆 89 例 遼寧 8 例 北京 1 例 無 新 增 死亡 病例 無 新 增 疑似病例 當日 新增 治癒 出院 病例 10 例 截至 7 月 28 日 止 中國 現有 確診 病例 482 例 其中 重症 病例 25 例 累計 治癒 出院 病例 78944 例 累計 死亡 病例 4634 例 累計 報告 確診 病例 84060 例 現有 疑似病例 1 例 新增 無 症狀 感染者 27 例 境外 輸入 8 例 當日 轉為 確診 病例 51 例 無 境外 輸入 當日 解除 醫學觀察 9 例 境外 輸入 5 例 尚 在 醫學觀察 無 症狀 感染者 273 例 境外 輸入 91 例 另 據 新疆維吾爾自治區 衛生 健康 委 最新 通報 7 月 28 日 0 時至 24 時 新疆 報告 新增 新冠肺炎 確診 病例 89 例 其中 43 例 為 無 症狀 感染者 轉 確診 病例 新增 無 症狀 感染者 15 例 均 在 烏魯木齊市 截至 7 月 28 日 24 時 新疆 含 兵團 現有 確診 病例 322 例 危重症 3 例 重症 16 例 其中 烏魯木齊市 320 例 喀什地區 1 例 烏魯木齊市 移入 病例 兵團 1 例 現 有無 症狀 感染者 133 例 其中 烏魯木齊市 130 例 兵團 1 例 昌吉州 2 例 烏魯木齊市 移入</t>
  </si>
  <si>
    <t>再 添 3 例 歐洲移入 第二 波 疫情 壓力 已 開始</t>
  </si>
  <si>
    <t>新冠肺炎 疫情 延 燒 華南銀行 也 火速 清查 債權 部位 主動出擊 協助 廠商 華南金 控 暨 華南銀行 董事長 張雲 鵬 指出 華銀 已 全面 清查 相關 產業 的 曝 險 情形 依 國發 會 列出 受 疫情 影響 較為 嚴重 的 產業 如 觀光 旅遊 航運 餐飲業 等 曝 險 合計 約 400 多 億 元 華銀 再 增列 水上 及 陸路 運輸業 授信 餘 額 合計 約 600 多 億 元 占 華銀 目前 總計 17 兆 元 的 放款 部位 約 3 已 指示 各 分行 主動 出面 瞭解 客戶 的 營運 受 衝擊 狀況 予以 必要 的 紓困 協助 華銀 日前 已 提出 40億 元 的 防疫 融資 專案 貸款 以 最低 185 的 利率 每戶 100萬 元 為 上限 搭配 信 保 基金 成數 最高 95 成 給予 客戶 資金 援助 也 特別 采 簡易 征 信 作業 來 辦理 以 爭取 時效 三 天內 就 能 完成 撥款 對於 一般 民眾 華銀 不僅 給予 展延 舊案 的 本金 還款 也 提出 新 的 信貸 融資 專案 提出 申請 期間 最 長 五 年 最高 200萬 元尤為 特別之處 是 華銀 還 結合 了 壽險 公司 作保 張雲 鵬 表示 華銀 跟 法國巴黎 人壽 合作 提出 一年期 人身 團體 壽險 由 華銀 來作 要 保人 保費 由 華銀 支付 讓 借款人 一旦 身故 殘廢 或 暫時 失 能 時 也 不 會 債 留 家人 因應 新冠肺炎 疫情 華銀 也 全面 展開 防疫 大 作戰 以 確保 營運 不 中斷 除了 包括 大陸 香港 新加坡 等 海外 分行 已 全面 採取 輪班 制 國內 營運 的 異地 備援 也 已 作好 準備 張雲 鵬 指出 目前 已 挑選 包括 行 訓 中心 長安 東 路 大樓 以及 amc 在內 湖 購置 的 大樓 作為 異地 備援 的 辦公 處所 一旦 不得已 啟動 異地 備援 機制 時 資金 操作 資訊 單位 以及 其他 涉及 營運 不 中斷 的 部門 之 部分 人員 將 移入 備援 辦公 處所 以 分散 風險 華銀 目前 已對 大陸 香港 新加坡 等 分行 安排 輪班 制 張雲 鵬 指出 除了 香港 分行 近 80 人 為 全體 海外 分行 人數 之 冠 因而 分為 五 班 制 每 位 行員 每週 一 天 在家 上班 其他 都 採取 兩班制</t>
  </si>
  <si>
    <t>全球 新冠肺炎 疫情 迄今 沒有 減緩 趨勢 雲 林縣 政府 再 招標 採購 16萬 多 盒 口罩 盼 在學 期末 前 發給 學生 對象 並 擴 及 教職員工 每人 2 盒 今年初 剛 傳出 新冠肺炎 時 雲 林縣 政府 率先 發 口罩 給 幼稚園 至 縣 立 高中學生 1 月 22 日 先 發 1 盒 10 月 間 再 發 第 2 盒 小學 三 年級 以 下發 的 是 幼兒 口罩 共 發 出 16萬2500 多 盒 耗資 約 810萬 元 鑒於 全球 疫情 仍未 受到 控制 縣府 教育處 本月 再 招標 明年 度 幼稚園 至 縣 立 高中生 醫療 口罩 額度 仍 是 每人 2 盒 預計 分 兩梯次 發 教育處 盼 下月 就 可 發給 學生 最遲在 放寒假 前 教育 處長 邱孝文 表示 除 防範 疫情 外 東北 季風 季節 縣 內 揚塵 境外 污染物 移入 的 衝擊 愈來愈 大 他 盼 新 採購 的 口罩 早點 發 目前 各 校 仍 維持 上學 前 記錄 體溫 小朋友 也 愈來愈 習慣 戴 口罩 雲 林縣 明年 主辦 全國 中等學校 運動會 防疫 是 一大 挑戰 共有 21 項 競賽 比賽 場館 目前 如火如荼 整修 中 防疫 物資 也 有備無患 邱孝文 表示 將 添 購 口罩 酒精 額 溫槍 熱 感 測儀 衛生局 指出 雲 林縣 日前 新增 1 確診 個案 該 個案 入境 即 入住 集中 檢疫所 未 涉足 雲 林縣 也 無 縣 內 相關 接觸 者 縣長 張麗善 呼籲 12 月 1 日 起 秋 冬 防疫 專案 啟動 出入 醫療 照 護 大眾 運輸 宗教 祭祀 教育學 習 觀展 觀賽 洽 公 機關 生活 消費 休閒 娛樂 等 八大 場所 務必 戴 口罩 勸導 不 聽 者 將 罰 3000 元 至 1萬5000 元 罰 鍰</t>
  </si>
  <si>
    <t>雙北研 議 共同 防疫 但 從 防疫 旅館 關閉 場館 等 種種 措施 都 不 同調 新北 市長 侯友宜 今 出席 活動 時更 重申 沒有 所謂 資源 要 不 要用 盡 的 問題 關鍵時刻 就是 要 用盡 全部 力量 否則 大規模 社區 一旦 感染 發生 得了 病 想 救 都 沒 機會 似乎 影射 臺北市 長 柯文哲 日前 力 不可 用盡 一 說 面對 新北 市 屢屢 超前 部署 柯文哲 日前 質疑 疫情 至少 蔓延 6 個 月 以上 現階段 力 不可 用盡 就 連 新北 關閉 大型 密閉 場所 北市 副 市長 黃珊珊 也 質疑 關了 人民 要 去 哪 種種 措施 都 呈現 雙北 不 同調 侯友宜 今 下午 出席 防疫 基金 捐贈 活動 時 致詞 表示 疫情 延 燒 迄今 2 個 多 月 如何 做到 阻絕 於 境外 管控 於 境內 是 現階段 防疫 關鍵 面對 第一 波 中 港澳 疫情 臺灣 成功 守 住 了 但 第二 波 歐美 甚至 全球 大 蔓延 因為 發現 較 晚 疫情 也 較 嚴重 侯友宜 指出 畢竟 醫療 體系 有限 現階段 雖 只 有 幾 個 小規模 零星 的 社區 感染 案例 負 壓 隔離 病床 已 占盡 7 成 若 大規模 社區 感染 發生 剩下 的 3 成 病床 勢必 供不應求 因 此 現階段 所有 的 力都 要 用盡 否則 疫情 擴散 後 醫療 體系 跟 著 崩潰 得了 病 想 救 都 沒 機會 侯友宜 認為 境外 阻絕 境內 管控 要 雙頭 進行 一方面 慢慢 阻 絕境 外移入 案例 一方面 境內 的 個案 也 一一 圍堵 擊破 而非 等到 疫情 擴散 出去 引發 大規模 社區 感染 再來 處理 現階段 全部 力量 都 要 用盡 沒有 所謂 資源 要 不 要用 盡 的 問題</t>
  </si>
  <si>
    <t>因 新 冠狀病毒 危機 終於 出現 放緩 跡象 美國 東北部 7 個 州 與 西岸 3 個 州 各自 敲定 區域 協定 將 聯手 推動 協同 逐步 的 重 啟 經濟 計畫 但 也 強調 必須 採取 預防措施 以免 疫情 再度 爆發 週一 美國 通報 至少 1500 個 新冠肺炎 新增 死亡 病例</t>
  </si>
  <si>
    <t>馬來西亞 央行 週二 宣佈 調 降 基準利率 2 碼 50 基點 至 200 創下 2009 年 來 新低 以 協助 經濟 度過 新冠肺炎 大 流行 與 能源 出口 價格 崩 跌 的 衝擊 馬來西亞 政府 已 在 週一 放寬 歷時 6 周 的 行動 與 企業 限制 措施 這 是 該國 央行 第 三 度 降息 此 決議 符合 市場 普遍 預期 今年 馬來西亞 經濟 料 將 創下 逾 10 年 來 最 疲弱 的 表現 在 其 政策 聲明 中 該 央行 表示 將 適當 動用 其 政策 杠杆 為 經濟 持續 復蘇 創造 有利 環境 儘管 在 4 月 中旬 以前 馬來西亞 是 新 冠狀病毒 確診 病例 最 多 的 東南亞 國家 但 該國 仍 決定 在 5 月 4 日 放寬 防疫 管制 措施 該國 衛生部門 週一 公佈 55 起 新增 確診 病例 使 染病 患者 總數 達到 6353 人 累計 死亡 病例 為 105 人</t>
  </si>
  <si>
    <t>全國 高中 以下 學校 因為 新 冠狀病毒 肺炎 防疫 而 延遲 至 2 月 25 日 開學 面對 即將 到來 的 開學日 在 疫情 尚未 穩定 之前 高中 以下 各級 學校 約 300萬 名 學生 的 防疫 工作 將 會 是 非常 重要 的 一 環 全國 家長會 長 聯盟 以下 簡稱 全長 聯</t>
  </si>
  <si>
    <t>德國 的 新 冠狀病毒 傳染 率 已 激 升至 288 突破 重要 的 感染 指標 意味著 該國 恐 需要 更 長 時間 才能 遏 阻 疫情 德國 負責 疾病 防控 的 羅伯特·科赫 研究所 robert koch institute rki 周日 公佈 新 冠狀病毒 傳染 率 達到 288 較 上周</t>
  </si>
  <si>
    <t>德國 的 新 冠狀病毒 傳染 率 已 激 升至 288 突破 重要 的 感染 指標 意味著 該國 恐 需要 更 長 時間 才能 遏 阻 疫情 德國 負責 疾病 防控 的 羅伯特·科赫 研究所 robert koch institute rki 周日 公佈 新 冠狀病毒 傳染 率 達到 288 較 上周 六 的 179 與 上週五 的 106 大幅 升高 如果 要 逐漸 控制 住 疫情 擴散 該 傳染 率 必須 小於 1 基於 7 天 平均值 德國 的 傳染 率 已 躍 升至 203 在 歐洲 德國 是 公認 防控 疫情 的 成功 典範 但 如今 疫情 急速 回升 最近 德國 當局 已 開始 要求 警方 執行 隔離 措施 在 北 萊茵 威斯 伐 倫 邦 north rhine-westphalia 的 肉品 加工廠 toennies 爆發 重大 群 聚 感染 已 有 超過 1000 名 員工 確診 另外 在 哥 廷根 市 goettingen 亦 爆發 社區 感染 有 700 名 住戶 必須 進行 隔離 但 其中 有 200 人 試圖 離開 隔離 區 因 此 與 警方 爆發 激烈 衝突 rki 表示 療養院 和 醫院 庇護 與 難民 機構 肉品 加工廠 與 物流 公司 季節性 採收 工人 以及 宗教 活動 與 家庭聚會 都 出現 了 群 聚 感染 截至 目前為止 德國 總 確診 數 達到 18萬9822 人 共 8882 人 死於 新冠肺炎</t>
  </si>
  <si>
    <t>產業 調查 機構 counterpoint research 週四 表示 因 新 冠狀病毒 疫情 在 中國 與 其他 國家 擴散 2 月 全球 智慧 手機 銷售量 暴跌 14 隨 著 疫情 在 世界 許多 地方 惡化 智慧 手機 市場 可能 面臨 進一步 的 衰退 新冠肺炎 在 中國 大 爆發 迫使</t>
  </si>
  <si>
    <t>產業 調查 機構 counterpoint research 週四 表示 因 新 冠狀病毒 疫情 在 中國 與 其他 國家 擴散 2 月 全球 智慧 手機 銷售量 暴跌 14 隨 著 疫情 在 世界 許多 地方 惡化 智慧 手機 市場 可能 面臨 進一步 的 衰退 新冠肺炎 在 中國 大 爆發 迫使 蘋果公司 與 其他 智慧 手機 製造商 在 2 月 關閉 當地 門市 且 中國 官方 資料 顯示 蘋果 2 月 在 中國 大陸 的 iphone 銷量 不 到 50萬 支 中國 2 月 智慧 手機 銷量 較 去年同期 大 減 38 但 隨 著 許多 門市 在 3 月中 旬 恢復 營業 目前 已 出現 復蘇 跡象 南韓 手機 市場 亦 出現 回暖 跡象 但 對於 世界 其他 地方 而言 最壞 的 情況 還 未 到來 越來越 多 國家 祭出 封鎖 令 以防堵 疫情 持續 擴大 智慧 手機 製造商 正 面臨 新 的 供應 鏈 中斷 問題 蘋果 最 重要 的 供應商 鴻 海 週二 宣佈 印度 廠 將 暫停 營運 以 遵守 當地政府 的 防疫 命令</t>
  </si>
  <si>
    <t>bmw 週三 公佈 第一 季 獲利 大幅 成長 133 但 主要 因 去年同期 提 列 了 巨額 的 一次性 備付 該 公司 並 警告 新 冠狀病毒 疫情 可能 削弱 需求 與 獲利 bmw 第一 季息 稅 前 獲利 ebit 為 138億 歐元 15億 美元 較 去年同期 的 5 89億 歐元大</t>
  </si>
  <si>
    <t>bmw 週三 公佈 第一 季 獲利 大幅 成長 133 但 主要 因 去年同期 提 列 了 巨額 的 一次性 備付 該 公司 並 警告 新 冠狀病毒 疫情 可能 削弱 需求 與 獲利 bmw 第一 季息 稅 前 獲利 ebit 為 138億 歐元 15億 美元 較 去年同期 的 589億 歐元 大幅 成長 逾 1 倍 去年同期 因 提 列 高 達 14億 歐元 的 準備金 使 獲利 表現 受到 影響 bmw 第一 季交 車數 年 減 206 為 47萬7111 輛 凸顯 新冠肺炎 疫情 的 衝擊 首季 汽車 部門 的 息 稅 前 利益 率 為 13 優於 去年同期 的 負 16 但 bmw 預期 全年 汽車 事業 息 稅 前 利益 率 將 介於 0 3 低於 在 政府 實施 防疫 封鎖 措施 前所 預估 的 介於 2 4 該 公司 表示 bmw 集團 仍然 認為 新冠肺炎 疫情 擴散 與 相關 必要 防控 措施 將 嚴重 打擊 整個 2020 年 所有 主要 市場 的 需求</t>
  </si>
  <si>
    <t>歐陽靖 譚艾 珍 日本 防疫 新冠肺炎 新 冠狀病毒</t>
  </si>
  <si>
    <t>因 新 冠狀病毒感染 確診 與 死亡 病例 持續 激增 義 大利 宣佈 隔離 措施 擴 及 全國 義 大利 總理 孔蒂 giuseppe conte 週一 宣佈 義 大利 倫巴 底 lombardy 行政區 的 封城 措施 將 擴大 至 全國 義 大利 全國 人民 除 了 工作 必要 或 緊急情況</t>
  </si>
  <si>
    <t>因 新 冠狀病毒感染 確診 與 死亡 病例 持續 激增 義 大利 宣佈 隔離 措施 擴 及 全國 義 大利 總理 孔蒂 giuseppe conte 週一 宣佈 義 大利 倫巴 底 lombardy 行政區 的 封城 措施 將 擴大 至 全國 義 大利 全國 人民 除 了 工作 必要 或 緊急情況 外 不應 離開 居所 他 並 表示 將 禁止 所有 大眾 集會 並 暫停 所有 體育 活動 孔蒂 表示 此 決定 是 為了 保護 國內 最 脆弱 的 人 全境 封鎖 措施 將 於本 週二 3 月 10 日 生效 並 持續 到 4 月 3 日 他 向 全國 人民 呼籲 現今 正確 的 決定 就是 待在家裡 我們 的 未來 和義 大利 的 未來 掌握 在 我們 手中 現在 我們 必須 比 以往 更 有 責任感 截至 週一 3 月 9 日 止 義 大利 確診 病例 大 增 24 達到 9172 人 創下 自 2 月 21 日 首例 確診 以來 最 大 單日 增幅 目前為止 確診 死亡 病例 增至 463 人</t>
  </si>
  <si>
    <t>全國 義 大利 新 冠狀病毒 新冠肺炎 全境</t>
  </si>
  <si>
    <t>美國 新 冠狀病毒感染 病例 數 持續 以 驚人 速度 飆 升 美 股 繼 上周 大 漲 後 周日 夜盤 美 股 期貨 走跌 目前 道 瓊 指數 期貨 下跌 266 點 或 124 標 普 500 指數 期貨 跌 14 那斯 達克 指數 期貨 跌 129 此外 因 新冠肺炎 全球 大 流行 疫情 惡</t>
  </si>
  <si>
    <t>美國 新 冠狀病毒感染 病例 數 持續 以 驚人 速度 飆 升 美 股 繼 上周 大 漲 後 周日 夜盤 美 股 期貨 走跌 目前 道 瓊 指數 期貨 下跌 266 點 或 124 標 普 500 指數 期貨 跌 14 那斯 達克 指數 期貨 跌 129 此外 因 新冠肺炎 全球 大 流行 疫情 惡化 以及 沙烏地 阿拉伯 與 俄羅斯 之間 的 價格 戰未 見 緩和 原油期貨 延續 上周 的 疲弱 走勢 周日 電子 交易 開盤 重 挫 於 美東 時間 下午 6 時 13 分 布蘭特 期 油 下挫 71 報 每桶 2315 美元 美國 期 油 跌 56 報 每桶 2034 美元 週一 日 股 開低 走低 目前 日經 225 指數 下挫 334 為 1874266 點 東 證 一 部 指數 跌 347 為 140880 點 南韓 kospi 指數 目前 跌 272 根據 約翰·霍普金斯大學 johns hopkins university 匯 整 的 資料 全球 新 冠狀病毒感染 病例 數 已經 超過 71萬3000 人 美國 感染 人數 在 上周 超越 義 大利 與 中國 現在 確診 數 超過 13萬6000 人 其中 近 一半 的 患者 來自 紐約州 超過 5萬9000 人 遭到 感染 美國 過敏 與 傳染病 研究院 主任 佛 奇 dr anthony fauci 周日 接受 cnn 訪問 時 表示 美國 新冠肺炎 感染 病例 可能 達到 數 百萬 人 恐 將 造成 10萬 20萬 人 死亡</t>
  </si>
  <si>
    <t>美國 美 股 期貨 原油期貨 新 冠狀病毒 新冠肺炎</t>
  </si>
  <si>
    <t>新冠肺炎 疫情 在 歐洲 急遽 升溫 其中 義 大利 確診 人數 追上 南韓 成為 僅次於 大陸 疫情 最 嚴重 國家 法國 也 累積 1412 人 確診 文化部長 裡斯特 更 被 感染 目前 在 臺灣 學中文 的 法 籍 youtuber 路易 這 陣子 收到 很多 親友 關心 不少 臺灣人 也 好奇 法國 目前 狀況 所以 他 特地 拍攝 影片 希望 讓 更 多 人 看見 臺灣政府 積極 處理 的 方式和 態度 讓 臺灣 被 國際 看見 路易 表示 在 臺灣 連 我 自己 都 很 驚訝 於 臺灣政府 的 效率 不僅 是 取消 與 大陸 來往 的 班機 並 建議 企業 店家 使用 電子 體溫計 提倡 民眾 戴 口罩 酒精 消毒 規定 從 疫區 回來 的 民眾 都須 遵守 居家 檢疫 等 讓 鄰近 大陸 的 臺灣 本 應該 病毒 會 傳播 很快 卻 能 有效 的 控制 另外 他 也 提到 法國 最 大 的 新聞 報紙 世界 報 以 鬥 大 標題 報導 臺灣 是 處理 新 冠狀病毒 危機 最 棒 的 案例 讓 他 備 受 感動 就算 法國 離 臺灣 有 10000 公里 遠 但 法國 人 都看 到 臺灣 怎麼 做 到 有效 的 管控 並 開始 向 臺灣 學習 現在 法國政府 也 積極 處理 取消 5千 人 以上 的 活動 不少 公司 允許 在 家 工作 也 積極 宣導 防疫 觀念 路易 更 打電話 給 正 在 巴黎 的 友人 詢問 目前 情況 友人 坦言 幾 天 前 大家 都 不 把 疫情 放在眼裡 沒 想到 卻 開始 蔓延 有 少部分 人 很 擔心 還 去 超市 搶購 東西 但 目前 大家 生活 與 過去 沒什麼 差別 只 是 比較 注重 衛生 像是 勤洗手 避免 握手 法國 衛生部長 也 呼籲 減少 臉頰 親吻 打招呼 方式 這 對 法國 人 來說 是 巨大變化 且 難 做到 而 目前 法國 街上 也 沒人 戴 口罩 因為 政府 規定 要 有 醫生 處方 箋 才 拿 得 到 口罩 最後 友人 補充 說 最近 法國 人 不斷 談論 起 臺灣 報章雜誌 也 認同 臺灣 處理 很 好 路易 也 說真的 很 欣慰 自己 住 在 臺灣 希望 大家 保持 健康 也 盼 疫情 能 早日 結束</t>
  </si>
  <si>
    <t>根據 約翰·霍普金斯大學 johns hopkins university 統計 全球 已 有 超過 300萬 人 感染 新 冠狀病毒 超過 21萬800 人 因 此 病故 新冠肺炎 去年底 在 中國 武漢 爆發 之後 在 短短 幾 個 月 內 迅速 蔓延 全世界 約翰· 霍普金斯大學 的 資料</t>
  </si>
  <si>
    <t>根據 約翰·霍普金斯大學 johns hopkins university 統計 全球 已 有 超過 300萬 人 感染 新 冠狀病毒 超過 21萬800 人 因 此 病故 新冠肺炎 去年底 在 中國 武漢 爆發 之後 在 短短 幾 個 月 內 迅速 蔓延 全世界 約翰·霍普金斯大學 的 資料 指出 美國 的 新冠肺炎 確診 病例 已經 超過 98萬7000 人 確診 死亡 人數 超過 5萬6000 人 歐洲 方面 西班牙 確診 病例 超過 22萬9400 人 義 大利 確診 超過 19萬9400 人 法國 德國 與 英國 的 確診 病例 都 超過 15萬8000 人</t>
  </si>
  <si>
    <t>新冠肺炎 全球 大 流行 導致 日本 國內外 需求 急凍 日本 3 月 製造業 活動 創下 2009 年 來 最 嚴竣 的 萎縮 再度 印證 企業 與 經濟 因 這 場 公衛 危機 受到 的 衝擊 並 突顯出 日本政府 面臨 的 挑戰 au jibun bank 日本 3 月 製造業 採購 經理 人 指數 pmi 經季調 後 終值 為 448 符合 先前 公佈 的 初值 較 2 月終 值 478 下滑 並 創下 2009 年 4 月 來 新低 產出 與 新 訂單 分 項 指數 均 跌 至 2011 年 4 月 311 強震 海嘯 後 一個 月 以來 新低 某些 公司 報告 生產 全面 暫停 新 出口 訂單 分 項 指數 大 減 且 製造業 對 未來 12 個 月 的 生產 前景 看法 極為 負面 創下 歷來 新低 負責 這項 調查報告 的 財經 資料服務 公司 ihs markit 表示 未來 幾 個 月 日本 製造業 加速 衰退 的 可能性 很 高 新 冠狀病毒 疫情 對 全球 經濟 造成 的 衝擊 將 降低 v 型 復蘇 的 機會</t>
  </si>
  <si>
    <t>多 家 媒體 今天 報導 指出 北 韓 已經 解除 3600 多 人 的 2019 年 新 冠狀病毒 隔離 令 新冠肺炎 肆虐 全球 95 國 確診 病例 超過 10萬 例 平壤 當局 實施 嚴格 限制 措施 關閉 邊界 試圖 避免 爆發 疫情 而 當局 也 堅持 境內 沒有 任何 確診 病例 根</t>
  </si>
  <si>
    <t>在 雪梨 一 名 16 歲 學生 的 新 冠狀病毒感染 檢測 為 陽性 後 澳洲 週五 下 達 第 一個 學校 關閉 令 此外 該國 總理 莫里森 scott morrison 警告 治療 感染 病 患 的 公共 支出 可能 會 超過 10億 澳元 約 661億 美元 澳洲 總理 莫里森 表示</t>
  </si>
  <si>
    <t>在 雪梨 一 名 16 歲 學生 的 新 冠狀病毒感染 檢測 為 陽性 後 澳洲 週五 下 達 第 一個 學校 關閉 令 此外 該國 總理 莫里森 scott morrison 警告 治療 感染 病 患 的 公共 支出 可能 會 超過 10億 澳元 約 661億 美元 澳洲 總理 莫里森 表示 他 已經 發 函 給 澳洲 各省 政府 為 治療 新冠肺炎 患者 設立 一 筆 規模 達 10億 澳元 的 基金 同時 警告 所 需 經費 可能 更 多 目前為止 澳洲 的 新 冠狀病毒感染 確診 病例 為 60 人 其中 兩 名 確診 的 年長者 死亡 而 澳洲政府 仍 無 法 遏 阻 疫情 擴散 莫里森 在 2 月底 時 表示 新冠肺炎 爆發 全球 大 流行 是 可能 發生 的 事 他 今天 則 首度 詳 述 相關 醫療 成本 澳洲 最 大 城市 雪梨 的 一 名 16 歲 學生 成為 該國 最新 確診 病例 新南 威爾斯 省政府 因此 下令 關閉 雪梨 這 所 艾 平 男子 高中 epping boys high school 為期 至少 一 天 成為 該國 因 疫情關閉 學校 的 首例 將近 1200 名 學生 與 職員 必須 在 週末 期間 自主 隔離 新南 威爾斯 省 衛生部門 表示 該 名 確診 學生 應是 曾 與 其他 感染者 有 過 接觸 而 遭到 感染 因此 本地 感染 再 添 一 例</t>
  </si>
  <si>
    <t>川普 美國 新冠肺炎 新 冠狀病毒 禁 足 令</t>
  </si>
  <si>
    <t>繼 好萊塢 大 咖 影星 巨石 強 森 後 又 有 重量級 影星 確診 新冠 病毒 媒體 報導 當年 以 吸血鬼 愛情 片 暮 光 之城 紅遍 全球 的 好萊塢 男 星 羅伯派汀森 robert pattinson 也 傳出 確診 新冠 他 參與 的 新版 蝙蝠 俠 拍攝 工作 也 因此 緊急 喊停 籌 拍 蝙蝠 俠 的 華納兄弟公司 發聲明 證實 片中 一 名 成員 新 冠狀病毒 的 檢測 呈 陽性反應 但 未 透露 姓名 聲明 另 指出 拍攝 作業 已 暫停 包括 浮華世界 與 好萊塢 報導 今天 均 引述 不 具名 消息來源 報導 羅伯派汀森 確診 新冠 的 消息 新冠肺炎 持續 發燒 美國 累計 確診 病例 數 已 突破 610萬 例 超過 18萬 例 死亡</t>
  </si>
  <si>
    <t>新 冠狀病毒 疫情 在 全球 快速 擴散 繼 各地 政要 名人 陸續 傳出 確診 後 美國 職 籃 nba 球星 也 中 鏢 迫使 全球 主要 體育賽事 接連 宣佈 暫停 或 延期 已 經受 美中 貿易戰 波及 的 體育 用品 巨頭 nike 又 再 面臨 疫情 大 流行 帶來 的 營運 挑戰</t>
  </si>
  <si>
    <t>受 新 冠狀病毒 疫情 與 相關 封鎖 措施 影響 德國 第一 季 資本 投資 民間 消費 與 出口 急凍 經濟 創下 金融危機 以來 的 最 大 跌幅 並 宣 告 陷入 衰退 德國 統計 廳 週一 公佈 繼 2019 年 第 四季 國內 生產 毛額 gdp 萎縮 01 後 德國 第一 季</t>
  </si>
  <si>
    <t>受 新 冠狀病毒 疫情 與 相關 封鎖 措施 影響 德國 第一 季 資本 投資 民間 消費 與 出口 急凍 經濟 創下 金融危機 以來 的 最 大 跌幅 並 宣 告 陷入 衰退 德國 統計 廳 週一 公佈 繼 2019 年 第 四季 國內 生產 毛額 gdp 萎縮 01 後 德國 第一 季 實質 gdp 季 減 22 與 先前 公佈 的 初值 相符 為 東西 德 統一 以來 創下 的 第二 大 跌幅 僅次於 2009 年 第一 季 的 季 減 47 與 去年同期 相比 首季 gdp 下滑 23 此外 第一 季 德國 民間 消費 終值 季 減 32 機械 與 設備 資本 支出 銳減 69 出口 季 減 31 首季 營建 投資 增加 41 為 德國 首季 gdp 帶來 些許 支撐 營建業 是 德國 最 大 的 雇主 其 投資額 貢獻 德國 全國 總產值 將近 10 政府 支出 提高 02 成為 慘澹 資料 中的 另 一個 亮點 政府 支出 與 營建 投資 的 增長 使 德國 首季 gdp 免於 跌 得 更 深 德國 從 3 月中 旬 起 實施 防疫 封鎖 措施 亦即 其 首季 經濟 資料 僅 反映 該國 封鎖 兩 周 的 衝擊 以及 亞洲 實施 封鎖 措施 導致 的 供應 斷 鏈 經濟學家 預期 德國 第二 季 gdp 將 加速 下跌</t>
  </si>
  <si>
    <t>法國 財政部長 勒梅爾 bruno le maire 週二 表示 受 新冠 病毒 危機 影響 今年 法國 經濟 恐 將 萎縮 11 且 直到 明年 一切 恢復 之前 經濟 情勢 恐 將 更為 艱難 法國 在 3 月中 旬 起 實施 嚴格 的 封鎖 措施 以 防止 新 冠狀病毒 疫情 持續 擴散</t>
  </si>
  <si>
    <t>法國 財政部長 勒梅爾 bruno le maire 週二 表示 受 新冠 病毒 危機 影響 今年 法國 經濟 恐 將 萎縮 11 且 直到 明年 一切 恢復 之前 經濟 情勢 恐 將 更為 艱難 法國 在 3 月中 旬 起 實施 嚴格 的 封鎖 措施 以 防止 新 冠狀病毒 疫情 持續 擴散 直到 5 月 11 日 才 開始 逐步 放寬 限制 令 法國 財長 勒梅爾 接受 法國電臺 訪問 時 表示 法國 經濟 已 遭到 新冠肺炎 疫情 重創 我們 採取 了 有效 的 措施 保護 法國 人民 的 健康 但 經濟 幾乎 陷入 三 個 月 的 停滯 法國 以 經濟 成長 做為 代價 他 並 表示 正在 準備 的 新版 預算案 將 把 2020 年 法國 經濟 成長 預測 由 負 8 下 修至負 11</t>
  </si>
  <si>
    <t>投資人 對 新 冠狀病毒 疫 苖 的 開發 抱 持 樂觀 看法 週一 隔夜 盤 美 股 指數 期貨 走 高 展開 因 國定假日 而 縮短 的 一 周 交易 美國 週一 5 月 25 日 為 陣亡將士 紀念日 美 股 休 市 因此 期貨市場 交投 仍 顯 清淡 目前 道 瓊 指數 期貨 漲 311 點 或</t>
  </si>
  <si>
    <t>投資人 對 新 冠狀病毒 疫 苖 的 開發 抱 持 樂觀 看法 週一 隔夜 盤 美 股 指數 期貨 走 高 展開 因 國定假日 而 縮短 的 一 周 交易 美國 週一 5 月 25 日 為 陣亡將士 紀念日 美 股 休 市 因此 期貨市場 交投 仍 顯 清淡 目前 道 瓊 指數 期貨 漲 311 點 或 127 為 24735 點 標 普 500 指數 期貨 漲 131 為 299175 點 那斯 達克 100 指數 期貨 漲 150 為 954700 點 美國 生 技 公司 novavax 宣佈 其 實驗性 的 新 冠狀病毒 疫苗 展開 第一 次 人體 臨床 試驗 將 在 澳洲 兩地 招募 約 130 名 年齡 介於 18 歲 至 59 歲 的 健康 成人 參與 這項 研究 預計 可 在 7 月 獲得 疫 苖 安全性 與 人體 免疫 反應 的 初步 試驗 結果 其 美國 同業 moderna 上周 宣佈 其 疫 苖 試驗 獲得 正面 進展 所有 45 位 參與者 在 注射 疫 苖 後 都 出現 新 冠狀病毒 的 抗體</t>
  </si>
  <si>
    <t>巴西 央行 週三 宣佈 調 降 selic 基準利率 75 個 基點 至 3 改寫 歷史 新低 雖然 已是 連續 第 7 度 降息 但 該 央行 暗示 將 進一步 降 息 以 緩解 新冠肺炎 疫情 與 相關 封鎖 措施 對 經濟 造成 的 衝擊 巴西 央行貨幣政策委員會 copom 週三 一致 通過 降息 決議 其中 有 兩 位 委員 建議 提高 降息 幅度 市場 普遍 預期 巴西 央行 此次 降息 50 個 基點 該 央行 在 政策 聲明 中 表示 下次 會議 的 決定 將 取決於 財政狀況 與 經濟 資料 委員會 將 考慮 貨幣政策 的 最後 一 次 調整 但 調整 幅度 不 會 超過 本次 巴西 已經 成為 新 冠狀病毒 大 流行 的 新 熱區 近來 感染 病例 急速 飆 升 根據 該國 衛生部 的 資料 過去 24 小時 內 巴西 新冠肺炎 確診 病例 新增 10503 人 改寫 4 月 30 日 創下 單日 新高 記錄 7288 人 新增 死亡 病例 達 615 人 亦 創 單日 新 高 截至 目前為止 巴西 的 新冠肺炎 總 確診 病例 已經 達到 12萬5218 人 累計 死亡 病例 達 8536 人 該國 衛生部長 提出 警告 應該 在 疫情 嚴重 的 地區 實施 嚴格 的 封鎖 措施 目前 巴西 多數 州 已經 關閉 非必要 事業 但 僅 有 聖路易斯 一個 城市 實施 封城 令</t>
  </si>
  <si>
    <t>世界衛生組織 宣佈 新 冠狀病毒 命名 為 covid-19</t>
  </si>
  <si>
    <t>鄭怡 新冠肺炎 新 武漢肺炎 新 冠狀病毒</t>
  </si>
  <si>
    <t>新冠肺炎 武漢肺炎 金門 臻 霖 實業 陳木勇</t>
  </si>
  <si>
    <t>苦 苓 黃暐瀚 名 嘴 新冠肺炎 武漢肺炎</t>
  </si>
  <si>
    <t>非法 移 工 新冠肺炎 勞動部 武漢肺炎 外勞</t>
  </si>
  <si>
    <t>伊拉克衛生部 今天 表示 伊拉克 出現 第 6 起 武漢肺炎 病例 確診 患者 為 首都 巴格達 baghdad 一 名 年輕 男子 他 日前 曾 前往 伊朗</t>
  </si>
  <si>
    <t>日本 小兒科 學會 等 團體 調查 發現 截至 去年 8 月 確診 2019 冠 狀 病毒 疾病 covid-19 的 孕婦 所生 的 新生兒 中 有 一 人 一 出生 即 確診 疑 似 母子 垂直 感染 為 日本 國內 首度 發現 的 個案 日本放送協會 nhk 報導 日本大學 醫學 部 小兒科 主任 教授 森岡一 朗 等 人 為主 的 日本 小兒科 學會 等 團體 針對 日本 全國 設有 小兒科 的 1124 間 醫療機構 進行 問卷調查 調查結果 發現 到 去年 8 月底 為止 其中 31 間 醫療機構 有 確診 covid-19 俗稱 武漢肺炎 的 孕婦 分娩 共生 下 52 名 新生兒 其中 1 名 嬰兒 在 出生 後 立即 進行 的 核酸 檢驗 pcr 驗 出 陽性 另外 51 名 嬰兒 則 是 陰性 報導 指出 這 名 出生 後 即 確診 的 嬰兒 健康狀況 沒有 問題 疑 似 為 母子 垂直 感染 目前 國外 研究 也 有 發現 少數 疑 似 母子 垂直 感染 新冠肺炎 這 是 日本 國內 首度 發現 的 個案 森岡一 朗 表示 孕婦 傳染 新冠肺炎 給 嬰兒 的 可能性 很 低 嬰兒 症狀 也 很 輕微 民眾 不 需要 過度 擔心 這次 調查 發現 日本 也 有 類似 母子 垂直 感染 的 案例 提醒 懷孕 婦女 平時 要 做好 防疫</t>
  </si>
  <si>
    <t>新冠肺炎 武漢肺炎 疫情 金門 灘地 上 的 活化石</t>
  </si>
  <si>
    <t>新冠肺炎 武漢肺炎 全球 法國 封城</t>
  </si>
  <si>
    <t>封城 民 調 新冠肺炎 covid-19 武漢肺炎</t>
  </si>
  <si>
    <t>新冠 病毒 新冠肺炎 武漢肺炎 covid-19 臺灣</t>
  </si>
  <si>
    <t>援外 口罩 質疑 配給 分配 武漢肺炎</t>
  </si>
  <si>
    <t>李宗 霖 新冠肺炎 武漢肺炎 新 冠狀病毒 大陸</t>
  </si>
  <si>
    <t>新冠 病毒 新冠肺炎 武漢肺炎 covid-19 疫情</t>
  </si>
  <si>
    <t>f- 22 墜毀 隱形 戰機 新冠肺炎 武漢肺炎</t>
  </si>
  <si>
    <t>新冠肺炎 武漢肺炎 居家 檢疫 義 大利 隔離</t>
  </si>
  <si>
    <t>魏如萱 清明連 假 邊緣 人 新冠肺炎 武漢肺炎</t>
  </si>
  <si>
    <t>關於 應對新冠肺炎 疫情 影響 促進 文化 企業 健康 發展 的 若干 措施 新冠肺炎 武漢肺炎 新 冠狀病毒 全球</t>
  </si>
  <si>
    <t>唐鳳 假 訊息 民主 彩球 新冠肺炎 武漢肺炎</t>
  </si>
  <si>
    <t>防疫 桃園 機場 蔡英文 新冠肺炎 武漢肺炎</t>
  </si>
  <si>
    <t>新冠肺炎 武漢肺炎 covid-19 臺灣 會館</t>
  </si>
  <si>
    <t>新冠 病毒 新冠肺炎 武漢肺炎 全球 100萬</t>
  </si>
  <si>
    <t>保險 大 聯盟 mlb 新冠肺炎 武漢肺炎</t>
  </si>
  <si>
    <t>衛生紙 新冠肺炎 疫情 本能 武漢肺炎</t>
  </si>
  <si>
    <t>金門 馬拉松 新冠肺炎 武漢肺炎 臺灣</t>
  </si>
  <si>
    <t>新冠肺炎 何志偉 武漢肺炎 covid-19 臺灣</t>
  </si>
  <si>
    <t>新冠 病毒 新冠肺炎 武漢肺炎 譚德 賽 who</t>
  </si>
  <si>
    <t>嗅覺 味覺 新冠肺炎 武漢肺炎 藤 浪 晉太郎</t>
  </si>
  <si>
    <t>胡宇威 我 在 北京 等 你 新冠肺炎 武漢肺炎 新 冠狀病毒</t>
  </si>
  <si>
    <t>新冠肺炎 武漢肺炎 新冠 病毒 covid-19 大陸</t>
  </si>
  <si>
    <t>學生 津貼 學校 停課 武漢肺炎</t>
  </si>
  <si>
    <t>新冠肺炎 社區 傳播 首例 口罩 之 亂 武漢肺炎</t>
  </si>
  <si>
    <t>新冠肺炎 武漢肺炎 臺灣 covid-19 防疫 措施</t>
  </si>
  <si>
    <t>印度 川普 新冠肺炎 莫迪 武漢肺炎</t>
  </si>
  <si>
    <t>口罩 業者 中小 產能 武漢肺炎</t>
  </si>
  <si>
    <t>陳雷 大馬 女兒 新冠肺炎 武漢肺炎</t>
  </si>
  <si>
    <t>美國政府 欲 接回 鑽石 公主 號 上 美籍 旅客 所 派遣 包機 預計 今天 晚間 抵達 東京羽田機場 日本自衛隊 為 把 船上 數 百 名 美籍 旅客 送往 東京羽田機場 陸續 在 碼頭 旁 備 妥 約 20 輛 大型 巴士 目前 停泊 在 日本 橫濱 港 爆發 俗稱 武漢肺炎 的 20</t>
  </si>
  <si>
    <t>世界 國家 鍾 南山 新冠肺炎 武漢肺炎</t>
  </si>
  <si>
    <t>新冠肺炎 武漢肺炎 ncp 臺灣 大陸</t>
  </si>
  <si>
    <t>新冠肺炎 武漢肺炎 疫情 金門 綠色 療 愈 力</t>
  </si>
  <si>
    <t>武漢肺炎 地圖 追蹤 疫情 工具</t>
  </si>
  <si>
    <t>俄羅斯 新冠肺炎 總理 武漢肺炎 新冠肺炎</t>
  </si>
  <si>
    <t>頂上 魚翅 新冠肺炎 黑道 白道 武漢肺炎</t>
  </si>
  <si>
    <t>新冠肺炎 武漢肺炎 covid-19 臺灣 大陸</t>
  </si>
  <si>
    <t>新冠肺炎 武漢肺炎 臺灣 機場 使用費</t>
  </si>
  <si>
    <t>新冠肺炎 武漢肺炎 covid-19 臺灣 弱勢</t>
  </si>
  <si>
    <t>汽車 旅館 海軍 高雄 市府 新冠肺炎 武漢肺炎</t>
  </si>
  <si>
    <t>新冠肺炎 武漢肺炎 臺灣 西部 嘉義 縣</t>
  </si>
  <si>
    <t>武漢肺炎 日本 新冠肺炎 日 職 藤 浪 晉太郎</t>
  </si>
  <si>
    <t>包機 旅遊 警示 新冠肺炎 武漢肺炎 臺灣</t>
  </si>
  <si>
    <t>新冠肺炎 武漢肺炎 臺灣 確診 觀光客</t>
  </si>
  <si>
    <t>新冠肺炎 武漢肺炎 全球 covid-19 全光勳</t>
  </si>
  <si>
    <t>who 新冠肺炎 武漢肺炎 covid-19 臺灣</t>
  </si>
  <si>
    <t>新冠肺炎 武漢肺炎 疫情 國民黨 金門縣 議會</t>
  </si>
  <si>
    <t>武漢肺炎 新冠肺炎 高嘉瑜 陸委會 立 委</t>
  </si>
  <si>
    <t>陳時中 新冠肺炎 武漢肺炎 covid-19 臺灣</t>
  </si>
  <si>
    <t>唐從聖 nono 新冠肺炎 武漢肺炎 新 冠狀病毒</t>
  </si>
  <si>
    <t>北市 確診 新冠肺炎 臺灣 武漢肺炎</t>
  </si>
  <si>
    <t>不受 疫情 的 影響 2020 鳳梨 好 筍 季 25 日 仍 在 台南 市 關廟 區 大潭 埤 旺 萊 公園 揭開序幕 但 對 參加 民眾 采 限額 實 名 登錄 市長 黃偉哲 表示 令人欣慰 的 是 今年 鳳梨 的 價格 並 沒有 因為 少 了 大陸 市場 下滑 在 大家 的 努力 之下 價格 仍 維持 穩定 也 讓 更 多 消費者 能 吃到 好吃 又 健康 的 鳳梨 黃偉哲 表示 關廟 出產 鳳梨 竹筍 及 關廟 面 等 非常 多 好 的 產品 廣受 民眾 歡迎 今年 的 鳳梨 產量 跟 往年 一樣 但因 少 了 大陸 的 外銷 市場 因此 市府 積極 往 加工 內銷 及 開闢 其他 國家 市場 的 方向 努力 黃偉哲 還 進一步 提到 竹筍 跟 鳳梨 都 是 非常 好 的 健康 食品 具有 很 多 纖維素 能 幫助 健康 的 人 提高 免疫力 免疫力 提高 就 比較 不容易 生病 具有 實質 的 防疫 意義 今年 的 鳳梨 好 筍 季是 一個 成功 的 典範 跟 模式 在 疫情 過後 市府 也 會 陸續 舉辦 更 多 的 產業 活動 讓 各 區 的 產業 文化 越來越 好 市府 農業局 表示 每年 4 至 7 月 進入 鳳梨 盛產期 此次 因 武漢肺炎 疫情 的 影響 活動 也 以 行銷 鳳梨 為主 企業 認購 鳳梨 的 行動 一直 持續 進行 公所 農會 齊 努力 在 購物 台也 狂 賣 1萬4000 顆 鳳梨 協助 農民 行銷 鳳梨 增加收入 2020 鳳梨 好 筍 季 活動 首開 先例 采 實 名 登錄 報名 報名 成功 並 參加 的 民眾 可 享 鳳梨 2 入 裝 禮盒 2 瓶 鳳梨 冰 茶 鳳梨 苦瓜 雞 及 鳳梨 炒飯 等 好 康 在 旺 萊 市集 購買 農 特產品 還 可 兌換 diy 卷 並 可 選擇 製作 鳳梨 醋 或 鳳梨 酵素 清潔 液 今天 進場 的 民眾 都 手持 確認 單 由 活動 場地 單一 出入口 進出 並 配合 量 測體溫 戴 口罩 逛得 安心 買 得 放心</t>
  </si>
  <si>
    <t>新冠肺炎 武漢肺炎 台南 關廟 鳳梨 好 筍 季</t>
  </si>
  <si>
    <t>新冠肺炎 疫情 蔓延 臺灣 目前 累計 確診 數 達 24 例 其中 感染 源 還 在 調查 中 引發 人心惶惶 台大醫院 兒科 醫師 吳其穎 針對 許多 人 困惑 免疫力 越 強 越 好 做出 回應 並以 17 年 前 的 sars 疫情 為 例 指出 身體 強壯 的 青壯年 死亡率 反而 更 高 的 真相 台大醫院 兒科 醫師 吳其 穎 在 個人 youtube 頻道 蒼藍鴿 的 醫學 天地 拍 了 一 支 影片 他 說 武漢肺炎 來勢洶洶 許多 人 傳 訊息 問 我 說 要 吃 什麼 補品 才能 增強 免疫力 他 以 2003 年 的 sars 疫情 為 例 指出 當年 致死 率 高 文獻 指出 約 落 在 10 15 但 醫學界 發現 奇異 現象 根據 疾 管署資 統計資料 發現 當年 因 sars 不幸 死亡 的 患者 一般 認為 身體 比較 強壯 20 40 歲 青壯年 碰到 sars 的 死亡率 竟然 高達 8 左右 比例 竟 高於 免疫力 相對 較 不 成熟 的 20 歲 以下 或 小孩 原因 出 在 哪裡 吳其 穎 解釋 要 從 人體 免疫系統 解釋 當 人體 感染 sars 非典型肺炎 冠 狀 病毒 入侵 人體 感染 肺部 細胞 人體 自然 得 派出 免疫 細胞 應戰 被 病毒感染 的 細胞 使 其 無法 繼續 增殖 吳其穎 說 當時 很多 醫生 發現 相較 于 小孩子 青壯年 族群 因為 免疫系統 較 強 因此 針對 病毒 入侵 的 反應 有點 太 過 劇烈 吳 其 穎 進一步 解釋 當 強壯 身體 面對 感染 會派 出 體內 最 精良 的 免疫 細胞 來 對 被 感染 細胞 肺泡 進行 強而有力 的 摧毀 行動 而 這 段 期間 就 有 可能 會 引發 強烈 的 肺部 發炎 甚至 進一步 驅動 免疫系統 無差別 攻擊 肺臟 造成 沒有 被 感染 的 細胞 同樣 接受 魚池 之 殃 他 說 這樣 有 可能 會 導致 最 嚴重 肺 浸潤 肺 纖維 化 最終 落 得 呼吸衰竭 甚至 死亡 的 結果 反觀 免疫系統 相對 較 不 成熟 的 幼童 吳其穎 指出 幼童 的 白血球 同樣 會 攻擊 病毒 但是 力道 有限 反而 不易 造成 重大 傷害 最後 這類 病 患 得以 撐到 b 細胞 開始 製造 抗體 而 驅逐 病毒 吳 其 穎 坦言 會 如此 分享 該 故事 是 想 讓 大家 瞭解 人體 免疫系統 向來 就是 雙面 刃 唯有 當 它 處於 平衡 狀態 才 得以 對 病原體 進行 有效 的 攻擊</t>
  </si>
  <si>
    <t>美國 川普 疫情 紐約 武漢肺炎</t>
  </si>
  <si>
    <t>侯友宜 新北 市 新冠肺炎 武漢肺炎 covid-19</t>
  </si>
  <si>
    <t>新冠肺炎 武漢肺炎 阿拉巴馬 大學 開學 上 千</t>
  </si>
  <si>
    <t>拉丁美洲 巴西 新冠肺炎 武漢肺炎 確診</t>
  </si>
  <si>
    <t>羅智強 批 蔡 政府 稱 武漢肺炎 引 歧視 國民黨 易讓 外界 誤解 防疫 參 雜 抗 中</t>
  </si>
  <si>
    <t>肺炎 武漢肺炎 武漢 新冠肺炎 國民黨</t>
  </si>
  <si>
    <t>藥用 酒精 高市 成藥 武漢肺炎</t>
  </si>
  <si>
    <t>杭州 新冠肺炎 武漢肺炎 covid-19 臺灣</t>
  </si>
  <si>
    <t>新冠肺炎 武漢肺炎 covid-19 臺灣 全球</t>
  </si>
  <si>
    <t>蔡英文 新冠肺炎 武漢肺炎 口罩 藥物</t>
  </si>
  <si>
    <t>韋禮安 韋禮安 33 歲 生日 新冠肺炎 武漢肺炎 新 冠狀病毒</t>
  </si>
  <si>
    <t>病例 華盛頓州 華盛頓 武漢肺炎 武漢</t>
  </si>
  <si>
    <t>新冠肺炎 疫情 蔓延 全球 臺灣 機械工業 公會 理事長 柯拔希 提出 七大 建 言 籲請 政府 擴大 融資 貸款 紓困 租稅 減免 比照 sars 期間 優先購買 國產 設備 及 讓 新 台幣 貶值 等 以 挽救 產業 新型 冠狀 肺炎 疫情 出現 全球 大 流行 人流 物流 資金 流 都 停滯 經濟部 18 日 針對 金屬 機電 產業 主辦 因應 武漢肺炎 疫情 產業 關懷 座談會 機械 公會 匯總 機械 公會 理監事 29 個 專委會 會長 及 各機 械 次 產業 企業經營者 總計 150 家 企業 意見 由 理事長 柯拔希 向 經濟部長 沈榮津 政務委員 龔明鑫 等 人 提出 七大 建 言 柯拔希 表示 擴大 融資 貸款 紓困 銀行 不能 雨天 收 傘 抽 銀根 租稅 減免 可 比照 sars 期間 政府 開發 的 工業區 或 科學園區 廠房 租金 減半 協調 台電 減免 工業用 基本 電費 幾乎 是 每個 產業 公會 都 提出 的 建議 柯拔希 指稱 政府 去年底 針對 工具機 暨 零 元件 業者 因 中 美 貿易戰 受傷 慘重 提撥 6千萬 元 經費 推動 工具機產業 研發 固 本 專案 機械 公會 希望 政府 擴 大為 精密機械 產業 研發 固 本 專案 協助 機械 產業化 危機 為 轉機 提升 產業 競爭力 柯拔希 表示 他 還 向龔明 鑫 等 人 提出 希望 政府 將 企業 購買 國產 智慧 機械 投資 抵 減 稅額 從 現行 5 提高 到 20 企業 研發 支出 抵 減 當年 度 營 所 稅 從 15 提高 至 40 加強 鼓勵 國營企業 或 學術 單位 採購 國產 智慧 機械 也 希望 今年 政府採購 能 提前 發包 藉 此 擴大內需 柯拔希 表示 新 台幣 兌 美元匯率 相對 韓元 強勢 不利 臺灣 外銷 產業 機械業 建 請 政府 啟動 新 台幣 匯率 防禦 性 貶值 此外 政府 徵用 口罩 產 線 後 導致 很多 機械廠 買不到 工業用 口罩 儘管 工業 局 出面 協調 口罩 廠 業者 仍 買不到 口罩 這 牽涉 生產線 作業 人員 人身安全 問題 政府 要 加強 工業用 口罩 供給 不能 顧此失彼 柯拔希 指出 長遠 來看 企業 對 設備 剛性 需求 仍 在 尤其 這 波 疫情 會 讓 更 多 產業 要 有 風險意識 不 要 將 雞蛋 放在 同一個 籃子 必須 分散 在 大陸 以外 設 第二 生產 基地 即使 今年 不如 預期 增設 第二 生產 基地 添 購 設備 效應 也 會 在 明 後年 發生 長期 看 多</t>
  </si>
  <si>
    <t>川普 假新聞 新冠肺炎 武漢肺炎 cnn</t>
  </si>
  <si>
    <t>who 新冠肺炎 武漢肺炎 新冠 病毒 covid-19</t>
  </si>
  <si>
    <t>居家 檢疫 侯友宜 新北 新冠肺炎 武漢肺炎</t>
  </si>
  <si>
    <t>新冠肺炎 武漢肺炎 奇 美 醫 台南 探病</t>
  </si>
  <si>
    <t>爵士樂 大師 艾利斯馬沙利斯 罹 新冠肺炎 武漢肺炎</t>
  </si>
  <si>
    <t>黃明志 日前 因應 新冠肺炎 疫情 無奈 取消 本月 二 場 的 鐵漢 柔情 系列 演唱會 對於 各國 近期 疫情 措施 黃明志 不僅 力贊 臺灣政府 防疫 完善 還 怒 飆 髒話 嗆 世界衛生組織 who 這次 臺灣 防疫 跟 應變能力 都 太強大 比起 那個 什麼 懶 叫 who 每天 胡說八道 強 多 了 臺灣 應該 要 禁止 who 加入 臺灣 然後 建議 那個 who 秘書長 可以 改行 去 歌舞伎 町 做 鴨 幫 人 舔 屁股 洞 賺錢 比較 快 黃明志 回想 自己 一月 中 在 臺北 舉辦 的 新 歌 演唱會 感慨 表示 謝謝 每 一 位 出席 這次 新 歌 發表會 的 朋友 讓 我 重 十 unplugged 演出 的 樂趣 不 知道 要 等 到 什麼 時候 才能 再次 公開 演出 最近 由於 武漢肺炎 導致 所有 的 公開 活動 都 取消 了 害 林北 只能 寫寫 劇本 寫寫 歌 錄錄音 拍拍 mv 自嘲 近來 沒事 做 害 林北 的 作品 越做越 多 跑 出來 了 多 到 林北 都 不 知道 該 先 發表 哪 一個 你 說 怎麼 辦 好 黃明志 特別 欣賞大 支 日前 推出 的 抗 疫 公益 歌曲 臺灣 隊長 remix 該 曲 除了 描述 臺灣 在 防疫 上 的 作為 以及 成效 也 感謝 因 這次 疫情 集結 組成 最 強勁 軍隊 的 臺灣 英雄 們 此外 大 支 也 透過 該 曲 表達 對 who 打 壓 臺灣 一 事 不滿 歌詞 強調 健康 是 全人類 基本 人權 不 應該 有 人 被 遺棄</t>
  </si>
  <si>
    <t>北京 中國 大陸 新冠肺炎 武漢肺炎 who</t>
  </si>
  <si>
    <t>新冠肺炎 武漢肺炎 新冠 病毒 東京 迪士尼 休 園</t>
  </si>
  <si>
    <t>根據 路透社 的 報導 新冠肺炎 在 歐洲 國家 造成 嚴重 疫情 法國衛生部 今天 證實 境內 新冠肺炎 確診 案例 增至 1191 例 英國衛生部 也 說 境內 確診 增至 319 例 路透社 報導 法國衛生部 同時 通報 境內 因 新冠肺炎 死亡 人數 增加 2 例 累計 來到 21 人 死亡 英國衛生部 今天 也 說 境內 確診 案例 從 273 例 增至 319 例 到 目前為止 英國 已 有 3 人 因 感染 武漢肺炎 死亡</t>
  </si>
  <si>
    <t>針對 來勢洶洶 的 新冠肺炎 疫情 高雄 市長 韓國瑜 20 日 在 交通 局長 鄭永祥 陪同 下 前往 鳥松 區 倫永 計程車 衛星 大 車隊 訪視 其 準備 的 防疫 措施 外 業者 向 韓 市長 反映 農曆 春節 過後 生意 掉 快 一半 收入 受到 影響 希望 市長 協助 紓困 韓國瑜 允諾 市府 及 中央會 一起 協助 計程車 司機 度過難關 韓 市長 表示 高雄市 受到 新冠肺炎 疫情 的 影響 造成 觀光 人數 減少 高雄市 計程車 業者 千萬 不要 大意 除 請 計程車 駕駛 服務 時 全程 戴 口罩 乘客 下車 後 也 拜 讬 有 身體 不適 或 自 疫區 返台 的 民眾 搭車 時 全程 戴 口罩 除 保護 乘客 自己 外 也 保護 計程車 駕駛 大家 一起 來 對抗 新冠肺炎 高 市府 會 盡 最 大 力量 讓 更 多 人 流 進到 高雄 倫 永 計程車 衛星 大 車隊 董事長 葉 國榮 表示 受到 新冠肺炎 疫情 影響 估計 運量 較 去年同期 下降 約 4 成 但 為 提供 民眾 一個 安全 的 乘車 環境 目前 除 要求 所屬 計程車 駕駛服務 時 全程 戴 口罩 並于 乘客 下車 後 針對 乘客 可能 會 碰 觸 的 地方 如 內外 門把 車窗 按鈕 安全帶 扣 環 椅套 座椅 調整 鈕 及 空調 出風口 等 處 進行 消毒 倫 永 車隊 經理 葉國彬 說 這次 生意 受到 武漢肺炎 影響 掉 將近 一半 不少 車輛 停放 公司 沒 出去 跑車 可說是 經營 車隊 66 年 來 最慘 的 一 次 希望 政府 能夠 給予 業者 或 司機 們 經濟 上 的 補助 讓 大家 度過難關 負責 長 照 接送 的 計程車 司機 王先生 說 現在 許多 病人 或 老人 就醫 寧願 不 要 一個 月 2000 元 的 補助金 而 選擇 由 家人 接送 為了 解除 乘客 憂心 他 每天 一定 將 車輛 清潔 乾淨 但 搭乘 的 客人 仍 大不如前 韓國 瑜 說 高雄市 爭取 交通部 醫療 口罩 來 給予 計程車 駕駛 來 購買 目前 口罩 主要 透過 高市 計程車 公 工 會 計程車 車隊 與 計程車 合作社 來 分 售 針對 業者 及 司機 提出 的 經濟 困境 市府 會 盡力 幫助 並 想 辦法 向 中央 請求 協助 幫 大家度過難關 新冠肺炎 市長 韓國瑜 計程車 司機 戴 口罩 生意 倫永 計程車 紓困</t>
  </si>
  <si>
    <t>林大鈞 譚 德塞 種族歧視 新冠肺炎 武漢肺炎</t>
  </si>
  <si>
    <t>大學 新冠肺炎 武漢肺炎 台南 台南 大學</t>
  </si>
  <si>
    <t>陸委會 疫情 政府 新冠肺炎 武漢肺炎</t>
  </si>
  <si>
    <t>黃偉哲 蘇貞昌 台南 新冠肺炎 武漢肺炎</t>
  </si>
  <si>
    <t>石正麗 新冠肺炎 武漢肺炎 病毒 專家 中國 大陸</t>
  </si>
  <si>
    <t>新冠肺炎 武漢肺炎 金門 縣府 居家 隔離 居家 檢疫</t>
  </si>
  <si>
    <t>新冠肺炎 武漢肺炎 台南 關懷 據點 社會局</t>
  </si>
  <si>
    <t>香港 新冠肺炎 武漢肺炎 covid-19 臺灣</t>
  </si>
  <si>
    <t>根據 日 媒 統計 截至 今天上午 10 時 30 分 止 日本 全境 含 鑽石 公主 號 郵輪 的 武漢肺炎 病例 共有 894 例 其中 有 51 人 重症 死亡 人數 加總 鑽石 公主 號 4 人 及 境內 感染 死亡 3 人 共 7 人 日本放送協會 nhk 報導 日本政府 厚生 勞動 省 表示</t>
  </si>
  <si>
    <t>根據 日 媒 統計 截至 今天上午 10 時 30 分 止 日本 全境 含 鑽石 公主 號 郵輪 的 武漢肺炎 病例 共有 894 例 其中 有 51 人 重症 死亡 人數 加總 鑽石 公主 號 4 人 及 境內 感染 死亡 3 人 共 7 人 日本放送協會 nhk 報導 日本政府 厚生 勞動 省 表示 日本 境內 因 確診 武漢肺炎 必須 使用 人工 呼吸器 在 加 護 病房 接受 治療 的 重症 患者 截至 26 日 止 共有 51 人 包括 鑽石 公主 號 上 的 36 人 及 境內 感染 的 15 人 根據 nhk 自行 統計 日本 全境 疫情 到 上午 10 時 30 分 止 共有 894 例 確診 病例 包括 在 境內 確診 感染 的 175 名 患者 鑽石 公主 號 上 705 名 患者 及 搭乘 日本政府 包機 返回 日本 的 14 名 患者 以 日本 47 個 都道 府縣 目前 的 175 例 來看 疫情 最 嚴重 的 是 北海道 共有 39 例 東京都 35 例 居次 愛知縣 25 例 排名 第 3 接下來 依序是 神奈川縣 18 例 和歌 山縣 13 例 千 葉縣 13 例 熊本 縣 5 例 石川 縣 4 例 沖繩縣 3 例 長野縣 2 例 京都府 2 例 福岡 縣 2 例 櫪 木 縣 埼 玉 縣 三 重 縣 岐阜 縣 大 阪 府 奈良縣 及 德島縣 各 一 例 另外 還有 包括 厚生 勞動 省 職員 及 檢疫 官 等 共 7 例 厚生 勞動 省 表示 不算 鑽石 公主 號 上 旅客 截至 25 日 止 日本 境內 已 有 32 名 患者 因 症狀 改善 等 出 院</t>
  </si>
  <si>
    <t>工作 導遊 華語 導遊 洗 碗 工 武漢肺炎</t>
  </si>
  <si>
    <t>新冠肺炎 武漢肺炎 臺灣 探病 病房</t>
  </si>
  <si>
    <t>scripps research institute nature medicine 武漢肺炎 新冠肺炎 臺灣</t>
  </si>
  <si>
    <t>美國 因為 武漢肺炎 病逝 的 人數 打破 50萬 大關 拜登 總統 今晚 將 帶領 點燃 燭光 為 病故 者 默哀 並 宣佈 全美 聯邦 機構 降半旗 5 天 拜登 也 將 發表談話 2019 冠 狀 病毒 疾病 covid-19 武漢肺炎 爆發 一年多來 全美 累積 確診 病例 超</t>
  </si>
  <si>
    <t>新冠肺炎 武漢肺炎 疫情 取消 金門 迎 城 隍 宗教 文化 季</t>
  </si>
  <si>
    <t>武漢肺炎 症狀 南韓 武漢肺炎 林口長 庚 院內 感染 新冠肺炎</t>
  </si>
  <si>
    <t>新冠肺炎 covid-19 全球 疫情 急速 蔓延 許多 國家 確診 數字 呈現 值 限 上升 狀態 我國 疫情 雖 稍 有 增長 但 相較 之下 病情 控管 相對 樂觀 且 處於 穩定 可 控 有 民眾 就 質疑 我 新冠肺炎 確診 數 恐 有 做假 之 嫌 學 他國 做法 一旦 疫情 無法控制 就 使出 蓋 牌 馬上 激起 熱烈 討論 但 一 位 超 專業 網友 超 中肯 點出 臺灣 的 生態 直言 絕對 不可能 有 位 網友 在 ptt 上 發文 表示 外國人 都 不 懷疑 臺灣 資料 直言 臺灣 目前 新冠肺炎 確診 數 相較 於 日 韓 兩 國 實在 是 有 夠低 可 是 我國 日 韓 遊客 這麼 多 對照 南韓 旅遊 疫情 已 被 升為 第 三級 警戒 對於 他國 來說 不會 懷疑 臺灣政府 根本 在 蓋 牌 嗎 這 開始 讓 許多 民眾 內心 產生 問號 畢竟 目前 尚有 未知 感染 源 未找到 目前 臺灣 的 氣氛 也 是 瀰 漫 著 一 股 疫情 已 蔓延 開 的 味道 或許 真正 疫情 並非 目前 所說 不過 一 位 網友 霸氣 點出 臺灣 絕對 不可能 蓋 牌 的 真相 他 強調 不僅 目前 的 生態 不 允許 何況 臺灣 還 有 一 項 法寶 讓 民 趨之若鶩 讓 疫情 絕 無法 在 我國 隱匿 這 位 網友 指出 會 認為 臺灣 有 蓋 牌 的 人 一定 不 懂 臺灣 醫療 環境 和 現實 表示 這 跟 臺灣人 的 習性 大 有 關聯 臺灣 只 有 一個 問題 就 是 太 多 人 稍微 咳 個 兩 下 就 開始 疑神疑鬼 然後 上網 去 查 越 查越 覺得 自己 症狀 很 像 尤其 臺灣 健 保 又 被 瘋狂 濫 用 民眾 早已 養成 有 小病 就 去 看 醫生 的 習慣 所以 該 網友 相信 臺灣人 只 要 一 驚 覺 自己 真的 有 武漢肺炎 症狀 絕對 1922 就 給 他 直接 打 下去 另外 在 臺灣 要 隱匿 疫情 談何容易 只要 民眾 真 的 有 發燒 等 症狀 跟 有 國外 旅遊 史 通報 1922 要不 被 檢驗 更 困難 若 真 的 出現 不 給 驗 的 情形 最愛 八卦 的 臺灣人 絕對 會 找 媒體 爆 料 誰 不 想 搶到 最新 獨家 綜合 網友 舉例 他 認為 臺灣人 愛看 醫生 又 貪生怕死 所以 多數 人 防疫 意識 強烈 民眾 對於 大小事 都 愛 到處 爆 料 媒體 也 恨不得 趕快 多 一點 確診 病例 可 報 雖然 這些 都 是 大家 都 知道 的 事實 但 剛好 這 都 有助於 防疫 看 完 這 位 神人 血淋淋 典 出 臺灣 生態 其他 網友 不禁 佩服 他 講 得 實在太 中肯 很 難 相信義 情 能夠 隱匿 的 住 了 中肯 健 保 造就 臺灣人 高 防疫 標準 健 保 看病 不貴 怕 死 愛 聊 八卦 真 的 有利 防疫 中肯 臺灣 健 保 真是 國寶 要 珍惜 膽小 怕 死 和 健 保 好 用 的確 是 防疫 秒 招</t>
  </si>
  <si>
    <t>新冠肺炎 武漢肺炎 疫情 金門 縣府</t>
  </si>
  <si>
    <t>新冠 病毒 新冠肺炎 武漢肺炎 covid-19 川普</t>
  </si>
  <si>
    <t>保加利亞 總統 辦公室 今天 表示 副 總統 依 奧托娃 iliana yotova 確診 2019 冠 狀 病毒 疾病 covid-19 武漢肺炎 她 僅 有 輕微 症狀 健康狀況 大致 良好 總統 辦公室 聲明 也 提到 保加利亞 總統 拉德夫 rumen radev 經檢測</t>
  </si>
  <si>
    <t>歐盟 峰會 新冠肺炎 武漢肺炎 經濟 刺激</t>
  </si>
  <si>
    <t>新冠 病毒 新冠肺炎 武漢肺炎 全球 ncp</t>
  </si>
  <si>
    <t>新冠肺炎 東 大門 太 魯 閣 花蓮 武漢肺炎</t>
  </si>
  <si>
    <t>新冠肺炎 武漢肺炎 全球 英國 川普</t>
  </si>
  <si>
    <t>新冠肺炎 川普 who 美國 確診 武漢肺炎</t>
  </si>
  <si>
    <t>新冠 病毒 新冠肺炎 武漢肺炎 covid-19 who</t>
  </si>
  <si>
    <t>新冠肺炎 武漢肺炎 covid-19 臺灣 年輕人</t>
  </si>
  <si>
    <t>新冠肺炎 疫情 武漢肺炎 基隆 活動 延期 口罩</t>
  </si>
  <si>
    <t>倒 店 新冠肺炎 台中 武漢肺炎 covid-19</t>
  </si>
  <si>
    <t>520 總統府 就職典禮 新冠肺炎 武漢肺炎</t>
  </si>
  <si>
    <t>新冠 病毒 武漢肺炎 新冠肺炎 covid-19 室內</t>
  </si>
  <si>
    <t>渦扇 運 20 發動機 新冠肺炎 武漢肺炎</t>
  </si>
  <si>
    <t>新冠肺炎 武漢肺炎 解封 美國 中國 大陸</t>
  </si>
  <si>
    <t>西班牙 加泰隆尼亞 自治區 政府 主席 托拉 quim torra 今天 表示 自己 對 2019 冠 狀 病毒 疾病 武漢肺炎 檢驗 結果 呈 陽性 他 會 在 一 棟 政府 大樓 內 自主 隔離 路透社 報導 加泰隆尼亞 政府 副 主席 阿 拉岡 尼斯 pere aragones 昨</t>
  </si>
  <si>
    <t>西班牙 加泰隆尼亞 自治區 政府 主席 托拉 quim torra 今天 表示 自己 對 2019 冠 狀 病毒 疾病 武漢肺炎 檢驗 結果 呈 陽性 他 會 在 一 棟 政府 大樓 內 自主 隔離 路透社 報導 加泰隆尼亞 政府 副 主席 阿 拉岡 尼斯 pere aragones 昨天 宣佈 自己 檢驗 結果 也 是 陽性 西班牙 交通部長 阿巴羅斯 jose luis abalos 今天 接受 西班牙 國家廣播 電臺 rne 訪問 時說 西班牙 現行 限制 疫情 擴散 的 措施 顯然 必須 延長 到 原訂 的 15 天 期限 以後</t>
  </si>
  <si>
    <t>蘇揆 講 武漢肺炎 為 操作 反 中 情緒 綠 委 個別 說法 不 需 過度 解讀</t>
  </si>
  <si>
    <t>蘇揆 滿意度 武漢肺炎 說法 羅致 政</t>
  </si>
  <si>
    <t>肺炎 下降 拐 點 湖北 武漢肺炎</t>
  </si>
  <si>
    <t>劣質 口罩 義 大利 台資 新冠肺炎 武漢肺炎</t>
  </si>
  <si>
    <t>武漢肺炎 症狀 南韓 武漢肺炎 林口長 庚 林口 張上淳</t>
  </si>
  <si>
    <t>新冠肺炎 武漢肺炎 確診 病例 大陸</t>
  </si>
  <si>
    <t>塔圖 塞爾提克 武漢肺炎 新冠肺炎 nba</t>
  </si>
  <si>
    <t>農委會 新冠肺炎 武漢肺炎 豬 價 臺灣</t>
  </si>
  <si>
    <t>中國 新冠肺炎 武漢肺炎 covid-19 停工</t>
  </si>
  <si>
    <t>美國 cdc 昨天 在 記者會 中 再度 指 臺灣 武漢肺炎 疫情 有 社區 傳播 現象 對此 外交部 表示 已向 美方 充分說明 臺灣 疫情 發展 未 達 社區 傳播 美方 表達 了 解 我方 顧慮 也 希望 能 取得 更 多 資料 台美 雙方 持續 溝通 協調 中 根據 中央 社</t>
  </si>
  <si>
    <t>美國 cdc 昨天 在 記者會 中 再度 指 臺灣 武漢肺炎 疫情 有 社區 傳播 現象 對此 外交部 表示 已向 美方 充分說明 臺灣 疫情 發展 未 達 社區 傳播 美方 表達 了 解 我方 顧慮 也 希望 能 取得 更 多 資料 台美 雙方 持續 溝通 協調 中 根據 中央 社 報導 美國國務院 領 務 局 首席 副 助 卿 布朗裡 ian brownlee 21 日 與 美國 疾病 管制 暨 預防 中心 cdc 共同 召開 電話 記者會 布朗裡 會 中 表示 國務院 呼籲 美國 民眾 重新考慮 並 評估 搭乘 郵輪 前往 亞洲 或 在 亞洲 搭乘 郵輪 的 風險 cdc 國家 疫苗 暨 呼吸道 部門 主任 梅森尼爾 nancy messonnier 則 首度 公開 指出 亞洲 已 出現 社區 傳播 情況 包括 新加坡 南韓 臺灣 泰國 越南 香港 與 日本 美國 cdc 之前 於 20 日 在 官網 發 佈 臺灣 日本 新加坡 南韓 泰國 與 越南 有 社區 傳播 現象 臺灣 方面 外交部 當天 即 表示 已 提供 科學 證據 據 以 向 美方 要求 改正 相關 資訊 外交部 發言人 歐 江安今 22 日 指出 已向 美方 充分說明 臺灣 疫情 發展 未 達 社區 傳播 美方 表示 理解 我方 顧慮 也 希望 我方 提供 更 多 資料 以 協助 評估 外交部 已 陸續 將 衛福部 疾病 管制 署 的 最新 相關 資訊 提供 美方 歐 江安 說 臺灣 方面 希望 美方 改正 目前 台美 雙方 仍 協調 處理 中 若 有 具體 結果 會 適時 向 外界 說明 網友 則 反應 又 是 一個 被 中共 滲透 的 組織 cdc 裡 不 知道 臺灣 在 哪 的 可 多 著 比 世衛 裡 的 白癡 好 不了 多少 沒 想到 連 美國 爸爸 這個 吹 哨 人 也 敢罵</t>
  </si>
  <si>
    <t>新冠肺炎 武漢肺炎 防疫 不 跑 攤 郭信良</t>
  </si>
  <si>
    <t>大街 墾 丁 口罩 新冠肺炎 武漢肺炎</t>
  </si>
  <si>
    <t>持續 延 燒 的 新冠肺炎 疫情 對 兩岸關係 形成 新 一 波 的 對抗 影響 所及 就 是 兩岸關係 中 產生 新 的 論述 比較 明顯 的 是從 安全 化 概念 所 建立 新 的 安全觀 對 未來 兩岸關係 影響 深遠 安全 化 的 主要 論點 是 認為 安全 是 一 種 言 外 之言 的 語言 行為 藉 由 將 某項 事務 標示 為 安全 問題 即可 成為 一 項 問題 也 就 是 安全 化 的 行為 者 會 透過 語言 表述 特定 主體 受到 威脅 時 要求 採取 特定 的 措施 以 確保 行為主體 的 生存 與 存 續 這項 安全 問題 從 正常 的 政治 領域 轉移 到 緊急 政治 領域 可以 繞過 多重 決策 領域 迅速 解決 問題 所以 為了 安全 起見 這 意味著 安全 不再 是 任何 過去 既定 的 意 涵 可以 是 行為主體 所說 的 各項 內容 使得 安全 成為 社會 與 互為 主體 的 建構 為了 讓 威脅 成為 安全 問題 成功 的 安全 化 包括 3 項 步驟 確定 存在 的 威脅 緊急行動 打破 規則 對於 內部單位 的 掣肘 新冠肺炎 疫情 的 發展 正 符合 這 3 項安全 化 的 論述 其中 包括 一 人員 的 流動 會 造成 病毒 擴散 二 在 高 流行 地區 對於 地方 政府 與 國家 的 穩定 受到 威脅 三 除 人員 死亡 外 新冠肺炎 可能 進一步 造成 社會 衝突 於是 安全 化 的 論述 關鍵在於 不同 的 場 域 中 強調 這些 場 域 的 脆弱性 與 威脅 進而 影響 與 改變 組織 與 生存 策略 最 重要 的 是 支持 安全 化 的 決策者 試圖 透過 如何 看待 這種 過程 以 確定 越來越 多 的 安全 化 物件 與 政策 在 武漢 疫情 已經 擴散 之後 大陸 國家 主席 習近平 在 1 月 20 日 提及 疫情 已 處於 加快 蔓延 的 嚴重 形勢 要求 黨政 各級 領導 幹部 需要 深入 防疫 第一線 從此 大陸 正式 把 新冠肺炎 視為 安全 威脅 在 這 之後 大陸 各個 省 市 紛紛 祭出 防範 疫情 擴散 的 措施 諸如 封城 封省 停工 與 停課 關閉 機場 與 交通樞紐 啟動 社區 封閉式 管理 嚴格 管 控 防疫 物資 國家 衛生 健康 委員會 每日 公佈 最新 疫情 湖北 開始 變更 病 患 的 收治 策略 等 官方 此時 已 更 重視 由 疫情 所 延伸 的 安全 問題 政府 也 開始 嚴格 管理 從 中央 到 地方 的 各項 所能 使用 的 防疫 工作 習近平 後來 更 說 到 確保 打 贏 疫情 防控 的 人民戰爭 總體戰 阻擊戰 而 臺灣 在 防疫 方面 嚴格 管 控 國境 安全 與 管控 口罩 等 防疫 物資 也 強調 讓 臺灣 加入 世界衛生組織 為 醫療 人權 的 重要性 在 國內 防疫 為 優先 的 前提 下 政府 率先 禁止 防疫 物資 出口 行政院長 蘇貞昌 並 表示 自救 才能 救人 事實上 通過 言語 行為 所 提出 的 安全性 主張 不僅 是 描述 性質 也 會 因為 改變 問題 的 解決 方式 來 改變 現實狀況 原本 想像 共同體 的 作者 安德森 認為 臺灣 做為 移民 社會 因 抗拒 來自 母國 的 壓迫 才 會 出現 臺灣 的 民族主義 然而 一 場 新冠肺炎 反而 讓 臺灣 建構 出 防疫 共同體 的 總體 意識 這種 兼具 民族主義 性質 的 防疫 意識 反而 變成 對 大陸 新 的 對抗 意識 與 安全 化 概念 相反 的 則 是 去 安全 化 過程 就是 將 問題 從 緊急事件 模式 轉變 到 一般性 商談 的 過程 為了 避免 對抗 意識 持續 下去 當 疫情 過去 之後 兩岸 如 何在 後 武漢肺炎 時代 建立 新 的 互動 模式 將 考驗 兩岸 政府 的 智慧 作者 為 實踐 大學 高雄校 區 博雅 學部 副教授</t>
  </si>
  <si>
    <t>新冠肺炎 武漢肺炎 美國 疫苗 佛 奇</t>
  </si>
  <si>
    <t>新增 1 死 40 歲 男 葉克 膜 死亡 病例 武漢肺炎</t>
  </si>
  <si>
    <t>新加坡 新冠肺炎 疫情 武漢肺炎 豬肉</t>
  </si>
  <si>
    <t>who 武漢肺炎 新冠肺炎 全球 遇襲</t>
  </si>
  <si>
    <t>雷神 山 醫院 婆婆 新冠肺炎 武漢肺炎 covid-19</t>
  </si>
  <si>
    <t>高文 音 周百謙 新冠肺炎 武漢肺炎 新 冠狀病毒</t>
  </si>
  <si>
    <t>新冠肺炎 武漢肺炎 川普 疫苗 美國</t>
  </si>
  <si>
    <t>川普 新冠肺炎 武漢肺炎 中國 大陸 美國</t>
  </si>
  <si>
    <t>新冠肺炎 武漢肺炎 covid-19 刺 胳 針 大陸</t>
  </si>
  <si>
    <t>王力宏 漸 凍 症 武漢 新冠肺炎 武漢肺炎</t>
  </si>
  <si>
    <t>新冠肺炎 武漢肺炎 教育部 學習 學生</t>
  </si>
  <si>
    <t>多 家 媒體 今天 報導 指出 北 韓 已經 解除 3600 多 人 的 2019 年 新 冠狀病毒 隔離 令 新冠肺炎 肆虐 全球 95 國 確診 病例 超過 10萬 例 平壤 當局 實施 嚴格 限制 措施 關閉 邊界 試圖 避免 爆發 疫情 而 當局 也 堅持 境內 沒有 任何 確診 病例 根據 南韓 聯合 新聞 通訊社 北 韓 官方 廣播電臺 報導 說 截至 本月 5 日 已 解除 江原道 kangwon 和 慈江道 chagang 約 3650 人 的 隔離 令 而 官媒 北 韓 中央 通信 社 6 日 表示 380 名 接受 嚴格 醫療 監管 的 外籍人士 有 221 人 已 解除 隔離 北 韓 因其 核子 及 彈道飛彈 計 畫 而 招致 多 項 國際制裁 當地 醫療 基礎 建設 薄弱 禁不起 武漢肺炎 爆發 分析家 表示 防範 未 然 是 北 韓 唯一 選項 北 韓 領袖 金正恩 本月 5 日 以 親筆信 慰問 抗 疫 努力 不懈 的 南韓 總統 文在寅 南韓 今天上午 通報 93 起 新增 病例 確診 病例 累計 7134 起 為 疫情 源頭 中國 以外 數量 最 多 的 國家 根據 南韓 疾病 管理 本部 資料 死亡 病例 新增 2 起 總數 來到 50 起 武漢肺炎 蔓延 全球 95 國 和 地區 確診 病例 已 突破 10萬</t>
  </si>
  <si>
    <t>北 韓 病例 武漢肺炎 新冠肺炎</t>
  </si>
  <si>
    <t>新冠肺炎 武漢肺炎 covid-19 死亡 疫情</t>
  </si>
  <si>
    <t>唐綺陽 預測 新冠肺炎 武漢肺炎 covid-19</t>
  </si>
  <si>
    <t>新冠肺炎 武漢肺炎 臺灣 宗教 團體</t>
  </si>
  <si>
    <t>新冠肺炎 武漢肺炎 疫情 臺灣 詹惟中</t>
  </si>
  <si>
    <t>藥物 測試 who 武漢肺炎 新冠肺炎</t>
  </si>
  <si>
    <t>日本政府 厚生 勞動 省 將 對 鑽石 公主 號 上 所有 人員 進行 武漢肺炎 病毒 檢查 只要 檢查 結果 確認 是 陰性 且 從 19 日 起 再度 確認 健康狀況 沒有 問題 就 能 依序 下船 日本 朝日新聞 報導 日本 厚生 勞動 大臣 加藤勝 信 今天 說 將 對 鑽石 公主</t>
  </si>
  <si>
    <t>搶 全球 之 先 英國 今天 表示 本 周 準備 開始 發放 美國 輝瑞 藥廠 和 德國 生 技 公司 biontech 的 2019 冠 狀 病毒 疾病 covid-19 武漢肺炎 疫苗 首先 會 在 醫院 施打 之後 再 分發 到 各 診所 第一 批 疫苗 將 從 8 日 起 施 打 英國 國家 醫療 保</t>
  </si>
  <si>
    <t>搶 全球 之 先 英國 今天 表示 本 周 準備 開始 發放 美國 輝瑞 藥廠 和 德國 生 技 公司 biontech 的 2019 冠 狀 病毒 疾病 covid-19 武漢肺炎 疫苗 首先 會 在 醫院 施打 之後 再 分發 到 各 診所 第一 批 疫苗 將 從 8 日 起 施 打 英國 國家 醫療保健 服務 nhs 將 優先 施打 80 歲 以上 長者 前線 醫護 以及 長 照 設施 員工 與 住 民 英國 上周 批准 輝瑞 pfizer 與 biontech 研發 疫苗 的 緊急 使用 授權 申請 搶先 全球 展開 史上 最 重要 的 大規模 接種 計 畫 共計 英國 訂購 4000萬 劑 疫苗 足以 供 給 這個 6700萬 人口 國家 的 2000萬 人 施打 第一 周 預料 可 提供 約 80萬 劑 英國衛生部 表示 從 比利時 送 抵 的 疫苗 將 儲存 在 全國 各地 安全 的 地方 進行 品質 檢查 由於 輝瑞 biontech 疫苗 存放 相當 麻煩 必須 儲存 在 攝氏 零下 70 度 環境 在 一般 冰箱 只能 存放 5 天 因此 衛生部 表示 疫苗初期 將 先 在 50 間 醫療 院所 施打 疫苗 的 解凍 和 使用 準備 要 花 上數 小時 英格蘭 國家 醫療保健 服務 nhs england 已 致函 家庭 醫師 general practitioner gp 請 他們 做好 準備 12 月 14 日 起 即 透過 當地 醫師 服務 展開 疫苗 接種 譯者 鄭 詩韻 核 稿 嚴思 示 其 1091206</t>
  </si>
  <si>
    <t>波蘭 環境 部長 渥 斯 michael wos 今天 指出 他 經采檢 對 2019 冠 狀 病毒 疾病 covid-19 武漢肺炎 呈 陽性反應 已 自我 隔離 還 表示 他 目前 覺得 狀況良好 法新社 報導 波蘭 確診 病例 已 達 156 例 有 3 人 死亡 已 實施 禁止 外國</t>
  </si>
  <si>
    <t>大陸 新冠肺炎 確診 病例 已 破 44萬 宗 死亡 人數 也 超過 千 人 疫情 蔓延 全球 近 30 國 如今 德國 證實 南部 巴 伐 利亞邦 新增 2 例 使 這 歐洲 人口 最 多 國家 的 新冠肺炎 病例 增為 16 例 據 路透 報導 巴 伐 利亞邦 衛生廳 說 新增 2 例 和 慕尼克 西方 斯坦柏格 starnberg 地區 汽車零件 供應商 偉 博思 通 webasto 的 員工 間 傳染 有關 偉 博思通 1 月 說 一 名 陸籍 員工 在 拜訪 慕尼克 附近 的 史托克 多夫 stockdorf 總部 後 返回 中國 大陸 時 確診 感染 新冠肺炎 報導 說 這 名 陸 籍 員工 在 訪德 期間 顯然 將 病毒 傳染給 幾 名 德國 籍 同事 另一方面 世界衛生組織 who 今天 將 去年 12 月 31 日 在 中國 大陸 首度 確認 的 致命 冠 狀 病毒 疾病 正式 命名 為 covid-19 而 這種 傳染病 俗稱 武漢肺炎</t>
  </si>
  <si>
    <t>馬英九 楊志良 葉 金川 新冠肺炎 武漢肺炎</t>
  </si>
  <si>
    <t>新冠肺炎 武漢肺炎 工作 加班</t>
  </si>
  <si>
    <t>駐法 代表處 外交部 法國 武漢肺炎</t>
  </si>
  <si>
    <t>義 大利 covid-19 簡稱 武漢肺炎 死亡率 突破 6 已 超越 中國 大陸 成為 全世界 最高 但 同樣 在 歐洲 德國 死亡率 僅僅 015 德國 做 對了 哪些 事 德國 並 沒有 對 疫情 免疫 確診 數 持續上升 但 一直 到 3 月 9 日 才 出現 第一 起 死亡 病</t>
  </si>
  <si>
    <t>蘇貞昌 狂 喊 武漢肺炎 趙 少康 痛 批 比 歧視 更 惡劣 的 羞辱</t>
  </si>
  <si>
    <t>中廣 董事長 趙 少康 日前 批 行政院長 蘇貞昌 稱 武漢肺炎 是 歧視 讓 兩岸 難 對話 行政院 秘書長 李孟 諺 受訪 時 回擊 強調 非歧視 是 一 開始 發現 疾病 時 約定俗成 的 名稱 勿 過度 渲染 對此 趙 少康 今 23 日 接受 媒體 聯 訪 時 直 批</t>
  </si>
  <si>
    <t>中廣 董事長 趙 少康 日前 批 行政院長 蘇貞昌 稱 武漢肺炎 是 歧視 讓 兩岸 難 對話 行政院 秘書長 李孟 諺 受訪 時 回擊 強調 非歧視 是 一 開始 發現 疾病 時 約定俗成 的 名稱 勿 過度 渲染 對此 趙 少康 今 23 日 接受 媒體 聯 訪 時 直 批 一 開始 叫 叫 就 算了 現在 還 這樣 根本 是 惡意 羞辱 比 歧視 更 惡劣 記者 詢問 國民黨 一向 被 認為 是 內鬥 內行 要 怎麼 促進 黨內 團結 及 兩岸 和睦 趙 少康 表示 攘外必先安內 黨內 和諧 很 重要 所以 才 一直 講 不 會 對 中常委 施壓 江啟臣 要 連任 黨主席 也 祝 他 選舉 順利 很 希望 國民黨 內部 可以 團結 意志 力量 才 可以 集中 兄弟 同心 其利斷金 至於 兩岸 之間 趙 少康 說 喊一聲 兄弟 保百歲 平安 不要 搞 得 劍拔弩張 本 是 同 根 生 相 煎 何太 急 他 也 強調 以後 會 提出 完整 的 兩岸 主張 記者 追問 如何 恢復 兩岸 互信 趙 少康 提到 蔡英文 換 了 陸委會 主委 邱太三 比較 會 笑 不 知道 會 不 會使 兩岸 稍微 轉機 但 最 重要 的 還是 蔡英文 的 態度 是不是 真的 想 談 是不是 真的 想 兩岸 之間 進行 溝通 眼前 最 簡單 就 是 蔡英文 命令 蘇貞昌 不要 再 講 武漢肺炎 了 不能 唱 黑白 臉 蔡英文 在 那邊 疫情 疫情 陳時中 說 covid-19 蘇貞昌 這時候 幹 嘛 還要 講 武漢肺炎 李 孟 諺 日前 表示 要 趙 少康 勿 過度 渲染 不要 誇大 強調 沒有 歧視 的 意思 是 一 開始 發現 疾病 時 約定俗成 的 名稱 就 像 日本 腦炎 非洲 豬瘟 等 請 外界 勿 過度 渲染 對此 趙 少康 直 批 現在 已經 很多 地方 都 有 了 開始 叫 叫 也 就 算了 人家 現在 都 不 叫 了 為什麼 你 還 叫 呢 就是 惡意 羞辱 故意 汙名 化 人家 是 比 歧視 更 惡劣 更 糟糕 百倍 的 羞辱 蔡英文 不能 叫 蘇貞昌 改 嘛 如果 連 這個 都 做 不到 還 談 什麼 兩岸 和諧</t>
  </si>
  <si>
    <t>社區 感染 肺炎 執著 武漢肺炎 新冠肺炎</t>
  </si>
  <si>
    <t>武漢 解封 武漢肺炎 新冠肺炎 大陸</t>
  </si>
  <si>
    <t>陳時中 檢疫 韓國 武漢肺炎 新冠肺炎</t>
  </si>
  <si>
    <t>新冠 病毒 新冠肺炎 武漢肺炎 緊急狀態 西雅圖</t>
  </si>
  <si>
    <t>新冠肺炎 新冠 疫情 新冠 病毒 武漢肺炎 covid-19</t>
  </si>
  <si>
    <t>脫線 肺炎 脫線 老婆 新冠肺炎 武漢肺炎</t>
  </si>
  <si>
    <t>北京 機票 五一 新冠肺炎 武漢肺炎</t>
  </si>
  <si>
    <t>高市 3 位 民眾 參加 土耳其 團 旅行 返台 確診 感染 新冠肺炎 其中 有 1 位 民眾 去 了 一 間位 在 鳳山 五甲 的 診所 雖然 衛生局 後來 出面 澄清 該 名 個案 並未 進入 診所 內 可是 診所 還是 遭到 網路 霸 淩 歧視 診所 為 此 自行 貼 公告 休 診 到 4 月 6 日 甚至 連 診所 醫護人員 小孩 也 被 要求 請假 14 天 高市 衛生局 簡任 技正 潘 照 穎 痛 批 這 根本 不是 在 防疫 而是 獵 巫 3 名 前往 土耳其 旅行 的 團員 回到 高雄 後 被 確診 感染 新冠肺炎 但 卻 有人 搶 在 高市 衛生局 公告 他們 的 足跡 史 之前 在 網路上 點名 了 一些 地方 其中 包含 1 名 民眾 去 過 的 診所 不過 衛生局 當天 就 已經 出面 說明 的確 有 名 患者 是 到 該 診所 就醫 但 他 並未 進入 診所 裡頭 因此 不 需要 匡列 這間 診所 裡頭 的 醫護人員 也 沒有 要求 他們 要 自主 健康 管理 沒想 到 現在 卻 傳出 了 該 診所 醫護 理 人員 有 念 幼稚園 的 小孩 竟 遭到 同班同學 家長 們 聯合 要求 請假 在家 14 天 另 診所 也 不堪 網路 流言 困擾 貼出 公告 表示 本 診所 未曾 讓 疑 似 武漢肺炎 確診 患者 進入 診治 但 避免 太 多 困擾 自 3 月 19 日 停 診 並於 4 月 6 日 恢復 看 診 等同 診所 停業 14 天 高雄 市政府 衛生局 防疫 診所 土耳其 旅遊團 新冠肺炎</t>
  </si>
  <si>
    <t>新冠肺炎 covid-19 俗稱 武漢肺炎 疫情 持續 延 燒 截至 2 月 18 日 大陸 地區 已 出現 超過 72萬 起 確診 病例 累積 死亡 人數 達到 1870 起 各省 紛紛 實施 封閉式 管理 嚴格 限制 民眾 出入 並 要求 配戴 口罩 日前 在 河南 有名 男</t>
  </si>
  <si>
    <t>新冠肺炎 covid-19 俗稱 武漢肺炎 疫情 持續 延 燒 截至 2 月 18 日 大陸 地區 已 出現 超過 72萬 起 確診 病例 累積 死亡 人數 達到 1870 起 各省 紛紛 實施 封閉式 管理 嚴格 限制 民眾 出入 並 要求 配戴 口罩 日前 在 河南 有名 男子 外出 時 未戴 口罩 遭到 防疫 人員 反 綁 在 牆 柱 上 對 他 一陣 破口大駡 最近 在 大陸 瘋 傳 一 段 影片 畫面 中 可以 看到 1 名 男 子 被 牢牢 綁 在 柱子 上 面前 站 著 1 位 身穿 防護衣 的 工作人員 對 著 他 大聲 痛斥 忘 戴 了 你 還 想 活 嗎 你 不 活 人家 老百姓 還 活 呢 這 段 畫面 曝光 後 立刻 引起 一陣 熱 議 事後 官方 也 證實 影片 內容 確 屬 事實 此事 發生 在 河南省 濮陽 當地 官員 表示 遭到 捆綁 的 是 一 名 靖某 男子 由於 他 每天 外出 都 不 戴 口罩 且 多 次 出入 檢查 口 時 不服 防疫 人員 勸告 直到 13 日 靖 某 再度 不 戴 口罩 出門 防疫 人員 因此 對 他 進行 教育 但 坦承 做法 確實 不 適當 將 會 對 其 進行 檢討 公安 也 介入 調查 更 多 ctwant 報導</t>
  </si>
  <si>
    <t>歐陽靖 新冠肺炎 新 冠狀病毒 武漢肺炎 日本</t>
  </si>
  <si>
    <t>南韓 江泳 錡 楊煥 新冠肺炎 武漢肺炎</t>
  </si>
  <si>
    <t>蒙古 患者 國籍 接觸 武漢肺炎</t>
  </si>
  <si>
    <t>教育部 今天 公佈 最新 統計 4 月 20 日 至 6 月 4 日 傍晚 各級 學校 合計 405 名 學生 確診 武漢肺炎 比 昨天 同一時間 公佈 的 統計 377 人 增加 28 人 教育部 校 安 中心 今天上午 更新 武漢肺炎 2019 冠 狀 病毒 疾病 covid-19 各級 學校 學生</t>
  </si>
  <si>
    <t>世界衛生組織 who 表示 歐洲新冠 疫情 極為 嚴重 的 國家 義 大利 和 西班牙 近日 出現 疫情 趨 穩 跡象 此 一 現象 說明 先前 採取 的 社交 隔離 等 防控 措施 已 開始 生效 但要 使 新增 病例 持續 下降 仍 需 持續 加大 疫情 防控 的 力度 據 央 視 新聞 報導 世衛組織 衛生 緊急 專案 負責人 邁克爾 里安 michael j ryan 在 記者會 上 表示 由於 持續 採取 嚴格 防控 措施 義 大利 和 西班牙 新增 病例 的 曲線 將 逐漸 平緩 世衛組織 也 熱切期望 兩 國 疫情 能夠 趨於穩定 里安 說 義 大利 和 西班牙 都 採取 限制 人員 流動 的 措施 其 效果 體現 在 新增 病例 曲線 上 需要 一定 時間 因 兩 國 目前 疫情 曲線 實際上 應是 反映 了 至少 兩 周前 狀況 他 表示 通過 社交 疏離 措施 每個 確診 病例 的 接觸 者 數量 在 明顯 減少 這 意味著 與 兩 周前 相比 處於 感染 風險 的 人數 已 大量 減少 再 加上 持續 對 社區 病例 的 檢測 和 隔離 人們 其實 已 能夠搶 在 病毒 進一步 擴散 之前 採取措施 不過 里安 也 強調 光靠 管 控 措施 遠遠 不夠 還 必須 加倍 努力 推進 公共 衛生 措施 來 壓制 病毒 因為 病毒 不 會 自動 退卻 現在 的 問題 是 如何 讓 病例 數 下降 這 不僅 是 限制 或 放開 人員 流動 的 問題 而是 要 讓 病例 數 不僅 穩定 而且 呈 下降 趨勢 據 義 大利 官方 統計 周日 新增 確診 感染 病例 減少 56 這 已經 是 確診 病例 連續 第 3 天 呈 下降 趨勢 但 西班牙 週一 新增 新增 849 起 武漢肺炎 死亡 病例 累計 死亡 人數 達 8189 人 創 單日 新高 死亡 病例 總數 僅次於 義 大利 居 全球 第 2</t>
  </si>
  <si>
    <t>新冠 病毒 新冠肺炎 武漢肺炎 全球 美 股</t>
  </si>
  <si>
    <t>伊朗 死亡 囚犯 疫情 武漢肺炎</t>
  </si>
  <si>
    <t>新冠肺炎 武漢肺炎 疫情 金門 戰地</t>
  </si>
  <si>
    <t>新冠肺炎 持續 延 燒 台南 市長 黃偉哲 針對 疫情 造成 外銷 通路 受阻 內需 減少 的 經濟 衝擊 指示 成立 台南 市政府 武漢肺炎 疫情 因應 小組 超前 部署 以 掌握 中央 紓困 的 相關 方案 才能 即時 媒 合 產業 爭取 中央 補助 期望 減緩 在 地產</t>
  </si>
  <si>
    <t>新冠肺炎 持續 延 燒 台南 市長 黃偉哲 針對 疫情 造成 外銷 通路 受阻 內需 減少 的 經濟 衝擊 指示 成立 台南 市政府 武漢肺炎 疫情 因應 小組 超前 部署 以 掌握 中央 紓困 的 相關 方案 才能 即時 媒 合 產業 爭取 中央 補助 期望 減緩 在 地產業 衝擊 針對 立即 受 影響 產業 黃偉哲 指示 以 宅 經濟 鄉野 經濟 保健 經濟 三大 主軸 共同 籌 畫 因應 策略 擬定 共用 經濟 與 隨 選 經濟 整合 台南 店家 于 電 商 平臺 建立 台南 好 物 專區 讓 台南 好 物 一 站 購 足 並 洽 接 外 送 平臺 市民 在家 動動手 指 服務 就 來 在 農漁 畜 農 產 運銷 方面 台南 鳳梨 產銷 已經 受到 衝擊 台南 市政府 農業局 將 積極 拓展 外銷 新 市場 建立 多 元 行銷 管道 以 刺激 消費 觀光旅遊 方面 朝 強化 消費者 信心 多元 戶外 鄉野 行程 推動 偏 鄉 經濟 進行 並 協助 媒 合 中小企業 爭取 中央 相關 紓困 補助 或 貸款 另外 計程車 司機 的 防疫 物資 交通部 已 同意 每日 配發 公共 運輸 從業者 口罩 台南 市 計程車 已經 做好 防疫 準備 是 自由 行 旅客 及 市民 移動 的 好 選擇 黃偉哲 認為 新冠肺炎 情 造成 的 經濟 衝擊 需要 長期 解決 台南 市 各項 因應 計 畫 將 采 波段 式 逐步 推動 現階段 將 輔導 產業 強化 內部 職能 數位 轉型 等 強化 體質 共同 朝向 開發新 市場 新 服務 的 目標 前進 行政院 會 今日 也 針對 經濟 內需 型 產業 農業 交通 等 3 大類 紓困 輔導 及 振興 方案 觀光 運輸 產業 分 短 中長期 提出 紓困 復蘇 及 升級 轉型 計畫 呼應 內需 型 產業 需求 助 業者 渡 難關 農產品 多元 行銷 通路 媒 合 拓展 外銷 市場 及 紓困 貸款 黃偉哲 表示 台南 市 除 配合 中央 的 各項 紓困 振興 措施 也 會 積極 媒 合 業者 爭取 中央 補助 或 貸款 申辦 期待 能 減緩 疫情 對 台南 的 產業 衝擊</t>
  </si>
  <si>
    <t>新冠肺炎 武漢肺炎 台南 新營 麥當勞 敦睦 艦隊</t>
  </si>
  <si>
    <t>關曉彤 新冠肺炎 武漢肺炎 covid-19</t>
  </si>
  <si>
    <t>拜登 黃暐瀚 武漢肺炎 中國 病毒 臺灣</t>
  </si>
  <si>
    <t>肺炎 武漢肺炎 武漢 呼籲 陸委會</t>
  </si>
  <si>
    <t>新冠肺炎 武漢肺炎 covid-19 臺灣 潘孟安</t>
  </si>
  <si>
    <t>伊朗 伊斯蘭 革命 衛隊 新冠肺炎 武漢肺炎</t>
  </si>
  <si>
    <t>新冠肺炎 武漢肺炎 線 上 祈福 媽祖 保生 大帝</t>
  </si>
  <si>
    <t>人員 觀察 隔離 新冠肺炎 武漢肺炎</t>
  </si>
  <si>
    <t>歐洲議會 12 日 舉行 武漢肺炎 議題 辯論 有 6 位 議員 呼籲 支持 臺灣 參與 世界衛生組織 who 機制 及 相關 防疫 會議 再次 展現 對 臺灣 堅定 友誼 中央 社 報導 新冠肺炎 疫情 持續 升溫 歐洲議會 人民黨 團 上周 提出 緊急 決議 草案 獲</t>
  </si>
  <si>
    <t>歐洲議會 12 日 舉行 武漢肺炎 議題 辯論 有 6 位 議員 呼籲 支持 臺灣 參與 世界衛生組織 who 機制 及 相關 防疫 會議 再次 展現 對 臺灣 堅定 友誼 中央 社 報導 新冠肺炎 疫情 持續 升溫 歐洲議會 人民黨 團 上周 提出 緊急 決議 草案 獲 同意 納入 本 周 在 歐洲議會 總部 史 特拉斯堡 strasbourg 舉行 的 全會 議程 內 但因 有 黨團 強烈 反對 並 提議 撤 案 引發 議員 激烈 辯論 最後 改 采 全會 辯論 但 無 決議案 折衷方案 6 位 議員 包括 徐 伊凡 ivan stefanec 索 埃德羅娃 michaela sojdrova 及 歐洲議會 對 中國 關係 代表團 團長 包瑞翰 reinhard butikofer 人民 黨團 環衛 委員會 協調人 李 瑟 peter liese 人民 黨團 人權 小組 協調人 利馬 isabel wiseler-lima 和 內部 市場 委員會 主席 沙特 petra de sutter 在 12 日 深夜 全會 辯論 時 踴躍 登記 聲援 臺灣 呼籲 支持 臺灣 參與世衛 機制 及 相關 防疫 會議 再次 展現 對 臺灣 堅定 友誼 其中 徐 伊凡 發言 完全 聚焦 在 臺灣 徐 伊凡 表示 直到 今天 臺灣 是 唯一 被 世衛 會議 排除 的 確診 病例 的 國家 這 不僅 在 全球 健康 保障體系 中 造成 嚴重 差距 而且 還 破壞 臺灣 人民 的 基本 健康 權 臺灣 是 西太平洋 最 重要 的 國際 樞紐 疾病 不分 國界 臺灣 應 被 納入 世衛 的 所有 活動 包 瑞翰 表示 國際 合作 至關重要 我 要 明確 強調 臺灣 必須 完全 納入 世衛組織 主導 的 國際 努力 中 沙特 指出 沒有 哪個 國家 或 組織 可以 單獨 阻止 病毒 的 爆發 歐盟 應 與 會員國 及 世衛組織 中國政府 和 包括 臺灣 在內 的 其他 國際 夥伴 密切合作 李 瑟 表示 臺灣 因 意識形態 原因 被 排除 在外 但 意識形態 不 應該 淩駕 于 健康 之上 中國 大陸 必須 明白 這 點 這 場 辯論會 是 繼 今年 一月 在 布魯塞爾 全會 首度 辯論 病毒 疫情 案 後 友台 議員 再度 在 全會 場合 公開 為 臺灣 參與 世衛 案 強力 執 言 具 重要 意義</t>
  </si>
  <si>
    <t>新冠肺炎 大陸 臺灣 武漢肺炎 新 冠狀病毒</t>
  </si>
  <si>
    <t>川普 中國 大陸 美國 武漢肺炎 新冠肺炎</t>
  </si>
  <si>
    <t>盧廣 仲 新冠肺炎 武漢肺炎 新 冠狀病毒 新冠肺炎 疫情</t>
  </si>
  <si>
    <t>新冠肺炎 武漢肺炎 covid-19 臺灣 超前 部署</t>
  </si>
  <si>
    <t>中職 6 搶 1 開幕 戰 新冠肺炎 武漢肺炎</t>
  </si>
  <si>
    <t>受 新冠肺炎 疫情 covid-19 俗稱 武漢肺炎 影響 全球 確診 人數 正式 突破 百萬 其中 單是 美國 一 國 就 近 25萬 人 確診 占 總數 約 四 分之一 引起 網友 熱 議 為何 美國防 不了 肺炎 疫情 有 網友 分析 恐是 3 大 關鍵因素 的 直接 影響 所</t>
  </si>
  <si>
    <t>受 新冠肺炎 疫情 covid-19 俗稱 武漢肺炎 影響 全球 確診 人數 正式 突破 百萬 其中 單是 美國 一 國 就 近 25萬 人 確診 占 總數 約 四 分之一 引起 網友 熱 議 為何 美國防 不了 肺炎 疫情 有 網友 分析 恐是 3 大 關鍵因素 的 直接 影響 所 致 據 美國 約翰 霍普金斯大學 johns hopkins university 今 3 日 最新 統計 全球 肺炎 確診 人數 已 超過 100萬 例 已 有 53萬 人 因 病 喪命 美國 則 在 短短 一個 月 內 確診 案例 翻倍 來到 近 25萬 例 數量 沖到 全球 最高 比 西班牙 和義 大利 相加 的 23萬 多 例 還 更 多 美國 疾病 管制 暨 預防 中心 u s centers for disease control and prevention cdc 及 全球 各 大學 專家 2 月 就 曾 預估 新冠肺炎 疫情 席捲 美國 後 最慘 的 情況 是 將 有 16億 至 214億 美國 人 感染 新冠肺炎 20萬 至 170萬 美國 人 可能 病 死 預估 還 指出 感染 情況 恐 將 持續 數 月 甚至 超過 1 年 全美 不同 社區 將 在 短 時間 內 接連 爆發 疫情 網友 iphone 5656 對 此 現象 相當 好奇 就 在 批 踢踢 論壇 發文 以 為何 美國 國力 防 不了 肺炎 疫情 為題 發文 詢問 引起 網友 熱 議 身 為 世界 第一 強國 不論 軍事 科技 醫療 教育 等 都 名列前茅 甚至 也 一 堆 全球 企業 什麼的 也 都 在 美國 甚至 隨便 一個 車庫 就 可以 發明 一 堆 東西 這樣 子 的 美國 為什麼 每天 確診 數量 一直 在 暴 增 這次 為什麼 束手無策 呢 有 另 一 位 網友 就 發文 回復 點出 幾 個 關鍵 第一 一 開始 官方 口徑 一致 都說 是 小 感冒 雖然 第一 時 間斷 航 但 23 月 沒 祭 強制 防疫 手段 後來 疫情 就 爆 了 第二 川普 總統 緊急命令 發動 太 晚 一些 人口 大 州 如 紐約州 華盛頓州 加州 醫療 無法 負擔 爆 量 的 病 患 醫療 資源 調動 和 美軍 動員 需要 一段時間 補救 時間 太 晚 疫情 已經 默默 擴散 第 三 最 敏感 也 最 具 爭議 的 美國 的 種族歧視 問題 美國 華裔 受 境內 白種 人 歧視 出門 只要 戴 口罩 通通 會 被 當 中國 人 白種 美國 人 優越感 覺得 那是 黃種 人 的 病 造成 美國 社會 的 一致性 歧視 殊不知 病毒 根本 沒 在 管 膚色 而 戴 口罩 產生 的 種族歧視 議題 美國 紐約時報 new york times 早 在 3 月 20 日 就 報導 提及 在 紐約 和 西雅圖 都 有 部分 華裔 和 亞裔 美國 人 因 在 地鐵 和 校園 內 戴 口罩 而 被 嘲笑 和 歧視 報導 不 樂觀 分析 歧視 甚至 會 因為 疫情 擴大 有 越 演 越 烈 的 負面影響</t>
  </si>
  <si>
    <t>美國 武漢肺炎 新冠肺炎 口罩 確診</t>
  </si>
  <si>
    <t>新冠肺炎 新冠 病毒 武漢肺炎 covid-19 疫情</t>
  </si>
  <si>
    <t>中國 大陸 新冠肺炎 俗稱 武漢肺炎 全球 疫情 遲遲 未 獲得 有效 控制 全球 多國 的 經濟 與 日常生活 都 受到 影響 就 連 臺灣 國內 學生 開學 因此 破天荒 延期 不少 在外 求學 必須 租 屋 的 學生 也 受到 這項 變數 影響 房市 部落 客 sway 昨</t>
  </si>
  <si>
    <t>米蘭 時裝周 臺灣 新冠肺炎 武漢肺炎 越南</t>
  </si>
  <si>
    <t>新冠肺炎 武漢肺炎 口罩 藥局 配送</t>
  </si>
  <si>
    <t>春假 大學生 包機 新冠肺炎 武漢肺炎</t>
  </si>
  <si>
    <t>瑞典 佛 系 防疫 新冠肺炎 武漢肺炎</t>
  </si>
  <si>
    <t>新冠 病毒 新冠肺炎 武漢肺炎 covid-19 ncp</t>
  </si>
  <si>
    <t>新冠肺炎 疫情 接連 在 各國 回 溫 而且 新增 病例 集中 在 40 歲 以下 青 壯 人口 美國 的 兒童 確診 人數 甚至 暴 增 9 成 年輕人 感染 新冠肺炎 雖然 多 無 大礙 傳染 力 卻 不 容小覷 新冠肺炎 英文 covid-19一 稱 武漢肺炎 疫情 再度 延 燒</t>
  </si>
  <si>
    <t>防疫 車隊 小 編 國師 武漢肺炎</t>
  </si>
  <si>
    <t>武漢肺炎 肆虐 大陸政府 從 1 月 23 日 開始 封鎖 武漢 至今 將 屆滿 一個 月 據 陸媒 最新報導 武漢 發佈 消息 城市 運行 生產 生活 特殊 疾病 治療 等 原因 必須 出 城 的 人員 以及 滯留 在 漢 外地人 員 以下 簡稱 出 城 人員 可以 出 城 但要</t>
  </si>
  <si>
    <t>武漢肺炎 肆虐 大陸政府 從 1 月 23 日 開始 封鎖 武漢 至今 將 屆滿 一個 月 據 陸媒 最新報導 武漢 發佈 消息 城市 運行 生產 生活 特殊 疾病 治療 等 原因 必須 出 城 的 人員 以及 滯留 在 漢 外地人 員 以下 簡稱 出 城 人員 可以 出 城 但要 堅持 錯 峰 出 城 分批 實施 適時 安全 有序 原則 意 謂 武漢 封城 局部 解禁 據 新 京 報 報導 武漢市 新冠肺炎 疫情 防控 指揮部 針對 人員 和 車輛管理 最新 發佈 在 人員 管理 上 因 保障 疫情 防控 城市 運行 生產 生活 防疫 物資 運輸 等 原因 必須 進城 的 人員 和 車輛 以及 滯留 在 外地 的 武漢 市民 及 車輛 按照 省 市 疫情 防控 指揮部 有關 規定 辦理 相關 手續 後 可以 進城 但要 堅持 錯 峰 出 城 分批 實施 適時 安全 有序 原則 至於 車輛 方面 保障 武漢市 城市 運行 的 水 電 油 氣 及 生活 物資 保障 車輛 本市 車輛 憑 所在單位 開具 的 證明 派 工 單 收 件函 對 車上 人員 原則 上 一 車 2 人 含司機 身份 核 驗 無誤 體溫 檢測 正常 後 及時 放行 據悉 出 城 人員 必須 為 不 屬於 被 要求 隔離 的 人員 包括 確診 患者 疑 似 患者 發熱 患者 密切接觸 者 及 處於 觀察期 的 治癒 出院 患者 且 需 身體健康 沒有 發熱 乾咳 氣喘 等 症狀 出 城 人員 到達 目的地 後 須 做 好 不 少於 14 天 的 健康 監測 並 向 當地 疫情 防控 指揮 部門 備案 此外 因 保障 疫情 防控 城市 運行 生產 生活 防疫 物資 運輸 等 原因 而 必須 進城 的 人員 和 車輛 以及 滯留 在 外地 的 武漢 市民 及 車輛 可 按照 省 市 疫情 防控 指揮部 有關 規定 辦理手續 後 進城 當局 在 進出 城 通道 設置 檢查站 核實 進城 車輛 和 人員 身份 並 對 車輛 消毒 人員 體溫 檢測 等</t>
  </si>
  <si>
    <t>明天 會 更 好 武漢肺炎 新冠肺炎 youtuber 羅大佑</t>
  </si>
  <si>
    <t>新 冠狀病毒 疫情 在 全球 快速 擴散 繼 各地 政要 名人 陸續 傳出 確診 後 美國 職 籃 nba 球星 也 中 鏢 迫使 全球 主要 體育賽事 接連 宣佈 暫停 或 延期 已 經受 美中 貿易戰 波及 的 體育 用品 巨頭 nike 又 再 面臨 疫情 大 流行 帶來 的 營運 挑戰 週四 股價 暴跌 1167 收在 7420 美元 under armour ua 亦 重 挫 1478 收在 969 美元 在 美國 方面 美國職棒大聯盟 mlb nba 國家 冰球 聯盟 nhl 與 國家 美式足球 聯盟 nfl 已 宣佈 賽事 延期 或 暫停 歐洲 的 歐足總 歐洲 聯賽 義 大利 足球 甲級聯賽 德國 甲級 足球聯賽 西班牙 足球 甲級聯賽 以及 在 捷克 與 斯洛維尼亞 等 地 舉辦 的 體育賽事 都已 宣佈 延期 或 閉門 比賽 美國 鞋 類 經銷 與 零售商 協會 宣佈 1 月 從 中國 進口 的 美國 鞋 類產品 創下 逾 10 年 來 同期 最 大 跌幅 該 協會 成員 包括 沃爾 瑪 nike crocs 與 steven madden 等 公司美國 七 成 銷售 的 鞋 類 從 中國 進口 但 美國 鞋業 近來 流年不利 先是 遭 美中 貿易 關稅 大戰 波及 接 著 又 面臨 中國 爆發 武漢肺炎 帶來 的 斷 鏈 衝擊 今年 1 月 美國 從 中國 進口 的 鞋 類產品 較 去年同期 大 減 157 創下 逾 10 年 來 同 月份 與 逾 4 年 來 的 最 大 跌幅</t>
  </si>
  <si>
    <t>賴士葆 拜登 蔡英文 武漢肺炎 中國 病毒</t>
  </si>
  <si>
    <t>肺炎 武漢 武漢肺炎 西班牙 感染</t>
  </si>
  <si>
    <t>季節性 流感 專家 檢測 病毒 武漢肺炎</t>
  </si>
  <si>
    <t>新冠肺炎 武漢肺炎 covid-19 口罩 20 預購</t>
  </si>
  <si>
    <t>新冠肺炎 covid-19 俗稱 武漢肺炎 疫情 持續 延 燒 停靠在 日本 橫濱 港 的 鑽石 公主 號 郵輪 截至 16 日 為止 全船 累計 達 355 人 確診 感染 人 也 在 船上 的 臺灣 知名 魔術師 陳日升 不斷 透過 直播 發文 向 外界 更新 船上 的 狀況 日前</t>
  </si>
  <si>
    <t>居家 關懷 包 居家 隔離 武漢肺炎 新冠肺炎 14 天</t>
  </si>
  <si>
    <t>新冠肺炎 武漢肺炎 covid-19 新冠 病毒 伊維 菌素</t>
  </si>
  <si>
    <t>新冠肺炎 武漢肺炎 醫護人員 便當 隔離 所</t>
  </si>
  <si>
    <t>眼睛 醫師 眼科 新冠肺炎 武漢肺炎</t>
  </si>
  <si>
    <t>新冠肺炎 武漢肺炎 covid-19 臺灣 新北 市</t>
  </si>
  <si>
    <t>新冠肺炎 武漢肺炎 covid-19 臺灣 補償 金</t>
  </si>
  <si>
    <t>二二 八連 假 這 幾 天 網路上 關於 武漢肺炎 討論 最熱 的 話題 不是 韓國 增加 多少 例 也 不是 臺灣 疫情 如 何如何 而是 爭論 到底 病毒 是不是 來自 美國 這個 話題 最 早 是 日本 朝日電視臺 報導 但 很快 就 被 美國 疾病 管制 暨 預防 中心 cdc</t>
  </si>
  <si>
    <t>武漢肺炎 症狀 次氯酸 水 酒精 洗手 乾洗 手</t>
  </si>
  <si>
    <t>新冠肺炎 武漢肺炎 covid-19 南韓 孔劉</t>
  </si>
  <si>
    <t>疫情 新冠 疫情 新冠肺炎 武漢肺炎 covid-19</t>
  </si>
  <si>
    <t>因為 新冠肺炎 covid-19 俗稱 武漢肺炎 疫情 持續 在 台延 燒 疾 管署 為了 即時 向 民眾 更新 最新 資訊 特別 推出 line 聊天 機器人 疾 管家 不僅 能 和 民眾 作 互動 更 能 及時 提供 疫情 指南 不過 行政院 副 院長 陳其邁 卻 透露</t>
  </si>
  <si>
    <t>因為 新冠肺炎 covid-19 俗稱 武漢肺炎 疫情 持續 在 台延 燒 疾 管署 為了 即時 向 民眾 更新 最新 資訊 特別 推出 line 聊天 機器人 疾 管家 不僅 能 和 民眾 作 互動 更 能 及時 提供 疫情 指南 不過 行政院 副 院長 陳其邁 卻 透露 疾 管家 真 有 其人 外表 更 酷似 一 位 男 星 陳其邁 昨 13 日 在 個人 ig 上 貼出 新 po 文 表示 到 疾 管署 開會 突然 有 一 位 卷髮 帥哥 要求 和 他 拍照 陳其邁 細看 指出 他 的 line 正 夯 原來 疾 管家 是 真有 其人 不是 cosplay 疾 管家 本 尊 現身 了 陳其邁 指出 其實 line 上 疾 管家 的 大頭 貼 設計 就 是 按照 疾 管署 同仁 形象 去 畫 的 但是 有 戴 假髮 比較 真人 版 和 line 版本 疾 管家 2 者 都戴 著 眼鏡 頂 著 卷髮 但 本 尊 實際上 卻 很 年輕 網友 看到 疾 管家 本人 興奮 表示 哇 笑 得 好 靦腆 是 疾 管家 大哥 許多 人 都 驚訝 原來 本 尊 那麼 年輕 更 有人 說他 外 型 長 得有 像 男 星 盧廣 仲</t>
  </si>
  <si>
    <t>新冠肺炎 武漢肺炎 ratg 13 武漢 病毒</t>
  </si>
  <si>
    <t>陳時中 出國 旅遊 屏 東 墾 丁 武漢肺炎</t>
  </si>
  <si>
    <t>羅智強 大陸 臺灣 武漢肺炎 新冠肺炎</t>
  </si>
  <si>
    <t>who wha 新冠肺炎 武漢肺炎 中國 大陸</t>
  </si>
  <si>
    <t>康復者 血清 張上淳 新冠肺炎 武漢肺炎</t>
  </si>
  <si>
    <t>因應 武漢肺炎 衝擊 產業 紓困 經濟部 擬提 出 20億 元 的 酷 碰 折扣 抵 用 券 行政院 發言人 kolas 說 抵 用 券 絕對 不是 人人 都 有 的 消費 券 ptt 網友 稱 只 有 817 能 超過 765 時空 背景 不同 啦 行政院 會 今天 討論 因應 武漢肺炎 衝擊 產業</t>
  </si>
  <si>
    <t>大陸 新冠肺炎 全球 武漢肺炎 covid-19</t>
  </si>
  <si>
    <t>美 股 新冠肺炎 武漢肺炎 道 瓊 cdc</t>
  </si>
  <si>
    <t>病例 寧波市 感染 新冠肺炎 武漢肺炎</t>
  </si>
  <si>
    <t>本錢 危機 臺灣 新冠肺炎 武漢肺炎</t>
  </si>
  <si>
    <t>台南 市 議會 國民 黨團 新冠肺炎 武漢肺炎 防疫 破 口</t>
  </si>
  <si>
    <t>馮迪 索 李安 血 衛 新冠肺炎 武漢肺炎</t>
  </si>
  <si>
    <t>起 駕 陳柏惟 媽祖 繞 境 新冠肺炎 武漢肺炎</t>
  </si>
  <si>
    <t>特價 好 市 多 濕式 衛生紙 武漢肺炎 新冠肺炎</t>
  </si>
  <si>
    <t>許佩榆 口罩 正 妹 新冠肺炎 武漢肺炎</t>
  </si>
  <si>
    <t>新冠 病毒 武漢肺炎 全球 義 大利 封鎖</t>
  </si>
  <si>
    <t>旅行 川普 美國 英國 武漢肺炎</t>
  </si>
  <si>
    <t>武漢肺炎 新冠肺炎 大陸 確診 海外</t>
  </si>
  <si>
    <t>陳鎮川 張惠妹 新冠肺炎 武漢肺炎 新 冠狀病毒</t>
  </si>
  <si>
    <t>胡 淽 喬 美女 廚 神 武漢 新冠肺炎 武漢肺炎</t>
  </si>
  <si>
    <t>武漢肺炎 新冠肺炎 北部 大學 臺灣 日本</t>
  </si>
  <si>
    <t>新冠 病毒 新冠肺炎 武漢肺炎 covid-19 中國 病毒</t>
  </si>
  <si>
    <t>疫情 過後 為了 未來 防疫 你 願意 犧牲 個人隱私 換取 代表 你 健康 無 虞 的 證明 當成 恢復 日常生活 和 行走 各地 的 通行證 嗎 covid-19 新冠肺炎 一 稱 武漢肺炎 在 多國 出現 觸 頂 跡象 但 這 場 大 流行病 恐怕 就 此 改變 人類 生活 方</t>
  </si>
  <si>
    <t>新冠肺炎 武漢肺炎 covid-19 全球 封城</t>
  </si>
  <si>
    <t>被 俗稱 武漢肺炎 的 新冠肺炎 從 中國 大陸 蔓延 全球 疫情 至今 還 未 控制 在 臺灣 目前 確診 的 18 例 中 首 位 被 診斷 出新冠肺炎 的 女 台商 日前 康復 出院 引發 國內 社會 高度 關注 而 作為 臺灣 第一 位 確診 新冠肺炎 治癒 的 幕後 功</t>
  </si>
  <si>
    <t>被 俗稱 武漢肺炎 的 新冠肺炎 從 中國 大陸 蔓延 全球 疫情 至今 還 未 控制 在 臺灣 目前 確診 的 18 例 中 首 位 被 診斷 出新冠肺炎 的 女 台商 日前 康復 出院 引發 國內 社會 高度 關注 而 作為 臺灣 第一 位 確診 新冠肺炎 治癒 的 幕後 功臣 其實 十分 低調 最近 這 名 抗 疫 幕後 謎 樣 般的 英雄 范姜 醫師 首度 接受 媒體 專訪 袒露 自己 投入 治療 的 心情 據 媒體 heho 報導 身為 首例 確診 新冠肺炎 女 台商 的 主治醫師 范姜 醫師 先是 謙虛 表示 患者 之所以 能 順利 痊癒 主要 還 是 靠 她 的 免疫力 康復 他 透露 這 名 女 台商 在 第一時間 知道 自己 是 打破 臺灣 確診 0 號 的 人 曾問 過 范姜 醫師 如果說 有 一 件 事情 是 正確 的 但是 你 可能 會 危及 到 生命 你會 去 做 嗎 范薑 說 他 知道 治療 這 位 首例 患者 關乎 臺灣 防疫 的 士氣 他 與 團隊 是 抱 持 著 我們 絕對 不 要 讓 臺灣 漏氣 的 心情 與 醫療 職責所在 把所有 資源 都 安排 好 這 本來 也 是 我們 該 做 的 過去 也 曾 投入 sars 疫情 救治 的 范薑 他 提到 有時 治療 的 困難 不在 疾病 本身 而是 瞬間 病人 太 多 醫師 要 打仗 的 工具 都 不夠 自然 無法 守 住 病人 的 生死 回憶 當年 sars 疫情 范姜 醫師 說 新冠肺炎 的 傳染 力 雖然 勝於 sars 但 就 目前 狀況 評估 整體 致死 率 是 低於 sars 的 且 臺灣 目前 沒有 社區 群 聚 感染 的 狀況 他 認為 我們 只要 守 住 邊境 守 住 社區 就 不用 擔心 過去 sars 的 悲劇 會 重演 而 身 為 臺灣 首例 確診 新冠肺炎 的 主治醫師 范姜 醫師 站 在 攸 關 生死 的 前線 作戰 他 坦言 只有 傻子 才 說 不 害怕 但 救治 病人 是 他 的 責任 上 了 戰場 就 不能 怕 死 他 也 對 媒體 分享 他 所寫 下 的 醫護 出師 表 其中 提到 我們 有 恐懼 的 理由 但 沒有 逃避 的 藉 口 我們 可能 會 犧牲 但 壯烈 成仁 似乎 比 苟且偷生 來 的 好聽 些 只要 疫情 需要 我們 責無旁貸 祈 上天 垂憐 醫病 兩 相安 他 也 相信 只要 醫師 好好 的 病人 好好 的 臺灣 也 會 好好 的 更 多 ctwant 報導</t>
  </si>
  <si>
    <t>張雅琴 繞 境 張雅琴 咳嗽 新冠肺炎 武漢肺炎</t>
  </si>
  <si>
    <t>新冠肺炎 升溫 爭議 假消息 被 網友 匿名 在 網路上 散播 調查局 假 訊息 防制 中心 一口氣 溯源 追查 了 包括 武漢 台商 與 一 位 女性 打 麻將 出現 發燒 症狀 等 4 件 假 訊息 共約 談 6 位 散播 網友 到案 偵 訊 後 依 違反 傳染病 防治法 移送 法辦 調查局 追查 的 假 訊息 共有 南機 站 約 談 高雄廖 姓 市民 散佈 武漢 台商 與 一 位 女性 打 麻將 出現 發燒 症狀 彰 化 縣 調查站 約 談謝 姓 王姓 縣民 散播 武漢肺炎 確診 第 五 例 在 和美北 環 和 興 診所 及 葉姓 蔡姓 縣民 散播 昨天 在 秀 傳 去世 的 那位 住 侖 平 751 的 司機 有 去 過 蔡文瑞 耳鼻喉科 新北 市 調處 約 談 新北 范姓 市民 散播 武漢肺炎 第 20 例 死亡 患者 前 幾 天 還 在 車行 載客 調查局 外勤 站 約 談 散播 假 訊 息 的 民眾 後 都依 違反 傳染病 防治法 移送 並 將 持續 積極 查辦 疫情 假 訊息 案件 呼籲 民眾 審慎 閱 聽 思辨 各方 消息 切 勿 人云亦云 轉 傳 不實 訊息 以免 誤 蹈 法網</t>
  </si>
  <si>
    <t>日本放送協會 nhk 報導 截至 今天 晚間 7 時 臺北 時間 6 時 左右 日本 新增 武漢肺炎 2019 冠 狀 病毒 疾病 covid-19 確診 7803 例 連續 4 天 創新 高 東京都 今天 新增 2392 例 是 第二 高 紀錄 另外 神奈川縣 新增 838 例 埼 玉 縣</t>
  </si>
  <si>
    <t>日本放送協會 nhk 報導 截至 今天 晚間 7 時 臺北 時間 6 時 左右 日本 新增 武漢肺炎 2019 冠 狀 病毒 疾病 covid-19 確診 7803 例 連續 4 天 創新 高 東京都 今天 新增 2392 例 是 第二 高 紀錄 另外 神奈川縣 新增 838 例 埼 玉 縣 496 例 千 葉縣 455 例 大 阪 府 655 例 京都府 147 例 多 個 都府 縣 都 創下 單日 新 高 讀賣新聞 報導 厚生 勞動 省 統計 今天 重症 患者 達 826 人 也 創新 高</t>
  </si>
  <si>
    <t>比爾 暨 梅琳達蓋茲 基金會 今天 表示 已 承諾 再 捐贈 25億 美元 約 新 台幣 75億 元 資金 給 對抗 2019 冠 狀 病毒 疾病 covid-19 武漢肺炎 疫情 的 全球 行動 美國微軟公司 共同 創辦 人 比爾蓋茲 bill gates 發表 聲明 指出 相</t>
  </si>
  <si>
    <t>比爾 暨 梅琳達蓋茲 基金會 今天 表示 已 承諾 再 捐贈 25億 美元 約 新 台幣 75億 元 資金 給 對抗 2019 冠 狀 病毒 疾病 covid-19 武漢肺炎 疫情 的 全球 行動 美國微軟公司 共同 創辦 人 比爾蓋茲 bill gates 發表 聲明 指出 相較 於 今年 伊始 我們 所能 預期 我們 已 擁有 新 藥物 及 更 多 潛 在 疫苗 但 唯有 這些 創新 進展 能 分發 至 全球 才能 拯救 生命 非洲 是 全球 部分 最 窮困 國家 所 在 大陸 資金 是 最 大 障礙 之一 蓋茲 基金會 認捐 的 新 資金 一部分 將 用 來 分發 救命 疫苗 給 撒哈拉沙漠 以南 非洲 及 南亞 的 部分 地區 世界衛生組織 who 已 確定 目標 希望 在 明年 3 月 及 明年 底 前 分別 為 3 及 20 的 非洲 人 施打 疫苗 但 世衛 也 表示 非洲大陸 49 國只 有 大約 1 4 有 取得 資源 和 融資 的 充分 計畫 比爾 暨 梅琳達蓋茲 基金會 b&amp;mgf 非洲 疫情 因應 統籌 人 澤 杜 solomon zewdu 表示 今天 宣佈 的 資金 中 部分 將 用於 確保 疫苗 分發 給 非洲 大 陸上 約 78億 人口 世衛 估計 為 非洲 優先 施打 人口 獲取 疫苗 將 花費 57 億 美元 外加 15 至 20 的 運送 注射器 和 其他 注射 材料 費用 非洲 已 有 逾 230萬 人 確診 5萬4800 人 喪生 南非 是 非洲大陸 疫情 最 嚴重 國家 累計 確診 逾 82萬8000 例 南非 昨天 表示 國內 已 進入 第二 波 疫情 大 流行</t>
  </si>
  <si>
    <t>衛福 部長 陳時中 今天 說 應有 信心 武漢肺炎 2019 冠 狀 病毒 疾病 covid-19 國產 疫苗 研發 制程 目前 實驗 看 具 好 效果 如果 研發 順利 目標 民國 110 年 第 3 季能施 打 達 全民 6 成 覆蓋率 陳時中 上午 到 立 法院 社會福利 及 衛生 環境 委</t>
  </si>
  <si>
    <t>衛福 部長 陳時中 今天 說 應有 信心 武漢肺炎 2019 冠 狀 病毒 疾病 covid-19 國產 疫苗 研發 制程 目前 實驗 看 具 好 效果 如果 研發 順利 目標 民國 110 年 第 3 季能施 打 達 全民 6 成 覆蓋率 陳時中 上午 到 立 法院 社會福利 及 衛生 環境 委員會 報告 業務 並 答覆 民主 進步 黨籍 立法委員 高嘉瑜 質詢 時 表示 臺灣 疫苗 研發 速度 不算 慢 要 對 國產 研發 制程 有 信心 從 實驗 看 也 有 相當 好 效果 疫苗 研發 不見得 要 快 避免 揠苗助長 還是 要 兼顧 安全 與 有效性 他 說 明年 如果 疫苗 能 順利完成 研發 量 產 希望 在 第 3 季 可讓 民眾 施打 達 全民 6 成 覆蓋率 但 現在 還有 很多 未知數 無法 斷言 中國國民黨 籍 立 委 徐 志榮 表示 如果 中國 產 疫苗 確有 效果 安全 且 國際 認可 而 臺灣 無法 取得 足量 疫苗 是否 可能 購買 中國 疫苗 陳時中 答詢 說 這 可能性 很小 中國 疫苗 曾 出 問題 製造 流程 品質管制 讓 大家 沒 信心許多 中國 人 也 到 臺灣 打 疫苗 且 疫苗 安全 監測 也 不是 半 年 一 年 就 可 明確 看到 編輯 李明宗 1090928</t>
  </si>
  <si>
    <t>環南 市場 今 爆出 41 人 pcr 篩檢 陽性 引起 各界 關注 行政院長 蘇貞昌 也 立刻 下令 要 陳時中 到場 掌握 狀況 對此 毒理學 專家 招名威 表示 微 解封 根本 是 不智之舉 目前 還有 一 堆 潛在 的 確診 者 加上 北農 的 篩檢 結果 仍 不 確定 若 不</t>
  </si>
  <si>
    <t>據 美國 全國 廣播 公司 商業 頻道 報導 國際 失 智 症 協會 alzheimer s disease international adi 1 日 警告 從 長期 來看 新冠肺炎 的 持續 流行 恐 導致 失 智 症 患者 的 人數 激增 部分 研究 更 顯示 感染 新冠肺炎 不僅 增加 罹 患 失 智 症 的 風險 還 會 讓 失 智 症 的 症狀 提早 出現 adi 是 由 來自 全球 各地 的 失 智 症 專家 組成 的 醫學 與 科學 諮 詢 小組 涵蓋 全世界 各地 的 100 多 個 阿茲海默 症 協會 與 失 智 症 協會 adi 近日 組成 特別 工作 小組 專門 研究 新冠 病毒 與 失 智 症 的 關聯 性 並 警告 全球 還 沒 做 好 準備 因應 新冠肺炎 大 流行 掀起 的 失 智 症 浪潮 adi 指出 從 現有 研究成果 來看 新冠 病毒 會 增加 患者 罹 患 失 智 症 的 可能性 並 導致 失 智 症 的 症狀 提前 出現 換言之 大 流行 恐 導致 失 智 症 患者 的 數量 顯著 增加 失 智 症 通常 會 出現 大腦 退化 並 損害 記憶 思考 行為 與 情緒 阿茲海默 症 是 最 常見 的 失 智 症 類型 可怕 的 是 目前 還 沒有 治癒 失 智 症 的 方法 adi 警告 短期 內因 新冠 病毒 而 感染 新冠肺炎 並 罹 患 失 智 症 的 人數 會 因 新冠肺炎 大 流行 的 死亡 人數 增加 而 導致 失 智 症 的 發病率 暫時 下降 目前 估計 新冠肺炎 死亡 人數 中 約 25 至 45 為 失 智 症 患者 但 長遠 來看 失 智 症 患者 會 因 新冠 病毒 影響 神經系統 而 顯著 增加 根據 約翰霍普金斯 統計資料 自 2019 年 新冠 病毒 首次 在 大陸 現 蹤 以來 目前 已 有 超過 217億 起 新冠 病毒 案例 過去 28 天內 還 篩檢 出 1800萬 例 新冠肺炎 與 失 智 症 adi 呼籲 進行 更 多 研究 來 瞭解 新冠肺炎 和 失 智 症 的 關聯 性 神經學家 艾特裡 alireza atri 博士 表示 新冠肺炎 帶來 的 長期 影響 令 人 憂心 不論是 味覺 還是 嗅覺 喪失 腦 霧 現象 還是 精神 不濟 以及 注意力 無法 集中 記憶力 與 思考 能力 出現 障礙 甚至 新冠 病毒 會 損害 並 凝固 大腦 中的 微血管 損害 身體 免疫力 並 引起 發炎 這些 症狀 都會 傷害 大腦 並 導致 神經系統 的 症狀 使 失 智 症 提前 出現 失 智 症 浪潮 根據 世界衛生組織 統計 全球 罹 患 失 智 症 的 人數 約 5000萬 人 每年 新添 1000萬 名 病例 adi 則 警告 早 在 新冠肺炎 大流 行前 預估 失 智 症 病例 到 2030 年 會 由 5500萬 人 成長 到 7800萬 人 光 用於 失 智 相關 的 醫療保健 與 費用 每年 增加 達 28 兆 美元 adi 執行長 巴爾貝里諾 呼籲 世界衛生組織 全球 各國 政府 與 研究 機構 投入 更 多 資源 進行 失 智 症 的 研究 以 避免 未來 全球 為 失 智 症 浪潮 所 淹沒 如果 能 更 瞭解 失 智 與 新冠肺炎 的 關聯 性 就 能 協助 當局 管理 罹 患 率 的 激增 並 及早 發現 症狀</t>
  </si>
  <si>
    <t>新北 市 順 益 汽車 泰山 營業 昨 有 2 名 員工 確診 新北 市長 侯友宜 下令 該 公司 休息 2 天 新北 市長 侯友宜 今 在 疫情 應變 會議 表示 業者 配合 停止 營業 並 清 消 篩檢 13 日 已 成立 三 方 line 群 組 及時 通報 系統 並 進行 全面 篩檢 順 益 34 名 員工</t>
  </si>
  <si>
    <t>新北 市 順 益 汽車 泰山 營業 昨 有 2 名 員工 確診 新北 市長 侯友宜 下令 該 公司 休息 2 天 新北 市長 侯友宜 今 在 疫情 應變 會議 表示 業者 配合 停止 營業 並 清 消 篩檢 13 日 已 成立 三 方 line 群 組 及時 通報 系統 並 進行 全面 篩檢 順 益 34 名 員工 及 隔壁 同一 家 裕 益 公司 83 名 員工 pcr 篩檢 均 為 陰性 另 還有 9 人 還 須 追蹤 掌握 檢測 等待 結果 侯友宜 說 15 日 複業 時 業者 須持 陰性 證明 才能 進 公司 上班</t>
  </si>
  <si>
    <t>新冠肺炎 臺灣 順 益 篩檢 汽車</t>
  </si>
  <si>
    <t>信義 大安 2 診所 醫師 確診 許淑華 爆 200 多 人 沒 篩檢</t>
  </si>
  <si>
    <t>篩檢 許淑華 大安區 信義 區 六張犁</t>
  </si>
  <si>
    <t>新冠肺炎 疫情 蔓延 為 減少 第一 線 醫護人員 傳染 風險 衛福部 立 臺北 醫院 今 16 起 推出 視 訊 診療 居家 隔離 檢疫 及 自主 健康 管理者 如有 就醫 需求 不用 出 門就 能 視 訊 就診 另外 急診室 發燒 篩檢 站 也 改 采 視 訊 問診 方式</t>
  </si>
  <si>
    <t>新冠肺炎 疫情 蔓延 為 減少 第一 線 醫護人員 傳染 風險 衛福部 立 臺北 醫院 今 16 起 推出 視 訊 診療 居家 隔離 檢疫 及 自主 健康 管理者 如有 就醫 需求 不用 出 門就 能 視 訊 就診 另外 急診室 發燒 篩檢 站 也 改 采 視 訊 問診 方式 衛生局 表示 目前 新北 市 共 有 13 間 院所 提供 通訊 就診 服務 新北 市政府 日前 成立 居家 檢疫 關懷 中心 結合 各局 處 及 民間團體 設置 專線 即時 協助 居家 檢疫 者 相關 生活 事務 其中 衛生局 共 與 市內 11 間 大型 醫院 及 2 間 診所 提供 通訊 診療 服務 讓 民眾 在家 也 能 就診 衛生局 表示 居家 隔離 檢疫 及 自主 健康 管理者 如有 就醫 需求 撥打 居家 檢疫 關懷 中心 專線 後 針對 發燒 或有 呼吸道 症狀 者 將 安排 救護車 護送 至 指定 醫院 就醫 若無 則 協助 轉 介 至 指定 通訊 醫療 院所 由 院所 聯繫 病人 詢問 病情 並 約定 通訊 診療 時間 臺北 醫院 指出 目前 院內 提供 視 訊 看 診 科別 有 家醫科 內科 外科 骨科 兒科 看 診 時間 為 週一 至 週五 上午 8 時至 下午 17 時 看 診 結束 後 醫院 會 通知 家屬 或 代理人 帶病 人 健 保 卡 至 醫院 過 卡 繳費 及 領 藥 此外 急診室 發燒 篩檢 站 也 改 采 視 訊 問診 方式 就醫 民眾 不 需 提前 下載 任何 app 或 其他 連結 操作 僅 需 在 視 訊 診療 機器 前站 定位 由 急診 醫師 在 診 間連接 視 訊 機器 畫面 即可 詢問 病人 的 基本資料 與 tocc 不僅 減少 第一 線 人員 傳染 風險 也 能 節省 篩檢 站 人力 及 穿 脫 配備 近 1 小時 的 作業 時間 院長 徐錦池 表示 視 訊 問診 希望 能 提升 民眾 就醫 時 的 踏實 與 信任感 也 能 降低 醫護人員 工作 壓力 減少 醫護 著 裝 耗費 的 時間 與 流汗 悶熱 的 難受 讓 醫護人員 工作 時更 安心</t>
  </si>
  <si>
    <t>台南 今天 新增 2 例 本土 新冠肺炎 確診 個案 全市 累計 35 例 案 11100 的 50 多 歲 男性 自營 工廠 與 案 5645 在 5 月 20 日 短暫 接觸 當時 未戴 口罩 5 月 31 日 出現 發燒 等 症狀 4 日 醫院 采 檢 確診 匡列 9 接觸 者 案 11102 的 60 多 歲 女性 5 月 10 日 因 病 在 北部 治療 1 周 出院 後 住 新北 親友 家 親友 4 人 確診 婦人 5 月 28 日 到 6 月 4 日 居家 隔離 5 日 淩晨 確診 匡列 2 位 接觸 者 台南 市 衛生局長 許以霖 說 2 例 分別 是 仁德 區 及 永康區 仁德 區 的 案 11100 是 傳 產 老闆 在 5 月 31 出現 發燒 喉嚨幹 兩 度 到 診所 就醫 未 改善 6 月 4 日 醫院 采 檢 確診 回溯 他 於 5 月 20 日 曾 與 客戶 案 5645 接觸 當時 未戴 口罩 而 被 傳染 匡列 9 人均 陰性 永 康 區 案 11102 的 60 多 歲 女性 5 月 10 日 因 病 在 北部 醫院 治療 約 1 周 出院 後 至 5 月 28 日 居住 新北 親友 家 新北 親友 4 人 確診 婦人 於 5 月 28 日 到 6 月 4 日 返回 台南 居家 隔離 因 列為 居家 隔離 者 由 衛生局 安排 采 檢 5 日 淩晨 確診 無 相關 症狀 匡列 2 位 接觸 者 也 都 陰性 此外 昨天 新增 的 佳裡 區 第一 黃昏 市場 攤 商 確診 已 采 檢 139 人 都 是 陰性 衛生局 也 連續 3 天 在 當地 設 篩檢 站 希望 找 出 可能 潛 在 感染 源 杜絕 疫情 擴大 針對 苗栗縣 京元電 等 科技 廠 紛紛 傳出 確診 憂心 科學園區 疫情 告急 台南 市 衛生局 人員 8 日 進駐 南科 協助 快 篩 每天 篩檢 量 能 至少 為 1500 人 市府 即日起 也 將 全面 稽查 移 工 宿舍 防疫 措施 避免 移 工 群 聚 成為 防疫 破 口 被 問到 竹 竹苗 成立 防疫 作戰 聯盟 台 南市 是 否 跟進 串連 鄰近 高雄 屏 東 組 聯盟 一起 防疫 台南 市長 黃偉哲 說 台南 平常 就 會 與 高屏 首長 一起 共 商 很多 政策 事宜 目前 不會 特別 籌組 什麼 聯盟 黃偉哲 也 重申 6 月 11 日 端午 連 假 開始 籲請 北部 親友 家人 暫緩 返鄉 目前為止 台南 市 確診 者 幾乎 都 是 去 高風險 縣 市 或 北部 親友 南下 把 病毒 帶 回來 傳染給 家人 同事 端午 連 假 結束 恐怕 有 一 波 大 流行 在 南部 發生 為 避免 這種 情形 請 大家 暫緩 返鄉 不要 造成 另 一 波 傳染 高峰 他 說 南市 為 了 減少 連 假 返鄉 人潮 祭出 退票 就 給 200 元 獎金 台南 旅外 子弟 立刻 退 掉 返鄉 車票 另 也 鼓勵 裡 鄰長 和 熱心 鄰居 朋友 勸導 南 返 者 篩檢 若 篩檢 出 pcr 陽性 確診 獎金 最高 1萬 元</t>
  </si>
  <si>
    <t>北 漂 失意 返 嘉義 卻 確診 6 接觸 者 緊急 篩檢</t>
  </si>
  <si>
    <t>為 守 住 桃園 移 工 的 馬其諾 防線 市長 鄭文燦 祭出 固 安計 畫 9 日 啟動 企業 到場 快 篩 他 視察 提到 台達電 為了 安全 營運 本 勞 加 移 工 共 6000 人 全快 篩 有的 同一 廠 區 有的 混 線 生產 要 一起 完成 強調 桃園 移 工 陽性率 仍 低 沒有 熱區 現象 但 為了 員工 和 地方 安心 要 按部就班 完成 負責 快 篩 的 桃園 市 醫師公會 在 理事長 莫振東 率隊 下 出動 4 人 1 天 預計 可 篩 800 人 莫振東 指出 4 人 都 是 耳鼻喉科 專科 醫師 非常 瞭解 耳 鼻 喉 的 結構 能 精准 掌握 采 檢 的 鼻 咽 與 喉嚨 接觸 帶 準確率 高 即使 是 鼻中膈 彎曲 的 病 患 也 能 采 檢 全場 最 快下 周 就 能 完成 鄭文燦 9 日 一早 到 台達電 視察 企業 到場 快 篩 情況 時 表示 疫情 期間 企業 要 持續 營運 必須 做好 預防 性 的 準備 市府 推動 企業 快 篩 媒 合 醫師公會 團隊 到 廠 區 進行 快 篩 採取 采 檢 亭 或 采 檢 屏風 的 方式 以 標準 快篩 試劑 篩檢 若 呈 陽性反應 立刻 執行 pcr 核酸 檢測 並 送 到 防疫 旅館 靜候 結果 就算 多 廠 區 快 篩 一樣 可以 很 順利 鄭文燦 贊 台達電 是 臺灣 綠 能 能源 的 領導 廠商 在 桃園 有 5 個 廠 區 雇用 的 移 工 1500 人 本 勞 4500 人 因為 有的是 同一 廠 區 有的是 混 線 生產 所以 要 一起 完成 6000 人 同時 快 篩 桃園 推動 企業 快 篩 確實 有 必要性 鄭文燦 說 桃園 外籍 移 工 是 全 臺灣 第一 名 產業 型 外籍 移 工 達 9萬7000 人 雇用 移 工 的 工廠 非常 多 光是 雇用 100 人 以上 企業 就 有 141 家 以 56 月 pcr 篩檢 經驗 看 桃園 還 不是 熱區 陽性率 並 不 高 整個 桃園 外籍 移 工 感染 事件 只 有 2 起 18 人 比率 低 但 為 確保 每 一個 潛 在 感染 個案 都 能 最 快 最佳 處理 仍要 按部就班 完成 鄭文燦 說 桃園 固 安計 畫 已 獲 行政院 經濟部 勞動部 肯定 和 支援 部分 大型 企業 則 是 和 健檢 廠商 合作 駐 點 快 篩 透過 預防 性 的 擴大 篩檢 讓 桃園 的 企業 可以 安全 營運 也 能夠 讓 員工 企業 及 社區 三 贏 鄭文燦 也 提到 市府 會 在 各 大 工業區 設 13 個 聯合 快 篩 站 10 日 起 陸續 啟用 他 解釋 聯合 快 篩 站 是 1 站 6 線 采 檢 環境 佳 可以 讓 各 企業 預約 登記 強調 到場 快 篩 和 聯合 快 篩 同時 並行 上 波 雙 北 熱區 防線 桃園 守 住 了 相信 竹竹苗 移 工 群 聚 感染 熱線 桃園 一樣 也 會 守 住 鄭文燦 也 預告 原來 13 個 快 篩 站 未來 經過 適當 改造 也 可以 成為 疫苗 接種 站 桃園 的 疫苗 接種 計 畫 除了 流感 系統 外 還 另外 增設 桃園 體育館 的 大型 接種 站 1 天 可以 到 6000 人 工業區 站 外 展 接種 站 達 8 個 另外 還有 社區 跟 學校 60 站 每週 施打 人數 可 達 10萬 人</t>
  </si>
  <si>
    <t>采 檢 規定 放寬 林右昌 篩檢 站 量 能 充足 下 無需 預約</t>
  </si>
  <si>
    <t>基隆 市 新增 2 例 本土 確診 個案 1 例 家庭 群 聚 1 例 疫 調 中 累計 270 例 為 嚴防 疫情 擴散 防疫 單位 進行 擴大 預防 性 采 檢 市長 林右昌 表示 只要 自覺 有 疑慮 可以 預約 申請 外 在 篩檢 站 量 能 充 足下 民眾 也 可以 直接 前往 醫護 人</t>
  </si>
  <si>
    <t>基隆 市 新增 2 例 本土 確診 個案 1 例 家庭 群 聚 1 例 疫 調 中 累計 270 例 為 嚴防 疫情 擴散 防疫 單位 進行 擴大 預防 性 采 檢 市長 林右昌 表示 只要 自覺 有 疑慮 可以 預約 申請 外 在 篩檢 站 量 能 充 足下 民眾 也 可以 直接 前往 醫護人員 會 安排 進行 采 檢 林右昌 公佈 2 確診 案例 案 13578 為 70 多 歲 女性 丈夫 為 確診 者 被 匡列 居家 隔離 第一 次 采 檢 陰性 近日 身體 不適 篩檢 確診 案 13642 為 60 多 歲 女性 身體 不適 自行 就醫 采 檢 確診 皆 已 收治 醫院 他 說 疫情 看起來 趨 緩 但 還是 提醒 市民 防疫 是 長期 戰爭 這 幾 天 還 要 密切 觀察 端午節 移動 造成 的 波動 呼籲 市民 還是 要 做好 防疫 不能 掉以輕心 昨天 疫情 記者會 市府 提及 目前 防疫 目標 在 撲滅 社區 熱點 努力 找 出 無 症狀 的 隱性 確診 者 詳細 作為 為何 林右昌 說明 未來 將 在 過去 有 許多 確診 者 集中 的 熱點 地區 再 進行匡列 會 通知 附近 居民 前往 篩檢 站 采 檢 也 希望 民眾 主動 參與 他 說 現在 篩檢 站 已 逐步 放寬 限制 只要 量 能 足夠 市民 可以 不 用 預約 直接 前往 會 由 人員 安排 采 檢 至於 是否 在 熱區 增設 篩檢 站 林右昌 說 表示 基隆 雖 分為 7 個 行政區 但 實際上 是 一個 大 生活 圈 不 需 和 雙北 一樣 分為 中正區 大安區 也 不 希望 再有 像 萬 華區 被 標籤 化 的 現象 目前 市府 防疫 單位 會 主動 將 有 風險 疑慮 的 社區 進行 匡列 並 通知 民眾 采 檢 衛生局長 吳 澤 誠 也 補充 說明 擴大 匡列 是 為了 找 出 無 症狀 感染者 預防 社區 傳播 他 提及 目前 一 天 pcr 采 檢 可以 做 1千 份 篩檢 量 能 相當 充足</t>
  </si>
  <si>
    <t>新冠肺炎 臺灣 采 檢 篩檢 站 林右昌</t>
  </si>
  <si>
    <t>核酸 檢測 前端 萃 取 儀器 及 試劑 大廠 圓點 奈 米 6797 4 月份 合併 營 收 12億 元 年 增 128 前 4 月 營 收 89億 元 較 去年同期 成 長 719 全球 新冠肺炎 疫情 數度 攀上 高峰 多國 防疫 措施 從前 期 的 大量 檢測 陸續 改為 強制 隔離 然而 各國 疫苗 的 採購 預算 壓縮 檢測 產品 採購 空間 核酸 檢測 需求 暫緩 因此 圓點 奈 米 4 月 營 收 相較 去年 下半年 以來 的 表現 出現 落差 但 仍 較 去年同期 大幅 成長 圓點 奈 米 表示 新冠肺炎 疫情 短期 內 仍 看不到 盡頭 尤其 圓點 奈 米 的 核酸 萃 取 產品 在 過去 一 年 得到 國際 肯定 已 成功 躍上 全球 許多 知名 客戶 的 採購 名單 檢測 需求 仍然 強勁 的 情況 下 公司 營 收 將 可 保持 穩定 表現 全球 新冠肺炎 疫情 再 拉 警報 多國 醫療 資源 與 人力 不堪 負荷 防疫 措施 從 全民 檢測 改為 強制 隔離 公衛 習慣 也 從 看 診 篩檢 轉為 自主 隔離 此外 旅遊 泡泡 配套措施尚未 到位 邊境 開放 日期 仍未 明朗 疫情 再度 升溫 造成 各國 瘋 搶 疫苗 的 現象 也 暫時 壓縮 了 檢測 產品 市場 的 成長 空間 圓點 奈 米 短期 出 貨 情況 因 前述 因素 而 受到 影響 長期 的 成長 態勢 則 仍然 不 變 新冠肺炎 病毒 持續 變種 在 印度 等 國 造成 空前 危機 因應 未來 邊境 防疫 需求 增加 新冠肺炎 將 流 感化 的 趨勢 圓點 奈 米 提前 佈 局 國際 核酸 檢測 市場 核酸 檢測 的 常態 需求 預期 仍 是 穩定 成長 核酸 檢測 為 分子 診斷 的 重要環節 將 大量 應用 於 預防 醫學 精准 醫療 及 傳染病 檢測 圓點 奈 米 在 打開 國際 知名度 後 更 將 積極 推出 新 產品 拓展 更 廣大 的 核酸 檢測 市場 在 儀器設備 方面 今 明兩年 將 推出 全新 的 核酸 萃 取 儀器 除 全新 設計 的 高 中 通量 儀器 外 也 有 專為 科學 研究 單位 所 設計 的 設備 儀器 蓄 勢 攻向 科學 研究 市場 產品 線 更加 齊全 試劑 方面 法醫 檢測 試劑 植物 葉類 樣本 不需 研磨 與 游離 核酸 cfdna 檢測 試劑 等 預計 將 於 今年 下半年 上市 其中 法醫 檢測 試劑 已 成功 從 骸骨 煙蒂 口香糖 織品 血跡 等 萃 取 難度 較 高 的 樣本 中 萃 取出 核酸 將 是 刑事案件 偵破 的 重要 技術手段 之一</t>
  </si>
  <si>
    <t>大 聯盟 春 訓 20 繼續 對 球員 實施 新冠肺炎 篩檢 今天 又 有 海盜 國民 白 襪 紅雀 隊 宣佈 各 有 2 名 球員 確診 使得 23 日 球季 開賽 蒙上 一 層 陰影 海盜 隊 總 教練 謝爾敦 derek shelton 表示 菜 鳥 投手 塞德林德 blake cederlind</t>
  </si>
  <si>
    <t>大 聯盟 春 訓 20 繼續 對 球員 實施 新冠肺炎 篩檢 今天 又 有 海盜 國民 白 襪 紅雀 隊 宣佈 各 有 2 名 球員 確診 使得 23 日 球季 開賽 蒙上 一 層 陰影 海盜 隊 總 教練 謝爾敦 derek shelton 表示 菜 鳥 投手 塞德林德 blake cederlind 和 外野手 布裡托 socrates brito 檢測 結果 呈 陽性反應 確診 在 與 記者 的 視頻電話 採訪 中 謝爾敦 感謝 兩 名 球員 允許 公開 他們 的 姓名 兩 人 將 被 隔離 治療 直到 痊癒 紅雀 隊 棒球 運營 總裁 莫澤 裡亞克 表示 三壘手 蒙泰羅 elehuris montero 的 新冠肺炎 測試 呈 陽性 但 無 症狀 先前 紅雀 也 公佈 了 左 投手 桑 契斯 ricardo sanchez 和 卡 布 瑞拉 genesis cabrera 測試 結果 呈 陽性反應 確診 白 襪 隊 也 證實 有 2 位 球員 確診 但 並 有 出現 症狀 球 團 已對 2 人 進行 聯繫 追蹤 目前 正在 接受 球隊 醫務人員 的 監測 並 將在 未來 幾 天 接受 後續 測試 球 團 表示 2 名 球員 都 要求 保密 所以 無法 透露 姓名 國民 隊 總 教練 馬丁尼茲 dave martinez 則 表示 接受 測試 的 60 名 球員 中 有 2 人 出現 新冠肺炎 病毒 陽性反應 這 2 名 球員 在 向 球隊 報到 前 已 先 接受 測試 其他 球員 則 還 在 等 檢測 結果 出爐 按照 大 聯盟 公佈 的 安全 手冊 測試 結果 為 陽性 的 球員 痊癒 後 必須 兩 次測試 為 陰性 並 通過 其他 與 新冠肺炎 相關 的 規定 後 才能 返回 球隊 繼續 練球 和 比賽</t>
  </si>
  <si>
    <t>冷氣團 一 波 波 來 襲 加上 人流 增加 台中 市長 盧秀燕 23 日 在 市政 會議 中 宣佈 疫苗 充足 市府 推出 疫苗 無限 暢打 服務 民眾 只要 符合 施 打的 資格 即可 聯絡 熟悉 的 醫院 診所 另外 你 揪 團 我 來 打 只要 揪 團 30 人 即可 派出 行動 防疫 車 服務 民眾 提升 市民 的 防護力 媽媽 市長 有 細心 的 特質 盧秀燕 今天 主持 市政 會議 時說 雖然 新冠 疫情 相對 平緩 但 絕不能 鬆懈 歲末 寒冬 人流 增加 必須 要 加強 防疫 市府 考慮 到 疫苗 充足 推出 疫苗 無限 暢打 服務 鼓勵 民眾 儘量 施打 當然 為 安全 起見 醫院 診所 衛生所 采 分流 施打 盧秀燕 指出 診所 衛生所 只 有 一 種 疫苗 避免 錯 打 但 醫院 規模 大 可 施 打 兩 種 以上 疫苗 不 用上 預約 平臺 民眾 向 熟悉 的 醫療 院所 詢問 即可 盧秀燕 說 還 有 你 揪 團 我 來 打 市府 感謝 磐石 會 捐贈 1 輛 防疫 車 有些 地方 政府 當 篩檢 車 台中 市 增加 很多 功能 包括 疫苗 儲存 設備 因此 命名 為 行動 防疫 車 只要 揪 團 30 人 即可 派出 行動 防疫 車載 著 接種 團隊 前往 服務 民眾 施打 同一 種 疫苗 歡迎 各 機關團體 組織 夜市 菜市場 業者 都 可 揪 團 秋冬季 節 是 流感 的 高峰 季節 為 加強 市民 保護 力 市府 採購 73萬8350 劑 疫苗 到 22 日 為止 施打 率 8038 65 歲 以上 接種 率 3993 高於 全國 平均 率 但 跟 去年 比 還 是 下降 723 可能 打過 新冠 疫苗 長輩 因此 鬆懈 幼兒 階段 也 下降 276 特別 呼籲 長者 幼兒 儘量 施打 流感疫苗 提升 保護 力</t>
  </si>
  <si>
    <t>環保局 今 到 朝陽 科大 消毒 盧秀燕 籲 校外 1萬4000 名 師生 快 篩檢</t>
  </si>
  <si>
    <t>台中 市 朝陽 科技 大學 因 學生 夜 唱 狂歡 成為 新冠肺炎 疫情 重災區 22 日 上午 環保局 出動 到 學校 清潔 消毒 目前 夜 唱 團 20 名 學生 已 全部 采 檢 完畢 其中 17 名 為 台中人 當中 有 6 人 確診 11 名 陰性 外縣市 有 3 人 其中 1 名 設 籍 南 投 的 學生 確診 另 2 名 為 陰性 市長 盧秀燕 請 學校 緊急 通報 已 離 校 及 離開 台中 超過 1萬4000 名 師生 主動 快 篩 盧秀燕 表示 市府 除 設立 前進指揮所 對 留校 師生 快 篩 也 呼籲 校外 1萬4000 名 師生 及 曾於 5 月 13 日 晚間 11 時至 5 月 14 日 早上 7 時曾 至 美 樂 地 ktv 的 民眾 主動 就近 到 快 篩 站 篩檢 市府 指出 20 日 在 朝陽 大學 設立 前進指揮所 至 21 日 中午 共 快 篩 793 例 個案 其中 19 名 陽性 至 晚間 為止 再 進行 pcr 檢驗 已 確認 17 名 陰性 2 名 尚 待 檢測 結果 出爐 環保 局長 陳宏益 說 今日 動員 清潔隊 再次 到朝陽 科大 消毒 朝陽 科大 確診 案 足跡 範圍 集中 於朝陽 科大 當地 區裡 環保局 已 全數 完成 消毒 工作 請 民眾 放心 但 未來 且 因應 消毒 人力 即日起 暫停 水肥 清運 停止 流動 廁所 借用 等 業務 將 有限 人力 用於 清 消 工作</t>
  </si>
  <si>
    <t>南 投 縣 23 日 新增 例 確診 個案 1 例 為 陽性 個案 皆 為 在 台中 市 工作 的 南 投 埔裡 鎮 民 案 14356 為 30 歲 男性 於 桃園 發病 就地 就醫 23 日 確診 為 新冠肺炎 22 日 開車 回 埔裡 後 已 送 集中 檢疫所 收治 治療 中 另 其 同 住 朋友 為 31 歲 男性 22 日經 pcr 檢測 結果 為 陽性 但 未取 案 號 目前 也 已 送 集中 檢疫所 收治 治療 南 投 縣 衛生局長 黃昭郎 指出 南 投 23 日 新增 2 本土 案例 都 是 設 籍 南 投 埔裡 鎮 泰安裡 的 埔裡 鎮 民 不過 2 人 長期 居住 在 台中 一起 從事 攤 商 的 工作 但因 疫情 關係 5 月底 就 結束 營業 後 2 人 就 常常 往返 桃園 苗栗 新竹 台中 甚至 彰 化 主要 活動 史都 是 在 台中 南 投 縣 則 無 活動 史 黃昭郎 接 著 指出 2 人 於 22 日前 往 桃園 時 案 14356 因 感覺 身體 不適 有 肌肉 酸痛 咳嗽 喉嚨 痛 腹瀉 及 全身 倦怠 等 症狀 就近 前往 桃園 市 醫院就醫 醫院 安排 pcr 檢測 結果 為 陽性 當日 晚上 2 人 就 開車 回 埔裡 南 投 縣 衛生局 立即 安排 其 友人 pcr 檢測 也 是 陽性 後 2 人 一起 送 集中 檢疫所 收治 治療 23 日 案 14356 也 收到 新冠肺炎 確診 通知 其 朋友 則 尚未 有案 號 2 人 在 桃園 匡列 的 10 名 友人 及 二 人 各縣市 活動 史 已 通報 各縣市 衛生局 追縱 雖 2 案例 皆 無 南 投 活動 史 黃昭郎 表示 仍 會 在 6 月 24 日 上午 9 時 到 12 點 再次 啟動 一 場次 埔裡 鎮 新冠肺炎 社區 篩檢 站 地點 是 埔裡 鎮 綜合 球場 提醒 有 南 投 縣政府 近期 公佈 確診 者 足跡 有 重疊 者 自覺 有 新冠肺炎 covid-19 臨床 症狀 者 發燒 上呼吸道 症狀 腸胃 道 症狀 四肢 無力 可 攜帶 健 保 卡 全程 戴 醫用 口罩 請勿 搭乘 大眾 運輸工具 接受 篩檢</t>
  </si>
  <si>
    <t>臺灣 醫 事 行動 聯盟 發起人 吳欣岱 今日 透過 臺灣 基 進 黨 發出 聲明 表示 高雄 市長 韓國瑜 提出 的 普 篩 根本 沒有 必要 而且 若 出現 偽 陰性 反而 會 造成 防疫 破 口 韓國瑜 應 停止 普 篩 停止 製造 對立 配合 中央 普 篩 吳欣岱 指出 高雄 市政府 今日 所 召開 的 防疫 記者會 韓國 瑜 提 到 有 前線 反應 擔心 自己 感染 因此 決定 對 高雄市 一線 醫療 人員 共 4千 人 進行 普 篩 並 已經 從 高雄 市政府 籌措 出 足夠 的 資金 吳欣岱 說 一線 醫療 人員 只要 由 醫師 判定 本 就 可以 進行 篩檢 所謂 的 普 篩 根本 沒有 必要 更 會 造成 檢驗 能量 的 浪費 吳欣岱 認為 檢查 結果 也 可能 出現 偽 陽性 的 狀況 而 一個 偽 陽性 要 有 幾 十 甚至 幾 百 人 居家 隔離 如此 必定 造成 多 餘 的 醫療 人力 浪費 也 可能 導致 臨床 人員 輕忽 反 造成 防疫 破 口 吳欣岱 表示 高雄 市府 應 取消 普 篩 計 畫 將 籌措 之 資金 用於 充實 各 醫院 防疫 物資 存量 也 請 配合 中央 政策 由 防疫 公衛 及 感 控 人員 組成 的 專業 團隊 來 評估 封 城 演練 的 必要性 及 施行 細節 不要 為 了 博取 鎂光燈 而 勞師動眾 浪費 更 多 資源 和 行政 人員 的 時間 據 瞭解 吳欣岱 雖 以 臺灣 醫 事 行動 聯盟 發起人 發表 聲明 但 另 一身 分為 臺灣 基 進 黨員 也 曾 獲得 基 進 黨 提名 2020 不 分區 立 委 第 3 順位 但 基 進 黨僅 獲得 315 的 政 黨票 因此 未能 取得 不 分區 立 委 席次</t>
  </si>
  <si>
    <t>臺北市 11 日 公佈 4 日 至 10 日 最新 各 行政區 確診 統計資料 12 行政區 當中 以 萬華 新增 30 例 最 多 其次 是 信義 區 11 例 市府 進一步 說明 信義 區 確診 數飆 高 因為 發生 分 租 套房 類似 家戶 群 聚 感染 的 事件 北 市府 今 未 對外 開 記者會 說明 疫情 根據 市府 統計 4 日 至 10 日 北市 新增 66 例 確診 個案 其中 以 萬 華區 30 例 最 多 其次 是 信義 區 11 例 士 林區 6 例 大安區 和 內 湖 區 各 4 例 松山區 3 例 中山區 大同區 文山區 各 2 例 中正區 和 北投區 各 1 例 南港 區 未 增加 另 接觸 者 居家 隔離 管理 人數 統計 至 10 日 有 1023 人 至於 信義 區 確診 數飆 高 原因 市府 說明 有 民眾 前往 采 檢 確診 疫 調 後 發現 該 民眾 住 在 分 租 套房 室友 經匡列 後 采 檢 確診 類似 家戶 感染 的 群 聚 事件 目前 持 序 匡 列 采 檢 中 此外 北市 7 大 醫院 10 日 pcr 篩檢 1065 人 有1 人 陽性 萬大 站 和 濱 江站 機動 篩檢 隊 篩檢 689 人 沒有 陽性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篩檢 能量 不足 早 講 啊 鄉民 批 校正 回歸 2 敗筆 民怨 用詞 太 矯情</t>
  </si>
  <si>
    <t>校正 回歸 篩檢 陳時中 疫情 防疫</t>
  </si>
  <si>
    <t>桃園 市長 鄭文燦 視察 公園 防疫 措施 針對 籃球 框 拆除 引起 民眾 討論 鄭文燦 說 過去 經驗 是 若 綁 住 籃框 一樣 會 被 拆開 打球 因此 決定 拆除 也 趁機 保養 其他 網球 羽球 排球網 也 都 拆除 避免 群 聚 鄭文燦 表示 為了 加強 社區 的 防疫 等級 全 桃園 797 個 公園 禁止 飲食 禁止 群 聚 強制 戴 口罩 公園 裡 的 運動 設施 停止使用 遊戲 設施 包括 遊具 也 一律 用 圍 籬 圍起來 避免 青少年 跟 兒童 群 聚 也 會 加強 公園 的 巡邏 稽查 媒體 詢問 有 必要 到 拆 下 籃框 嗎 鄭文燦 說 過去 經驗 是 如果 綁起來 青少年 還 是 會 把 它 拆開 所以 直接 把 籃框 拆下來 也 趁機 保養 一下 媒體 也 詢問 篩檢 站 說 30 個 但 目前 僅 有 14 個 夠 嗎 鄭文燦 說 30 個 采 檢 站 是 按照 桃園 市 生活 圈 規 畫 另外 是 要 按照 疫情 發展 如果 大 流行 要 全面 性 的 篩檢 那 當然 就 要 30 個 鄭文燦 也 說 桃園 已經 購買 了 食 藥 署 核准 的 pcr 檢測 儀器 目前 購買 15 部 加上 6500 試劑 給 11 家 責任 醫院 民眾 住院 前 必須 採取 兩 個 方式 第 一個 是 標準 程式 送 實驗室 的 pcr 檢測 或者 是 用 pcr 的 快 篩 進行 檢測 確認 陽性 後 讓 病人 可以 在 短 時間 內 住院 鄭文燦 強調 採取 pcr 準確度 幾乎 到 達 百分之百 的 檢測 模式 對 醫院 的 保護 才 是 比較 方便 的</t>
  </si>
  <si>
    <t>京元電 竹南 廠 今日 對 移 工 展開 第 3 波 pcr 篩檢</t>
  </si>
  <si>
    <t>新冠肺炎 臺灣 篩檢 京元電 竹南 廠</t>
  </si>
  <si>
    <t>北京 新冠肺炎 疫情 死灰復燃 一發不可收 十6 月 11 日 到 6 月 14 日 短短 4 日 北京 新增 新冠肺炎 確診 者 達 79 例 就 在 大陸 副 總理 孫春蘭 表示 疫情 擴散 的 風險 很 高 下令 採取 堅決 果斷 措施 防止 疫情 擴散 後 北京 全市 社區 防控 進入 戰時 狀態 全面 展開 敲門 行動 大 清查 3 高官 丟掉 烏紗帽 官方 昨日 通報 大陸 14 日 單日 新增 49 例 確診 其中 北京市 新增 新冠肺炎 確診 病例 36 例 當中 34 例 均 與 新發地批發市場 有關 另外 2 例 還 在 調查 中 至於 臨近 北京 的 河北省 也 新增 3 例 同樣 均 為 與 北京 確診 密切接觸 者 疫情 失控 北京 菜籃子 新發地批發市場 所在地 的 豐台區 副 區長 周宇清 豐台區 花鄉 黨委 書記 王華 新發地農產品批發市場 總經理 張月琳 等 三 名 高官 遭 北京市委 書記 蔡 奇 拔 官 免職 北京 新冠 疫情 告急 官方 擴大 篩檢 能量 根據 通報 14 日 北京市 共計 7萬6499 人 接受 病毒 核酸檢測 結果 59 人 為 陽性 北京市政府 新聞 發言人 徐和 建 昨日 表示 此次 聚集 性 疫情 與 新發地農產品批發市場 高度 關聯 他 也 坦言 目前 對 新冠 病毒 的 變異 傳播 等 規律 我們 還 沒有 完全 掌握 境外 疫情 也 仍 在 蔓延 首都 疫情 形勢 十分 嚴峻 河北 保定 高度 戒備 北京市委組織部 昨日 表示 北京 已 進入 非常 時期 全市 社區 防控 工作 迅速 進入 戰時 狀態 7200 個 社區 近 10萬 名 社區 工作者 投入 抗擊 疫情 的 戰場 全市 所有 社區 均 安排 人員 24 小時 值班 恢復 體溫 檢測 並 暫停 開放 文化娛樂 室 等 活動場所 此外 北京 各區 全面 展開 敲門 行動 地毯 式 逐戶 清查 與 新發 地 有關 人員 等 訊息 清查 20萬 名 兩 周內 到 過 新發 地 市場 的 市民 社區 的 居民 憑 出入證 進入 返京 人員 須 核查 行程 軌跡 精確 掌握 相關 人員 基本 訊息 到 市場 時間 及 密切接觸 人員 情況 等 資訊 與 北京 鄰近 的 河北省 保定 也 進入 戰時 狀態 啟動 戰時機制 確保 疫情 不 至 擴散</t>
  </si>
  <si>
    <t>武漢肺炎 趙 少康 新冠肺炎 陳時中 篩檢</t>
  </si>
  <si>
    <t>因為 疫情 影響 c 型 肝炎 篩檢 治療 追蹤 意願 大幅 降低 據 統計 全台 有 高達 12萬 名 c 肝 患者 尚未 治療 醫師 提醒 c 肝 不 治療 恐怕 讓 肝臟 持續 受到 傷害 若 感染 新冠肺炎 病毒 會 有 較 高 的 重症 死亡 風險 呼籲 民眾 不可 拖延 治療</t>
  </si>
  <si>
    <t>因為 疫情 影響 c 型 肝炎 篩檢 治療 追蹤 意願 大幅 降低 據 統計 全台 有 高達 12萬 名 c 肝 患者 尚未 治療 醫師 提醒 c 肝 不 治療 恐怕 讓 肝臟 持續 受到 傷害 若 感染 新冠肺炎 病毒 會 有 較 高 的 重症 死亡 風險 呼籲 民眾 不可 拖延 治療 疫情 期間 許多 民眾 忽視 c 肝 治療 的 急迫性 誤以為 等 疫情 過去 再 治療 即可 事實上 疫情 之下 c 肝 治療 不容 拖延 臺灣 肝病 醫療 策進會 會長 高嘉宏 教授 表示 新冠肺炎 會 導致 免疫系統 失控 讓 原本 只 會 精准 殺滅 病毒 的 免疫 細胞 大軍 敵我不分 的 胡亂 攻擊 引起 細胞 激素 風暴 還 可能 發生 呼吸 窘迫 造成 全身性 傷害 不僅如此 c 肝 患者 的 肝功能 本來 就 較 差 在 c 肝 及 新冠 病毒 的 夾攻 之下 肝功能 會 大幅 下降 死亡 風險 也 會 隨之 提升 高雄醫學大學 附設 中和 紀念 醫院 肝膽胰 內科 餘明隆 教授 指出 大型 研究 發現 新冠肺炎 感染者 中 肝硬化 患者 的 死亡 風險 是非 肝硬化 患者 的 331 倍 餘明隆 提醒 國健署 提供 一生 一 次 免費 肝炎 篩檢 若 確診 c 肝 也 無須 擔心 今日 治療 已 進入 全 口服 新藥 時代 治癒率 高 達 98 副作用 輕微 服 藥 不 影響 疫苗 施打 療程 僅 需 8 周或 12 周 入院 領 藥 的 次數 最 少僅 需要 3 次 可 降低 民眾 疫情 下 治療 焦慮 感 高 嘉宏 表示 比較 我國 近 三 年 c 肝 全 口服 新藥 治療 人數 可 發現 2019 年 4萬 治療 名額 不 到 8 月 就 用 罄 2020 年 預計 治療 約 51萬 人 實際 治療 36159 位 患者 約 占 7 成 2021 年 上半年 預計 治療 約 2萬 人 但 因為 疫情 升溫 截至 6 月底 僅 治療 10640 位 病人 達成 率 僅 53 顯見 新冠肺炎 嚴重 疫情 影響 國人 c 肝 篩檢 與 治療 的 意願 與 進度</t>
  </si>
  <si>
    <t>新冠肺炎 疫情 擴 及 全球 截至 目前為止 新加坡 確診 病例 已 達 58 起 扣 掉 鑽石 公主 號 的 確診 病例 不算 新加坡 全球 確診 數 僅次於 大陸 日前 就 有 網友 好奇 政府 目前 對 新加坡 入境 的 人 有 類似 居家 檢疫 的 措施 嗎 擔心 恐 成為 防疫 漏洞 原 po 在 ptt ncov 2019 板 po 文 指出 新加坡 確診 病例 數 不 算 少 洪永祥 醫師 也 在 電視 談話 節目 上 提到 要 特別注意 新加坡 入境者 讓 他 不禁 擔心 問道 政府 目前 對 新加坡 入境 的 人 有 類似 居家 檢疫 的 措施 嗎 事實上 新加坡 入境 臺灣 目前 尚未 達到 必須 自我 居家 隔離 檢疫 的 層級 不少 網友 憂心 直 呼 新加坡 很 危險 因為 太 小 了 密度 很 高 日本 先 加強 篩檢 新加坡 才是真 的 大 危機 就 新加坡 的 病例 內容 來看 不能 再 等 了 要 注意 的 是 新加坡 要 多少 人 感染 會 達到 醫療 崩潰 新加坡 應該 比照 港澳 了 確診 比 香港 多 也 有人 認為 東南亞 那 幾 個 不 驗 的 也 很 可怕 東南亞 的 很 可怕 而且 日本 已經 爆 了 另外 也 有 網友 分享 前往 新加坡 時 看到 的 現況 直言 僅 有約 2 3 成 的 人 有 戴 口罩 且 當地 有 不少 大陸 人 餐廳 店員 也 不 戴 口罩 讓 他 不禁 直言 說 實在 新加坡 整體 防疫 感 有點 松</t>
  </si>
  <si>
    <t>台南 今天 新增 1 起 本土 確診 個案 白河 80 多 歲 的 案 12584 是 2 日 確診 的 案 9885 丈夫 案 12584 被 匡列 隔離 後 采 檢 為 陰性 10 日 腹瀉 到 醫院 采 檢 後 確診 台南 市長 黃偉哲 說 白河 家庭 群 聚 感染 鏈 始於 案 6443 於 5 月 23 日 從新 北 三 重 南下 訪 親友 結果 1 個人 造成 9 個 人 傳染 衛生局長 許以霖 表示 今天 確診 的 案 12584 是 原本 就 匡列 在 隔離 名單 中的 物件 6 月 2 日 到 10 日 都 在 居家 隔離 所以 沒有 相關 足跡 10 日 因為 腹瀉 搭 防疫 計程車 到 醫院 采 檢 而 確診 白河 家庭 傳播 鏈 聯 從 案 6643 於 5 月 23 日 從新 北 三 重到 台南 拜訪 親友 結果 造成 案 7318 案 7319 案 7320 祖孫 3 人 27 日 確診 鄰居 案 8617 因為 沒 戴 口罩 跟 案 7318 泡茶 聊天 5 月 31 日 確診 由於 當地 鄰里 互動 熱絡 衛生局 擴大 采 檢 匡列 該處 百 餘 位住戶 篩檢 6 月 1 日 揪 出 70 多 歲 鄰居 的 案 91589159 夫妻 檔 確診 30 多 歲 孫子 案 9884 也 在 6 月 2 日 確診 6 月 3 日 又 找 出 80 多 歲 女性 案 9885 跟 案 9158 案 9159 也 是 鄰居 因 家戶 擴大 采 檢 確診 案 9885 確診 後 匡列 丈夫 居家 隔離 8 天 後 10 日 也 確診 匡列 3 名 接觸 者 都 陰性 黃偉哲 說 大家 可以 看到 案 6643 一個 人 從 北部 下來 傳 到 白河 這邊 總共 1 傳 9 造成 許多 醫療 資源 的 消耗 及 社區 恐慌 坦白講 這 就 是 現在 的 防疫 現況 但 不管 如何 我們 都 必須 把 防疫 做好</t>
  </si>
  <si>
    <t>北市 副 市長 蔡炳坤 15 日 表示 9 月 22 日 學校 將 開 打 疫苗 bnt 殘 劑 會 比 之前 az 莫德納 少 因 bnt 1 瓶 只 有 6 劑 只 有 最後 1 瓶 才 可能 有 殘 劑 因此 北市 訂 出 4 大原 則 要點 一 優先 給 具 醫生 證明 不得 施打 其他 疫苗 的 正式 教職員 將 按照 年紀 施打 二 任職 於 身心 障礙 班 或 資源班 的 教師 三 一般 教職員 四 若 真 的 還有 殘 劑 將 讓 責任 醫院 回收 安排 接種 蔡炳坤 說 千萬別 浪費 任何 1 劑 疫苗 他 也 要 謝謝 294 個 接種 點 進行 中央 第 8 期 的 預約 接種 持續 6 天 共 13萬 人 施打 達到 青 銀共好 有 年輕人 陪 75 歲 以上 長者 去 施打 沒 預約 的 長者 從 16 日 下午 起 民政 系統 會 透過 裡 鄰長 把 接種 單 送到 長者 手中 臺北市 長 柯文哲 表示 中央 今 公佈 1 例 境外 4 例 本土 感染 趨 緩 但 世界 上 滿 嚴重 每天 40 至 60萬 新增 確診 今天 的 案例 跟 機場 有 關係邊境 管制 保護 在 臺灣 很 重要 柯說 新北 幼稚園 群 聚 雙北 都 影響 小孩子 在 新北 幼稚園 但 父母 在 北市 上班 小孩 也 會 在 北市 讀一讀 學校 第一 層 居隔 了 219 人 同 住 家人 匡 了 1010 人 職 場 匡 116 人 所幸 篩檢 全 陰性 目前 危機 差不多 解除 柯說 北市 現在 1400 名居 隔 者 降 至 500 人 居隔 14 天 滿 後會 再 減 一 批 有 確診 者 就 匡大 一點 北市 現在 進行 的 血清 學 檢查 基因 定 序 都 在 研究 若無 就 會 把 居隔 範圍 再 縮減 不用 動不動 全市 餐廳 內 用 禁止 運動 中心 停止 柯說 北市 7 家 醫院 昨天 pcr 篩檢 了 1816 人 沒 陽性 確診 26 日 高中 要 開 打 疫苗 北市 共 有 147 家 高中職 特教 學校 外僑 學校 配對 了 31 家 醫院 診所 由 他們 再 去 商量 柯說 每個 注射 點 基本 配備 4 人 包括 1 醫生 3 護理 師 講 好 就 配發 疫苗 也 會 發家 長 同意書 93 願意 在校 打 打 bnt有 幾 個 注意事項 有 疫苗 過敏 史 不要 打 bnt 還 沒 開放 混打 柯說 10 月 後 還 有 流感 等 疫苗 要 打 建議 跟 新冠 疫苗 間隔 7 天 其他 疫苗 跟 新冠 疫苗 間隔 14 天 有 急性 發燒 等 穩定 再 打 孕婦 要 醫生 評估 學生 打 疫苗 假 總共 3 天 可放 身體 好好 的 還是 乖乖 上課 別 趁機 開 溜 可放 疫苗 假 但 沒 鼓勵 放</t>
  </si>
  <si>
    <t>針對 確診 機師 案 16120 曾 於 8 月 28 日 返回 苗栗 頭份 老家 縣府 以 禦 敵 從嚴 原則 對頭 份 市 成功 裡 12 至 14 鄰 啟動 社區 快 篩 防疫 機制 同時 也 對 此案 匡列 接觸 者 19 人 新增 燒烤店 顧客 1 人 及 同 住 家 人 39 人 總共 58 人 住 進 集中 檢疫所 隔離 及 采 檢 縣府 指出 案 16120 曾 返回 苗栗 頭份 老家 待 至 隔日 離開 苗栗 於 頭份 市 並 無 公共 場 域 足跡 其 苗 栗家人 pcr 也 皆 為 陰性 但 縣府 仍 從嚴辦理 凡 設 籍 於 頭份 市 成功 裡 1213 及 14 鄰 居民 持 身分 證 及 健 保 卡 雙 證件 證明 可 至 設 在 為 恭 醫院 的 社區 篩檢 站 采 檢 時間 為 今天下午 1 點 至 晚上 9 點 及 9 月 5 日 早上 8 點 到 10 點 及 下午 1 點 至 晚上 9 點 若 戶籍 不在 但 實際 居住 者 可 請 裡 鄰長 或 由 社區 管委會 開立 居住 證明 縣府 表示 案 16120 在 pcr 結果 出來 前 就涉及 長途 移動 並 和 外人 聚會 違反 機組員 加強 自主 管理 規範 部分 因 個案 為 桃園 市 案例 目前 由 桃園 市政府 調查 中 縣府 全力 配合 協助 徐耀昌 說 此案 以 高 規格 掌握 相關 風險 擴大 匡列 相關 人員 藉 以 阻斷 感染 源 進入 社區 衛生局 已 依 中央 指示 針對 已 匡列 接觸 者 58 人 從 昨天晚上 到 今天上午 分 梯 安排 入住 集中 檢疫所 作 預防 性 集中 檢疫 隔離 及 采 檢 由 原 確診 者 接觸 者 的 接觸 者 自主 健康 管理 升級 至 隔離 規格 這 是 為了 預防 delta 變異 株 傳播 性 為 不得不 的 因應 措施 希望 民眾 配合 而 現階段 苗栗縣 採取 強化 2 級 警戒 防疫 措施 但 暫不 調 降 集會 及 活動 規範 人數 此外 有關 本月 6 日 起 役男 將 開始 入 營 在 入 營 前 可以 預約 免 付費 快 篩 篩檢 日期 須在 入 營 前 3 天 不含 入 營 當日 篩檢 地點 在 全縣 covid-19 抗原 的 10 家 醫院 采 檢 站 役男 須帶 徵集 令常備 役 一般 替代 役 補充兵 入 營 通知書 研發 替代 役 錄取 通知書 志願 役 及 健 保 卡 前往 采 檢 在 入 營 集合 時 出示 健 保 快易通 app 篩檢 結果 為 陰性 者 才可 報到 入 營</t>
  </si>
  <si>
    <t>增加 急診 能量 台大醫院 生 醫 園區 分院 12 日 上午 舉辦 急診 暨 ct 開幕 記者會 院內 急診 建立 獨立 的 毒化 災 沖洗 區域 規 畫 負 壓 診療室 可因 應 毒化 災 傳染病 的 急救 會 中 瑞 昱 半導體 捐贈 200萬 給 肺病 防治 基金會 指定 提供 新竹 縣 市 各 250 名 員警 做 肺部 低劑量 電腦 斷層 篩檢 守護 第一線 執行員 警 健康 台大醫院 生 醫 園區 分 院長 余忠仁 表示 急診 設置 負 壓 診療室 若 有 如 新冠肺炎 大型 傳染病 發生 患者 可 在 此 檢查 並 經由 特別 管道 進入 負 壓 病房 院內 目前 每 病房 設置 2 個 負 壓 隔離室 不過 目前 僅 開 1 間 也 尚未 收治 疫情 相關 病例 由於 醫院 位 於生醫 園 區內 因此 建置 毒化 災 沖洗 區域 以 因應 可能 發生 的 化學 災變 餘忠仁 說 藉 由 生 醫 園區 醫院 開幕 在 台大各 體系 內 可以 偕同 轉 診 並 提供 在 新竹 竹苗 民眾 完善 的 照 護 3 月 加 護 病房 也 會 開幕 給 民眾 更 堅強 的 支持 瑞 昱 半導體 榮譽 董事長 葉博 任 肺病 防治 基金會 董事長 陳晉興 12 日 也 出席 肺癌 篩檢 捐贈 活動 葉 博 任 表示 員警 平日 維持 交通 治安 抛磚引玉 捐贈 小錢 期望 能 透過 生 醫 園區 分院 良好 設備 讓 員警 可以 得到 最好 治療 肺病 防治 基金會 董事長 陳晉興 也 表示 肺癌 已經 是 新國 病 每年 因 肺癌 往 生 約 有 9000 多 人 因此 積極 推廣 低劑量 電腦 斷層 篩檢 期望 能 及早 發現 及早 治療 餘忠仁 本身 也 是 胸腔 內科 醫師 他 說 肺癌 當中 7 成是 與 抽煙 無關 的 肺 腺 癌 且 早期 無 症狀 無法 透過 胸部 x 光 或是 一般 健康檢查 得知 低劑量 電腦 斷層 是 目前 唯一 能 有效 篩檢 早期 肺癌 的 工具 院內 引進 的 640 切 超 先進 電腦 斷層 掃描器 與 總院 同步 且 搭配 各式 軟 體 有助 醫師 精准 判 讀 守護 病 患 健康</t>
  </si>
  <si>
    <t>疫情 延 燒 中央 每日 都會 公佈 當日 確診 數 但 臺北市 長 柯文哲 認為 不 準確 因 中央 還 會 一直 校正 回歸 很 難 即時 判 讀 北市 疫情 實況 他 認為 比較 準確 的 是 看 全 北市 每天 快 篩 陽性 的 總數 雖 會 慢 1 天 但 可 接受 柯文哲 表示 他 認為 比較 準確 且 接近 實況 的 是 看 全 臺北 每天 快 篩 陽性 的 總數 可能 會 比較 接近 因 有 病 的 人 還 是 會 去 醫 有 病 的 總是 會 去 篩檢 因此 他 看 每天 快 篩 陽 的 數量 大概 心 裡面 就 知道 北市 的 嚴重度 臺北市立聯合醫院 總 院長 黃勝堅 總 說 柯講 的 沒錯 快 篩 陽性 到 pcr 陽性 的 大概 8 成 但 快 篩 陰性 回過頭來 又 pcr 陽性 的 大概 是 1 至 15 所以 加 起來 差不多 是 快 篩 陽性 的 數位 臺北市立聯合醫院 副 總 院長 璩 大 成說 柯 黃講 的 沒錯 那是 第一 手 消息 另外 還 有 個 方法 就是 中央 的 校正 回歸 都 會 在 上面 會畫 一個 紅帽子 只要 把 紅帽子拿 掉 差不多 就 是 北市 的 樣子 因 回歸 是 回到 5 月 26 日 之前 在 那 之前 有 一些 高峰 現在 是 均勻 地 散 在 後面 柯說 還是 不 准 因 還 會 一直 校正 回歸 這樣 很 難 判 讀 所以 要 偵 測到 北市 的 實況 很 重要 的 資料 還是 快 篩 陽性 的 總數 雖 會 慢 24 小時 但 還是 可以 即時 判 讀 還 是 很 重要</t>
  </si>
  <si>
    <t>台 南市 連續 11 天 嘉玲 後 前天 一口氣 新增 8 例 讓 全市 繃緊神經 28 日 雖然 再度 嘉玲 但 市府 仍 針對 安南 區 家庭 群 聚 事件 擴大 匡列 及 篩檢 並 強調 8 人 的 症狀 與 delta 病毒 症狀 不同 加上 發病 時間 也 早於 delta 確診 者 造訪 台</t>
  </si>
  <si>
    <t>根據 美國 媒體 報導 nba 總裁 席爾佛 在 上 節目 時 表示 如果 複賽 期間 新冠肺炎 疫情 惡化 的 話 將 再次 停賽 聯盟 在 23 日 針對 參加 複賽 的 22 支 球隊 大規模 進行 新冠肺炎 篩檢 席爾佛 說 假如 複賽 期間 有 球員 確診 的話 將 進行 單獨 隔</t>
  </si>
  <si>
    <t>根據 美國 媒體 報導 nba 總裁 席爾佛 在 上 節目 時 表示 如果 複賽 期間 新冠肺炎 疫情 惡化 的 話 將 再次 停賽 聯盟 在 23 日 針對 參加 複賽 的 22 支 球隊 大規模 進行 新冠肺炎 篩檢 席爾佛 說 假如 複賽 期間 有 球員 確診 的話 將 進行 單獨 隔離 但 如果 發生 群 聚 感染 的話 就 必須 停止 比賽 席爾佛 表示 經過 大 規模 篩檢 之後 檢驗 出 16 位 球員 感染 新冠肺炎 這個 數字 還 在 能 接受 的 範圍 內 幸好 這些 球員 沒有 出現 嚴重 症狀 大家 松 了 一口氣 對於 近日 佛羅里達州 的 確診 病例 大增 問題 席爾佛 強調 我們 正 在 密切 關注 中 並且 與 複賽 地點 奧蘭多 所在 的 橘 郡 衛生部門 合作 希望 能 阻擋 新冠肺炎 的 入侵 席爾佛 表示 隨時 都 有 可能 出現 突發事件 但 我 相信 球員 工會 董事 羅伯茲 球員 工會主席 保羅 球員 工會 副 主席 伊戈達拉 都會 做好 準備 目前 的 狀況 還 在 掌 控 中 而且 還算 相當 滿意</t>
  </si>
  <si>
    <t>張上淳 居家 檢疫 出現 腹瀉 者 通通 篩檢</t>
  </si>
  <si>
    <t>腹瀉 出現 張上淳 篩檢 確診 個案 新冠肺炎</t>
  </si>
  <si>
    <t>世界衛生組織 28 日 表示 對抗 新冠 疫情 未來 12 個 月 需要 234億 美元 約 台幣 6500億 並 呼籲 全球 最 富裕 的 g 20 領袖 展現 領導 力 出錢 資助 計畫 g 20 領袖 本 週末 在 羅馬 召開 峰會 世衛 秘書長 譚 德塞 表示 g 20 領袖 不能 繼續 在 疫情 中 拋棄 貧窮 國家 即日起 至 2022 年 9 月 世衛 需要 這筆 資金 以 支應 一些 疫情 高風險 國家 取得 配送 新冠 疫苗 篩檢 與 治療 避免 再 增 500萬 人 死於 新冠肺炎 他 說 g 20 會員國 有能力 做出 相關 的 政治 和 財政 承諾 結束 這 場 疫情 他 說 目前 正 處於 決定性 時刻 需要 果斷 的 領導 力 才能 讓 世界 更 安全 譚 德塞 所指 的 全球 防疫 計 畫 全名是 取得 新冠肺炎 工具 加速 計 畫 access to covid-19 tools accelerator act-a 前 瑞典 首相 act-a 計 畫 特使 畢爾德 carl bildt 表示 234億 美元 不是 一 筆 小數目 但 相較 於 疫情 所 造成 的 全球 經濟 損害 並 不 算 多 當中 70億 美元 將 用於 疫苗 及 檢測 59億 美元 用於 改善 公共 醫療系統 另外 35億 美元 則 用於 購買 抗 病毒 藥物 醫用 氧氣 及 類固醇 世衛 也 表示 由於 歐洲 疫情 升溫 全球 新增 確診 病例 在 2 個 月 以來 首次 增加 顯示 距離 疫情 大 流行 結束 還有 一 段 很 長 的 時間 世衛 首席 科學家 斯瓦米納坦 soumya swaminathan 表示 新冠 疫苗 全球 取得 機制 covax 已向 140 多 個中 低收入 國家 提供 約 4億 劑 疫苗 惟 相關 國家 疫苗 接種 率 仍然 很 低 斯瓦米納坦 指出 約 82 個 國家 年底 前 無法 實現 世衛 定下 的 目標 4 成 人口 接種 她 批評 富裕 國家 接種 加強 劑 阻礙 窮國 獲得 疫苗</t>
  </si>
  <si>
    <t>苗栗縣 京元 電子 爆發 嚴重 群 聚 感染 比鄰 的 台中 市 目前 還 未 收治 相關 確診 者 台中市政府 也 表示 目前 已 展開 清查 要 掌握 該 人力 仲 介 公司 是否 在 台中 也 有 移 工 並 清查 哪些 企業 有 用 到 這些 移 工 如果 有 會 要求 這些 公司 自主 篩檢</t>
  </si>
  <si>
    <t>臺北市 今日 新增 5 例 本土 個案 為 全國 第二 高 個案 分 佈 於 北市 4 個 行政區 其中 中正區 2 例 最 多 臺北市 長 柯文哲 認為 只 看 戶籍地 意義 不大 但 他 也 坦言 5 例 中 有 3 例 是 無 症狀 患者 北市 個案 中 就 有 44 確診 者 為此 狀況 因此 到 最後 階段 清零 變 得 很 困難 柯文哲 表示 無 症狀 患者 多 很 令 人 頭痛 原因 是 民眾 若 沒 症狀 就 不 會 主動 就醫 很 難 被 攔 下來 且 昨天 7 家 醫院 共 篩檢 了 2189 人 結果 陽性率 是 0 能 看出 北市 目前 採取 精准 疫 調 涉 略 努力 追 殺 感染 源 因此 社區 內 少 很多 黑 數 不過 柯 不 認為 社區 內 已 無 黑 數 仍 有 部分 潛伏 在 社區 只是 越來越 難 抓 為 考慮 醫療 成本 若 觀察 一個 禮拜 後 每天 仍 只 抓到 0 個 要 不 要 撤掉 免費 篩檢 會 再 考慮 由於 今日 是 降級 的 第一 天 柯 除 重申 解封策 略為 每天 新增 案例 在 10 例 以下 不明 案例 在 2例 以下 原則 上 北市 還 是 慢慢 解封 畢竟 拖 久 各 產業 都 會 受不了 也 說 馬路上 車子 都 多 起來 了 很 明顯 人流 物流 及 車流 都 上升 不少 但 他 還 是 覺得 要 小心 因此 還 是 按照 原計 畫 逐步 放寬 管制 把 群 聚 吃飯 擺 最後</t>
  </si>
  <si>
    <t>北市 副 市長 黃珊珊 29 日 公佈 北市 1 例 本土 個案 資訊 案 16315 是 中正區 50 多 歲 男性 5 月 間 在 萬華 足跡 活動 當時 陰性 27 日 因 要 出國 采 檢 ct 值 28 陽性 後來 ct 值 又 為 39 判斷 是 殘陽 就 案 已 居家 隔離 14 人 其中 親友 3 人 職 場 7 人 朋友 4 人 大部分 陰性 只 有 1 名 職 場 同事 陰性 報告 沒 出來 另外 2 名 朋友 由 新北 市 評估 臺北市 長 柯文哲 說 中央 今 公佈 1 例 境外 10 例 北市 0 確診 臺灣 內部 疫情 趨 緩 但 全世界 仍 一塌糊塗 每天 40 至 60萬 確診 北市 還 是 有 零星 進 近 6 周 分別 為 243311 例 柯說 昨天 144 人居 隔 北市 7 家 醫院 篩檢 1592 人 陽性 0 防疫 還是 要 邊境 管制 打 疫苗 落實 防疫 措施 這 互為 聯動 邊境 要 嚴格 點 國內 隨 著 疫苗 慢慢 打 防疫 規範 也 慢慢 放鬆 打 愈 快 解禁 速度 愈 快 過去 其他 城市 解封 一下 放 太快 會 失控 隨 著 時間 慢慢 放 北市 防疫 體系 已 比 5 個 月 前 好 太 多 整個 部隊 打過仗 比較 強 了 北市 副 市長 蔡炳 坤錶 示 北市 疫苗 接種 第 1 劑 有 166萬 多 人 覆蓋率 有 66 第 2 劑 有 36萬5000 多 人 覆蓋率 143 共 已 打 203萬 劑量 目前 70 歲 以上 長者 莫德納 第 2 劑 正 在 預約 至 今日 下午 5 時 蔡炳坤 說 昨天 預約 破 紀錄 一 上網 15 分鐘 就 2萬4000 人 預約 成功 前 30 分鐘 有 4萬3000 人 預約 成功 現在 已 有 7萬9000 人 還 沒 預約 的 趕快 把握 時間 到 北市 預約 系統 後天 就 開始 打 10 月 1 至 7 日 開 打 按照 時間 地點 不用 提早去 打 蔡炳坤 說 沒 預約 的 10 月 78 日 接受 電話 登記 安排 10 月 13 至 15 進行 施打 50 至 64 歲 第 1 劑 az 者 現在 中央 確定 從 10 月 3 至 4 日 1922 接受 預約 10 月 6 至 12 日 開始 接種</t>
  </si>
  <si>
    <t>新冠肺炎 憂 台有 111 名 潛 在 感染者 未 找 出 台大 教授 籲 加 嚴 篩檢 條件</t>
  </si>
  <si>
    <t>新冠肺炎 疫情 持續 蔓延 先後 傳出 無 症狀 病例 引發 民眾 憂慮 台 大公 衛學院 副 院長 陳秀熙 表示 之前 從 大陸 武漢 來 台 的 人中 恐 有 111 名 潛 在 感染者 是 無法 從 發燒 檢疫 出來 這些 人 過去 在 台 期間 是否 有 傳染給 他人 需要 關注 並 認為 政府 應 提高 防疫 警戒線 加 嚴 篩檢 條件 如果 將 有 咳嗽 者 也 進行 快 篩 可能 感染 的 人 就 會 減少</t>
  </si>
  <si>
    <t>新冠肺炎 陳秀熙 防疫 篩檢 檢疫</t>
  </si>
  <si>
    <t>新冠肺炎 臺灣 花蓮 症狀 篩檢</t>
  </si>
  <si>
    <t>印度 變異 株 delta 侵入 社區 釀成 新北 幼稚園 及 大 樓群 聚 中華民國 防疫 學會 榮譽 理事長 王任賢 表示 面對 delta 來 襲 政策 上 必須 封鎖 開放 並行 邊境 要 嚴管 但 不 需 跟進 加碼 至 21 天 而是 搭配 多層次 篩查 要求 入境 天天 采 檢 境內 則 是 要 嚴打 除了 篩查 也 應 比照 屏 東 緊急 接種 疫苗 如此一來 即便 再忙 14 天 後 疫苗 的 效果 就 會 出現 呼籲 中央 給予 協助 若 疫苗 給 新北 不如 屏 東 那麼 阿莎力 這 就 不對 了 國政 基金會 今 舉辦 新冠肺炎 疫苗 發展 的 瓶頸 及 解決之道 十五 防疫 破 口 delta 入侵 如何 超前 部署 減少 死傷 座談會 由 永續 發展組 召集人 陳宜 民主 持 並 邀請 王任賢 等 專家 參與 討論 面對 delta 疫情 王任賢 表示 如今 的 社會 已經 改變 從 彭博 全球 防疫 韌性 排名 評 鑒 可 看出 社會 已經 不能 再 搞 封鎖 而是 應該 封鎖 與 開放 並 行 某些 國家 鑒於 delta 疫情 加強 入境 檢疫至 21 天 但 他 認為 加碼 誰 不 會 做 開放 是 個 擋 不了 的 趨勢 因此 這 項 措施 也 跟進 不了 王 任賢 認為 因應 delta 的 重點 在於 邊境 嚴 管 境內 嚴打 目前 唯一 可以 阻擋 delta 擴散 地方 只 有 負 壓 隔離病房 但 我們 沒 辦法 做 因此 邊境 上 要 做 的 是 及早 偵 測 即 透過 多層次 篩查 達到 類似 電子 腳鐐 的 效果 要求 入境者 天天 篩檢 一旦 發現 陽性 就 立刻 治療 至於 境內 嚴打 為 避免 疫情 擴大 接觸 者 是 最 需要 被 保護 的 一 群 必須 要 被 廣匡並 投 注資 源 有 藥物 給 藥物 有 疫苗 給 疫苗 有 篩查 給 篩查 以 經歷 過 delta 疫情 的 屏 東 為 例 確診 案例 集中 的 楓港 善 餘 2 村 曾獲 中央 同意 優先 撥 補 疫苗 pcr 檢測 陰性 就 可 前往 施打 王任賢 表示 屏 東 推動 緊急 疫苗 接種 雖然 效果 不是 立即 的 但是 保護 力仍會 在 14 天 後 出來 即便 再忙 也 就 忙碌 14 天 王 任賢 表示 篩查 與 疫苗 是 境內 嚴打 的 2 根 打 狗 棒 篩查 地方 政府 可以 自己 做 但 疫苗 卻 需要 中央 撥 補 若 中央 給 給 屏 東 疫苗 給 的 很 阿莎力 給 新北 卻 不 阿莎力 這 就 不 對了 呼籲 中央 給予 協助</t>
  </si>
  <si>
    <t>溪湖 葡萄 家族 超強 傳播 力 驚 傳 溪湖 某 裡長 確診 縣府 緊急 在 社區 內 宮廟 設置 臨時 快 篩 站 急 尋 篩檢 物件 並 呼籲 曾經 在 當地 宮廟 及 社區活動 中心 活動 過 的 民眾 盡 速 到 快 篩 站 篩檢 從 19 日 開始 上午 8 點 半 開始 一直 到 下午 5 點</t>
  </si>
  <si>
    <t>溪湖 篩檢 裡長 確診 快 篩 站</t>
  </si>
  <si>
    <t>新北 市 今 新增 8 例 確診 新北 副 市長 劉和然 表示 三 重 板橋 樹林 各 有 2 例 新莊 淡水 各 1 例 今日 案例 都 是 居家 隔離 個案 因此 新增 本土 案例 是 0 劉和然 說 8 例 確診 感染 源 分析 2 位 是 職 場 4 位 家戶 2 位 是 其他 三 重 1 人 確診 為 先前 家禽 合作社 移 工 被 同事 感染 在 自主 健康 管理 期間 篩檢 陽性 淡水 1 人 也 是 被 同事 傳染 另外 樹林 2 人 是 之前 華 航空 儲 案例 爸爸 傳給 小孩 三 重 1 人 被 媽媽 傳染 新莊 1 人 則 是 小孩 確診 傳染給 家人 板橋 2 人 都 被 朋友 感染 劉和然 表示 目前 接觸 者 19 人 pcr 篩檢 4 人 有 1 人 陽性 目前 有 12 人 居家 隔離 中 此外 昨日 社區 篩檢 站 篩檢 3319 位 快 篩 陽性 1 位元 陽性率 003 劉和然 說 今日 是 指 考 第 2 日 新北 市府 會 持續 監控 疫情 針對 場所 開放 等 措施 將 采 滾 動式 檢討</t>
  </si>
  <si>
    <t>劉和然 新北 市 篩檢 新冠肺炎 確診</t>
  </si>
  <si>
    <t>據 美 媒 引述 美國疾控中心 cdc 資料 報導 美國 首例 新冠 死亡 病例 已 由 原來 認定 的 2020 年 2 月 6 日 提前 至 2020 年 1 月 9 日 提早 了 將近 一個 月 而且 據 其 家屬 表示 這 名 最新 被 確認 為 首例 新冠 病毒 死亡 病例 醫院 方面 的 紀錄 顯示 死者 是 一 名 婦女 死亡 的 原因 是 主動脈 剝離 她 過去 也 沒有 中國 大陸 旅行 史 而 這個 首例 死亡 的 時間 與 中國 官方 公佈 大陸 首例 新冠 死者 死亡 時間 竟然 很 巧合 是 同一天 美國 聖 荷西 信使 新聞 報 san jose mercury news 報導 說 最近 有 6 個 州 加州 阿拉巴馬州 喬治亞州 堪薩斯州 奧克拉荷馬 州 和 威斯康 辛州 有 6 份 死亡 病例 進行 修改 醫院 方面 將 死亡 原因 修正 為 與 新冠 病毒 相關 而 其中 最 早 的 死亡 案例 是 被 提前 了 數 周到 2020 年 1 月 9 日 在此之前 被 認為 最 早 的 新冠 病毒 死亡 病例 是 2020 年 2 月 6 日 死者 是 一 名 聖 荷西 的 婦女 而 最新 被 認定 可能 是 最 早 新冠 病毒 死亡 案例 是 來自 堪薩斯州 萊文沃斯 leavenworth 的 一 名 婦女 她 在 死亡 17 個 月 後 才 被 診斷 為 因 感染 新冠肺炎 死亡 報導 指出 目前 由於 隱私 問題 和 新冠 病毒 大 流行 相關 政策 造成 激烈 的 辯論 這些 死亡 背後 的 姓名 確切 地點 和 情況 暫時 無法 公開 這種 情況 讓 很多 專家 感到 非常 沮喪 報導 稱 該 病例 有力 地 改寫 了 新冠 病毒 進入 美國 的 時間 線 因為 萊文沃斯 處 在 美國 腹地 距離 東 西 海岸 較 遠 且 該 病例 此前 無 旅行 史 美 國家 衛生統計 中心 nchs 官員 羅伯特 安德森 robert anderson 表示 除非 有 充分 的 理由 否則 認證 機構 通常 不 願意 修改 死亡 證明 美國疾控中心 目前 已經 將 這些 病例 統計 進 官方 資料 中 加州大學 柏克萊 分校 的 傳染病 專家 約翰 史 瓦茲伯格 表示 當時 因 未 沒有 大 流行 一些 死亡病例 被 認為 是 一般 感冒 或 流感 疫情 追查 也 沒有 針對 病人 是否 去 過 中國 或是 與 相關 人 接觸 不過 如果 當時 有 血 採樣 仍 可以 對 檢 體 做 病毒 篩檢 史 瓦茲伯格 認為 新 的 死亡 資料 表明 新冠 病毒 完全 有 可能 早 在 12 月 甚至 11 月 就 已經 在 美國 出現 因為 這項 疾病 如果 因 感染 而 致死 時間 通常 約 為 3 周 報導 說 現在 確認 了 這 名 1 月 死者 的 死因 與 新冠 病毒 相關 但 衛生統計 機構 仍 有 些 不同 的 看法 有些 專家 認為 需要 這些 早期 病例 進行 更 深入 的 分析 例如 要 依據 現有 的 證據 檢查 6 名 早期 死亡 病例 的 病毒 特徵 並 確定 毒 株 的 來源 是否 有 關聯 性 據 大陸 國家 衛健 委 2020 年 1 月 23 日 通報 中國 最 早 一 例 新冠 死亡 病例 為 一 名 61 歲 曾姓 男子 他 於 北京時間 1 月 9 日 23 時 13 分 去世 按 美 中部 時間 為 1 月 9 日 9 點 13 分 與 美國 首例 新冠 死亡 病例 布朗 去世 竟 相當 湊巧 地 在 同一天</t>
  </si>
  <si>
    <t>篩檢 快 篩 站 拜 讬 請 大家 時間</t>
  </si>
  <si>
    <t>新冠肺炎 仍 持續 在 全球 各地 肆虐 甚至 連 足球明星 c 羅 也 慘遭 毒手 為 防止 疫情 進一步 擴散 世界銀行 宣佈 已 批准 120億 美元 約 新 台幣 35028億 元 的 融資 協助 全球 111 個 發展中國家 購買 並 分配 安全而 可靠 的 疫苗 半島電視臺 14 日 引述 世銀 聲明 這 120億 美元 是 世銀 提供 的 1600億 美元 新 台幣 約 467 兆 元 系列 計畫 中的 1 個子 計畫 其 目的 為 打擊 新冠肺炎 疫情 在 發展中國家 的 擴散 報導 中 指出 世界衛生組織 who 與 新冠肺炎 疫苗 全球 取得 機制 covax 將 充分運用 這筆 經費 讓 受 援 國家 能夠 更 多 元 地 取得 與 分配 疫苗 透過 挹注 大筆 資金 等於 向 研究 單位 與 製藥 工業 發出 訊號 進而 讓 發展中國家 可 取得 安全 且 有效 的 新冠肺炎 疫苗 此外 這筆 資金 也 能 協助 各國 進行 篩檢 與 治療 也 對 疫苗 供應 鏈 的 管理 與 後勤 有所 裨益 世 銀 的 新冠肺炎 緊急 應變計 畫 已 協助 全球 111 個 國家 新一輪 的 資金 有助於 這些 發展中國家 更 穩定 的 取得 安全 疫苗 總裁 瑪律帕斯 david malpass 表示 世銀正 積極 擴展 快速 取得 的 方法 以 解決 新冠肺炎 的 急迫性 好使 發展中國家 能 公平 地 取得 疫苗 瑪律帕斯 強調 加強 運輸系統 與 疫苗 的 安全 有效性 對於 遏 阻 疫情 大 流行 卓有成效 同時 也 讓 因 疫情 而 陷入 災難性 經濟 與 財政危機 的 國家 重新 復蘇 眾所周知 疫苗 的 開發 與 投入使用 對於 阻止 新冠 病毒 的 大 流行 至為 關鍵 目前 新冠肺炎 已 造成 逾 100萬 人 死亡 3800萬 人 感染 數 百萬 人 失業 不幸 的 是 包括 嬌 生 與 禮 來 2 家 美國 藥廠 在 研發 疫苗 過程 都極盡 顛簸</t>
  </si>
  <si>
    <t>防堵 疫情 新北 增設 機動 篩檢 站</t>
  </si>
  <si>
    <t>機動 篩檢 站 侯友宜 防堵 疫情 新冠肺炎</t>
  </si>
  <si>
    <t>健 太 郎 東京 肺炎 岩田 篩檢</t>
  </si>
  <si>
    <t>新北 市 透過 廣 篩 確診 個案 發病 日 與 確診 日 已 達 0344 趨 近於零 疫情 有 趨 緩 趨勢 不過 新北 市長 侯友宜 說 目前 大家 低度 活動 但 家戶 感染 比例 卻 逐漸 攀升 到 60 以上 把 居家 隔離 做 得 更 好 並 在 解 隔離 前 采 檢 就 能 斬斷 家庭 傳播 鏈 新北 市 衛生局長 陳 潤 秋 表示 全球 疫情 持續 趨 緩 不過 確診 量 仍 非常 高 全球 已 有 17億 人 確診 以 新北 發病 日 趨勢 來看 新北 有 下降 趨勢 到 28 日前 的 觀察期 仍要 持續 低度 活動 擴大 篩檢 並 落實 各種 防疫 工作 與 疫 調 才能 阻絕 傳播 鏈 陳 潤 秋 說 目前 確診 日 與 發病 日 隱藏 期中 位數 已經 是 0 很多 個案 在 發病 日前 就 被 找 出來 目前 篩檢 整體 陽性率 12 社區 篩檢 站 的 陽性率 持續 在 05 以下 陳 潤 秋 說 目前 專責 病床 與 徵用 病床 剩 餘 床 數 有 501 床 專責 加 護 病房 有 76 床 醫院 收治 確診 個案 620 人 重症數 76 人 重症 插管 率 12 有 下降 而 集中 檢疫所 與 加強版 檢疫 旅館 收治 數則 是 404 人 陳 潤 秋 說 過去 家戶 內 傳染 比例 較 低 但 後面 越來越 高 6 月 22 日 家戶 感染 比例 高達 65 如果 家戶 內 傳染 可以 控制 疫情 會 往下走 侯友宜 說 重症 病 患 插管 率 下降 是 好 現象 感謝 新北 各 大 醫院 在 大型 疫情 風暴 下 雖然 無法 與 臺北市 比擬 仍 擋住 這個 風暴 因為 擴大 篩檢 加上 精准 疫 調 現在 幾乎 都 能 預測 每日 確診 個案 數量 但 現在 疫情 還 沒過 還有 很多 社區 隱形 傳播 鏈 沒有 這麼 簡單 要 繼續 努力</t>
  </si>
  <si>
    <t>爆發 移 工 群 聚 感染 的 京元 電子 竹南 廠 緊急 大規模 快 篩 截至 3 日 晚上 11 時 共 篩檢 1915 人 快 篩 陽性 51 人 陽性率 達 258 已於 隔離 宿舍 隔離 並 采 檢 pcr 封裝 測試 廠京 元 電 竹南 廠 爆發 員工 群 聚 感染 累積 確診 者 高達 45 人 該</t>
  </si>
  <si>
    <t>內 湖 壹 電視 電視臺 傳出 攝影師 猝死 陳屍 廁所 采 檢 結果 出爐 是 確診 新冠肺炎 電視臺 連忙 全面 清 消 內部 北 市府 也 立刻 設置 快 篩 站 對 166 名 員工 進行 篩檢 目前 11 人 快 篩 呈 陽性 所幸 pcr 檢測 都 是 陰性 對此 美女 主 播 許耀雲 也</t>
  </si>
  <si>
    <t>基隆 市 今 增 14 例 土 本 確診 個案 其中 5 例 護理 之家 8 例 家庭 群 聚 1 例 仁愛 市場 攤 商 目前 基隆 累計 262 例 此外 市長 林右昌 表示 昨天 確診 仁愛 市場 賣 魚 攤 商 5 月 28 日 至 6 月 9 日 早上 6 點 半 到 7 點 曾 到 成功 陸 橋下 擺攤 林右昌 指出 5 例 護理 之家 確診 其中 1 工作人員 4 住 民 6 月 3 日 pcr 采 檢 陰性 執行 護理 機構 加強版 管理 準則 12 日 定期 監測 采 檢 確診 個案 皆 無 症狀 並 已 收治 醫院 8 例 家庭 群 聚 來自 4 個 家庭 皆 為 居家 隔離 者 采 檢 確診 1 例 仁愛 市場 賣 菜攤 商 擴大 篩檢 確診 無 症狀 已 收治 醫院 林右昌 進一步 公佈 確診 者 足跡 案 12859 仁愛 市場 賣 魚 攤 商 5 月 28 日 至 6 月 9 日 早上 6 點 半 到 7 點 曾 到 成功 陸 橋下 擺攤 案 12858 與 案 11708 是 親戚關係 6 月 9 日 下午 2 點 至 3 點 至 安樂區 安和 一 街 4 巷 2 號 的 好 康蘇果 行 採購 他 呼籲 民眾 若 與 確診 者 足跡 重疊 需 特別注意 健康狀況 也 鼓勵 至 篩檢 站 聯絡 進行 采 檢 林右昌 說 目前 成功 市場 密切接觸 者 均 已 匡列 仁愛 市場 則 采 檢 188 人 其中 7 人 確診 包括 攤 商 家人 等 目前 疫 調 認為 成功 仁愛 市場 之間 關聯 性 不強 感染 源 可能 來自 社區 或 家庭 群 聚 延伸 相關 單位 正 與 感 控 專家 持續 厘 清中</t>
  </si>
  <si>
    <t>臺灣 至今 未 對 covid-19 新冠肺炎 一 稱 武漢肺炎 採取 普 篩 政策 不過 包括 南韓 德國 都成功 以 普 篩 趨 緩 病例 新 增 速度 降低 死亡率 就 連 一度 採取 佛 系 抗 疫 的 英國 也 大 轉彎 宣佈 要 在 4 月底 前 每日 篩檢 10萬 例 推出 像 驗</t>
  </si>
  <si>
    <t>基隆 市長 庚 醫院 引進 全自動 新冠 病毒檢測 機台 采 檢 量 能 1 天 可 多 700 例 時間 也 能 從 3 天 縮短 至 3 小時 市政府 宣佈 由於 量 能 大幅 提升 今天 開始 民眾 只要 自覺 有 症狀 疑慮 可以 上網 預約 篩檢 將 由 衛生局 安排 通知 基隆 市長</t>
  </si>
  <si>
    <t>基隆 市長 庚 醫院 引進 全自動 新冠 病毒檢測 機台 采 檢 量 能 1 天 可 多 700 例 時間 也 能 從 3 天 縮短 至 3 小時 市政府 宣佈 由於 量 能 大幅 提升 今天 開始 民眾 只要 自覺 有 症狀 疑慮 可以 上網 預約 篩檢 將 由 衛生局 安排 通知 基隆 市長 林右昌 表示 長庚醫院 3 日 引進 新冠 病毒檢測 機台 採取 全自動 檢測 流程 未來 pcr 檢測 量 能 將 大 增 5 倍 他 指出 以 前 1 天 采 檢 140 例 有 了 新 機台 每天 可 以 多 采 700 例 1 天 總量 能 達 840 例 篩檢 時間 也 從 原本 3 天 縮短 至 3 小時 林右昌 說 這 座 機台 不僅 便民 也 有利 衛生 單位 即時 掌握 疫情 狀況 能 有效 管控 病毒傳播 情形 必要 時 還 能 支援 雙北 他 提及 要 特別感謝 醫護人員 沒 日 沒 夜 的 努力 其 中醫 檢 人員 是 幕後英雄 在 防疫 戰鬥 裡 扮演 最 重要 角色 為 大家 掌握 病毒 所在 基隆 長庚醫院 長 賴旗俊 表示 這次 疫情 除了 加強版 的 防疫 新 生活 外 最 重要 的 是 擴大 篩檢 及 施打 疫苗 而 這次 投資 超過 500萬 元 的 經費 購 入 新 機台 不僅 可 迅速 提升 基隆 pcr 檢測 量 能 有效 節省 醫 檢 人力 還 可 降低 偽 陰性 偵 測 結果 發生 大幅 提升 整體 防疫 效率 衛生局長 吳 澤 誠 補充 說明 目前 本市 進行 擴大 篩檢 機制 把 匡列 的 範圍 增大 疫 調 仍然 追蹤 到 發病 前 14 天 的 接觸 者 進行 pcr 檢測 另外 由於 篩檢 量 能 提升 以往 只 接受 曾有萬 華及 基隆 足跡 接觸 史 民眾 預約 篩檢 即日起 只要 市民 自覺 需要 采 檢 可以 上網 或 打電話 預約 將 由 衛生局 安排 檢測</t>
  </si>
  <si>
    <t>大陸 新冠肺炎 核酸 篩檢 6 小時 縮 至 45 分鐘</t>
  </si>
  <si>
    <t>總統府 發言人 張惇涵 今天 表示 昨 19 日 下午 總統 官邸 協助 照顧 退役 工作犬 的 一 位 志 工 主動 通知 確診 在 得知 消息 後 總統 醫療 團隊 隨即 啟動 應變 作業 在 第一時間 為 總統 蔡英文 及 相關 人員 進行 核酸 檢測 篩檢 結果 全 為 陰性</t>
  </si>
  <si>
    <t>日本 知名 主持人 上田晉 也 剛 接下 東奧 特別 應援 的 主持 工作 未 料 24 日 卻 驚 傳 確診 新冠肺炎 因為 他 手上 主持 不少 綜藝節目 也 曾在 東奧 開幕式 的 記者席 採訪 讓 外界 格外 擔心 據 日 媒 報導 上田晉 也 24 日 突然 發燒 經 pcr 篩檢 後</t>
  </si>
  <si>
    <t>日本 知名 主持人 上田晉 也 剛 接下 東奧 特別 應援 的 主持 工作 未 料 24 日 卻 驚 傳 確診 新冠肺炎 因為 他 手上 主持 不少 綜藝節目 也 曾在 東奧 開幕式 的 記者席 採訪 讓 外界 格外 擔心 據 日 媒 報導 上田晉 也 24 日 突然 發燒 經 pcr 篩檢 後 確認 陽性 目前 身體狀況 安定 有 些微 發燒 喉嚨 痛 等 症狀 而 他 本來 擔任 東奧 特別 應援 主持人 將 會 賽後 訪問 奪 牌 的 日本 選手 日 刊 體育 報 報導 他 23 日 曾在 東奧 開幕式 的 記者席 採訪 最後 一 次 和 選手 接觸 是 11 日 目前 他 將 遵照 衛生 單位 指示 休養 接下來 的 運動 新聞節目 奧運 賽事 採訪 工作 等 都 會 受到 影響 他 也 透過 經紀 公司 向 各個 相關 單位 致歉 上田晉 也 是 搞 笑 組合 奶油 濃湯 成員 搭檔 是 有 田 哲 平 而有 主持 之 王 封號 的 他 主持 不少 人氣 綜藝 包括 時尚 主義 閒聊 007 世界 上 最 想 上 的 課 世界 一 受 授業 還有 體育節目 goingsports&amp;news 曾於 2018 年 來 台 前往 西門 町 採訪</t>
  </si>
  <si>
    <t>環南 市場 群 聚 案 新北 篩檢 316 人 找到 1 快 篩 陽性</t>
  </si>
  <si>
    <t>北市 環南 市場 傳出 41 人 確診 新北 市長 侯友宜 今 3 日 主持 防疫 記者會 表示 目前 接到 通報 13 人 是否 還 會 增加 靜 待 中央 通報 昨天 新北 市 篩檢 316 人 有 北農 環南 市場 接觸 史 找到 1 個 快 篩 陽性 其 中加 護 感染 有 2 人 會 快速 跟</t>
  </si>
  <si>
    <t>北市 環南 市場 傳出 41 人 確診 新北 市長 侯友宜 今 3 日 主持 防疫 記者會 表示 目前 接到 通報 13 人 是否 還 會 增加 靜 待 中央 通報 昨天 新北 市 篩檢 316 人 有 北農 環南 市場 接觸 史 找到 1 個 快 篩 陽性 其 中加 護 感染 有 2 人 會 快速 跟 北市 並肩作戰 區域 聯防 另外 新北 家禽 合作社 累計 共 29 人 確診 侯友宜 說 面對 5 大 批發市場 除了 依苗 接種 外 從業人員 一定 要 持 陰性 證明 疫苗 施打 證明 才能 進場 嚴格 落實 管理 措施 會 依據 市場 落實 的 防疫 狀況 隨時 抽驗 只 要 一 有 狀況 馬上 啟動 pcr 要 確保 民生 供應 鏈 不能 中斷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環 南市 場 北市 新北 篩檢 侯友宜</t>
  </si>
  <si>
    <t>新冠肺炎 疫情 延 燒 全台 已 累計 429 人 確診 疫情 中心 專家 諮 詢 小組 召集人 張上淳 昨 分析 前 428 名 確診 病例 特徵 表示 臺灣 使用 到 呼吸器 的 患者 迄今 共 24 人 有 6 例 死亡 死亡率 約 25 較 紐約 高達 9 成 的 死亡率 低 許多 也 顯見 在 臺灣 一線 醫療 人員 努力 照顧 下 很多 病人 在 很 嚴重 的 情況 下 仍 能 復原 張上淳 指出 臺灣 24 例 使用 到 呼吸器 的 患者 扣 掉 死亡 6 例 有 9 例 脫離 呼吸器 復原 另 剩下 9 例 仍 在 使用 呼吸器 其中 有 3 位 同時 使用 葉克 膜 治療 張上淳 進一步 分析 表示 臺灣 發病 年齡層 分佈 仍以 20 至 29 歲 為 最 大宗 占 376 無 併發症 的 輕 症 約 占 70 與 確診 案例 多 是 留學生 及 磐石 艦 年輕 官兵 有關 而 在 輕 症 的 298 例 中 采 檢 時 沒有 症狀 者 有 32 例 約 占 75 至於 症狀 表現 依 4 月 1 日 至 22 日 的 7300 個 通報 個案 分析 發現 以 肺炎 最 多 占 32 發燒 和 呼吸道 症狀 其次 占 28 其他 症狀 占 11 隨 著 疫情 發展 新冠肺炎 已 開始 出現 多 元 症狀 張上淳 表示 國外 有些 報告 證實 人 的 眼角膜 分泌物 中 有 驗 出新冠 病毒 然而 也 有些 報告 指 沒有 培養 出 病毒 可能 是 因為 非 普遍現象 或是 病毒 量 不 高 導致 沒有 出現 發炎 張上淳 指出 由於 新冠 病毒 導致 眼角膜 發炎 的 案例 十分 低 臺灣 目前 也 沒有 這樣 的 情況 因此 沒有 做 眼睛 病毒 方面 的 篩檢 及 培養 相信 這 並非 重要 傳染 來源 做好 飛 沫 及 接觸 傳播 的 防護 基本上 民眾 就 不用 太 擔心</t>
  </si>
  <si>
    <t>輸出 新冠暴增 國民黨 籲 出境 前 篩檢</t>
  </si>
  <si>
    <t>臺灣 自 6 月 以來 不斷 傳出 從 臺灣 離境 的 旅客 在 國外 被 驗 出 罹 患 新冠肺炎 本月 22 日 更 一口氣 發生 18 起 類似 案例 對此 國民黨 立 法院 黨團 與 醫 界 專家 昨 共同 呼籲 政府 應 在 旅客 離 台前 進行 篩檢 避免 一再 輸出 病例 影響 臺灣</t>
  </si>
  <si>
    <t>肺炎 篩檢 輸出 菲律賓 旅客</t>
  </si>
  <si>
    <t>新冠肺炎 中華 航空 確診 篩檢 pcr 采 檢</t>
  </si>
  <si>
    <t>北市 士 林某長 照 機構 爆發 47 人 確診 3 死 的 群 聚 感染 北市 衛生局 控 該 機構 有 隱匿 疫情 但 機構 反 嗆 衛生局 早 知 8 日 有 長者 確診 卻 不 做 疫 調 隔離 與 全院 快 篩 直到 14 日 才 進駐 全院 采 檢 副 市長 黃珊珊 再 反駁 市府 沒 耽誤 是 機構 無法 處理 才 要 市府 介入 且 家屬 都 清楚 沒人 不 滿意 黃珊珊 表示 衛生局 14 日 收到 資料 就 跟 府 級 報告 市府 之前 有 處理 信義 老人 機構 安養 經驗 有 在 最 快 時間 讓 衛生局 去 機構 快 篩 並 請 新光 醫院 進駐 將 陽性 病人 收治 都有 處理 且 依照 中央 的 因應 新冠肺炎 措施 黃珊珊 說 但因 後來 機構 一直 有 情況 所以 市府 就 介入 接管 因 機構 無法 處理 市府 並 沒有 耽誤 14 日 已 協助 將 確診 者 送 到 醫院 及 防疫 旅館 所有 家屬 都 清楚 市府 也 有 開 家屬 說明會 家屬 沒有 不 滿意 針對 衛生局 控 機構 只 給 退燒藥 但 機構 卻說 衛生局 要 插管 病人自行 快 篩 北市 衛生局 簡任 技正 王素琴 表示 6 月 14 日 發現 感染 時 感 管 師都 有 進去 調查 並 依照 優先 順 篩檢 采 分 艙 分流 來 保護 這些 住 民 也 有 把 裡面 全部 都清 空 至於 機構 有無 不當 處置 等 後續 會 再 做 詳細 調查 基本上 機構 負責人 也 在 居家 隔離</t>
  </si>
  <si>
    <t>臺灣 北部 某 醫院 爆出 院內 感染 新北 市長 侯友宜 2 日 回應 新北 醫院 早已 分 倉 分流 做好 院內 感染 必要措施 之前 已 要求 發燒 篩檢 站 設於 戶外 做好 超前 部屬 防護 做 到位 侯友宜 表示 已 要求 醫院 嚴格 管制 或 限制 人數 市府 也</t>
  </si>
  <si>
    <t>臺灣 北部 某 醫院 爆出 院內 感染 新北 市長 侯友宜 2 日 回應 新北 醫院 早已 分 倉 分流 做好 院內 感染 必要措施 之前 已 要求 發燒 篩檢 站 設於 戶外 做好 超前 部屬 防護 做 到位 侯友宜 表示 已 要求 醫院 嚴格 管制 或 限制 人數 市府 也 不斷 給 醫院 醫護 配備 等 更 多 資源 讓 醫護人員 在 第一線 打仗 能夠 毫無 後顧之憂 新北 市府 每天 與 十七 家 急救 責任 醫院 保持 密切 聯繫 掌握 所有 狀況</t>
  </si>
  <si>
    <t>宜蘭 縣 11 日 新增 3 件 新冠肺炎 確診 個案 其中 1 名 是 60 多 歲 女性 旅 行業 從業人員 另外 兩 人 是 一對 父子 確診 的 父親 案 12506 是 上個月 所 公佈 宜蘭 大學 安心 上工 確診 病 患 案 2372 的 接觸 者 但 縣府 表示 這 位 父親 先前 經過 篩檢 及 核酸 檢測 都 是 陰性 因此 確切 的 感染 源 仍 有待 進一步 厘 清 此外 縣府 也 宣佈 考量 宜蘭 最 大宗 的 外籍 移 工 是 漁 工 經過 與 兩 個 漁會 討論 之後 明 後 兩 天將 在 兩 個 地區 漁會 為 漁 工 進行 一 次 快 篩 藉 此 瞭解 及 評估 外籍 漁 工 的 健康 縣府 在 11 日 舉行 的 線 上 記者會 中 表示 宜蘭 縣 新增 的 3 件 案例 案 12311 和 案 12506 是 父子 案 12506 父親 因為 是 案 2372 的 接觸 者 當時 衛生局 已 匡 列為 居家 隔離 個案 並 安排 采 檢 結果 呈現 陰性 在 居家 隔離 期間 為 曾 感覺 到 腸胃 不適 到 醫院 急診 並且 出現 發燒呼吸道 症狀 進一步 以 核酸 檢測 仍 呈現 陰性 當時 診斷 是 扁桃腺 發炎 案 12506 在 5 月 26 日 解除 隔離 後 回 到 家中 後來 10 多 歲 的 兒子 案 12311 出現 咳嗽 流 鼻 水 嗅覺 異常 等 症狀 6 月 9 日 到 醫院 采 檢 後 確診 ct 值 21 衛生局 也 立即 將 案 12506 再次 匡為 居家 隔離 對象 並 進行 采 檢 結果 為 陽性 確診 ct 值 27 但 衛生局 表示 這 兩 案 的 感染 源 目前 仍 難以確定 還 在 逐步 厘 清中 此外 由於 宜蘭 縣 內 的 外籍 移 工 以 漁 工 為 最 大宗 外籍 船員 的 數量 大約 有 1600 多 人 其中 以 印尼 籍 1000 多 人 占 大多數 菲律賓籍 有 將近 500 人 少部 份 是 越南 及 泰 國籍 雇用 外籍 船員 的 漁船 數則 有 將近 500 艘 縣長 林姿 妙 表示 外籍 移 工 也 是 我們 的 家人 他們 的 健康 同樣 要 受到 重視 經過 縣府 與 頭 城區 漁會 蘇澳 區 漁會 討論 之後 明 後 1213 日 縣府 將 在 兩 個 地區 漁會 幫 漁 工 進行 快 篩 作業 一同 做好 防疫 工作</t>
  </si>
  <si>
    <t>近期 新冠肺炎 死亡 人數 逐漸 上升 新北 市長 侯友宜 25 日 表示 新北 市 目前 各 大 醫院 收治病人 總共 有 528 人 其中 有 77 人 是 重症 比例 15 相當 高 且 重症 很 多 是 長者 市府 將 加強 醫院 與 長 照 機構 防疫 落實 感 控 分 艙 分流 除了 必要性 洗 腎 與 緊急 需求 其他 都 視 訊 看 診 確保 長者 安全 侯友宜 說 今天 整個 到 現在 新北 市 確診 人數 達 1926 人 還是 以 板橋 昨天 總 篩檢 數量 6647 人 是 最高 的 一 天 熱區 的 陽性率 達 448 435 比 總 平均 的 367 還要 高 證明 熱區 比較 容易 感 防疫 一定 要 加強</t>
  </si>
  <si>
    <t>疫情 升溫 醫護人員 疲於奔命 副 總統 賴清德 今天 向 民眾 喊話 無 接觸 史 活動 史且 無 症狀 者 目前 沒有 篩檢 必要 不要 貿然 前往 急診室 讓 自己 暴露 在 感染 風險 之中 他 也 拜 讬 國人 把 急 重症 醫療 資源 留給 需要 的 人 珍惜 在 第</t>
  </si>
  <si>
    <t>中央 陸續 配發 15萬 劑 的 莫德納 到 各縣市 新北 市 衛生局長 陳 潤 秋 今 上午 8 時許 在 市政 會議 表示 中央 總共 配發 給 新北 市 9800 劑 昨天 先 到 5700 劑 後續 會 再 補 4100 劑 全數 給 新冠肺炎 專責 病房 內 工作者 接種 由 專責 醫院 在 院內 直接 安排 接種 新北 市政府 今 上午 召開 市政 會議 陳潤秋 報告 新北 市 累計 確診 數 以 板橋 中和 三 重 新莊 永和 比較 多 發病 日 最高峰 集中 在 上月 17 日 24 日 25 日 後面 看 起來 有 趨 緩 要 持續 觀察 新北 市 共 36 個 篩檢 站 整體 陽性率 106 其中 板橋 區 昨日 采 檢 1016 人 整體 陽性率 177 中和 區 昨日 采 檢 705 人 陽性率 178 陳 潤 秋 說 中央 預計 配發 給 新北 市 9800 劑 莫德納 疫苗 昨天 先 到 5700 劑 後續 會 再 補 4100 劑 全數 給 新冠肺炎 專責 病房 內 工作者 接種 由 專責 醫院 在 院內 直接 安排 接種 新北市衛生局補充 9800 劑 莫德納 疫苗 今日 開始 接種 接種 物件 為 新冠肺炎 專責 醫療 院所 直接 照顧 確診 疑 似 個案 第一 線 工作人員 風險 等 級 1 以及 非 直接 照顧 確診 疑 似 個案 的 第一 線 工作人員 風險 等 級 2 並 視 前述 對象 接種 情形 逐步 放寬 至 所有 第一 類 醫 事 及 非醫 事 等 工作人員 接種</t>
  </si>
  <si>
    <t>果農 夫妻 感染 源 不明 17 人 曾 到 枋寮 醫院 未 篩檢 縣府 急 找 人</t>
  </si>
  <si>
    <t>屏 東 delta 病毒 群眾 案 中 枋寮 果農 夫妻 的 感染 途徑 雖 現 曙光 但 感染 源 仍未 明 為此 屏 縣府 針對 到 過 枋寮 醫院 的 民眾 擴大 篩檢 但 至今 仍 有 942 人 未 篩 當中 最 關鍵 的 6 月 16 日 也 還 有 17 人 沒 篩 屏 東 縣長 潘孟安 呼籲 民眾 快 去 篩</t>
  </si>
  <si>
    <t>屏 東 delta 病毒 群眾 案 中 枋寮 果農 夫妻 的 感染 途徑 雖 現 曙光 但 感染 源 仍未 明 為此 屏 縣府 針對 到 過 枋寮 醫院 的 民眾 擴大 篩檢 但 至今 仍 有 942 人 未 篩 當中 最 關鍵 的 6 月 16 日 也 還 有 17 人 沒 篩 屏 東 縣長 潘孟安 呼籲 民眾 快 去 篩 枋寮 確診 果農 夫妻 足跡 單純 而 因 多次 出入 枋寮 醫院 加上 6 月 16 日 與 枋山 確診 阿嬤 在 同一時間 處 同一 候診 區 因此 屏 縣府 將 枋寮 醫院 列為 高風險 區 分別 在 枋寮 國小 東海 國小 建 興國 小 開設 篩檢 站 除 提供 枋寮 春日 鄉民 篩檢 外 更 針對 14 日後 到 過 枋寮 醫院 的 民眾 篩檢 而 3 篩檢 站 的 任務 於 日前 結束 後 屏 縣府 接續 在 枋寮 醫院 恒 春 南門 醫院 潮州 茂隆 骨科 屏東市 國 仁 醫院 設 篩檢 站 但 截至 5 日 止 屏 縣府 發現 總共 僅 采 檢 3478 人 還有 942 人 未 篩 當中 屏 東縣 占 909 人 外縣市 占 33人 而 最 關鍵 的 6 月 16 日 還有 17 人 未 篩檢 未 篩檢 的 快 去 篩 對此 屏 東 縣長 潘孟安 喊話 要 圍堵 社區 感染 一 圈 又 一 圈 的 擴大 篩檢 很 重要 請 民眾 務必 要 配合 政策 針對 6 月 16 日 未 篩檢 的 17 人 縣府 已 要求 枋寮 醫院 限期 內 完成 同時 也 請 衛政 警 政 單位 協助 透過 衛生局 的 資料 逐一 致電 通知 篩檢</t>
  </si>
  <si>
    <t>枋寮 醫院 感染 源 果農 夫妻 delta 篩檢</t>
  </si>
  <si>
    <t>基隆 一 名 年 約 63 歲 陳姓 男子 5 月底 確診 住 進 基隆 長庚醫院 治療 醫師 照 x 光 檢查 發現 其 血 氧 濃度 不 到 90 肺部 浸潤 嚴重 情況 相當 危急 立即 給予 高 流量 鼻 導管 氧氣 機 治療 目前 大幅 改善 男子 開心 的 在 病房 比 贊 感謝 醫護人員 陳 男 5 月底 出現 全身 無力 呼吸 喘 等 不適 症狀 立即 前往 基隆 長庚醫院 掛號 診察 篩檢 確診 當時 男子 缺氧 嚴重 血 氧 濃度 不 到 90 肺部 浸潤 嚴重 入住 加 護 病房 院方 趕緊 給予 高 流量 鼻 導管 氧氣 機 治療 維持 血 氧 濃度 情況 一度 危急 所幸 陳 男 意志堅強 始終 不 放棄 在 醫護人員 不斷 鼓勵 下 歷經 一個 月 的 治療 逐漸 戰勝 病毒 6 月 28 日 由 加 護 病房 轉到 普通 病房 醫師 透過 x 光 檢查 發現 陳男 肺部 浸潤 狀況 已 大幅 改善 原本 必須 給予 給予 90 氧氣 才能 維 其 體內 血 氧 濃度 目前 只 要 給予 40 氧氣 就 能 維持 運作 陳 男 漸漸 恢復健康 臉上 再現 笑容 在 病房 開心 的 和 醫護人員 一起 比 贊 他 表示 很 感謝 醫療 團隊 的 努力 一直 守護 著 民眾 的 健康 也 感謝 市府 積極 防疫 在 雙北 疫情 夾 擠下 未 讓 疫情 擴大 並 守 住 醫療 量 能 相信 再 診療 一段時間 就 能 康復 出院 恢復正常 生活 基隆 長庚醫院 長 賴旗俊 指出 目前 院內 總計有 10 台高 流量 鼻 導管 氧氣 機 包括 5 月 疫情 尚未 暴發 前 自行 購買 的 4 台 日前 又 獲 捐贈 2 台 政府 配置 4 台 未來 重症 病人 有 需求 時 會 立即 給予 使用 即時 搶 回 寶貴 的 生命 也 能 超前 部署 他 強調 目前 醫療 量 能 無 虞 請 民眾 放心 也 呼籲 做好 防疫 措施 不必 恐慌 相信 大家 很快 能 戰勝 這 場 疫情</t>
  </si>
  <si>
    <t>南科 管理局 9 日 在 台南 高雄 園區 啟動 快 篩 站 台南 園區 快 篩 站 13 日 上午 篩檢 群 創 光電 524 名 外籍 移 工 其中 1 人 呈 陽性反應 現場 支援 醫院 立即 進行 pcr 采 檢 所幸 pcr 檢測 後 轉 陰性 虛驚一場 台南 市政府 衛生局 表示 今天 台南</t>
  </si>
  <si>
    <t>南科 管理局 9 日 在 台南 高雄 園區 啟動 快 篩 站 台南 園區 快 篩 站 13 日 上午 篩檢 群 創 光電 524 名 外籍 移 工 其中 1 人 呈 陽性反應 現場 支援 醫院 立即 進行 pcr 采 檢 所幸 pcr 檢測 後 轉 陰性 虛驚一場 台南 市政府 衛生局 表示 今天 台南 園區 快 篩 站 有 一 名 移 工 快 篩 采 陽性 現場 立即 進行 pcr 采 檢 後續 專車 送至 預先 規 畫 1 人 1 室 隔離 的 場所 安置 所幸 經 pcr 檢測 後 為 陰性 南 科 台南 園區 快 篩 站 自 啟用 至 昨日 止 累計 已 完成 3916 人 快 篩 910 日 2 天 安排 1765 人 快 篩 其中 7 人 快 篩 陽性 pcr 全轉 陰性 1112 日 2 天 總計 2151 人 全采 陰性 南 科 管理局 副 局長 鄭秀絨 表示 今天上午 已 快 篩 524 人 下午 預計 會 再 采 504 人</t>
  </si>
  <si>
    <t>為 陸封 城 解禁 作 準備 葉 金川 疾呼 疫情 高峰 難 測 篩檢 量 絕對 不夠</t>
  </si>
  <si>
    <t>因應 新冠肺炎 疫情 延 燒 台南 市 衛生局 斥資 40萬 打造 首 座 貨櫃 采 檢 屋 設立 於 傳染病 應變 醫院 衛生 福利 部 台南 醫院 減輕 前線 急診 檢疫 人員 負擔 解決 民眾 就醫 久候 及 改善 戶外 采 檢 環境 品質 貨櫃 屋 采檢 站 為 戶外 獨立 采 檢 空間 采 檢 區 與 被 采 檢 區 完全 密封式 隔離 提高 安全 與 效率 台南 市長 黃偉哲 今天 出席 啟用 儀式 也 親自 上場 接受 采 檢 他 說 貨櫃 采 檢 高效能 一 天 可 采 檢 500 多 人 磐石 艦 300 多 人 半天 就 采 檢 完 了 台南 醫院 感染 科 指出 采 檢 人員 一 次 可 完成 4 人 采 檢 工作量 省卻 過去 采 檢 1 人 就 要 穿 上 隔離 衣 等 裝備 一 趟 采 檢 可 節省 2 小時 民眾 則 可 省 下 約 30 分鐘 時間 提升 安全 與 效率 采 檢 作業 分流 1 間 采 檢 1 人 避免 等候 時間 過長 又 能 減少 醫護人員 執行 相關 處置 時 與 病人 接觸 采 檢 後 立即 以 紫外線 消毒 避免 交叉 感染 守護 醫護人員 及 市民 貨櫃 屋 采檢 站 具備 機動性 可 移動 為 戶外 獨立 采 檢 空間 采 檢 區 與 被 采 檢 區 完全 密封式 隔離 阻隔 病毒 穿透 采 檢 人員 雙手 伸 進 采 檢 洞口 藉 由 作業 手套 進行 篩檢 采 檢 區 有 4 間 獨立 密封式 隔離 空間 並 設有 獨立 紫外線 消毒 設備 采 檢 作業 以 分流 方式 1 間 采 檢 1 人 可 避免 等候 時間 過長 無須 受限 戶外 天候 影響 黃偉哲 說 政府 帶頭 做 防疫 營造 安全采 檢 環境 期望 以 此 模式 鼓勵 其他 醫院 無需 受限 空間 硬體 設備 不足 也 能 提升 收治 量 能及 照 護 品質 衛生局長 陳怡 說 後續 扶輪社 將 捐贈 第二 座 貨櫃 采 檢 站 預計 將 放置 于 新營 醫院</t>
  </si>
  <si>
    <t>南 投 縣 27 日 新增 1 例 確診 個案 6762 是 草屯鎮 65 歲 男性 26 日 主動 到 草屯 中 山裡 社區 篩檢 站 快 篩 結果 陽性 經 pcr 篩檢 陽性 確診 已 住院 隔離 治療 尚無 不適 症狀 另外 中央 配發 az 疫苗 1800 劑 已 送達 將 以 醫護 及 警 消 為 優先 施</t>
  </si>
  <si>
    <t>南 投 縣 27 日 新增 1 例 確診 個案 6762 是 草屯鎮 65 歲 男性 26 日 主動 到 草屯 中 山裡 社區 篩檢 站 快 篩 結果 陽性 經 pcr 篩檢 陽性 確診 已 住院 隔離 治療 尚無 不適 症狀 另外 中央 配發 az 疫苗 1800 劑 已 送達 將 以 醫護 及 警 消 為 優先 施打 物件 衛生局長 黃昭郎 表示 確診 個案 活動 史 除 工作 的 草屯鎮 坪 頂 裡 第 12 公墓 中原 裡 第 13 公墓 及 雙冬裡 公墓 及 到 大觀 市場 購物 外 未有 其他 足跡 將 請 警方 協助 持續 追查 確診 個案 5 名 共同 及 9 名 非 共同 居住 家人 和 3 名 共事 者 共 17 人 匡 列為 接觸 者 均 已 采 檢 並 居家 隔離 黃昭郎 表示 26 日 在 草屯鎮 中 山裡 社區 篩檢 站 統計 結果顯示 篩檢 陽性率 約 為 083 28 日 下午 2 點 到 4 點 將 在 草屯鎮 寶島 時代 村 開設 新冠肺炎 篩檢 站 如有 與 確診 個案 足跡 重疊 者 及 認為 自己 有 症狀 者 可 前往 篩檢 請 帶 身分 證 健 保 卡 並 全程 戴 醫療 口罩 黃昭郎 說 原本 向 中央 提報 8000 劑 疫苗 供 縣 內 醫 事 警 消 人員 優先 施打 中央 則 配送 1800 劑 將 分別 供 1670 名醫 事 人員 及 員警 100 人 消防 50 人 登記 施打 1800 劑 施打 完畢 後 南 投 縣 醫 事 人員 接種 率 將 從 現行 356 提升 到 496 警 消 接種 人數 則 分別 為 334 人 及 159 人 建設 處長 李正偉 針對 公告 禁止 營業 的 八大 等 高風險 行業 稽查 成果 指出 已 開 罰 2 家 違規 營業 業者 各 30萬 元 分別 是 草屯 一家 養生 館 及 埔裡 鎮 一家 夾 娃娃 店 縣府 聯合 稽查 小組 會 持續 查 察 若 再 查獲 違規 將 再 罰 30萬 元 並 同步 斷水 幾 電 絕不 寬 貸</t>
  </si>
  <si>
    <t>銀行 代班 警衛 也 確診 北 富 銀 分行 全員 篩檢 呈 陰性</t>
  </si>
  <si>
    <t>停泊 在 日本 九州 長崎 港 維修 中的 大型 郵輪 歌 詩 達 大西洋 號 costa atlantica 繼 船上 1 名 外籍 船員 確診 感染 新冠 病毒 後 還有 人 出現 發燒 等 症狀 57 名 密切接觸 者 經 病毒 篩檢 後 又 有 33 人 確診 船上 只 有 工作人員 沒有 乘客</t>
  </si>
  <si>
    <t>停泊 在 日本 九州 長崎 港 維修 中的 大型 郵輪 歌 詩 達 大西洋 號 costa atlantica 繼 船上 1 名 外籍 船員 確診 感染 新冠 病毒 後 還有 人 出現 發燒 等 症狀 57 名 密切接觸 者 經 病毒 篩檢 後 又 有 33 人 確診 船上 只 有 工作人員 沒有 乘客 這 艘 船 至 3 月 25 日 為止 一直 在 長崎 港 的 三菱 重工 長崎 造船 所 香 燒 工廠 維修 試航 後 預定 停泊 在 長崎 港 至 4 月底 第 1 名 確診 的 船員 4 月 14 日 出現 發燒 症狀 20 日 確診 之後 一直 在 單獨 房 隔離 這 艘 船 加上 外籍 船員 共有 623 名 工作人員 長崎縣 為 防止 疫情 擴大 曾 要求 船員 3 月 13 日 避免 下船 厚生 勞動 省 將 派 厚 勞省 的 1 名 職員 及 1 名 國立 感染症 研究所 的 專家 到 當地 控制 疫情</t>
  </si>
  <si>
    <t>好萊塢 確診 再 添 一 例 26 歲 女星 瑞秋麥 修斯 rachel matthews 當地 時間 16 日 晚間 在 ig 自 曝 上周 她 確診 新冠肺炎 目前 正 隔離 治療 中 她 詳細 記錄 自己 染病 的 過程 將 症狀 表現 公開 希望 能夠 幫助 到 其他 人 瑞秋麥 修斯 曾 為 冰雪 奇 緣 2 配音 北 烏 卓人哈 妮 瑪倫 也 在 驚 悚 片 忌日 快樂 祝 你 忌日 快樂 展露頭角 她 表示 目前 感覺 好多 了 並 透露 了 自己 一 開始 很 難 能 去 檢測 是因為 身邊 已經 有 人 確診 了 而且 自己 也 有 症狀 表現 最終 才能 去 篩檢 她 在 貼 文中 詳細描述 發病 首日 至 第 7 天 的 感受 第一 天 喉嚨 痛 疲勞 頭痛 第 2 天 輕度 發燒 全身 酸痛 發冷 肺部 劇烈 疼痛 開始 乾咳 食欲不振 到 了 第 3 天 沒有 發燒 輕微 身體 疼痛 肺部 深層 開始 惡化 乾咳 並 呼吸 急促 身體 嚴重 疲勞 和 食欲不振 而 第 4 天 症狀 似乎 變 得 溫和 但是 肺部 仍然 沉重 且 呼吸 急促 而 失去嗅覺 和 味覺 第 567 天 一切 基本上 沒有 太 大 變化 仍 有 呼吸 急促 食欲不振 疲倦 等 症狀 但 總體而言 還算 ok</t>
  </si>
  <si>
    <t>雙北 疫情 持續 升溫 新北 聯合醫院 板橋 院區 社區 篩檢 站 今 下午 2 時 啟動 居住 板橋 區 有 萬 華 高風險 區 活動 或 接觸 史者 優先 新北 市長 侯友宜 今 主持 疫情 記者會 表示 目前 板橋 確診 人數 比較 多 快 篩 站 整備 已經 就緒 此外 新莊 區</t>
  </si>
  <si>
    <t>雙北 疫情 持續 升溫 新北 聯合醫院 板橋 院區 社區 篩檢 站 今 下午 2 時 啟動 居住 板橋 區 有 萬 華 高風險 區 活動 或 接觸 史者 優先 新北 市長 侯友宜 今 主持 疫情 記者會 表示 目前 板橋 確診 人數 比較 多 快 篩 站 整備 已經 就緒 此外 新莊 區 的 衛福部 立 醫院 也 正在 協調 中 侯友宜 說 設置 快 篩 站 是 把 陽性 個案 找 出來 最 快速 的 方式 目前 板橋 確診 數 比較 多 新北 市 已 在 新北 聯合醫院 板橋 院區 設置 社區 篩檢 站 以 居住 板橋 區 有 萬 華 高風險 區 活動 或 接觸 史者 優先 相關 整備 已經 到位 將 在 下午 2 點 起 開始 快 篩 工作 侯友宜 說 盼 透過 快 篩 站 快速 檢驗 先 解決 板橋社區 的 狀況 至於 其他 地區 是否 要 增設 快 篩 站 會 隨 疫情 滾 動式 檢討 媒體 問及 新莊 區 的 衛福部 立 醫院 也 被 列為 專門 篩檢 醫院 是否 也 增設 社區 快 篩 站 侯友宜 說 這 需要 考慮 部 北 的 醫療 量 能 現階段 是否 能夠 負荷 再 設 一 座 快 篩 站 新北市衛生局 正 跟 醫院 協調 中 這些 都 需要 重新 盤整</t>
  </si>
  <si>
    <t>新北 市府 衛生局 今 證實 當初 搭載 秘魯 返台 租 孫 的 防疫 計程車 司機 住 在 新北 中央 下午 已 通知 地方 要求 司機 前往 采 檢 目前 結果 尚未 出爐 據 瞭解 該 名 司機 當天 將 祖孫 載 回 屏 東 時 祖孫 兩 人 有 在 台南 的 關廟 休息 站 下車 上 廁所 新北市衛生局 今 表示 該 名 司機 是 在 機場 排 班 的 防疫 計程車 該 對 祖孫 6 日 返國 由 該 名 司機 接送 回屏 東 今天 27 日 收到 中央 通知 要求 安排 該 名 司機 前往 篩檢 目前 結果 尚未 出爐 新北 市 會 和 中央 及 相關 縣 市 密切 聯繫 並 積極 協助 疫 調 稍 早 一度 傳出 秘魯 返國 的 祖孫 返國 搭 的 防疫 計程車 其 司機 為 台中人 對此 台中 市 衛生局 表示 經查 司機 為 新北 市 人 台中 市 衛生局長 曾 梓 展 表示 經 與 桃園 衛生局 連系 這 對 祖孫 從 秘魯 返國 時 在 桃園 機場 叫 了 防疫 計程車 搭 返 屏 東 該 司機 是 新北 市 人 並非 台中人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苗栗 電子 廠 新冠肺炎 疫情 連環 爆 也 受 牽累 的 智邦 科技 2345 10 日 再 添 28 名 確診 員工 讓 總 確診 人數 追 高至 41 人 10 日 晚間 智邦 也 針對 外籍 移 工 停工 帶來 的 影響 做 一 說明 強調 6 月 產 能 不 變 然 因 部分 停工 影響 月 產量 將 因而 減少 一 成 月 營 收 影響 估 為 5 惟 6 月 減 損 的 產量 將 透過 產能 的 調配 來 彌補 對 全年 財務 業務 應無 重大 影響 智 邦 科技 10 日 再 添 28 名 確診 個案 經查 其中 有 27 人 為 外籍 員工 1 人 為 臺灣 員工 累計 確診 人數 為 41 人 其中 也 以 外籍 員工 確診 數 為 高 達 37 人 而 臺灣 員工 僅 占 4 人 由於 確診 的 外籍 員工 將 直接 影響 到 產量 智邦 科技 10 日 晚間 也 跟進 揭露 部分 外籍 移 工 停工 為 營運 帶來 的 影響 智邦 表示 10 日 宣佈 確診 員工 多 為 初期 即 列入 高風險 個案 篩檢 隔離 者 後續 雖 仍 有 少數 個案 還 在 進行 檢測 評估 但 整體 疫情 風險 應 已 獲得 初步 控制 而為 更 有效 防範 疫情 智邦 決定 針對 竹南 廠 全體人員 進行 pcr 檢測 以 現況 推 估 應只 有 6 月 的 產量 受到 影響 初 估 對 6 月 的 產量 影響 約 為 一 成 惟 因 臺灣 廠 的 產 能 占 比為 五 成 從而 推 估 對 6 月 營 收 影響 數 應 只 有 5</t>
  </si>
  <si>
    <t>安盛 生 6734 規劃 在 今年 第 四季 推出 安必 測 新型 冠狀 肺炎 智慧 抗原 快 篩 pixotest poct covid-19 antigen test 與 數位 健康 通行證 pixohealth pass 安盛 生 科 目前 正 與 國際 合作夥伴 規劃 臨床 測試 預計 於 第 4 季進行 取證 送 審 相關 作業 期望 今年 能 在 目標 市場 推出 安必 測 新冠肺炎 智慧 抗原 快 篩 解決 方案 安盛 生 科 指出 安必 測 新冠肺炎 智能 抗原 快 篩 最 快 可以 在 五 分鐘 內 偵 測出 陽性 結果 這 將 會 是 市面上 檢測時間 最 短 的 新冠肺炎 抗原 快 篩 產品 之一 安盛 生 科 這 一 波 將 推出 的 檢測 方案 不僅 止於 精准 的 抗原 快 篩 也 結合 具 加密 保護 機制 的 pixohealth pass 數位 健康 通行證 可 同步 發出 檢測 結果 到 陰性 受測者 的 智慧 型 手機 以 資 證明 此 數位 健康 通行證 的 應用 將 對於 全球 仍 須 嚴格 把關 的 公共場所 及 公開 聚會活動 出入 進行 更 有效率 的 門 禁 監控 受測者 在 進行 安必 測 新冠肺炎 智慧 抗原 快 篩檢測 之前 需 先 下載 pixohealth pass app 完成 實 名 註冊 後 此 應用程式 會 產出 具 專一性 的 qr code 二 維 條碼 檢驗 機構 接 著 使用 安必 測 專用機 掃描 受測者 提供 的 pixohealth pass app 條碼 在 受測者 完成 測試 後 系統 會 自動 發出 檢驗 結果 到 每 一 位 個別 受測者 的 手機 中</t>
  </si>
  <si>
    <t>北 市內 湖 的 壹 電視 電視臺 7 日 傳出 一 名 劉姓 攝影師 猝死 陳屍 廁所 昨 8 日 晚 采 檢 結果 出爐 經過 pcr 檢測 死者 生前 確診 新冠肺炎 年代 新聞 台主 播 張雅琴 和 劉姓 攝影 不在 同一 棟 大樓 辦公 也 未 合作 但 部分 新聞 攝影棚 會 共用 為 保險 起見 張雅琴 一早 8 點去 直奔 醫院 快 篩 結果 出爐 呈現 陰性 由於 該 名 劉 姓 攝影 上班 時 可能 與 公司 員工 有所 接觸 北 市府 不敢 輕忽 北市 衛生 局 今天上午 10 時 30 分 已 在 壹 電視 大 樓前 設立 快 篩 站 下午 1 點 開始 進行 快 篩 約 一 天 至 多 200 人 以 有 接觸 者 再來 是 次 接觸 者 以 造冊 順序 篩檢 張雅琴 表示 目前 身體 都 ok 沒有 實際 接觸 到 應該 還好 只是 在 同 個 環境 還 是 會 擔心 怕 新聞 工作 來不及 早上 8 點 就 去 醫院 快 篩 結果 出爐 呈現 陰性 張雅琴 聽到 攝影 猝死 消息 時 覺得 遺憾 大於 擔心 這麼 年輕 的 生命 我 希望 大家 也 幫 新聞 工作者 講講 話 尤其 第一線 的 新聞記者 特別 辛苦 打 疫苗 部分 應該 也 要 讓 他們 優先 雖然 我 現在 沒有 在 第 一線 但 我 可以 感同身受 也 有 這個 感觸</t>
  </si>
  <si>
    <t>9 日 03 30 更新 北 市內 湖 區 某 電視臺 攝影棚 攝影師 7 日 被 人 發現 陳屍 在 廁所 馬桶 家屬 一度 以為 是 酗酒 緣故 不過 檢 警 采 檢 後 送驗 今 傍晚 結果 出爐 該 攝影師 新冠肺炎 篩檢 呈現 陽性 當初 協助 相 驗 的 員警 已經 急 赴 醫院 快</t>
  </si>
  <si>
    <t>9 日 03 30 更新 北 市內 湖 區 某 電視臺 攝影棚 攝影師 7 日 被 人 發現 陳屍 在 廁所 馬桶 家屬 一度 以為 是 酗酒 緣故 不過 檢 警 采 檢 後 送驗 今 傍晚 結果 出爐 該 攝影師 新冠肺炎 篩檢 呈現 陽性 當初 協助 相 驗 的 員警 已經 急 赴 醫院 快 篩 而 電視臺 的 同事 現 已 自主 健康 管理 據悉 該 電視臺 宣佈 9 日 要 協助 全體 員工 快 篩 並 在 衛生 單位 的 指示 下 進行 疫 調 7 日 上午 電視臺 的 清潔工 發現 48 歲 攝影師 在 廁所 隔間 內 猝死 警方 到場 相 驗 見 死者 褲子 脫到 一半 排除 無 外力 介入 原 打算 請 衛生所 的 醫師 開立 死亡 證明書 不過 警方 通知 衛生所 1922兩 方 互 踢皮球 沒有 醫師 願意 到場 後 經 協調 改由 法醫 進行 采 檢 今天 傍晚 采 檢 結果 出爐 新冠肺炎 確診 家屬 告訴 檢 警 死者 前 1 周均 居家 辦公 第 1 天 上班 就 陳屍 廁所 辦公室 同事 則 自行 展開 疫 調 瞭解 曾 密切接觸 的 同仁通知 自主 健康 管理 到場 處理 的 員警 包括 派出所 3 名 員 警 偵查隊 鑒 識 人員 1 名 均 有 穿戴 全套 防疫 裝備 返 所 後 都有 使用 消毒 門 全面 清 消 現 已 前往 醫院 進行 快 篩 中 時 新聞網 關心 您 飲酒 過量 有礙 健康 中 時 新聞網 關心 您 開車 不 喝酒 喝酒 不 開車</t>
  </si>
  <si>
    <t>臺北市 13 日 新增 9 例 本土 確診 個案 臺北市 長 柯文哲 表示 萬 華區 上周 仍 有 新 增 36 例 先前 批發市場 專案 大規模 pcr 篩檢 施打 疫苗 後 15 日 起 就 可 看出 是否 有效 擋住 請 大家 拭目以待 另外 北市 除 了 市場 感染 比較 麻煩 的 是 家戶</t>
  </si>
  <si>
    <t>臺北市 13 日 新增 9 例 本土 確診 個案 臺北市 長 柯文哲 表示 萬 華區 上周 仍 有 新 增 36 例 先前 批發市場 專案 大規模 pcr 篩檢 施打 疫苗 後 15 日 起 就 可 看出 是否 有效 擋住 請 大家 拭目以待 另外 北市 除 了 市場 感染 比較 麻煩 的 是 家戶 感染 是 現在 疫 調 主力 北市 新增 確診 個案 連續 2 天 在 10 例 以下 柯文哲 今 表示 從 過去 記錄 來看 北市 感染 分為 3 類 一類 是 市場 感染 過去 2 周 大規模 pcr 篩檢 打 疫苗 希望 這周 可 解決 掉 每週 12 個 行政區 新增 案例 萬華 到 上周 還有 36 例 批發市場 專案 疫苗 打 下去 要 14 天 發揮作用 最後 一 批 是 1 日 施 打 所 以 15 日後 就 可 看出 是否 有效 擋住 他 要 大家 拭目以待 柯文哲 指出 除 了 市場 另外 是 醫院 發生 院內 感染 會 加強 醫院 管制 也 由於 醫院 較 少 一旦 有 確診 疫 調 很 容易 發現 針對 爆出 感染 的 醫院 處理 最後 比較 麻煩 的 就 是 家戶 感染 大概 是 現在 疫 調 的 主力 這周 再 努力 看看 此外 柯文哲 說 今天 北市 新增 9 例 分佈 在 5 個 行政區 中山區 是 家戶 感染 萬華 今天 新增 2 例 沒有 特別 多 但 只 看 1 天 不准 要 看 1 周 累積 起來 的 趨勢 案例 雖然 變 少 但 市府 一直 擴大 匡列 追蹤 的 居家 隔離 人數 保持 在 1000 人 上下 病例 愈少 就 加大 疫 調 範圍 希望 透過 這樣 努力 達到 清零</t>
  </si>
  <si>
    <t>提升 篩檢 量 能 三軍 總 醫院 明 支援 板橋 機動 篩檢 站</t>
  </si>
  <si>
    <t>新冠肺炎 臺灣 機動 篩檢 站 板橋</t>
  </si>
  <si>
    <t>臺北市 信義 區 確診 數 升高 永利 市場 11 日 爆出 1 名 菜販 確診 市場 封市 3 天 急 清 消 臺北市 副 市長 黃珊珊 表示 這 名 確診 攤 商 一 開始 疫 調 還 沒有 說實話 北 市府 花 兩 天 調閱 資料 還 動員 員警 調 監視器 才讓 攤 商 吐實 發現 攤販 先生 曾 到 環南 市場 批 貨 目前 已 匡列 49 人 免費 篩檢 黃珊珊 指出 該 名 婦人 稱 因為 朋友 告知 可以 免費 篩檢 就 自 行前 往 醫院 做 免費 pcr 篩檢 後 確診 但 在 疫 調 時 聲稱 有 先生 跟 小孩 但 沒有 同 住 也 沒有 來往 她 平時 也 少 使用 電話 因此 毫無 足跡 可言 導致 疫 調 困難 黃珊珊 說 疫 調 人員 調出 電信 通 聯 紀錄 並 向警局 調出 監視器 發現 她 與 先生 去 篩檢 疫 調 同仁 拿 資料 向 婦人 詢問 後 結果 婦人 嚇到 才 告知 是 在 永利 市場 賣 菜 也 匡列 49 人 市府 透過 精准 疫 調 會 讓 匡列者 免費 去 篩檢 黃珊珊 強調 婦人 一 開始 沒有 說實話 調出 通 聯 紀錄 及 監視器 影像 才 知 她 在 市場 賣 菜 先生 有 去 環 市場 批 貨 目前 是 陰性 並 在 居家 隔離 中 此次 疫 調 同仁 很 認真 抽絲剝繭 像 辦案 一樣 辛苦 旁邊 的 攤 商 也 都匡列 去 篩檢 後續 有 狀況 再 對外 說明</t>
  </si>
  <si>
    <t>板橋 昨 篩檢 497 人 陽性 個案 24 例 陽性率 達 48</t>
  </si>
  <si>
    <t>新北 市 板橋 快 篩 站 截至 昨日 篩檢 497 人 陽性 個案 達 24 例 陽性率 48 新北 市長 侯友宜 表示 今天 除了 增加 三 站 其實 在 萬華 事件 後 就 已 要求 17 個 急救 責任 醫院 展開 篩檢 因為 板橋 地區 因為 確診 個案 多 才馬 上 再 增加 一個 篩</t>
  </si>
  <si>
    <t>新北 市 板橋 快 篩 站 截至 昨日 篩檢 497 人 陽性 個案 達 24 例 陽性率 48 新北 市長 侯友宜 表示 今天 除了 增加 三 站 其實 在 萬華 事件 後 就 已 要求 17 個 急救 責任 醫院 展開 篩檢 因為 板橋 地區 因為 確診 個案 多 才馬 上 再 增加 一個 篩檢 站 侯友宜 強調 臺北市 萬 華 地區 是 集中 的 所以 設 了 四 個 篩檢 站 新北 因為 在 周 遭 才會 請 急救 17 家 責任 醫院 在 板橋 篩檢 站 後 中和 確診 個案 多 今 天啟 動 了 土 城 醫院 永和 耕莘醫院 做好 中和 地區 周 遭 包括 新 店 永和 土 城 樹林 支援 另外 新莊 樂生 療養院 也 加入 板橋 篩檢 站 也 調整 可 接受 三 重 蘆洲 地區</t>
  </si>
  <si>
    <t>新冠肺炎 臺灣 板橋 陽性 篩檢 站</t>
  </si>
  <si>
    <t>新北 市 今 新增 確診 3 人 分佈 在 永和 板橋 土 城區 各 1 人 新北 市長 侯友宜 表示 這 3 人 ct 值 都 超過 30 以上 不具 傳染 力 針對 三峽 個案 新北 也 已 同時 啟動 血清 抗體 檢驗 10 人 結果 都 是 陽性 代表 都 是 舊案 新北 在 這 段 期間 確診 個案 都 是 ct 值 超過 30 陪 病 看 診 篩檢 出 的 個案 呼籲 中央 針對 不具 傳染 力 的 個案 嚴格 面對 制定 sop 快速 抗體 檢驗 流程 追 源頭 厘 清 侯友宜 說 今日 新增 確診 3 人 土 城 個案 在 5 月 14 日 跟 朋友 同 住 朋友 是 確診 個案 個案 在 8 月 161920 日 陪同 朋友 住院 前幾次 采 檢 都 是 陰性 但 在 28 日 采 檢 陽性 ct 值 是 38 比較 不具 傳染 力 應該 屬於 舊案 板橋 個案 則 是 在 28 日 陪 家 人 到 醫院 看 長輩 采 檢 後 呈現 陽性 ct 值 3046 且 同 住 父母 和 親屬 都 是 陰性 推測 應該 也 是 舊案 另外 永和 個案 是 陪 先生到 台大醫院 回診 29 日 先生 轉 病房 住院 個案 采 檢 陽性 ct 值 超過 30 目前 2 案 都 在 疫 調 中 針對 昨日 三峽 個案 侯友宜 也 說 新北 市 改變 策略 作法 三峽 10 位 確診 已 同時 做 血清 抗體 檢驗 結果 都 是 陽性 代表 這些 個案 都 是 舊案 無 症狀 確診 者 研 判 超過 12 個 月 時間 而 這類 舊案 沒有 傳染 力 的 個案 在 新北 市 的 比例 愈來愈多 且 都 是 在 陪 病 看 診 中 篩檢 發現 因 此 呼籲 大家 還是 要 出來 篩檢 新北 也 將 針對 這類 個案 加 驗血 清 抗體 厘 清 感染 時間 侯友宜 說 建議 中央 採取 不同 的 疫情 策略 方式 針對 不具 傳染 力 的 個案 嚴格 面對 制定 快速 抗體 檢驗 流程 制定 sop 快速 抗體 檢驗 流程 才 可以 瞭解 舊案 多久 時間 感染 厘 清 感染 源頭 因應 不同 狀況 應該 有 不同 的 策略 和 戰略</t>
  </si>
  <si>
    <t>高雄市 今日 0 確診 9 日 將 在 三大 科學園區 啟動 企業 快 篩 預計 7 天 完 1萬 多 名 移 工 快 篩 社區 快 篩 執行 迄今 尚未 驗 出 陽性 個案 陳其邁 強調 落實 疫 調 匡列並 確實 隔離 8 成 接觸 者 就 能 有效 控制 擴散 高 市 企業 快 篩 9 日 將 在 三大 科學園區 啟動 預計 7 天 完成 1萬 多 名 移 工 快 篩 進而 分 艙 分流 降 載 加 嚴 管理 確保 生產力 及 社區 安全 社區 篩檢 站 運作 迄今 累 計共 8048 次 篩檢 經 序列 檢測 全都 陰性 代表 高市 社區 風險 相當 低 陳其邁 表示 從 日本 東京 大 阪 經驗 看來 群體 免疫 尚未 建立 疫情 很 容易 再度 死灰復燃 起起伏伏 終究 要 打 疫苗 醫師公會 護理 師 公會 衛生局 招募 熱血 醫護 參與 疫苗 接種 大隊 迄今 有 2000 位 加入 注射 陳其邁 強調 疫 調 匡列 隔離 很 重要 若 不 執行 1 感染者 一 次 可傳 5 人 每日 成 等比 成長 若 落實 疫 調 及 隔離 6 成 接觸 者 20 天 後 僅 傳染 16 人 若 落實 隔離 8 成 接觸 者 就 能 有效 控制 擴散 國內 尚未 將 孕婦 納入 公費 疫苗 優先 物件 疫苗 專家 高醫 院長 鍾 飲 文 公開 呼籲 首批 莫德納 疫苗 應 禮讓 孕婦 優先 陳其邁 對 此 表示 疫苗 施打 順序 是 科學 問題 不是 政治 問題 得 看 科學 證據 目前 還 沒看 到 相關 安全性 資料 會 尊重 國內 專家 會議 的 審查 評估 傳 高 市府 禁 陸官 入伍 生 團 7 月 開訓 衛生局 駁斥 是 錯誤 訊息 呼籲 勿 再 轉 傳 目前 仍 是 三級 警戒 後續 防疫 措施 會 依照 需求 滾 動式 修正 陳其邁 表示 會 與 國防部 協調</t>
  </si>
  <si>
    <t>北市 松山區 某國 中 出現 1 確診 個案 並 有 他 校 學生 曾 與 確診 者 接觸 因此 松山區 已 有 2 校 預防 性 停課 北市 教育局 為 防止 疫情 擴散 緊急 勸導 周邊 18 間 補習班 建議 今晚 課程 改 采 線 上 教學 環保局 也 將 在 今晚 到 周邊 消毒 臺北市 疫情 再次 升溫 引發 人心惶惶 北市 松山區 某國 中 接 獲 通知 校內 有 1 學生 確診 深夜 緊急通知 學生 今 下午 聯 醫 也 進駐 該校 協助 600 多 位 學生 做 pcr 篩檢 據 瞭解 該 生 在 課後 有 參加 4 人 小型 補習班 因此 為 防堵 疫情 擴大 北市 教育局 緊急通知 周邊 18 間 補習班 建議 改 采 線 上 教學 預防 性 停止 實體 課程 1 天</t>
  </si>
  <si>
    <t>國內 昨 爆發 首 起 院內 感染 各 醫院 提升 入院 管制 規定 新北市衛生局 表示 新北 市立 聯合醫院 三 重 院區 作為 應變 醫院 即日起 每 1 名 住院病人 限 1 名 訪 客 探病 探病 時間 為 上午 11 點 11 點 半 以及 晚間 7 點 至 7 點 半 且 住院病人 僅 能 有 1 名 陪 病者 所有 訪 客 以及 陪 病者 皆 需 登記 入院 新北市衛生局 表示 上月 22 日 市長 侯友宜 召集 17 家 急救 責任 醫院 召開 應變 會議 要求 各院 嚴格 落實 感染 管制 確實 做 好 分流 篩檢 及 收治 呼籲 醫院 落實 加強 院內 監測 方案 保護 醫病 人員 健康 同時 藉 由 社區 感染 防疫 演習 做好 與 民眾 間 風險 溝通 齊心協力 共同 抗 疫 新北 市 衛生局長 陳 潤 秋 說 新北 市立 聯合醫院 三 重 院區 啟動 院內 感染 管制 策略 陪 病 或 探病 者 皆 登記 並 詢問 tocc 旅遊 史 職業 史 接觸 史及群 聚 史 限制 每 床 陪 病人數 為 1 名 每日 固定 時段 開放 探病 外 對於 探病 者 則 采 較 中央 要求 更 嚴格 管制 措施 每 床 以 1 人 為 限 全力 防堵 院內 感染 力求 守 住 防疫 的 最 重要 戰線</t>
  </si>
  <si>
    <t>在 外交部 與 駐 印度 代表處 安排 下 與 世界 臺灣 商會 聯合 總會 等 台商 組織 協商 後 決定 租用 華航 專機 於 5 月 4 日 晚間 7 時在 新德里 搭載 南亞 的 台商 與 台僑 返台 根據 駐 印度 代表處 先前 的 初步統計 包括 印度 孟加拉 等 地 共 200 多 名 臺灣人 表達 搭乘 華航 專機 回台 的 意願 但 部分 已 表達 意願 的 台商 和 台僑 後來 又 考量 前往 新德里 的 交通 有 困難 或者 還 有 其他 考量 因而 放棄 搭乘 專機 駐 印度 代表處 今天 再度 展開 搭 機 意願 調查 明天 截止 預計 27 日 向 華航 做 最後 確認 並 估算 專機 票價 開始 接受 訂位 由於 專機 是 使用者 付費 所以 票價 將 根據 搭乘 人數 的 多寡 來 分攤 印度 幅員遼闊 許多 居住 在 加爾各答 孟買 等 其他 城市 的 台商 和 台僑雖 想 搭乘 專機 卻 遇到 印度 全國 封鎖 國內 航班 停 擺 若 搭車 前往 新德里 往往 需要 數 天才 能 抵達 除 沿路 會 遭 員警 盤查 外 還 增加 感染 2019 冠 狀 病毒 疾病 covid-19 武漢肺炎 風險 因而 部分 台商 和 台僑 暫時 放棄 搭乘 專機 在 聽取 台商 意見 及 多方 協商 後 駐 印度 代表處 今天 發 函 給 孟加拉 和 印度 各地 的 臺灣 商會 和 台僑 組織 表示 在 駐 印度 代表處 協調 安排 下 世界 臺灣 商會 聯合 總會 名譽 總 會長 劉雙全 前 總 會長 黃正勝 及 孟加拉 臺灣 商會 協商 後 決定 租用 華航 專機 於 5 月 4 日 晚間 7 時 從 新德里 英蒂 拉 甘地 國際機場 indira gandhi international airport 搭載 南亞 的 台商 和 臺灣 僑胞 回台 官員 透露 華航 撤 僑 專機 訂 於 印度 結束 全國 封鎖 後 的 隔 天啟 航 就是 考量 報載 印度 國內 航班 預計 5 月 4 日 複航 可 解決 印度 其他 城市 臺灣人 無法 搭 印度 國內 航班 到 新德里 的 問題 駐 印度 代表處 官員 呼籲 如果 想 搭乘 5 月 4 日 的 華航 專機 應 及早 籌畫 前往 新德里 的 交通 方式 此外 孟加拉 臺灣 商會 有20 多 人 已 決定 從 孟加拉 包機 前往 新德里 以 搭乘 華航 專機 回台 印度 武漢肺炎 疫情 嚴重 短短 一個 月 確診 病例 從 千 例 增加 到 今天 的 2萬5000 多 例 孟加拉 則 有 近 5000 個 確診 病例 由於 兩 國 的 病毒 篩檢 率 仍然 較 低 不利 疫情 防控 因而 旅居 兩 國 的 部分 臺灣人 希望 搭 專機 返台</t>
  </si>
  <si>
    <t>因應 北農 爆出 群 聚 感染 為 嚴防 其 萬一 出現 破 口 新竹 市政府 22 日 起 連續 兩 天啟 動 全面 快 篩 針對 新竹 果菜 批發市場 員工 承銷人 及 攤 商 快 篩 22 日 先 對 40 名 果菜 公司 員工 快 篩 均 為 陰性 今天上午 再 對 攤 商 做 檢測 已有近 6 成 攤 商 逾 300 人 報名 市長 林智堅 指出 北農 出現 新 一 波 群 聚 新竹 農 產 運銷 公司 新竹 果菜 批發市場 為 大 新竹 地區 最 重要 的 蔬果 批發市場 因此 針對 新竹 農 產 運銷 公司 員工 承銷人 及 攤 商 提供 快 篩 作業 讓 高風險 接觸 者 藉 由 快 篩 解除疑慮 昨天 40 名 員工 已 全部 完成 快 篩 結果 均 為 陰性 今天上午 已 排 第 1 批 攤 商 167 人 篩檢 明天 也 預訂 再 篩檢 137 人 市府 產業 發展 處長 張力 可 表示 新竹 農 產 公司 除 貨運 回頭 車 跟 北農 略有 關係 外 員工 及 承銷 商 業務 都跟 北農 沒有 直接 關聯 蔬果 都 是 產 地直 送 但 為 求 慎重 防堵 病毒 市府 還是 從嚴辦理 先 對 市場 員工 及 承銷 商 作 全面 快 篩 市府 也 呼籲 因 果菜 批發市場 約 有 承銷人 550 名 攤 商 應 踴躍 參與 篩檢 此外 3 級 防疫 警戒 以來 防疫 作為 都 嚴格執行 包含 實施 實 聯 制 人流 管制 設置 防疫 檢查站 量 測體溫 提供 手部 酒精 消毒 及 身分 證 尾數 分流 管控 容留 人數 等 也 持續 呼籲 消費者 控制 消費 時間 一 小時 內 快 買 快 走 1 次 買 足 另 本 周 市府 也 再次 完成 全市 12 處 傳統 市場 的 清 消</t>
  </si>
  <si>
    <t>新北 市 確診 數量 今日 11 人 重 回 2 位數 侯友宜 表示 這 11 人 扣除 3 人 是 居家 隔離 確診 6 人 與 北農 與 環南 市場 還 有 北市 醫療機構 與 職 場 有關 另 有 1 名 是 父母 傳給 小孩 還有 1 人 感染 源 不明 該 確診 者 在 北市 工作 近日 都 在 居家 辦公 會 持續 疫 調 確認 感染 源 市府 也 將 持續 篩檢 把 隱形 傳播 鏈 找到 還給 新 市民 乾淨 空間 侯友宜 說 今日 新增 11 人 中 和 4 人 土 城 2 人 永和 2 人 三 重 新莊 五 股 各 1 人 其中 2 人 住院 9 人 輕 症 或 無 症狀 已 入 住 集中 檢疫 中心 侯友宜 說 這 11 人 有 3 人 是 在 解 隔離 前 陰轉陽 傳播 來源 清楚 都 在 掌 控 中 另外 8 人中 有 6 人 與 北市 有關 其 中北 農 環南 各 1 還有 1 名 醫療機構 照顧 人員 另外 2 個 新 光 與 誠 品 櫃 姐 與 1 名 被 公司 同事 傳染 的 同事 家屬 住 在 北市 虎林 街 附近 侯友宜 說 剩下 2 個 其中一個 是 土 城 父母 感染 給 孩子 1 名 則 是 住 在 永和 該 名 確診 者 在 臺北市 某 區域 工作 生活 單純 沒有 出國 這 段 時間 都 家裡 辦公 目前 正 全力 疫 調 追查 感染 源 侯友宜 說 資料 本來 就 會 波動 雙北 要 采 區域 聯防 不可能 新北 好 臺北 不好 要 兩 個 都 要好 雙 北 並肩作戰 只要 清楚 穩定 感染 源 幾乎 可以 掌 控 就 能 有效 控制 侯友宜 說 現在 市場 大幅 篩檢 目前 都 是 陰性 個案 就 個案 解決 也 請 市民 儘快 出來 廣 篩 阻斷 隱形 傳播 鏈 很多 案子 都 是 市民 主動 出來 篩 找 到 的 他 強調 社區 感染 不是 這麼 簡單 只有 不斷 篩 把 隱形 傳播 鏈 找到 才能 還給 新北 乾淨 空間</t>
  </si>
  <si>
    <t>新竹 縣 22 日 新增 一個 確診 個案 為 竹東 某 長 照 機構 的 長期 住 民 在 經歷 第 5 次 采 檢 後 確診 新竹 縣長 楊文科 表示 竹東 鎮 2 機構 自 有 人 確診 後 採取 2 天 采 檢 一 次 另外 新竹 縣 的 孕婦 即日起 可於 東 元 綜合 醫院 中國 醫藥 大學 新竹 附設 醫院 台大 新竹 分院 生 醫院 區 天主教 仁慈 醫院 臺北 榮總 新竹 分院 共 5 家 醫院 預約 接種 疫苗 以 莫德納 為 優先 楊 文科 表示 新增 確診 個案 為 案 14226 為 80 多 歲 女性 由於 長期 住 在 常照 機構 並 無 公開 活動 足跡 接觸 者 也 不 重複 匡列 該案 在 第 5 次 采 檢 時 為 陽性 確診 收 至於 醫院 治療 原先 確診 者 的 接觸 者 居家 隔離 至 6 月 23 日 期間 2 天 采 檢 一 次 其中 此 機構 原有 68 人 已 有 22 人 確診 將近 3 分之 1 人 楊文科 表示 後續 會 再 加強 采 檢 想盡辦法 撲滅 病毒 新竹 縣 至 22 日 止 已 有 79 人 確診 45 人 住 院中 31 人 出院 另外 有 3 人 過世 死因 還 在 厘 清 楊文科 表示 在 企業 快 篩 部分 三陽 工業 完成 2230 人 快 篩 其中 300 多 人 為 移 工 落實 企業 篩檢 楊 文科 也 表示 孕婦 會 優先 施打 疫苗 縣 內 約 有 3382 名 孕婦 皆 為 優先 施打 對象 衛生局長 殷東成 也 補充 可 和 醫師 討論 後 再 施 打 即日起 即 可於 5 大 醫院 預約 須 準備 孕婦 健康 手冊 健 保 卡 另外 新竹 縣 目前 已經 開放 75 歲 以上 長輩 接種 疫苗 不過 受到 猝死 案 影響 6 月 20 日 僅 129 人 接種 21 日 打 氣 回升 有 475 人 接種 殷東成 也 補充 近日 並未 接 獲 疫苗 接種 後 反應 不良 案件 不過 21 日 有 一 名 90 多 歲 老翁 不幸 過世 他 先前 曾 接種 疫苗 但 家屬 也 特別 指出 這 名 老翁 在 疫苗 接種 前 後 均 有 跌倒 因此 不 會 申請 預防接種 的 藥害 救濟 但 會 申請 縣民 意外保險 理賠 另外 22 日 下午 也 傳出 湖口鄉 一名 29 歲 女子 在 接種 疫苗 後 10 分鐘 後 出現 意識 模糊 的 狀況 不過 在 上 救護車 後 已經 恢復 清醒 該 名 女子 也 對 救護 人員 說 先前 打針 有 曾經 發生 過 暈針 的 狀況 也 送 往 醫院 治療</t>
  </si>
  <si>
    <t>基隆 某 醫院 傳出 人員 確診 基隆 市長 林右昌 證實 確診 者 是 行政 工作人員 非 醫護人員 不 屬於 院內 感染 目前 匡列 50 人 采 檢 48 人 陰性 2 人 等待 檢驗 報告 據 瞭解 醫院 昨天 立即 封閉 1 出口 進行 消毒 作業 並 將 所有 急診室 醫護人員 進行 篩檢 今 早 市政府 舉行 防疫 記者會 林右昌 表示 確實 有 一 間 醫院 人員 有 疑 似 確診 狀況 林右昌 說 確診 者 為 行政 工作人員 並非 醫護人員 不 屬於 院內 感染 目前 已經 匡列 50 人 進行 pcr 檢測 其中 48 人 陰性 其 餘 2 人 正等待 檢驗 報告 此外 也 派 員 前往 執行 消毒 作業</t>
  </si>
  <si>
    <t>日本 山梨縣 一 名 未 滿 1 歲 女嬰 3 月 31 日 心 肺 機能 停止 被 送 往 山梨 大學 附屬 醫院 急救 經 病毒檢測 確診 為 新冠肺炎 目前 情況 不 樂觀 仍 在 集中 治療室 觀察 中 目前 有 接觸 到 這 名 女嬰 的 醫護人員 必須 進行 居 居家 隔離 產經新聞 報導 院方 1 日 在 記者會 上 表示 女嬰 心 肺 機能 突然 停止 被 送 往 醫院 後 緊急 插管 治療 經 胸部 ct 電腦 斷層掃描 檢查 後 發現 肺部 出現 輕微 肺炎 症狀 懷疑 感染 新冠肺炎 並 進行 2 次 病毒 篩檢 結果 皆 呈 陽性反應 院方 表示 女嬰 雖 感染 新冠肺炎 但 症狀 輕微 推斷 應該 不是 造成 女嬰 病況 加劇 的 原因 而 女嬰 父母 也 接受 病毒檢測 兩 人 均 為 陰性 目前 感染 途徑 還 有待 厘 清 院方 不 知道 女嬰 有 感染 新冠肺炎 清 況下 在 搬運 過程 中 醫護人員 沒有 穿 著 防護 裝備 因 此 目前 跟 女嬰 接觸 的 44 人 已 進行 自主 隔離 觀察 院方 也 下令 接觸 者 2 周內 不 得到 院 上班 更 多 ctwant 報導</t>
  </si>
  <si>
    <t>美國 新冠肺炎 確診 人數 已 超越 中國 成為 全球 感染 人數 最 多 的 國家 我國 也 出現 多 例 由 美國 移入 的 確診 案例 例如 案 192 即是 在 美國 急診 時 被 診斷 是 b 型 流感 返台 後 自行 到 院 篩檢 卻 檢 診 為 新冠肺炎 美國 先前 因 新冠肺炎</t>
  </si>
  <si>
    <t>美國 新冠肺炎 確診 人數 已 超越 中國 成為 全球 感染 人數 最 多 的 國家 我國 也 出現 多 例 由 美國 移入 的 確診 案例 例如 案 192 即是 在 美國 急診 時 被 診斷 是 b 型 流感 返台 後 自行 到 院 篩檢 卻 檢 診 為 新冠肺炎 美國 先前 因 新冠肺炎 的 檢驗 費用 太 貴 而 致 檢驗 量 低 因此 可 合理 懷疑 美國 前 一 波 流感 死亡 人數 甚 多 可能 也 含有 新冠肺炎 患者 歐美 已 成為 全球 新 核心 疫區 民眾 也 都 很 關心 我國 是否 能 抵擋 得住 這 波 歐美移入 的 疫情 攻擊 目前 在 防疫 上 還有 幾 點 可 加強 首先 暫時性 的 社會 阻隔 可 延緩 新冠肺炎 病毒 的 散播 這 是 國際 共識 然而 國內 還 是 不斷 出現 有 居家 檢疫 者 不 遵守 規定 到處 趴 趴 走 或是 外出 採購 會客 可見 目前 的 規定 嚇 阻力 仍 不足 筆者 建議 對 違規 之 居家 檢疫 者 一律 重罰 且 采 按次 或 按 日 連 犯 即 連 罰 方式 另外 對於 和 居家 檢疫 者 接觸 的 人 除 原同 戶籍 或 依賴 人口 照 護 之 必要 者 外 接觸 之 兩 方都 應 采 按 人次 連 犯 亦 連 罰 此外 違規者 按 情節 延長 其 隔離 時間 或 納入 集中 隔離 並 可 善用 公民 力量 來 主動 監測 可能 的 防疫 漏洞 唯有 如此 才能 有效 遏止 疫情 之 擴大 而 避免 臺灣 落入 封城 之 困境 其次 由於 新冠肺炎 的 特性 是 傳得 快 好 得 慢 曾 有 專家 評估 20 的 新冠肺炎 重症 病 患 需要 呼吸器 治療 這 情景 已 在 歐美 的 疫情 重災區 可見 歐 美 政府 為 了 快速 增產 呼吸器 甚至 徵召 汽車 大廠 一同 協助 製作 呼吸器 和 其他 醫療 設備 反觀 臺灣 雖 因 重症 無意識 的 長年 臥床 者 呼吸器 的 使用量 本來 就 非常 大 而有 呼吸器 王國 稱號 但 本身 卻 沒有 能力 生產 呼吸器 就算 調配 得當 未來 若 疫情 惡化 是否 有 能上場 的 醫護 足夠 的 防護 裝備 或 隔離 空間 政府 應 未雨綢繆 最後 目前 有 許多 國家 紛紛 向 當初 疫 災嚴重 的 南韓 取經 而 臺灣 和 南韓 的 防疫 措施 有 頗 多 相似 處 但 我國 並未 採取 南韓 的 普 篩 已 有 不少 醫 界 人士 建議 應用 快 篩 以 界定 哪些 人 需 隔離 進而 讓 病人 分流 就醫 此外 確診 156 案例 為 長 照 單位 護理人員 為 避免 傳染 擴大 政府 除了 對 醫療 照顧 工作者 與 機構 應 加強 監控 並 訂立 罰 則 外 如何 讓 視 訊 診療 的 使用 條件 有所 依據 而 不 需 費時 去 更 修 醫師法 也 應 儘早 部署 期待 全民 能 體認到 在 病毒 眼中 人人 都 是 平等 的 而 病毒 讓 我們 的 命運 串聯 在 一起 我們 須 合作 互助 執行 社交 保 距 勤洗手 避免 臺灣 走 到 封城 的 那一天 作者 為 醫師</t>
  </si>
  <si>
    <t>宜蘭 縣 今天 30 日 新增 1 例 累積 縣 內 已 有 67 人 確診 新增 的 案 7854 是 參加 金 樽 餐廳 喜宴 後 確診 者 的 同住者 喜宴 群 聚 確診 已 達 15 人 其中 有 3 人 為 外縣市 但 宜蘭 縣 確診 型態 仍 是 與 雙北 有 關者 22 例 最 多 南澳鄉 碧 候 村 的 擴大 篩檢 1096 名 村民 核酸 篩檢 全部 陰性 新增 的 案 7854 是 30 多 歲 男性 是 金 樽 餐廳 群 聚 案 中 案 3929 和 案 3930 的 同住者 案 7854 也 被 列為 居家 隔離 的 物件 5 月 23 日 開始 居家 隔離 當時 采 檢 結果 為 陰性 27 日 開始 出現 喉嚨 痛 發燒 胸 悶 等 症狀 5 月 28 日 安排 采 檢 結果 為 陽性 而 確診 ct 值 11 因 案 7854 當時 已 匡列 居家 隔離 對 社區 沒 影響 宜 蘭縣 衛生局長 徐迺維 表示 宜蘭 縣 67 個 確診 案 中 與 遊藝場 有關 20 人 餐廳 群 聚 12 人 另 3 人 為 外縣市 與 雙北 有關 22 人 感染 源 不 明 13 人 67 個 確診 案 中 有 1 人 過世 16 人 出院 50 人 還 在 住院 當中 有 15 人 有 肺炎 情況 徐迺維 表示 撥 補 到 宜蘭 縣 的 az 疫苗 有 2800 劑 已 施打 1100 多 劑 加上 先前 施 打的 疫苗 宜蘭 縣 超過 5 成 的 醫護人員 有 施打 疫苗 警 消 將 從 明天 起 開始 施打 另外 案 5974 是 南澳鄉 碧 候 村 開設 雜貨店 縣府 為 此 擴大 篩檢 1096 名 村民 快 篩 時有 6 人 陽性 但 經 pcr 檢測 後 全 為 陰性 徐迺維 表示 已 要求 自我 健康 監測 有 去 過 該 雜貨店 須 自主 健康 管理</t>
  </si>
  <si>
    <t>中科 篩檢 站 7 日 完成 演練 廠商 展開 線 上 預約 篩檢</t>
  </si>
  <si>
    <t>苗栗縣 電子 廠 感染 風暴 擴大 全台 各 科技 園區 加強 防疫 警戒 中科 篩檢 站 7 日 完成 演練 開始 接受 園區 企業 預約 中科 管理局 表示 園區 內 企業 先 評估 如 具有 相對 高風險 的 員工 或 同 住 家屬 可 由 各廠 線 上 預約 進行 篩檢 以 服務 園</t>
  </si>
  <si>
    <t>苗栗縣 電子 廠 感染 風暴 擴大 全台 各 科技 園區 加強 防疫 警戒 中科 篩檢 站 7 日 完成 演練 開始 接受 園區 企業 預約 中科 管理局 表示 園區 內 企業 先 評估 如 具有 相對 高風險 的 員工 或 同 住 家屬 可 由 各廠 線 上 預約 進行 篩檢 以 服務 園區 企業 防疫 需求 及 降低 作業 風險 中科 管理局 指出 中科 篩檢 站 由 中國 附 醫 結合 中科 員工 診所 設置 與 台中 市 衛生局 密切 聯繫 運行 7 日 完成 各 廠商 員工 篩檢 動 線 安全 的 演練 很多 園區 企業 馬上 熱線 詢問 目前 園區 有 5萬 多 名 員工 篩檢 站 能 事先 防範 避免 造成 傳染 風險 包括 台積電 美光 友達 康寧 等 科技 大廠 都 設 在 中科 園區 設有 廠房 2020 年 產 能 與 業績 逆勢 上揚 呈 兩位數 成長 創下 935979億 元 營業額 較 2019 年 增 138747億 元 漲幅 174 成長 兩位數 創 歷年 新高 展望 2021 中科 邁向 兆 元 產業 園區 科技 部 推動 竹科 中科 與 南科 防疫 快速 啟動 防疫 的 量 能 提醒 廠商 針對 具有 相對 高風險 的 員工 或 同 住 家屬 可 由 各廠 線 上 預約 進行 篩檢 以 服務 園區 企業 防疫 需求 及 降低 作業 風險 抗原 快 篩 由 企業 自費 送 檢 如果 快 篩 陽性 醫療 院所 將 通報 衛生局 並 續進行 pcr 核酸 檢測 采 檢 防疫 升為 三級 警戒 後 中科 園區 廠商 採取 相應 防疫 模式 運行 實施 分區 分組 與 分流 等 方式 運作 以及 應變 作業 確保 防疫 及 營運 持續 中科 管理局 及 園區 廠商 提高 環境 清潔 與 消毒 作業 的 頻率 目前 中科 園區 廠商 營運 均 不受 影響 此外 針對 外籍 移 工分 組 及 嚴格 防疫 措施 要求 若 與 確診 個案 有 接觸 史 則 主動 進行 自主 健康 管理 與 隔離 措施 等 機制</t>
  </si>
  <si>
    <t>新冠肺炎 臺灣 台中 中科 篩檢 站</t>
  </si>
  <si>
    <t>枋 山鄉 楓港 善 餘 2 村 30 日 解 封 縣府 允許 店家 市集 營業 讓 居民 恢復正常 生活 但 多數 店家 仍 維持 停業 狀態 菜市場 沒有 一 攤 有 開 居民 說 村內 最 大 的 魚販 肉販 菜販 都 被 匡列 隔離 中 沒人 賣 菜 生活 還 是 很 不便 除 了 2 家 傳統 雜貨店 有 開外 市場 面 店 幾乎 都關著 居民 指出 之前 有 篩檢 打 疫苗 大家 都還會 出來 但 解封 後 的 街道 幾乎 看不到 人 除 因 農忙 期 要 去 果園 忙 外 多數 人 還 是 會 怕 而 待 在家 不敢 出門 但 最 重要 的 是 主要 賣 菜 賣肉 的 都 被 匡列 隔離 中 導致 沒人 賣 菜 賣肉 解封 後 還 是 要 吃 泡 面 度日 菜市場 沒 一 攤 有 開 居民 道 有 車 的 人 會 到 車城 或 枋寮 買 菜 但 都 不敢 承認 是 楓港 或 善 餘 人 就 怕 被 歧視 被 討厭 而 沒 車 的 只好 拜 讬 朋友 寄 菜 寄 肉 且 縣府 給 的 防疫 物資 有 米 泡 面 罐頭 水果 但 就是 沒 菜 真的 很 想 吃 菜 雜貨店老闆 說 一早 6 點 多 就 有 客人 上門 有 買 民生 用品 雞蛋 酒 等 客人 都道前 4 天 雖然 有 防疫 物資 但 都 是 止饑 的 生活 上 真的 很 不 方便</t>
  </si>
  <si>
    <t>台 大公 衛學院 教授 林先和 分析 臺灣 12 月 1043 個 確診 病例 接觸 者 發現 新冠肺炎 本土 病例 在 出現 症狀 早期 甚至 症狀 出現 前 就 有 高 傳播 力 因此 純 靠 症狀 篩檢 不夠 需 更 廣泛 防治 手段 他 建議 可能 要 從 確診 者 症狀 出現 前 2 天</t>
  </si>
  <si>
    <t>台 大公 衛學院 教授 林先和 分析 臺灣 12 月 1043 個 確診 病例 接觸 者 發現 新冠肺炎 本土 病例 在 出現 症狀 早期 甚至 症狀 出現 前 就 有 高 傳播 力 因此 純 靠 症狀 篩檢 不夠 需 更 廣泛 防治 手段 他 建議 可能 要 從 確診 者 症狀 出現 前 2 天 甚至 前 4 天 匡列 接觸 者 林 先 和 團隊 發現 家戶 成員 臨床 發病率 139 遠 高於 非 同 住 家人 的 65 及 醫療 同仁 朋友 同事 機場 或 飛機 上 接觸 近日 也 有 妻子 因 照顧 居家 檢疫 先生 染病 60 歲 以上 接觸 者 發病率 36 風險 最高 且 指標 個案 出現 症狀 後 愈 早接觸 者 發病率 愈 高 尤其 出現 症狀 的 頭 3 天 接觸 被 傳染 機 率 是 27 之後 傳染 機 率 隨 時間 遞減 此 研究 結果 與 紐西蘭 德國 等 病毒學 研究 結果 一致 即 早期 病毒 量 高 晚期 病毒 量 下降 比較 新冠肺炎 跟 sars 發病 時間 sars 患者 症狀 出現 第 5 天 後 才 開始 有 明顯 傳染 力 但 新冠 在 症狀 早期 甚至 可能 在 症狀 出現 前 就 有 高 傳播 力</t>
  </si>
  <si>
    <t>基隆 市政府 日前 公佈 3 間 醫院 設置 快 篩 站 但 昨天 又 說 僅 基隆 市立 醫院 進行 快 篩 讓 民眾 霧 煞 煞 對此 衛生局長 吳 澤 誠 親自 說明 基隆 原有 4 個 篩檢 站 皆 可 進行 pcr 檢測 和 快 篩 而 市立 基隆醫院 新 成立 的 篩檢 站 是 專責 快 篩</t>
  </si>
  <si>
    <t>奇 美 醫 pcr 分 艙 分流 依 受檢者 屬性 預約 分流 3 處 篩檢</t>
  </si>
  <si>
    <t>美國 年輕 族群 確診 比例 攀升 其 原因 指向 印度 變異 株 delta 傳染 力 增強 年輕 族群 施打 比例 較 低 等 臺灣 近期 經歷 以 年輕 族群 為主 的 幼稚園 群 聚 感染 學者 提出 美國 研究 指出 在 無法 落實 npi 的 族群 身上 藉 由 篩檢 仍 能 有效 防</t>
  </si>
  <si>
    <t>美國 年輕 族群 確診 比例 攀升 其 原因 指向 印度 變異 株 delta 傳染 力 增強 年輕 族群 施打 比例 較 低 等 臺灣 近期 經歷 以 年輕 族群 為主 的 幼稚園 群 聚 感染 學者 提出 美國 研究 指出 在 無法 落實 npi 的 族群 身上 藉 由 篩檢 仍 能 有效 防堵 群 聚 感染 目前 在 歐洲 美洲 的 場所 多數 都 要求 出示 疫苗 證明 或 檢驗 陰性 證明 由於 兒童 無法 接種 疫苗 建議 流行 期間 可 每週 定期 快 篩 建立 起 安心 防疫 場所 公 衛 學者 古玫 生 表示 美國 自 2020 年 9 月 至 2021 年 8 月 資料 發現 共約 15 的 感染 個案 為 21 歲 以下 年輕 族群 疫情 初期 d 614 g 時 因 年輕 族群 有 較 好 的 先天性免疫 優勢 僅 134 確診 個案 為 年輕 族群 原因 是 他們 有 較 強 第一線 防疫 干擾素 訊號 因數 il- 17 及 嗜 中性 白血球 較 強 並 有 較 多 元 的 抗體 可 面對 新病毒 侵入 古 玫 生 表示 在 delta 侵襲 成年人 施打 疫苗 比例 較 高等 因素 之下 美國 年輕 族群 確診 比例 升至 224 可見 病毒 演化成 以 打擊 年輕 族群 先天性免疫 優勢 的 品種 為主 臺灣 經驗 顯示 幼稚園 與 托兒所 等 場 域 較 難 維持 npi 措施 易 成為 防疫 漏洞 因此 台 大公 衛學院 教授 陳秀熙 團隊 提出 國際 間 對 年輕 族群 制定 的 措施 作為 政策 參考 之用 公 衛 學者 范僑芯 以 加拿大 為 例 鑒於 幼兒 無法 打 疫苗 難以 維持 npi 措施 要求 所有 教職員 家長 與 學童 每日 填寫 自我 健康 評估 問卷 依 症狀 旅遊 史 接觸 史 與 居住地 給予 指引 並 對 高風險 或 發病 的 孩童 提供 pcr 檢測 抗原 快 篩檢測 或 漱口 水 檢測 其中 的 pcr 快 篩 作法 與 臺灣 相同 即 以 鼻 拭 子 插入 鼻腔 5 秒 而 漱口 水 檢測 則 是 讓 學童 以 鹽水 漱口 30 秒 來 檢測 可 降低 不適感 增加 篩檢 意願 至於 美國 明尼蘇達州 去年底 至 今年 5 月 針對 6 所 特殊 學校 提供 定期 唾液 篩檢 服務 在 7289 次 檢測 中 有 21 人 確診 校園 陽性率 為 029 較 社區 陽姓 率 031 低 範僑芯 表示 這 說明 了 就 算是 無法 施打 疫苗 無法 嚴格執行 npi 措施 的 場 域 只要 定期 進行 篩檢 仍 能 有效 防堵 群 聚 感染 另 英國 則 針對 人口 密集 機構 如 學校 辦公大樓 人員 定期 進行 檢測 在 高 盛行 率 地區 亦 會 進行 大規模 檢測 阻斷 傳播 鏈 在 低 盛行 地區 則 推動 定期 檢測 利用 快 篩 試劑 迅速 得知 檢驗 結果 對於 臺灣 剛 發生 幼稚園 群 聚 案 如何 確保 學童 的 安全 陳秀熙 表示 歐洲 美洲 的 場所 多數 都 要求 進入 的 民眾 出示 疫苗 證明 或 檢驗 陰性 證明 由於 兒童 無法 接種 疫苗 建議 可 定期 快 篩 在 流行 期間 每週 篩檢 1 次 自行 篩 或 到 醫療 院所 篩 都 可 藉 此 建立 安心 防疫 場所 若為 確診 個案 的 接觸 者 或 剛 從 國外 入境者 則 建議 在 自主 健康 管理 開始 的 半 個 月 到 1 個 月 內 每 3天 快 篩 1 次 減低 疫情 擴大 的 風險</t>
  </si>
  <si>
    <t>林思銘 篩檢 新冠肺炎 臺灣 快 篩 試劑</t>
  </si>
  <si>
    <t>苗栗 竹南 電子 廠 爆發 員工 群 聚 感染 7 日 新增 確診 人數 略有 下降 共 45 例 包括 外籍 移 工 28 例 本國 17 例 顯示 受 共同 上班 群 聚 影響 使得 本國 員工 感染 狀況 增 力 其中 京元電 共有 44 例 確診 包括 外籍 移 工 27 例 本國 17 例 京元電 總 確診 數 達到 239 人 另 有 一 例 為 超豐 電子 的 本國 員工 而 超豐 公司 從 6 月 5 日 啟動 全廠 快 篩 預計 篩檢 4252 人 截至 6 月 7 日 上午 止 共 篩檢 2997 人 6 月 5 日 快 篩 陽性 15 人 經 pcr 檢測 1 人 陽性 確診 6 月 6 日 快 篩 26 人 陽性 pcr 檢驗 報告 未出 相關 疫 調 持續 調查 中 另外 頂 埔裡 社區 篩檢 站 7 日 將 持續 運作 從 下午 13 時 30 分至 16 時止 預計 篩檢 200 人</t>
  </si>
  <si>
    <t>職業 網球 進入 紅土 賽季 本 周 atp 蒙地卡羅 大師 賽 已經 開 打 男單 世界 第 2 大會 第 2 種子 麥 維德夫 daniil medvedev 今天 因為 新冠肺炎 病毒 篩檢 呈 陽性反應 立刻 退出 比賽 進行 隔離 麥 維德夫 首輪 輪空 但 在 第二 輪 賽事 之前</t>
  </si>
  <si>
    <t>職業 網球 進入 紅土 賽季 本 周 atp 蒙地卡羅 大師 賽 已經 開 打 男單 世界 第 2 大會 第 2 種子 麥 維德夫 daniil medvedev 今天 因為 新冠肺炎 病毒 篩檢 呈 陽性反應 立刻 退出 比賽 進行 隔離 麥 維德夫 首輪 輪空 但 在 第二 輪 賽事 之前 傳出 病毒 檢驗 呈 陽性 atp 表示 小麥 現在 已經 進行 隔離 賽會 及 atp 的 醫療 團隊 嗎 密切 觀察 他 的 狀況 麥 維德夫 表示 無 法 參加 蒙地卡羅 大師 賽讓 我 很 失望 現在 我 只能 專心 康復 期待 儘快 平安 回到 賽場 蒙地卡羅 大師 賽 去年 因為 新冠肺炎 去 全球 大 流行 取消 今年 好不容易 複 辦 但 因為 疫情 仍 嚴峻 無法 開放 球迷 進場 麥 維德夫 確診 後 已經 從 單打 跟 雙打 簽 表 移除 由 幸運 輸家 阿根廷 選手 隆 德羅 juan ignacio londero 取代 參賽</t>
  </si>
  <si>
    <t>環 南市 場 聯合 指揮所 前進指揮所 王必勝 篩檢</t>
  </si>
  <si>
    <t>新竹 科 園區 將 設 篩檢 站 以 廠商 為 單位 申請</t>
  </si>
  <si>
    <t>新竹 市政府 繼 新竹 國 軍 醫院 設立 篩檢 站 之後 第二 個 篩檢 站 將 設 在 新竹 科學園區 26 日 下午 市府 偕同 竹科 管理局 及 醫院 代表 前往 竹科會 勘 尋找 適宜 的 設立 地點 竹科 管理局 也 證實 選定 地點 後 會 在 一兩 周 內 盡 速 搭建 完畢 後</t>
  </si>
  <si>
    <t>新竹 市政府 繼 新竹 國 軍 醫院 設立 篩檢 站 之後 第二 個 篩檢 站 將 設 在 新竹 科學園區 26 日 下午 市府 偕同 竹科 管理局 及 醫院 代表 前往 竹科會 勘 尋找 適宜 的 設立 地點 竹科 管理局 也 證實 選定 地點 後 會 在 一兩 周 內 盡 速 搭建 完畢 後續 將 提供 廠商 申請 給 有 需要 的 員工 及 家屬 前來 采 檢 新竹 市 跟 科學園區 在 產業 生活 防疫 上 緊密聯繫 市長 林智堅 日前 也 表示 雙方 成立 防疫 聯絡 視窗 與 竹科會 共同 築 起 防疫 高牆 守護 護 國 神 山群 雙方 達成 設立 篩檢 站 共識 後 26 日 下午 進行 場地 會 勘 據 瞭解 竹科 篩檢 站 選址 盡可能 選 在 空曠 通風 及 交通 良好 之處 屆時 也 要 考量 人流 管制 市府 的 角色 為 協助 科 管局 建制 將 新竹 國 軍 醫院 的 範例挪 制 竹科 園區 使用 希望 採用 高 規格 的 方式 替 園區 企業 員工 采 檢 目前 仍 在 選址 包括 篩檢 能量 醫 事 人員 進駐 都還 在 規 畫 中 竹科 管理局 副 局長 陳淑珠 表示 園區 員工 大部分 在 新竹 縣 市 居住 若 竹 科 提供 篩檢 站 可讓 園區 廠商 就近 篩檢 規 畫 以 企業 為 單位 申請 除了 員工 之外 更 擴大 讓 家屬 也 能來 篩檢 26 日 若 選定 位置 後 快 在 一兩 周 內 盡 速 搭建 完成 所有 程式 都會 按照 市府 以及 cdc 相關 規範 來 做</t>
  </si>
  <si>
    <t>新冠肺炎 臺灣 新竹 科學園區 篩檢 站 廠商</t>
  </si>
  <si>
    <t>提升 篩檢 量 各縣市 增設 采 檢 院所</t>
  </si>
  <si>
    <t>采 檢 肺炎 提升 設立 篩檢</t>
  </si>
  <si>
    <t>日本 新冠肺炎 感染 患者 出 院 5 周後 仍 聞 不出 尿布 的 臭味 1 名 37 歲 的 女患者 向 媒體 披露 自己 在 治療 期間 的 經歷 出現 症狀 起 2 周後 的 4 月 10 日 她 在 日記 上 寫 著 一度 從 醫院 轉 往 輕 症 患者 下榻 的 飯店 才 經過 不 到 半天 就 被 醫師 宣判 症狀 恐怕 會 惡化 而 再度 被 送回 醫院 出院 後 仍 留 下 後遺症 朝日新聞 報導 這 名 患者 說 她 兩 次 住院 都 是 住 4 人 房 第 2 次 住院 後 首次 發燒 至 37 至 38 度 左右 醫師 告訴 她 因為 身體 要 對 抗 病毒 發燒 是 有 必要 的 故 暫時 不 給 退燒藥 第 1 次 發病 時 的 倦怠感 在 第 2 次 發病 時 又 出現 了 連看 手機 起身 吃飯 都 很 痛苦 不過 已 開始 一點 點 地 嘗出 醫院 餐 點 的 味道 住院 患者 只要 連續 兩 天 發燒 在 375 度 以下 且 沒有 出現 症狀 的 話 可 再 接受 1 次 pcr 病毒 篩檢 隔 一 段 規定 的 時間 後 再 接受 第2 次 病毒 篩檢 兩 次 都 呈 陰性 即 可出 院 她 於 第 2 次 住院 後 的 第 5 天 接受 病毒 篩檢 為 陰性 若 再次 篩檢 呈 陰性 就 可以 出院 但 沒 想到 又 突然 發燒 近 38 度 接受 第 2 次 篩檢 後 醫師 竟 說 第 1 次 的 結果 可能 是 假 陰性 故 還 需 再 住院 但 再經 兩 天 的 靜養 後 因 兩 次 病毒檢測 都 是 陰性 也 沒 再 發燒 醫師 因而 批准 可以 出 院 她 兩 次 住院 共 15 天 從 出現 症狀 在家 隔離 算 起 則 共 經過 24 天 所幸 家人 的 健康 都 沒 問題 這 名 女患者 5 月中 旬 和 先生 一起 到 民間 的 醫院 自費 做 抗體 檢查 結果 還 是 呈 陽性 她 表示 出院 的 頭 1 周 雖然 有時 覺得 頭痛 身體 無力 但 已 能 慢慢 聞出 咖啡 的 味道 甜味 苦味 也 陸續 可以 嘗 出來 第 2 周 感覺 身體 逐漸 復原 但 出院 後 過 了 5 周 仍 聞 不 出來 1 歲 小兒 子 的 便便 的 味道 看到 兒子 在 哭 自己 卻 沒 發現 時 會 懷疑 自己 真的 是 陰性 嗎 看來 與 新冠 病毒 的 抗爭 還要 持續 下去</t>
  </si>
  <si>
    <t>彰 化 再 拔 頭籌 全國 最 大 規模 1萬 人 新冠肺炎 血清 抗體 篩檢</t>
  </si>
  <si>
    <t>本土 疫情 趨於 嚴峻 生 策 會 21 日 表示 防疫 首 重 阻斷 傳播 鏈 目前 而 所 面臨 的 挑戰 包括 篩檢 量 需求 大幅 增加 及 醫療 體系 面臨 防護 設備 短缺 等 迫切 問題 生 策 會 提出 三大 因應 方向 希望 在 政府 的 高 效率 防疫 政策 及 國人 的 高度 配合</t>
  </si>
  <si>
    <t>時序 秋 冬 新冠肺炎 covid-19 疫情 持續上升 多國 的 確診 者 數位 再創新高 南韓 也 不 例外 爆發 第 三 波 感染 潮 24 歲 男 星 李燦元 不經意 檢測 卻 中 鏢 嚇 得 網 刷 一 片 好 恐怖 李 燦元 所屬 的 經紀 公司 new era project 發出 聲明 證實 他 3 日 淩晨 確診 新冠肺炎 知道 的 當下 馬上 自主 隔離 靜 待 防疫 局 進一步 的 指示 身邊 的 工作人員 也 都 接受 檢驗 及 居家 檢疫 未來 的 工作 都會先 全部 喊 卡 根據 韓媒 報導 李燦元 完全 沒有 症狀 也 沒 收到 確診 者 動 線 重疊 的 通知 身邊 的 親朋好友 也 都 平安無事 會 突然 去 做 篩檢 的 動機 是 看到 同為 歌謠 界 的 藝人 up 10 tion 成員 bit-to 和 高潔 everglow 成員 怡 人和 施賢 確診 後 想 說 以防萬一 去 做 個 檢測 未 料 結果 出爐 是 陽性 李 燦元 沒有 症狀 卻 感染 病毒 的 消息 傳遍 韓網 令 許多 網友 震驚 不已 紛紛表示 這種 情形是 最 可怕 的 無形中 傳染 變 嚴重 的 吧</t>
  </si>
  <si>
    <t>李燦元 確診 者 新冠肺炎 covid-19 篩檢</t>
  </si>
  <si>
    <t>智邦 2345 5 月 營 收 雙增 苗栗 疫情 嚴峻 智邦 目前 有 12 位 員工 確診 都已 安排 接受 醫療 隔離 照顧 其中 已 有 1 位 員工 出院 休養 智邦 已 備 妥 後續 篩檢 資源 也 會 擴 及 提供 給 同仁 的 家人 實施 定期 滾 動式 篩檢 智邦 目前 生產 出 貨 仍</t>
  </si>
  <si>
    <t>智邦 安心 統一 篩檢 員工 確診</t>
  </si>
  <si>
    <t>蔡英文 總統 今天上午 以 錄 影 方式為 110 年 國際 護 師 節 聯合 慶祝大會 致詞 感謝 護理 師 過去 一年多來 全力 投入 防疫 工作 現在 疫情 還 沒有 結束 不能 有 任何 鬆懈 她 拜 讬 護理 師 們 持續 與 政府 一起 守 住 疫情 守護 臺灣 每年 5 月 12 日 為 國際 護 師 節 今年 受 疫情 影響 慶祝大會 改 至 10 月 12 日 舉行 希望 藉 由 大會 的 舉辦 勉勵 疫情 期間 不畏 艱辛 守護 民眾 健康 的 護理人員 蔡英文 在 致詞 時 首先 恭喜 所有 得獎 者 以及 接受 表揚 的 護理 師 謝謝 大家 的 付出 讓 民眾 享受 高 品質 的 健康 照 護 也 要 藉 著 這個 機會 再次 感謝 護理 師 她 說 護理 師 過去 一年多來 全力 投入 防疫 工作 無論是 戶外 炎熱 的 篩檢 站 收 治病 患 的 醫療 院所 還是 繁忙 的 疫苗 施打 站 到處 都 看見 護理 師 的 專業 奉獻 也 讓 我們 再次 度過 疫情 的 考驗 大家 都 辛苦 了 蔡英文 指出 現在 疫情 還 沒有 結束 不能 有 任何 松懈 還要 拜 讬 大家 跟 政府 一起 守 住 疫情 守護 臺灣 政府 也 會 持續 提升 護理 職 場 環境 保障 大家 的 執業 安全 再次 感謝 各 位 的 貢獻 和 辛勞 也 請 大家 別忘了 要 照顧 好 自己 還 有 家人</t>
  </si>
  <si>
    <t>嘉義 小 七 女 店員 感染 源 不明 千 人 篩檢 首日 結果 出爐</t>
  </si>
  <si>
    <t>嘉義 縣 東石鄉 42 歲 超 商女 店員 確診 個案 因 案 13302 感染 源 不明 嘉義 縣政府 昨 16 日 下午 啟動 社區 篩檢 pcr 篩檢 88 人 至 衛生 福利 部 樸子 醫院 首 篩 191 人 繼 昨 快 篩 結果 全 陰性 後 今 pcr 結果 出爐 88 人 全 為 陰性 嘉 義縣 因應 6 月 1</t>
  </si>
  <si>
    <t>嘉義 縣 東石鄉 42 歲 超 商女 店員 確診 個案 因 案 13302 感染 源 不明 嘉義 縣政府 昨 16 日 下午 啟動 社區 篩檢 pcr 篩檢 88 人 至 衛生 福利 部 樸子 醫院 首 篩 191 人 繼 昨 快 篩 結果 全 陰性 後 今 pcr 結果 出爐 88 人 全 為 陰性 嘉 義縣 因應 6 月 15 日東 石 鄉 確診 個案 於 昨日 下午 2 點 啟動 社區 篩檢 針對 住家 及 工作 地點 疑 似曾 暴露 民眾 超 商 掃 qr code 或 紙本 實 聯 制 者 發出 簡訊 留 家用 電話 者 以 電話 聯繫 倘 有 疑 似 症狀 者 進行 篩檢 檢測 嘉義 縣長 翁章梁 表示 昨 擴大 篩檢 總計 279 位 民眾 接受 快 篩 或 pcr 篩檢 皆 為 陰性 今 下午 2 點 持續 在 樸子 醫院 接受 民眾 前往 免費 快 篩 東石鄉 衛生所 則 進行 pcr 篩檢 目前 經 衛生所 評估 需 pcr 篩檢 者 有 84 人 已 通知 前往 東石 衛生所 社區 篩檢 站 進行 檢測 鼻 咽 pcr 檢驗 衛生局 也 再次呼籲 有 相關 或 可能 暴露 民眾 如 疑 似 有 發燒 咳嗽 腹瀉 等 症狀 可於 今天 17 日 和 明天 18 日 下午 2 點 至 4 點 憑 簡訊 至 部 立 樸 子 醫院 快 篩</t>
  </si>
  <si>
    <t>超 商 小七 東石鄉 篩檢 pcr</t>
  </si>
  <si>
    <t>安排 慢 半 拍 篩檢 量 能 檢驗</t>
  </si>
  <si>
    <t>新北 市 洪姓 確診 男子 上月 31 日 情緒 失控 在 雙和 醫院 持 刀 砍 傷 3 名 護理 師 其中 一 名 護理 師 手部 4 韌帶 2 神經 全斷 複健 期 至少 半 年 雙和 醫院 秉 持 專業 繼續 醫治 洪男 竟 還 故意 對 醫護人員 吐 痰 並用 言語 羞辱 醫護人員 在 醫護人員 協助 其 更換 尿布 時 還用 不雅 言語 辱駡 使 醫護人員 相當 氣憤 洪男 今 10 日 被 依 殺人 未遂 重 傷害 等 罪嫌 起訴 將 送至 台中 看守所 防疫 中心 羈押 62 歲 洪男 5 月 28 日 被 衛生局 通知 確診 新冠肺炎 入住 雙和 醫院 31 日 上午 7 時許 突然 情緒 失控 怒 喊 不 願意 被 隔離 接 著 拿出 入住 時即 攜帶 的 水果刀 揮舞 並 砍 傷 3 名 護理 師 其中 一 名 才 20 多 歲 的 護理 師 傷勢 嚴重 右手 4 條 韌帶 2 條 神經 被 砍 斷 不但 一段時間 無法 工作 之後 複健 期 恐 長達 半 年 過程 將 會 相當 辛苦 洪 男 犯案 後 在 警方 戒 護 下 由 雙和 醫院 繼續 醫治 但洪男 竟然 惡性不改 不顧 感染 風險 故意 對 醫護人員 吐 痰 並用 言語 羞辱 醫護人員 在 醫護人員 協助 其 更換 尿布 時 還用 不雅 言語 辱駡 使 醫護人員 相當 憤恨 雙 和 醫院 考量 院內 同仁 承受 心理 壓力 經和 衛福部 協調 獲得 同意 已於 3 日 將 洪男 轉送 新竹 空軍醫院 新北 地 檢 署 今 10 日 表示 洪男 不顧 護理 師 呼救 持 刀 捅 刺 被害人 腹部 多 下 已 有 殺人犯 意 向 法院 聲 押 獲准 將 送至 台中 看守所 防疫 中心 羈押 依 殺人 未遂 重 傷害 傷害 強暴 方法 妨害 醫 事 人員 執行 業務 等 罪嫌 起訴 檢 方 表示 洪男 轉院 至 新竹 空軍醫院 治療 後 經 篩檢 呈 陰性 無 傳染 疑慮 但 仍 須 自主 健康 管理 由於 看守所 收容 人數 眾多 為 避免 形成 防疫 破 口 洪男 將 移 往 台中 看守所 防疫 中心 羈押</t>
  </si>
  <si>
    <t>台南 今天 新增 2 確診 分別 是 案 4018 為 50 多 歲 男性 案 4221 為 60 多 歲 男性 皆 為 昨天 確診 的 案 3615 接觸 者 案 4018 為 案 3615 同事 3 人 平日 群 聚 學 甲 區 仁聖 大帝 廟 壇 感染 源 是 北部 友人 目前 已 住 院中 但 還 在 等 篩檢 結果 廟 壇 另</t>
  </si>
  <si>
    <t>火腿 隊 剛 結束 與 西武 隊 之 戰 吳念庭 與 王柏融 同場 較勁 不過 火腿 隊 在 賽後 突然 宣佈 多 7 人 確診 新冠肺炎 加上 原本 的 3 人 球隊 目前 共有 10 人 確診 有 群 聚 感染 風險 因 此 明日 與 西武 之 戰 確定 取消 王柏融 與 吳念庭 的 近況 也 讓 球迷 擔心 火腿 隊 昨日 有 內野手 中島 卓 也 外野手 西 川 遙輝 捕手 清水 優 心 3 人 在 新冠肺炎 篩檢 中 呈現 陽性 都 已經 隔離 並先 下 二 軍 今日 火腿 隊 在 傷兵 滿 營 狀況 下 以 5 比 4 逆轉 勝 不過 賽後 傳出 壞 消息 多 了 4 名 選手 1 名教練 2 名 球 團 工作人員 確診 單日 多 7 人 呈現 陽性反應 4 名 選手 分別 為 洋炮 r 羅德里奎茲 ronny rodriguez 內野手 高 濱 右 仁 外野手 今 川 優 馬 捕手 郡 拓 也 以及 內野 守備 教練 飯山 裕志 日本 火腿 球 團 社長 川 村 浩 二 出面 致歉 對於 球隊 一 軍 成員 大量 感染 新冠肺炎 造成 的 巨大 關注 和不便 我們 深感 歉意 因此 決定 先 取消 比賽 來 確保 其他 選手 的 安全 希望 大家 理解 這 艱難 的 決定 川 村浩 二 同時 也 向 西武 獅 致歉 火腿 共有 10 人 確診 爆發 群 聚 感染 接下來 會 與日 職 負責 防疫 健康 的 單位 進行 合作 未來 會 更 徹底 做好 防疫 措施 來 預防 傳染 也 積極 幫助 所有 球員 恢復 根據 日 媒 報導 確診 者 都 沒有 發燒 或 其他 身體 不適 的 症狀 已經 接受 主管機關 的 隔離 而 台將 王柏融 吳念庭 今日 都有 出賽 尤其 確診 者 是 王柏融 的 隊友 接下來 在 日 職 安排 下 兩 隊 球員 都會再 接受 pcr 檢測 密切 關注 球員 的 身體狀況</t>
  </si>
  <si>
    <t>新冠肺炎 疫情 最 棘手 的 問題 在於 它 的 初期 感染 並 不 明顯 而且 潛伏期 很 長 然而 現行 的 篩檢 又 無法 即時 得知 結果 還有 偽 陰性 偽 陽性 等 問題 現在 科學家 發明 了 新 的 篩檢 劑 透過 生物 基 改 的 螢光 染色 技術 檢 體 在 可以 在 幾 分</t>
  </si>
  <si>
    <t>新冠肺炎 疫情 最 棘手 的 問題 在於 它 的 初期 感染 並 不 明顯 而且 潛伏期 很 長 然而 現行 的 篩檢 又 無法 即時 得知 結果 還有 偽 陰性 偽 陽性 等 問題 現在 科學家 發明 了 新 的 篩檢 劑 透過 生物 基 改 的 螢光 染色 技術 檢 體 在 可以 在 幾 分鐘 內 就 有 反應 要是 出現 感染 可能 樣本 會 自行 發光 增加 辨認 效率 每日 科學 scitech daily 報導 現在 檢測 冠 狀 病毒感染 大多數 的 醫學 中心 都 依賴 一 種 稱為 rt-pcr 反 轉錄 聚合 酶 連鎖反應 的 技術 該 技術 可 放大 病毒 的 遺傳物質 特徵 然而 此 技術 需要 專門 的 人員 和 設備 而且 花費 多 檢測時間 長 因此 許多 政府 不 願 全面 普 篩 有 很 大 原因 在於 所費 不 貸 資源 消耗 多 全球 的 檢測 劑 都 很 不足 現在 華盛頓大學 醫學院 蛋白質 設計研究所 uw medicine institute for protein design 所長 大衛 貝克 david baker 所 組成 的 研 團隊 發明 一 種 新 的 生物 試劑 這種 試劑 是 使用 電腦 來 計算 與 設計 的 主要 是 發明 一 種 特殊 蛋白質 它 可以 和 病毒 表面 上 的 特定 分子 結合 然後 蛋白質 會 因 生化 反應 而 發光 同樣 參與 這項 研究 的 威斯康 辛 大 學成 員 還用 類似 的 技術 創造 了 能夠 與 新冠 病毒 抗體 結合 而 發光 的 生物 試劑 也 就 是 新冠肺炎 的 康復者 會 有 另 一 種 反應 團隊 解釋 之所以 開發 2 種 試劑 是 要 排除 偽 陽性反應 貝克 說 我們 已經 在 實驗室 中 證明 這些 新型 試劑 可以 很 容易 地 檢測 到 模擬 鼻 液 血清 中的 病毒 蛋白 或 抗體 不過 目前 主要 是 在 實驗室 裡 因此 我們 的 下 一個 目標 是 確保 可以 在 實際 的 診斷 環境 中 使用 研究 小組 表示 類似 的 技術 可以 應用 到 其他 醫學 相關 的 人類 蛋白 如 her 2 某些 形式 的 乳腺癌 的 生物 標誌 物 和 治療 靶標 和 bcl- 2 在 淋巴 瘤 和 其他 一些 癌症 中 具有 臨床意義 以及 細菌 毒素 和 靶 向 b 肝病 毒 hbv 的 抗體</t>
  </si>
  <si>
    <t>新冠 病毒 篩檢 生物 試劑 發光</t>
  </si>
  <si>
    <t>高雄 市政府 防疫 會議 會後 記者會 媒體 再度 問及 高市 不 廣設普 篩 的 原因 市長 陳其邁 再度 重申 2 條件 一個 是 社區 流行 盛行 率 高時 其次 是 要 針對 特定 的 群 聚 感染 快 篩 在 盛行 率 過 低 時 篩 出 的 偽 陽性 偏 高 會 增加 後端 醫療 不必要 負擔 陳其邁 說 現在 高雄 幾 個 醫學 中心 對 入 住院病人 有 做 pcr 的 檢測 或是 其他 自費 采 檢 等 篩檢 出來 的 個案 數 來看 高雄 存在 的 社區 感染 其實 是 非常 的 低 第二 個 從 現在 高雄 個案 來看 幾乎 感染 源 幾乎 可 溯源 是從 北部 地區 來 十 例 有 九 例 以上 以 高雄社區 pcr 盛行 率 的 一個 調查 現有 的 整合 這些 過去 調查 采 檢 pcr 資料 來講 高雄 相對 來講 是 安全 根本 與 雙北 情況 不同 因此 還 不必 普設 社區 篩檢 站 陳其邁 指出 高市 已 設立 6 處 快 篩 站 但 高雄 現在 沒有 社區 傳播 的 感染 因此 只 針對 串 門子 群 聚 事件 的 匡列者 進行 快 篩 加 pcr 采 檢 高雄 的 篩檢 站 醫師 人力 專責 病房 都 已 準備 好 也 備 妥 10萬 劑 快 篩 試劑 待用 請 市民 放心</t>
  </si>
  <si>
    <t>南 投 縣 埔裡 今天 爆出 景觀 造 景 業者 等 4 人 確診 南 投 縣府 衛生局 協調 埔裡 基督教 醫院 台中 榮 總 埔裡 分院 啟動 埔裡 鎮 新冠肺炎 快 篩 專案 公佈 確診 者 足跡 呼籲 民眾 如 與 確診 者 足跡 有 重疊 者 或 出現 發燒 上呼吸道 症狀 腸胃 道 症狀 等 新冠肺炎 covid-19 臨床 症狀 者 自 今天 30 日 至 6 月 1 日 攜帶 健 保 卡 全程 戴 醫用 口罩 勿 搭乘 大眾 運輸工具 在 快 篩 時間 期間 到 院 接受 篩檢</t>
  </si>
  <si>
    <t>臺北市 長 柯文哲 今 在 防疫 記者會 上 宣佈 7 家 醫院 pcr 篩檢 站 昨 共 篩檢 1091 人 發現 陽性 4 例 還是 有 不少 另外 柯文哲 公佈 一 例 比較 奇怪 案例 他 說 個案 的 媽媽 在 6 月 3 日 確診 父親 6 11 確診 個案 妻子 和 妹妹 則 在 6 13 確</t>
  </si>
  <si>
    <t>臺北市 長 柯文哲 今 在 防疫 記者會 上 宣佈 7 家 醫院 pcr 篩檢 站 昨 共 篩檢 1091 人 發現 陽性 4 例 還是 有 不少 另外 柯文哲 公佈 一 例 比較 奇怪 案例 他 說 個案 的 媽媽 在 6 月 3 日 確診 父親 6 11 確診 個案 妻子 和 妹妹 則 在 6 13 確診 兒子 在 6 15 確診 一家 五 口 陸續 確診 但 個案 很 奇怪 一直 都 沒有 被 感染 柯文哲 說 由於 個案 全家 都 確診 必須 隔離 但 采 檢 pcr 都 是 陰性 直到 6 30 超過 17 天 解除 隔離 甚至 是 7 6 檢查 都 是 陰性 因此 7 12 至 14 日 曾去 上班 結果 7 14 為了 照顧 父親 去 醫院 篩檢 才 發現 是 陽性 不過 ct 值 為 36 表示 病毒 量 很 低 柯文哲 表示 這 案例 拿出 來講 是 第一 次 沒有 感染 另 一個 可能 是 後來 解 隔離 後 又 被 感染 也 可能 柯說 此案 主 為 公車 司機 在 7 12 14 上班 期間 一 天 兩 班 路線 接觸 者 是 同 住 接觸 者 5 人這些 人 以前 就 感染 過 會 先 觀察 其他 5 人 則 是 密切接觸 者 為 午餐 共 餐 柯文哲 說 所以 跟 大家 說 吃飯 還是 不 要 圍 著 吃 同事 現在 都 要 居家 隔離 還有 擴大 采 檢 80 幾 人 第一 次 沒有 感染 也許 是 病毒 量 太 低 或是 沒有 感染 解隔 後 在 社區 中 感染 從 醫學 角度 上 很 難 判斷 在 疫情 還 不明 狀態 下 會 匡 列 範圍 居家 隔離 目前 感染 case 不 多 10 幾 例 最 主要 是 家戶 感染 一起 吃飯 最 危險</t>
  </si>
  <si>
    <t>新冠肺炎 臺灣 蔡英文 志 工 篩檢</t>
  </si>
  <si>
    <t>臺北市 自 5 月 2 日 以來 有 4753 例 感染 新冠肺炎 確診 個案 市長 柯文哲 26 日 表示 環 南市 場 大規模 pcr 篩檢 時 發現 有 將近 一半 的 確診 者 沒有 症狀 進一步 分析 全市 本土 確診 個案 有 447 確診 者 從頭到尾 沒 症狀 所以 即使 北 市府</t>
  </si>
  <si>
    <t>臺北市 自 5 月 2 日 以來 有 4753 例 感染 新冠肺炎 確診 個案 市長 柯文哲 26 日 表示 環 南市 場 大規模 pcr 篩檢 時 發現 有 將近 一半 的 確診 者 沒有 症狀 進一步 分析 全市 本土 確診 個案 有 447 確診 者 從頭到尾 沒 症狀 所以 即使 北 市府 花 很 大 力氣 仍 很 難 消滅 掉 中央 今 公佈 北市 新增 4 例 本土 確診 個案 柯文哲 指出 其中 3 例 是 廣義 的 家戶 感染 朋友 間 感染 還有 1 例 是 感染 給 父親 現在 用 google map 的 方式 看 確診 案例 每個 行政區 分佈 狀況 若 用 居住地 看 除非 是 家人 互相 傳染 有意義 以外 事實上 更 大 的 傳染 是 在 工作地 只 看 行政區 分佈 就 會 判 讀 失真 柯文哲 表示 疫情 到 現在 在 雙北 地區 算是 一個 程度 控制 下來 所以 慢慢 要 解封 解封 前 對 整個 自 5 月 到 現在 為止 過去 將近 3 個 月 的 案例 分析 研究 可讓 我們 將來 面對 未來 疫情 變化 有 更 多 資訊 可 思考 規 畫 他 說 北市 案例 有 447 確診 者 從頭到尾 沒有 症狀 這 就 是 為什麼 北 市花 很 大 力氣 很 難 消滅 掉 很多 人 是 pcr 撈 出來 確診 者 匡列 做 pcr 發現 感染 但 都無 症狀 占 447 柯文哲 強調 一般來講 沒 症狀 就 不 會 去 醫院 但 會 傳染 人 當年 sars 感染 會 發燒 很 容易 撈 出來 這個 現象 在 環 南市 場 大規模 篩檢 時 發現 有 將近 一半 沒有 症狀 也 因此 知道 這個 病 很 難 對付 確診 者 有 發燒 情況 是 466 咳嗽 399 喉嚨 痛 184 比較 像 感冒 症狀 令 柯文哲 感到 意外 的 是 有 447 確診 者 沒有 症狀 在 社區 躲來躲去 他 說 最 簡單 方法 是 全部 打 疫苗 從 美國 每天 感染 人數 約 12萬 人 多 的 時 到 34萬 來看 但 死亡 人數 沒什麼 變化 也 就 是 打 了 疫苗 就 不容易 死亡 呼籲 有 疫苗 可以 打 不要 挑三揀四 有 什麼 打 什麼 北市 已 打到 38 覆蓋率</t>
  </si>
  <si>
    <t>中央 發出 110萬 封 細胞 簡訊 新北社區 篩檢 站 今 再 湧入 2552 人 篩檢</t>
  </si>
  <si>
    <t>中央 4 日 發出 110萬 封 細胞 簡訊 造成 社區 篩檢 站 擠爆 人潮 新北 昨天 篩檢 量 翻倍 新北 共 篩檢 了 2430 人 其中 1262 人 是 收到 簡訊 約莫 50 今 到 中午 共有 2552 位 民眾 前來 篩檢 其中 1098 位 收到 簡訊 約 占 43 新北 市 副 市長 劉和</t>
  </si>
  <si>
    <t>中央 4 日 發出 110萬 封 細胞 簡訊 造成 社區 篩檢 站 擠爆 人潮 新北 昨天 篩檢 量 翻倍 新北 共 篩檢 了 2430 人 其中 1262 人 是 收到 簡訊 約莫 50 今 到 中午 共有 2552 位 民眾 前來 篩檢 其中 1098 位 收到 簡訊 約 占 43 新北 市 副 市長 劉和然 今 主持 疫情 說明會 表示 新北社區 目前 有 32 處 篩檢 站 呼籲 民眾 有 征狀 隨時 可到 篩檢 站 采 檢 找 出 隱性 傳播 鏈 劉說 社區 篩檢 站 費用 由 公費 來 出 至於 經費 如何 分配 會 再 跟 中央 討論 相信 中央 經過 這次 發送 細胞 簡訊 後 之後 模式 會 有所 調整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細胞 簡訊 新北 110萬 篩檢 擠爆 人潮</t>
  </si>
  <si>
    <t>新北 市政府 衛生局 日前 通報 刑事員警 大隊 協 尋 1 名 逃逸 外籍 移 工 為 失 聯 確診 物件 刑事員警 隊 立即 組成 專案小組 積極 追查 行蹤 所幸 不 到 二 天 即 循線 至 桃園 市 龜 山區 1 處 社區 掌握 藏匿 住所 經協 請 桃園 市政府 衛生局 龜 山 分局 等 單位 支援 協助 順利 尋 獲 失 聯 確診 逃逸 外籍 移 工 並 隨即 由 桃園 市 衛生局 人員 派遣 專車 載 送 檢疫所 隔離 治療 警方 調查 印尼 籍瑪 00 女性 40 歲 去年 來 台 擔任 看護 工作 今年 1 月 下旬 突然 離去 不見 蹤影 大約 三 天 前 依約 前往 新北 市 某 醫院 準備 從事 臨時 看護 工作 途經 醫院 體溫 檢測站 發現 體溫 異常 醫護人員 立即 做 快 篩 顯示 陽性反應 而 遭 禁止 入院 二 天 後 確診 即 失 聯 刑事員警 大隊 展開 全力 追查 案 經 調閱 沿途 監 錄 系統 並 運用 科技 追查 於 昨 6 日 晚間 順利 循線 在 桃園 將 她 尋 獲到 案 後續 交由 桃園 市政府 衛生局 安排 隔離 事宜 新北 警 局 統計 自 5 月中 旬 疫情 升溫 以來 截至 昨日 新北 共有 756 名 確診 者 因 第一時間 無法 聯繫 而 被 列為 失 聯 對象 經本局 刑事員警 大隊 動員 外勤 警力 投入 協 尋 工作 以 偵 辦 刑 案 手法 分析 個案 人際關係 多方 查訪 確認 行蹤 這 756 名 失 聯 個案 均 已 全數 尋 獲 警方 也 呼籲 民眾 在 篩檢 時 務必 提供 正確 聯絡 方式 以利 衛生局 後續 能 在 最 快 時間 給予 協助</t>
  </si>
  <si>
    <t>全台 新冠 疫情 嚴峻 本土 確診 案例 持續 增加 台 東縣 全縣 11 個 鄉鎮 衛生所 設置 快 篩檢測站 27 日 提供 出現 相關 症狀 且 符合 特定條件 的 民眾 電話 預約 28 日 全面 啟動 限 每日 15 名 請 符合條件 的 篩檢 物件 預約 前 往時 全程 配戴 口罩</t>
  </si>
  <si>
    <t>全台 新冠 疫情 嚴峻 本土 確診 案例 持續 增加 台 東縣 全縣 11 個 鄉鎮 衛生所 設置 快 篩檢測站 27 日 提供 出現 相關 症狀 且 符合 特定條件 的 民眾 電話 預約 28 日 全面 啟動 限 每日 15 名 請 符合條件 的 篩檢 物件 預約 前 往時 全程 配戴 口罩 勿 搭乘 大眾交通 工具 此外 陸軍 花東 防衛 指揮部 也 派遣 化學 兵 至 台 東縣 太 麻裡 金峰鄉 實施 清 消 為了 守護 鄉親 健康 台 東縣 金峰 及 太麻裡鄉 27 日 已 提供 民眾 快 篩 采 檢 並於 另 11 鄉鎮 衛生所 開放 符合 資格 的 篩檢 物件 電話 預約 28 日 起 即可 前往 采 檢 縣府 提醒 為 避免 同時 段 人潮 過度 擁擠 進而 增加 感染 風險 及 降低 醫療 檢測 速度 可 事先 電話 預約 民眾 若 有 出現 新冠肺炎 症狀 如 發燒 呼吸道 症狀 嗅 味覺 異常 不明 原因 腹瀉 等 症狀 並且 符合 下列 任 1 條件者 村裡 長 主動 關懷 對象 並 有 14 日 高風險 地區 旅遊 史 外出 未 配戴 口罩 受 查處 者 並 有 14 日 高度 風險 地區 旅遊 史 衛生所 返鄉 學子 關懷 專案 對象 有 高風險 地區 旅遊 史且 提出 相關 證明 接 獲 衛生局 自主 健康 管理 通知書 者 27 日 起 可於 設有 社區 快 篩 站 之 衛生所 營業時間 撥打 電話 預約 設有 快 篩 站 之 衛生所 台東市 卑南 鄉 延平 鄉 鹿野鄉 海端鄉 池上 鄉 東河鄉 成功鎮 長濱鄉 大武鄉 達仁鄉 等 11 鄉鎮 另外 為 防範 疫情 擴散 陸軍 花東 防衛 指揮部 化學 兵 連於 27 日 配合 縣府 至 台 東縣 太麻裡鄉 三和村 等 9 處 及 金峰鄉 正興村 等 5 處 合計 14 處 執行 道路 消毒 任務 共計 派遣 官兵 27 員 車輛 機具 計 2 類 4 項 11 件 1 2 噸 偵 搜 車 1 輛 悍馬車 4 輛 搭載 mds- 106 輕型 消毒器 4 具 md- 105 重型 消毒 車 2 輛</t>
  </si>
  <si>
    <t>新竹 縣 17 日 新增 10 個 確診 者 均 為 先前 爆發 確診 的 2 長 照 機構 其中 b 長 照 機構 新增 8 名 確診 者 c 長 照 機構 則 有 2 人 由於 接觸 者 均 已 匡列 不再 重複 匡列 縣長 楊文科 也 強調 對於 2 機構 會 加強 監控 均 為 第 3 次 采 檢 後 的 新增 確診 者 楊 文科 表示 機構 內 的 感染者 都 是 第一 波 發病 的 延伸 有些 比較慢 發病 把 這個 守 住 就 守 住 竹東 鎮 一起 來 守護 鄉親 的 健康 至於 16 日 的 確診 產婦 其 新生兒 采 檢 為 陰性 楊 文科 指出 10 名 確診 者 年齡 介於 40 多 歲 至 90 多 歲 間 共有 3 男 7 女 其中 9 人 為 機構 長期 住 民 沒有 公開 活動 足跡 剩下 1 人 為 長 照 機構 的 照 服 員 6 月 9 日 因 機構 群 聚 案 采 檢 當時 為 陰性 6 月 10 日 因 案 12474 確診 而 居家 隔離 12 日 常規 采 檢 為 陰性 15 日 再度 采 檢 而 確診 疫 調 還 在 厘 清 公開 活動 足跡 將 另行 公佈 楊 文科 表示 已 與 防疫 指揮官 聯繫 將 採取 適當 措施 包含 感染 區 全數 淨空 加強 消毒 將 未感染 住 民 轉移 至 縣 內 或 其他 縣 的 醫院 隔離 收治 以免 擴散 至 社區 全力 防堵 疫情 新竹 縣 確診 案例 中 機構 群 聚 相關 有 45 例 比例 為 634 楊文科 表示 採取 對策 為 普 篩 打 疫苗 16 家長 照 機構 已經 完成 1960 人 采 檢 均 為 陰性 剩下 90 人 明天 完成 住宿 型 長 照 機構 洗 腎病 友 將 全面 施打 疫苗 由 醫護人員 到 機構 及 診所 施打 機構 的 工作人員 陪 病者 都 拉高 到 高風險 群 聚 網 放 入 接種 範圍 另外 中央 今天 將 配發 第 2 波 疫苗 總共 8500 劑 楊文科 指出 原住民 長者 72 至 76 歲 一般 長者 82 至 86 歲 共計 約 9000 餘 人 將 可 優先 施打 疫苗 18 日 會 送至 各鄉鎮 市 衛生所 診所 及 醫院 通知單 將 由 村裡 長 幹事 送至 家中 楊 文科 表示 長輩 收到 通知單 後 18 日 即 可到 指定 地點 施打 衛生所 週末 也 沒有 休息 以 長輩 時間 方便 為主 竹東 鎮 16 日普 篩 416 人 全數 均 為 陰性 18 日 將 進行 第二 場 普 篩 楊文科 表示 未來 每週 三五 將 於 竹東 社區 篩檢 站 普 篩 有 意願 民眾 可於 竹東 鎮 衛生所 網頁 報名 楊 文科 也 表示 感謝 各鄉鎮 市長 村裡 長 村裡 幹事 協助 發送 通知單 未來 也 將 鄰長 納入 第 7 類 接種 物件 在 北埔 鄉長 莊明增 建議 下 楊文科 也 表示 若 疫苗 施打 有 剩 餘 劑量 將 授權 各鄉鎮 市 衛生所 可以 通知 第一 至 第 三類 或 長輩 接種 不要 浪費 疫苗 彈性 調整 施打 一點一滴 都 不 浪費 新竹 縣 截至 17 日 中午 為止 完成 5602 劑 疫苗 僅 有 一 人 不良反應 為 暈針 休息 後 已 無 大礙 楊文科 也 指出 目前 住院 人數 為 43 人 已 有 26 人 出 院</t>
  </si>
  <si>
    <t>新竹 市 5 日 增 1 名 covid-19 確診 個案 案 10649 為 京元電 竹南 廠群 聚 案例 為 50 多 歲 本 國籍 女性 為 京元 電子 竹南 廠 員工 租 屋 處於 新竹 市 轄內 非 竹市 市民 6 月 1 日 發燒 就醫 pcr 采 檢 後 確診 共 匡列 3 名 居家 隔離 市府 已 安排 相關 足跡 地點 消毒 目前 以 匡列案 10649 的 2 名 室友 與 1 名 同事 共 3 人 2 名 室友 已 完成 采 檢 pcr 陰性 目前 送 防疫 旅館 居家 隔離 1 名 同事 居住 苗栗 由 苗栗縣 安排 采 檢 及 居家 隔離 案 10649 足跡 單純 平常 騎 機車 往返 公司 與 宿舍 外出 全程 戴 口罩 並 短暫 停留 外帶 購買 餐 食 或 返 宿舍 烹 煮 5 月 28 日 曾 到 過 苗栗 竹南 中華路 美 而 美 早餐 店 及 來來 健康 素食店 5 月 29 日 曾 到 過 竹南 中華路 全家 超 商 5 月 30 日頭 份 建國 路 金色 蓮花 素食店 5 月 31 日 曾 到 過 苗栗 竹南 中華路 美 而 美 早餐 店 到 吃 甘 呷 飲料店 及 來來 健康 素食店 6 月 1 日 曾 到 過 苗栗 竹南 中華路 美 而 美 早餐 店 到 吃 甘 呷 飲料店 市長 林智堅 透露 5 日 上午 與 蔡英文 總統 通過 電話 除 報告 竹科 專案 篩檢 站 一切順利 針對 苗栗縣 疫情 升溫 蔡英文 也 請 他 向 新竹 縣長 楊文科 及 苗栗 縣長 徐耀昌 表達 關心 請 新竹 市政府 結合 兩 縣 成立 防疫 共同 區域 聯防 林智堅 表示 他 與 楊文科 及 徐耀昌 通過 電話 楊文科 向 他 表達 協助 移 工 篩檢 的 需求 徐耀昌 則 表達 需要 社區 篩檢 站 經驗 以及 醫 事 人員 人力不足 等 問題 市府 也 已 請 專人 與 苗栗縣 衛生局 連系 有 需要 將 協助 與 中央 協調 人力</t>
  </si>
  <si>
    <t>臺北市 萬 華區 3 處 篩檢 站 昨 檢測 682 例 市長 柯文哲 27 日 分析 看起來 比例 有 下降 雖然 萬華 是 一 開始 發動 的 地方 在 設置 篩檢 站 把 陽性 找 出來 隔離 後 這 地方 慢慢 控制 下來 但 發現 其他 地方 散開 萬華 3 處 快 篩 站 昨 完成 682 人 篩檢</t>
  </si>
  <si>
    <t>臺北市 萬 華區 3 處 篩檢 站 昨 檢測 682 例 市長 柯文哲 27 日 分析 看起來 比例 有 下降 雖然 萬華 是 一 開始 發動 的 地方 在 設置 篩檢 站 把 陽性 找 出來 隔離 後 這 地方 慢慢 控制 下來 但 發現 其他 地方 散開 萬 華 3 處 快 篩 站 昨 完成 682 人 篩檢 聯合醫院 中興 院區 有 219 人 篩檢 14 人 陽性 剝 皮 寮 篩檢 220 人 3 人 陽性 聯 醫 和平 院區 篩檢 243 人 18 人 陽性 昨 陽性率 也 掉 到 51 柯文哲 今 午 主持 防疫 記者會 剖析 看起來 比例 有 下降 這次 反而 剝 皮 寮 人數 比 較 少 也 可能 是 有 病 的 都 篩 出來 了 再 檢查 北市 其他 醫院 快 篩 情形 發現 有 散掉 跟 統計 的 數量 是 符合 的 他 指出 把 中央 已 確診 案例 按 發病 日 倒 推回去 若 不 計較 是 那 一個 時間 只 看 趨勢 從 報表 來看 最 重要 意義 就 是 萬華 百分比 有 控制 反而 是 其他 地方 散開 符合 在 所有 臨床 上 看到 的 柯文哲 說 固然 萬華 是 一 開始 發動 的 地方 設 篩檢 站 把 陽性 找 出來 隔離 這 地方 慢慢 控制 下來 畢竟 首都 是 生活 圈 人 會 跑來跑去 待 數量 達 一定 程度 不能 再 公佈 疫 調 足跡 因為 會 有 假像 安全感 以為 疫情 只 在 萬華 只有 公佈 的 足跡 是 危險 的 但 其他 行政區 都 有 恐怕 到 新北 淡水 到 新 店 沿岸 都 是 一樣 局面 要 把 旁邊 的 人 都 當 成有 感染</t>
  </si>
  <si>
    <t>新冠肺炎 臺灣 萬華 陽性率 篩檢</t>
  </si>
  <si>
    <t>隨 著 新冠肺炎 蔓延 用於 醫療 的 血液 庫存 也 將 告急 義 大利 傳出 在 60 位 捐血者 中 有 40 人 驗 出新冠 病毒 相當於 將近 7 成 的 人 感染 專家 認為 這些 人 可能 都 是 無 症狀 感染者 據 oggi scuola 報導 義 大利 洛迪 省 的 一個 小鎮 卡斯蒂 廖內 達達 castiglione dadda 在 60 位 捐血者 中 有 40 人 的 血液 被 驗 出 是 新冠 病毒 陽性 這時 患者 才驚覺 自己 染病 在 這 之前 仍 一直 維持 戶外活動 目前 這些 患者 已 進行 隔離 治療 當地 科 多尼奧 醫院 codogno 醫師 馬里歐 mario grazioli 表示 我們 將 對 捐 血站 的 每 位 捐血者 進行 病毒 篩檢 若 捐血者 呈 陽性反應 會 立即 進行 隔離 治療 若為 陰性 經 72 小時 後 做 第 2 次 篩檢 以 確保 這 些 血 夜 是 安全 的 歐洲新冠肺炎 大 流行 義 大利 是 疫情 重災區 確診 人數 達 12萬8948 例 不過 在 5 日 通報 死亡 案例 是 兩 周內 來 最低 重症 病 患 及 非 重症 病 患 人數 都 有 下降 代表 疫情 有 趨 緩 的 跡象 更 多 ctwant 報導</t>
  </si>
  <si>
    <t>馬偕 醫院 17 日 傳出 以 跑馬燈 方式 要求 有 板橋 萬華 活動 史 的 民眾 禁止 進入 醫院 須自 戶外 就診 衛福 部長 陳時中 17 日 回應 這 並非 讓 民眾 不得 入院 而是 比照 戶外 的 發燒 篩檢 站 先 在 戶外 做 檢查 降低 院內 感染 機 率</t>
  </si>
  <si>
    <t>馬偕 醫院 17 日 傳出 以 跑馬燈 方式 要求 有 板橋 萬華 活動 史 的 民眾 禁止 進入 醫院 須自 戶外 就診 衛福 部長 陳時中 17 日 回應 這 並非 讓 民眾 不得 入院 而是 比照 戶外 的 發燒 篩檢 站 先 在 戶外 做 檢查 降低 院內 感染 機 率 保留 醫療 量 能 而 醫院 執行 防疫 措施 也 要 依據 緊急 與 必要性 至於 媒體 問及 是否 比照 大陸 設置 方 艙 醫院 陳時中 明確 回應 目前 沒 這 考慮 現在 是 要 把 有 可能 感染 與 沒 感染 的 人 做 好 區 隔 即可 集中 檢疫所 近來 擴充 了 200 300 房 正 持續 擴充 中</t>
  </si>
  <si>
    <t>伊恩 和 蜜雪兒·霍恩 ian and michelle horne 結婚 近 10 年 兩 人 無話不談 可說是 靈魂 伴侶 約會 第一 天 伊恩 就 要求 吻 未來 的 妻子 而 她 也 答應 了 當 兩 人 結婚 時 由於 蜜雪兒 最愛 紫色 於是 伊恩 特別 打 了 紫 領帶 然而 據 cnn 新聞網 20 日 報導 在 新冠肺炎 病魔 的 作弄 下 活活 拆散 了 這 對 恩愛夫妻 去年 秋天 確診 的 蜜雪兒 在 長期 搏鬥 下 終於 因 併發症 辭世 但 就 在 妻子 去世 後 不久 這 位 堪薩斯州 晨 間 廣播 音樂節目 主持人 懷疑 妻子 是不是 還 在 和 他 說話 當 他 淩晨 開車 去 上班 時 看到 了 奇異 的 景象 公路 兩邊 約 有 24 盞 路燈 變成 了 紫色 宛如 夜空 中 綻放 光芒 的 薰 衣草 色 珍珠 項鍊 而 伊恩 認為 這 是 已故 妻子 給 他 的 訊息 蜜雪兒 知道 我 每天 淩晨 去 上班 的 路線 而 那也 是 她 去 醫院 最後 一 程 的 路線 伊恩 說 他 只 記得 當時 自己 不禁 微笑 滿心 想 著 蜜雪兒 是 這麼 靠近 他 新冠肺炎 大 流行病 肆虐 至今 已 奪 去 超過 60萬 美國 人 的 性命 有些 人 還 來不及 和 心愛 的 家 人 告別 就 因為 隔離 而 孤獨 地 辭世 然而 也 有 人像 伊恩 一樣 說 因 新冠肺炎 過世 的 親人 還是 設法 找到 機會 和 他們 說 再 見 雖然 他們 的 經驗 也許 不 同 但 往往 令 人 難以 言喻 有些 人 是 在 超 真實 的 睡夢 中 見到 過 世 的 親人 有人 是 突然 聞到 熟悉 的 香水 味 還有 人 則 是 看到 家裡 寵物 出現 不 尋常 的 行為 另外 有 人 的 經驗 比較 戲劇化 像是 感到 有人 碰 自己 的 肩膀 突然 聽到 病逝 的 親人 發出 警告 或是 看到 床尾 出現 過世 不久 親人 的 身影 等 這些 故事 聽來 或許 令 人 難以置信 但 事實上 歷史 上 並 不乏先例 在 當事人 或是 過世 的 親人 無法 接受 不告而別 時 似乎 常 會 出現 這種 狀況 每當 出現 疫病 大 流行 爆發 戰爭 或是 重大 的 天災 時 往往 會 傳出 有 逝去 親人 想要 和 他們 接觸 的 消息 例如 1918 年 流感 大 流行 期間 還有 2001 年 9 11 恐 攻 事件 後 就 不斷 傳出 有人 看到 過世 親人 甚至 對方 想要 交談 的 經歷 而 在 這次 新冠 疫情 大 流行 中 在 加拿大 教 英文 的 皮娜 marie pina 就 有 了 親身 體驗 她 說 去年 11 月 時 79 歲 的 母親 因 病房 爆發 新冠肺炎 感染 經 篩檢 後 證明 確診 接 著 被 隔離 後來 她 雖然 在 12 月 返家 但 身體 已 十分 虛弱 大約 過 了 4 個 月 後 就 過世 了 皮娜 說 就 在 母親 伊奈 姿 inez 辭世 的 那天 早上 她 正 在 臥室 要 拿 拖鞋 時 突然 感到 肩上 有 只 冰冷 的 手 她 一 轉頭 就 看到 母親 坐在 身邊 面無 表情 地 直視 前方 但 容貌 卻 年輕 了 20 歲 她 說 母親 的 手 好 冷 感覺 就 像 剛從 外面 進來 一樣 此外 皮娜 說 過 了 不久 有 一 天 她 在 煮 母親 愛 喝 的 菠菜 湯時 突然 聞到 媽媽 身上 的 香味 她 說 自己 在 攪拌 菠菜 湯時 和 先生 一起 在 廚房 聞到 母親 的 味道 前後 約 5 分鐘 而 他 倆 都 感到 驚奇不已</t>
  </si>
  <si>
    <t>臺北市 疫情 尚在延 燒 各 行政區 仍 有 群 聚 感染 發生 臺北市 長 柯文哲 指出 他 要用 數字 觀察 防疫 重點 在 哪 區 並用 大規模 核酸 檢測 pcr 將 社區 黑 數 掃 出 他 也 重申 疫苗 是 新冠 疫情 的 終極 解決 方案 目前 北市 已 有 40萬3292 人口 完成 接種 約 為 總人口 數 的 156 是 六都 第一 綜觀 北市 各 行政區 確診 病例 柯文哲 指出 在 每 星期 確診 數 變化 上 市府 都 校正 到 用 發病 日 做 標準 看 數位 就 知道 防疫 重點 在 哪 區 如 中山區 就 是 上周 濱 江 市場 的 問題 中正區 則 因 有 感染 個案 去 做 社區 普 篩 大同區 有 1 人 傳 12 人 萬 華區 則 有 批發市場 案例 因此 會 按照 科學 精神 追蹤 每週 數字 變化 若 往 好 的 方向 就 繼續 做 不 正常 就 去 處理 柯文哲 說 從 上周 開始 pcr 篩檢 超過 2萬 算 很 大 規模 清掃 表面 上 看 起來 確診 數 沒有 降 很快 但 他 認為 那波 已將 社區 黑 數 全部 掃 出現在 則 進一步 在 北市 7 家 醫院 設置 免費 pcr 篩檢 建立 社區 普 篩 能量 希望 這周 確診 數 能 再次 大幅 下降 未來 還是 用 數字 監控 再 決定 防疫 政策 針對 北市 第 4 波 接種 成果 柯說 這 波 預約 8萬2658 人 實際 接種 7萬6776 人 預約 接種 率 高達 929 還 可以 再 更 高 現在 還 會 加上 取消 預約 制度 還 是 希望 說 大家 都 可以 來 之後 希望 可以 更 高 對 醫院 端 來說 準備 疫苗 會 比較 方便 疫苗 還是 最後 的 解決 方案 啦 柯 表示 北市 目前 已 有 40萬3292 人 接種 過 疫苗 總 人口數 有 156 反正 中央 有 發 疫苗 下來 就 會 儘量 打完 到 今天 是 70 歲 以上 會 登記 明 後天 是 68 歲 以上 拜 讬 大家 要 打 疫苗 儘量 用 上網 預約 節省 行政 成本</t>
  </si>
  <si>
    <t>安盛 生 科 6734 在 美國 future of health 2020 宣佈 該 公司 規劃 在 今年 第 四季 推出 安必 測 新型 冠狀 肺炎 智慧 抗原 快 篩 pixotest poct covid-19 antigen test 與 數位 健康 通行證 pixohealth pass 安 必 測 新冠肺炎 智能 抗原 快 篩 最 快 可以 在 5 分鐘 內 偵 測出 陽性 結果 這 將 會 是 市面上 檢測時間 最 短 的 新冠肺炎 抗原 快 篩 產品 之一 安盛 生 科 這 一 波 將 推出 的 檢測 方案 不僅 止於 精准 的 抗原 快 篩 也 結合 具 加密 保護 機制 的 pixohealth pass 數位 健康 通行證 可 同步 發出 檢測 結果 到 陰性 受測者 的 智慧 型 手機 以 資 證明 此 數位 健康 通行證 的 應用 將 對於 全球 仍 須 嚴格 把關 的 公共場所 及 公開 聚會 活動 出入 進行 更 有效率 的 門 禁 監控 受測者 在 進行 安必 測 新冠肺炎 智慧 抗原 快 篩檢測 之前 需 先 下載 pixohealth pass app 完成 註冊 後 此 應用程式 會 產出 具 專一性 的 qr code 二 維 條碼 檢驗 機構 接 著 使用 安必 測 專用機 掃描 受測者 提供 的 pixohealth pass app 條碼 在 完成 測試 後 系統 會 自動 發出 檢驗 結果 到 個別 受測者 的 手機 中 安盛 生 科 目前 正 與 國際 合作夥伴 規劃 臨床 測試 預計 於 第 四季 進行 取證 送 審 相關 作業 期望 今年 能 在 目標 市場 推出 安必 測 r 新冠肺炎 智慧 抗原 快 篩 解決 方案 安盛 生 科 成立 於 2012 年 是 智慧 行動 醫療 科技 的 先驅 整合 三大 技術 光 電學 生化 與 影像 處理 發展 出 pixotech 技術 平臺 將 智慧 手機 轉化 為 精准 的 醫療 檢測 儀器 透過 即時 的 醫療 檢測 與 無縫 的 資料 同步 促進 以 資料 驅動 的 健康 照 護 安盛 生 科 在 2017 年 推出 pixotest 血糖 監測 系統 是 全球 首 獲 美國 fda 核准 的 智慧 手機 血液 檢測 產品 其 致力 於 發展 居家 自我 檢測 和 專業 臨床 診斷 在 感染 疾病 婦女 健康 和 慢性病 領域 的 應用 已 推出 專業 ivd 體 外 診斷 儀器 -pixotest poct 安必 測 定點 照 護 儀 與 eveline 伊必 測 智慧 排卵 檢測 等 多 項 產品 並 進行 pixotech 技術 授權 及 共同開發</t>
  </si>
  <si>
    <t>全台 疫情 持續 升溫 因應 三級 防疫 警戒 奇 美 醫學 中心 即日起 防疫 升級 住院 前 病人 皆 須 完成 新冠肺炎 pcr 檢測 急診 收 住院病人 也 需 於 急診 完成 pcr 檢測 全面 監測 非 急病 民眾 暫緩 就診 領 藥 的 慢性病 者 可 提前 線 上 預約 減少 進出 醫院 可能 的 感染 風險 目前 住院病人 已 較 上周 降 載 約 10 台南 市長 黃偉哲 日前 表示 醫療 體系 不能 垮 要求 台南 各 地區醫院 都 須 完成 清零 計 畫 奇 美 醫學 中心 防疫 也 隨 著 中央 宣佈 升級 加強 防疫 力 道 奇 美 醫學 中心 指出 疫情 期間 將 逐步 減少 住院病人 以及 門診量 也 勸導 非 急迫性 疾病 之 民眾 暫緩 來 院 就診 目前 藥 來 速 領 藥 僅 限 預約 第二 三 次 慢性病 處方 箋 請 民眾 多多 利用 藥 來 速 服務 減少 進出 醫院 可能 的 感染 風險 奇 美 醫學 中心 遠 距 醫療 也 設置 完成 可 隨時 啟用 將 鼓勵 慢性 疾病 視 訊 診療 針對 已 住院病人 全面 進行 新冠肺炎 pcr 檢測 持續 監測 健康狀況 住院 前 病人 持有 3 天內 pcr 核酸 檢測 陰性 檢驗 報告 急診 收 住院病人 則 會 在 急診 完成 pcr 檢測 此外 18 日 已 再 增 設 第二 個 戶外 篩檢 站 急診 檢 傷 地點 外 推 並於 醫療 區外 設置 流動 廁所 有效 阻絕 疑 似 個案 進入 急診 候診 區 減少 院內 感染 風險 詢問 tocc 時 並 增加 確認 是否 有 北部 旅遊 史 奇 美 醫學 中心 專責 病房 共有 11 床 如 疫情 擴大 需 增 設備 援 病房 時 也 都 設置 完成 專責 病房 之 動 線 人力 均 有 專 艙 專用 之 規劃 並 隨時 完成 嚴謹 消毒 程式 奇 美 醫 考慮 防疫 疑慮 避免 病人 過度 集中 采 各 棟 醫療 大樓 門診 分流 於各 大樓 入口 增加 人力 查驗 旅遊 史和 發燒 篩檢 的 方式 具 旅遊 史和 發燒 或 呼吸道 症狀 等 民眾 將 引導 至 防疫站 進行 後續 防疫 措施 正常 就醫 的 民眾 醫院 儘量 提供 減少 重複 查驗 兼顧 防疫 篩檢 的 分 流動 線 此外 也 加強 環境 清潔 消毒 急診室 人員 防護 全面 升級 著 防護衣</t>
  </si>
  <si>
    <t>歐洲 最高 水準 的 西甲 足球聯賽 因為 新冠 疫情 已 先 停賽 兩 輪 但 真正 複賽 的 時間 遙遙無期 尤其 是 西甲 蝙蝠 軍團 瓦倫西亞 今天 宣佈 該隊 的 球員 與 隊 職員 共有 35 驗 出新冠肺炎 陽性反應 堪稱 全世界 目前 受 疫情 衝擊 最深 的 運動 團隊 瓦倫西亞 前 一 天 回報 5 人 確診 新冠 包括 阿根廷 後衛 加 萊 ezequiel garay 法國 後衛 曼加拉 eliaquim mangala 都中 鏢 未 料 才隔一 天 就 爆 沖到 全 隊 3 成 5 感染 新冠 病毒 目前 所有 的 案例 都 沒有 症狀 均 進行 居家 隔離 並 持續 接受 醫療 評估 也 按 計畫 進行 自主 訓練 瓦倫西亞 官方 聲明 表示 西班牙 新冠 確診 人數 即將 破 萬 是 疫情 重災區 之一 但 瓦倫西亞 為 何 成為 重中之重 可能 原因 是 2 月 19 日 他們 在 歐冠 16 強 首回合 作客 米蘭 的 聖西羅 球場 對 決 義 甲 球隊 亞特蘭大 當時 歐洲 疫情 還 不 嚴重 聖西羅 湧入 44236 名 觀眾 上周 第 2 回合 轉戰 瓦倫西亞 主場 比賽 則 采 閉門 進行 如今 義 大利 是 大陸 以外 最 嚴重 的 新冠 疫區 只 是 以 2 月 19 日 作客 米蘭 來看 也 早就 超過 新冠 病毒 可能 的 14 天 潛伏期 是否 因為 瓦倫西亞 此前 並未 全面 進行 病毒 篩檢 現在 才 查出來 抑或 是 瓦倫西亞 的 狀況 未必 與 作客 義 大利 有關 而是 西班牙 疫情 的 嚴重 程度 超乎想像 恐怕 更 令 人 憂心</t>
  </si>
  <si>
    <t>臺北市 文化 大學 爆出 有 4 名 住宿 學生 確診 校方 緊急 匡列 造冊 快 篩 臺北市政府 也 緊急 啟動 機動 快 篩 隊 到 文化 大學 替 學生 做 篩檢 北市 聯合醫院 總 院長 特 助 劉嘉仁 指出 部分 同學 篩檢 出有 陽性 而 機動隊 成員 都 很 優秀 提早 在下</t>
  </si>
  <si>
    <t>臺北市 文化 大學 爆出 有 4 名 住宿 學生 確診 校方 緊急 匡列 造冊 快 篩 臺北市政府 也 緊急 啟動 機動 快 篩 隊 到 文化 大學 替 學生 做 篩檢 北市 聯合醫院 總 院長 特 助 劉嘉仁 指出 部分 同學 篩檢 出有 陽性 而 機動隊 成員 都 很 優秀 提早 在 下午 2 點 40 分 就 完成 任務 臺北市 長 柯文哲 也 宣佈 現場 篩檢 206 位 同學 快 篩 陽性 共有 13 位 將 送 去 居家 旅館 劉嘉仁 說 現在 還有 幾 位 同學 檢 體 在 等待 會 在 記者會 上 報告 有 篩 出 同學 是 有 陽性 機動隊 成員 都 很 優秀 仁濟醫院 醫師 進度 超前 把 所有 206 位 現場 學生 完成 來不及 來 采 檢 的 部分 會 安排 到 剝 皮 寮 篩檢 站 文化 大學 教務長 方 元沂 指出 共用 衛生部 份 能 做 的 事情 是 定期 消毒 因為 最近 有無 症狀 的 感染 所以 才會 做 普 篩 臺北市 長 柯文哲 表示 北市 成立 行動 快 篩 站 有 需要 的 地區 就 做 今天 到 文化 大學 第一 次 試辦 只要 狀況 明顯 的 就 送 醫院 狀況良好 就 送 防疫 旅館 進行 居家 檢疫 迅速 將 群 聚 感染 給 處理 掉 柯 表示 中央 2 日 公佈 549 例 本土 個案 新增 本土 372 例 加 校正 回歸 177 例 但 大家 不用 太 驚慌 今天 雖 比 1 日 327 例 多 很多 但 應是 pcr 核酸 檢測 的 時間 卡住 所以 別 緊張 若 大家 不是 很 堅持 當天 就要 資料資料 就 看 一 周 的 趨勢 較 正確 因 陸陸續續 補 件 會 比較 不 清楚 柯還 說 這 疾病 一 開始 雖然 從 萬 華區 開始 但 萬華 看 起來 有 一定 程度 的 控制 住 其他 行政區 則 相繼 出現 現在 萬華 有 3 個 快 篩 站 1 日 快 篩 568 人 大約 有 30 個 陽性 反映 約 53 但 每天 的 快 篩 人數 不 一樣 比例 上上下下 不是 很 准 雖然 有 一定 程度 的 控制 但 感染 問題 尚未 解決 目前 疫情 戰況 膠 著 還 沒 被 消滅 要 思考 如何 以 最低 成本 將 疫情 撐到 可以 普遍 施打 疫苗</t>
  </si>
  <si>
    <t>文化 大學 同學 篩檢 陽性 13 人</t>
  </si>
  <si>
    <t>義 大利 covid-19 簡稱 武漢肺炎 死亡率 突破 6 已 超越 中國 大陸 成為 全世界 最高 但 同樣 在 歐洲 德國 死亡率 僅僅 015 德國 做 對了 哪些 事 德國 並 沒有 對 疫情 免疫 確診 數 持續上升 但 一直 到 3 月 9 日 才 出現 第一 起 死亡 病例 計算 至 3 月 12 日 確診 1966 人 僅 3 人 死亡 這 期間 義 大利 死亡 人數 已 倍數 成長 德國 鄰國 法國 死亡率 也 破 2 此外 德國 四周 共 9 國 是 歐洲 鄰國 最 多 的 國家 在 多國 疫情 夾攻 中 德國 的 低 死亡率 讓 人 好奇 根據 彭博 全球 健康 指數 bloomberg global health index 德國 人 健康 程度 並 沒有 領先 鄰國 能 有效 控制 疫情 國際 媒體 分析 有 3 大原 因 1 篩檢 速度 快 德國 不愧 是 科技 大國 全境 廣泛 分佈 能 檢測 病毒 的 實驗室 並且 從 1 月 開始 各地 的 實驗室 就 有 充分 的 病毒 資訊 和 設備 進行 檢測 德國 甚至 有 餘 裕 將 自家 病毒檢測 方法 提供 給 其他 國家 因此 光是 檢測 速度 就 遙遙領先 歐洲 其他 國家 2 醫療保險 制度 健全 美國政府 直到 近幾日 才 思考 對 全民 提供 免費 篩檢 但 在此之前 全美 有 2750萬 人 沒有 健 保 許多 人 無力 自費 篩檢 導致 大量 未 驗 出 的 案例 如同 未 爆 彈 德國 情況 則 完全 不同 德國 醫療保險 健全 篩檢 費用 由 保險 負擔 讓 德國 在 篩檢 上 能 積極主動 比 其他 國家 更 能 及早 行動 3 輕 症 比例 高 義 大利 之所以 死亡率 高 有 一 說 是 因為 義 大利 人口老化 有 60 人口 超過 40 歲 老年 人口 占 比 全歐 最高 高齡 族群 正是 最 容易 產生 重症 的 一 群 相反 地 德國 確診 病例 中 較 多 是 上班族 德國 官方 表示 大約 80 患者 都 是 輕 症 佛 系 抗 疫 能 過關 嗎 不過 德國 真的 萬無一失 嗎 也 不盡 然 德國 抗 疫 政策 被 當地 華人 稱作 佛 系 抗 疫 截至 目前為止 都 不 提倡 人人 戴 口罩 也 沒有 像 義 大利 瑞士等 國 祭出 封 城 或 旅遊 禁令 德國聯邦 衛生部 僅僅 建議 民眾 不 參加 人數 超過 1000 人 的 公共 活動 並 沒有 採取 較 強硬 的 手段 根據 德國 之 聲 報導 德國 華人 圈 批評 德國 疫情 策略 其實 只 是 拖延 甚至 害怕 德國 成為 下 一個 義 大利 更 有 網友 呼籲 趕緊 儲備 3 個 月 的 糧食 德國總理 梅克爾 更已 預言 德國 60 70 的 人 會 感染 武漢肺炎 必須 和 病毒 長期 作戰 德國 是否 還 能 以 低 死亡率 作為 歐洲抗 疫 標竿 確實 還 言之過早 資料 來源 business insider 德國 之 聲</t>
  </si>
  <si>
    <t>新北 市長 侯友宜 今 13 日 下午 主持 疫情 說明會 他 表示 新北 市 新增 1 確診 個案 為 居隔 陰轉 陽性 個案 與 幼稚園 群 聚 感染 無關 這個 個案 是 臺北 某國 中學生 確診 後 匡列 的 長輩 之一 是 確診 學生 的 外婆 居住 在 板橋 區 ct 值 3746 目前 已 匡列 3 位 接觸 者 居家 隔離 針對 幼稚園 群 聚 侯友宜 表示 今日 是 幼稚園 群 聚 pcr 篩檢 一 周 出現 8 幼童 9 老師 pcr 確診 後 當時 判斷 跟 delta 有 關係 市府 立即 擴大 匡列采 檢 少數 個案 陰轉 陽性 這 段 時間 根據 相關 規定 也 進行 了 2 采 3 采 也 有 采 出 陰轉 陽性 個案 因此 仍 需要 戒慎 恐懼 不可 輕忽 新北 市 也 會 跟 桃園 臺北 等 地 持續 合作 控制 疫情</t>
  </si>
  <si>
    <t>美國 新增 確診 人數 再創 高 已 超過 96萬 人 全球 累計 確診 超 296萬 人 全球 防疫 需求 大增 口罩 不織布 清潔用品 監測 體溫 的 額 溫槍 耳 溫槍 快 篩 試劑 等 需求 大幅 增加 包括 台康生 技 6589 康那香 9919 等 13 檔 防疫 概念 股 交投 熱絡 在 新冠肺炎 尚未 有 解 藥 的 情形 下 防疫 需求 大增 寶齡 富錦 及 台康生 技 在 3 月 成立 的 新冠肺炎 快 篩 試劑 聯盟 上周 宣佈 成功 開發 檢測 快 篩 試劑 股價 連續 拉出 第 三 根 漲 停板 價 不織布 大廠 康那香 與 口罩 廠商 恒 大 股價 也 收 漲 停 並 拉出 連續 第二 根 漲 停板 價 法人 觀察 漲勢 有 向 化工 股 三 芳 紡 纖 股 遠東 新 聚 紡 等 低 階 防疫 概念 股 延伸 國泰 證 期 經理 蔡明翰 指出 美國 新冠肺炎 疫情 在 睽 違 二 周後 單日 新增 確診 人數 又 再次 創 高 導致 全球 新增 確診 人數 同步 創 高 顯示 目前 疫情 高點 未 至 疫情 將 持續 干擾 股市 因此 引導 資金 再次 流入 防疫 族群 不過 各國 仍 施行 隔離政策 以 控制 疫情 因此 蔡明翰 預期 疫情 高 點將 落於 第二 季 防疫 族群 操作 仍以 短線 為主 須 留意 個股 流動性 兆 豐 投 顧 董事長 李秀利 指出 防疫 需求 除 帶 旺 口罩 不織布 清潔用品 監測 體溫 的 額 耳 溫槍 等 直接 受惠 產業 外 原本 沒有 生產 的 廠商 也 因應 此 一 需求 開闢 產業 第二 曲線 對 企業 的 貢獻度 值得 觀察 法人 分析 導光板 大廠 茂 林 -ky 近日 致贈 75 個 插管 防護 箱 給 台大醫院 各院 區 在 為 病 患 插管 過程 中 都可 降低 飛 沫 血液 嘔吐 物 等 感染 風險 電 子代 工廠 金寶 則 在 菲律賓 泰國 和 美國 等 廠 區 設立 醫療 用 口罩 和 呼吸 機 生產線 預計 5 月 開始 量 產 可望 月 產 200萬 片 醫療 用 口罩 與 1000 套 醫療 用 呼吸 機 同時 還 有 3 d 列印 防護罩 防疫 機器人 等 多 項 防疫 產品 隆 達 除 屬 mini led 題材 外 因 近期 推出 多 款 uvc led 新品 也 搭上 防疫 列車 此外 由 科技 部 領 軍 結合 中鋼 與 廣達旗 下 光碟機 大廠 廣明 等 兩 大 集團 資源 進軍 新冠肺炎 檢測 領域 僅 需 採集 一 滴 血 12 分鐘 就 能 完成 篩檢 法人 認為 企業 因應 防疫 需求 積極 發展 產業 第二 曲線 在後 新冠 疫情 時代 可能 為 企業 開闢 新 的 商機</t>
  </si>
  <si>
    <t>向 侯友宜 下 指導 棋 陳時中 新北 應 增設 篩檢 站</t>
  </si>
  <si>
    <t>百事 食品 公司 在 北京 大興區 磁 魏 路 分廠 20 日 驚 傳 有 8 人 感染 新冠肺炎 其中 2 人 曾 到 過 新發 地市 場 密切接觸 者 87 名 全部 集中 隔離 該廠 除 隨即 宣佈 關閉 其 餘 480 名 員工 立刻 集中 隔離 篩檢 檢驗 結果 皆 為 陰性 百事 中國 昨 緊</t>
  </si>
  <si>
    <t>新冠肺炎 疫情 蔓延 全球 高雄 市立 小港 醫院 與 神光 晶 片 公司 20 日 合作 簽約 首次 公開 發表 針對 新冠肺炎 的 定量 快 篩 儀器 the one 從 檢 體 採樣 到 快 篩 結果 僅 10 至 15 分 目前 正 與 醫院 合作 臨床 測試階段 未來 將 可望 申請 專案 量 產 神光 晶 片 公司 創辦 人 柯正浩 研究 團隊 經 多年 研究 開發 出 光譜 晶 片 可用 來 分析 物質 成分 量 測 化學反應 變化 等 現今 新冠肺炎 診斷 方法 主要 使用 核酸 rt-pcr 抗原 與 血液 抗體 檢測 此次 發表 的 神光 晶 片 是 用 血液 抗體 檢測 用 合成 抗原 檢測 血液 中 是否 有 含 抗體 柯正浩 指出 the one 定量 快 篩 機 透過 領先 全球 的 創新 關鍵技術 具有 快 准 廣 即時 等 優勢 從 檢 體 採樣 到 快 篩 結果 約 10 至 15 分鐘 柯正浩 提到 該 快 篩 機 還 能 精確 定量 抗體 igg igm 靈敏度 為 現有 快 篩 測試 100 倍 以上 可 排除 大部分 偽 陰性 誤判 加上 掌上型 大小 便於 攜帶 利於 擴大 檢測 場 域 檢測 結果 以 手機 app 回傳 雲端 資料庫 可 即時 掌握 疫情 小港 醫院院長 郭昭宏 表示 小港 醫院 與 神光 晶 片 合作 已 臨床實驗 透過 盲 測 初步 驗證 其 準確性 未來 若 取得 政府 驗證 屆時 新冠肺炎 檢測 方式 將 可 比照 流感 快 篩 在 15 至 20 分鐘 內 就 能 篩檢 出 陽性 病 患</t>
  </si>
  <si>
    <t>無 篩檢 證明 禁 國人 入境 沈富雄 酸 陳時中 嚇破 了 膽</t>
  </si>
  <si>
    <t>彰 化 縣 衛生局 20 日 最新 公佈 確診 個案 公共場所 活動 史 包括 了 正 彰 化 肉 圓 麻辣 火鍋 茶行 和 豆漿店 等等 又 增加 9 個 足跡 衛生局 也 強調 看 足跡 也 要 比對 時間 這 段 時間 內 有 到 過 這些 地方 出現 身體 不適症 況 就要 去 篩檢</t>
  </si>
  <si>
    <t>北市 士 林一 間 長 照 機構 6 月 間 發生 47 確診 3 死 的 群 聚 感染 事件 臺北市 好 政 連 線 發起人 林延鳳 28 日 踢 爆 士 林區 某 家 社會局 轄 管 的 長 照 機構 又 有 確診 案例 目前 已 知 有 2 位 住 民 及 2 位 工作人員 篩檢 為 陽性 27 日 晚 緊急 將 機構 住 民 進行</t>
  </si>
  <si>
    <t>北市 士 林一 間 長 照 機構 6 月 間 發生 47 確診 3 死 的 群 聚 感染 事件 臺北市 好 政 連 線 發起人 林延鳳 28 日 踢 爆 士 林區 某 家 社會局 轄 管 的 長 照 機構 又 有 確診 案例 目前 已 知 有 2 位 住 民 及 2 位 工作人員 篩檢 為 陽性 27 日 晚 緊急 將 機構 住 民 進行 分流 隔離 安置 作業 北市 防疫 又 見 破 口 呼籲 北 市府 不要 隱匿 儘快 對外 說明 林 延鳳 接 獲 民眾 陳情 告知 士 林區 某 家 社會局 轄 管 的 長 照 機構 27 日 又 有 確診 案例 目前 已 知 有 2 位 住 民 及 2 位 工作人員 篩檢 為 陽性 擔心 有 群 聚 感染 狀況 昨晚 緊急 將 機構 住 民 進行 分流 隔離 安置 作業 正確 數字 仍 待 市府 公佈 專案 優先 施打 疫苗 是否 真 落實 林 延鳳 表示 北市 社會局 先前 對外 宣佈 針對 轄 管 的 103 間 長 照 機構 工作人員 及 住 民 以 施打新冠肺炎 疫苗 但 截至 7 月 15 日 止 應施 打 工作人員 有 2498 人 實際 施打為 2344 人 住 民 應 施打 人數 為 5000 人 實際 施打 人數 為 4073 人 仍未 施打 疫苗 工作人員 與 住 民 還有 超過 1000 人 以上 這 會 變 成長 照 機構 發生 感染 的 嚴重 破 口 林 延鳳 說 以 這次 發生 確診 的 長 照 機構 來看 機構 目前 均 並未 開放 家屬 探視 個案 到底 是 去 醫院 就診 感染 或 經由 工作人員 感染 尚 待 北市 衛生局 做出 完整 疫 調 資料 北 市府 應 積極 管理 別 讓 人民 擔心 受 怕 林 延鳳 呼籲 北 市府 應 儘快 完成 長 照 機構 工作人員 與 住 民 的 新冠 疫苗 施打 作業 若 有 遇到 不 願 配合 施 打的 物件 應 積極 與 家屬 及 當事人 溝通 協助 施打 並 確實 做好 防疫 管理 作業 否則 長 照 機構 確診 事件 不 斷 發生 不僅 是 臺北 市民 恐慌 全台 人民 也 跟 著 擔心 受 怕</t>
  </si>
  <si>
    <t>桃園 今 查 700 宿舍 工廠 分 艙 分流 141 家 工廠 入 廠 篩檢</t>
  </si>
  <si>
    <t>新冠肺炎 臺灣 移 工 工廠 篩檢</t>
  </si>
  <si>
    <t>新冠肺炎 襲擊 歐洲 政壇 多 位 政要 及 高級官員 傳出 感染 新冠肺炎 西班牙政府 週三 25 日 表示 副 總理 卡爾沃 carmen calvo 接受 新冠 病毒檢測 結果 為 陽性 根據 路透社 報導 西班牙政府 表示 這 是 卡爾沃 第二 次 接受 檢測 第一 次 被 驗 出 陰性反應 但 測試 結果 難以 判斷 於是 她 昨天 再度 接受 篩檢 這次 的 結果 呈現 陽性 政府 聲明 中 強調 生於 1957 年 的 卡爾沃 自從 2018 年 6 月 起 擔任 西班牙 副 總理 至今 並 身 兼 兼 總理府 議會 關係 與 平等 大臣 現在 健康 情況 良好 正 在 醫院 接受 治療</t>
  </si>
  <si>
    <t>雖然 新冠 疫情 即將 進入 冬天 戰場 但 隨 著 農曆 年節 即將 到來 許多 民眾 仍 有 出國 需求 必須 到 醫院 進行 新冠肺炎 自費 篩檢 不少 民眾 看到 將近 7000 元 的 檢驗 費用 不禁 直 呼 好 貴 尤其 香港 從 12 月 起 大幅 調 降 新冠肺炎 檢測 費用</t>
  </si>
  <si>
    <t>繼 日本 女 留學生 泰國 移 工 後 蘋果日報 報導 中部 今天 又 傳出 一起 外籍 疑似病例 一 名 在 中部 從事 離岸 風 電 產業 的 外籍 工程師 沒有 任何 症狀 但因 近日 要 返回 歐洲 依照 原 母國 需 先 取得 在 台 篩檢 陰性 證明 但 卻 傳出 第一 次 采</t>
  </si>
  <si>
    <t>季節 臺北 報導 新冠肺炎 感染者 持續 增加 但 因為 篩檢 費時 導致 篩檢 數量 有限 各界 關心 新冠肺炎 快 篩 試劑 哪 時 可以 上路 加速 篩檢 時間 增加 篩檢 量 對此 經濟部長 沈榮津 表示 還 需要 半 年 國民 黨籍 立 委 林奕華 今天 在 立 法院 質詢</t>
  </si>
  <si>
    <t>肺炎 新冠肺炎 新冠 篩檢 沈榮津</t>
  </si>
  <si>
    <t>新北 疫情 持續 升溫 繼 板橋 某 間 幼稚園 爆發 群 聚 感染 中和 區 某國 小 學童 pcr 陽性 校方 昨天 深夜 緊急通知 今 起 停課 3 天 由於 學童 ct 值 32 研 判 感染 已久 屬於 獨立 個案 與 板橋 某 幼稚園 關連性 不大 但 市府 仍 將 採取 預防 性 措施 該 生就 讀 班級 停課 14 天 該校 預防 性 停課 3 天 據 瞭解 中和 學童 感染 源 來自 同 住 阿嬤 阿嬤 因 家人 生病 9 月 5 日前 往 陪 病 必須 做 pcr 篩檢 9 月 6 日 結果 出爐 為 陽性 衛生局 緊急 匡列 全家 接觸 者 隔離 並 采 檢 這 才 發現 學童 pcr 陽性 不過 兩 人 ct 值 高 約 為 32 左右 研 判 屬於 舊案 感染 源 仍 在 厘 清 新北 市府 不敢 大意 決定 學童 就讀 學校 必須 預防 性 停課 三 天 昨天晚上 11 時 緊急 發 出庭 課 通知 一 若 貴 子女 為 居家 隔離 者 請 依 居家 隔離 通知書 的 防疫 規定 落實 防務 的 措施 二 若 貴 子女 自主 健康 管理者 必 依 各類自主 健康 通知書 須知 落實 防務 的 措施 若 貴 子女 未 具備 一二 身分 別 停課 期間 注意 身體 的 狀況 如有 發燒 或 呼吸道 的 症狀 請 盡 速 戴 口罩 並 就醫 新北市衛生局 對 此 不 願 表示 意見 一切 由 中央 統一 對外 說明</t>
  </si>
  <si>
    <t>刑事 局 偵查 第 三大隊 楊 姓 偵查員 20 日 因 腹瀉 請假 前往 臺北醫學大學 附設 醫院 就醫 並且 在 戶外 篩檢 區 採樣 核酸 檢測 23 日 下午 1 時 左右 衛生 單位 通知 楊員 新冠肺炎 核酸 檢測 pcr 陽性 確定 這 是 新冠肺炎 疫情 以來 全國 刑事 龍頭</t>
  </si>
  <si>
    <t>中央 流行 疫情 中心 今日 公佈 基隆 新增 14 名 確診 個案 其中 包含 成功 市場 攤販 妻子 小姑娘 小吃店 1 員工 2 消費者 另 家 快樂 城 小吃部 也 有 3 名 員工 確診 群 聚 感染 仍 在 發生 基隆 市長 林右昌 也 呼籲 期望 近期 有 到 小吃店 工作 消費 的 民眾 勇敢 前往 篩檢 才能 圍堵 傳染 鏈 林右昌 下午 公佈 14 名 確診 個案 資訊 案 7415 到 7422 案 7598 到 7603 其中 案 7415 為 70 多 歲 女性 為 成功 市場 攤販 案 3519 的 妻子 本來 采 檢 陰性 隔離 就醫 後 於 28 日 確診 成功 市場 專案 正式 新增 1 名 確診 個案 目前 尚 維持 在 家庭 群 聚 範圍 專案 共 累計 9 人 確診 此外 小姑娘 小吃店 群 聚 也 持續 擴大 新增 1 名 員工 2 消費者 確診 其中 案 7417 是 案 3513 朋友 2 人 曾 到 店 消費 被 匡列 後於 今日 采 檢 確診 案 7598 亦 為 食客 案 7600 則 是 店 內 員工 昨日 也 有名 案 6869 確診 為 小吃店 員工 確診 專案 共 累計 19 人 確診 林 說 目前 小姑娘 店 內 18 名 員工 都已 全數 聯繫 上 其中 有 11 人 完成 篩檢 其 餘 7 人 因為 說詞 反 覆 持續 在 疫 調 當中 未來 會 安排 采 檢 另 間 快樂 城 小吃店 也 有 3 名 員工 確診 現 已 成立 專案 調查 目前 匡列 16 人 其 餘 人員 正在 追蹤 中 從 最 早 的 個案 5981 開始 目前 已 累計 4 人 確診 至於 果菜 市場 專案 由 匡列 的 96 人 全數 篩檢 陰性 將 持續 監測 到 6 月 3 日 若無 大礙 就 會 結 案</t>
  </si>
  <si>
    <t>world gym 世界 健身 俱樂部 屢 爆 確診 者 足跡 迄今 累計 臺北站 前 店 長春 店 內 湖 店 新北 板橋 雙 十 店 蘆洲 店 永和 店 永和 民權 店 均 淪陷 最新 傳出 臺北 大安 店 也 有 確診 足跡 已於 1 日 晚間 8 時至 4 日 暫停營業 5 日 將 重新 開放 world gym 近期 在 官網 公告 新北 永 和 店 7 月 30 日 中午 12 時至 2 日 暫停營業 永和 民權 店 1 日 晚間 8 時至 2 日 暫停營業 臺北 大安 店 也 是 1 日 晚間 8 時至 2 日 暫停營業 world gym 表示 因應 疫情 影響 臺北 大安 店 於 1 日 晚間 8 時閉店 進行 全面 清 消 並 配合 中央 及 北 市府 防疫 規範 自 2 至 4 日 停業 3 天 期間 將 安排 該 分店 員工 快 篩檢測 將 於 5 日 開放 會員 運動 使用 停業 期間 會員 可 至 北 區 他 館 使用 或 可 線 上 申請 會 籍 暫停</t>
  </si>
  <si>
    <t>本土 疫情 趨 緩 傳染病 防治 網 臺北區 副 指揮官 臺北市立聯合醫院 總院 副總 院長 璩 大 成 今天 出席 疾病 管制 署 感染 管制 與 防治 策略 研討會 談 到 5 月中 旬 北市 爆發 大規模 本土 疫情 時 團隊 認知 到 過去 習慣 的 傳統 疫 調 已 無法 負荷 因此 改 采 重點式 的 精准 疫 調 成功 化解 疫情 海嘯 帶來 的 危機 璩 大 成 直言 經常 有人 會 說 疫 調 不實 他 請 大家 別 再 這樣 講 因為 他 也 曾經 做 過 疫 調 相當 清楚 要 在 短 時間 內 瞭解 一個 不 認識 的 人 可能 只知其一 卻 不知其二 例如 長官 詢問 他 坐 哪 班 飛機 他 能 回答 出來 但 又 被 問到 他 坐 第 幾 排 可能 就 答 不 上來 璩 大 成 指出 傳統 疫 調 是從 肺結核 以來 沿用 的 作法 但 光是 閱讀 一 份 手 寫 版 疫 調 就 需要 35 分鐘 更 別說 填寫 疫 調 表 單相 當 耗時 他 以 臺北市 過去 的 疫 調 經驗 為 例 回溯 過去 一 位 同仁 每天 能 做 多少 疫 調 他 得到的 答案 是 3 個人 但 如果 一 天 要 做 30 個 人 的 疫 調 他 直言 那 就 毀 了 疫 調 的 重點 在於 找 出 可能 傳染源 並 阻斷 後續 可能 的 傳染 鏈 璩 大 成 強調 在 人地 時 事物 中 疫 調 的 優先 順序 是 時 人 地 至於 確診 者 做 了 哪些 事 用 了 什麼 物 並 不 重要 當面 對 疫情 海嘯 來 襲 璩 大 成 強調 疫 調 的 首要 關鍵 就 是 快 在 密密麻麻 的 疫 調 手稿 中 找 出 最 重要 的 資訊 其中 最 重要 的 就 是 聯繫 確診 者 的 接觸 者 只要 願意 出來 篩檢 就 派車去 接送 透過 各 單位 緊密 合作 北 市府 確立 了 擴大 篩檢 熱區 圍堵 等 防疫 作法 精准 疫 調 的 戰略 佈局 也 逐漸 成形</t>
  </si>
  <si>
    <t>46 歲 性感 女星 唐玲 身材 火 辣 大方 健談 經常 穿梭 在 各 大 綜藝節目 前年 卻 悄悄 淡出 原來 她 得 了 胃癌 眼見 最近 本土 疫情 升溫 主治醫師 派 去 前線 支援 篩檢 唐玲 也 擔心 醫院 量 能 不足 遲遲 不敢 回診 唐玲 2 年 前 被 診斷 出 胃癌</t>
  </si>
  <si>
    <t>萬華 失 聯 移 工 成 高風險 移民署 宜 蘭 服務站 供 免費 篩檢</t>
  </si>
  <si>
    <t>繼 臺北市 長 柯文哲 先前 發出 特赦令 呼籲 5萬 無 證 移 工 出面 篩檢 就醫 不會 抓捕 移民署 宜 蘭 服務站 也 針對 在 4 月 21 日 至 5 月 14 日 曾經 出入 萬華 或 周邊地區 的 失 聯 移 工 提出 安心 采 檢 防疫 專案 強調 不 收費 不 通報</t>
  </si>
  <si>
    <t>國內 疫情 持續 升溫 本土 今 20 日 再 新增 286 例 確診 眼看 全國 進入 第 三級 警戒 臺灣 疫情 陷入 水深火熱 一 名 男 網友 拿 目前 歐洲 疫情 當作 對照 直 呼 臺灣 真的 像 一個 笨蛋 考生 引起 熱 議 據 外 媒 報導 歐盟 外交 官員 今天 達成 同意 若 旅客 能 證明 已 接種 經 認證 過 的 疫苗 將 可 入境 歐盟 新 規 最 快於 下 周 開始 實施 一 位 網友 將 其 引用 並 分享 在 網路 論壇 dcard 上 他 表示 歐洲 已經 幾乎 正式 解封 了 但 臺灣 卻 還 處在 水深火熱 當中 對此 坦言 臺灣 真的 像 一個 笨蛋 考生 該 網友 指出 若 用 考試 來 比喻 的話 臺灣 就 像 一 位 考生 用 了 不 到 一半 的 考試 時間 就 把 考題 寫 完 然後 就 大聲 的 對 其他 考生 喊 著 i can help 結果 考試 時間 快 結束 時 才 悲劇 的 發現 原來 考卷 背面 還有 題目 同一時間 其他 考生 已經 幾乎 快 寫 完 考卷 了 只 剩下 臺灣 這個 考生 還 在 埋頭 苦 寫 只能 怪 之前 太 驕傲 又 很 粗心 該 網友 接 著 說 更 悲哀 的 是 當 這 位 考生 帶 著 懊悔 之 心 回 到家 時 想 先洗 個 澡 再 打場 遊戲 結果 沒 水 不能 洗澡 也 沒電 不能 打 電動 對此 說法 不少 人 認同 表示 臺灣 分數 還 高?沒 水 沒電 沒 疫苗 都 快 成為 亞洲 笑話 了 臺灣 的 情況 疫苗 施打 率 過 低 醫護 負荷 過 高 篩檢 產能 低落 哪 來 的 前 幾 名 認為 臺灣 防疫 已 落 為 b 段 班 但 有人 認為 現在 不應 過度 自卑 覺得 臺灣 好像 是 全世界 最慘 的 國家 目前 背面 考卷 雖然 還 沒寫 但 考試分數 還是 比 大部分 的 人 還 高 一 位 網友 指出 目前 臺灣 篩檢 陽性率 是 04 排 全世界 倒數 的 低 且 都 是 針對 比較 高風險 的 人 進行 篩檢 沒有 進行 普 篩 否則 數位 還 可能 更 低 這 也 證明 了 臺灣 的 防疫 成績 還 是 世界 前 幾 名 的 當然 這 只 是 目前 未來 還 不 確定 一 位 在 歐洲 的 網友 則 指出 目前 歐洲 不但 沒有 解封 看 起來 也 沒有 幾乎 正式 解封 入境 只 是 針對 有 施 打 疫苗 的 對象 但 歐洲施 打 疫苗 的 狀況 仍 不是 很 理想 一 天 確診 人數 看 國家 不同 但 基本 都 是 破 千</t>
  </si>
  <si>
    <t>國內 引進 covid-19 疫苗 進度緩慢 數量 嚴重不足 引發 中央 分配不公 權貴 偷打 等 爭議 近日 網路 傳出 肺炎 鏈球菌 疫苗 可 抗 covid-19 訊息 引起 民眾 熱 議 確實 也 出現 民眾 搶 打 現象 亞東 醫院 家 醫科 醫師 翁資閔 表示 施打 肺炎 鏈球菌 疫苗 僅 能 降低 感染 後 引發 重症 的 機 率 無法 有效 預防 新冠肺炎 翁資閔 表示 covid-19 是 新冠 病毒 感染 而 肺炎 鏈球菌 的 疫苗 是 針對 肺炎 鏈球菌 做 防護 儘管 接種 肺炎 鏈球菌 疫苗 無法 直接 預防 covid-19 但是 接種 肺炎 鏈球菌 疫苗 的 民眾 不幸 感染 covid-19 後 將 可 減低 重症 或 續 發性 感染 的 機會 亞東 醫院 指出 國內 目前 有 23 價 的 公費 肺炎 鏈球菌 疫苗 與 13 價 的 自費 肺炎 鏈球菌 疫苗 尚未 輪到 施打新冠 疫苗 的 族群 可 考慮 先 接種 肺炎 鏈球菌 疫苗 以 降低 重症 風險 已 施打新冠 疫苗 者 也 可 在 與 新冠 疫苗 間隔 28 天時 接種 肺炎 鏈球菌 疫苗 增加 自我 保護 力 據 衛福部 疾 管署 網站 資訊 13 價 結合 型 肺炎 鏈球菌 疫苗 是 一 種 不 活化 疫苗 內含 13 種 血清型 適用於 出生 滿 6 周 以上 幼兒 青少年 成人 與 長者 疫苗 保護 力約為 10 年 23 價 肺炎 鏈球菌 多糖 體 疫苗 內含 23 種 血清型 適用於 一般 成人 與 2 歲 以上 兒童 疫苗 保護 力約為 5 年 新北 市 衛生局長 陳 潤 秋 15 日 表示 新北 肺炎 鏈球菌 庫存 足夠 民眾 要 施打 可到 衛生所 去 洽 詢 但 她 強調 肺炎 鏈球菌 疫苗 打完 兩 周 內 不能 打 新冠肺炎 疫苗 提醒 符合 新冠 疫苗 施打 資格 的 長者 暫時 先 不要 施打 亞東 醫院 表示 為 使 疫情 獲得 控制 亞東 醫院 積極 協助 政府 防疫 作為 廣設 篩檢 站 注射 站 並 派出 機動性 強 的 篩檢 巡迴車 加強 防疫 動能 民眾 可以 多 加 利用 另 對 有意 接種 肺炎 鏈球菌 疫苗 的 民眾 皆 可 至 亞東 醫院 家 醫科 門診 諮 詢 接種</t>
  </si>
  <si>
    <t>因應 新冠肺炎 疫情 延 燒 口罩 實 名 制 20 上路 但 站 在 第一線 的 醫院 防疫 物資 卻 嚴重 吃緊 東港 安泰 醫院 估算 目前 庫存 的 隔離 衣 恐怕 撐 不 到 1 個 月 因 此 近日 啟用 獨立 采 檢 室 不讓 民眾 進入 院內 以 減少 資源 使用 同時 也 建置 獨立 發燒 篩檢 中心 與 急診 分流 提升 防疫 量 能 醫院 的 防疫 物資 真的 太 缺乏 東港 安泰 醫院 榮譽 院長 蘇清泉 指出 當 大家 都 在 關注 口罩 夠不夠 用時 唯有 站 在 防疫 第一線 的 醫護人員 擔心 隔離 衣 防護衣 還有 沒有 而 答案 往往 令 他們 壓力 倍增 以 東港 安泰 來說 防護衣 約 剩 500 件 隔離 衣 約 800 件 蘇清泉 說 隔離 衣 防護衣 過去 多 靠 中國 越南 菲律賓 進口 且 生產 原料 也 幾乎 仰賴 他國 若 這些 國家 再不 開工 趕 制 對 臺灣 醫護 很 不利 以 東港 安泰 1 天 約 用掉 30 件 隔離 衣 來看 如果 不再 控管 使用 可能 不 到 1 個 月 就 沒 得用 他 無奈 說 有加護 病房 的 醫護人員 為 留 隔離 衣 以防 疫情 大 爆發 時有 得 穿 目前 已 穿起 布制 隔離 衣 彷 佛 回到 過去 般 靠 高溫 消毒 來 防堵 病菌 東港 安泰 為 減少 防疫 物資 使用 並 兼顧 醫護 品質 近日 在 院外 1 間 半 開放 空間 成立 獨立 采 檢 室 並 將 x 光 機 搬 到 室外 讓 有 發燒 旅遊 史 接觸 史 等 需要 接受 采 檢 的 民眾 不必 進到 醫院 也 能 做 蘇清泉 說 以往 民眾 進到 醫院 做 采 檢 後 幾乎 要 全面 消毒 而 啟用 獨立 采 檢 室 後 只 需 顧好 這個 區 就 能 有效 防範 交叉 感染 此外 院方 也 建置 獨立 發燒 篩檢 中心 與 急診 分流 同時 將 慢性病 處方 箋 領 藥 處 移 到 室外 做到 分 艙 分流 儘量 不讓 民眾 進入 醫院 的 最高 防疫 原則</t>
  </si>
  <si>
    <t>臺北市 的 防疫 已經 進入 第 三級 警戒 臺北市 長 柯文哲 16 日 深夜 發文 表示 為了 確保 防疫 的 量 能 足夠 這 幾 天 北 市府 全體 總動員 他 說 政治 的 核心 是 執行 力 現在 就是 考驗 的 時候 臺北市政府 一定 會 扛起來 面對 這 場 突然 爆發 的 疫情 但 他 也 說 今晚 還是 想 跟 大家 說 些 真心話 就是 疫情 洪峰 可能 還 沒到 柯文哲 表示 為了 更 快速 的 找 出 在 社區 潛藏 的 感染者 四 天內 臺北市 迅速 地 設 了 四 個 快 篩 站 第一 天 在 中興 院區 的 網站 人潮 洶湧 醫護人員 一直 篩檢 到 深夜 但 還是 有 上百 位 沒 辦法 做 完 原本 很多 民眾 怒氣衝衝 但 當 醫護 同仁 耐心 的 解釋 並 遞 上 號碼牌 民眾 也 很 快 的 平靜下來 我 想 那 是 因為 他們 知道 自己 將 會 得到 完善 的 照 護 覺得 可以 安心 隔 天 一大早 醫護人員 先用 廣播 宣佈 采 檢 的 流程 並 請 市民 朋友 體諒 醫療 量 能 有限 可能 無法 全部 做 完 但 還 是 會 先 發放 號碼牌 做 不 到 的 請 隔 天 再來 這個 時候 現場 竟然 出現 此起彼落 的 掌聲 醫護人員 聽到 的 都 是 體諒 鼓勵 與 感謝 柯文哲 感動 地 說 這 是 這幾天來 在 疫情 中 得到 的 最 大 鼓舞 即使 大敵當前 人們 仍 能 相互 體諒 感同身受 柯文哲 呼籲 此刻 讓 大家 一起 齊心 抗 疫 臺北市 的 所有 醫護 市府 團隊 都會很 努力 希望 你 也 一起 而 你 要 做 的 事情 很 簡單 戴 好 口罩 勤洗手 沒事 就 乖乖 待 在家 我們 會 撐過去 的</t>
  </si>
  <si>
    <t>工作 加州 美國 肺炎 篩檢</t>
  </si>
  <si>
    <t>我 駐 俄羅斯 代表處 一 名 人員 在 12 月 1 日 因 感到 身體 不適 經 篩檢 後 確診 新冠肺炎 covid-19 駐 處 已 依據 緊急 應變計 畫 及 俄國政府 相關 規定 立即 啟動 防疫 應變 措施 外交部 表示 目前 已 進行 辦公室 全面 消毒 並 通知 曾 與 該 名</t>
  </si>
  <si>
    <t>我 駐 俄羅斯 代表處 一 名 人員 在 12 月 1 日 因 感到 身體 不適 經 篩檢 後 確診 新冠肺炎 covid-19 駐 處 已 依據 緊急 應變計 畫 及 俄國政府 相關 規定 立即 啟動 防疫 應變 措施 外交部 表示 目前 已 進行 辦公室 全面 消毒 並 通知 曾 與 該 名 確診 人員 密集 接觸 的 同仁 實施 居家 檢疫 14 天 其 餘 同仁 則 分組 上班 此為 駐 俄羅斯 代表處 的 第 三 位 人員 確診 武漢肺炎 外交部 指出 俄國 新冠肺炎 疫情 持續 蔓延 為 維護 同仁 及 民眾 健康 安全 駐 俄羅斯 代表處 採取 預約 制 提供 領 務 服務 未來 駐 處 將 視 疫情 發展 進行 調整 並 適時 對 外 公佈 國人 倘 有 領 務 服務 的 需求 可 透過 駐 處 電 郵 email protected 洽 請 協助 如有 急難 救助 事宜 可撥打 以下 緊急 電話 7 916 837 6058 俄國 境外 撥打 8 916 837 6058 俄國 國內 撥打</t>
  </si>
  <si>
    <t>青島 5 天 篩檢 1089萬 人 陳揮文 嚇壞 展現 強大 實力</t>
  </si>
  <si>
    <t>青島 陳揮文 新冠肺炎 篩檢 陳時中</t>
  </si>
  <si>
    <t>目前 有 6 名 外籍 移 工 確診 的 京鼎 精密 公司 9 日 也 對 全棟 大樓 人員 進行 快 篩 包括 了 京鼎 本身 的 430 名 員工 以及 同 棟 大樓 承租 廠房 的 廠商 有 2 家 鴻 躍 及 葉成 另 有 180 名 員工 共 快 篩 610 人 將 在 1 天內 完成 京 鼎 精密 科技 公司 隸屬 於 鴻海集團 旗 下 6 日 先 有 1 名 外籍 移 工 身體 不適 就醫 確診 後 另 有 5 名 外籍 移 工 因 擔心 群 聚 感染 但 又 因 苗栗 沒有 開放 外籍 移 工 快 篩 站 因而 結伴 前往 新竹 科學園區 接受 快 篩 陽性 後 再經 pcr 檢測 確診 京 鼎 精密 科技 財務 長 陳鎮福 接受 媒體 採訪 時 表示 公司 獲 報 後 從 7 日 就 開始 停工 至 9 日 已 停 工 3 天 影響 營 收 約 在 2 至 3 左右 但 訂單 並 沒 掉 將 在 復工 後 全力 趕回來 陳 鎮 福 說 公司 獲悉 外籍 員工 確診 後 就 規 畫 替 全體 員工 進行 快 篩 9 日 上午 開始 共 快 篩 610 人 將 在 1天內 全部 完成 公司 部分 外籍 員工 在 先前 就 被 匡列 篩檢 9 日 是 公司 自行 采 檢 針對 本身 員工 430 人 施檢 而 公司 的 外籍 員工 與 京元電 的 外籍 員工 並非 同 1 個 仲介 公司 但因 都 在 同 1 個 生活 圈 內 難免會 有 交叉 重疊 的 情況</t>
  </si>
  <si>
    <t>北市 防疫 旅館 爆出 篩檢 後 隔 天 又 出現 症狀 而 沒有 再次 篩檢 引發 質疑 市長 柯文哲 今 早 表示 已 下令 更改 sop 所有 防疫 旅館 都 發放 快 篩 劑 出現 症狀 就 篩檢 衛生局 下午 進一步 表示 sop 再 稍微 調整 只要 有 疑 似 症狀 就 建議</t>
  </si>
  <si>
    <t>北市 防疫 旅館 爆出 篩檢 後 隔 天 又 出現 症狀 而 沒有 再次 篩檢 引發 質疑 市長 柯文哲 今 早 表示 已 下令 更改 sop 所有 防疫 旅館 都 發放 快 篩 劑 出現 症狀 就 篩檢 衛生局 下午 進一步 表示 sop 再 稍微 調整 只要 有 疑 似 症狀 就 建議 直接 送醫 做 pcr 采 檢 對於 防疫 旅館 加強 措施 北市 衛生局 專 委 歐佳齡 表示 所有 民眾 都 可以 打 第 三 劑 也 要求 防疫 旅館 務必 接種 中央 今天 宣佈 增加 家 公費 家用 快 篩 頻率 入境 後 三七十 天 快 篩 最 多 會 做 三 次 篩檢 歐佳齡 表示 會 確認 是否 在 民眾 在 入境 地方 領取 使用 防疫 旅館 會 做 全面 性 查核 如果 有 相關 防疫 措施 會 去 瞭解 防疫 管理 部分 有 沒有 落實 其他 部分 如有 疑 似 症狀 還是 要 做 pcr 采 檢 這部 分會 稍微 調整 只要 有 疑 似 症狀 就 建議 直接 送醫 做 pcr 采 檢</t>
  </si>
  <si>
    <t>防疫 旅館 疑 似 症狀 pcr 采 檢 篩檢</t>
  </si>
  <si>
    <t>為 防堵 北農 群 聚 傳染 日前 桃園 針對 5 大 果菜 市場 進行 快 篩 桃園 市長 鄭文燦 指出 目前 采 檢 1139 人次 中 全部 呈 陰性 並 表示 24 日 下午 還有 800 人次 要 進行 快 篩 桃園 新聞 處 表示 預計 24 日 可 完成 市場 人員 全部 的 篩檢 日前 北農 爆</t>
  </si>
  <si>
    <t>為 防堵 北農 群 聚 傳染 日前 桃園 針對 5 大 果菜 市場 進行 快 篩 桃園 市長 鄭文燦 指出 目前 采 檢 1139 人次 中 全部 呈 陰性 並 表示 24 日 下午 還有 800 人次 要 進行 快 篩 桃園 新聞 處 表示 預計 24 日 可 完成 市場 人員 全部 的 篩檢 日前 北農 爆發 群 聚 感染 桃園 更 針對 市內 5 大 果菜 市場 進行 快 篩 鄭文燦 指出 目前 采 檢 的 1139 人 中 全程 陰性 並 表示 24 日 下午 還有 800 人次 新聞 處 補充 預計 24 日 應 可 完成 市場 人員 全部 的 篩檢 鄭 進一步 說明 北農 群 聚 感染 會 影響 到 附近 縣 市 的 果 菜市場 所以 桃園 五大 果菜 需 進行 全面 篩檢 鄭 指出 這次 市場 篩檢 的 範圍 包括 承銷 商 從業人員 等 全部 進行 篩檢 並且 造冊 紀錄 待 農委會 提出 批發市場 疫苗 施打 專案 後 便 依照 專案 進行 施打 並 強調 這 是 民生 物資 的 重要環節 因此 應該 納 為 優先 的 施打 範圍 鄭 表示 未來 批發市場 的 施打 疫苗 專案 必須 要 采 檢 陰性 才能 施打 疫苗 並 鼓勵 北農 專案 能 把 桃園 果菜 批發市場 全面完成 篩檢 鄭 補充 其他 產銷 班 包括 水果 供應商 以及 貨運 司機 都 希望 能夠 完成 篩檢 持有 陰性 報告 才能 進入 包括 北農 在內 的 批發市場 關於 群 聚 感染 鄭文燦 強調 現在 疫情 已 進入 到 100 個 上下 應該 要 把 精准 疫 調 落實 且 需要 跨縣 市 來 合作 並 進一步 解釋 過去 雙北 確診 人數 非常 多 如要 做 精准 疫 調 的 匡列 確實 有 難度 但 現在 疫情 趨 緩 破 口 需要 中央 來 協調 跨縣 市 來 合作 更 呼籲 中央 以及 地方 防疫 要 同心 防疫 要 一致</t>
  </si>
  <si>
    <t>0 3 歲 幼童 確診 慎防 家戶 感染 專家 疾呼 成人 有 症狀 就 篩檢</t>
  </si>
  <si>
    <t>家戶 感染 幼童 有 症狀 篩檢 新冠肺炎</t>
  </si>
  <si>
    <t>板橋 大遠 百 下午 全面 快 篩 預計 篩檢 1500 人</t>
  </si>
  <si>
    <t>大遠 百 櫃 姐 出現 確診 個案 新北 市長 侯友宜 表示 業者 今天 自主 停業 1 天 今 天啟 動 企業 快 篩 預計 篩檢 1500 人 並 全棟清 消 侯 再次 強調 如果 因為 疏失 造成 疫情 擴散 就 會 勒令 停業 停工 侯友宜 說 防疫 是 每個 人 的 責任</t>
  </si>
  <si>
    <t>大遠 百 櫃 姐 出現 確診 個案 新北 市長 侯友宜 表示 業者 今天 自主 停業 1 天 今 天啟 動 企業 快 篩 預計 篩檢 1500 人 並 全棟清 消 侯 再次 強調 如果 因為 疏失 造成 疫情 擴散 就 會 勒令 停業 停工 侯友宜 說 防疫 是 每個 人 的 責任 不管 大 小企業 營業 場所 都 要 定期 快 篩 未來 企業 會 是 快 篩 主力 社區 篩檢 站 作為 搭配 企業 都 要 密切 自主 健康 監測 員工 身體 不要 因為 疏失 造成 疫情 擴大 若 得 歸咎 企業主 會 勒令 提 業 停工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快 篩 大遠 百 篩檢</t>
  </si>
  <si>
    <t>陸軍 十 軍團 昨 22 日 證實 1 名 國 軍 同仁 的 配偶 日前 因 身體 不適 就醫 後 確診 國軍 同仁 後 赴 醫院 篩檢 也 確診 對此 時代 力量 立 委 王婉諭 表示 自己 接 獲 許多 國軍 弟兄 陳情 爆 料 說 雖然 睡覺 有 戴 口罩 但是 竟然 用 保鮮 膜 當 隔板</t>
  </si>
  <si>
    <t>國內 新冠 疫情 爆炸 許多 民眾 跑 到 各地 快 篩 站 急診 篩檢 但 檢驗 量 能 不足 醫 檢 師 工作量 大增 連三天 校正 回歸 826 例 前 立 委 婦產科 醫師 林靜儀 昨天 呼籲 擔心 被 感染 但是 沒 症狀 又 排 不 到 篩檢 的 民眾 可先 自我 隔離 斷絕</t>
  </si>
  <si>
    <t>新冠肺炎 臺灣 檢驗 量 能 篩檢 有 症狀</t>
  </si>
  <si>
    <t>臺北市立聯合醫院 松 德 院區 傳出 有 員工 和 看護 確診 對此 松德 院區 證實 不是 院內 感染 員工 是 住 在 萬華 另 因為 松德 院區 主要 是 精神疾病 專責 醫院 所以 看護 目前 已 轉 由 其他 院區 協助 處理 松 德 院區 院長 楊添圍 受訪 時 證實 的確 有 員工 和 看護 確診 但 並 不是 院內 感染 員工 是 藥劑 科 同仁 住 在 萬華 地區 14 日 到 采 檢 站 采 檢 16 日 確診 醫院 也 立即 匡列 接觸 員工 匡列並 清出 病房 做 隔離 大約 有 20 位 目前 采 檢 都 是 陰性 楊添圍 指出 員工 的 部分 院內 能 得到 資訊 落實 匡列 但 看護 的 部分 因 個 資 無法 取得 還是 要 疾 管 單位 協助 楊添圍 說 已經 有 一 批 員工 做 采 檢 確實 有 考慮 過 全院 篩檢 但 考量 人力 也 有 執行 上 的 困難 會 繼續 逐 批 增加 采 檢</t>
  </si>
  <si>
    <t>新北社區 篩檢 2 度 出現 零 陽性 侯友宜 已 有效 控制 疫情</t>
  </si>
  <si>
    <t>新北 市 今 新增 6 例 本土 病例 新北 市長 侯友宜 今 表示 昨日 社區 篩檢 站 篩檢 了 4496 人 其中 有 華南 北農 接觸 史 的 有 196 人 全數 都 是 陰性 繼 上周 四至 本 週三 2 度 出現 零 陽性 侯友宜 說 顯見 新北 市 隱形 傳播 鏈 已經 有效 控制</t>
  </si>
  <si>
    <t>新北 市 今 新增 6 例 本土 病例 新北 市長 侯友宜 今 表示 昨日 社區 篩檢 站 篩檢 了 4496 人 其中 有 華南 北農 接觸 史 的 有 196 人 全數 都 是 陰性 繼 上周 四至 本 週三 2 度 出現 零 陽性 侯友宜 說 顯見 新北 市 隱形 傳播 鏈 已經 有效 控制 社區 篩檢 站 發揮 既定 功能 使 社區 廣 篩 再度 出現 零 陽性 另外 針對 家禽 合作社 今日 三 篩 pcr 侯友宜 也 說 截至 中午 已 篩檢 了 483 人 今日 預計 篩檢 600 人 從業人員 明日 起 要 持 陰性 證明 或 接種 證明 詳細 數字 明日 會 詳細 報告</t>
  </si>
  <si>
    <t>陽性 侯友宜 篩檢 新北 市 社區 篩檢 站</t>
  </si>
  <si>
    <t>南韓 文化 廣播 公司 新聞 mbc news 6 日 報導 delta 變種 病毒 的 強大 傳染 能力 讓 疫情 變 得 極 有 威脅 性 南韓 全羅道 木浦 市 3 日 傳出 2 名 確診 的 大學生 即使 沒有 接觸 到 確診 者 也 沒有 拿下 口罩 或 飲食 疑 因 坐在 確診 者 曾 坐 過 的 椅子 而 不幸 確診 報導 中 指出 這 2 名 大學生 因 出現 咳嗽 肌肉 酸痛 等 症狀 而 前 往 醫院 篩檢 並 確診 經過 足跡 調查 後 發現 他們 去 的 咖啡 廳 曾 有 確診 者 造訪 不過 兩 人 與 確診 者 停留 在 該 咖啡 廳 的 時間 不同 故 一度 造成 疫 調 困擾 木浦 市 衛生 官員 表示 這 2 人 全程 戴著 口罩 也 沒有 飲食 而且 坐在 確診 者 使用 過 的 桌椅 僅 有 短暫 的 時間 調查 顯示 確診 者 來到 這間 咖啡 廳 喝 完 飲料 並 離開 的 時間 約 為 17 時 6 分 4 分鐘 後 2 名 大學生 進入 該 咖啡 廳 並 坐在 確診 者 曾用 過 的 桌椅 以 等待 打工 的 朋友 下班 停留時間 約20 分鐘 官員 推測 2 人 沒有 和 確診 者 同 處 一 室 也 沒有 拿下 口罩 飲食 很 可能 是 因為 使用 同一 張 桌椅 而 感染 如果 是 同 處在 同一 空間 中 大多 都 會 感染 但 如果 沒有 共處一室 很 可能 是 因為 環境 或 其他 接觸 而 感染 中山醫院 家庭 醫學科 主治醫師 陳欣湄 提醒 新冠 病毒 的 傳染 途徑 主要 有 3 種 第一 種 是 飛 沫 感染 比例 也 最高 其他 2 種 分別 為 氣 溶膠 與 病毒 掉落 於 物體 造成 間接 感染 就 間接 感染 而言 病毒 在 不同 材質 的 存活 時間 不一 金屬 材質 可 存活 5 至 9 天 塑膠 材質 則 是 2 至 3 天 至於 紙板 等 材質 則 可 達 24 小時</t>
  </si>
  <si>
    <t>潔 哥 嗆 阿圓 網 紅 韓 返台 沖 篩檢 遭 轟 勿 浪費資源</t>
  </si>
  <si>
    <t>一 只 阿圓 潔 哥 阿圓 篩檢 韓國</t>
  </si>
  <si>
    <t>善款 用 在 刀口 上 臺北 榮總 第二 戶外 防疫 篩檢 站 啟用</t>
  </si>
  <si>
    <t>新冠肺炎 臺灣 戶外 篩檢 站 臺北 榮總 微風 慈善 基金會</t>
  </si>
  <si>
    <t>ic 封 測 廠 矽 格 公司 6257 9 日 針對 竹東 兩 個 廠 區 及 湖口 兩 個 廠 區 的 外籍 員工 643 名 展開 預防 性 快 篩 作業 所有 人員 的 快 篩檢測 結果 全數 呈現 陰性 矽 格 表示 此舉 系 因應 陸續 發生 的 外籍 移 工 新冠肺炎 確診 事件 及 為 確保 員工 健</t>
  </si>
  <si>
    <t>電動車 大廠 特斯拉 tesla inc 執行長 馬斯克 elon musk 13 日 推 文 表示 他 在 同一天 接受 4 次 新冠肺炎 病毒 篩檢 結果 兩 次 陰性 兩 次 陽性 他 說 這事 非常 詭異 bogus 並 提到 自己 只 有 典型 感冒 症狀 其他 沒有 什麼 異狀</t>
  </si>
  <si>
    <t>雲 林縣 12 日 新增 1 名 本土 確診 案 案 12838 為 雲 林縣 麥寮 鄉 台塑 六 輕工業 區 員工 9 日 回 高雄 住處 11 日 在 高雄 就 醫 確診 與 案 12838 住 在 工業區 同 棟 宿舍 的 142 名 員工 返回 高雄 過 端午 連 假 12 日 在 高雄 市政府 要求 下 以 遊覽車 將 142 名 員工 載 回 六 輕工業 區 篩檢 對此 雲 林縣 政府 衛生局 表示 已 請 六輕 盡 速 進行 快 篩 案 12838 為 42 歲 男性 在 六 輕工業 區 上班 平日 住 在 工業 區內 宿舍 本月 5 日 出現 腹瀉 偏 頭痛 關節 酸痛 等 症狀 7 日 曾 前往 工業區 福利 大樓 醫務室 就診 9 日 回 高雄 住家 11 日 出現 發燒 症狀 到 醫院 快 篩 為 陽性 pcr 檢驗 結果 為 陽性 ct 值 22 目前 於 醫院 治療 中 還 找 不 到 感染 源 據 瞭解 與 案 12838 住 在 同 1 棟 宿舍 的 142 名 員工 陸續 返回 高雄 住家 原本 公司 要求 他們 自行 到 醫院 快 篩 但 12 日 晚上 公司 又 通知 他們 搭乘 公司 雇用 的 遊覽車 連夜 返回 六 輕工業 區 快 篩 雲 林縣 政府 衛生局 表示 高雄市 可能 是 為了 減少 返鄉 人潮 加上 這 142 名 員工 還 未 全數 完成 快 篩 所 才 請 公司 把 他們 送回 六 輕工業 區 快 篩 防疫 不分 縣 市 雲 林縣 衛生局 11 日 已 請 六輕 進行 全面 普 篩 不 願 透露 姓名 的 六輕 員工 說 原本 想 回 高雄 過 端午 但 為了 避免 防疫 破 口 也 只能 依照 公司 規定 回 工業區 快 篩 只 是 端午節 假期 就 這樣 泡湯 了</t>
  </si>
  <si>
    <t>新冠 病毒 在 全球 如火如荼 延 燒 眾 所 關切 的 是 全球 疫情 對 臺灣 的 影響 為何 我國 前 3 月 表現 雖 亮麗 未來 將 面臨 哪些 挑戰 應有 何 系統化 的 因應 作為 剖析 全球 疫情 不難 發現 一 愈 早 著 手 具體 防疫 措施 降低 疫情 的 宏 效 也 愈 大 二 若 能 掌 控 新冠 病毒 確定 病例 的 感染 源 達 愈 高 百分比 與 其後 徹底 追蹤 防治 作為 如 南韓 在 高 危險區 與 高 危險 群 的 病毒 偵 測 與 全面 接觸 史 追蹤 檢測 仿 天花 根絕 前 的 偵 測 與 圍剿 策略 病例 數 愈易 驟降 三 各國 民眾 的 教育 水準 公共 衛生 與 健康 保險 體制 群 聚 病例 多寡 與 持久 性 醫療 應對 湧現 病例 的 處理 能力 科技 團隊 研發 力及 專業 建議 與 民情 上達 決策者 之 速 被 採納率 均 決定 疫情 的 嚴重度 與 致死 率 臺灣 疫情 明顯 地 隨 著 全球 流行 而 無 明確 感染 源 的 病例 正 快速 上升 有些 病例 的 發病 日 至 確診 日 過長 如 第 268 病例 其 防疫 難度 也 將 愈 大 令人擔憂 的 是 許多 年輕人 駐足 的 餐飲店 娛樂場所 仍 大排長龍 店 內 高堂 滿座 彼此 卻 沒 足夠 的 距離 尤其 大學生 與 研究 人員 旅遊 回台 後 致 生 病例 在在 顯示 登機 前 與 機內 的 宣導 不足 導致 防疫 漏洞 再 加上 清明節 將 至 學校 春假 大陸 早期 重災區 的 陸續 解封 與 勞動節 長假 暑假 旅遊 季 恰遇 新冠 病毒 可 在 南美 冬季 發 威及 後續 民間 活動 等 我國 未來 挑戰 的 變數 仍 大 面對 下 一 波 的 新冠肺炎 疫情 挑戰 我們 必須 要 有 更 積極 的 前瞻 作為 一 我國 即將 進入 腸病毒 日本 腦炎 與 登革熱 的 流行 季 須以 傳染病 整體 觀 來 防疫 如 類似 病徵 需 采 檢 二 記者會 宜 由 疾 管署 全權負責 並 公佈 臺灣 北 中 南 東區 及 人口 密集 機構 的 0 1920 3940 5960 79 及 80 歲 以上 共 5 年齡層 的 輕 症 發燒 上呼吸道 病症 發燒 上呼吸道 病症 與 重症 呼吸困難 肺炎 症候 群 偵 測 每週 資料 敦促 醫療 單位 對 高風險 群 能 及早 提供 治療 降低 重症 及 死亡率 三 交通部 必須 在 陸 海 空 運輸 上 播 影片 實例 宣 導 居家 檢疫 四 行政院 科 發 基 管會 應 協調 科技 部 衛福部 與 國衛院 統 整 新冠 病毒 的 科研 內設 病毒 免疫 臨床 流行病 衛生 教育 與 衛生 政策 共 6 組 並 就 快 篩檢驗 試劑 抗 病毒 藥劑 與 疫苗 研發 規 畫 國家隊 的 進度 經 國際 合作 以 臺灣 優勢 如 生產 gmp 藥劑 和 疫苗 協助 國際 早日 制出 足量 疫苗 臺灣 也 能 優先 享用 五 不同 風險 層級 者 的 采 檢 求醫 與 治療 宜有 全盤 規 畫 綜 言之 我國 至 今 的 防疫 策略 在 病例 數 少時 易見 成效 未來 必須 整合 臨床 基礎醫學 與 公共 衛生 以 基層 跨 域 專業 諮 詢團 與 科研 審慎 態度 尋找 防疫 漏網 處 與 風險 評估 並 備 妥 醫技 檢驗 呼吸道 病 患 的 醫療 照 護 與 公共 衛生防疫 人力 尤 要 考慮 不同 病原 的 共同 流行 的 防控 作者 金傳春 為 台 大公共 衛生 學院 兼任 教授 暨 臺灣 公共 衛生 促進 協會 顧問 顏慕庸 為 臺北市立聯合醫院 感染 科 醫師 詹大千 為 中央研究院 人文 社會科學 研究 中心 副 研究員 顧家 綺 為 台大醫學院 免疫 所 副教授</t>
  </si>
  <si>
    <t>隔壁 男 房客 返國 第二 天 發燒 卻 沒 篩檢 黃珊珊 前 一 天 剛 采 檢</t>
  </si>
  <si>
    <t>新冠肺炎 肆虐 全球 這次 高齡 及 有 慢性病 的 被 視為 感染 高風險 族群 而 在 荷蘭 1 位 101 歲 婦女 確診 後 經 治療 已 康復 出院 被 醫院 喻為 希望 的 火花 根據 路透 報導 這 名 101 歲 婦女 在 一 周 前因 呼吸困難 入住 位於 鹿特丹 的 艾 瑟蘭 醫院 ijsselland hospital 病毒 篩檢 後 反應 呈 陽性 經 住院治療 這 位 百 歲 人瑞 已 康復 出院 醫院 表示 這 位 女士 將 回老家 休養 一 位 肺部 疾病 專家 指出 這 位 101 歲 婦人 是 位 堅強 的 女士 很 高興 她 在 治療 期間 能 聽從 醫生 建議 甚至 還 告訴 我 打噴嚏 要 保持 適當 距離 也 替 這 這 位 婦人 感到 開心 已 康復 出 院 更 多 ctwant 報導</t>
  </si>
  <si>
    <t>新冠肺炎 臺灣 篩檢 不斷 控制 疫情</t>
  </si>
  <si>
    <t>1 小時 3 人 急診 醫 曝 連 假 後 篩檢 潮 驚人</t>
  </si>
  <si>
    <t>清明連 假期 間 不少 國人 到 各 大 熱門 景點 趴 趴 走 連 假 過後 急診 呼吸道 症狀 患者 暴 增 陽明醫學 博士 胸腔 重症 醫師 蘇一峰 爆 料 短短 一 小時 內 就 來 了 三 個 連 假 出遊 後 發生 呼吸道 症狀 的 患者 預估 連 假 後 的 大量 篩檢 潮 將 出現 蘇</t>
  </si>
  <si>
    <t>國防部 規劃 這 批 17 具 自動化 核酸 分析儀 將 優先 部署 於 執行 長期 偵 巡 任務 之 船 艦 單位 外 離 島 偏遠 單位 及 各 作戰區 國 軍醫 院 俾 利 單位 醫官 運用 小型 自動化 核酸 分析儀 設備 針對 疑 似 出現 新冠肺炎 各類 症狀 之 出勤 官兵 實施 早期 采 檢 及 初步 診斷 以利 及時 通報 應處 精進 國 軍 防疫 整備 工作 據 瞭解 這 批 新 購 的 小型 自動化 核酸 分析儀 是 運用 熱 隔絕 恒溫 聚合 酶 連鎖反應 技術 insulated isothermal pcr iipcr 進行 核酸 擴 增 反應 具有 無須 反 覆 加熱 及 冷卻 反應 條件 單純 設備 體積小 及 反應時間 短 85 分鐘 等 優點 可 同時 檢測 8 個 檢 體 並 具備 自動 除 汙 消毒 功能 避免 人員 感染 及 後續 檢測 污染 另 設備 體積小 適合 部署 於 空間 狹窄 之 船 艦 單位 亦可 依 任務 彈性 調撥 至 須采檢 之 其他 單位 國防部 軍醫 局 表示 自動化 核酸 分析儀 已 完成 採購 及 交貨 並 配發 海軍 外 離 島 及 各國 軍醫 院 合計 17 台 亦 完成 專責 操作 人員 教育 訓練 共計 3 場次 141 人次 參與 國防部 說 自動化 核酸 分析儀 設置 後 可因 應 疫情 由 單位 專責 人員 即時 進行 疑 似 個案 初步 篩檢 強化 適切 之 防疫 應 處 作為 確 維 官兵 健康 並 持續 執行 國軍 各項 年度 戰演訓 任務</t>
  </si>
  <si>
    <t>台中 市 清水區 一 處 社區 6 日 晚間 傳出 有 住戶 確診 covid-19 被 安置 到 醫院 隔離 治療 對此 台中 市 衛生局 指出 是 5 名 孟加拉 籍 船員 租 屋 在 此 已 解 隔離 後 要 再 登 船 做 pcr 篩檢 未 料 5 人 中 有 1 人 為 陽性 令 人 憂心 的 是 其中 1 人 10 月 29 日 入</t>
  </si>
  <si>
    <t>慈濟 大學 一 位 學生 因 咳嗽 呼吸道 感染 且 有 發燒 症狀 懷疑 染 上 新冠肺炎 經慈濟 醫院 篩檢 並 安排 胸腔 科 診斷 確認 感染 的 是 肺結核 雖 虛驚一場 不過 肺結核 傳染 力 很 強 花蓮縣 衛生局 在 學校 配合 下 大規模 召回 一百 多</t>
  </si>
  <si>
    <t>慈濟 大學 一 位 學生 因 咳嗽 呼吸道 感染 且 有 發燒 症狀 懷疑 染 上 新冠肺炎 經慈濟 醫院 篩檢 並 安排 胸腔 科 診斷 確認 感染 的 是 肺結核 雖 虛驚一場 不過 肺結核 傳染 力 很 強 花蓮縣 衛生局 在 學校 配合 下 大規模 召回 一百 多 名 學生 返校 拍 肺部 x 光 片 學生 則 表示 雖然 被 臨時 召回 感到 錯愕 但 支持 校方 作法 因 新冠肺炎 慈濟 大學 稍 早 已 宣佈 門 禁 除了 師生 與 洽 公 外 外人 無法 進入 校 區 昨天 慈濟 醫院 安排 x 光 車開進 校園 大喜 館前 停 駐 許多 學生 陸續 報 到 學生 告訴 媒體 接 獲 校方 重要 通知 指 近期 有 一 位 同學 因 確診 肺結核 為了 讓 同學 對此 疾病 有所 瞭 解 安排 實體 說明會 結束 後 進行 胸部 x 光 檢查 時間 4 月 22 日 還 叮嚀 學生 攜帶 健 保 卡 花 蓮 縣 衛生局 副 局長 鍾 美 珠 證實 慈 大學生 感染 肺結核 她 說 該 大學生 3 月 9 日 因 咳嗽 呼吸道 感染 還有 發燒 等 症狀 就醫 疑 似 染上 肺結核 轉 慈濟 醫院 胸腔 科 確診 當時 入院 就醫 已 先 辦理 休學 至 3 月 30 日 轉回 南 衛生 福利 部院 胸腔 病院 接續 治療</t>
  </si>
  <si>
    <t>基隆 市長 林右昌 日前 表示 要 各院 a 1 醫護人員 與 基層 診所 醫師 全面 施打 疫苗 如此 才能 守護 醫療 人力 確保 醫療 量 能 充足 他 在 今日 進一步 表示 全市 共有 701 位 a 1 醫護人員 目前 已 有 400 位 施 打 完畢 扣除 私人 因素 不便 接種 外 預計 明天 中午 之前 會 全部 打完 林右昌 下午 與 基隆 長庚醫院 三軍 總 醫院 基隆 分院 部 立 基隆醫院 礦工 醫院 市立 醫院 開會 決議 長 庚未 來 收治 重症 病 患 輕 症 無 症狀 患者 則 往 其他 醫院 送 以 分流 來 確保 醫療 能量 4 大 醫院 的 篩檢 站 也 會 與 急診室 保持 距離 避免 影響 常態 急診 功能 林 再次 呼籲 2 類人 要 做 篩檢 與 確診 者 有 接觸 史 或有 上呼吸道 發燒 症狀 才 符合 去 之前 要 先 撥 打 衛生局 專線 通報 由 市府 安排 篩檢 地點 時間 不要 抱 著 篩 看看 的 心情 此外 明天 中午 之前 全市 701 位 直接 或 間接 照顧 確診 個案 的 a 1 醫護人員 將 全數 接種 疫苗</t>
  </si>
  <si>
    <t>新冠肺炎 疫情 在 南韓 急遽 攀升 這 段 時間 內 確診 病例 數 已 遠遠 超越 日本 但 臺灣 網友 卻 指出 大家 看 到 南韓 病例 數 炸裂 但 這 是 靠 政府 積極 篩檢 可見 韓國政府 做 得 比 日本 好 吧 近日 南韓 新冠肺炎 疫情 嚴峻 原 po 卻 在 ptt</t>
  </si>
  <si>
    <t>新冠肺炎 疫情 在 南韓 急遽 攀升 這 段 時間 內 確診 病例 數 已 遠遠 超越 日本 但 臺灣 網友 卻 指出 大家 看 到 南韓 病例 數 炸裂 但 這 是 靠 政府 積極 篩檢 可見 韓國政府 做 得 比 日本 好 吧 近日 南韓 新冠肺炎 疫情 嚴峻 原 po 卻 在 ptt 八卦 版 發文 韓國政府 做 事情 比 日本 好 吧 他 認為 相較 日本 不 積極 的 隔離 和 檢驗 韓國 做 的 還 比較 好 畢竟 韓國 也 政黨 輪 替 好幾 輪 了 不 像 日本自民黨 幾乎 算 萬年 執政 一 堆 官 二 代 政 二 代 一般 年輕人 根本無法 參與 政治 跟 韓國比 起來 不算 真正 的 民主 吧 雖然 韓國 也 有 財閥 的 問題 就 是 了 可見 民主 政治 政府 的 公務員 素質 反而 比較 高 吧 底下 網友 看到 後 也 紛紛 回應 韓國 猛 驗 日本 敷衍 印尼 裝 死 至少 韓國 態度 跟 應對 有 在 緊張 日本 根本 已 放棄 中央 厚 勞省 只 會 裝 死 日本 為了 奧運 直接 放 推 黑 數 很多 日本 黑 數超 多 要 自費 8萬 日元 驗 驗</t>
  </si>
  <si>
    <t>民間 防疫站 社區 傳播 風險 飆 高 釣 出 輕 症 者 醫 籲 開放 新冠 自費 篩檢</t>
  </si>
  <si>
    <t>采 檢 醫院 篩檢 輕 症 傳播</t>
  </si>
  <si>
    <t>新冠肺炎 疫情 大 爆發 各國 亟需 即時 檢測 產品 總部 坐落 在 丹麥 哥本哈根 的 柏勝生 技 已 成功 開發新冠肺炎 病毒 血清 檢測 設備 不 只能 在 12 分鐘 內 快 篩 甚至 也 可 應用 于 社區 回溯 與 檢測 疑 似 無 症狀 患者 這項 技術 平臺 預計 在 5 月 取得 歐盟 與 臺灣 認證 力拼 盡 速 上市 協助 全球 抗 疫 柏 勝 生 技 blusense diagnostics 成立 於 2014 年 是 科技 部 萌芽 計 畫 衍生 的 新創 公司 並 已 獲 台安生 技 及 廣明 光電 投資 該 公司 生化 研發 基地 座落 於 丹麥 哥本哈根 軟 硬體 研發 中心 與 設備 生產 則 位於 臺灣 桃園 柏 勝 生 技 執行 副總 孫偉芸 表示 團隊 僅 以 3 周 的 時間 3 月初 便 完成 血清 檢測 碟片 開發 並 在 中壢 天 晟 醫院 協助 下 持續 優化 檢測 系統 上周 於 丹麥 第二 大 醫院 hvidovre hospital 執行 初步 的 臨床 驗證 靈敏度 高 達 9 成 結果 令 當地 醫生 十分 振奮下 周將 在 義 大利 醫院 將 完成 更 大量 的 臨床 驗證 預計 最 快 在 5 月 取得 歐盟 與 臺灣 認證 孫偉芸 也 提到 柏勝生 技 發展 出 兼具 高 準確性 攜帶方便 與 操作 簡易 的 產品 僅 需 受測者 一 滴 血液 作為 檢 體 12 分鐘 即 可 取得 定量 且 高靈敏度 與 專一性 的 檢測 結果 至於 研發 施 測 的 檢 體 來自 丹麥 共有 15 例 其中 10 例 為 陽性 5 例 為 陰性 至於 新冠肺炎 病毒 的 篩檢 孫偉芸 說 其中 一個 是 檢測 igm 即是 感染 初期 出現 的 抗體 可 用於 疑似病例 早期 篩檢 igg 則 於 感染 中後期 出現 可 瞭解 患者 處於 恢復期 或 是否 曾 被 感染 孫偉芸 也 提到 這次 研發 的 血清 檢測 碟片 可 在 臨床 上 同時 檢測 igm 與 igg 動態 瞭解 患者 處於 何種 感染 階段 不只 可 用於 社區 回溯 甚至 也 能 檢測 疑 似 無 症狀 患者 以及 確認 病 患 是否 已 無 傳染 力 是否 符合 出院 標準 這項 施 測 碟片 攜帶 與 操作 十分 便利 適合 於 機場 港口 等 第一 線 防疫 場所 使用</t>
  </si>
  <si>
    <t>臺灣 新冠肺炎 疫情 趨 緩 防疫 措施 曾 獲 多國 肯定 不過 一 位 剛 從 英國 返台 的 網友 發文 表示 就 他 自己 所見 臺灣 現在 防疫 超 鬆懈 下機 只 量 體溫 防疫 專車 的 司機 也 沒 照 標準 程式 做 居家 檢疫 回報 全憑 良心 想 自費 篩檢 還 難 符</t>
  </si>
  <si>
    <t>臺灣 新冠肺炎 疫情 趨 緩 防疫 措施 曾 獲 多國 肯定 不過 一 位 剛 從 英國 返台 的 網友 發文 表示 就 他 自己 所見 臺灣 現在 防疫 超 鬆懈 下機 只 量 體溫 防疫 專車 的 司機 也 沒 照 標準 程式 做 居家 檢疫 回報 全憑 良心 想 自費 篩檢 還 難 符 資格 引發 熱 議 網友 在 ptt 上 發文 表示 我 就 是 海龜 也 不怕 你們 罵 之前 因為 疫情 嚴重 隔 了 3 個 月 才 從 英國 搭 飛機 回 臺灣 他 一直 覺得 自己 不是 無 症狀 就 是 有 可能 早 得 過 新冠肺炎 而 他 想 說 回來 後 可以 被 篩檢 結果 並 沒有 原 po 表示 先 不說 那個 確診 的 日本 女 學生 就 他 看到 的 狀況 來講 之前 有 班 機時 幾乎 每班 都 有 好幾 個 確診 而 這次 滯留 英國 的 人 擠 滿一台 飛機 回來 就 他 的 看法 和 某些 臺灣人 的 習慣 這 台 飛機 不太可能 大家 都 沒 事 原 po 指出 抵 台後 以為 會 有 嚴格 的 檢查 結果 出關 下機 幾乎 都 沒人管 僅 簡單 地量 體溫 如此 若 有 人 吃 退燒藥 恐怕 也 無從 得知 而 防疫 專車 根本 就 普通 小 客車 司機 超 隨便 路上 還 問 是否 要 在 休息區 上 廁所 雖然 也 有 朋友 說 他 搭 到 的 很 專業 原 po 接 著 說 居家 檢疫 回報 資料 是 自己 填 你 亂 填 恐怕 也 沒人 知道 對 14 天 後 都無 症狀 的 人 而言 他 恐怕 還 是 不 知道 自己 有 病 也 不 知道 有無 傳染給 別人 而 自費 篩檢 的 條件 基本上 大家 都 不符 資格 啦 奉勸 大家 外出 還是 要 好好 戴 口罩 貼 文 引發 網友 討論 其實 臺灣 真的 靠 良心 防疫 臺灣人 神功 護 體 你 發 這 篇 害 我 今天 晚上 怕 到 睡 不 著 佛 系 防疫 你 敢 嘴 這 太 扯 啦 海龜 政府 沒 介入 強制 篩檢 沒 辦法 人性 啊 鬆懈 了</t>
  </si>
  <si>
    <t>新竹 縣 6 日 新增 3 例 確診 個案 住 峨眉鄉 的 40 多 歲 男子 為 京元 電子 員工 由 公司 安排 采 檢 後 陽性 確診 居家 隔離 的 30 歲 婦人 和 50 多 歲 婦人 分別 為 萬華 接觸 史和 機構 群 聚 確診 者 的 家人 居家 隔離 後 采 檢 陽性 確診 縣長 楊文科 表示 這 名 京 元 電子 員工 出現 咳嗽 發燒 4 日 由 公司 安排 快 篩 陽性 昨 pcr 檢測 結果 陽性 送至 集中 檢疫所 隔離 治療 工作 接觸 者 由 公司 匡列 同 住 家 人 2 人 匡列 居家 隔離 並 曾戴 口罩 到 過 峨眉鄉 富興村 隆 聖 宮 苗栗縣 頭份 鎮 聯社 中 正路 232 號 統一 超 商 竹北市 30 多 歲 女性 是 萬華 接觸 史 確診 者 的 媳婦 居家 隔離 期間 均 無 症狀 昨 隔離 期滿 前 采 檢 為 陽性 確診 隨即 送醫 隔離 治療 因 她 居隔 無 接觸 者 無 公共 活動 史 返家 等待 采 檢 結果 時 與 3 名家 人 有 接觸 匡列 3 人 居家 隔離 另外 竹北市 50 多 歲 婦人 平時 就 在 機構 內 陪 病 照顧 丈夫 丈夫 確診 後 被 匡列 居家 隔離 4 日 出現 咳嗽 悶熱 有 肺部 浸潤 情形 收治 負 壓 檢測 結果 為 陽性 確診 就地 隔離 治療 另外 5 日 公佈 寶山鄉 2 名 京 元 電子相關 案例 案 是 一對 母女 40 多 歲 母親 是 京元 電子 員工 出現 身體 酸痛 頭痛 和 四肢 過敏 但 未 就醫 2 日 和 20 多 歲 女兒 一起 出現 發燒 症狀 4 日 檢測 結果 均 陽性 確診 隨即 送往 負 壓 隔離病房 治療 母女倆 足跡 有 寶山鄉 新豐 宮 生活 圈 公園 全程 戴 口罩 寶 新路 統一 超 商 和 新竹 市 高峰 路 統一 超 商 楊 文科 說 因應 苗栗移 工 群 聚 事件 新竹 縣 將 強化 篩檢 量 能 下 周將 會 在 湖口 工業區 縣府 前 外 廣場 及 竹東 地區 暫定 樹 杞 林 廣場 新增 3 個 免費 社區 篩檢 站 為 高風險 的 民眾 提供 服務 有鑒於 竹 竹苗 疫情 持續 升溫 竹 縣府 與 新竹 市 及 苗栗縣 組成 竹 竹苗 防疫 作戰 聯盟 提升 醫療 量 能 圍堵 病毒 的 擴散 外 楊文科 呼籲 鄉親 配合 五大 防疫 措施 一 在家 戴 口罩 用餐 不 共 餐 碗筷 不 共用 浴 廁 分 艙 分流 避免 家庭 群 聚 二 食物 線 上 買 購物 少次多 買 及 一 次 買 足 並 落實 老年人 在家 不 出門 購物 由 年輕人 外出 採買 減少 出門 接觸 病毒 機會 三 外出 採買 儘量 用 信用卡 結 帳 碰 觸 的 物品 金錢 包裹 及 手部 一定 要用 酒精 徹底 消毒 及 洗手 四 不要 拜訪 親友 不要 移動 及 社交 以 手機 視 訊 問候 取代 聚會 五 手機 及 貼身 用品 一定 要 時常 消毒 楊 文科 最後 懇讬 鄉親 接下來 的 端午 連 假 一定 要 避免 跨縣 市 返鄉 探親 在外 工作 和 就學 的 民眾 也 請 暫時 忍耐 不要 返鄉 請 大家 簡化 傳統 的 祭拜 習俗 也 儘量減少 到 傳統 市場 採買 所有人 配合 避免 群 聚 和 移動 疫情 才能 有效 控制 共同 期待 疫苗 全面 施打</t>
  </si>
  <si>
    <t>北 市府 今 公佈 4 例 確診 足跡 其中 案 15680 與 案 15681 為 父子 兒子 案 15680 在 知名 手搖 飲料店 約翰 紅茶 公司 擔任 工讀生 父親 案 15681 為 美國在台協會 ait 油 漆工 已 打過 2 劑 bnt 疫苗 仍 確診 目前 已 匡列 12 名 ait 相關 人員 北 市府 疫 調 時 發現 手搖 店 工讀生 的 父親 案 15681 為 ait 油 漆工 已 施 打過 2 劑 bnt 疫苗 但 仍 確診 北 市府 發言人 陳智菡 證實 總共 匡列者 為 18 人 包含 家人 共 6 人 ait 保養 組員 工 12 人 並 聯繫 ait 保養 組長 護理 師 進行 清 消 作業 陳 智菡 指出 確診 工讀生 案 15680 是 被 朋友 新北 確診 者 案 15655 傳染 而 確診 工讀生 與 確診 ait 油 漆工 父親 于 7 月 25 日 一同 就醫 篩檢 陽性 確診</t>
  </si>
  <si>
    <t>本土 疫情 不斷 升溫 截至 2 日 已 有 149 人 死亡 超越 sars 時期 紀錄 國民黨 立 委 鄭麗文 指出 沒有 全面 篩檢 官僚 文化 處處 阻擋 全 臺灣 不敢 逆 時 中 是 臺灣 防疫 失敗 的 三大 主因 痛 批在 衛福部 部長 陳時 中的 帶領 下 指</t>
  </si>
  <si>
    <t>國內 新冠肺炎 疫情 持續 延 燒 雖然 屏 東縣 已 連 4 天 嘉玲 但 為 維護 前線 防疫 人員 安全 屏 東 縣政府 自籌經費 為 全縣 4396 名 防疫 人員 加 保 防疫 險 此外 經 中央 撥 配 第二 波 5600 劑 疫苗 到位 除 部分 優先 第一線 醫護人員 施打外 並 擴 及 第二 類 警 消 及 清潔 隊員 屏 東 縣長 潘孟安 表示 疫情 延 燒 之際 第一線 篩檢 診療 醫護人員 風險 最 大 為 保持 醫 事 人力 維護 醫療 照 護 量 能 現階段 疫苗 以 醫護人員 為 優先 施打 對象 屏 縣 上周 獲 中央 撥 配 4000 劑 新冠肺炎 疫苗 5 月 28 日 起 已為 第一 線 醫護人員 施 打 5 月 31 日 晚 第二 波 5600 劑 疫苗 到位 其中 2100 劑 仍 由 醫護人員 施 打 3500 劑 則 撥 配給 33 鄉鎮 市 衛生所 讓 消防 海巡 員警 及 清潔 隊員 施打 潘孟安 強調 屏 東 目前 分配 到 的 疫苗 不足以 支 應縣 內需 求 縣府 雖 尊重 中央 調度 但 仍 將 繼續 向 中央 爭取 以 維護 第一線 防疫 人員 健康 守 住 疫情 防線 此外 潘也 指出 前線 防疫 人員 不論是 醫護 警 消 清 消 等 都 暴露 在 高風險 環境 中 為 體恤 防疫 人員 縣府 為 所屬 一級 機關 及 各鄉鎮 市公所 第一線 執行 防疫 的 工作人員 投保 防疫 保險 保障 內容 包括 隔離 期間 或 確診 住院 期間 相關 補助 期望 提供 最 優質 保障 此次 防疫 險 對象 包括 各鄉鎮 市公所 環境 清潔 消毒 人員 衛生局 執行 疫 調 及 防疫 人員 民間 專責 醫院 醫護人員 社區 篩檢 站 醫護 等 共計 4396 人 潘孟安 感謝 所有 在 防疫 第一線 堅守崗位 的 夥伴 拼 全力 守護 家園 也 請 大夥 務必 配合 做 好 防疫 成為 他們 最 強 後盾</t>
  </si>
  <si>
    <t>屏 東縣 25 日 公佈 新增 4 例 本土 確診 者 及 2 例 臺北市 彰 化 縣 確診 者 來 屏 足跡 共 匡列 43 名 接觸 者 檢疫 及 隔離 其中 案 號 5466 為 先前 公佈 確診 4226 號 的 胞兄 案 5464 為 4755 的 妻子 都 是 親友 感染 屏 東 縣長 潘孟安 則 提醒 民眾 這 段 期間 減少 不必要 的 出門 群 聚 或 互訪 多利 用 電話 及 視 訊 以免 形成 防疫 破 口 衛生局 指出 546657 歲 潮州鎮 男子 因 疾病 平時 起居 均 由 4226 照料 或 至 外甥 經營 的 早 午餐 店 用餐 在 4226 確診 後 被 通知 居家 隔離 5 月 23 日 搭 防疫 計程車 至 醫院 采 檢 24 日 確診 活動 足跡 範圍 多 在 早 午餐 店 及 潮州 河濱公園 等 處 案 號 546460 歲 婦女 是 4755 妻子 先生 4755 曾 與 4465 駕車 前往 台東市 旅遊 23 日 確診 5464 采 檢 後 24 日 也 確診 而 5464 在 學校 任職 因 學校 停課 中 沒有 接觸 到 學生 衛生局 疫 調 5 月 20 日 至 24 日 足跡 除了 往返 學 校外 曾至 內埔鄉 驗 車 屏東市 建國 市場 屏東市 全聯屏 東 自由 門市 屏東市 統一 超 商 光榮 門市 等 處 案 號 546576 歲 萬巒鄉 婦人 5 月 20 日 出現 咳嗽 頭痛 頭暈 等 症狀 自行 騎 乘 電動 代 步車至 診所 就醫 5 月 24 日 因 症狀 未 改善 轉 往 醫院 治療 陪同 的 女兒 同時 匡列采 檢 至 深夜 才 確診 為 案 號 5463 衛生局 疫 調 發現 5465 婦人 平常 活動 範圍 在 萬金 聖母 聖殿 周圍 市場 買 菜 聊天 但 5463 女兒 由 臺北市 萬 華 返 屏 她 在 北部 期間 曾 與 臺北市 確診 案 3258 接觸 詳細 足跡 仍 在 疫 調 厘 清中 此外 平 屏 縣府 衛生局 接 獲 彰 化 衛生局 通報 案 號 492469 歲 男子 曾於 5 月 21 日 與 友人 駕車 至 屏 東縣 九如鄉 等 地 並 至 萬巒鄉 海 鴻 豬腳 萬巒 鄉民 和 路 16 號 用餐 已經 進行 環境 清 消 案 號 477754 歲 女子 曾於 在 臺北市 萬 華 地區 活動 她 在 北市 采 檢 後 即 南下 恒 春 找 親友 並 協助 農園 工作 衛生局 5 月 24 日 接 獲 臺北市衛生局 確診 通報 後 疫 調 在 縣 內 足跡 包括 恒春鎮 赤 牛 嶺 廟 屈臣氏 全聯 正 一大 賣 場 黃昏 市場 等 處 目前 所有 確診 者 足跡 均 完成 消毒 衛生局 進一步 交叉 比對 分析 屏 東縣 本土 病例 大致 有 二 個 群 聚 感染 源 一 是 曾有 萬 華 旅遊 史 的 全縣 首例 3037 至今 群 聚 感染 9 人 確診 另 一個 是 4465 台 東 旅遊 該案 同 車 6 人 現 已 有 3 人 確診 1 人 妻子 也 因 接觸 而 感染 累計 4 人 屏 縣 衛生局 也 公佈 潮州 快 篩 站 篩檢 狀況 24 日 篩檢 98 人 25 日 上午 97 人 共 195 人 全部都是 陰性 但 發現 申請 快 篩 者 以 年輕人 居多 潘孟安 希望 符合條件 的 長輩 也 能 儘快 出來 快 篩</t>
  </si>
  <si>
    <t>美國 民眾 持續 接種 新冠肺炎 疫苗 但 施打 進度 近日 出現 放緩 跡象 美國 高階 衛生 官員 敦促 更 多 民眾 接種 疫苗 根據 美國 疾病 管制 預防 中心 cdc 資料 顯示 過去 一 周 美國 每日 平均 施打約 280萬 劑 疫苗 低於 4 月初 的 平均 320萬 劑 美國 每週 平均 施 打的 疫苗 數量 自 2020 年 12 月中 起 呈現 上升 趨勢 但 上周 資料 卻 下滑 美國 接種 首 劑 疫苗 的 7 日 平均數 更 由 4 月 11 日 的 190萬 劑 降 至 4 月 17 日 的 140萬 劑 美國 約 有 286 的 民眾 已經 打完 兩劑 疫苗 還有 422 的 人口 至少 接種 一 劑 疫苗 然而 各州 疫苗 接種 進度 不一 緬 因 州 有 362 的 民眾 完成 兩劑 疫苗 接種 但 阿拉巴馬州 的 資料 僅 有 217 根據 約翰霍普金斯大學 統計 截至 26 日 美國 新冠肺炎 確診 案例 超過 3200萬 人 死亡 人數 逾 572萬 人 美國 25 日 的 新增 確診 案例 不 到 32萬 例 低於前 一 日 的 53363 例 不過 值得注意 的 是 週末 接受 篩檢 的 人數 較 少 新增 案例 往往 也 較 低 截至 24 日 美國 每日 新增 確診 案例 的 7 日 平均 數 為 59586 例 14 日 平均 為 63830 例 7 日 平均值 低於 14 日 平均值 是因為 自 4 月 17 日 起 美國 的 確診 人數 下滑 至於 多少 人 接種 疫苗 才能 達到 群體 免疫 各界 估算 各不相同 但 許多 衛生 專家 將 接種 率 70 至 80 視為 目標 鑒於 美國 疫苗 施打 速度 放緩 美國 高階 衛生 官員 敦促 民眾 接受 疫苗 接種 並 警告 對 疫苗 接種 猶豫不決 將 影響 美國 阻止 新冠肺炎 病毒 擴散 的 努力 美國國家衛生研究院 nih 院長 柯林斯 francis collins 25 日 表示 如果 想要 徹底 擺脫 新冠肺炎 需要 全 美 民眾 齊心協力 實現 該 目標 此外 拜登 內閣 首席 醫療 顧問 佛 奇 anthony fauci 亦 表示 美國 整體 疫苗 施打 進展 不錯 但 新增 確診 人數 仍 構成 危險</t>
  </si>
  <si>
    <t>基隆 市 新增 1 例 本土 確診 個案 是 家庭 群 聚 延伸 累計 279 例 市長 林右昌 表示 已 連續 6 天 確診 數 都 在 5 以下 若 疫情 持續 穩定 成功 仁愛 市場 將 分別 於 6 月 2324 日 複市 林右昌 公佈 確診 案例 案 14084 為 70 多 歲 女性 由於 親人 確診 被 匡列 居家 隔離 12 日 第一 次 采 檢 陰性 19 日 身體 不適 安排 就醫 采 檢 確診 目前 收治 醫院 治療 疫情 有 趨 緩 情勢 林右昌 提及 6 月初 成功 仁愛 市場 爆出 群 聚 感染 目前 未再 新增 案例 他 說 成功 市場 6 月 6 日 新增 1 例 確診 個案 當時 pcr 采 檢 129 人 其中 6 人 陽性 皆 為 攤 商 匡列 89 人 居家 隔離 潛伏期 將 屆 若 一切順利 市場 會 於 6 月 23 日 複市 而 仁愛 博愛 市場 6 月 7 日 因 成功 市場 確診 攤販 前來 擺攤 淪陷 市府 下令 休 市 並 采 檢 315 人 其中 8 人 陽性 包括 1 名 攤 商 2 名 外勞 4 名 外勞 接觸 者 1 名 確診 個案 接觸 者 並 匡列 11 人 進行 居家 隔離 林右昌 指出 將 比照 成功 市場 解 隔離 前 會 要求 隔離 者 再 進行 一 次 篩檢 仁愛 市場 最 快 6 月 24 日 解 封 林右昌 說 疫情 有 穩定 趨勢 是 大家 努力 的 結果 但 雙北 確診 個案 仍 偏 多 只 要 一個 城市 沒有 緩 下 還 是 不能 鬆懈 至於 疫情 警戒 是否 應該 降級 他 認為 還是 要 看 雙北 疫情 加上 每日 確診 數 不明 感染 源 有 下降 情勢 才能 進一步 考慮 其中 最 重要 的 還是 施打 疫苗 呼籲 符合 資格 民眾 盡 速 接種</t>
  </si>
  <si>
    <t>環南 市場 群 聚 案 持續 延 燒 新北 市長 侯友宜 今 主持 防疫 會議 表示 新北 市 今日 新增 24 例 本土 確診 其中 16 例 與 北農 和 環南 市場 感染 源 有關 新北 市 現在 最 重要 是 跟 北市 並肩作戰 鼓勵 雙北 市民 都 快速 出來 篩檢 只要 能 把 黑 數 找 出</t>
  </si>
  <si>
    <t>中國 文化 大學 大 倫 館 宿舍 4 人 確診 校方 緊急 成立 應變 小組 臺北市 政府 成立 的 快 篩 機動隊 針對 314 名 留宿 生 進行 快 篩檢測 14 人 快 篩 陽性 令 人 憂心 會 釀 另 一 波 群 聚 感染 時 又 傳出 大 倫 館內 有 學生 翻 找 垃圾桶 找 食物 吃 長</t>
  </si>
  <si>
    <t>台大今 早 發聲明 表示 工 務 室 一 名 員工 於 5 月 18 日 出現 發燒 症狀 傍晚 采 檢 陽性 通知 全 辦公室 接受 采 檢 並 進行 環境 采 檢 及 清潔 消毒 目前 36 人 采 檢 完畢 全數 隔離 其中 有 10 人 的 采 檢 結果 為 陽性 台大醫院 發言人 王亭貴 將 於 上午 11 點 召開 視 訊 記者會 說明 王 亭 貴 表示 5 18 台大醫院 一 位 同仁 發燒 該 名 同仁 平時 負責 修繕 的 業務 並非 是 醫護人員 而 根據 台大醫院 的 規定 院內 任何 同仁 出現 發燒 症狀 就 會 要求 篩檢 因此 該 名 發燒 同仁 按照 規定 篩檢 後 下午 結果 出來 發現 是 陽性 立即 就 匡列 密切接觸 者 與 同 個 辦公室 的 工作人員 最後 不幸 有 10 人 采 檢 結果 為 陽性 其他 非 陽性 的 人 也 都 隔離 14 天 相關 疫 調 持續 進行 中</t>
  </si>
  <si>
    <t>台東 縣政府 衛生局 通報 22 日 公佈 與 台東 有關 的 北部 確診 個案 目前 仍 在 負 壓 病房 隔離 治療 7 位 匡 列 同 住 家人 今日 采 檢 結果 全部 出爐 7 人 皆 為 陰性 持續 居家 隔離 中 縣府 呼籲 鄉親 減少 不必要 的 外出 外出 務必 配戴 口罩 勤洗手 無 症狀 無 接觸 史 無 活動 史 的 鄉親 請勿 前往 篩檢 減輕 醫療 壓力 把 資源 讓給 更 需要 的 民眾</t>
  </si>
  <si>
    <t>嘉 義縣 15 日 新增 1 起 確診 個案 案 13302 是 東石鄉 永 屯 村 7 11 便利 超 商 店員 由於 案 13302 感染 源 不明 嘉義 縣府 今 16 日 啟動 社區 篩檢 除 針對 副 瀨 村 及 永屯村 當地 87 位 匡 列 者 進行 pcr 篩檢 收到 細胞 簡訊 上 千 位 民眾 如有 疑 似 症狀</t>
  </si>
  <si>
    <t>嘉 義縣 15 日 新增 1 起 確診 個案 案 13302 是 東石鄉 永 屯 村 7 11 便利 超 商 店員 由於 案 13302 感染 源 不明 嘉義 縣府 今 16 日 啟動 社區 篩檢 除 針對 副 瀨 村 及 永屯村 當地 87 位 匡 列 者 進行 pcr 篩檢 收到 細胞 簡訊 上 千 位 民眾 如有 疑 似 症狀 可到 衛生 福利 部 樸子 醫院 做 免費 快 篩 嘉義 縣 衛生局 指出 7 11 員工 確診 共 匡列 家庭 及 職 場 24 名 接觸 者 不過 24 人 pcr 檢驗 皆 為 陰性 另 依 書面 實 聯 制 連夜 電話 訪視 340 名 顧客 其中 1 人 自訴 有 症狀 轉 介 篩檢 也 是 陰性 至於 疾 管家 qr code 資料 中的 1218 筆 民眾 皆 以 簡訊 通知 自我 健康 監測 由於 案 13302 感染 源 不明 東石鄉 也 啟動 社區 篩檢 主要 篩檢 者 對象 為副 瀨 村 永屯村 匡列 鄰居 以及 地方 人士 提供 相關 可能 暴露 民眾 以及 紙本 實 聯 制 留 家用 電話 者 聯絡 後 覺得 需要 采 檢 者 約 87 人 可於 今天 和 明天 17 日 下午 2 點 到 5 點 至 東石鄉 衛生所 篩檢 站 采 檢 另 針對 疾 管家 及 紙本 手機 通 聯 民眾 已 發送 簡訊 如有 疑 似 症狀 請 憑 簡訊 至 部 立 樸 子 醫院 於 6 月 16 日 6 月 17 日 6 月 18 日 下午 2 點 到 4 點 共 3 天 進行 快 篩 有 收到 民眾 如 自覺 有 症狀 也 可以 到 樸子 醫院 快 篩 費用 由 縣府 負擔</t>
  </si>
  <si>
    <t>連 8 天 嘉玲 紀錄 中斷 宜 蘭今 2 皆 多次 篩檢 陰性 後 轉 陽</t>
  </si>
  <si>
    <t>資 策 會 產業 情報研究所 mic 針對 2021 年 ict 產業 提出 最新 預估 認為 2021 年 全球 ict 產業 展望 審慎 樂觀 也 分別 點出 半 導體 it 產業 以及 通訊 產業 的 關鍵 惟 疫情 美中關係 仍 扮演 不 確定 因素 資 策 會 mic 認為 2021 年 多數 資 通訊 終端產品 資訊 服務 與 電子 商務 之 市場 將 呈 成長 趨勢 其中 全球通 訊 市場 將 恢復 成長 動能 其 市場 規模 將 成長 107 不過 未來 ict 產 0 業 景氣 仍 須 留意 新冠肺炎 疫情 美中 對抗戰 供應 鏈轉移 等 不 確定性 因素 仍 可能 影響 產業 景氣 資 策 會 mic 資深 產業 顧問 洪春暉 表示 影響 2021 年 半導體 產業 景氣 的 關鍵為 美中 貿易戰 ai 5 g 影響 it 產業 的 關鍵為 零 元件 供應 遠 距 需求 影響 通訊 產業 的 關鍵為 新冠肺炎 疫情 5 g 乾淨 網路 觀察 2021 年 的 半導體 產業 資 策 會 mic 表示 ai 拓展 物聯網 應用 與 5 g 滲透 率 的 提升 有助於 景氣 增 溫 須 留意 上游 供應 鏈 大陸 持續 強化 對 半 導體 垂直 產業鏈 的 投資規模 以及 市場 庫存 水位 過 高 的 隱憂 問題 洪春暉 資深 產業 顧問 表示 需 觀測 近 期中 芯 國際 受 美國 管制 之下 訂單 轉移 至 台廠 產 能 出現 排擠 效應 導致 晶圓 代 工 價格上漲 2021 年 通訊 產業 景氣 主要 受到 新冠肺炎 疫情 5 g 與 乾淨 網路 影響 資 策 會 mic 表示 5 g 仍 將 帶動 部分 換 機 需求 須 注意 美國 禁令 導致 華為 難以 取得 晶 片 無法 出 貨 蘋果 小米 三星 oppo 與 vivo 等 業者 搶 食 市場 的 結果 將 影響 台廠 受惠 的 程度 網通 部分 乾淨 網路 政策 降低 了 陸系 業者 進入 歐 美 市場 的 可能性 促使 電信 商 在 5 g 網路 排除 陸系 設備 有利於 更 多 open ran 需求 與 臺灣 業者 發展</t>
  </si>
  <si>
    <t>創業 加速器 appworks accelerator 之 初 加速器 15 日 舉辦 appworks demo day 2020 appworks 啟動 加速器 至 今 十 年 整體 生態系 成長 速度 超越 過去 目前 總 募 資金額 總 估 值 整體 年 營業額 都 繳 出 三 位數 成長 一 倍 以上 的 成績 為 歷年 之 最 總 估 值 也 突破 百億 美元 appworks accelerator 為 目前 大 東南亞 區 規模 最 大 的 創業 加速器 每 半 年 嚴選 區域 中 具有 成長 潛力 的 新創 團隊 進駐 目前 從 appworks accelerator 畢業 的 活躍 新創 已 達 395 家 共 1331 位 創業者 生態系 累積 募 資金額 來到 236億 美元 約 為 683億 元 新 台幣 年增率 高 達 140 總 估 值 達到 1107億 美元 約 為 3203億 元 新 台幣 首度 突破 百億 美元 大關 較 去年此時 增加 160 appworks 董事長 暨 合夥人 林之晨 表示 受到 新冠肺炎 影響 今年 上半年 的 demo day 暫停 一 次 下半年 的 demo day 則 安排 優秀 的 ai 物聯網 區塊 鏈 等 團隊 登臺 本次 23 支 團隊 中 十 支 新創 以 ai 五 支 以 iot 八 支 以 blockchain crypto 為 創業 主題 其中 更 有 八 組 國際 團隊 分別 來自 香港 新加坡 印尼 瑞典 瓜地馬拉 有 出身 自 google microsoft 聯發 科 的 高管 也 有 成功 被 並購 出場 的 連續 創業者 更 有年 僅 17 歲 的 創業者 林 之 晨 發現 兩 大 重要 趨勢 第一 由於 疫情 的 發展 加速 人類 社會 的 數位 轉型 腳步 包括 遠 端 工作 零 接觸 商業模式 去 中心化 體系 都 推 升 了 科技 升級 的 需求 在 這 當中 優秀 的 ai 以及 blockchain 創業者 開啟 了 改變 世界 的 機會 之 窗 第二 appworks accelerator 成立 邁 入 第 十 年 校友 網路 發展 蓬勃 且 區域化 持續 扮演 支持 創業者 長期 成長 的 重要 平臺 因此 吸引 越來越 多 國際 優秀 創業 團隊 進駐 繼續 引 領 大 東南亞地區 創業 生態 前進 林 之 晨 表示 未來 十 年 將 會 是 新興 科技 帶動 典範 轉移 的 重要 時期 而 世界 變動 對 創業 來說 也 是 最好 的 時間 點 而 對 企業 來說 也 與 新創 合作 打造 內部 與 外部 創新 的 絕佳 機會</t>
  </si>
  <si>
    <t>經濟部 公佈 第 2 季 製造業 產值 受到 疫情 衝擊 呈現 連續 6 季 的 負 成長 惟 電腦 電子產品 光學 製品業 因 疫情 推 升 遠 端 服務 出現 連續 9 季正 成長 第 2 季 製造業 產值 2 兆 9442億 元 為 105 年 第 2 季 以來 最低 較 去年同期 減少 1139 連續 6 季負 成長 主因 受 新冠 疫情 衝擊 國際 需求 下滑 加上 國際 原 物料 價格 較 上年 同期 大幅 滑落 致 傳統產業 表現 明顯 疲弱 惟 國內 半 導體 高 階 制程 接 單 活絡 加上 伺服器 網通 產品 業者 持續 擴 增 國內 產 線 抵銷 部分 減幅 在 資訊 電子 產業 方面 電子 零 元件 業 產值 年 增 109 連續 2 季二 位 數 正 成長 其中 積體電路 業 年 增 246 為 主要 貢獻 來源 主因 受惠 於 5 g 通訊 物聯網 雲端 服務 高效能 運算 等 應用 擴展 加上 遠 距 商機 帶動 相關 設備 之 晶 片 及 記憶體 需求 殷切 而 液晶面板 及其 元件 業 由於 產品價格 較 上年 同 季仍 低 致 產量 雖已 回升 產值 仍 較 上年 同期 下滑 386 惟 減幅 已 明顯 縮小 q 1 為 1652 電腦 電子產品 及 光學 製品業 因 肺炎 疫情 推 升 遠 端 服務 相關 設備 接 單 活絡 加上 國內 產能 擴 增 致 產值 年 增 764 已 連續 9 季正 成長 傳統產業 方面 受 肺炎 疫情 持續 延 燒 全球 需求 緊縮 加上 國際 原 物料 價格 重 挫 多數 產業 呈現 二 位 數 衰退 主要 行業 中 以 石油 及 煤 製品業 紡織業 及 化學 原材料 業 減幅 最為 顯著 分別 年 減 5468 3496 及 3374 汽車 及 其 零件 業 亦 年 減 2209 主因 歐美 市場需求 急凍 加上 國產 小轎車 及 小型貨車 因 缺 料及 調整 產 線 而 減產 經濟部 表示 展望 第 3 季 隨 著 下半年 消費性 電子 新品 將 陸續 推出 加上 5 g 通訊 布建 加速 高效能 運算 及物聯網 相關 應用 快速 成長 以及 遠 端 服務 設備 需求 延續 將 帶動 資訊 電子 產業 生產 持續 暢旺 此外 隨 國際 油價 鋼 價 緩步 上揚 傳統產業 將 可望 漸次 回 穩 惟 近期 全球 肺炎 疫情 再次 升溫 加上 美中 貿易 爭端 未 解 恐 將 影響 製造業 產銷 表現 仍 須 密切 關注 並 審慎 因應</t>
  </si>
  <si>
    <t>經濟部 製造業 產值 新冠肺炎 5 g 物聯網</t>
  </si>
  <si>
    <t>新冠肺炎 疫情 導致 下半年 產業 變數 不少 光寶 科 2301 下半年 仍 可望 優於 上半年 光寶 科 總 執行長 陳廣中 表示 第 3 季 雖然 為 傳統 旺季 但因 第 2 波 疫情 尚未 明朗化 較為 保守 看待 第 3 季 不過 下半年 因 工作 天數 多於 上半年 預估 下半年 營運 仍 將 優於 上半年 樂觀 看待 全年 營運 原本 趨 緩 的 全球 新冠肺炎 疫情 因 各國 陸續 解封 蠢蠢欲動 大陸 北京 本土 案例 攀升 美國 疫情 未 止 引發 市場 擔心 新冠肺炎 是否 再現 第二 波 疫情 加上 中 美 貿易戰 未 歇 產業 變數 讓 不少 廠商 對 下半年 持 謹慎 看法 陳廣中 表示 受惠 於 疫情 衍生 的 宅 經濟 整體 電競 遊戲 相關 應用 在 今年 淡季 表現 比 往年 好 伺服器 5 g aiot 等 相關 需求 受到 疫情 影響 較 小 第 3 季 雖然 為 傳統 旺季 但因 第 2 波 疫情 尚未 明朗化 較為 保守 看待 第 3 季 第 3 季 恐 不如 以往 旺 由於 9 月 出 貨 是 為 年底 購物 季 若 疫情無法控制 造成 失業人 太 多 第 4 季 感恩節 及 耶誕節 的 銷售 旺季 恐 有 壓力 不過 下半年 因 工作 天數 多於 上半年 預估 下半年 營運 仍 將 優於 上半年 光寶 集團 去年 主要 營運 成長 主軸 包括 雲端 運算 led 元件 led 車用 戶外 照明 5 g 人工智慧 及物聯網 alot 等 占總 營 收 超過 30 獲利 貢獻 占比逾 40 為 因應 貿易戰 光寶 科 先前 已 展開 產 能 分散 策略 不過 受到 新冠肺炎 疫情 各國 封 城 封國 影響 部分 海外 生產 據點 被迫 停工 目前 光寶 科大 陸廠 區 已 全面 復工 並 回到 正常 出 貨 水準 非 大陸 地區 的 巴西 及 墨西哥 廠 亦 已 全面 復工 印度 目前 局部 復工 泰國 高雄和 越南 則 未 受 疫情 影響 光寶 科 預估 今年 非 大陸 地區 產能 預計 可 占 總 產能 15 20</t>
  </si>
  <si>
    <t>歐美新冠肺炎 疫情 再起 一方面 市場 擔憂 經濟 復蘇 遭 拖累 然 另一方面 卻 因而 加快 ai 在 各 產業 的 進展 速度 成為 後 疫情 時代 下 科技產業 最 火紅 的 創新 技術 法人 表示 5 g 與 ai 將 是 推動 未來 十 年 的 新 成長 引擎 預估 到 2035 年 5 g 結合 ai 應用 將 可為 全球 經濟 增加 14 兆 美元 貢獻 超過 日本 和 德國 兩 大 經濟體 的 gdp 合併 規模 法人 強調 ai 結合 各行各業 突破 傳統 框架 潛藏 投資 爆發力 極具 想像 空間 可 作為 長線 佈局 產業 基金 第一 金 全球 ai 人工智慧 基金 經理 人 陳世傑 表示 ai 產業 受惠 於 全球 企業 積極 推動 智慧化 轉型 加上 新冠肺炎 疫情 加快 ai 發展 如 自動化 物流 無人 配送 等 持續 推動 經濟 活動 以 美國 零售業 為 例 6 月 實體 零售 銷售額 年 減 8 線 上 零售 卻 較 前 月 大 增 18 代表 這 一 波 ai 數位 革命 浪潮 趨勢 確立 因此 即便 短期 股價 陷入 盤整 長期 在 技術 領導 下 ai 相關 股價 有 機會 再度 沖高 法人 指出 ai 引 領 產業 技術 變革 將 推動 未來 十 年 內 各 產業 出現 突破性 創新 與 革命性 的 變化 最 直接 受惠 領域 包括 行動 通訊 醫療 照顧 媒體 與 娛樂 農業 及 工業 應用 等 五大 領域 另外 金融 物流 資 安 等 產業 對 ai 需求 與 技術 應用 也 將 大 提升 5 g 和 ai 將 是 驅動 人類 第 四 次 工業革命 的 新 發動機 亦 帶 旺 半導體 產業 持續 火紅 儘管 現在 歐美 第二 波 疫情 再起 但 國際 半導體 協會 semi 預估 疫情 對 半導體 產業 影響 甚 微 全球 半 導體 需求 在 未來 幾 個 季度 將 逐步 改善 主要 成長 動能 來自 雲端 與 伺服器 需求 持續 暢旺 相關 需求 將 可望 延續 至 後 疫情 時代 配合 中國 市場 的 支撐 下 展望 2021 年 全球 半 導體 設備 出 貨 預估 將 從 2020 年 的 650億 美元 再進一步 成 長 至 700億 美元 新 高 展望 科技產業 長線 趨勢 法人 認為 未來是 萬物聯網 的 時代 預估 到 2025 年 全球 iot 連結 數量 將近 250億 個 全球 物聯網 iot 將 更 蓬勃發展 ai 技術 與 應用 將 迎來 更 龐大 的 市場 商機 大型 雲端 業者 如 亞馬遜 微軟 google 皆 積極 投入 ai 應用服務</t>
  </si>
  <si>
    <t>素有 工研院 奧斯卡 美稱 象徵 科技 研發 最高 榮耀 的 工 研 菁英 獎 23 日 正式 揭曉 共有 六 項 金獎 技術 展現 工研院 在 擘 畫 2030 技術 策略 與 藍圖 下 重要 研發 成果 涵蓋 智慧 生活 健康 樂活 永 續 環境 及 智慧 化 共通 技術 領域 的 創新 應用 並且 導入 科技 大廠 工研院 院長 劉文雄 表示 養兵 先 日 用在一時 新冠肺炎 襲 卷 全球 臺灣 透過 超前 部署 成功 守 住 疫情 從 科技 的 角度 來說 科技 的 超前 部署 就是 要 洞悉 產業 的 變化 與 趨勢 指引 未來 發展 方向 面對 後 疫情 時代 工研院 擘 畫 的 2030 技術 策略 與 發展 藍圖 期許 帶領 臺灣 產業 共 創新 局 今年 脫穎而出 的 產業化 貢獻 獎 及 傑出 研究 獎 六大 金牌獎 技術 以 市場需求 為 導向 佈局 下 世代 創新 技術 更是 工研院 將 創新 研發 能量 真正 落實 到 產業 攜手 共 創新 商機 的 豐厚 成果 期望 協助 臺灣 產業 在 未來 十 年 奠定 根基 獲得 傑出 研究 金牌獎 的 智慧 物聯網 關鍵 記憶體 以 讀取 速度 快 功 耗 低 可 達到 更 穩定 更 快速 存取 的 優勢 目前 已 導入 半導體 大廠 晶圓 制程 iknobeads 於 次 世代 細胞 免疫 治療 之 應用 以 獨特 的 突觸 結構 有效 提升 人體 t 細胞 活化 效率 將 與 國內 大型 醫院 合作 推出 臨床用 gmp 等級 產品 可 迴圈 熱 固 型 樹脂 合成 設計 與 產業 應用 鏈結 則 可 解決 環氧樹脂 無法 回收 再 利用 之 環保 問題 獲得 產業化 貢獻 獎 的 有 新型 耐 溫熱 塑 彈性體 推動 不只 耐候 耐寒 抗衝擊 還 能 再生 利用 目前 已 進入 試 量 產 與 驗證 階段 預期 可 達 百億 以上 的 市場 規模 應用 人工智慧 提升 光電 半導體 與 pcb 產業 競爭力 與 推動 pre- 5 g 5 g 小 基站 白 牌 化 產業 則 扣 合 最新 ai 人工智慧 5 g 最新 發展趨勢 以 前瞻 的 研發 實力 及 系統化 平臺 分別 導入 帆 宣 華邦電 及 5 g 上下游 廠商</t>
  </si>
  <si>
    <t>受惠 於 大陸 新冠肺炎 疫情 趨 緩 來自 自有 品牌 emc 及 線路 保護 元件 emi 認證 測試 等 業務 營 收 占比 明顯 提升 挹注 穩 得 實業 6761 自 結 3 月 營 收 134億 元 創下 單月 歷史 新 高 紀錄 月 增 411 年 增 2871 累計 第一 季營 收 324億 元 較 去年同期 增長 451 在 全球 經濟 停滯 衰退 環境 下 逆勢 表現 亮 眼 穩 得 董事會 日前 通過 108 年度 營業 報告 書 暨 財務報表 案 108 年度 營 收 1295億 元 年 減 267 但 108 年度 稅 後 淨利 7615萬 元 獲利 成長 574 eps 413 元 仍 延續 107 年度 eps 4 元 以上 的 優異 獲利 表現 穩 得 實業 表示 108 年度 穩 得 調整 產品組合 雖然 營 收 略微 收縮 但 毛利率 從前 一 年度 2869 提升 至 2909 稅 後 淨利 也 較 前 一 年度 提升 調整 產品組合 主要 在於 提高 自有 品牌 線路 保護 元件 及 emi 認證 業務 的 銷貨 占 比 自有 品牌 銷貨 占 比 自 前 一 年度 278 提高 至 317 占比 已 超過 三 成 認證 業務 也 較 前 一 年 增加 28419千 元 自 前 一 年度 的 58 提高 至 81 符合 公司 整體 預期 的 改善 目標 及 方向 109 年度 將 持續 優化 產品 結構 穩 得 指出 108 年度 在 中 美 貿易戰 不 確定 因素 下 穩 得 在 大陸 地區 營 收 略 受 影響 但 隨 著 emi 認證 業務 的 成長 補足 了 部分 的 營 收 缺口 整體 營 收 僅 小幅 減少 267 稅 後 淨利 較 前 一 年度 增加 4132千 元 表現 符合 預期 從 中 美 貿易戰 到 新冠 疫情 衝擊 穩 得 透過 完整 的 產業佈局 維持 企業 成長 能量 穩 得 表示 在 市場 佈局 上 持續 開發新 產品 並 連結 市場 新 應用 舉凡 5 g 物聯網 人工智慧 智慧 城市 車用 電子 與 電動 機車 汽車 相關 等 各類 新 應用 都 是 近 兩 年 主要 佈局 方向 產品 佈局 上 著 重于 高浪湧 低 殘 壓 及 大功率 產品 小型化 的 保護 元器件 以 符合 電子產品 之 未來 趨勢 服務 佈局 上 配合 安全 規範 新 法令 的 適用 及 新增 emi 測試項目 都 能 帶動 認證 業績 的 成長 此外 大陸 深圳 實驗室 之 建置 將 會 是 穩 得 另 一個 成長 動能 今年 第一 季隨著 中國 新冠肺炎 疫情 趨 緩 客戶 端 陸續 開工 出 貨 狀況 已 大致 正常 配合 前 幾 個 月 的 零件 銷售 訂單 發酵 同時 認證 業務 也 較 去年同期 成 長 約 三 成 以上 帶動 3 月份 營 收 134億 元 創下 歷史 新高 逆勢 高飛 針對 第二 季 營運 展望 穩 得 認為 在 疫情 不 持續 擴大 的 狀況 下 可望 延續 第一 季成長 力 道 出 貨 樂觀 可期</t>
  </si>
  <si>
    <t>日商 macnica 集團 旗 下 專業 ic 通路商 茂 6227 今日 公告 5 月 合併 營 收 7億 元 月 增 34 年 增 91 主要 在於 資料 中心 及 雲端 服務 相關 應用 產品 出貨量 持續 成長 加上 東南亞 國家 陸續 解封 客戶 拉 貨 力 道 明顯 回溫 茂 綸 表示 近期 全球 新冠肺炎 疫情 延 燒 推 升 遠 距 辦公會議 線 上 教學 及 家庭 娛樂 等 雲端 服務 市場 快速 成長 帶動 資料 中心 雲端 伺服器 及 高效能 運算 系統 hpc 需求 持續 增 溫 公司 相關 產品 線 在 雲端 運算 及 網路 傳輸 相關 的 高階 解決 方案 出貨量 均 有 明顯 提升 根據 cisco 預估 2016 2021 年 全球 資料 中心 流量 的 年 複合 成長率 可 達 25 而 全球 超大型 資料 中心 數量 建置 明年 將 可 達到 628 座 年 成長率 約 15 可見 全球 資料 中心 軟 硬體 市場 成長 動能 十分 強勁 茂綸 深耕 網路 通訊 傳輸 及 資料 中心 運算 等 領域 超過 10 年 將 可望 持續 受惠 此 波 全球 雲端 服務 商機 茂 綸 進一步 表示 5 月 合併 營 收 月 增 率 及 年增率 均 維持 正 成長 除了 資料 中心 需求 強勁 外 亦 受惠 越南 馬來西亞 泰國 等 東南亞 國家 逐步 解除 封城 令 上下游 產業 供應 鏈 逐步 恢復正常 以 目前 訂單 狀況 來看 下游 系統 大廠 客戶 的 拉 貨 力 道 持續 回溫 上半年 營運 可望 維持 穩健 成長 此外 茂綸第 2 季 開始 推出 的 大型 商用 ai 自動 清潔 機器人 預估 今 年內 可望 貢獻 營 收 獲利 表現 將 持續 與其 他 軟 硬體 及 系統 整合 廠 廠商 合作開發 人臉 辨識 ai 機器人 智慧 監控 物聯網 自 駕車 等高 階 終端 應用 產品 期 逐步 從 ic 通路商 轉型 為 軟 硬體 及 服務 全方位 整合 方案 供應商</t>
  </si>
  <si>
    <t>新冠肺炎 疫情 肆虐 不少 公司 行號 受到 牽連 職 場 健康 更加 受到 重視 高 市府 與 經濟部 工業 局 合作 結合 民生 醫院 國軍 總 醫院 左營 分院 及 企業 力量 以 高雄 加工區 為 示範場 域 提供 勞工 企業 醫療 三 方 完整 健康 方案 打造出 職 場 健康 管理 平臺 健康 物聯網 環境 健檢 巡檢 作業 智慧化 預計 1萬 名 勞工 受惠 高雄 市長 韓國瑜 提到 今年 度 向 經濟部 工業 局 提出 智慧 職 場 健康 共 照應 用 服務 計畫 地方 創新 提案 並 由 華電 聯網 公司 團隊 申請 計畫 執行 以 勞工 的 全人 健康 健康 促進 及 預防 醫學 為 目標 政府 與 企業 共同 照 護 勞工 健康 韓國 瑜 指出 該 計畫 勞工 可 運用 個人化 健康 資訊 app 接收 到 健康狀況 分析 和 個別化 專業 的 建議 提升 勞工 對 自我 健康 管理 的 重視 廠醫 職 護 透過 職 場 健康 管理 服務 導入 健檢 作業 智慧 系統化 取代 以往 紙本 檔 有效 管理 健檢 資料 並 結合 醫療 資訊 提供 完整 的健康 照 護 方案 韓國 瑜 表示 企業 雇主 藉 由 職 場 健康 管理 平臺 匯 整 健檢 資料 及 日常生活 量 測 紀錄 針對 慢性 疾病 與 高風險 者 及早 介入 關懷 更 有效 追蹤 與 掌握 員工 健康狀況 衛生局長 林立人 說 未來 可望 擴大 辦理 與 多 家 醫療 院所 共同 合作 初步 以 逾 30 家 企業 1萬 人 以上 勞工 參與 設備 服務 量 10萬 人次 以上 的 服務 應用 為 目標 並 串連 社區 基層 醫療 及 延伸 長期 照 護 等 服務 助力 高雄職 場 健康 照 護 走向 科技化 建構 永 續 經營 的 友善 職 場 先進 醫 資 公司 總經理 黃兆聖 說明 新冠肺炎 影響 全球 經濟 企業 可以 體會 到 健康 是 很 重要 的 議題 如果 沒 辦法 處理 好 恐 危及 企業 經濟命脈 這次 計畫 將 防疫 元素 融入 打造 智慧 檢疫站 透過 雲端 蒐集 大 資料 組織 企業 聯合 防疫 網 另 也 整合 到 醫院 端 物聯網 分析 及 管理 健檢 資料 透過 虛實 整合 共同 照 護 員工 健康</t>
  </si>
  <si>
    <t>工業 電腦廠 融 程電 3416 今 27 日 召開 股東 常會 通過 2019 年 財 報 盈 餘 分配 及 資本 公積 現金 發放 案 決議 以 盈 餘 配發 2 元 資本 公積 配發 1 元 合計 配 息 3 元 展望 今年 營運 面對 新冠肺炎 疫情 的 嚴峻 挑戰 公司 仍 將 審慎 因應 續 拼 營運 穩健 成長 融 程電 2019 年 合併 營 收 創 1665億 元 新高 年 增 64 毛利率 3693 營益 率 1633 分 創 近 3 年 近 4 年高 點 歸屬 母公司 稅 後 淨利 241億 元 年 增 達 1765 改寫 歷史 次高 每股 盈 餘 eps 334 元 優於 前年 284 元 融 程電 近年 來 專精于 強固 型 工業 電腦 和 手持 行動 解決 方案 研發 產品 廣泛應用 于 車檢 石化 物流 倉儲 物聯網 iot 船舶 航 太 及 公共安全 等 領域 並 通過 各 產業 高 規格 專業 認證 融 程 電錶 示 透過 多年 耕耘 公司 醫療 級 認證 平板 設計 已 獲得 國際 大廠 導入 開發 design-in 並 持續 精進 車檢 及 車用 運算 平臺 為 堆高機 貨車 及 車輛 生產線 開發 各類 處理器 及 作業系統 的 平板 電腦 滿足 產業 低 中高 階 需求 此外 融 程電 因應 人工智慧 ai 產業 蓬勃發展 亦 開發 車載 適用 的 ai 邊緣 運算 平臺 並 投入 公共安全 public safety 領域 研究 結合 sub-g 無線 技術 防 爆 等級 的 安規 設計 及 雲端 運算 提供 人員 監控 緊急 通報 的 求救 系統 盼 為 產業 安全 提供 妥善解決 方案 展望 今年 由於 年初 新冠肺炎 疫情 蔓延 全球 各國 為 控制 疫情 而 陷入 大 封鎖 狀態 對 全球 經濟 衝擊 甚 大 國際貨幣基金 imf 4 月中 將 今年 全球 經濟 成長率 預期 調 降 至 衰退 3 認為 恐 面臨 1930 年代 美國 大 蕭條 以來 最 嚴峻 挑戰 面對 此 嚴峻 經濟 情勢 變化 融 程 電錶 示 將 秉 持 永 續 經營 創造 價值 利益 平衡 的 經營 理念 提供 行銷 服務 期許 成為 產業 智慧 終端 科技 的 領航者 深信 在 專心 經營 與 積極 努力 下 公司 技術 研發 產銷 業務 仍 能 穩健 成長 審慎 因應 以 創造 更 佳 的 營 收 與 獲利 表現</t>
  </si>
  <si>
    <t>科技 部 南科 管理局 針對 新冠肺炎 後 疫情 時代 超前 佈 署 打造 精准 健康 產業鏈 並 配合 政府 六大 核心 戰略 產業 之 生物 及 醫療 科技產業 展現 階段性 成果 展示 成果 包括 目前 最 受 矚目 的 covid-19 核酸 檢測 試劑 泉沂 全球 唯 二 的 自主 研發 小 切口 無 角膜 瓣 飛雷 屈光 手術 儀之 設備 艾克夏 以及 ai 深度 學習 技術 輔助 癌症 篩檢 產品 柏瑞醫 電腦 輔助 術 前 計畫 系統 巧 醫 心臟 幹細胞 製劑 及 腦血管 幹細胞 製劑 鴻 曜 骨科 及 顱 顏 口腔 手術 導 引 系統 醫 百 植 牙 導航 定位系統 臺灣 植體 智慧 影像 分析 系統 及 自動 光學 檢測 系統 思 創 體 外 脫 針 漏 血 警示 系統 翔 安 生理 監測儀 雲醫 等 成果 展示 向 各界 宣示 打擊 新冠肺炎 及 守護 國人 健康 南 科 管理局 表示 在後 疫情 時代 民眾 更 需要 精准 健康 產業 全方位 準確 的 照 護 包含 精准 診斷 治療 照 護 與 預防 四面 向 以 疫情 為 例 從 預防 性 的 新興 疫苗 研發 到 感染 症狀 診斷 篩選 抗體 與 藥物 配戴 特定 設備 做 智慧 防疫 使用 物聯網 做 遠 距 照 護 都 是 精准 健康 產業 範圍 而 南科生 醫 聚落 發展 至今 從 傳 產 轉型 至 生產 高階 醫療 器材 已 歷經 十 年 歲月 無論是 頂尖 技術開發 國際 市場 拓銷 新 南向 及 新創 引進 等 推動 南科 管理局 都 扮演 重要 推手 並 盡全力 扶持 科技 部 透過 跨 域 跨 部會 的 整合 方式 規劃 臺灣 精准 健康 戰略 產業 發展 方案 南 科 依 循 科技 部 政策 方向 結合 園區 內 既有 ict 資 通訊 與 bio 生 醫 兩 大 產業 優勢 導入 ai 人工智慧 及 大 資料 資料庫 應用 於 精確 檢測 技術 及 設備 個人化 醫療 等 期望 從 智慧 健康 智慧 醫療 及 智慧 照 護 等 三 方向 發展 精准 健康 新興產業 守護 全民 健康 福祉 南 科 生 醫 產業 聚落 陣容堅強 完整 目前 共計 有 近 80 家 廠商 為 國內 最 重要 的 生 醫 聚落 之一 無論是 面對 後 疫情 時代 抑或 是 未來 精准 健康 與 智慧 醫療 來臨 將 持續 結合 國內 ict 與 國外 資金 技術 藉 由 卓越 的 研發 量 能 與 高端 技術 投入 智慧 生 醫 之 研發 發展 醫學 檢測 精准 醫療 等 擴大 業務 版圖 促 升 產值 展現 南科生 醫 產業 的 實力</t>
  </si>
  <si>
    <t>新冠肺炎 帶來 的 口罩 供需 失衡 在 實 名 制 限量 的 政策 方向 下 藉 著 過往 良好 的 健 保 藥局 體系 包括 資訊 體系 及 開放 資料 在 公民 協力 運作 下 快速 建立 起 物流 及 資訊 流 讓 政策 可 具體 全面 執行 且 將 訊息 直接 連結 民眾 需求 這些 其實 是 政策 作法 數位 轉型 的 新興 趨勢 根據 oecd 近年 的 觀察 源於 許多 新興 數位 工具 的 出現 除 傳統 政府 服務 的 數位化 外 導入 新興 數位 工具 的 政策 執行 作法 增進 政府 效能 也 成為 這 波 政府 數位 轉型 的 新興 趨勢 應用 數位 工具 推動 政策 的 新興 趨勢 包括 一般 常見 的 利用 數位 工具 協助 強化 既有 政策 作法 效能 如 監測 違法行為 累積 資料 以 預測 風險 與 防止 危機 透過 資料 蒐集 為 不同 族群 客 制 化 更為 有效 政策 作法 以及 直接 與 民眾 建立 互動 機制 蒐集 瞭解 民眾 需求 讓 民眾 透明 瞭解 政策 作法 甚至 參與 議題 的 解決 等 不過 各國 導入 數位 工具 的 新興 推動 政策 作法 多數 仍 在 非常 早期 開始 嘗試 的 階段 綜合 各國 經驗 oecd 的 觀察 結論 發現 導入 數位 工具 確實 有 助 提升 政策 執行 的 效能 或 有效性 在 政策 作法 設計 實施 及 落實 上 依然 有 相當 多 的 挑戰 而 建立 蒐集 資料 機制 持續 結合 數位 工具 試行 是 現階段 最 重要 的 議題 試想 如果 在 20 年前 發生 口罩 供需 失衡 當時 的 健 保 藥局 體系 數位 網路 基礎 建設 開放 資料 及 網路 應用 普及 情形 其實 不太可能 如此 快速 有效 地 因應 全台 的 需求 而 這次 新冠肺炎 所 帶來 的 口罩 供需 失衡 危機 在 政策 方向 定案 後 就 能夠 在 兩 天內 完成 佈 建 其實 仰賴 的 就 是 過去 幾 年 各種 努力 所 打下 的 基礎 特別 是 開放 資料 及 民間 所 累積 的 開發 應用 實力 公民 協力 共同努力 的 成果 事實上 近年 政府 除 了 開放 資料 平臺 外 也 積極 嘗試 推動 2030 臺灣 普拉思 民生 公共 物聯網 社會 創新 平臺 等 連結民眾 社 群 瞭解 需求 應用 數位 工具 協助 解題 的 政策 推動 作法 以 社會 創新 平臺 si taiwan gov tw 為 例 其 基本 想法 就是 在 臺灣 各地 已 有 許多 在 地 社 群 嘗試 解決 社 經 議題 的 努力 有些 已經 有 初步 的 成果 有些 則 是 正 在 尋求 解方 及 資源 的 投入 透過 社會 創新 平臺 從 總體 角度 盤點 社會 創新 發展 地圖 呈現 各縣市 的 社 經 議題 特性 有 初步 成績 的 社會 創新 案例 接 著 也 設置 去 提議 專案 募集 區 提供 正 在 尋求 解方 與 資源 者 提案 同時 自主 透明 的 揭露 專案 進展 讓 公 私 特別 是 csr 能 有 信心 及 意願 挹 注資 源 這 平臺 仍 在 起步 階段 需 再多 些 平臺 經營 資源 投入 才能 真正 發揮 媒 合 與 介 接 解社會 議題 資源 供需 的 理想 總統 杯 駭客 松 更 是 一個 從 總統 高度 出發 促進 跨 政府 機關 跨 領域 及 公私 協力 共 創 鼓勵 公務人員 數位 資訊 專家 領域專家 一同 針對 公民 提升生活品質 的 願望 引進 駭客 文化 共同 解題 的 競賽 在 農曆 新年 前 已經 開放 公民 許願池 讓 全民 許願 在 3 月 2 日 起 將 開放 由 各界 包括 中央 地方 政府 企業 創業 資料 科學家 領域專家 組隊 一同 參與 解題 2020 總統 杯 駭客 松 最 大 特色 在於 獲勝 團隊 將 可 獲得 政府 資源 支持 落實 協助 公民 實現 願望 民間 部門 的 參與 除 可 展現 解題 的 實力 外 更 可 落實 企業 社會 責任 帶動 政府 服務 再造 口罩 app 的 出現 得以 即時 化解 市場 資訊 落差 系 奠基 於 過往 健 保 開放 資料 及 民間 數位 應用 能量 的 累積 顯現出 資料 累積 資料 開放 及 解題 等 面向 公私 協力 的 長期 重要性 面向未來 除了 類似 的 黑 天鵝 事件 需要 公私 協力 共同 解決 外 也 有 許多 議題 可 在 政策 規劃 執行 落實 上 可 引進 數位 工具 進行 強化 更 深度 的 解決 問題 只是 這 需要 政府 進一步 在 政策 創新 作法 上 提供 更 大 的 彈性 與 發揮 空間</t>
  </si>
  <si>
    <t>神 腦 iot 物聯網 林保雍 智慧 家庭</t>
  </si>
  <si>
    <t>使用 共用 汽車 服務 的 人 都 希望 租用 的 車輛 能 順利 上路 車內 亦 沒有 惱人 煙 味 當 共用 車輛 被 刮 傷 有 凹 痕 或 有人 在 車內 吸煙 時 總 讓 人 感到 相當 困擾 博世 正 為 車隊 經營業 者 和 交通 移動 服務 商 開發 全新 ridecare 解決 方案 希望 讓 這些 共用 汽車 的 難題 成為 歷史 並為 使用者 提供 更 安全 愉快 的 乘車 體驗 ridecare 的 第 一個 標準 功能 是 煙霧 及 損壞 偵 測 為此 博世 結合 車輛 中的 感測器 盒 透過 人工智慧 分析 雲端 資料 再以 更 快速 貼近 需求 的 方式 進行 修復 或 清潔 優化 車隊 管理 共用 服務 商將 可 即時 接收 重要 易 理解 的 資訊 識別 車輛 是否 遭受 破壞 或 車內 吸煙 博世 集團 董事會 成員 harald kroeger 表示 以 汽車 共用 而言 提高 客戶 滿意度 的 關鍵 之一 是 確保 使用者 安全 愉快 的 駕駛 體驗 為此 博世 的 ridecare 解決 方案 為 共用 市場 的 客戶 體驗 樹立 新 標竿該 全球 技術 與 服務供應商 正 在 亞洲 北美 及 德國 的 共用 服務 領導 廠商 合作 以 推出 量 產 的 煙霧 及 損害 偵 測系統 為 目標 進行 前導 專案 博世 此 項 車隊 服務 日前 已 獲 南德 認證 檢測 公司 tuv sud 的 可靠 度 等 正式 認證 汽車 共用 服務業 者 幾乎 很 少 收到 其 車輛 在 給 特定 租賃 期內 遭受 破壞 或 使用者 于 車內 吸煙 的 資訊 使用者 通常 會 回報 車輛 的 嚴重 損壞 但 服務 商 往往 仍要 承擔 輕微 損傷 的 維修 成本 此外 若 前 一 位 駕駛 暗自 在 租用 的 車輛 內 吸煙 亦 可能 造成 使用者 嚴重 不滿 其 專業 內部 清潔 的 成本 則 可 達到 數 百 歐元 透過 博世 的 ridecare 解決 方案 共用 服務業 者 將 可 輕鬆 掌握 車隊 實際 狀況 而非 根據 臆測 車輛 中的 感測器 盒 可 偵 測 車內 的 香煙 煙霧 及 車體 的 損壞 狀況 此外 用 單一 感測器 元件 即可 偵 測 上述 損害 更是 業 界 創舉 當前 市面上 雖有 可 偵 測 煙霧或 交通 事故 的 感測器 但 皆 無法 同時 兼顧 兩者 harald kroeger 表示 博世 結合 煙霧 及 損壞 檢測 打造 並 計畫量 產 世界 上 第 一個 能 可靠 檢測 如實 回報 車內 損壞 及 煙霧 的 解決 方案 此外 盒 中的 感測器 非常 精准 不僅 可 偵 測 事故 亦 能 察覺 停車 時 發生 的 意外 損壞 例如 停 在 市中心 且 當下 未 出租 的 共用 車輛 的 輕微 碰撞 由此 共用 服務 商 得以 確定 車輛 損壞 或 車內 吸煙 的 責任 歸屬 博世 的 創新 車隊 服務 包含 永久 安裝 於 擋風玻璃 內側 的 感測器 盒 以及 雲端 資料 分析 智慧 軟 體 一旦 車輛 內部 事故 或 煙霧 的 感測器 資料 上傳 至 雲端 後臺 博世 就 可以 運用 人工智慧 判 讀 其 嚴重 程度 並為 車隊 操作 人員 提供 分級 依據 其 智慧 演算法 結合 車輛 的 動態 資訊 及 道路 狀況 等 附加 資訊 共用 服務 商將 可 精確 地 判斷 車輛 是否 僅 外觀 損傷 或 極 需 立即 檢測 維修 以 確保 車輛 可 正常 行駛 harald kroeger 表示 ridecare 服務 再一 次 證明 人工智慧 物聯網 aiot 的 潛力 結合 人工智慧 及物聯網 將 造福 共用 服務 使用者 此外 借助 人工智慧 資料 分析 博世 可以 掌握 車輛 損壞 的 確切 位置 如 保險 杆 或 車體 底部 此 將 有助於 紀錄 及 評估 損壞 狀況 若 將 感測器 盒 的 資料 與 影像 結合 車隊 及 交通 移動 服務業 者 亦可 推 估 維修 成本 對於 共用 服務業 者 來說 快速 透明 地 記錄 車隊 中 個別 車輛 的 損壞 狀況 非常 重要 因為 這 是 他們 提高 車輛 性能 和 當 機 時間 減為 最低 的 唯一 途徑 除了 損壞 分級 外 ridecare 服務 亦 會 通報 共用 服務業 者 交通 事故 發生 的 確切 地點 和 時間 以及 車內 吸煙 的 明確 時間 點 此類 訊息 可 協助 車隊 管理者 和 交通 移動 服務業 者 維持 車輛 的 完美 狀態 增進 駕駛 和 乘客 的 福祉 儘管 共用 需求 在 新冠肺炎 流行 期間 下降 專家 們 仍 預測 汽車 共用 市場 未來將 蓬勃發展 取代 私家 車 的 交通 移動 服務 在 歐洲 產值 將 達 1270億 美元 其中 170億 美元 來自 德國 市場 美國 顧問 公司 strategy&amp; 更 預估 2035 年 歐洲 汽車 共用 的 業務 潛力 將 成長 四 倍 以上 達 5490億 美元</t>
  </si>
  <si>
    <t>新冠肺炎 疫情 肆虐 全球 儘管 各國 救 市 措施 相繼 出爐 然 隨 著 世界衛生組織 宣佈 全球 疫情 進入 大 流行 階段 加劇 投資人 恐慌 情緒 市場 賣壓 沉重 投 信 法人 表示 資產 價格 震盪 加劇 投資 上 更 需要 有 風險 控管 意識 特別 是 近期 金融市場 易 呈現 急 漲 急 跌 資金 輪 動 快速 的 環境 下 輔以 市況 前景 的 不 確定性 建議 投資人 採取 多重 資產 方式 因應 群 益 潛力 收益 多重 資產 基 金經理 人 徐煒 庠 表示 各國 相繼 推出 救 市 政策 或 採取 降息 手段 加上 全球 流動性 無 虞 景氣 邁入 衰退 的 機會 仍 相對 低 不過 短期 在 市場 波動 放大 下 仍 建議 投資人 採取 多重 資產 策略 來 因應 以 平衡 投資 組合 波動 並 掌握 不同 資產 投資 契機 廣納 收益 來源 以 滿足 風險 控管 收益 追求 以及 成長 潛力 兼顧 的 投資 需求 野村 核心 配置 多重 資產 基 金經理 人 白傑洛 jerome barkate 表示 新冠肺炎 病毒 衝擊 投資人 信心 然而目前 全球 經濟 增速 預期 仍 保持 相對 強勢 尤其 是 美國 企業 獲利 持續 穩定 成長 雖然 短線 之內 受到 疫情 影響 震盪 較 大 但 美 股 基本 面 佳 待 疫情 過後 將 恢復 正軌 因此 長線 仍 看好 美 股 短期 債券市場 將 會 有 較 高 的 防禦 性 高 評級 和 存 續期 間 較 長 之 債券 將 直接 從 貨幣政策 中 受益 台 新 全球 多元 資產 組合 基 金經理 人 謝 夢蘭 表示 疫情 不 確定性 仍 高 基本 面 轉 弱 風險 升 高下 股市 及 債市 波動 度 皆 將 大幅度提高 建議 采 多元 資產 配置 策略 降低 風險性 資產 比重 提升 抗 波動 及 高息 收 產品 比重 如 優先 擔保 高 收 債 美國 reits 等 第一 金 全球 ai 人工智慧 基金 經理 人 陳世傑 表示 今年 挾 著 5 g 開 台商 轉 將 讓 ai 如虎添翼 因為 ai 5 g 技術 結合 能夠 幫助 ai 更 完整 巧妙 結合 軟 硬體 資源 預期 各種 智慧 工廠 精准 醫療 金融 科技 智慧 家庭 物聯網 等 應用 將 遍地開花 為 全球 各行各業 驅動 出 數 十 兆 美元 的 商業 產值 安 本 標準 投 信 投資 長 彭 炫 通 指出 在 當前 環境 下 投資者 應 採取 審慎 而 多元化 的 策略 擺脫 傳統 股 債 配置 的 框架 舉例來說 新興 市場 當地 貨幣 主權 債 長期 前景 亮麗 除此之外 也 建議 增 持 美國 抗 通 膨 債券 tips 澳洲 債券 及 日圓 有助 在 市場 波動 升溫 之際 分散 風險</t>
  </si>
  <si>
    <t>資 策 會 產業 情報研究所 mic 34 th mic forum spring 新 局 線 上 研討會 登場 預估 2021 年 全球 半 導體 市場 規模 成 長 109 達 4883億 美元 成長 態勢 將 延續 至 2022 年 成長率 預估 為 127 四大 動能 為 筆 電 5 g 高速 運算 hpc 與 車 用電 子 mic 分析 指出 半導體 產能 不足 也 造成 排擠 效應 加上 車用 晶 片 訂單 回 溫 導致 產能 更加 吃緊 整體 半導體 產能 不足 問題 將 延 燒 至 2022 年 觀測 臺灣 半 導體 發展 資 策 會 mic 表示 2020 年 整體 營 收 創 新高 產值 大幅 提升 至 293 兆 新 台幣 成長率 高 達 22 主要 來自 疫情 驅動 筆 電 與 hpc 需求 以及 美中 貿易戰 之下 中國 大陸 手機 品牌 業者 的 手機 晶 片 需求 預期 2021 年 臺灣 半 導體 產值 將 持續 提升 至 326 兆 新 台幣 成長率 達 114 資深 產業 分析 師鄭凱 安 指出 上半年 成長 動能 來自 筆 電 與 顯示器 需求 加上 全球 填補 庫存 半導體 產能 滿載 下半年 動能 主要 為 5 g 滲透 率 提升 以及 車用 物聯網 應用 對半 導體 元件 需求 回 溫 未來 須 觀測 疫情 是否 受到 控制 若 控制 成功 可 預期 需求 將 持續 增長 資 策 會 mic 資深 產業 分析 師鄭凱 安 表示 2021 年 半導體 面臨 更加 劇 的 產能 不足 與 排擠 問題 供不應求 從 晶圓 代 工 延伸 到 封 測 導致 交 期 與 價格 拉高 產能 不足 問題 將 延續 至 2022 年 產能 不足 也 造成 排擠 效應 低 毛利 應用 晶 片 如 顯示 驅動 ic 面臨 代工 順位 延 後 而 缺貨 加上 車用 晶 片 訂單 回 溫 導致 產能 更加 吃緊 預計 要到 2021 年 第 三 季才會 稍微 緩解 另外 排擠 效應 對於 小型 ic 設計業 者 造成 隱憂 大廠 議價 能力 較 強 影響 不大 小型 業者 卻 可能 因 此 面臨 生存 危機 短 中期 有 三 個 觀測 重點 一 疫情 控制 情形 將 直接 影響 2021 年 下半年 庫存 調整 狀況 二 在 產能 不足 之下 美國 對 中國 大陸 的 貿易 管制 是否 再有 變化 將 對 國際 ic 設計業 者 選擇 晶圓 代 工地 點 產生 明顯 影響 三 缺貨 嚴重 的 晶 片 類型 部分 ic 設計業 者 已 開始 將 8 吋 晶圓 制程 轉向 成本 較 高 產量 較 大 的 12 吋 晶圓 制程 有 機會 緩解 部分 需求 鄭凱安 觀測 長期趨勢 表示 半導體 產 能 成為 各國 戰略物資 已經 成為 大 趨勢 新建 產 能 在 配套 的 基礎 設施 以及 與 上下游 產業 供應 鏈 的 配合 之下 可望 形成 新 的 半導體 產業 聚落 改變 全球 供需 分佈</t>
  </si>
  <si>
    <t>處理器 大廠 美 商超 微 amd 在 x 86 架構 中央處理器 cpu 市場 持續 攻城掠地 第 三 季在 排除 半 客 制 化 嵌入 式 及物聯網 市場 後 的 總體 x 86 處理器 市場佔有率 飆 升至 224 較 去年同期 增加 63 個 百分點 並 創下 2007 年 第 四季 以來</t>
  </si>
  <si>
    <t>處理器 大廠 美 商超 微 amd 在 x 86 架構 中央處理器 cpu 市場 持續 攻城掠地 第 三 季在 排除 半 客 制 化 嵌入 式 及物聯網 市場 後 的 總體 x 86 處理器 市場佔有率 飆 升至 224 較 去年同期 增加 63 個 百分點 並 創下 2007 年 第 四季 以來 的 13 年 新 高 紀錄 超 微 在 台積電 7 奈 米 投 片 持續 增加 上 量 業 界 預期 市 占 率 可望 持續 拉升 超 微 如期 推出 zen 3 架構 系列 x 86 處理器 vermeer 搶攻 桌上型 電腦 市 占 在 台積電 7 奈 米 產能 奧援 下 zen 3 架構 筆記型電腦 伺服器 等 處理器 將 陸續 推出 法人 看好 台積 電通 吃 7 奈 米 晶圓 代 工 訂單 封 測 代工廠 日 月光 投 控 晶片組 供應商 祥 碩 均 熱 片 供應商 健策 電源 管理 ic 廠茂 達 及 致 新 金 氧 半 場 效 電晶體 mosfet 廠 大中 及 傑 力 等 概念 股 同步 受惠 新冠肺炎 疫情 帶動 個人 電腦 銷售 動能 超 微 受惠 於 競爭對手 供貨 不足 第 三 季在 全球 x 86 處理器 市 占率 已 連續 9 季度 呈現 成長 根據 市 調 機構 mercury research 針對 第 三 季 x 86 處理器 市 占率 調查報告 在 排除 半 客 制 化 嵌入 式 及物聯網 市場 後 的 x 86 處理器 市場 中 超 微 第 三 季 整體 市 占 率 已 上升 至 224 較 第二 季 增加 41 個 百分點 與 去年同期 相較 增加 63 個 百分點 並為 2007 年 第 四季 以來 的 13 年 新 高 超 微 第 三 季 桌上型 電腦 x 86 處理器 市 占率達 201 較 第二 季 增加 09 個 百分點 較 去年同期 增加 21 個 百分點 連續 12 季度 維持 攀升 並為 2013 年 第 四季 以來 新 高 筆記型電腦 x 86 處理器 第 三 季市 占 率 亦 攀升 至 202 較 第二 季 增加 達 03 個 百分點 與 去年同期 相較 增加 55 個 百分點 創下 連續 12 季度 攀升 及 市 占 率 達 歷史 新 高 紀錄 超 微 第 四季 進入 7 奈米 zen 3 架構 世代 在 台積電 7 奈 米制 程及 產能 奧援 下 新款 桌 機 處理器 一 上市 就 供不應求 業 界 預期 超 微 市 占 率 將 持續 提升 法人 除了 看好 台積電 7 奈 米制 程 滿載 到 明年 上半年 也 看好 祥 碩 健策 等 概念 股 營運 旺 到 明年 其中 祥 碩 因 超 微 市 占 率 提升 而 受惠 最 大 b 550 a 520 晶片組 出 貨 暢 旺 明年 還 可望 通 吃 全新 600 系列 晶片組 代 工 訂單 祥 碩 第 三 季 合併 營 收 2093億 元 稅 後 淨利 879億 元 並 較 去年同期 成長 逾 26 倍 每股 淨利 1273 元 累計 前 三 季 每股 淨利 達 3355 元 法人 預期 全年 將 賺 逾 四 個 股本 由於 新 一代 zen 3 架構 處理器 平臺 不僅 在 運算 時脈 效能 提升 也 強化 了 人工智慧 ai 及 繪圖 技術 等 運算 功能 並 全面 支援 pcie gen 4 及 usb 4 等 高速傳輸 介面 搭配 的 電源 管理 ic 及 金 氧 半 場 效 電晶體 mosfet 數量 大幅 增加 對於 茂達 致 新 大中 傑 力 尼克森 富 鼎 等 業者 亦 將 帶來 更 大 的 營運 成長 動能</t>
  </si>
  <si>
    <t>美中 貿易 戰和 科技 戰後 由於 美國 對 大陸 高 科技 的 管制 造成 下單 轉 單 效應 也 使 臺灣 的 科技 業 商 機 暢 旺 尤其 是 半 導體 的 搶 單轉 單 效應 以及 ai 5 g 物聯網 等 技術 的 開展 對半 導體 需求量 大 增 的 情況 下 成為 各方 爭搶 訂單 的 標的</t>
  </si>
  <si>
    <t>美中 貿易 戰和 科技 戰後 由於 美國 對 大陸 高 科技 的 管制 造成 下單 轉 單 效應 也 使 臺灣 的 科技 業 商 機 暢 旺 尤其 是 半 導體 的 搶 單轉 單 效應 以及 ai 5 g 物聯網 等 技術 的 開展 對半 導體 需求量 大 增 的 情況 下 成為 各方 爭搶 訂單 的 標的 而使 台 積 電 贏得 護 國 神 山 的 美名 其次 covid-19 的 肆虐 導致 遠 距 醫療 遠 距 工作 遠 距 學習 遠 距 娛樂 等 蔚為 潮流 也 帶動 筆 電 雲端 資訊 安全 的 需求 此外 在 新 生活型 態 的 帶動 下 共用 經濟 平臺 經濟 外 送 經濟 等 新 的 平臺 跨 域 合作 大放異彩 雖然 臺灣 獲利 於新冠肺炎 美中 科技 戰 也 使 臺灣 在 科技 業 的 訂單 源源不絕 但 深入 分析 臺灣 受惠 的 絕大多數 是 代工 硬體 而非 軟 體 服務 智 財權 與 品牌 如 遠 距 的 需求 臺灣 還 是 以 筆 電 伺服器 等 硬體 為主 對 遠 距 的 視 訊 軟 體 資訊 安全 軟 體 的 著 墨 相對 較 少 同時 在 共享 經濟 外 送 經濟 蔚 為 潮流 之下 臺灣 除了 ubike 之外 缺乏 自己 的 平臺 uber eats food panda 均 為 外來 的 品牌 而 臺灣 冀以 重望 的 半導體 目前 在 搶 單 的 情況 下 訂單 已經 超額 下 訂到 12 至 18 個 月 其中 有些 訂單 並不 扎實 一旦 景氣 下滑 這些 訂單 也 可能 會 毀約 屆時 臺灣 能否 繼續 維持 這麼 熱絡 的 景氣 也 有 一定 程度 的 不 確定性 就 股市 而言 台積電 占 臺灣 上市 櫃 公司 市值 近 30 其他 前 十 大 市值 公司 的 九 家 總和 僅 占台積 電 的 一半 而且 前述 十 大 市值 的 公司 多數 是 成立 30 年 以上 的 半 導體 電子 石化公司 皆 為 硬體 製造業 和 美國 韓國 中國 股市 的 多樣化 有 著 相當 大 的 差異 美國 軟 硬體 各 半 韓國 近年 來 網路 生 技 鋰 電池 產業 崛起 中國 則 在 網際網路 及 相關 應用服務 大放異彩 股市 的 表現 更 多樣化 更 向 新 經濟 靠攏 此外 如 再以 初次 上市 櫃 企業 ipo 的 金額 觀 之 那斯 達克 nasdaq 有 570 多 億 美元 香港 有 510 多 億 美元 臺灣 則 只 有 100 多 億 元 新 台幣 相去甚遠 由 產業 多元化 股市 成交 值 內涵 及 ipo 金額 等 新 經濟 的 指標 觀察 臺灣 和 新 經濟 還 有 一大 段 的 距離 至於 臺灣 如何 拉 近 和 新 經濟 的 距離 由於 臺灣 和 歐洲 距離 較 遠 地緣關係 不強 日本 則 吝 於 技術 的 移 轉 而 美國 仍 是 ai 5 g 技術 的 主要 源頭 因此 和 美國 的 接軌 將 是 臺灣 未來 和 新 經濟 接軌 的 主要 驅動力 臺灣 和 美國 在 科技 上 接軌 可以 透過 以下 三 個 方向 進行 第一 供應 鏈 的 接軌 第二 人才 技術 商業模式 的 接軌 第 三 則 是 資金 資本 市場 的 接軌 在 供應 鏈 的 接軌 上 臺灣 經由 大陸 東南亞 乃至 墨西哥 的 投資 佈局 接軌 美國市場 已經 相當 完整 但 隨 著 美中 科技 戰 的 開 打 潔淨 網路 clean network 的 布建 區隔非 紅色 紅色 供應 鏈值得 廠商 正視 也 是 政府 可以 支援 的 課題 另外 美國 推動 再 工業化 創造 就業機會 臺灣 是 最好 的 策略 夥伴 臺灣 可以 慎選 一兩 個 重點 產業 提供 海外 供應 鏈 的 協助 幫助 美國 再 工業化 創造 就業機會 贏得 臺灣 在 美國 政界 及 一般 民眾 的 信任 在 人才 技術 商業模式 的 接軌 上 ai 5 g 物聯網 等 技術 源頭 仍 在 美國 臺灣 可以 透過 創業投資 透過 購並 美國 廠商 取得 人才 技術 鏈結 美國 在 新 經濟 的 生態鏈 一方面 投資 美國 另一方面 臺灣 可以 取得 先進 的 技術 商業模式 模式 在 科技 上 繼續 領先 中國 東南亞 在 資本 市場 的 接軌 上 其一 臺灣 可以 參考 那 斯 達克 的 改革 經驗 那斯 達克 過去 面對 上市 企業 減少 的 困境 開始 透過 資金 的 挹注 扶植 新創 企業 讓 新創 企業 可以 源源不絕 的 上市 為 那斯 達克 資本 市場 注入 活水 其二 改變 企業 上市 的 準則 從新 經濟 的 角度 鬆綁 缺乏 彈性 的 準則 尤其 是 透過 矩陣 式 的 規範 讓 企業 在 資本 營業額 獲利率 等 不同 準則 上 有 更 多 彈性 的 選擇 增加 新創 企業 上市 的 機會 其三 臺灣 的 創新 板 可以 選擇 和 那斯 達克 合作 因為 那斯 達克 有 嚴格 的 審核 程式 sop 有 國際 的 品牌 更 容易 引進 國際 的 資金 因為 它 有 國際 的 聲譽 更 容易 取得 國際 投資 人 的 認可 資金 將 可 源源不絕 而來 比 臺灣 自行 推動 創新 板 來得 簡單 而且 投資人 來自 全球 各地 影響 更 為 廣泛 又 臺灣 可以 組成 一個 創業 20 20 家 臺灣 最好 的 新創 企業 在 那斯 達克 的 臺灣 板 掛牌 接軌 美國 引進 國際 資金 為 臺灣 的 新創 企業 開啟 接軌 國際 資本 市場 的 出海口 當然 臺灣 的 產業 應該 更 多元化 尤其 是 扶植 生 技 醫療 軟 體 服務 網際網路 的 新創 企業 才 能夠 和 國際 資金 想要 投資 的 產業 相 吻合 如此 臺灣 將 更 容易 取得 國際 資金 的 青睞</t>
  </si>
  <si>
    <t>科技部長 陳 良基 26 日 公佈 臺灣 10 家 最酷 科技 新創 希望 幫 新創 好手 增加 國際 能見度 讓 臺灣 新創 茁壯 成為 更 厲害 的 獨角獸 其 中聯 齊 科技 近日 獲得 首 波 b 輪 注資 獲 國外 創 投 基金 相中 挹注 約 新 台幣 3億 元 挹注 是 獲獎者 中 得到 最高 募 資 額 的 新創 企業 今年 科技 部 聯手 微軟 新創 加速器 中華電信 5 g 加速器 資 誠 創業 成長 加速器 高通 臺灣 創新 競賽 等 20 家 臺灣 新創 生態圈 夥伴 從 2620 家 科技 新創 中 推薦 521 家 團隊 參與 選拔 最後 決 選出 臺灣 科技 新創 10 酷 得獎 者 包括 聯 齊 科技 雲 守護 安控 愛因斯坦 人工智慧 亞大 基因 科技 光 禾 感知 科技 洞見 未來 科技 聿 信 醫療 豐康微 流體 晶 片 昱 星 生物科技 棱 研 科技 等 專注 推動 能源 物聯網 的 聯 齊 科技 推動 能源管理 服務 並 成功 進軍 日本 市場 不久前 才 獲得 軟 體 銀行 旗 下 arm 安 謀 控股 所屬 的 arm iot 基金美 商 中經合集團 及 阿裡巴巴 臺灣 創業者 基金 等 共 1000萬 美元 約 新 台幣 3億 元 資金 挹注 在 新冠肺炎 疫情 衝擊 下 聿 信 科技開發 出 ai 連續 輔助 聽診 系統 可 遠 端 掌握 患者 肺部 呼吸 情形 受到 各方 關注 團隊 也 希望 透過 這 套 系統 捕捉到 新冠肺炎 患者 肺部 的 呼吸 音 讓 醫生 可以 更 密切 掌握 病人 狀態 陳 良基 強調 會 持續 追蹤 每年 新創 10 酷 後續 發展 目前 已 有 一家 業者 將 觸角 延伸 至 全球 20 多國 已 堪稱 是 獨角獸 科技 部 也 將 協助 臺灣 新創 10 酷 提高 他們 的 國際 能見度 吸引 全球 資金 挹注 站上 國際舞臺</t>
  </si>
  <si>
    <t>新北 市府 上周 送出 9301 件 紓困 金 申請 案 到 衛福部 審查 一度 遭到 拒收 事 後 卻 被 指 甩 鍋 中央 連 柯文哲 都 說 新北 市長 侯友宜 是 逆 時 中 新北 市長 侯友宜 昨日 發出 一 封 給 第一 線 人員 公開信 強調 送 件 非 意氣 之 爭 除 是 奉 中央 指示 也 讓 衛福部 瞭解 實際困難 所在 事後 政府 優化 系統 作業 整合 財稅 資料 無形中 拯救 全國 各縣市 基層 公務員 侯友宜 的 公開信 在 新北 市 各 區長 間 臉書 瘋 傳 力挺 侯友宜 的 作為 以下 為 公開信 內容 大家 3 個 多 月 來 忙 著 防疫 工作 好不容易 疫情 慢慢 趨 緩 卻 又 因 擴大 急難 紓困 一 事 讓 大家 忙 得 焦頭爛額 友宜 實在 不忍心 感謝 第一線 夥伴 仍然 堅守崗位 不眠不休 為民服務 有關 擴大 急難 紓困 方案 新北 市 從頭到尾 都是奉 中央 的 指示 辦理 行政院 說 快速 收 件 中央 審核 地方 免責 新北 市 就 將 經過 初篩 的 案件 送 衛福部 現在 衛福部 又 改口說 要 由 地方 審核 那我們 就 來 審核 從寬 認定 希望 趕在 下週一 可以 陸續 發放 這 一 段 日子 以來 無論 新北 市 各縣市 的 第一線 公務員 或是 衛福部 的 公務員 大家 都 非常 的 辛苦 面對 數以萬計 的 紓困 申請 每個 人 都 在 加 班 何況 基層 同仁 還要 面對 急 著 申請 的 民眾 幾乎 每個 樣 態 都 不同 必須 耐心 地 反 覆 說明 友宜 也 親自 到 幾 個 公所 關懷 同仁 告訴 我 有人 還 忙 到 淩晨 三四 點 包括 六 日 甚至 母親節 都 無法 好好 休息 友宜 在 此 向 您 說 聲 辛苦 了 謝謝 您 我們 將 第一 批 9千 多 件 申請 案 送 衛福部 絕不 是 意氣 之 爭 除了 奉 中央 指示 也 讓 衛福部 瞭解 實際困難 所在 因此 他們 也 優化 了 系統 作業 整合 了 108 年 財稅 資料 無形中 也 拯救 了 全國 各縣市 基層 公務員 現在 衛福部 再度 要 交還 並 授權 給 我們 審核 為了 民眾 的 權益 我們 也 樂於 配合 本 是 同 根 生 希望 結果 同達 成 為了 加速 審核 儘快 發放 友宜 懇請 各 區公所 先 將 5 月 8 日 所 收到 的 紓困 案件 綜合 主客觀 條件 判斷 已 達到 可 發放 者 盡 速 核定 發放 至於 大家 所 擔心 的 責任 問題 不用 煩惱 市長 來 扛 沒有 任何 社會保險 是 社會 中 最 底層 的 艱苦 人 為了 讓 他們 早日 拿到 紓困 金 友宜 早已 承諾 所有 因 防疫 紓困 新增 的 加班費 市府 一定 核實 發給 不受 上限 全力 支援 請 大家 放心 苦 民 所 苦 以 同 理 心 為民服務 簡化 作業 圓滿 快速 做 到位 給 乾涸 的 民眾 及時雨 紓困 這 是 政府 施政 的 目的 與 責任 再次 感謝 每 一 位 基層 同仁 的 辛勞</t>
  </si>
  <si>
    <t>知名 作家 苦 苓 昨 24 日 在 臉書 公開 點名 資深 媒體 人 黃暐瀚 什麼 叫 愛 臺灣 就 不要 叫 武漢肺炎 否則 要 付出代價 你 的 畜牲 是 哪一塊 土地 養 大 的 你 現在 是 什麼 狗 在 仗 什麼 人 的 勢 嗎 我 偏偏 就要 叫 武漢肺炎 你 咬 我 啊 接</t>
  </si>
  <si>
    <t>知名 作家 苦 苓 昨 24 日 在 臉書 公開 點名 資深 媒體 人 黃暐瀚 什麼 叫 愛 臺灣 就 不要 叫 武漢肺炎 否則 要 付出代價 你 的 畜牲 是 哪一塊 土地 養 大 的 你 現在 是 什麼 狗 在 仗 什麼 人 的 勢 嗎 我 偏偏 就要 叫 武漢肺炎 你 咬 我 啊 接 著 還 直指 黃暐瀚 裝 可憐 謊稱 發言權 受到 限制 無法 留言 想 製造 他 臉書 是 一言堂 假像 未 料 卻 遭 黃暐瀚 以 一 張 截 圖 打 腫 臉 黃暐瀚 被 苦 苓 點名 痛 批 令 他 無奈 回應 苦 苓 大哥 您 的 臉書 有 設 許可權 我 沒 辦法 用 粉絲 專 頁 帳 號 在 您 的 文章 下面 貼 留言 跟 您 報告 我 早 在 14 天 前 3 月 10 日 就 已經 公開 說 過 誰 想 講 武漢肺炎 誰 想用 covid-19 誰 想 講 新冠肺炎 都 各自 去 說 一點 問題 都 沒有 喔 還 附上 原文 連結 希望 苦 苓 參考 未 料 苦 苓 不領情 稱 自己 臉書 每天 都 有 幾 百 人 留言 包括 吐 槽 他 的 在內 什麼 偏偏有人 要 裝 可憐 說是 發言 許可權 受到 限制 製造 我 這裡 是 一言堂 的 假像 呢 暐 瀚 兄 我 並 沒有 封鎖 你 呀 黃暐瀚 只好 再次 回應 苦 苓 大哥 您 可能 不 知道 因為 許可權 設定 的 關係 我 的 粉 專 帳 號 是 不能 在 您 的 臉書 留言 的 我 第一 篇 回應 就 講 得 很 清楚 我 看到 很多 網友 也 都 在 您 的 po 文 下面 解釋 了 強調 自己 從未 指控 苦 苓 封鎖 或 一言堂 呼籲 大家 不要 再 互相 對立 了 說 完黃暐 瀚 更 附上 一 張 無法 留言 的 截 圖 證明 所言 不 假 自豪 沒有 封鎖 黃暐瀚 的 苦 苓 接 著 也 乾脆 裝 死 不 提 此事 繼續 顧左右而言他 照 過來 照 過來 看看 是 誰 在 斷章取義 是 誰 在 避重就輕 是 誰 為了 討好 幫 中國 隱匿 疫情 害 了 全世界 的 who 反過來 恐嚇 自己 同胞 你 就 站 出來 發誓 你 沒 說 過 這些 話 就 好 了 不必 在 那裡 ggyy 然而 到底 是 誰 ggyy 外界 自有 評斷</t>
  </si>
  <si>
    <t>安排 好 的 旅程 卻 遇到 新冠肺炎 疫情 該 怎麼辦 自 疫情 發生 後 台中 市府 至 2 月中 旬 受理 相關 消費 申訴 共 70 件 其中 旅遊 類 36 件 最 多 為 保障 民眾 權益 法制 局 製作 旅遊 退費 懶 人 包 針對 團 客 自由 行 散客 說明 機票 住宿 退費 機制 讓 民眾 冷靜 度過 疫情 不 恐慌 法制 局長 李善植 指出 近來 因為 新冠肺炎 肆虐 全球 陷入 疫情 壓力 衝擊 民眾 原訂 的 旅遊 行程 及 訂 房 狀況 交通部觀光局 配合 防疫 措施 疫情 發展 及 航空 減班 等 因素 要求 旅 行業 暫停 組團 前往 中國 大陸 地區 旅遊 至 4 月 30 日 李 善 植 說 目前 市府 受理 因 疫情 衝擊 造成 相關 消費 申訴 共有 70 件 分別 包括 旅遊 類 36 件 運輸 類 如 機票 退費 等 29 件 住宿 類 5 件 預期 因 受 疫情 影響 的 旅遊 住宿 及 運輸 類 解約 退費 糾紛 持續 增加 解決 民眾 疑慮 法制 局 針對 疫情 影響 的 國外 旅遊 退費 處理方式 整理 旅遊 退費 q&amp;a簡明 圖 檔 可於 臉書 搜尋 台中市政府 法制 局 粉絲 專 頁 做為 解約 退費 機制 的 參考</t>
  </si>
  <si>
    <t>新冠肺炎 疫情 不可 收 十 湖北省委 書記 蔣超良 遭 免 由 上海 市長 應勇 接替 與此同時 湖北 的 確診 人數 也 一 夕 暴 增到 14萬 為何 會 有 這麼 劇烈 的 改變 十 年前 從 大陸 移居 香港 的 資深 媒體 人 曾慧燕 指出 確診 病例 一 日 暴 增 是因為 新任 者 不 願為 前任 背 鍋 目的 是 為 人事 更迭 鋪路 新冠肺炎 疫情 重災區 湖北省 傳來 巨大 的 官場 大 震動 據 新華社 13 日 報導 蔣超良 不再 擔任 湖北省委 書記 常委 委員 職務 改由 應勇 接替 就 在 此時 湖北 也 改變 確診 標準 將 臨床 診斷 病例 納入 新冠肺炎 確診 案例 一夕之間 病例 暴 增到 14萬 對此 曾慧燕 於 臉書 發文 表示 新 人事 命令 公佈 了 真相大白 原來 是 新任 不 願為 前任 背 鍋 確診 病例 一 日 暴 增 1萬4900 多 例 目的 是 為 人事 更迭 鋪路 一下子 把 真實 資料 公 佈 出來 畢竟 對 民憤 還是 在乎 的</t>
  </si>
  <si>
    <t>有意 角逐 2022 臺北市 長 選舉 的 藍委蔣 萬安 在 日前 國民黨 35 位 政治 人物 聲 量 排名 掉 入 第 30 名 引發 外界 的 關注 對此 國民黨 臺北市 黨 部 主委 黃呂錦 茹 表示 這 應 是 疫情 當下 的 特殊 狀況 明年 接近 選舉 藍綠白 在 北市 會 回歸 基本 盤 藍仍 大有可為 但 政治 人物 在野 時 更 要 該 沖 就 沖 聲 量 應該 再 大 一點 粉 專 聲 量 看 政治 17 日 在 臉書 發文 表示 疫情 期間 的 即時 新聞社 群 聲 量分析 據 5 月 10 日 至今 國民黨 35 位 政治 人物 的 聲 量 排名 如下 侯友宜 的 聲 量 為 3489 是 國民黨 政治 人物 疫情 期間 聲 量 第一 名 第二 名 為 盧秀燕 占 35 位 國民黨 政治 人物 的 566 第 三 名 是 前 高雄 市長 韓國瑜 占 481 第 四 名 是 資深 媒體 人 趙 少康 占 466 而 蔣 萬安 排名 出乎意料 為 第 30 名 倒數第 六 名 針對 蔣 萬安 排名 在 第 30 名 一 事 據 港 媒 中 評 網 今20 報導 黃呂錦 茹 表示 雖然 她 之前 也 覺得 在 疫情 期間 怎 都 沒看 到 蔣 萬安 的 新聞 有所 擔憂 但 這 都只 是 表面 事實上 蔣 萬安 接觸 基層 和 關懷 腳步 從來 沒有 停過 會 讓 曾 受助 于 蔣 的 市民 有所 體會 黃呂錦 茹 認為 只是 蔣 目標 是 臺北 市長 且 現在 臺北 並 不是 國民黨 執政 當 衛福 部長 陳時中 和 臺北市 副 市長 黃珊珊 現 媒體 聲 量 都比蔣 萬安 顯得 多時 大家 對 目前 狀況 也 有 點 焦急 但 黃呂錦 茹 分析 這 應 是 疫情 當下 的 特殊 狀況 明年 接近 選舉 藍綠白 在 北市 會 回歸 基本 盤 藍仍 大有可為 但 政治 人物 在野 時 更 要 該 沖 就 沖 聲 量 應該 再 大 一點 事實上 ettoday 新聞 雲 於 7 月 13 日 至 16 日 針對 18 歲 以上 的 臺北市 民進 行 2022 臺北市 長 人選 調查 調查結果 顯示 若 2022 臺北市 長 由 蔣 萬安 與 陳時中 兩 人 藍綠 對 決 則 以 蔣 萬安 勝出 目前 支持 度 差距 為 152 個 百分點 若 臺灣 民眾黨 派出 黃珊珊 加入 戰局 會 使 蔣 萬安 的 部分 支持者 跑票 將 蔣 萬安 與 陳時 中 雙方 的 支持 度 差距 從 152 個 百分點 拉 近 為 65 個 百分點 但 蔣仍 領先</t>
  </si>
  <si>
    <t>試 吃 林傑 梁 10 風險 臉書</t>
  </si>
  <si>
    <t>尖 牙 股 再 發 威 臉書 亞馬遜 創 新高</t>
  </si>
  <si>
    <t>近期 美 股 反彈 科技 股 扮演 主要 推手 尖 牙 股 faang 再度 出頭天 其中 臉書 與 亞馬遜 股價 雙 創新 高 臉書 20 日 股價 收盤 狂 飆 逾 6 報 22997 美元 亞馬遜 股價 勁升 近 2 收在 249794 美元 雙雙 改寫 新高 紀錄 21 日 美 股</t>
  </si>
  <si>
    <t>國內 昨天 13 日 新增 一 例 大陸 新冠肺炎 輸入 個案 是 隔 8 個 月 來 再度 出 大陸 返台 確診 對此 急診 醫生 陳志金 警告 這 一 例 不 會 是 只 有 一 例 它 背後 代表 的 數字 絕對 不能 輕忽 必須 超前 部署 做好 準備 陳志金 在 臉書 提到 1</t>
  </si>
  <si>
    <t>國內 昨天 13 日 新增 一 例 大陸 新冠肺炎 輸入 個案 是 隔 8 個 月 來 再度 出 大陸 返台 確診 對此 急診 醫生 陳志金 警告 這 一 例 不 會 是 只 有 一 例 它 背後 代表 的 數字 絕對 不能 輕忽 必須 超前 部署 做好 準備 陳志金 在 臉書 提到 1 月 18 日 時 他 寫 過 了 大陸 都靠 外國 檢疫 揪 出新冠肺炎 神奇 新冠肺炎 只 會 出國 不 會 在 國內 傳播 當時 大陸 僅 41 例 確診 卻 能 輸出 3 例 很 不 符合 比例 原則 估計 當時 病例 至少 3000 人 以上 果然 1 月 21 日 臺灣 出現 第一 例 自 武漢 返台 的 確診 後 23 日 武漢 就 封城 了 陳志金 說 10 月 13 日 臺灣 再度 出現 大陸 輸入 病例 也 警告 這 一 例 不 會 只 有 一 例 背後 代表 的 數字 不能 輕忽 每天 確診 數 千 例 的 國家 跑 一 例 來 臺灣 我 相信 但 大陸 現在 每天 確診 10 到 20 例 那麼 巧 跑 一 例 回來 臺灣 這個 當然 是 不 符合 比例 原則 台灣 現在 能 過 著 安定 生活 就是 因為 一 開始 對 大陸 的 數字 保持 懷疑 態度 我們 一定 要 繼續 秉 持 著 年初 的 不 信任 超前 部署 做好 準備 對此 網友 紛紛 留言 準備 開始 抖抖 了 希望 臺灣人 千萬別 輕忽 勤洗手 戴 口罩 還 是 必要 14億 人 只 有 10 20 例 確診 而有 1 2 例 到 他國 比 中樂 透 還 難 但 也 有人 表示 可是 我們 不 也 輸出 多 例 至 其他 國家 然後 臺灣 也 沒 什麼 事 不是 嗎 對於 網友 疑惑 陳志金 也 回應 臺灣 在 國外 被 驗 出 的 確診 案例 後續 疾 管署 每 一 例 都 有 追蹤 疫 調 有的是 偽 陽性 有的是 在 當地 感染 機會 比較 大 而且 這些 個案 在 臺灣 都 沒有 造成 傳播 及 本土 疫情 如果 臺灣 真 的 有 疫情 現在 連 假 天天 塞車 去 玩 到處 人 擠 人 醫院 人滿為患 能夠 不 爆發 嗎</t>
  </si>
  <si>
    <t>明 開始 週末 假期 蔡英文 總統 今 在 臉書 拜 讬 大家 明天 是 星期六 非必要 別 出門 相互 體諒 配合 減少 出門 造成 的 接觸 機會 這 就 是 團結 打 贏 防疫 這 一 仗 最好 的 方式 總統 說 好好 待在家裡 就 可以 減少 感染 風險 假使</t>
  </si>
  <si>
    <t>明 開始 週末 假期 蔡英文 總統 今 在 臉書 拜 讬 大家 明天 是 星期六 非必要 別 出門 相互 體諒 配合 減少 出門 造成 的 接觸 機會 這 就 是 團結 打 贏 防疫 這 一 仗 最好 的 方式 總統 說 好好 待在家裡 就 可以 減少 感染 風險 假使 真 的 需要 外出 也 請 記得 口罩 一定 要 全程 戴好 戴滿 違反規定 就 會 開 罰 她 說 她 也 要 建議 大家 如果 跟 確診 者 沒有 接觸 史 也 沒有 出現 症狀 請 暫緩 篩檢 把 醫療 資源 留給 需要 的 人 也 避免 出門 感染 風險 她 指出 防疫 不容易 第一線 防疫 人員 都 盡全力 在 拼 我們 能 做 的 就 是 相互 體諒 配合 減少 出門 造成 的 接觸 機會 這 就 是 團結 打 贏 防疫 這 一 仗 最好 的 方式 她 表示 拜 讬 大家 了 也 請 多 關心 家中 長輩 孩子 及 身邊 的 朋友 一起 做到 非必要 別 出門</t>
  </si>
  <si>
    <t>彰 化 16 日 晚間 傳出 新增 2 名 學生 確診 彰 化 縣政府 17 日 上午 由 縣長 王 惠美 率 相關 局 處長 透過 臉書 粉 專 直播 說明 防疫 作為 公佈 疫 調 足跡 表 針對 家長 要求 停課 也 強調 未 達 中央 規範 但 家長 憂心 而以 防疫 因素 同意 為 孩子 請假</t>
  </si>
  <si>
    <t>今 5 日 高雄 老字型大小 餐廳 渝香 園 宣佈 將 於 3 月底 歇業 此 消息 一 出 讓 許多 粉絲 透過 電話 臉書 表達 深感 不 舍 該 餐廳 負責人 jenny 表示 要 決定 歇業 是 一 件 非常 難過 的 事情 新冠肺炎 疫情 為 遏止 前 似乎 壓垮 餐飲 界 的 最</t>
  </si>
  <si>
    <t>今 5 日 高雄 老字型大小 餐廳 渝香 園 宣佈 將 於 3 月底 歇業 此 消息 一 出 讓 許多 粉絲 透過 電話 臉書 表達 深感 不 舍 該 餐廳 負責人 jenny 表示 要 決定 歇業 是 一 件 非常 難過 的 事情 新冠肺炎 疫情 為 遏止 前 似乎 壓垮 餐飲 界 的 最後 一 根 稻草 位於 前鎮區 的 渝香 園 成立 至今 已 37 年 該 餐廳 以 台菜 川菜 為主 知名 的 料理 有 椒 麻 肉 金沙 四季豆 小 卷 臘味 飯 蝦 球 尤其 是 南瓜 海鮮 羹 是 老 顧客 必 點 的 一道 菜 餐廳 空間 寬敞 很 適合 舉家 享用 再 加上 負責人 jenny 為人 熱情 因此 累積 不少 忠實 顧客 受到 新冠肺炎 疫情 影響 jenny 認為 此次 疫情 影響 餐飲業 甚 钜 由於 餐廳 的 人事 成本 極 高 經 慎重 思考 過後 忍痛 宣佈 渝香 園 歇業 她 表示 這家 餐廳 是 我 一磚一瓦 建立 起來 的 這 是 我 的 興趣 也 是 我 的 工作 我 非常 享受 這 一切 餐廳 已經 開 37 年 了 今天 決定 要 關店 一 事 我 非常 痛心 員工 也 哭 好幾 天 渝香 園 粉絲 團 上 寫到 走過 最 艱難 的 sars 走過 高雄人 的 痛 高雄氣 爆 但 這次 我們 真 的 要 在 三月 底 跟 大家 說 聲 再 見 了 網友 們 也 留言 回應 表示 感謝 你們 讓 高雄人 有 回味 的 美食 真的 好 捨不得 渝香 園 收 起來</t>
  </si>
  <si>
    <t>宋少卿 臉書 爆 氣 再 開 譙 政府 做 不好 不能 罵 ptt 推 爆 罵 的 好</t>
  </si>
  <si>
    <t>新冠肺炎 疫情 在 臺灣 已經 緩和 許多 但 國外 疫情 依舊 緊張 對此 婦產科 名醫 施景中 感歎 過去 會 羡慕 國外 的 醫生 但 曾幾何時 現在 我 知道 在 臺灣 當 醫生 是 個 福報 施景中 在 個人 臉書上 表示 全世界 的 感染 病例 已 達 500萬</t>
  </si>
  <si>
    <t>新冠肺炎 疫情 在 臺灣 已經 緩和 許多 但 國外 疫情 依舊 緊張 對此 婦產科 名醫 施景中 感歎 過去 會 羡慕 國外 的 醫生 但 曾幾何時 現在 我 知道 在 臺灣 當 醫生 是 個 福報 施景中 在 個人 臉書上 表示 全世界 的 感染 病例 已 達 500萬 例 超過 兩 倍 臺北市 人口 臺灣人 的 生活 卻 沒 什麼 變化 像是 置身事外 一樣 享受 家庭 生活 他 分享 自己 假日 還 能 與 家人 一起 上 餐廳 吃飯 後 的 感受 這次 的 疫情 讓 全人類 遭受 重大損失 臺灣 雖然 身受其害 此時此刻 的 我們 卻 又 感覺 幸福 滿滿 施景中 透露 多年 前 大部分 的 醫生 認為 在 臺灣 當 醫生 是 很 倒 楣 的 事 那幾年 醫學 系 畢業 的 都 到 國外 去 當 醫生 不然 就 是 轉行 不當 醫生 但 看看 現在 的 狀況 後 施景中 說 曾幾何時 現在 我 知道 在 臺灣 當 醫生 是 個 福報 施景中 感歎 過去 會 羡慕 著 美國 新加坡 日本 和 香港 的 醫生 現在 不 會 這樣 想 了 或許 疫情 過 了 我會 選擇性拒絕 國外 演講 的 邀 約 吧 因為 我 現在 能 體 認真 正 幸福 是 什麼</t>
  </si>
  <si>
    <t>新北 市 疫情 嚴峻 總統府 參議 郭昆文 9 日 在 臉書 發文 寫下 第一 第一 得 第一 侯友宜 贊 被 罵 翻 郭 隨即 刪 文 嗣 發表 聲明 表示 本 人臉書 的 私人 貼 文 並 無 影射 之 意 惟 因 引起 不當 的 聯想 造成 混亂 深感 抱歉 不過 此 事件 被 p</t>
  </si>
  <si>
    <t>新北 市 疫情 嚴峻 總統府 參議 郭昆文 9 日 在 臉書 發文 寫下 第一 第一 得 第一 侯友宜 贊 被 罵 翻 郭 隨即 刪 文 嗣 發表 聲明 表示 本 人臉書 的 私人 貼 文 並 無 影射 之 意 惟 因 引起 不當 的 聯想 造成 混亂 深感 抱歉 不過 此 事件 被 ptt 八卦 版 罵 翻 還 在 政治 鬥爭 郭昆文 9 日 在 臉書 發表 第一 第一 得 第一 侯友宜 贊 被 罵 翻 郭 隨即 刪 文 郭昆文 嗣後 發表 聲明 本 人臉書 的 私人 貼 文 並 無 影射 之 意 惟 因 引起 不當 的 聯想 造成 混亂 深感 抱歉 郭昆文 表示 無論 中央 或 地方 的 防疫 團隊 都 非常 努力 非常 辛苦 都 應該 受到 支持 與 鼓勵 更 希望 各界 團結 一起 讓 疫情 早日 得到 控制 大家 能 回到 正常 的 生活 郭昆文 的 發文 被 ptt 八卦 版 罵 翻 紛紛 炮轟 到 現在 還 在 政治 鬥爭 下限 無止盡 這種 水準 把 疫情 當 兒戲 看 嗎 人 前 講 同 島 一 命 這種 早 該 辭職 了 吧 以為 新北 百萬 人 沒有 dpp 選民 20 年內 別 想 拿 回雙北 了</t>
  </si>
  <si>
    <t>連日 因為 新冠肺炎 疫情 大 爆發 各 大 賣 場 造成 搶購 總統府 秘書長 陳菊今 表示 家 買 好吃 的 同時 也 別忘了 不要 搶購 囤積 浪費 食物 過度 消費 以免 荷包 哭 哭 陳菊 今天 在 臉書 指出 臺灣 物產 豐饒 米 食 漁產 蔬果 自產 自</t>
  </si>
  <si>
    <t>新冠肺炎 疫情 衝擊 全球 仍 擋不住 臺灣 民眾 連 假 出遊 決心 各 大 景點 都 湧入 觀光 人潮 像是 墾 丁光 3 天 遊客 就 高達 7萬 人 讓 人 擔憂 清明連 假 後 疫情 恐 攀 高峰 對此 歌手 魏如萱 則 在 臉書 喊話 當 一下 邊緣 人 不 會 死 掉 魏如萱 擔</t>
  </si>
  <si>
    <t>因應 新冠肺炎 疫情 台中市政府 衛生局 全國 首創 於 官方 臉書 健康 就是 贊 推出 我 的 保健室 曾 醫師 聊聊 日 直播 活動 上 週三 首播 後 獲得 熱烈 迴響 8 日 再 邀請 型 男 歐巴 交通 局長 葉昭甫 分享 不同 運輸工具 防疫 措施 還 順</t>
  </si>
  <si>
    <t>唐鳳 臉書 長文 盼 協力 對抗 不實 訊息</t>
  </si>
  <si>
    <t>政務委員 唐 鳳應 國外 智庫 邀 稿 今天 轉貼 在 臉書 主題 是 協力 對抗 不實 訊息 民主 彩球 再度 飛舞 唐鳳 說 重構 數位 時代 的 民主 生態系 必須 將 政府 與 人民 相 對抗 的 制衡 關係 改變 為政 府 企業 人民 相互 協力 的 三角 關係</t>
  </si>
  <si>
    <t>政務委員 唐 鳳應 國外 智庫 邀 稿 今天 轉貼 在 臉書 主題 是 協力 對抗 不實 訊息 民主 彩球 再度 飛舞 唐鳳 說 重構 數位 時代 的 民主 生態系 必須 將 政府 與 人民 相 對抗 的 制衡 關係 改變 為政 府 企業 人民 相互 協力 的 三角 關係 才能 抵禦 不實 訊息 讓 彩球 有 足夠 的 動能 流暢地 在 空中 飛舞 唐 鳳說 民主 政治 是 動態 而 充滿活力 的 但 一 如 雜耍 藝人 拋 接球 需要 高度 平衡 才 不 會 讓 飛舞 的 彩球 落 下 力矩 的 一邊 是 國家 權力 有 著 龐 大 資源 及 組織 但 需要 治理 的 正當性 另 一邊 是 號稱 主人 的 人民 擁有 終極 權力 卻 總是 眾 聲 喧嘩 於是 我們 面臨 兩難 期待 政府 有 能 卻 不 希望 逸 脫 韁 鎖 期待 社會 多元 卻 不 希望 一事無成 唐 鳳 表示 當代 憲政 主義 一方面 透過 權力 分立 來 相互 制衡 另一方面 以 議會 政治 及 媒體 自由 確保 意見 多元 卻 又 能 凝聚 公共 意志 民主 仰賴 這些 機制 建構 相互信任 讓 空中 飛舞 的 球 不會 落地 她 說 在 這個 信任 機制 中 言論自由 無疑 是 重要 基石 而且 言論 必須 是 透明 而 真實 的 錯誤 訊 息 的 危害 顯而易見 而且 說 錯話 或 說 謊話 比 說實話 更 輕而易舉 不然 不 會 有 當 真理 還 在 穿 鞋 時 謊言 已 走過 半 個 世界 的 說法 a lie can travel half way around the world while the truth is putting on its shoes 唐 鳳 指出 傳統 上 我們 仰賴 國會 及 媒體 擔任 守門 人 維繫 著 這個 生態系 的 微妙 平衡 網路 的 出現 帶來 了 巨大 的 變化 接收 資訊 表達意見 乃至 於 群眾 動員 不 需 再 透過 國會 或 媒體 人人 都 可以 是 民意代表 或 媒體 社 群 網路 一個 標籤 hashtag 就 能 卷 起 千 堆 雪 本來 就 脆弱 的 相互信任 岌岌可危 有 組織 有 計 畫 運作 的 不實 訊息 更 乘虛而入 運用 社 群 媒體 資訊 超載 演算法 不透明 等 弱點 假 訊息 可以 快速 傳遞不斷 餵養 相似 內容 強化 既有 觀點 形成 同溫層 網路 言論 環境 日漸 壁壘分明 互信 基礎 日漸 薄弱 權力 失衡 信任 崩潰 下 民主 彩球 散落 一 地 對於 不實 訊 息 的 蔓延 唐鳳 形容 這 已經 成為 民主 能否 良善 治理 的 阿基裡斯 腱 直覺反應 是 透過 法律 管制 來 防護 新加坡 通過 防止 網路 不實 訊息 與 網路 操縱法 protection from online falsehoods and manipulation act 賦予 政府 下令 個人 或 媒體 下 架 假 訊 息 的 權力 另 一 種 典型 是 德國 的 netzdg 要求 主要 社 群 媒體 自我 審查 防阻 並 向 公眾 公開 但 將 下 架 權力 交給 行政部門 難道 不 會 前門拒虎 後門 迎 狼 而 乞靈 于 跨國企業 也 不 會 更 好 就算 委 諸 於 機器 運算 企業 營運 及 演算法 若 缺乏 透明 與 制衡 其 勢 更 甚於 國家 權力 作為 持守 安那 其 價值 者 尤其 不能不 心存 警惕 她 說 解鈴還須系鈴人 既然 問題 來自 於 資訊 傳播 從 媒體 轉移 到 社 群 讓 民間 社 群 參與 信任 重建 才 正本清源 而且 賦 權 給 任何人 都 可以 隨時 進出 的 社 群 因 權力 集中 導致 濫 用 的 風險 最小 唐 鳳並 指 其實 我們 並 不 缺乏 類似 經驗 一度 在 每個 信箱 犯 濫 成災 的 垃圾郵件 幾乎 形成 電子 郵件 的 末日 危機 但 其 救 贖 並 不來 自強 而 有力 的 立法 管制 而是 在 社 群 倡議 之下 郵件 服務者 提供 使用者 標示 垃圾郵件 的 權力 大家 都 標示 的 垃圾郵件 系統 攔截 到 另 一個 收 件 匣 但 並 沒有 刪除 任何 訊息 如果 認為 是 有用 資訊 還是 可以 找 出來 而且 標示 為 白 郵件 權力 不會 集中 在 任何人 或 企業 使用者 仍然 保有 自主 唐 鳳在 文中 提及 臺灣 應對 假 訊 息 的 路徑 類同 主要 並不 依賴 法律 管制 而是 敦促 facebook line google 等 主要 社 群 媒體 或 訊息 工具 業者 共同 簽訂 自律 實踐 準則 除了 在 技術 面 建立 防護 提升 廣告 透明 與 管理 強化 使用者 識讀 能力 之外 重要 的 是 與 第 三 方 合作 建構 獨立 透明 公正 的 監督機制 她 也 說 臺灣 的 第 三 方 事實 查核 機制 例如 臺灣 事實 查核 中心 cofacts 真的假 的 mygopen 與 蘭姆 酒 吐 司 都 是 民間 獨立 組織 甚至 沒有 固定 成員 人力 資金短缺 可想而知 開放 公民 參與 也 就勢 所 必然 許多 技術開發 及 事實 查證 工作 都 是 在 每個 人 都 可以 參與 的 志願者 投入 下 完成 公民 參與 讓 這些 社會 部門 的 朋友 在 與 政府 及 企業 協力 合作 之時 能 保持 一 臂 之遙 而且 維持 內部監督 制衡 唐 鳳 認為 同樣 以 公民 為 中心 的 邏輯 也 運用 在 媒體 素養 教學 上 與其 教條式 地 教導 民眾 或 學生 如何 分辨 網路上 如 潮水般 資訊 不如 讓 大家 認清 在 網路上 每個 人 都 可以 是 媒體 作為 可能 的 自 媒體 工作者 將 比 任何 受眾 更 能 深刻 體會 訊 息 的 真假 或 是否 被 操控 而以 政府 擁有 的 龐大 組織 及 資源 提供 即時正確 而 易懂 的 資訊 給 民眾 也 讓 第 三 方進行 查核 才是 責無旁貸 行政院 以 2 2 2 原則 期待 各部 會 即時 澄清 2 小時 200 字 以內 2 張 圖片 多數 在 不實 訊息 揭露 後 一 小時 完成 唐 鳳並 表示 當然 有趣 也 很 重要 迷 因 工程 設法 把 訊息 包裝 成 忍不住 想要 分享 的 樣子 能 讓 正確 訊息 更加 快速 傳播 當 不實 訊息 前腳 剛 出門 正確 訊息 後腳 就 跟上 也 同樣 光 鮮亮 麗 或許 不必 走過 半 個 地球 就 能 迎頭趕上 了 她 說 2019 年 聯合國 秘書長 高階 數位 合作 專家 小組會議 發佈 數位 互 賴 宣言 強調 建立 分散式 共同 治理 架構 cogov 重構 數位 時代 的 民主 生態系 必須 將 政府 與 人民 相 對抗 的 制衡 關係 改變 為政 府 企業 人民 相互 協力 相互 倚賴 的 三角 關係 也 唯有 如此 才能 抵禦 不實 訊 息 的 侵蝕 重新 取得 民主 社會 所 需 的 生態 平衡 讓 彩球 有 足夠 的 動能 流暢地 在 空中 飛舞</t>
  </si>
  <si>
    <t>受到 新冠 疫情 影響 全台 不少 行業 都 受到 衝擊 行政院 推出 振興 三 倍 券 就 盼 可以 讓 民眾 多多 消費 促進 經濟 發展 但 外界 卻 評價 兩極 宅 神 朱學 恒 就 提出 三 個 大 問題 並 直言 完全 可以 預見 振興 券 真正 上路 之後 會 有 更 多 的 問題 從而 抵銷 原先 應有 的 效果 朱學 恒 在 臉書 朱學 恒 的 阿宅 萬事通 事務所 指出 振興 三 倍 券 有 三大 問題 專 才 濫 用 把 公 測 當 封 測 在用 以及 諸多 設定 不 符合 真正 的 理想 模式 他 首先 質疑 為何 專責 網路 科技 的 政委 唐鳳 被 派 來 負責 振興 經濟 為何 不是 交通部長 負責 說穿 了 就 是 聲望 不夠 高 宣傳 不夠 力 萬一 出事 了 恐 會 順手 毀 掉 一個 長期 培養 的 領袖 朱學 恒 繼續 說明 三 倍 券 的 運作 不但 是 全民 公 測 抓 bug 老實 說 根本 是 把 不 成熟 的 產品 拿 來 給 大家 抓 錯 更妙 的 是 在野黨 工讀生 每天 忙 進 忙 出 找 問題 然後 當局 開心 補洞 讓領 國民 稅金 當 薪水 的 公務員 設計 一 套 完整 規則 很 難 嗎 朱學 恒 更 指出 三 倍 券 的 真正 理想 運作 模式 其實 就 是 各縣市 平臺 共同 舉辦 購物 節 概念 越 開放 瘋狂 越 好 但 當局 東防 西防 振興 經濟 的 效果 怎麼 會 好 結果 千 防 萬 防 家賊難防 套 利 根本 避 免不了 但 增加 消費 門檻 減少 轉手 卻是 實際 的 結果 最後 朱學 恒 就 直言 幾乎 完全 可以 預見 振興 券 真正 上路 之後 會 有 更 多 的 問題 從而 抵銷 原先 應該 有 的 振興 效果 規劃者 難道 不能 更 認真 一點 嗎</t>
  </si>
  <si>
    <t>新冠肺炎 疫情 延 燒 近期 不少 宗教 活動 多 已 暫停 民政局 推出 線 上 祈福 活動 與 永和 保福 宮 三峽 紫微 天 後宮 土 城 慈法 禪寺 及 三 重 先 嗇 宮 等 宗教團體 合作 只 要到 新北 民政 保平安 臉書 留言 有 機會 獲 宮廟 限量 祈福 小 物 也 會 把</t>
  </si>
  <si>
    <t>新冠肺炎 疫情 延 燒 近期 不少 宗教 活動 多 已 暫停 民政局 推出 線 上 祈福 活動 與 永和 保福 宮 三峽 紫微 天 後宮 土 城 慈法 禪寺 及 三 重 先 嗇 宮 等 宗教團體 合作 只 要到 新北 民政 保平安 臉書 留言 有 機會 獲 宮廟 限量 祈福 小 物 也 會 把 祈願 內容 送交 宮廟 不必 出門 也 能 加倍 幸福 網上 寫 心願 宮廟 代 客 祈福 民政局長 柯慶忠 表示 宗教團體 是 社會安定 的 重要 力量 為 讓 信 眾 防疫 也 能 持續 祈福 民政局 與 近期 聖誕 的 神明 主 祀 宮廟 聯合推出 線 上 祈福 活動 並 仿 電影 寄生 上流 劇情 拍攝 短片 宣 導線 上 祈福 防疫 觀念 呼籲 減少 人潮 群 聚 保 生 大帝 聖誕 留言 送 禦 守 宗教 科長 賴小萍 表示 新北 宗教 線 上 祈福 搭配 近期 神明 聖誕 分 4 階段 邀 民眾 為 神明 慶 生 只要 至 新北 民政 保平安 臉書 留言 寫 出 祈願 就 有 機會 獲得 宮廟 提供 的 限量 祈福 小 物 民政局 也 會 將 民眾 留言 的 心願 送至宮廟 舉行 法 會上 疏文 祝願 心想事成 第一 波 4 月 7 日 保 生 大帝 聖誕 民眾 即日起 至 3 月 25 日 至 民政局 粉 專 留言 民眾 有 機會 獲得 保福 宮保生 大帝 平安 禦 守 民政局 說 民間 信奉 保 生 大帝 為 醫 神 亦 有 瘟 醫大 道 公之稱 平安 禦 守 在 身 期 能 去 瘟 除 疫 保佑 身體健康 接下來 的 4 月 15 日 天上聖母 聖誕 4 月 30 日 釋迦牟尼 佛 聖誕 及 5 月 18 日神 農 大帝 聖誕 也 有 系列 活動 與 保平安 小 物 邀請 市民 留言 求 平安</t>
  </si>
  <si>
    <t>新北 市 一 位 許姓 女子 2020 年 8 月 間 曾在 臉書 po 文 指控 我家 附近 死 了 一個 確診 者 別 再 欺騙 臺灣人 了 同年 9 月 又 再度 上傳 2 位 鄰居 都 是 發高燒 住院 沒 幾 天 就 被 醫院 草率 開 普通 肺炎 死亡 證明 結案 新北 地 檢 署 今 19 日 偵</t>
  </si>
  <si>
    <t>確診 者 新冠肺炎 covid-19 臉書 起訴</t>
  </si>
  <si>
    <t>許多 國家 為 防堵 delta 疫情 宣佈 打 第 三 劑 加強 劑 疫苗 胸腔 科 醫師 蘇一峰 分享 以色列 近日 宣佈 打 第 三 劑 預防 感染 的 保護 力 增加 4 倍 預防 重症 的 保護 力則 增加 5 6 倍 美國 加拿大 法國 與 德國 也 紛紛 準備 打 第 三 劑 貼 文 引起 網友 討論 直言 臺灣 還 有 許多 人 連 第一 劑 都 不 知道 在 哪裡 想 打 第 三 劑 感覺 得 要 等 到 2023 年 了 真的 好 可悲 蘇一峰 昨 在 臉書 發文 表示 以色列 在 8 月 22 日 宣佈 第 三 劑 疫苗 的 效果 發現 預防 感染 保護 力 增為 4 倍 防 重症 與 住院 的 保護 力則 增為 5 至 6 倍 因此 當地政府 不顧 世界衛生組織 who 的 反對 將 進一步 開放 40 歲 以上 的 教師 醫護 與 特殊 疾病 者 打 第 三 劑 蘇一峰 指出 以色列 目前 已 有 150 萬國民 施打第 三 劑 疫苗 而 美國 加拿大 法國 與 德國 也 都 準備 要 打 第 三 劑 他 提到 美國 的 醫護人員 針對 是否 該 接種第 三 劑 新冠 疫苗 進行 投票 結果 發現 9 成 以上 的 人 都 希望 可以 打 第 三 劑 加強 劑 甚至 有 不少 病 患 也 詢問 能 不能 打 第 三 劑 疫苗 不少 網友 看 了 則 感歎 地 說 臺灣 第一 劑 還有 很多 人 沒 打到 第 三 劑 可能 是 2023 年 的 事 了 國家 政策 真 的 重要 反觀 我們 的 疫苗 真是 少 的 可憐 打 疫苗 好像 遠遠 看不到 先進 國家 的 車尾燈 臺灣 一 堆 人 連 第一 劑 疫苗 在 哪 都 不 知道 可悲 國際 疫苗 都 要 打 第 三 劑 國產 疫苗 應該 要 研發 打 第 三 劑 全球 疫苗 供貨 嚴重 不 平均 部分 先進 國家 宣佈 將 施打第 三 劑 加強 劑 疫苗 引 來世 衛 組織 的 反對 因為 有些 國家 的 疫苗 卻 嚴重不足 甚至 連 醫護人員 都 無法 先 獲得 基本 保護</t>
  </si>
  <si>
    <t>行政院南部聯合服務中心 執行長 陳 政 聞 遭 爆 捲入 牡丹 灣 villa 群 聚 事件 消息 一 出 後 政壇 炒 得 沸沸揚揚 高雄 地方 更 直言 陳政聞 這次 走 定 了 烏紗帽 恐 不 保 不過 許多 網友 可不 這樣 認為 直言 3 11 這 把 火 都 沒 事 了 這個 更 沒事 顏色 對了 都 沒事 熟知 內情 人士 透露 當天 陳政聞 與 南部 政 商 一同 前往 牡丹 灣 因 民眾 投訴 且 遭 媒體 詢問 當晚 政 院 高層 便 直接 要求 陳 立即 離開 現場 且 放 話 如果 名字 見報 立刻 下臺 對此 許多 網友 在 報導 這 則 新聞 的 粉 專 中 時 新聞網 臉書 下方 留言 表示 沒 怕 的 啦 燒 山 都 沒 事 了 顏色 正確 就 可以 了 落選 得 高官 真是 好棒 棒 沒 問題 的 綠色 支持者 會 自動 選擇性 失明 失聰 失 憶 官員 把 山 燒 了 都 沒事 去 villa 群 聚 只是 小菜一碟 有 關係 就 沒關係 要是 馬英九 時期 那些 側翼 什麼 翼 的 還 不 開始 鬧騰 民眾 還 在 坐牢 官員 卻 享樂 去 了 3 11 這 把 火 都 沒 事 了 這個 更 沒事 顏色 對了 都 沒事 據悉 蘇貞昌 表 定 16 日 下午 2 時 到 高雄 流行音樂 中心 海音館 視察 高雄 疫苗 施打 情形 該 行程 本來 就 不 開放 媒體 入場 但 開放 線 上 提問 不料 行政院 在 公開 行程 2 個 半 小時 後 臨時 宣佈 取消 行程 如今 外界 終於 豁然開朗 猜測 或許 事 涉 敏感 蘇貞昌 恐 為此 震怒 因而 臨時 喊 卡 行程 據 側面 瞭解 陳政聞 當天 確實 帶 了 妻小 前往 屏 東 頂級 villa 住宿 也 已向 陳其邁 及 蘇貞昌 方面 主動 告知 此事 對於 外傳 蘇貞昌 震怒 一 事 行政院 今 表示 蘇貞昌 視察 高雄 疫苗 施打 情形 行程 延 後 完全 是 考量 獲 預報 當天 下午 南部 有 雷雨 不宜 航行 而 取消 是 次 行程 同日 也 有 向 詢問 的 媒體 說明 是 氣候 因素 之 故 此 與 媒體 所 報導 陳政聞 之 事件 毫無關係</t>
  </si>
  <si>
    <t>本土 疫情 失控 死亡 人 已 超越 sars 時期 紀錄 藥師 林士峰 表示 在 此時 談 經濟 是 大 逆風 的 話題 但 他 親自 走訪 發現 連 知名 大 賣 場 人潮 也 僅剩 過去 三 分之一 想起 臺北市 市長 柯文哲 所說 再 拿 不 到 疫苗 讓 群體 免疫 沒有 病 死 的 大概 也 餓 死 了 可見 政府 唯一 能 做 的 就 是 趕快 拿到 疫苗 此文 獲得 不少 失業 網友 迴響 紛紛表示 自己 也 想 安心 在家 防疫 但 沒 收入 真的 撐不下去 林 士 峰 昨日 3 在 臉書 發文 表示 疫情 嚴峻 談 經濟 問題 恐怕 是 大 逆風 的 話題 他 今天 實際 到 知名 美 式 賣 場 人潮 已經 是 平常 的 三 分之一 就 像 柯文哲 說 的 再不 拿到 疫苗 儘快 完成 群體 免疫 的 任務 沒有 病 死 的 大概 也 餓 死 了 林 士 峰 指出 仔細 思索 政府 有 什麼 能 實施 的 振興 方案 能夠 真正 解決 問題 幾乎 是 沒有 的 因為 開 店 之後 要 面臨 的 開銷 除了 房租 水電 員工 薪水 以外 更 重要 難 解 的 是 未 付 應收 帳 款 一 間 店 的 整體 毛利 如果 是 三 成 那麼 假如 未 付 應收 帳 款 是 三 個 月 那 你 要 準備 的 周轉金 是 兩 倍 的 營業額 偏偏 這時候 很多 人 不敢 出門 消費 營業額 說不定 只有 平常 的 三 分之一 別說 薪水 房租 可能 付 不 出來 每個 月 的 貨款 票 期 更 難 解 對此 林士峰 強調 最近 零星 也 會 出現 有 業者 偷 營業 被 開 罰 送 辦 講 不 聽 還要 斷水 電 的 新聞 當真 這些 業者 都 不怕 染病 嗎 那麼 愛 錢 伸頭 一 刀 縮頭 也 是 一 刀 政府 勒令 停業 的 同時 振興 方案 配套措施 不 完全 才會 有 那麼 多 人 挺而走險 躲 員警 也 躲 病魔 不然 沒 染病 死 掉 也 可能 餓 死 了 此文 一 出 獲得 讓 網友 大 感 贊同 留言道 一針見血 的 評論 說出 小 老百姓 的 痛苦 我們 只 是 要 疫苗 我 本 身 在 影城 工作 政府 叫 影城 暫停營業 結果 補助 對象 卻 沒有 影城 從業人員 而有 一些 自 營業 還 可以 工作 的 人 反而 有 補助現在 停業 完全 沒收 入 隨 著 時間 越來越 久 內心 也 默默 希望 早日 復工 可以 的話 當然 也 希望 放心 在家 防疫 但 沒 收入 真的 不行 說穿 了 都 是 為了 生活 要 嘛 餓 死 要 嘛 病 死 與其 在家 等 餓 死 不如 出去 拼 一下 只 是 這 一 拼 有 可能 害人 又 害 己 所以 你 說 要 怪 這群人 嗎 說真的 我 不 知道 可惜 我們 的 政府 官員 都只會 做 圖 講 幹 話</t>
  </si>
  <si>
    <t>高鐵 企業 工會 昨日 在 臉書 發文 表示 25 日 下午 公司 以 備忘錄 突然 宣佈 原訂 自 3 月 執行 的 員工 調 薪 因 新冠肺炎 疫情 影響 將 無限期 暫緩 消息 一 出 員工 譁然 工會 指出 在 公司 預期 疫情 衝擊 營 收 的 情形 下 工會 雖 理解 公司 為</t>
  </si>
  <si>
    <t>新冠肺炎 疫情 期間 民眾 警戒 心 不安 一 名 廖姓 男子 5 月 下旬 在 臉書 轉貼 今天 林內 有 一個 姓張 的 男 生 在 衛生所 新興路 教堂 附近 確診 在 萬華阿 公 店 當 少爺 等 語 經 台中 市 警察局 第 六 分局 偵查隊 網路 巡邏 發現 向 雲林</t>
  </si>
  <si>
    <t>繼 日本 之後 臺灣 又 被 歐盟 摒 於 門外 新冠肺炎 疫情 已 在 歐洲趨 緩 歐盟 日前 公佈 外 開放 邊境 的 國家 名單 草案 臺灣 竟 未列 其中 讓 大家 非常 失望 對於 歐盟 的 決定 台 大公共 衛生 學院院長 詹 長 權 表示遺憾 也 坦言 這 事件 值得 政府 警惕 國人 小心 歐盟 對外開放 邊境 的 國家 名單 千呼萬喚 始 出來 本月 27 日 在 歐盟 網站 上 公佈 了 7 月 1 日 起 歐盟 對外開放 邊境 的 國家 名單 草案 在 擬 開放 入境 的 54 個 國家 的 名單 沒有 出現 臺灣 的 名字 大 大地 震撼 了 國人 對於 歐盟 第一 波 入境 名單 詹長權 在 臉書上 評論 說 很 遺憾 臺灣 不在 這 一 份 名單 上 這 件 事 值得 政府 警惕 國人 小心 他 指出 這 一 份 歐盟 建立 在 健康 標準 health criteria 所 擬定 的 國家 名單 主要 根據 三 個 客觀 指標 1 流行病 學 情勢 和 新冠 病毒 因應 2 在 旅行 中 採用 感染 控制 手段 的 能力 3 是否 已對 歐盟 解除 旅行 禁令 他 解讀 在 歐盟 所 列 的 3 個 條件 中 臺灣 僅 符合 15 個 指標 為何 臺灣 的 防疫 成績 會 被 歐盟 打叉 叉 有 網友 感慨 留言 你 我 都 知道 為什麼 可惜 政府 無感 詹 長 權 則 回應 要 繼續 發聲 到 現在 都還 在 努力 讓 政府 高層 聽到 看到 該 做 的 可以 做 的 公共 衛生防疫 手段 歐盟 擬 開放 入境 的 54 個 國家 名單 包括 有 中國 大陸 日本 韓國 越南 泰國 紐西蘭 澳洲 美國 臺灣 新加坡 則 未 被 列入</t>
  </si>
  <si>
    <t>明天 是 4 月 1 日 愚人節 蔡英文 總統 今天 提醒 民眾 愚人節 這天 忍不住 的 人 可以 發揮 幽默 但 切記 不 可以 拿 疫情 開玩笑 以免 觸犯 法律 蔡英文 在 臉書 表示 她 想 提前 介紹 愚人節 好運 貓貓 更 重要 的 是 愚人節 這天 不可</t>
  </si>
  <si>
    <t>明天 是 4 月 1 日 愚人節 蔡英文 總統 今天 提醒 民眾 愚人節 這天 忍不住 的 人 可以 發揮 幽默 但 切記 不 可以 拿 疫情 開玩笑 以免 觸犯 法律 蔡英文 在 臉書 表示 她 想 提前 介紹 愚人節 好運 貓貓 更 重要 的 是 愚人節 這天 不 可以 拿 疫情 開玩笑 以免 觸犯 以下 法律 一 丶 傳染病 防治法 第 63 條 散播 有關 傳染病 流行 疫情 之 謠言 或 不實 訊息 足 生 損害 於 公眾 或 他人 者 科 新 台幣 三百萬 元 以下 罰金 二 丶 防疫 特別 條例 第 14 條 散播 有關 嚴重 特殊 傳染性 肺炎 流行 疫情 之 謠言 或 不實 訊息 足 生 損害 於 公眾 或 他人 者 處 三 年 以下 有期徒刑 拘役 或 科 或 並 科 新 台幣 三百萬 元 以下 罰金 她 也 祝福 大家 愚人節 不只 幽默 也 都 能 健康 又 平安</t>
  </si>
  <si>
    <t>新北 市 新莊 體育館 20 日 上午 8 時有 民眾 目擊 有 一 名 女子 橫 躺 在 體育館 階梯 上 面部 也 未戴 上 口罩 有 民眾 憂心 是 昏倒 遂 通報 消防 局 不料 消防 到 現場 一 問 該 名 女子 則 回 覆 她 是 在 曬 日光浴 實際上 因 疫情 進入 社區 多 點 爆發 雙北 率先 升級 為 三級 警戒 後 早已 全面 要求 市民 朋友 出門 戴 上 口罩 若 勸導 不 聽 無 罩 上路 將 可 傳染病 防治法 開 罰 此外 多數 的 公共場所 也 早已 關閉 不 供 民眾 出入 不料 20 日 上午 8 時許 就 有 民眾 目擊 一 名 年 約 30 歲 的 長髮 女性 橫 躺 在 新莊 體育館 的 階梯 上 害怕 發生意外 便 撥打 電話 請求 消防 局 協助 處理 誰 也 沒 想到 是 一 場 烏龍 救護 人員 趕往 現場 時 發覺 女子 並未 配戴 口罩 不敢 大意 便 要求 女子 先戴 上 口罩 再行 詢問 狀態 沒 想到 瞭解 後 才 發現 女子 身體 並 無 不適 只是 在 曬 日光浴 最後 在 救護 人員 的 勸說 下 離開 現場 過程 也 被 民眾 拍下 上傳 至 臉書 社團 透過 圖片 可 見到 該 名 女子 以 臥 姿 趴 在 階梯 上 救護 人員 則 穿 著 全套 防護衣 上前 關心 不少 網友 質疑 疫情 如此 嚴峻 卻 還 有人 在 浪費 醫療 資源 也 有人 替 醫護 抱不平 直說 他們 都 已經 很 累 了 還要 處理 這種 案件 真的 很 辛苦</t>
  </si>
  <si>
    <t>新冠 疫苗 開 打 以來 雖然 有 醫師 抱怨 臺灣人 不 珍惜 疫苗 快 打 站 變 慢 打 站 不過 部分 地區 仍 踴躍 接種 臉書 粉絲 專 頁 dr e 小兒 急診室 日誌 今 以 股價 比喻 疫苗 覆蓋率 建議 民眾 千萬 不要 殺進 殺出 應 把 疫苗 當 存 股 尋求 財</t>
  </si>
  <si>
    <t>新冠 疫苗 開 打 以來 雖然 有 醫師 抱怨 臺灣人 不 珍惜 疫苗 快 打 站 變 慢 打 站 不過 部分 地區 仍 踴躍 接種 臉書 粉絲 專 頁 dr e 小兒 急診室 日誌 今 以 股價 比喻 疫苗 覆蓋率 建議 民眾 千萬 不要 殺進 殺出 應 把 疫苗 當 存 股 尋求 財富 自由 買 就 對了 中山醫學 大學 附設 醫院 兒童 急診科 主任 謝 宗學 今 在 臉書 粉 專 dr e 小兒 急診室 日誌 發文 以 近來 屢 創新 高 的 股市 比喻 疫苗 覆蓋率 臺灣 疫苗 覆蓋率 漲勢 凶 猛 7 2 開盤 跳 空 突破 9 元 最後 收在 937 元 再創 歷史 新 高 神 比喻 掀起 網友 熱烈 討論 謝 宗學 補充 建議 不要 短 進 短 出 有 閒錢 就 買 抱 緊 不 要 賣 當 成存 股 若 家中 長輩 擔心 股價 漲 高 或 擔心 產品 出現 不良 副作用 年輕人 不 要 猶豫 勇於 買進 財富 自由 近 在 遲 尺 他 以 4 字 總結 買 就 對了 網友 紛紛 留言 贊同 覺得 政府 與 其 放 著 疫苗 過期 不如 直接 開放 年紀 較 輕 的 民眾 施打 畢竟 社會 上 負責 養家 的 主力 就 是 被 分到 最後 順位 的 那些 人</t>
  </si>
  <si>
    <t>新冠肺炎 疫情 蔓延 臺灣 民眾 一 片 恐慌 前 副 總統 呂秀蓮 臉書 直播 節目表 示 蔡英文 總統 為何 不會 公開 鄭重 宣佈 這 場 非 典型 戰爭 授權 有 經驗 的 副 總統 陳建仁 全權負責 帶領 全國 相關 醫療 人員 對抗 這個 疫情 此外 呂秀蓮 還</t>
  </si>
  <si>
    <t>隨 著 新冠肺炎 疫情 趨 緩 行政院 今 2 日 正式 公佈 振興 三 倍 券 詳細 方案 由 蘇貞昌 親自 說明 相關 措施 也 禁止 民眾 轉 售 振興 券 對此 民進黨團 幹事長 鄭運鵬 則 是 在 臉書上 表示 行政院 可能 礙于 道德 帽子 禁止 三 倍 券 的 買賣</t>
  </si>
  <si>
    <t>隨 著 新冠肺炎 疫情 趨 緩 行政院 今 2 日 正式 公佈 振興 三 倍 券 詳細 方案 由 蘇貞昌 親自 說明 相關 措施 也 禁止 民眾 轉 售 振興 券 對此 民進黨團 幹事長 鄭運鵬 則 是 在 臉書上 表示 行政院 可能 礙于 道德 帽子 禁止 三 倍 券 的 買賣 這個 部分 我 反對 政 院 今 正式 宣佈 振興 券 詳細 方案 並 定名 為 振興 三 倍 券 每人 支付 新 台幣 1000 元 換 3000 元 振興 券 使用 時間 至 今年底 細 項 曝光 後 鄭運鵬 則 是 在 臉書寫 下 看法 他 說 意見 不 多 即使 之前 有 很多 聲音 在 嫌 但 他 認為 基本上 就是 為什麼 不 免費 發放 這 就 是 經濟 政策 的 取捨 也 重申 一 次 其實 那 1000 元和 那 2000 元 都 是 納稅人 的 錢 還 在 嫌棄 的 朋友 如果 真的 有心 消費 振興 內需 自己 拿 一點 錢 出來 幫忙 滾 動 他 相信 打 三 折 的 優惠 一定 有 吸引力 另外 禁止 三 倍 券 的 買賣 部分 鄭運鵬 則 是 反對 他 認為 應該 鼓勵三 倍 券 交易 創造 更 多 的 轉 桌 率 這 才 是 王道 原因 則 為 以下 3 點 第一 買方 就是 願意 消費 才去 收集 即使 折扣 變 少 他 也 認為 划算 結果 是 這個 人 一定 會 去 消費 第二 對於 賣方 來說 他 本來 可能 沒 辦法 消費 而 沒有 滾 動 效應 現在 他 換到 現金 頂多 延遲 採購 總有一天 會 花 掉 這 也 是 內需 消費 的 一個 行為 第 三 這種 模式 只 要 想成 小吃攤 老闆 收到 客人 的 三 倍 券 他 不 去向 政府 換錢 反而 拿 來 自己 買 東西 不是 很 好 嗎 另外 政 院 也 提到 實體 券 等同 現金 但 不 可以 用於 儲值 繳 學費 水電費 和 各種 規費 也 不能 拿 來 囤積 民生 物資 其他 消費 項目 地點 沒有 限制 但 原則 上 不 找零</t>
  </si>
  <si>
    <t>趙 少康 拍 桌 怒 轟 什麼 政府 女 醫生 臉書 14 字 回 嗆</t>
  </si>
  <si>
    <t>國內 疫苗 擴大 開 打 許多 人 擔憂 其 引發 不良 副作用 對此 台 大家 醫科 醫師 林俊嘉 表示 打 疫苗 需注意 自身 身體狀況 外 施打 後續 仍要 注意 疫苗 產生 的 副作用 其中 打 莫德納 的 局部 反應 通常 比 az 嚴重 他 也 提醒 5 類人 要 注意 林 俊 嘉 日前 於 個人 臉書 粉 專 林俊嘉 醫師 整理 出 az 及 莫德納 兩 款 疫苗 接種 相關 資訊 包括 哪些 人 不能 打 常見 的 副作用 及 施打 後 副作用 處理方式 等 林 俊 嘉 表示 有 3 種 情況 不 適合 施打 az 第一 是 正 在 發燒 者 建議 退燒 後 請 醫師 重新 評估 身體狀況 為 佳 第二 則 是 血栓 或 肝素 引發 的 血小板 低下 者 這類 的 患者 比較 可能 因為 接種 az 後 產生 血栓 第 三 為 對 az 疫苗 過敏者 若 已 施打 第一 劑 az 疫苗 出現 過敏性 休克 等 過敏 反應 或是 已 知 其中 的 過敏 成分 者 林 俊 嘉 說 莫德納 同樣 不 利於 正 在 發燒 者 對 其 成分 過敏者 施打 特別 是 對 核磁共振 mri 顯影劑 過敏者 因此 有 長期 使用 含有 peg 聚 乙二醇 的 民眾 也 不 建議 打 莫德納 包括 耐 福 力 散 腸 見 淨 美 血 樂 倍 血 添 欣 膝 亞 及 染髮劑 等 副作用 方面 林俊嘉 提醒 打 az 後 4 至 28 日 仍 需 持續 注意 身體 可能 產生 引發 血栓 狀況 若 持續性 頭痛 腹瀉 逾 24 小時 下肢 腫脹 疼痛 及 嚴重 胸 痛 或 呼吸困難 出 現任 一 症狀 建議 立即 就醫 另外 莫德納 最 常見 的 為 注射 部位 疼痛 疲倦 肌肉 痛 頭痛 及 發燒 但 發燒 通常 會 於 48 小時 內 緩解 林俊嘉 說 打 莫德納 的 局部 反應 通常 比 az 嚴重 會 出現 所謂 的 新冠 手臂 且 年輕人 的 副作用 會 比 老年人 更為嚴重 第二 劑 的 反應 也 會 比 第一 劑 來得 強 林 俊 嘉 提醒 可於 注射 部位 適度 冰敷 但 千萬 不能 搓 揉 若 發燒 及 頭痛 可於 接種 後 6 至 8 小時 吃 普 拿 疼 千萬 不 可于 施打前 吃 普 拿 疼 預防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在 新冠肺炎 疫情 方面 過去 臺灣 因為 超前 佈署 並 落實 防疫 規定 而 讓 民眾 保有 高度 自由 的 生活 不料 近期 本土 疫情 連環 爆 昨 甚至 一口氣 增加 7 名 本土 個案 其中 6 例 感染 源 不明 足跡 涉及 之處 包含 新北 與 宜蘭 讓 臺灣 從 零 確診 優等生 一下 進入 社區 感染 階段 防疫 規定 上升 到 第 二級 對此 男 星 孫協志 就 在 臉書 發文 透露 前 陣子 上街 已經 一 堆 人 沒 戴 口罩 直言 防疫 成功 不 代表 免疫 目前 能 做 的 只能 嚴格要求 自己 臺灣 連日 增加 確診 人數 人心惶惶 相關 部門 也 傷透 腦筋 因應 昨 5 11 男 星 孫協志 聞訊 後 便 在 臉書 發文 表示 自己 老早 就 一直 在 叨念 前 些 日子 臺灣 防疫 確實 做 得 很 成功 這 都 是 眾人 一起 努力 才 有的 成果 但 短期 的 防疫 成功 並 不 代表 已經 免疫 啊 防疫 其實 是 一個 長期抗戰 孫協志 表示 如果 不能 努力 地 維持 做好 自我管理 並且 保持 控管 鬆懈 那 同樣 的 事情就 會 一再 發生 除非 是 全球 解禁 不然 請 大家 就 是 乖乖 的 勤洗手 勤 消毒 戴好 口罩 聽從 所有 相關 單位 的 安排 發現 問題 或 懷疑 什麼 了 就 立刻 就醫 檢查 處理 拜 讬 孫 協 志 直言 對 自己 嚴格 一點 保護 照顧 好 自己 等同 保護 別人 無奈 之前 疫情 平緩 一些 時 就 看到 一 堆 人 因為 熱 不 舒服 就 沒 在 戴 口罩 好 啊 再 繼續 這樣 下去 看看 吧 唉 他 甚至 還 翻出 自己 4 個 月 前 的 臉書 po 文 截 圖 放在 留言 區 寫下 早 在 一月 時 我 就 已經 在 碎 念了 當時 就 已經 一 堆 人 大搖大擺 不 戴 口罩 的 在 路上 閑 晃 想要 爽 一下 那 就 請 自行 承擔 爽 完 之後 的 結果 當時 的 發文 根本 神 預言</t>
  </si>
  <si>
    <t>新冠肺炎 疫情 在 全球 燃燒 各界 關注 哪 時 可以 研發 出 國產 疫苗 或 取得 外國 疫苗 衛福 部長 陳時中 透露 我國 已於 9 月 18 日 與 國際 平臺 covid-19 疫苗 全球 取得 機制 covax 對此 宅 神 朱學 恒 分析 目前 疫苗 訂價 和 數量 已 成為 外交 角力 的 籌碼 臺灣 還 是 要 靠 自己 比較 安全 朱學 恒 今 25 日 在 臉書上 分享 了 一 篇 bbc 關於 全世界 新冠 疫苗 定價 的 報導 並 表示 疫苗 定價 和 數量 已經 成為 外交 和 國際 角力 的 重要 籌碼 了 臺灣 還 是 要 靠 自己 比較 安全 只 是 臺灣 本土 疫苗 進度 實在 不 太 確定 網友 們 也 留言 回應 疫苗 不能 開玩笑 的 要 先 求好 穩定 才能 求 量 產 的 否則 輕者 傷殘 重者 死亡 臺灣 生 技 公司 只 會 藉 新聞 炒股 真要 自己 做 量 產 疫苗 還 真 的 不大 可靠 臺灣 要 出國 才會 確診 國內 很 安全 衛福 部長 陳時中 今 表示 我國 9 月 18 日 已經 跟 covax 簽約 預計 10 月初 會付 訂金 對於 大概 要 何時 才能 取得 疫苗 陳時中 則 說 確定 時程 covax 也 不 知道 但 他 對 公平 分配 疫苗 有 信心 至於 國產 疫苗 何時 出爐 陳時中 指出 目前 已 進入 第 1 期 臨床 試驗 若 順利 的話 希望 在 明年 第 2 季 也 就 是 56 月 能 提供 國產 疫苗</t>
  </si>
  <si>
    <t>賴姓 男子 因 不滿 衛福 部長 陳時中 對 新冠肺炎 的 防疫 政策 今年 6 月 在 臉書 粉絲 頁 po 文 阿中 部長 隱 暪 疫情 無恥 舔 美 賣 台 陳時中 發現 後 憤 而 提 告 臺北 地 檢 署 今 29 日 依 公然侮辱 罪 起訴 賴男 這 起 案件 引發 不少 網友 不滿</t>
  </si>
  <si>
    <t>賴姓 男子 因 不滿 衛福 部長 陳時中 對 新冠肺炎 的 防疫 政策 今年 6 月 在 臉書 粉絲 頁 po 文 阿中 部長 隱 暪 疫情 無恥 舔 美 賣 台 陳時中 發現 後 憤 而 提 告 臺北 地 檢 署 今 29 日 依 公然侮辱 罪 起訴 賴男 這 起 案件 引發 不少 網友 不滿 轟 陳時中 心眼 到底 多 小 賴男 因 不滿 衛福 部長 陳時中 對 新冠肺炎 的 防疫 政策 於 今年 6 月初 在 臉書 粉絲 頁 蘆 竹南 崁 資訊 大小事 分享 團 po 文 阿中 部長 隱 暪 疫情 無恥 舔 美 賣 台 事後 陳時中 發現 有人 在 臉書上 罵 他 在 6 月 6 日 具 狀 向 臺北 地 檢 署 提 告 賴男 坦承 po 文 但 否認 誹謗 表示 是因為 彰 化 全民 篩檢 確診 比例 和 全台 確診 比例 不 太 一樣 照 彰 化 的 比例 全台 應該 是 1萬 人 確診 且 由 臺灣 出國 的 人 都 被 篩檢 到 確診 因此 他 認為 有 隱 暪 疫情 他 只 是 陳述 事實 但 檢 方 認為 賴男 另 稱 的 彰 化 縣 進行 新冠肺炎 普 篩 是 8 月 才 在 媒體 披露 與 他 po 文 時間 不符 顯 與 事實 不符 依法 起訴 該 案件 引發 網友 討論 指出 可是 我 覺得 網友 說得對 民主 政府 動不動 就要 告 人民 哈哈 哈哈哈 民主 陳時中 自己 都 公開 承認 做 了 很多 不人道 的 事情 民眾 感受 到 這些 不人道 的 事 出言 批評 他 自己 也 承認 的 錯 卻 因 他 提 告 就 起訴 如果 照 同樣 標準 那 以前 國民黨 應該 可以 告 死 一 堆 側翼 糞 青 了 吧 怕 油煙 就別進 廚房 占著 官位 只 懂 耍 官威 要 人民 如何 敬重 陳時中 心眼 也 太 小</t>
  </si>
  <si>
    <t>蔡英文 臉書 遇 逆風 媒體 人 栽 在 賈永婕 手上</t>
  </si>
  <si>
    <t>受到 新冠肺炎 疫情 衝擊 不少 勞工 被迫 放 無 薪 假 甚至 面臨 失業 命運 高市 勞工 局 今 13 日 宣佈 推出 安心 即時 上工 計 畫 釋出 1073 個 公 部門 防疫 相關 職 缺 時薪 158 元 1 個 月 時數 最高 80 小時 即 起至 12 月 31 日 受理 報名 勞工 局長 王秋冬 表示 新冠肺炎 影響 就業 市場 高市 去年同期 1 至 3 月 僅 2 家 企業 通報 5 人 減班 休息 但 今年 截至 目前 因 疫情 影響 放 無 薪 假 的 事業 單位 有 40 家 724 人 希望 此次 提供 公 部門 計時 的 工作 機會 能 緩解 勞工 朋友 的 壓力 外 並 即時 提供 政府 防疫 人力 需求 王秋冬 指出 此次 配合 中央 推動 安心 即時 上工 計 畫 提供 公 部門 計時 工作 機會 社會局 衛生局 教育局 勞工 局 及 各 區公所 等 54 個 機關 局 處 釋出 共 1073 個 防疫 相關 職 缺 最 長 6 個 月 勞工 局 表示 凡 符合 向 公立 就業 服務 機構 申請 登記 當日 前 6 個 月 內 勞工保險 或 就業 保險 之 保險 年資 合計 滿 2 個 月 以上 且 最 近 1 次之 月 投保 薪資 于 2萬3800 元 以下 者 條件 的 勞工 不 限 戶籍 歡迎 到 本市 各 就業 服務站 辦理 登記 經 審核 符合 資格 後 馬上 分發 派 工 詳細 的 訊息 請 參考 高雄 市政府 勞工 局 或 所屬 訓練 就業 中心 網頁 小勞 男孩 臉書 公告 相關 諮 詢 電話 07 7330823 訓練 就業 中心</t>
  </si>
  <si>
    <t>敦睦 艦隊 28 名 官兵 確診 新冠肺炎 敦睦 艦隊 支隊長 陳道輝 上午 在 立院 視 訊 時 強調 絕 無 隱瞞 疫情 針對 敦睦 支隊長 陳道輝 將 被 調離 現職 前 海軍 艦長 戰略 研究員 張競 霸氣 說 陳道輝 是 他 的 學生 他 選擇 跟 他 站 在 一起 究 責 算 他 一 份 張 競 今 發文 至 海軍 艦隊 風雲 臉書 社團 表示 陳 道 輝 是 我 戰 院 教 過 的 學生 假若 他 表現 不好 是 我 教 的 不好 究 責 算 我 一 份 只有 政客 背棄 下屬 沒有 師長 拋棄 弟子 我 選擇 跟 他 站 在 一起 網友 認為 敦 支 要 遠航 非 部長 說了算 敦 支 要 放假 非 支隊長 說了算 幫 國軍 說話 出 任務 沒 問題 該死 的 是 隱匿 疫情 同班同學 以 您 為 榮 以 老師 為 尊 反對 獵 巫 責難</t>
  </si>
  <si>
    <t>成軍 18 年 的 臺灣 天 團 5566 2019 年 再度 合體 開 唱 以 孫協志 王仁甫 許孟哲 3 人 之 姿 帶 著 since 5566 演唱會 成功 唱 進 臺北 小 巨蛋 3 人 原訂 3 月 7 日 移師 高雄 巨蛋 早已 秒 殺 的 萬張 門票 售票 網站 截至 今 23 日 已 有 超過 640 張 以上 的 票 卷 釋出 完封 北 高兩蛋 紀錄 破 功 5566 去年 11 月 宣佈 揮軍 高雄 巨蛋 一萬 張 門票 開 賣 5 分鐘 全部 售 罄 北 高 巨蛋 演唱 完 售 紀錄 達成 但 天 團 仍 不 敵 天災人禍 新冠肺炎 疫情 持續 延 燒 疾 管局 日前 宣佈 大陸 人士 暫緩 入境 港澳 人士 入境 後 需 居家 檢疫 14 天 主辦單位 也 於 9 日 宣佈 演唱會 照常 舉辦 但 全面 開放 粉絲 退票 讓 一 票 難 求 的 演唱會 立即 釋出 600 多 張 的 票 券 主辦單位 華貴 娛樂 為了 不讓 久候 的 歌迷 失望 9 日 在 臉書 粉 專 宣佈 3 月 高雄 演唱會 將 如期 舉辦 並 全面 開放 退票 至 17 日止 大陸 和 港澳 粉絲 則 可 延至 21 日 退票 屆時 現場 也 會 徹底 實施 防疫 措施 請 觀眾 佩戴 口罩 入場 更 多 ctwant 報導</t>
  </si>
  <si>
    <t>新冠肺炎 疫情 持續 全球 大 爆發 全民 積極 防疫 同時 詐騙 集團 卻 搶 搭 防疫 便車 持續 詐欺 犯罪 得逞 根據 165 反 詐騙 諮 詢 專線 統計 自 1 月底 政府 徵用 口罩 後 即 大量 出現 民眾 因 網 購 口罩 遭 假 網 拍 詐騙 案件 而 僅 今年 3 月 涉及 額 溫槍 之 假 網 拍 案件 也 有 20 餘 件 有 民眾 花 了 4400 元 買 2 支 額 溫槍 卻 收到 一 堆 保麗龍 等 垃圾 氣 得 報警 台中 50 歲 陳姓 男子 日前 在 臉書 看到 有 賣家 出售 額 溫槍 訊息 留言 表示 欲 購買 該 賣 家私 訊 他 告知 額 溫槍 僅 以 甜 甜 價 新 台幣 1100 元 出售 陳見 價格便宜 立即 下 訂 並 採用 貨到付款 方式至 超 商取 貨 然而 他 將 貨品 開箱 後 發現 收到 的 竟然 只 是 普通 的 電子 溫度計 外加 1 小 瓶 乙醇 消毒 液 根本 不是 原本 想要 購買 的 額 溫槍 再 聯絡 該 賣家 已 無 回應 臉書 帳 號 也 已 關閉 驚 覺 遭 詐騙 另 名 基隆 40 多 歲林姓 民眾 更慘 他因 擔任 社區 總 幹事 為 便於 量 測 進出 人員 體溫 也 是 透過 臉書 向 賣家 訂購 額 溫槍 經 line 聯繫 後 以 1 支 2200 元 價格 共 購 入 2 支 在 等待 到貨 期間 賣家 曾 告訴 林 包裹 出現異常 可能 被 調換 請 不要 取 貨 但 林 多次 詢問 到貨 時間 該 賣家 卻 又 反 覆 其 詞 最後 林 終於 取得 物品 打開 一 看 卻 發現 竟是 一 堆 廢紙 保麗龍 防撞 泡泡 紙 等 廢棄 雜物 憤怒 之 餘 向 賣家 提出 詢問 賣家 則 誆 稱 林民 取到 的 貨品 應該 就是 疑 似 被 調換 的 包裹 可 協助 辦理 退款 但 在 林民 提供 個人 帳 號 之後 賣家 即 不讀 不 回 也 沒 收到 任何 退款 痛 批 詐騙 集團 並 報案 警方 表示 經 分析 涉及 額 溫槍 的 假 網 拍 案情 發現 有 高 達 7 成 被害人 透過 臉書 的 物品 買賣 交流 社團 采 網路 轉 帳 atm 轉 帳 或 貨到付款 方式 買 額 溫槍 其 餘 2 成是 透過 拍賣 平臺 或 不明 網站 購買 1 成則 是 透過 友人 介紹 購買 警方 說 詐騙 集團 普遍 採用 少量 現貨 的 說詞 利用 饑餓 行銷 手法 引起 民眾 購買 興趣 再以 甜 甜 價 出清 的話 術 以 明顯 低於 行情 的 售價 加強 購買 意願 雖然 被騙 的 金額 並 不 高 仍 對 民眾 的 日常生活 造成 困擾</t>
  </si>
  <si>
    <t>網友 搶購 抗 疫 大 作戰 的 泡 面 餅乾 行政院 趁機 促銷 各類 蔬果 魚 肉 行政院 副 院長 陳其邁 也 在 臉書 貼出 上 賣 場 採買 畫面 但 照片 不是 自己 拍 的 而是 被 網友 野生 捕獲 新冠肺炎 疫情 進入 新 階段 許多 網友 開始 大 採買 各類 物資 陳其</t>
  </si>
  <si>
    <t>網友 搶購 抗 疫 大 作戰 的 泡 面 餅乾 行政院 趁機 促銷 各類 蔬果 魚 肉 行政院 副 院長 陳其邁 也 在 臉書 貼出 上 賣 場 採買 畫面 但 照片 不是 自己 拍 的 而是 被 網友 野生 捕獲 新冠肺炎 疫情 進入 新 階段 許多 網友 開始 大 採買 各類 物資 陳其邁 上 賣 場 採購 戴著 口罩 還 被 網友 認出 物品 還 沒 買到 幾 樣 就 被 硬 生 補 獲 陳其邁 用 網友 提供 的 照片 po 文 順便 促銷 農產品 還 說 儘量 買 貨 很多 卯 死 啊 陳其邁 表示 臺灣 當 季 物產豐富 品質 又 好 物超所值 大家 作 夥 買 起來 採購 優質 的 國產 農產品 不但 是 給 農 漁民 加油打氣 也 是 提升 健康 防疫 的 能量 除了 民生 物資 充足 外 精打細算 的 你 當然 一定 要 選擇 新鮮 又 價格公道 的 米 蔬菜水果 臺灣 豬肉 魚類 等等 千萬別 錯過 聰明 採購 絕對 是 多 買 多 賺</t>
  </si>
  <si>
    <t>臺灣 左 投 陳偉殷 27 日 臉書 發文 感謝 水手隊 他 季外 以 小 聯盟 合約 加盟 水手 日前 遭 球隊 釋出 沒能 趕上 第 2 次 春 訓 本 季 例行 賽 縮短 為 60 場 球隊 不 需要 安排 備用 的 先 發 投手 上 一 季 的 賽事 證明 牛棚 車輪戰 足 以 彌補 輪值 短缺</t>
  </si>
  <si>
    <t>臺灣 左 投 陳偉殷 27 日 臉書 發文 感謝 水手隊 他 季外 以 小 聯盟 合約 加盟 水手 日前 遭 球隊 釋出 沒能 趕上 第 2 次 春 訓 本 季 例行 賽 縮短 為 60 場 球隊 不 需要 安排 備用 的 先 發 投手 上 一 季 的 賽事 證明 牛棚 車輪戰 足 以 彌補 輪值 短缺 陳偉 殷正 在 臺灣 自主 訓練 如果 他 願意 打中 職 還要 面臨 加盟 程式和 球 團 預算 的 問題 但 相較 於 他國 新冠 疫情 中職 是 比較 安全 的 地方 況且 一 整年 都 只 自主 訓練 也 不容易 讓 國外 球隊 看到 現在 大 聯盟 因 疫情 自顧不暇 殷仔 若要 延續 棒球 生涯 不必 堅持 一定 要 在 美國 打球 日 職 老家 中 日龍 顯然 是 陳偉殷 可 考慮 的 他 原本 希望 那是 做為 職業生涯 的 最後 一段路 今年 7 月 他 滿 35 歲 速 球 還有 時速 150 公里 狀況 好 的 話 也 還有 幾 年 的 時間 去年 遭 馬林 魚 釋出 時 陳偉殷 在 臺灣 記者會 說 至於 日本 不 完全 拒絕 也 不是 走 下坡 畢竟 日本 是 我 的 職棒 起頭 回到 起頭 不 會 是 走 下坡 要 退休 的 感覺 中華 棒球隊 的 奧運 6 搶 1 資格 賽 因為 疫情 無限期 延 後 如果 能 辦 成 主場 在 臺灣 也 是 陳偉殷 登 板 證明 自己 的 一個 機會</t>
  </si>
  <si>
    <t>新冠肺炎 疫情 嚴峻 為了 讓 心智 障礙者 長者 兒童 外籍人士 容易 獲取 防疫 資訊 屏 東 縣政府 製作 防疫 易讀 版 手冊 明 瞭 大 圖 配上 簡易 文字 讓 人 一 看 就 懂 目前 電 子書 版 已 上線 本 周 實體 書本 亦 將 出爐 縣長 潘孟安 也 在 臉書 分享 屏 東縣 有 4768 名 心智 障礙者 讓 他們 也 能 獲得 正確 的 防疫 資訊 不但 能 保護 自己 也 能 保護 家人 縣府 推出 的 防疫 易讀 版 手冊 特別強調 與 心智 障礙者 合作 從 所 需 資訊 到 產出 文本 都 經過 心智 障礙者 審稿 及 品 管 符合 使用者 的 需求 易讀 版 內容 透過 一 名 女性 智慧 障礙者 角度 介紹 臺灣 現在 發生 了 什麼 事 認識 新冠肺炎 該 如何 面對 肺炎 疫情 如何 保護 自己 和 大家 等 內容 希望 讓 心智 障礙者 獲得 平等 資訊 以 公民 身分 主動 參與 防疫 並 做好 自身 防護 手冊 也 可 當成 心智 障礙者 的 課程 教材 增加 了 有趣 的 防疫 小 學堂 提醒 相關 防疫 重點 並 在 推出 前 邀請 3 位 智能 障礙者 試 讀 指出 閱讀 過程 看不懂 的 地方 該 如何 修正 讓 手冊 更 能 符合 使用者 的 需要 目前 電 子書 版 已經 上線 可上 網站 https bit ly 2 vkbvyx 下載 本 周 縣府 將 加印 實體 書本 提供 屏 東縣 各 身 障 服務 單位 特教 學校 特教班 各 家庭 福利 服務 中心 等 單位 希望 讓 所有人 都 成為 防疫 小 尖兵</t>
  </si>
  <si>
    <t>北市 聯 醫 內科 醫師 姜冠宇 今天上午 在 臉書 發文 指出 臺北 花博 為 因應 民怨 從 上午 8 點 提早 至 7 點 半 開 打 工作人員 至少 6 點 50 分 就要 集合 出發 結果 人 卻 來得 零零落落 不禁 感歎 提 早上 班也 不 會 加薪 戰線 加開 後 也 不 被 珍惜 更</t>
  </si>
  <si>
    <t>斯洛伐克 捐贈 的 16萬 劑 az 疫苗 今天上午 抵 台 蔡英文 總統 表示 這 批 16萬 劑 疫苗 以及 昨天 日本 捐贈 抵 台 的 50萬 劑 az 疫苗 都會 優先 提供 第二 劑 接種 她 也 再次 提醒 大家 儘早 接種 完整 接種 讓 臺灣 在 防疫 上 具有 最 強 的 戰力 蔡英文 在 臉書 感謝 斯洛伐克 16 倍 的 支持 力量 表示 斯洛伐克 先前 宣佈 將 捐贈 臺灣 的 1萬 劑 疫苗 提高 數量 到 16萬 劑 az 疫苗 就 在 今天上午 這 批 疫苗 已經 抵達 臺灣 她 說 在 全球 疫情 依然 嚴峻 下 斯洛伐克 對於 臺灣 真摯 的 友誼 讓 我們 倍受 感動 她 再次 感謝 斯洛伐克 的 協助 和 支持 臺灣 會 繼續 和 國際 夥伴 相互 扶持 在 共同 對抗 疫情 上 創造 更 多 善 的 迴圈 蔡英文 強調 接下來 斯洛伐克 捐贈 的 這 批 16萬 劑 疫苗 以及 昨天 日本 捐贈 抵 台 的 50萬 劑 az 疫苗 都會 優先 提供 第二 劑 接種 疫苗 是 對抗 疫情 重要 的 武器 我們 會 做 最好 的 接種 安排 她 也 再次 提醒 大家 儘早 接種 完整 接種 讓 臺灣 在 防疫 上 具有 最 強 的 戰力</t>
  </si>
  <si>
    <t>爆發 移 工 群 聚 感染 的 京元 電子 竹南 廠 緊急 大規模 快 篩 截至 3 日 晚上 11 時 共 篩檢 1915 人 快 篩 陽性 51 人 陽性率 達 258 已於 隔離 宿舍 隔離 並 采 檢 pcr 封裝 測試 廠京 元 電 竹南 廠 爆發 員工 群 聚 感染 累積 確診 者 高達 45 人 該 公司 3 日 啟動 自費 快 篩 京元電 準備 將旗 下 新竹 及 銅鑼 等 廠 區 共約 7300 名 員工 分批 載到 竹南 廠 接受 快 篩 不過 截至 3 日 深夜 僅 完成 1915 人 快 篩 其中 51 人 快 篩 陽性 不少 京元 電子 員工 眷屬 紛紛 在 縣長 徐耀昌 臉書 留言 希望 縣長 能到 京元 電子 辦公室 產 線 看 一下 工作 環境 傾聽 員工 的 心聲 擔心 疫情 擴展 下 去 苗栗恐 成 萬華 第二 也 有 網友 反應 請 縣長 強制執行 京元 電子 居家 辦公 分流 同時 停工 消毒 避免 疫情 擴散 此外 為 穩定 疫情 新竹 市政府 4 日 緊急 在 新竹 科學園區 拖吊 場 空地 成立 專案 大型 快 篩 站 將 以 園區 廠商 為 單位 替 移 工 進行 篩檢 目前 已 派 大批 國軍 進駐 協助</t>
  </si>
  <si>
    <t>內 湖 壹 電視 電視臺 傳出 攝影師 猝死 陳屍 廁所 采 檢 結果 出爐 是 確診 新冠肺炎 電視臺 連忙 全面 清 消 內部 北 市府 也 立刻 設置 快 篩 站 對 166 名 員工 進行 篩檢 目前 11 人 快 篩 呈 陽性 所幸 pcr 檢測 都 是 陰性 對此 美女 主 播 許耀雲 也 公佈 自己 的 快 篩 結果 從來沒 想 過 有 一 天會 戴 著 口罩 播 新聞 主 播 許耀雲 知道 快 篩 結果 呈 陰性 之後 立刻 返回 工作崗位 戴 上 口罩 繼續 播報 新聞 事後 她 也 感慨 在 臉書 發文 從來沒 想 過 有 一 天會 戴 著 口罩 播 新聞 更 不用 說 每天 播 新聞 沒有 想到 有 一 天 疫情 就 在 你 身邊 她 也 向 粉絲 們 報平安 透露 第一 階段 快 篩 結果 是 陰性 暫時 可以 松 一口氣 許耀雲 感謝 親朋好友 的 關心 也 希望 所有 同事 平安無事 身體健康 才 是 王道 粉絲 們 也 紛紛 留言 為 她 加油打氣 沒事 就 好 希望 全體 主 播 都 沒事 一切 平安 吉祥 我們 一起 加油 健康 才 是 一切 的 根本 耀 雲 加油 祝福 全體同仁 平安 健康 平安 就 是 福 但 也 有 網友 提醒 許耀雲 快 篩 陰性 不 一定 是 安全 唷 最好 還要 做 pcr~ 確定 是 陰 還是 陽 等待 等待 要 多 驗 幾 次 才 安全 對此 許耀雲 回 覆 快 篩 pcr 都 會 做 哦 現在 只 是 暫時 鬆口氣 謝謝 更 有 人 暖 心 祈禱 新聞 從業人員 很 辛苦 外表 光鮮 下 收入 其實 也 不 算高 期待 所有 新聞 人 都健 健康 康 平安 度過 這次 疫情</t>
  </si>
  <si>
    <t>華視 主 播 林彥汝 上月 底 在 臉書 透露 自己 老公 和 6 歲 兒子 確診 新冠肺炎 所幸 一家 三 口 目前 已 返家 不過 林彥汝 昨 19 日 卻 在 網上 透露 她 的 婆婆 媽媽 經歷 了 31 天 折磨 雖然 戰勝 新冠 病毒 但 卻 因 細菌 進入 血液 引起 敗血症</t>
  </si>
  <si>
    <t>紐約時報 今 刊登 臺灣 民眾 募 資 的 廣告 文中為 臺灣 被 who 拒 於 門外 抱屈 who 立即 發表 13 點 聲明 強調 數 十 年 來 一直 與 臺灣 衛生部門 保持 技術交流 對 who 的 13 點 聲明 林靜儀 醫師 在 臉書 一一 注解 打 臉 who 林靜儀 醫師 表示 wh</t>
  </si>
  <si>
    <t>紐約時報 今 刊登 臺灣 民眾 募 資 的 廣告 文中為 臺灣 被 who 拒 於 門外 抱屈 who 立即 發表 13 點 聲明 強調 數 十 年 來 一直 與 臺灣 衛生部門 保持 技術交流 對 who 的 13 點 聲明 林靜儀 醫師 在 臉書 一一 注解 打 臉 who 林靜儀 醫師 表示 who 提 了 13 個 例子 回 覆 中央 社 說 他們 一直 有 跟 臺灣 聯絡 看 完笑 了 並 一一 注解 打 臉 who 的 聲明 1 臺灣 成立 2005 年 國際 衛生 條例 ihr 2005 聯繫 視窗 透過 它 接收 ihr 的 通訊 向 who 總部 直接 提供 ihr 相關 更新 資訊 並 可 進入 ihr 活動 資訊 網站 eis 系統 12 為 支援 ihr 的 工作 一 位 臺灣 的 專家 已 被 列入 ihr 專家 名單 林靜儀 指出 我們 2019 年 12 月 31 日 透過 ihr 提醒 你們 中國 有 奇怪 疫情 可能 人 傳人 要 注意 哦 如果 有 資料 拜 讬 給 我們 喔 結果 你們 已 讀 未 回 啊 2 who 在 2020 年 1 月成立 多 個 支援 who 在 全球 因應 covid-19 工作 的 重要 網路 臺灣 的 衛生 專家 參加 了 其中 兩 個 3 兩 位 臺灣 的 專家 參與 了 who 在 2020 年 2 月 11 日 至 12 日 主辦 的 全球 研究 與 創新 論壇 林靜儀 指出 當時 全球 疫情 已經 延 燒 讓 我們 參加 討論 不合理 嗎 啊 嗯 丟 金 多謝 哦 4 臺灣 的 衛生 調查 訓練班 是 流行病 學 與 公共 衛生 防治 訓練 網 簡稱 tephinet 的 成員 who 會 與 tephinet 分享 全球 疫情 警報 與 因應 5 who 透過 技術 領導 單位 曾向 臺灣 衛生 當局 提供 簡報 林靜儀 指出 我 有 叫 別人 給 你 講義 哦 6 臺灣 的 專家 與 當局 可 自由 前往 who 官 網 及 其他 數位 平臺 取得 最新 發展 指引 及 其他 材料 他們 也 可以 進入 網站 平臺 那裡 有 提供 給 全球 決策 官員 及 疫情 因應 人員 的 公開 線 上 課程 林靜儀 指出 我 覺得 這個 最 扯 你們 自己 可以 上網 看 啊 7 對臺灣 駐 日內瓦辦事處 有 指定 的 聯絡 視窗 透過 這個 管道 可 處理 一般性 的 問題 林靜儀 指出 大概 是 我 有 給 你 客服 電話號碼 的 意思 8 who 透過 歐洲 疾病 預防 暨 管制中心 與 臺灣 衛生 當局 互動 林靜儀 指出 我 有 叫 我 朋友 跟 你 一起 玩 啊 9 在 2019 年 全年 臺灣 專家 獲得 9 場 who 技術 會議 的 邀請 他們 參加 了 其中 8 場 林靜儀 指出 可 是 2009 至 2019 年 間 我們 申請 參與 187 場 技術性 會議 最後 只 准 出席 57 場 誒 10 在 流感 方面 臺灣 的 疫苗 製造廠 國光 生 技 對 who 流感 全球 大 流行 因應 準備 架構 pip framework 做出 貢獻 林靜儀 指出 呃 所以 11 在 對抗 癌症 方面 臺灣 的 專家 曾 供稿 給 who 國際癌症研究署 出版 的 重要 刊物 林靜儀 指出 呃 不然 咧 13 在 許多 其他 議題 方面 從 who 藥廠 產品檢驗 合格 之前 的 做法 到 瘧疾 我們 在 各種 做法 與 技術 問題 上 也 有 交流 林靜儀 指出 同學 你 已經 在 湊 字數 了 吧</t>
  </si>
  <si>
    <t>新冠肺炎 的 疫情 持續 升溫 讓 民眾 十分 憂心 許多 店家 也 有 積極 配合 戴 口罩 和 勤 消毒 洗手 等 防疫 措施 沒想 到 一 名 超 商店 員 日前 在 幫 客人 結 帳 的 時候 竟然 被 對 方嫌 手 髒 還 口氣 很 差 的 大喊 不要 碰 我 讓 該 名 店員 傻眼 之 餘 也 忍不住 生氣 直 呼 你 當 我 也 會 死亡 之 握 是不是 一 名 在 超 商 工作 的 網友 在 臉書 社團 爆 怨 公社 發文 表示 日前 遇到 一個 結 帳 的 客人 找錢 的 時候 對方 突然 口氣 很 差 的 說 不要 碰 我 讓 該 名 網友 瞬間 傻眼 客人 接 著 說 一直 收 錢 一直 收 錢 你 的 手 很 髒 網友 聽 了 趕緊 回說 他 剛剛 有用 酒精 消毒 雙手 沒 想到 客人 聽 了 還是 怒 嗆 一樣 啦 碰到 然後 確診 你 要付 我 醫藥費 是不是 最後 網友 只好 將 找零 的 錢 放在 櫃檯 客人 竟然 還 得理不饒 人 的 質疑 他 態度 很 差 種種 行徑 讓 該 名 網友 無奈 表示 難道 你 要 我 用 筷子 夾 給 你 你 才 滿意 嗎 我 無時無刻 都 在 洗手 消毒 手 都 裂 了 原來 被 我 碰 過 的 人 都 一定 確診 你 當 我 也 會 死亡 之 握 是不是 文章 引起 熱 議 不少 網友 都 留言 回應 他 的 意思 是 不用 找 了 他 其實 想 給 你 小費 但是 又 不好意思 說 死亡 之 握 整個 笑 出來 直接 客人 說 你 的 錢比 我 的 手 還 髒 你 應該 問 他 那 要 找 給 你 的 錢 我 都摸 過 了 你 還 要 嗎 也 有 網友 建議 現在 很多 地方 都利 用 小盤子 放 錢 交易 放 個 盤子 讓 客人 放 錢 跟 放 找 的 錢</t>
  </si>
  <si>
    <t>愛 傳媒 楊忠衡 專欄 郭董 要 見 蔡 總統 結果 同時 請 來 了 台積電 的 劉 董 好像 各路人馬 進 了 龍門客棧 笑容 底下 不知 打 什麼 算盤 一 到 晚上 各路 電視 名 嘴 早已 養 足 精神 迫不及待 各自 表述 從 他們 眉飛色舞 口若懸河 的 表演 打敗 所有 職業 說書 相聲 講 古 藝人 內容 從醫 學 講到 科技 從 經濟 扯 到 政治 精彩 勝過 三國 混 西游 甄環 配 水滸 把 小小 一 張 會議桌 解讀 成 國內 三教九流 海峽兩岸 世界 列強 的 角力 桌 這 讓 我 想到 小時 讀 的 成語故事 二桃殺三士 春秋時代 的 齊景公 為了 收伏 手 下 三 員大將 採用 晏子 獻策 賞賜三 個 人 兩 顆 桃子 結果 三 個 大將 在 各自 想 太 多 的 情況 下 先後 自盡 齊景公 除掉 三 個 心腹大患 只用 了 兩 顆 桃子 堪稱 史上 cp 值 最高 的 平亂 計謀 我 當時 年紀 雖 小 卻 自 許聰明 打從 心底 不 信 三 個 功業 彪炳 的 大將軍 什麼 世面 沒有 見 過 怎麼 可能 為 了 兩 顆 桃子 自 尋 絕路 呢又 不是 三 歲 小孩 一直 到 好不容易 活 了 那麼 大 歲數 才 明白 人世 是 怎麼回事 每個 人 就 像 棋盤 上 的 一 枚 棋子 表面 上 各自 平靜 的 杵 著 其實 彼此間 存在 無形 的 聯動 厲害 關係 隨 著 棋局 進行 棋子 間 的 壓力 愈 絞 愈 緊 看不懂 的 只 看見 棋子 挪 移 看得懂 的 高手 則 可能 在 數 著 之前 就 悟 到 對 方的 殺機 輕輕 放 下 的 兩 顆 桃子 可能 已經 註定 三 名 武將 的 死棋 第一 位 懂 的 將軍 選擇 自殺 他 的 死 造成 新 的 壓力 迫使 第二 位 不得不 跟 著 自殺 那麼 第 三 位 有 可能 帶 著 兩 顆 桃子 獨自 安然 微笑 離開 現場 嗎 那 兩 個 枉 死 的 仇家 勢力 會 放過 他 嗎 他 這麼 白目 皇帝 又 可能 獨厚 他 嗎 除了 自殺 沒有 別的 選項 小小 的 動作 背後 力道 萬鈞 同樣 的 看似 平淡無奇 的 安排 誰 知道 棋局 背後 的 計謀 是 什麼 也 難怪 名 嘴 們 要 興致勃勃 的 捕風捉影 了 自古 有 明 訓 人類 最 大 的 對手 還是 人類 自己 疫苗 是 焦點 在 這 幕 戲 裡 反而 靜靜 成為 配角 就 像 關鍵 的 兩 顆 桃 事情 將 如何 發展 搬 張 椅子 看 下去 作者 為 廣藝 基金會 執行長 照片 來源 作者 臉書 更 多 文章 見 作者 臉書 經 授權 刊載 專欄 文章 不 代表 i-media 愛 傳媒 立場</t>
  </si>
  <si>
    <t>目前 停泊 在 日本 橫濱 的 郵輪 鑽石 公主 號 全船 3700 多 人中 已經 有 218 人 確診 新冠肺炎 所有 乘客 都 必須 在 船上 隔離 不得 下船 宛如 海上 監獄 但 為何 鑽石 公主 號 三不 五 時就 離開 港口 出海 繞 圈 後 又 返 港 旅遊 達人 給出 了 專業 解答 臉書 旅遊 粉 專 傑 水 輕 喃 指出 不少 人 好奇 為何 鑽石 公主 號 不 好好 停泊 在 橫濱 非要 出海 繞圈圈 後 再 駛 回港 內 有 網友 猜 日本政府 不敢 讓 確診 者 停留 在 港口 太 久 也 有人 猜 是 要 省 下 碼頭 停泊 費用 對此 傑 水 輕 喃 表示 其實 郵輪 這樣 做 的 原因 只 有 一個 那 就 是 補充 淡水 傑 水 輕 喃 表示 郵輪 上 的 淡水 來源 主要 是 船上 的 海水 淡化 系統 但 港 區 的 水質 沒 那麼 好 不適 合在 港 內 取水 給 客人 用 因此 郵輪 每 兩三 天 就 得 出海 一 次 否則 船上 的 淡水 會 耗盡 有些 被 隔離 者 反映 房間 洗手間 的 水質 惡化 甚至 帶有 些許 顏色 那就 是 淡水 供應 品質 下降 傑 水 輕 喃 補充 說 這種 大型 郵輪 本身 的 設計 上 是 要 載 著 人們 邊玩 邊 住 的 白天 讓 乘客 登岸 遊玩 夜晚 趕路 航行 甚是 日夜 航行 一般 情況 下 大概 沒有 滿載 客人 停 在 碼頭 內 超過 48 小時 的 情況 但 如果 像 現在 這樣 載 著 客人 們 停 在 原處 不動 那跟 原本 的 設計 需求 不同 對 郵輪 來說 有 先天 無法 克服 的 障礙 除非 要 從 岸上 不斷 為 郵輪 注入 淡水 否則 鑽石 公主 號 出海 繞 圈 返 港 是 必要 的</t>
  </si>
  <si>
    <t>新冠肺炎 疫情 全球 擴散 造成 市場 恐慌 連帶 引發 全球 股災 交通部長 林佳龍 昨日 在 臉書 表示 承接 下墜 的 經濟 交通 重大 建設工程 提早 發包 至少 700億 資金 搶先 投資 臺灣 消基會 交通 組 副 召集人 李克聰 說 目前 聽 起來 是 一個</t>
  </si>
  <si>
    <t>新冠肺炎 疫情 全球 擴散 造成 市場 恐慌 連帶 引發 全球 股災 交通部長 林佳龍 昨日 在 臉書 表示 承接 下墜 的 經濟 交通 重大 建設工程 提早 發包 至少 700億 資金 搶先 投資 臺灣 消基會 交通 組 副 召集人 李克聰 說 目前 聽 起來 是 一個 政策 宣示 要 等 評估 有 哪些 公共 建設 要 提前 發包 再來 評估 檢 視 是否 有 急迫性 等 較為 具體 林佳龍 表示 面對 新冠肺炎 疫情 臺灣 第一 波 雖然 守 得 不錯 但 可 預期 未來 的 抗戰 工作會 更加 艱辛 近期 股市 跌跌 不休 新冠肺炎 讓 全球 經濟 陷入 泥沼 因此 在 防疫 紓困 之外 還要 再 超前 部署 接 住 下墜 中的 經濟 擔任 經濟 成長 動能 的 推手 傾 一切 的 力量 對抗 衰退 林佳龍 指出 交通部 已經 盤點 國道 公路 鐵道 航海 航空 等 計畫 中的 工程 全面 加速 辦理 投資 臺灣 越快越好 林佳龍 提到 交通部 未 發 包 的 重大 工程 原訂 6 月底 前 發包 者 提前 發包 下半年 度 全部 提早 3 個 月 發包 後 1 個 月 內 開工 逾 60 件 提早 發包 預算 規模 超過 700億 元 執行 中的 重大 工程 林佳龍 說 將 增加 工作面 提前 1 個 月 完工 提早 辦理 原 2021 年 工 項 可 提早 完工 59 件 116億 元 明年 工 項 提早 辦理 46 件 35億 元 外界 關心 有 哪些 重大 建設 會 先 提前 發包 交通部 官員 表示 目前 尚未 有 具體 專案 還 需要 兩 周 時間 匯 整 資料 官員 解釋 因為 行政院 於 3 月 18 日 通過 109 年度 加速 公共 建設 計畫 執行 成效 措施 要求 所有 部會 將 所有 公共 建設 加速 執行 這 是 通 案 並非 針對 交通部 接 著 交通部 開 例會 部長 立即 作出指示 所以 目前 尚未 有 具體 細 項 交通部 官員 指出 目前 分成 兩 階段 如果 預定 是 上半年 要 發包 的 案子 距離 6 月底 只 剩 3 個 月 有 一定 程式 要 走 只能 儘量 往 前提 如果 預計 是 下半年 要 發包 的 案子 在 條件 許可 下 會 提前 到 6 月底 執行</t>
  </si>
  <si>
    <t>臺灣 新冠肺炎 疫情 持續 延 燒 全國 三級 警戒 將 延長 到 6 月 14 日 教育部長 潘文忠 也 在 今 25 日 記者會 上 宣佈 全台 停課 也 會 同步 延長 然而 消息 曝光 後 不少 家長 都 感到 相當 崩潰 紛紛 湧入 教育部 臉書 留言 更 有 人 希望 能夠</t>
  </si>
  <si>
    <t>臺灣 新冠肺炎 疫情 持續 延 燒 全國 三級 警戒 將 延長 到 6 月 14 日 教育部長 潘文忠 也 在 今 25 日 記者會 上 宣佈 全台 停課 也 會 同步 延長 然而 消息 曝光 後 不少 家長 都 感到 相當 崩潰 紛紛 湧入 教育部 臉書 留言 更 有 人 希望 能夠 先 放 暑假 再 提早 開學 截至 本月 24 日 下午 5 點 30 分 為止 全台 學生 共有 145 人 確診 其中 包含 大專院校 70 人 國小 24 人 高中生 22 人 國 中生 17 人 幼稚園 12 人 由於 疫情 尚未 緩解 因應 全國 三級 延長 教育部 也 宣佈 將 停課 日期 延長 至 6 月 14 日 延長 停課 的 消息 也 同步 在 教育部 臉書 粉 專 發佈 不少 網友 看到 後 都 忍不住 哀號 無 後援 的 父母 要 吃 土 了 家裡 兩 個 國 小生 崩潰 中 天 啊 晴天霹靂 媽媽 已 崩潰 到極點 了 職業 媽媽 好 阿 雜 台語 沒有 這麼 多 假 可以 請 雖然 很 不 想 面對 家中 2 只 惡魔 可 疫情 那麼 嚴重 我 也 寧願 請假 讓他們 在家 另外 也 有 許多 家長 和 老師 提出 建議 認為 可以 先 讓 學生 們 放 暑假 之後 再 提早 開學 或 進行 補課 我 覺得 提早 暑假 比較 適當 這樣 老師 跟 學生 眼睛 會 壞 掉 家長會 崩潰 我 說真的 拜 讬 直接 放 暑假 之後 視 情況 提早 開學 或 補課 好 嗎 媽媽 在家 照顧 小孩 還要 兼 教學 成效 很 差 啊 建議 乾脆 停課 也 停學 提早 放 暑假 提早 開學 線 上 教學 在 臺灣 不是 很 成熟 我 身 為 國高中 的 數學老師 實在 對 教學 成效 很 憂慮</t>
  </si>
  <si>
    <t>臺灣 疫情 持續 升溫 民眾 人心惶惶 華視 總經理 莊豐嘉 今 20 下午 在 透過 臉書 證實 一 名 公務 車 員工 曾至 萬 華 地區 經采檢 後 確診 消息 一 出 也 引發 員工 不滿 因為 有 傳 大多數 員工 還 是 看 了 新聞 才 知道 此事 甚至 有 人 直接 在 新聞 部</t>
  </si>
  <si>
    <t>全國 公務人員 協會 榮譽 理事長 李 來希 3 月 21 日 在 臉書用 新聞照片 po 文 指 有 民眾 為了 排隊 買 口罩 被 車 輾斃 遭 控 違反 傳染病 防治法 等 相關 法規 新北 地 檢 署 處分 不 起訴 網友 在 李 來希 臉書 貼 文 恭喜 並 表示 公理 自在 人</t>
  </si>
  <si>
    <t>新冠肺炎 的 疫情 在 全球 持續 延 燒 為了 降低 在 公共場合 中標 的 風險 口罩 也 成為 所有人 出門 必備 的 物品 一 名 女網友 日前 趕 著 上班 隨手 抓 了 2 個 黑色 口罩 就 沖 出 門 沒想 到 一 打開 卻 讓 她 超 傻眼 不禁 羞 喊 暈 怎麼 上 公車 一 名 女網友 在 臉書 社團 爆 怨 公社 發文 表示 日前 早上 急 著 趕 搭 公車 上班 隨手 抓 了 2 個 黑色 的 口罩 就 火速 沖 出 門 到 了 公車站 準備 戴上時 卻 瞬間 愣住 因為 她 竟然 錯 拿 成 黑色 包裝 的 衛生棉 讓 她 忍不住 害羞 直 呼 被 這 外表 騙 了 以為 是 口罩 打開 才 發現 是 衛生棉 暈 怎麼 上 公車 還 附上 拆開 的 照片 表示 無言 中 文章 曝光 之後 笑 翻 一 票 網友 不少 人 紛紛 留言 表示 反正 都帶 了 戴 吧 去 拿 2 條 橡皮筋 綁起來 會 較 像 你 不說 我 ok 我 可以 笑 嗎 貼上去 一樣 防 飛 沫 兩 片 一起 用 手 扶著 上去 去 公車 上 跟 女 乘客 換 誤 這 是 限量的 低調 包裝 也 有 不少 女網友 歪 樓 表示 這 是 哪家 的 衛生棉 啊 還 蠻 有 質感 的 請問 是 什麼 牌子 這個 包裝 會 讓 人 想買 耶 結果 晚上 經過 康是美 有 看到 腦 波 太 弱 買 了 一 包 希望 好 用</t>
  </si>
  <si>
    <t>臺灣 疫苗 量 充足 除了 可用 疫苗 平臺 預約 施打 也 可 自行 至 指定 醫院 預約 接種 但 也 因此 鬧 出 烏龍 一 名 女網友 透露 她 在 動物醫院 上班 某天 竟 接 到 一 名 婦人 打電話 來 說 要 打 bnt 她 好聲好氣 地 提醒 對 方打錯 了 結果 反 被 凶 讓 她 忍不住 翻白眼 大 歎 如果 堅持 要 在 這 邊打 的話 可能 只 有 狂犬病 疫苗 超 瞎 的 故事 讓 不少 網友 笑 歪 直 呼 是 以為 獸醫院 也 能 打 疫苗 嗎 一 名 女網友 昨 在 臉書 社團 爆 怨 公社 發文 表示 有 一 位 婦人 打電話 來 醫院 說 要 打 bnt 疫苗 但 尷尬 的 是 我們 這邊 是 動物醫院 啊 友善 提醒 對方 可能 撥 錯 電話 了 結果 還 被 凶 說 你們 這邊 不是 仁愛 嗎 女網友 指出 她 只好 耐心 解釋 我們 是 x 愛 動物醫院 差 一個 字 差 很多 喔 結果 這 名 婦人 聽 了 還 很 不開 心 的 嘟嘟囔囔 幾 句 才 掛 電話 讓 她 超級 無奈 最後 也 忍不住 開玩笑 說 如果 堅持 要 在 這 邊打 的話 可能 只 有 狂犬病 疫苗 不少 網友 看 完直 呼 這 太 瞎 了 是 以為 獸醫院 也 能 打 bnt 嗎 都說 打 錯 電話 了 對 方是 在 凶 什麼 啊 還 是 他 以為 寵物 也 可以 打 bnt 那 我 要 替 我家 的 登記 打 錯 還 凶 人家 法 鬥 表示 人類 好 呆 喔 問問 她 是 不是 想 打 十 合一 的 疫苗 還有 三合一 五合一 與 腹膜 炎 疫苗 可以 選擇 放心 我 8 月 還 遇過 一個 婦人 要 打 第 三 劑 莫德納 真 是 什麼 人 都有</t>
  </si>
  <si>
    <t>國內 疫情 緊張 雙北 病床 數量 是否 足夠 中央 昨天 拿出 報表 指出 目前 雙 北空 病房 320 間 還有 1500 多 床 沒有 不夠 讓 臺北市 長 柯文哲 氣炸 大罵 中央 阿達馬孔 固力 腦袋 裝 水泥 想 拿 病歷 砸 衛福部 次長 石崇良 重症 胸腔 科 醫師 蘇一峰 也 直言 報表 單 上 的 床位 不 等於 真實 床位 要 有 醫護 上班 才能 開 床 但 中央 只 拿 報表 喊 空 床 數 不 面對現實 當 自己 在 玩 模擬城市 是 吧 蘇一峰 今天 在 臉書 發文 炮轟 有 沒有 床 問 各 醫院 第一線 急診室 醫護人員 與 住院 櫃檯 就 知道 並 指出 報表 單 上 的 床位 不 等於 真實 床位 病房 需要 時間 施工 改建 也 要 有 能 上班 的 醫護人員 才能 開 床 開 病房 但 中央 什麼 都 不 管 只 從 報表 上 的 數字 就 認為 醫院 有空 床 當 自己 在 玩 模擬城市 是 吧 對此 網友 紛紛 留言 對 床 是 空 的 沒有 多 的 醫護人員 沒有 多 的 設備 有 床 也 要 有 人力 不然 病人 自己 diy 嗎躲 在 冷氣 房 看 報表 數位 的 大官 啊 類比城市 笑 著 笑 著 就 哭 了 難怪 阿北 忍不住 罵 出來 還 有人 建議 中央 應該 自己 去 第一 線 急診室 看 一下 至少 眼見 為 憑 每天 打 高空 只 會 累死 一線 醫護 而已 醫療 一直 以來 都 是 人力 缺乏 的 狀態 就算 喬出 床位 也 沒有 人 可以 上班</t>
  </si>
  <si>
    <t>國內 想 打 疫苗 的 民眾 多數 想 打 莫德納 或 bnt 並 傳言 說 國外 都 不 接受 az 對此 醫藥 粉 專 medpartner 美 的 好 朋友 發文 澄清 az 是 國際 接受度 最高 的 疫苗 目前 共 119 個 國家 接受 比 bnt 和 莫德納都高 引起 網友 討論 醫藥 粉 專 medpartner 美 的 好 朋友 昨 在 臉書 發文 表示 不 知道 為什麼 一直 有 謠言 說 az 疫苗 在 國際 上 的 接受度 低 但 事實上 az 是 國際 接受度 最高 的 疫苗 目前 世界 上 共有 119 個 國家 接受 az 比 bnt 和 莫德納都 還 要 高 貼 文 引起 網友 討論 不少 人 認同 地 說 身邊 的 親友 真 的 都有 這樣 的 迷 思 很多 人 都說 非 莫德納 不可 不 信者 永遠 不 信 只 會 說 日本 都 不 打 az 詢問 了 下 身邊 的 同事 與 朋友 很多 人 都鍾情 mrna 疫苗 另 有 網友 留言 指出 目前 的 問題 應該 不是 國際 間 的 接受度 而是 傳說 az 疫苗 的 防護力 比 bnt 和 莫德納 還 弱 因此 許多 人 覺得 既然 要 打 那為 何不 選 更 好 的 來 打 對此 粉 專 medpartner 美 的 好 朋友 回 說 az 第二 劑 的 保護 力 確實 比較 低 但 在 真實 世界 中所 觀察 到 的 資料 避免 重症 與 死亡 的 機 率 其實 沒有 什麼 差別</t>
  </si>
  <si>
    <t>行政院 行政院 發言人 羅秉成 今日 召開 記者會 證實 台積電 永齡 基金會 合計 捐贈 1千萬 劑 bnt 疫苗 的 契約 簽署 羅 強調 政府 全力支援 捐贈 單位 全力 奉獻 才能 在 半 個 月 內 完成 這項 重要 的 捐贈 案 不過 宅 神 朱學 恒 看 完 這 場 記者 會後 狠 酸 政府 以後 若要 收割 可以 不 要 露骨 直播 嗎 羅 秉 成 表示 這次 的 捐贈 案 政府 全力支援 捐贈 單位 全力 奉獻 才能 在 半 個 月 內 完成 這項 重要 進展 而 捐贈 單位 是 全部 無償 捐贈 並 由 中央 統籌 運用 政府 要 向台積 電 永齡 基金會 出錢出力 表達 謝意 羅秉 成說 疫苗 進來 後 政府 會 負責 後續 作業 若 本 專案 慈濟 專案 等 計畫 能 順利 執行 預計 年底 前 會 有 一定 bnt 疫苗 數量 可 運用 羅 秉 成 重申 捐贈 專案 3 原則 2 共識 包括 原廠 製造 原廠 標籤 直 送 臺灣 以及 無償 捐贈 中央 統籌 分配 至於 疫苗 何時 到貨 因 疫苗 供需 時程 很 難 估算 本案 也 不是 現買 就 有 現貨 現在 只 能 盡力 爭取 國人 請 敬請期待 看 完政院 的 記者會 朱學 恒 隨即 在 臉書 發文 表示 行政院 記者會 觀後感 以後 要 打 手槍 自 慰 收割 可以 不 要 露骨 直播 嗎 大批 網友 也 在 其 po 文 底下 留言 表示 說 實在 羅大 律師 把 自己 給 做 廢 了 記者會 不開 還好 開 了 更 顯現出 政府 的 失 能 呵 呵 收割 速度 之 快 我 相信 臺灣人 還是 有智慧 的 幾 個 月 前 他們 還 說 bnt 是 大陸 疫苗 哈哈 沒有 擋 疫苗 林全 被 擋 是 事實 真 的 大 傻眼</t>
  </si>
  <si>
    <t>類風濕性 關節炎 是 常見 的 自體 免疫 疾病 好 發于 中年 女性 若 疾病 控制 未 達 緩解 目標 容易 因為 關節 發炎 腫 痛 動作 卡卡 不僅 脫戴 口罩 需要 更 多 時間 也 難 落實 洗手 完整 步驟 為 協 民眾 瞭 解 自身 情況 促進 醫病 溝通 臺灣 抗 風濕病 聯盟 推出 一 分鐘 微笑 量 表 只要 快速 圈選 身體狀況 分數 疼痛 分數 等 專案 即可 找 出 對應 疾病 控制 的 4 種 表情符號 臺灣 抗 風濕病 聯盟 執行長 蔡長右 表示 類風濕性 關節炎 屬於 全身性 自體 免疫 疾病 是 破壞力 最 強 的 關節炎 之一 臺灣 約 有 10 至 20萬 名 病友 常見 發生 于中年 女性 因 免疫系統 失調 把 自己 的 關節 當成 攻擊 目標 造成 關節 發炎 腫 痛 其 誘發 疾病 原因 包括 感染 壓力 溫度 等 如 長期 治療 未達標 關節 恐 持續 破壞 甚至 變形 值得注意 的 是 疫情 期間 約 有 3 成 類風濕性 關節炎 病友 未 規律 回診 造成 病況 失去 控制 全身 發炎 門診 就 有 一 名 病友 關節 劇烈 腫痛 走路 彷 佛 機器 戰 警 手肘 與 膝蓋 彎曲 趨 近 90 度 移動 只能 拖 步 走 這 才 趕緊 就醫 從事 急診室 護理 師 工作 的 32 歲 病友 鄭小姐 表示 15 年前 莫名 手腕 疼痛 一 周 後 疼痛 擴 及 全身 寸步難行 就醫 確診 為 類風濕性 關節炎 當時 從 停車場 到 診 間 的 短短 10 分鐘 路程 她 卻 要 拼命 忍痛 走 上 2 小時 不忍心 看到 爸爸 因為 她 和 妹妹 兩 人 都 罹 患 自體 免疫性 疾病 而 愧疚 自責 鄭小姐 積極 配合 醫囑 治療 希望 向 爸爸 證明 只要 好好 治療 自己 也 可以 與 正常人 一樣 生活 每逢 天氣 變 冷或 下雨 關節 容易 感到 腫 痛 不適 加上 血液 循 換 變 慢 不光 洗澡 洗 頭 刷牙 等 生活 作息 甚至 連 脫 戴 口罩 洗手 等 防疫 基本功 需要 關節 的 細部 動作 都 覺得 吃力 這樣 偶爾 不適 的 情況 讓 她 不 確定 自己 是否 治療 達標 臺灣 抗 風濕病 聯盟 董事長 蔡世滋 表示 每 一 種 病症 都 有 依 循 的 治療 目標 就 像 糖尿病應 控制 糖化 血色素 在 7 以下 視力 矯正 目標 需 達 10 以上 發燒 的 治療 目標 應在 38 以下 類風濕性 關節炎 也 有 治療 目標 臨床 上 常用 das- 28 分數 來 評估 疾病 活動度 區別 為 疾病 緩解 低 疾病 活動度 中 疾病 活動度 與 高 疾病 活動度 等 四 種 等級 其中 以 疾病 緩解 為 類風濕性 關節炎 病友 應 追求 的 終極目標 使 關節 不 腫 痛 體內 發炎 指數 正常 以 延緩 關節 破壞 研究 也 發現 疾病 緩解 者 在 新冠肺炎 感染 後 住院 與 死亡 併發 心血管 疾病 事件 與 骨 松 性 骨折 等 共 病 風險 可以 比高 疾病 活動度 病友 減少 194 至 248 倍 然而 臨床 觀察 卻 有 超過 9 成 病友 不 知道 個人 治療 目標 主要 原因 便 是 專業 的 評估 方式 過於 複雜 且 需 套用 特殊 公式 在 缺乏 友善 且 有效 的 評估 工具 情況 下 診 間 醫病 問答 常 上演 我 猜 我 猜 我 猜 猜猜 有鑑於此 臺灣 抗 風濕病 聯盟 結合 醫學專業 量 表 與 國人 生活 形態 在 官方 臉書 粉絲 團 https is gd d 6 ogrb 與 dropbox 雲端 shorturl at cga 06 推出 在 地 且 評估 方便 的 一 分鐘 微笑 量 表 病友 只要 快速 圈選 幾 個 項目 包括 身體狀況 分數 疼痛 分數 以及 評估 是否 困難 或 無法 完成 5 大 生活 行為 如 自行 穿 衣服 自行 起床 舉杯 喝 水 自行 清洗 或 擦乾 身體 與 在 戶外 平地上 行走 即可 找 出 對應 疾病 控制 的 四 種 表情符號 這些 表情符號 包括 代表 最佳 目標 緩解 的 開心 臉 次之 目標 的 低 疾病 活動度 可以 臉 或 疾病 不 穩定 的 中 疾病 活動度 辛苦 臉 甚至 是 病況 最差 的 高 疾病 活動度 難過 臉 蔡長右 表示 每 位 類風濕性 關節炎 病友 都 該 知道 自己 是 哪 一 類 藉 一 分鐘 微笑 量 表 掌握 疾病 現況 並 設定 治療 目標 建議 每週 定期 評估 紀錄 下 個 人 微笑 標 章 待 回診 時 與 醫師 討論 期間 蒐集 到 微笑 標 章 的 變化 醫師 也 可以 在 專業 評估 後 即時 給予 回 饋 將 有助於 促進 醫病 間 有效 的 溝通 和 對話 説明 醫師 更 精准 用藥 幫助 更 多 病友 治療 達標 畫 出 人生 的 微笑 曲線</t>
  </si>
  <si>
    <t>長期 旅居 東京 的 譚艾 珍 之 女 歐陽靖 因為 近日 在 臉書上 分享 日本 當地 防疫 真實 狀況 對 不少 即將 赴 日 旅遊 的 臺灣 民眾 幫助 甚 多 未 料 也 因此 引來 部分 反彈 聲浪 她 今 15 號 在 臉書 公開 一則 網友 傳給 母親 的 私 訊 要 她 別 再 發表 傷</t>
  </si>
  <si>
    <t>長期 旅居 東京 的 譚艾 珍 之 女 歐陽靖 因為 近日 在 臉書上 分享 日本 當地 防疫 真實 狀況 對 不少 即將 赴 日 旅遊 的 臺灣 民眾 幫助 甚 多 未 料 也 因此 引來 部分 反彈 聲浪 她 今 15 號 在 臉書 公開 一則 網友 傳給 母親 的 私 訊 要 她 別 再 發表 傷害 日本 的 言論 而 譚艾 珍 的 回應 也 被 網友 大贊 說得好 歐陽靖 在 臉書 公開 母親 譚艾 珍 收到 的 私 訊 上頭 寫 著 請 你 女兒 不要 發表 對 日本 有些 傷 和氣 的 言論 日本 也 很 認真 在 防疫 何況 日本 人口 比 台多 感恩 更 透露 母親 接 獲 訊息 後 給 她 的 回應 是 呵 呵 呵 如果 說實話 對 他 造成 什麼 利益 損失 只好 抱歉 了 保護 多數 人 還 是 比較 重要 吧 歐陽靖 也 重申 日本政府 防疫 不力 是 事實 我 不 會 因 此 而 道歉 為了 經濟 而 不顧 國民 生命安全 的 安倍 政府 本來 就 應該 被 罵 不只 我 在 罵 日本 民眾 也 在 罵 不解 這 網友 所說 的 日本 很 認真 防疫想法 從何而來 不過 她 也 認為 若 批評 日本政府 造成 反感 那 決定 今日 再也 不 罵 接下來 我 將 繼續 分享 日本 疫情 現況 但 以 不 帶 個人 情緒 的 文字 請 讀者 自行 判斷 局勢 並 做好 自我 保護</t>
  </si>
  <si>
    <t>新冠肺炎 疫情 持續 延 燒 全台 陷入 口罩 荒 醫療 用 口罩 大 缺貨 外 就 連 濃度 75 藥用 酒精 也 難 求 高市 衛生 局 12 日 表示 若 民眾 透過 網路 在 拍賣 平臺 及 臉書 或是 實體 場所 等 通路 未經許可 販 售 恐 涉及 藥 事 法 最高 可 罰 200萬 元</t>
  </si>
  <si>
    <t>新冠肺炎 疫情 持續 延 燒 全台 陷入 口罩 荒 醫療 用 口罩 大 缺貨 外 就 連 濃度 75 藥用 酒精 也 難 求 高市 衛生 局 12 日 表示 若 民眾 透過 網路 在 拍賣 平臺 及 臉書 或是 實體 場所 等 通路 未經許可 販 售 恐 涉及 藥 事 法 最高 可 罰 200萬 元 藥 政 科長 朱孝芳 指出 目前 尚未 查獲 不法 販 售 口罩 及 藥用 酒精 但 提醒 民眾 醫用 口罩 屬於 醫療 器材 管理 而 濃度 75 藥用 酒精 屬於 乙類 成藥 管理 藥 商 局 除 需有 實體 通路 外 還 得 向 當地 衛生局 申請 登記 通訊 交易 通路 事項 才 可于 網路 販 售 朱孝芳 提到 百貨店 雜貨店 及 餐旅 服務 商則 必須 經由 工商登記 載明 乙類 成藥 零售業 才 可以 販 售 乙類 成藥 民眾 不得 擅自 于 網路 或 其他 未經許可 場所 販 售 高 市 社會局 近日 則 針對 獨居 且 行動不便 身心 障礙者 及 偏遠地區 獨居 長輩 發送 關懷 口罩 計 1597 人 提供 每人 每 7 天 2 片 口罩 交通局 則 與 威摩科技 wemo scooter irent 共用 電動 機車 及 夠 酷 比 共用 電動 自行車 等 共用 運具 業者 就 所屬 共用 運具 每日 巡 檢 時 加強 車輛 安全帽 配件 與 環境 消毒 作為 高 市府 為 服務 廣大 的 新 住 民 朋友 也 取得 衛福部 疾 管署 教導 正確 戴 口罩 的 影片 授權 新增 越南 語 泰語 印尼語 柬埔寨語 版本 歡迎 全國 各縣市 政府 以及 中央 轉 傳 下載 共同 防疫 宣 導</t>
  </si>
  <si>
    <t>新冠肺炎 疫情 仍 持續 擴大 英國 近日 出現 24 小時 內因 肺炎 過世 人數 超過 百 人 26 日 死亡 人數 共 115 人 影 後 鮑起靜 最近 到 當地 探望 女兒 發現 女兒 發燒 醫院 卻 以 非 緊密 接觸 者 為由 拒絕 讓 她 入院 讓 鮑起靜 心疼 開罵 70 歲 的 鮑起靜 被 封為 亞 視 之 母 其父 是 已故 資深 男 星 鮑方 弟弟 鮑德 熹 還 得 過 奧斯卡金像獎 最佳 攝影獎 近年 鮑起靜 曾 演出 電影 麥路 人 據 香港媒體 報導 她 2 月中 拍 完網 劇 女 法醫 jd 後 便 飛往 英國 探視 女兒 抵達 英國 後 便 居家 隔離 14 日 期間 愛女 卻 因 生病 發燒 不退 報導 指出 鮑起靜 女兒 發燒 了 一個 多 月 但 醫院 拒收 稱 她 並非 緊密 接觸 者 就 打發 回家 休養 幸好 最後 順利 退燒 但 鮑起靜 仍 相當 火大 在 臉書上 咒駡 英國政府 那麼 多 人 崇拜 的 大英帝國 請 你 不要 這麼 廢 啦 到 一個 點 了 救救 你 的 人民 有人 關心 發生 什麼 事 鮑起靜 再 回 要 你 自生自滅 呀 搞 什麼 x 政府</t>
  </si>
  <si>
    <t>來自 西班牙 的 世界 知名 男高音 多明哥 placido domingo 驚 爆 確診 新冠肺炎 高齡 79 歲 的 他 尚未 退休 每次 演出 場場 爆滿 他 23 日 在 臉書 發文 表示 自己 先前 有 發燒 和 咳嗽 等 症狀 經新冠肺炎 篩檢 呈 陽性反應 目前 我 和 家人 自</t>
  </si>
  <si>
    <t>新冠肺炎 疫情 方興未艾 一般 人 稍微 咳嗽 都 會 被 另眼相看 但 香港 網路 流傳 一 段 影片 一 名 中年 女子 在 商店 購物 不知 何故 疑 似 心情 不爽 竟 拉下 口罩 朝 身旁 店員 吐 口水 嚇 得 店員 立刻 彈 開 香港 網友 怒斥 該 名 大媽 根本 是 在 播 毒 近日 有 香港 網友 在 臉書 群 組 突發 事故 報 料 區 上傳 疑 似 播 毒 影片 現場 是 場 是 一 間 連鎖商店 據 香港 東網 報導 影片 中 一 名 戴 眼鏡 戴 口罩 的 長髮 中年 女子 站 在 貨架 前方 手指 商品 並 要求 店員 前來 店員 站 到 她 旁邊 後 中年 女 突然 將 口罩 往下拉 兩 度 疑 似 朝 店員 吐 口水 播 毒 第一 次 店員 沒 注意 第二 次 店員 終於 察覺 立刻 彈 開 閃避 這 段 影片 引發 香港 網友 憤怒 留言 指責 這種 行為 跟 人肉 炸彈 沒 分別 播 毒 應該 報警 就算 沒 肺炎 亂 吐口 水 也 很 噁 心</t>
  </si>
  <si>
    <t>新冠肺炎 爆發 以來 這 一 年 多 時間 臺灣 因為 超前 部署 與 靈活 因 應對 策 艱辛 地 壓制住 感染 情況 直到 近日 爆出 破百 本土 確診 雙北 宣佈 進入 三級 警戒 民眾 因此 恐慌 掀起 囤 貨 潮 搶購 商品 的 程度 猶如 世界末日 對此 台劇 女神 陳 佩 騏 發文 呼籲 希望 大家 平靜 理智 配合 政府 強調 臺灣 物資 不會 缺乏 金鐘 視 帝 吳慷 仁 也 要 大家 接到 訊息 多 查證 不要 散播 不實 消息 臺灣 的 正常 平靜 生活 被 近日 這 一 波 爆 增 的 本土 病例 打破 人心惶惶 反映 在 對 物資 的 渴求 上 各地 超市 大 賣 場 都 出現 搶 貨 潮 貨架 上 生鮮食品 及 泡 面 等 乾糧 連日 被 掃 空 甚至 又 出現 搶購 衛生紙 的 狀況 宛若 逃難 現場 女星 陳佩騏 看 了 不禁 跳出 來 po 文 呼籲 這時候 你 選擇 恐慌 還是 平靜 理智 的 配合 政府 和 專家 一起 努力 撐過去 呢 陳 佩 騏 昨 5 15 在 臉書 發文 認為 在 這 疫情 緊張 的 時刻 有 些 事情 需要 全民來 配合 像是 不該 再 亂 傳 無聊 訊息 不該 失 心 瘋 搶購 囤 貨 更 不該 再 苛責 訕笑 感染者 類似 的 情況 一再 出現 那麼 多 經驗 了 難道 還 不 自知 嗎 直言 我們 所在 的 臺灣 不 會 讓 誰 餓 死 或 沒 衛生紙 七 卡 蹭 的 好 嗎 呼籲 大家 應該 同心協力 且 多些 同 理 心 來 挺 過 這 波 挑戰 而過 度 的 囤 貨 只 會 讓 物價 失衡 害 真正 有 需要 的 人 買不到 而已 陳佩騏 也 表示 除了 拍戲 時 沒 辦法 戴 口罩 其他 時間 她 都 是 口罩 戴 好 戴 滿並 勤洗手 消毒 親愛 的 團 友 們 也 要 乖乖 配合 當 個 防疫 小 尖兵 呦 而 男 神 吳慷 仁 第一時間 也 發文 希望 眾人 物 不 要 散播 不實 消息 以免 造成 恐慌 勿 散播 勿 散播 接 受到 的 網路 消息 請 多 加 求證 勿 恐慌</t>
  </si>
  <si>
    <t>新冠肺炎 的 疫情 讓 許多 人 陷入 恐慌 近日 有 網友 在 臉書 分享 美國 好 市 多 驚見 一 副 棺材 就 那樣 陳列 在 商場 中 引發 網友 熱 議 這不 就 是 超前 部屬 怕 缺貨 先 搶 一 波 網友 在 臉書 社團 好 市 多 經驗 分享 區 分享 疫情 恐慌 轉貼</t>
  </si>
  <si>
    <t>新冠肺炎 的 疫情 讓 許多 人 陷入 恐慌 近日 有 網友 在 臉書 分享 美國 好 市 多 驚見 一 副 棺材 就 那樣 陳列 在 商場 中 引發 網友 熱 議 這不 就 是 超前 部屬 怕 缺貨 先 搶 一 波 網友 在 臉書 社團 好 市 多 經驗 分享 區 分享 疫情 恐慌 轉貼 一 張 美國 好 市 多 的 照片 希望 與 疫情 無關 啊 只見 照片 中 有 副 棺材 就 放在 商場 顯眼 的 地方 後來 也 有 另 名 網友 在 好 市 多 商品 經驗 老實 說 貼 文 分享 加拿大 好 市 多 不 只 賣 棺材 連 骨灰壇 也 賣 呢 消息 一 出 後 引來 許多 網友 按 贊 留言 這不 是 就 是 超前 部署 嗎 能 就 怕 疫情 嚴重 棺材 買不到 先 搶 的 概念 嗎 聽說 已 缺貨 股市 大跌 可能 會 賣到 缺貨 搶 完 衛生紙 換 搶 這個 價格 好 透明 後來 也 有 網友 說明 其實 美國 加拿大 和澳洲 的 好 市 多 一直 都有 賣 且 都 直接 展示 在 賣 場 裡面 但 華人 文化 有所 忌諱 因此 臺灣 好 市 多才 沒有 買 不過 其實 像是 美國 walmart 等 大型 賣 場 也 都 有 販 售 各種 尺寸 款式 的 棺材 並 直接 將 實 品 陳列 在 賣 場 中</t>
  </si>
  <si>
    <t>新冠肺炎 在 歐洲大 爆發 新北 市 中 和 區 瓦 磘 裡裡 長 林綺芳 卻 揪 團 前往 西班牙 旅行 引來 外界 撻 伐 草 協 聯盟 發起人 李正皓 爆 料 指出 林綺芳 除了 未 盡責 替 選民 服務 或 協調 還用 瘋狂 檢舉 開單 的 方式 逼 退 傳統 市場 小販 李 正 皓 在 臉書 爆 料 說 看到 這次 無視 疫情 前往 西班牙 旅行 返國 後 卻 不 去 檢疫 旅館 報到 私自 返家 的 裡長 是 瓦 磘 裡長 林 綺 芳 時 他 一點 也 不 意外 因為 就 他 所知 林綺芳 是 中和 唯一 能 做到 讓 裡民 天怒人怨 的 裡長 李 正 皓 表示 去年 中和 瓦窯 裡 內 有 一個 傳統 市場 突然 受到 警方 強力 取締 但 卻 不見 裡長 來 關心 或 協調 他 再 追查 後 發現 原來 幕後 的 檢舉 人 竟然 就 是 當地 裡長 林 綺 芳 李 正 皓 甚至 痛 批 看到 她 此次 無視 疫情 前往 歐洲 旅行 且 返國 後 不 去 檢疫 旅館 報到 還 私自 回家 的 行為 他 真的 一點 都 不 意外 因為 一個 連 自己 裡民 都會 欺負 的 人 又 怎麼 可能 會 顧慮到 全民 或 裡民 的 防疫 網友 回應 說 再不 禁止 國人 出國 遊玩 我們 的 防疫 人員 會 累垮 臺灣 醫療 會 崩 中和 的 人 應該 要 憤怒 唉 有 這種 裡長 真的 很 無言</t>
  </si>
  <si>
    <t>疫情 升溫 醫護人員 疲於奔命 副 總統 賴清德 今天 向 民眾 喊話 無 接觸 史 活動 史且 無 症狀 者 目前 沒有 篩檢 必要 不要 貿然 前往 急診室 讓 自己 暴露 在 感染 風險 之中 他 也 拜 讬 國人 把 急 重症 醫療 資源 留給 需要 的 人 珍惜 在 第一線 為 我們 奮戰 的 醫護人員 賴清德 今天 在 臉書 貼 上 醫護人員 的 身影 表示 勇敢 的 醫療 前線 戰士 謝謝 你們 負重 前行 悶熱 的 防護衣 紅腫 的 勒 痕 破 皮 的 耳 後 清晰 的 壓 痕 都 是 戰士 的 勳章 他 說 這 幾 天 收到 很多 來自 第一 線 醫護 同仁 的 訊息 不止 討論 防疫 措施 我 一一 感謝 大家 堅守崗位 和 疫情 奮戰 也 請 他們 代為 轉達 家人 我 對 他們 的 敬意 賴清德 表示 他 知道 每天 的 確診 數 讓 國人 有些 心慌 急診室 醫護人員 疲於奔命 的 景象 曾為 第一 線 臨床 醫師 的 他 感同身受 也 萬般 不 舍 身體 的 負擔 心裡 的 負荷 用 意志 力 撐 起 covid-19 輕 症 比例 高 八成 為 輕 症 或 無 症狀 者 他 懇切 的 呼籲 大家 無 接觸 史 活動 史且 無 症狀 者 目前 沒有 篩檢 必要 貿然 前往 急診室 只 會 讓 自己 暴露 在 感染 風險 之中 切 勿 前往 他 也 要 拜 讬 全體 國人 請 把 急 重症 醫療 資源 留給 需要 的 人 也 請 珍惜 在 第一線 為 我們 奮戰 的 醫護 同仁 因為 有 他們 的 負重 前行 大家 才能 安心 健康 的 生活</t>
  </si>
  <si>
    <t>土耳其 籍 男 星吳鳳 來 台 發展 多年 2015 年 成為 臺灣 女婿 的 他 與 太太 陸續 生下 2 個 寶貝 女兒 時常 在 社 群 平臺 上 分享 生活 日常 的 吳鳳 先前 曾說 自己 家鄉 土耳其 目前 新冠肺炎 疫情 嚴峻 他 的 妹妹 和 外甥 也 都 相繼 確診 同時 更 出現 喪失 味覺 與 嗅覺 的 症狀 這 讓 他 感歎 今年 真的 很 辛苦 今 30 日 吳 鳳 再度 發文 文中說 自己 年紀 已 大 的 阿姨 也 被 檢查 出來 罹 患 新冠肺炎 吳鳳 說 昨天 我 表姐 說 我 三 阿姨 也 被 傳染 剛剛 又 收到 不好 的 消息 最 大 的 阿姨 在家 跌倒 然後 發燒 結果 她 也 被 檢查 出來 是 新冠肺炎 吳 鳳 表示 他 的 臉書上 有 很多 家鄉 的 朋友 幾乎 每天 都 會 分享 誰 被 傳染 而且 不少 年紀 大 的 人 已經 病逝 他 也 擔心 阿姨 們 的 年紀 都大 了 且 大 阿姨 還有 慢性病 所幸 醫生 覺得 阿姨 的 病症 不是 很 嚴重 可以 先 在家 隔離 治療 才 帶 家 人 去 嘉義 玩 回家的 他 更 感歎 的 說 在 臺灣 每個 人 都 會 注意 基本 的 防疫 措施 但 在 國外 連去 隔壁 超市 都有 可能 讓 人 一輩子 後悔 吳鳳 也 在 文中 和 大家 更新 妹妹 與 外甥 目前 的 狀況 穩定 表妹 也 已 結束 隔離 同時 請 大家 為 他 的 家人 加油 他 也 很 想 和 大家 分享 家 人們 的 好 消息</t>
  </si>
  <si>
    <t>情人節 逛 燈會 盧秀燕 臉書 分享 幸福 時光</t>
  </si>
  <si>
    <t>二月 十四 情人節 台中 市 主辦 的 2020 臺灣 燈會 規劃 璀璨 燈組 浪漫 氣氛 吸引 許多 情侶 朝聖 市長 盧秀燕 在 臉書 分享 充滿 幸福 氛圍 的 燈 區 影片 她 表示 2020 臺灣 燈會 體現 了 台中 這 座 城市 的 浪漫 期待 能帶 給 每個 到來 的 朋友 歡樂 與</t>
  </si>
  <si>
    <t>二月 十四 情人節 台中 市 主辦 的 2020 臺灣 燈會 規劃 璀璨 燈組 浪漫 氣氛 吸引 許多 情侶 朝聖 市長 盧秀燕 在 臉書 分享 充滿 幸福 氛圍 的 燈 區 影片 她 表示 2020 臺灣 燈會 體現 了 台中 這 座 城市 的 浪漫 期待 能帶 給 每個 到來 的 朋友 歡樂 與 幸 褔 並 邀請 大家 情人節 到 台中 賞燈 盧秀燕 分享 的 影片 內容 有 許多 情侶 到訪 臺灣 燈會 必 拍 的 浪漫 燈組 更 有 不少 戀人 夫妻 手 牽 手 走 在 如 夢 似 幻 的 繽紛 燈組 間 臉上 洋溢 幸福 笑容 臺灣 燈會 創造 浪漫 回憶 和 幸福 時刻 盧秀燕 說 讓 平凡 的 日子 充滿 驚喜 與 希望 不論 你們 的 關係 是 戀人 夫妻 或是 朋友 家人 在 最 浪漫 的 節日 裡 我 要 對 你們 說 2020 愛 你愛 你 盧秀燕 在 臉書 發文 獲 網友 熱烈 迴響 留言 按 贊 特別 喜歡 今年 的 燈會 滿滿的 幸福 謝謝 台中 情人節 快樂 有 你 真好 看到 這樣 的 景色 真是 讓 人 陶醉 祝福 天下 有情人終成眷屬 燈會 真 的 精彩 歡迎 來 台中 賞燈 我 台中人 我 驕傲 歡迎 大家 來 看 花燈 市府 表示 今晚 主 展區 後裡 森林 園區 規劃 情人節 限定 愛 的 流星雨 無人機 展演 以 浪漫 幸福 愛 在 台中 為 主題 將 有 情人節 快樂 字樣 邱比特 射箭 穿 心 圖騰 等 表演 時間 除 原訂 的 晚間 7 時 10 分 9 時 10 分 將 再 加碼 演出 浪漫 點 亮 台中 夜空 另 無人機 展演 須 視 天候 條件 評估 展演 完整性 與 飛行 安全 如 遇 下雨 或 4 級 以上 陣風 展演 延 後 或 取消 另外 副 展區 文心 森林公園 今日 至 16 日 一連 三 天 晚間 6 時至 8 時 在 情人 光 廊 前 推出 情人節 限定 活動 只 要 與 情人 光 廊 合 照 並 打 卡 公開 分享 及 hashtag 2020 臺灣 燈會 璀璨 台中 文心 森林公園 情人節 快樂 就 可 獲得 愛心 棉花 糖 1 串 預計 送出 1000 串 數量 有限 送 完 為止</t>
  </si>
  <si>
    <t>綠 島 傳 遊客 染 新冠肺炎 鄉長 臉書 闢謠</t>
  </si>
  <si>
    <t>新冠肺炎 疫情 延 燒 在 東部 離 島 的 綠 島 鄉 有 傳出 遊客 疑 似 染 新冠肺炎 病毒 綠 島 鄉長 謝賢裕 臉書 po 文 澄清 遊客 是 腸胃 型 感冒 采 檢 為 陰性 請勿 以訛傳訛 另外 謝賢裕 表示 黑鷹 直升機 26 日 到 綠 島 是 接送 空勤 5 位 長官 到 綠</t>
  </si>
  <si>
    <t>新冠肺炎 疫情 延 燒 在 東部 離 島 的 綠 島 鄉 有 傳出 遊客 疑 似 染 新冠肺炎 病毒 綠 島 鄉長 謝賢裕 臉書 po 文 澄清 遊客 是 腸胃 型 感冒 采 檢 為 陰性 請勿 以訛傳訛 另外 謝賢裕 表示 黑鷹 直升機 26 日 到 綠 島 是 接送 空勤 5 位 長官 到 綠 島 參加 森林 火災 防護 會 勘 及 會議 並非 病 患 接送 任務 請 大家 安心</t>
  </si>
  <si>
    <t>臺灣 疫情 升溫 許多 店家 宣佈 入 內 須實 聯 制 一 名 網友 分享 照片 說 去 麥當勞 意外 發現 有 位 客人 留 資料 的 字跡 極度 潦草 幾乎 看不懂 是 在 寫 啥 因此 有 朋友 吐 槽 也許 是 醫師 在 開 處方 簽 讓 他 超 不爽 意外 引發 網友 討論 一 名 網友 昨 在 臉書 社團 爆 怨 2 公社 發 文說 現在 去 麥當勞 要 實 聯 制 動手 留 名字 和 電話 並 不 困難 若 不 想 寫 可以 改去 得來 速 何必 這樣 惡 搞 從 照片 中 可見 實 聯 制 資料 板子 上 有 位 客人 填寫 姓名 和 電話 的 字跡 非常 潦草 幾乎 看不出來 寫 什麼 該 網友 表示 有 朋友 說 也許 這 位 客人 的 職業 是 醫生 所以 寫字 像 開 處方 簽 一樣 大家 都 看不懂 好笑 歸 好笑 但 在 目前 的 情況 下 他 真的 笑 不 出來 照片 曝光 後 引起 網友 討論 服務業 真的 覺得 苦 苦口婆心 勸說 請 以 正楷 填寫 以免 服務 人員 看不懂 還要 被 嗆 說 是 有 業績 可以 抽 成 嗎 應該 要 當場 確認 沒有 寫 清楚 一律 不 給 過 不 給 買 什麼 奇葩 的 人 都有 這時候 就 要 拿 進去 問 用 唱名 他 x 的 誰 留 的 假 資料 叫 到 最後 沒 反應 就 是 那 個人</t>
  </si>
  <si>
    <t>新冠肺炎 疫情 延 燒 陸委會 主委 陳明 通 日前 以 小 明 的 故事 為由 推動 陸 配子 女 來 台 措施 但 一 日 之後 政策 大 轉彎 並 遭到 撤回 小明 爸爸 心急如焚 接受 訪問 希望 政府 能 再 考慮 政策 不過 身為 大陸 配偶 的 網 紅 廣告 小妹 卻 發現 眉 角 之處 直言 小明 爸爸 藉 口 一 堆 就是 不 願 承認 北京 戶口 好處 多 為了 解決 受 困 在 境外 陸 配在 台 生活 的 陸籍 子女 陸委會 日前 宣佈 放寬 條件 讓 一些 陸 配子 女 可 入境 但 衛福 部長 陳時中 宣佈 撤回 所有 對 陸配 子女 的 管制 措施 不具 我國 國籍 的 陸配 子女 仍 滯留 在 中 港澳 者 不 同意 入境 對此 小明 爸爸 非常 著 急 接受 東森 新聞 採訪 時 表示 他 當初 沒 考慮 身份 是 哪邊 較 好 只是 因為 長 時間 都 在 北京 生活 才讓 孩子 辦理 戶籍 並 計畫 等 孩子 國小 畢業 就 回 臺灣 生活 而且 他 也 不 想像 黃安 一樣 濫 用 臺灣 的 資源 不過 廣告 小妹 一 看到 關鍵字 就 知道 眉 角 在 哪裡 廣告 小妹 于 臉書 發文 指出 基於 同為 同胞 加上 小明 是 個 孩子 她 不 想 為難 誰 所以 她 保持 安靜 但 她 想 請 小 明爸 自重 一個 理由 要 靠 更 多 理由 來 圓 小 明媽 是 北京人 取得 中華民國 身份證 的 前提 是 放棄 中國籍 中國籍 不可 惜 可惜 的 是 北京 戶口 偶 上海 戶口 偶 懂 的 廣告 小妹 更 指出 這 張 戶籍 的 好 用 之處 一 張 北京 戶口 意味著 什麼 你 我心 知 肚 明 教育費 醫療費 都看 戶口名簿 啊 另外 在 祖國 繼承 房產 遺產 也 需要 一 本 紅色 護照 啊 扯 什麼 黃安 呢 廣告 小妹 直言 她 支援 撤 僑 要 考量 到 臺灣籍 配偶 和 子女 但是 小明 的 所在地 是 北京 全 中國 醫療 最 靠 譜 的 城市 之一 請 不要 拿 小 明跟 武漢 包機 相較 拜 讬 她 同情 小明 被迫 與 父母 分離 可 她 無法 認同 小 明爸 的 藉 口 一 堆 就是 不 願 承認 北京 戶口 好處 多 廣告 小妹 戲言 幾 個 朋友 忍不住 私下 來 問 北京 戶口 和 上海 戶口 到底 有 多 好 用 她 想 了 想 憑 著 北 和 上 的 戶口 去 相親 可以 挑 長 得 最 帥 的 外地 男人 咱 還 能 天天 換 帥哥 反正 祖國 人口 多 換 不 完 的 幹 隆 後宮 佳麗 三千 本宮 後宮 陣容 百萬 起 跳 啊</t>
  </si>
  <si>
    <t>在 台菲 籍 女 看護 日前 透過 臉書 批評 菲律賓 新冠肺炎 政策 遭 菲國 駐 台 官員 警告 將 送返 菲國 外交部 今天 發表 聲明 強調 我國 是 主權 獨立國家 外籍 移 工 在 我國 享有 國民待遇 包括 言論自由 各國 政府 應 予 尊重 也 不宜 在 未經</t>
  </si>
  <si>
    <t>在 台菲 籍 女 看護 日前 透過 臉書 批評 菲律賓 新冠肺炎 政策 遭 菲國 駐 台 官員 警告 將 送返 菲國 外交部 今天 發表 聲明 強調 我國 是 主權 獨立國家 外籍 移 工 在 我國 享有 國民待遇 包括 言論自由 各國 政府 應 予 尊重 也 不宜 在 未經 兩 個 政府 協商 情形 下 逕 將 當事人 遣送出境 一 名 在 雲林 工作 的 菲 籍 女 看護 發文 批評 菲律賓 總統 杜特蒂 的 政策 遭 菲律賓 駐 台 人員 登門 警告 指稱 她 可能 觸犯 臺灣 與 菲律賓 的 誹謗罪 並 擬將 這 名 女 看護 遣返 回 菲律賓 引發 網路上 熱 議 外交部 發言人 歐 江安 表示 菲國 勞動部 4 月 25 日 聲明 指出 在 臺灣 的 菲 籍 看護 移 工 在 臉書 發表 批評 菲國 政府 疫情 作為 失當 等 言論 影片 及其 支持者 盲從 雖 遭 菲國 駐 台 人員 警告 但 仍 繼續 發表 類似 批評 因此 菲國 駐 台 勞動 官員 擬將 該 名 移 工 送返 菲國 她 說 外交部 特此 聲明 我國 是 主權 獨立國家 外籍 移 工 在 我國 享有 國民待遇 權益 均 受 相關 法令 保障 其中 包括 言論自由 各國 政府 應 予 尊重 本案 任何人 或 機構 均 無權 逕 向 移 工 本人 經其 雇主 或 仲介 關切 施壓 也 不宜 在 未經 兩 個 政府 協商 情形 下 逕 將 當事人 遣送出境 根據 媒體 報導 菲國 總統府 4 月 26 日 已 否認 菲國 政府 要求 將 抨擊 杜特蒂 總統 防疫 政策 的 移 工 遣返回國 歐 江安 強調 本案 如果 菲 方經 適當 法律 程式 判定 該 移 工 確有 違反 菲國 相關 法律 情事 可循 外交途徑 向 我國 政府 提出 司法 互助 請求 我 方可 依據 相關 協定 與 菲國 政府 積極 協商 處理 菲律賓 是 我國 新 南向 政策 重要 夥伴國 之一 菲國 在 臺灣 約 有 15萬 名 移 工 對 協助 臺灣 的 經濟 發展 貢獻 卓著 歐 江安 表示 我國 願 與 菲 方 持續 提升 雙邊 協商 機制 深化 兩 國各 層面 的 合作 關係</t>
  </si>
  <si>
    <t>新冠肺炎 肆虐 全球 全球 累積 141萬 人 喪命 各國 恐 將 停辦 跨 年 晚會 不過 臺灣 疫情 控制 得當 跨 年 晚會 照常 舉行 但 屆時 勢必 數 十萬 人群 聚 一起 恐 將 形成 防疫 破 口 也 讓 曹 西平 在 臉書 呼籲 停辦 一 次 跨 年 又 會 如何 不過</t>
  </si>
  <si>
    <t>新冠肺炎 肆虐 全球 全球 累積 141萬 人 喪命 各國 恐 將 停辦 跨 年 晚會 不過 臺灣 疫情 控制 得當 跨 年 晚會 照常 舉行 但 屆時 勢必 數 十萬 人群 聚 一起 恐 將 形成 防疫 破 口 也 讓 曹 西平 在 臉書 呼籲 停辦 一 次 跨 年 又 會 如何 不過 眼見 似乎 沒 啥 成效 讓 他 再次 發文 喊話 萬一 出 事情 誰 要 負責 曹 西平 擔憂 舉辦 跨 年 晚會 時 數 十萬 人 聚集 會場 並 塞 爆 捷 運 屆時 恐 造成 群 聚 感染 導致 臺灣 防疫 破 功 再次 呼籲 各縣市 能 停辦 跨 年 晚會 改用 現場轉播 倒數 計時 就 可以 更 強調 跨 年 晚會 時間 這麼 長 誰 能 口罩 可以 帶 七八 個 小時 都 不 會 脫 掉 尤其 參加 跨 年 晚會 的 人 來自 世界各地 誰 身上 帶有 病毒 也 不 清楚 若 真的 出事 了 誰 能 扛起 負責 這 30 多 萬 人 的 責任 此外 曹 西平 表示 12 月 起 強制 戴 口罩 不 戴 口罩 要 被 罰 1萬五千 元 既然如此 為何 還要 眾人 冒著群 聚 危險 邊 強迫 大家 戴 口罩 邊 辦 跨 年 晚會 倒數 更 點出 各縣 市政府 都 哭喊 發不出 薪水 了 不解 為何 還是 要 燒 錢 辦 跨 年 晚會 讓 他 質問 不 懂 這樣 子 的 心態 是 什麼 對此 網友 多 贊同 曹 西平 的 見解 紛紛 留言 曹 大哥 那麼 中肯 的 苦口婆心 若 聽不進去 沒效 就 只能 自求多福 大家 都 在 努力 做好 防疫 但 跨 年 還 群 聚 這麼 多 人 真的 很 矛盾 跨 年 的 模式 一成不變 政府 花錢 做 這種 跨 年 要 幹 嘛 更何況 疫情 還 未 解除</t>
  </si>
  <si>
    <t>行政院 副 院長 陳其邁 在 臉書 大 談 口罩 實 名 制 的 流行病 學 基礎 他 說 若 國內 防疫 工作 不夠 落實 則 依此 等比級數 累計 增加 只要 傳遞 9 次 確診 人數 就 會 來 到 26萬 人 將 造成 非常 可怕 的 後果 陳其邁 說 在 流行病 學 中 有 個 常用</t>
  </si>
  <si>
    <t>行政院 副 院長 陳其邁 在 臉書 大 談 口罩 實 名 制 的 流行病 學 基礎 他 說 若 國內 防疫 工作 不夠 落實 則 依此 等比級數 累計 增加 只要 傳遞 9 次 確診 人數 就 會 來 到 26萬 人 將 造成 非常 可怕 的 後果 陳其邁 說 在 流行病 學 中 有 個 常用 來 判斷 傳染病 傳染 力 的 重要 指標 r 0 基本 傳染 數 basic reproduction number r 0 指數 就是指 一個 確診 感染 病患者 會 傳染給 其他 人數 的 平均值 他 表示 根據 研究 流感 的 r 0 數值 約 為 18 19 sars 的 r 0 指數 約 為 2 3 之間 目前 新冠肺炎 covid-19 的 r 0 指數 約 為 3 4 表示 一個 確診 病 患 平均 會 傳染給 4 個 人 若 國內 防疫 工作 不夠 落實 則 依此 等比級數 累計 增加 4 x 4 1616 x 4 6464 x 4 256 以此類推 只要 傳遞 9 次 確診 人數 就 會 來 到 26萬 人 將 造成 非常 可怕 的 後果 某種程度 也 解釋 了 為 何新冠肺炎 接連 在 東亞 中東 及 歐洲 國家 造成 這麼 大 的 疫情 他 說 若 r 0 指數 大於 1 時 表示 該 被 傳染 者 仍 會 持續 增加 若 r 0 指數 1 時 表示 傳染病 將 會 逐漸 減少 因此 站 在 公共 衛生 的 角度 就是 將 傳染病 的 r 0 指數 降 至 1 以下 要 降低 r 0 指數 取決於 找 出 確診 追蹤 及 檢疫 及 社會 距離 及 個人 衛生 等 三大 指標 按照 統計 模型 若 能 積極 篩檢 找 出 確診 個案 並 落實 居家 隔離 檢疫 及 追蹤 強化 對 大型 集會 活動 的 限制 以及 提升 口罩 覆蓋率 等 阻隔 傳染 路徑 將 能 有效 達到 效果 陳其邁 指 如何 提升 口罩 覆蓋率 就是 在 這個 邏輯 下 制定 的 政策 政府 於 2 月 6 日 推出 口罩 實 名 制 購買 政策 當時 國內 口罩 產量 最高 約 每天 400萬 片 左右 扣除 優先 供給 醫療 院所 及 防疫 用途 後 約 剩 150萬 片 7 天 約 1000萬 片 因此 先以 覆蓋 500萬 人口 為 目標 每人 為2 片 當時 就 預估 會 以 老人 及 兒童 居多 後來 每週 可 供 民生 需求 的 口罩 達 2000萬 片 後 再 加 量 以 覆蓋 1000萬 人口 為 目標 經過 幾 周 的 資料 調查 老年人 兒童 覆蓋 比例 最高 均達 60 以上 而 年輕人 覆蓋 比例 最低 僅 40 左右 他 並說 年輕人 若 確診 新冠肺炎 臨床 上 以 輕 症 表現 居多 但 若 回到 家裡 可能 傳染給 風險 較 高 的 長輩 族群 且 考慮 到 青年 因為 就學 就業 因素 購買 不易 因此 推出 口罩 實 名 制 20 除了 現行 實體 藥局 購買 管道 照舊 外 增加 透過 網路 預購 線 上 付款 超 商 領 貨 方式 方便 年輕人 購買 口罩 提高 整體 族群 口罩 覆蓋率 甚者 如 前述 新冠肺炎 輕 症 感染 居多 且 其 r 0 高於 sars 因此 口罩 的 覆蓋率 更 顯 重要 陳其邁 表示 口罩 實 名 制 20 自 3 月 12 日 網路 預購 開跑 至今 已 超過 120萬 人 透過 網路 預購 提供 除了 實體 藥局 以外 的 其他 購買 管道 方便 更 多 人 更 省 時間 取得 口罩 也 讓 防疫 能夠 更 落實 這 就 是 行政院 團隊 推出 口罩 實 名 制 政策 的 思考 策略</t>
  </si>
  <si>
    <t>自 50 年代 活躍 爵士 樂壇 的 美國 爵士 鋼琴 大師 艾利斯 馬沙 利斯 ellis marsalis 日前 因 新冠肺炎 逝世 享壽 85 歲 艾利斯 曾 於 2015 年 訪台 在 兩 廳 院 夏日 爵士 派對 上 為 樂迷 帶來 鋼琴 四重奏 演出 艾利斯 出身 紐奧 良 為 爵士樂 界 第一 家庭 馬沙 利斯 家族 的 大家 長 家人 透過 艾利斯 的 臉書 粉絲 專 頁 昨 2 日 貼 文 宣佈 他 不幸逝世 的 消息 家族 將 舉行 私人 葬禮 也 將 在 未來 設置 公共 紀念碑 非常感謝 每 位 為 艾利斯 哀悼 的 人 也 根據 艾利斯 的 願望 希望 大家 將 慰問 的 花 與 卡片 替換 為 支持 馬沙 利斯 家族 為 音樂 資源 不足 的 兒童 設立 的 音樂 中心 以 紀念 艾利斯 為 兒童 的 努力 將 文化 與 音樂 帶 給 紐奧 良 的 兒童 艾利斯 共有 6 個 兒子 4 位 都 成 了 音樂家 其中 最 知名 的 便是 林肯中心 爵士樂團 藝術總監 爵士 小號手 溫頓 wynton marsalis 他 在 臉書 貼 文 懷念 父親 父親 是 一 位 謙卑 的 人 用 音樂 捕捉 地方 的 精神 除此之外 艾利斯 也 是 位 致力 於 傳承 音樂 的 教育家 指導 過 當代 許多 優秀 的 樂手 任教 於 多 所 音樂學校 影響力 遍 佈 爵士 樂壇 在 2011 年 獲得 爵士音樂 最高 榮譽 nea 爵士 大師 獎 的 艾利斯 見證 爵士樂 歷史 超過 60 年 音樂 經驗豐富 從 藍 調到 傳統 紐 奧良 爵士 咆 勃 等 各種 風格 都 能 掌 控 恰如其分 層次分明 顯見 大師 風範</t>
  </si>
  <si>
    <t>臺灣 本土 個案 狂 炸 已 連續 6 天 單日 破百 例 臺北市立聯合醫院 陽明 院區 胸腔 內科 主治醫師 蘇一峰 在 臉書 分享 確診 者 的 年齡 統計表 指出 這 波 感染者 中 60 歲 以上 的 人 占 了 三 分之一 由於 老年人 重症 比率 較 高 因此 我國 新冠 重症</t>
  </si>
  <si>
    <t>臺灣 本土 個案 狂 炸 已 連續 6 天 單日 破百 例 臺北市立聯合醫院 陽明 院區 胸腔 內科 主治醫師 蘇一峰 在 臉書 分享 確診 者 的 年齡 統計表 指出 這 波 感染者 中 60 歲 以上 的 人 占 了 三 分之一 由於 老年人 重症 比率 較 高 因此 我國 新冠 重症 率 恐 因此 增加 醫療 量 能 衝擊 要來 了 蘇一峰 昨晚 在 臉書 po 出 一 張 近日 確診 患者 的 年齡 統計表 直 呼 臺灣 這 波 疫情 的 感染者 中 60 歲 以上 的 患者 比例 占 了 三 分之一 重症 的 比率 也 因此 會 增加 因為 老年人 更 容易 產生 重症 醫療 量 能 的 衝擊 要來 了 從 統計表 中 可見 5 月 15 日 至 5 月 20 日 期間 共有 1512 名 確診 個案 其中 9 歲 以下 確診 者 29 人 10 至 19 歲 共 36 人 20 至 39 歲 共 225 人 40 至 59 歲 共 628 人 60 歲 以上 者 占 了 584 人 不少 網友 看 完 嚇 歪 表示 年長者 真 的 不 愛戴 口罩 老人家 很 愛 脫 口罩 不 戴 口罩 耳根子 又 硬 但 非常 時期 為了 延長 壽命 請戴 口罩 啊 也 有 網友 分享 自身 經歷 表示 在 路上 騎車 看見 一 位 阿伯 沒有 戴 口罩 善意 上前 提醒 對方 結果 反而 被 嗆</t>
  </si>
  <si>
    <t>新冠肺炎 疫情 緊張 第一線 醫護 警 消 工作量 暴 增 還 得 承受 高壓 有 一 名 消防人員 在 臉書上 不滿 地 表示 開 防疫 巴士 接送 確診 者 與 消防 任務 根本 無關 要 消防 局 不要 什麼 工作 都 延攬 給 弟兄 更 控訴 若 弟兄 確診 越來越 多 哪個 局</t>
  </si>
  <si>
    <t>敦睦 艦隊 28 名 官兵 確診 新冠肺炎 敦睦 艦隊 支隊長 陳道輝 少將 被 調離 現職 陳道輝 接受 立 委 電話 質詢 時 表示 我 在 此 用 生命 保證 我 絕對 沒有 隱瞞 任何 疫情 陳道輝 是不是 有 難言之隱 有 粉 專 認為 陳道輝 現在 還 在 維護 長官 要求 他 說出 實情 針對 立 委 質疑 誰 決定 敦睦 艦隊 解散 陳道輝 表示 我 沒有 這個 許可權 我 奉命 執行 臉書 粉 專 靠北 長官 2020 指出 我們 有 個 沒 肩膀 的 部長 拿 你 祭 旗 因為 這 件 事 也 宣告 您 的 軍旅 生涯 到此為止 那 您 又 何必 再 對 國防部長 嚴德發 抱 持 信心 他 只在乎 自己 的 官位 該 粉 專 還 表示 陳道輝 就 大聲 地 把 實情 說 出來 明眼人 都 知道 從 他 的 說話 聽得出 還 在 維護 著 長官 的 無能 不 需要 了 既然 要 被 犧牲 為 何不 犧牲 得 有點 代價 不 要 讓 這種 沒 肩膀 的 長官 還 能 在 國軍 生存</t>
  </si>
  <si>
    <t>政府 近日 偵破 多 起 大陸 網 軍 以 臉書 人頭 帳 號 在 新冠 疫情 期間 散播 疫情 相關 的 假消息 陸委會 在 今日 進行 回應 陸委會 發言人 邱垂正 表示 大陸 社 群 網站 微博 等 平 台網 民 的 利用 大量 的 臉書 人頭 帳 號 粉絲 專 頁 跟 line 帳 號 進行</t>
  </si>
  <si>
    <t>政府 近日 偵破 多 起 大陸 網 軍 以 臉書 人頭 帳 號 在 新冠 疫情 期間 散播 疫情 相關 的 假消息 陸委會 在 今日 進行 回應 陸委會 發言人 邱垂正 表示 大陸 社 群 網站 微博 等 平 台網 民 的 利用 大量 的 臉書 人頭 帳 號 粉絲 專 頁 跟 line 帳 號 進行 散佈 內容 多 為 渲染 臺灣 疫情 失控 等 假 訊息 我方 已經 掌握 相關 證據 並 進行 偵 辦 邱垂正 稱 國 台辦 的 說法 是 不攻自破 的 目前 疫情 嚴峻 我方 進行 人員 管控 以 防疫 優先 呼籲 陸方 也 應以 防疫 來 考量 勿 有 過 多 政治 口 水 另外 日前 行政院長 蘇貞昌 稱 包機 問題 卡 關在 陸方 國 台辦 回應 稱 這 是 蘇式 謊言 陸委會 也 對 此 有 相關 回應 邱垂正 稱 我方 立場 始終如一 秉 持 檢疫 優先 相關 華 航班機 以及 隨機 醫護人員 都已 準備 待命 政府 也 採取 公開 透明 的 模式 我方 不 接受國 台辦 的 政治 口 水 美方 今日 通過 臺北 法案 陸委會 也 在 記者會 上 感謝 美方 支持 台灣 兩岸 政策 並 重申 政府 在 兩岸 事務 立場 不 會 有 任何 改變</t>
  </si>
  <si>
    <t>國內 超 商都 有 賣 地瓜 但 一 名 超 商店 員 無奈 表示 客人 挑選 時 總是 要用 手把 地瓜 捏 過 一 輪 讓 他 得 常常 提醒 客人 旁邊 有 夾子 貼 文一 出 引起 網友 熱 議 直 呼 我 地瓜 連 皮 一起 吃 耶 以後 不敢 買 了 時值 新冠肺炎 疫情 侵襲 全球 還有 人 深怕 吃到 被 捏 過 的 地瓜 會 中 鏢 這 名 超 商店 員 昨 23 日 在 臉書 社團 爆 怨 公社 發文 不 要用 手 捏 地瓜 真的 很 奇怪 欸 每個 人 都 覺得 自己 手 超級 乾淨 一直 捏 捏 捏 剛剛 有 位 先生 捏 的 好開心 原 po 見狀 立即 上前 制止 說 先生 旁邊 有 夾子 麻煩 不 要用 手 捏 可以 嗎 現在 疫情 這麼 嚴重 那位 客人 被 其他 盯 看 覺得 沒面子 只好 隨便 夾 了 一 顆 就 結 帳 了 原 po 感歎 表示 這個 時候 如果 各 大 超 商 再 不 想 點 辦法 預防 這種 鹹豬 手 我 奉勸 各位 別 買 地瓜 了 因為 你 不 知道 你 買 的 地瓜 到底 被 多少 人 摸 過 超 噁 心 的</t>
  </si>
  <si>
    <t>新北 某 幼稚園 群 聚 案 已 累計 29 人 確診 外界 猜疑 埃及 爸 就是 這 起 事件 的 傳染源 前臺 大 醫院 感染 科 醫師 林氏 璧 表示 目前 還 未 確認 裝修 工人 夫婦 的 病毒基因 序列 是否 與 幼稚園 相同 裝修 工人 在 9 月 1 日 發病 但 他 是 在 8 月 12 至 14 日 前往 板橋 某 社區 潛伏期 長達 18 至 20 天 這 不是 不可能 但 當時 埃及 爸 還 在 居隔中 代表 感染 源 並非 埃及 爸 而是 社區 恐 早 有 未知 的 傳播 鏈 林 氏 璧 日前 與 個人 臉書 粉 專 日本 自助 旅遊 中毒者 分析 追 感染 源 並 非要 獵 巫 而是 要 弄清 楚 源頭 才能 對 感染 範圍 清楚 的 掌握 特別 在 delta 變異 株 進入 社區 時 更 要 努力 溯源 匡列 若 因此 追 殺 幼稚園 教師 埃及 爸 或是 裝修 工人 那 都 大可不必 林 氏 璧 指出 沒有 人 想 生病 更何況 埃及 爸 完全 依照 中央 的 防疫 措施 問題 完全 不在 他 身上 要 檢討 也 應該 是 14 天 3 采 檢 的 檢疫 政策 再者 目前 也 未 確認 裝修 工人 夫婦 的 病毒 定 序 是否 和 幼稚園 完全相同 現在 只 是 先 確認 他們 也 感染 delta 變異 株 而已 林 氏 璧 說 先 假設 裝修 工人 的 病毒 序列 與 幼稚園 一致 依照 先前 的 疫 調 結果 他 在 9 月 1 日 發病 但 他 是 在 8 月 12 至 14 日 去 板橋 某 社區 大樓 但 當時 埃及 爸 還 在 居隔中 這 代表 裝修工 的 潛伏期 高 達 18 至 20 天 這 不是 不可能 但 也 代表 感染 根源 不是 埃及 爸 而是 在 板橋社區 中 有 未知 的 傳染 鏈 在 且 在 8 月 12 至 14 日 就 已 有 傳染 力 林 氏 璧 接 著 說 若 裝修 工人 的 序列 與 幼稚園 不同 那 就 是 另 一個 獨立 的 delta 變異 株 傳播 鏈 同時 他 也 提醒 alpha 變異 株 一直 沒有 離開 而 delta 變異 株 可能 已經 在 你 我 身邊 中 時 新聞網 提醒您 因應 新冠肺炎 疫情 疾 管署 持續 加強 疫情 監測 與 邊境 管制 措施 如有疑 似 症狀 請 撥打 1922 專線 或 0800 001922 並 依 指示 配戴 口罩 盡 速 就醫 同時 主動 告知 醫師 旅遊 史及 接觸 史 以利 及時 診斷 及 通報</t>
  </si>
  <si>
    <t>臺灣 本土 昨 增 401 例 確診 各縣市 公佈 確診 者 足跡 醫藥 粉 專 medpartner 美 的 好 朋友 發現 案 6755 非常 值得 表揚 個案 在 5 10 和 家人 去 萬華某 餐廳 吃飯 5 17 發現 該 餐廳 有人 確診 便 與 家人 去 醫院 自費 快 篩 當時 的 結果 雖是 陰性 但 這家 人 卻 沒有 因此 而 鬆懈 反而 在 政府 宣佈 三級 警戒 時 確實 遵守 極 少 外出 超 自律 的 足跡 曝光 引發 網友 熱 議 根本 是 防疫 典範 這家 人 好 謹慎 醫藥 粉 專 medpartner 美 的 好 朋友 昨 在 臉書 分享 非常 值得 表揚 的 確診 者 案 6755 每個 人 都 應該 要 一起 做到 這樣 的 自覺 自律 個案 在 5 10 與 丈夫 和 女兒 去 臺北 萬 華區 某 間 海鮮 餐廳 聚餐 5 11 返回 花蓮 後 在 5 17 看 新聞 得知 該 海鮮 餐廳 有人 確診 便 與 家人 一起 去 醫院 自費 快 篩 結果 為 陰性 根據 花蓮 衛生局 公佈 的 疫 調 足跡 顯示 個案 在 5 21 5 26 全國 提升 為 三級 警戒 以後 多數 時間 都 待 在家 裡面 若 外出 也 都 會 戴 口罩 與 他人 接觸 未 達 15 分鐘 5 24 個案 開始 發燒 流 鼻 水 5 25 早上 9 點 自行 去 醫院 急診 采 檢 5 26 疾 管署 通知 pcr 陽性 確診 醫藥 粉 專 medpartner 美 的 好 朋友 指出 個案 在 快 篩 陰性 之後 仍 有 落實 自主 健康 管理 直到 5 24 開始 出現 症狀 5 25 去 醫院 做 檢查 最後 在 5 26 確診 許多 人 快 篩 陰性 之後 可能 覺得 安心 就 開始 亂跑 如果 大家 都跟 這 位 確診 者 一樣 這麼 有 警覺心 相信 病毒 也 難 有機 可 趁 大家 一定 要 加油 一起 撐過去 超級 自律 的 足跡 吸引 13萬 人 朝聖 不少 網友 留言 大贊 這種 正向 的 防疫 新聞 才 真的 值得 報導 這家 人 好 謹慎 從 到 萬華 到 有 症狀 差不多 2 星期 還 是 很 警覺 一般 人 過 了 這麼久 大概 都 覺得 沒 事 了 非常 讓 人 稱讚 的 一家人 祝 早日康復 這個 是標準 範本 啊 一起 提高 病 識 感 病毒 很 狡猾 希望 大家 提高 警覺性</t>
  </si>
  <si>
    <t>新冠肺炎 疫情 在 歐美 蔓延 許多 城市 陸續 進入 封城 或 半 封城 狀態 想要 維持 正常 營運 又 擔心 疫情 衝擊 的 企業 在家 遠 距 工作 telework 成為 新 的 模式 並 帶動 雲端 運算 及 資料 中心 龐大商 機 筆 電 及 伺服器 供應 鏈 接 單暢旺 成為 肺炎 疫情 壟 罩 下 的 受惠 族群 法人 點名 台積電 及 南亞 科 等 個股 受惠 包括 臉書 google 亞馬遜 微軟 等 大廠 都 已 要求 員工 在家 工作 英特爾 台積電 日 月光 等 半 導體 大廠 也 啟動 分組 上班 不必 進 辦公室 的 員工 則 在家 上班 為了 避免 資料 外泄 同時 確定 公司 資料 安全性 除了 在 筆 電 或 智慧 型 手機 等 邊緣 運算 裝置 上 要求 支援 安全性 方案 雲端 運算 及 資料 中心 等 應用 更 是 大 爆發 並 帶動 新 一代 伺服器 平臺 強勁 出 貨 動能 受惠 於 odm oem 廠 的 伺服器 接 單接 不 完 英特爾 及 超 微 直接 受惠 英特爾 現在 主流 的 14 奈 米 cascade lake 處理器 及 purley 平臺 出 貨 暢 旺 新 一代 14 奈 米 cooper lake 處理器 及 cedar island 平臺 可望 在 第二 季 開始 交貨 至於 新 一代 10 奈 米 ice lake 處理器 及 whitley 平臺 會 在 下半年 開始 交貨 將 帶動 新 一 波 伺服器 平臺 換 機 潮 超 微 zen 2 架構 第二 代 epyc 伺服器 處理器 rome 已經 量 產出 貨 採用 台積電 7 奈 米制 程量產 因為 是 目前 市場 上 唯一 支援 pcie gen 4 的 伺服器 平臺 受到 許多 國際 網路 大廠 或 大型 企業 研究 機構 等 採用 超 微 宣佈 從 極端 氣候 分析 自動 駕駛 到 各種 國防 系統 歐洲 各地 的 研究 人員 與 科學家 紛紛 改用 超 微 epyc 伺服器 處理器 以 因應 各種 最 嚴苛 的 需求 超 微 已 逐漸 鞏固 超級 運算 市場 版圖 而 超 微 近期 持續 提高 對 第二 代 epyc 處理器 rome 在 台積電 7 奈 米 投 片 量 年底 試 產 第 三 代 epyc 處理器 milan 將 採用 台積電 7 奈 米 量 產 新冠肺炎 疫情 推 升 雲端 運算 及 超大規模 資料 中心 強勁 需求 伺服器 dram 因此 供不應求 第二 季 合約 價 計 畫 調 漲 20 然而 近期 韓國 半導體廠 員工 傳出 感染 新冠肺炎 韓國 疫情 仍未 獲得 控制 且 風險 較 高 dram 市場 供給 疑慮 再起 業 界 預期 第二 季 伺服器 dram 價格 漲幅 可能 擴大 法人 看好 2020 年 搶 進 伺服器 dram 市場 的 南亞 科 將 直接 受惠</t>
  </si>
  <si>
    <t>敦睦 艦隊 磐石 艦 爆發 群 聚 感染 傳出 行政院 早 在 4 月 9 日 會議 拍板 要求 國防部 發給 國軍 人員 一 天一 片 口罩 然而 國防部 拖到 17 日 才 宣佈 國軍 每人每天 一 片 口罩 政策 隔 天 便 爆出 官兵 確診 國民黨 立 委 林奕華 質疑 國防部 早 知情 刻意 選 在 公佈 確診 案例 前 一 天 提前 危機 處理 掩蓋 國 軍 口罩 政策 延誤 的 疏失 對此 資深 媒體 人 韋安 直言 最 嚴重 的 問題 就是 行政院 的 口罩 國家隊 把 目標 產量 訂 在 1500萬 連 軍警 都 無法 保障 據 鏡 週刊 報導 行政院 4 月 9 日 會議 拍板 要求 國防部 依 職務 類別 分別 發放 14 天 10 片 14 天 14 片 的 口罩 給 國 軍人 員 但有 官員 爆 料 國防部 卻 未 落實 僅 針對 特殊 勤務 人員 約 4萬7500 名 國軍 發放 口罩 對此 韋安 在 臉書 指出 當初 船 艦 出發 的 時候 每人 配發 幾 片 口罩 就算 9 日 開始 配發 14 天 14 片 船上 的 官兵 也 已經 來不及 了他 認為 最 嚴重 的 問題 就是 行政院 的 口罩 國家隊 把 目標 產量 訂 在 1500萬 連 軍警 都 無法 保障 行政院 發言人 kolas yotaka 回應 表示 國防部 正在 調查 任何 漫不經心 或 隱匿 都 不能 容忍 調查結果 一 出爐 會 盡 速 請 相關 部會 對外 說明 真相 kolas 指出 除 國軍 口罩 政策 會 調查 針對 磐石 艦隊 整 件 事情 來龍去脈 包括 軍人 航程 中集 回程 通報 系統 發現 確診 案例 是否 有 回報 都會 逐一 確認 厘 清 事實真相 一旦 確認 調查結果 會 請 相關 部會 說明</t>
  </si>
  <si>
    <t>cba 球星 林書豪 對 新冠肺炎 疫情 發表 心聲 呼籲 起身 對抗 種族歧視 更為 亞裔 身分 感到 驕傲 但因 他 使用 新冠 病毒 及 在 大陸 參加 職 籃 運動 便 引來 部分 網友 灌 爆 他 的 臉書 指責 人民幣 的 味道 你 慢慢 奶 啦 武漢 肺</t>
  </si>
  <si>
    <t>第 24 例 新冠肺炎 確診 個案 為 北部 一 名 60 多 歲 的 女性 近 2 年 皆 無 出國 旅遊 史 發病 29 天才 確診 讓 該 病例 的 潛伏期 引發 各界 熱 議 而 icu 醫師 陳志金 則 在 臉書 解釋 潛伏期 是 被 傳染 後 出現 這 之間 的 時間 icu 醫 陳志金 在 臉書上 p</t>
  </si>
  <si>
    <t>第 24 例 新冠肺炎 確診 個案 為 北部 一 名 60 多 歲 的 女性 近 2 年 皆 無 出國 旅遊 史 發病 29 天才 確診 讓 該 病例 的 潛伏期 引發 各界 熱 議 而 icu 醫師 陳志金 則 在 臉書 解釋 潛伏期 是 被 傳染 後 出現 這 之間 的 時間 icu 醫 陳志金 在 臉書上 po 文 解釋 潛伏期 是 指 被 傳染 到 出現 症狀 這 中間 的 時間 並 不是 出現 症狀 到 確診 的 時間 昨晚 第 24 例 新增 個案 尚不 知道 她 是 在 何時 被 誰 傳染 因 此 目前 還 不 清楚 伏 期 而 這 29 天 是 指 從 發病 到 確診 的 時間 並非 是 所謂 的 潛伏期 貼 文 曝光 後 網友 在 留言處 熱烈 討論 1 月 22 日 發燒 那 潛伏期 往 前 推 的話 不 就 更 早 發病 至 確診 期間 也 是 種 空 窗 人為 空 窗 非 自然 空 窗 從 資料 看來 大部分 都 是 輕 狀 甚至 都 沒有 症狀 是不是 要 檢討 一下 防疫 的 等級 背 脊 涼 了 政府 加油 天 佑 臺灣</t>
  </si>
  <si>
    <t>who 攜手 臉書 微軟 等 大廠 舉辦 防疫 駭客 松 48 小時 不 斷電</t>
  </si>
  <si>
    <t>世界衛生組織 who 與 臉書 微軟 等 科技 大廠 合作 舉行 駭客 松 hackathon 鼓勵 開發者 創造 帶來 社會 影響力 的 軟 體 方案 旨在 解決 當前 covid-19 新冠肺炎 疫情 挑戰 上週末 德國政府 即 舉辦 一 場 48 小時 的 防疫 駭客 松 逾 80</t>
  </si>
  <si>
    <t>為 宣導 居家 隔離 檢疫 不要 趴 趴 走 內政 部 小 編 今天 在 臉書 貼出 心跳 示意圖 原先 是 正常 心跳 收到 罰 單後 一陣 錯亂 接 著 心跳 停止 有 網友 留言 然後 呢 然後 他 就 死 掉 了 內政 部 今天 仿 心跳 貼出 應 隔離 檢疫 者 到 夜 店 趴 趴 走 然後</t>
  </si>
  <si>
    <t>為 宣導 居家 隔離 檢疫 不要 趴 趴 走 內政 部 小 編 今天 在 臉書 貼出 心跳 示意圖 原先 是 正常 心跳 收到 罰 單後 一陣 錯亂 接 著 心跳 停止 有 網友 留言 然後 呢 然後 他 就 死 掉 了 內政 部 今天 仿 心跳 貼出 應 隔離 檢疫 者 到 夜 店 趴 趴 走 然後 收到 百萬 罰 單 的 心跳 瞬間 三 格 示 圖 許多 網友 認為 創意 十足 內政 部 在 官方 臉書 留言 動 茲 動 茲 夜 店 趴 趴 走 以為 黑壓壓 一 片 員警 就 找 不 到 你 嗎 錯 m-police 連 線 疾 管署 資料庫 臨檢 用 身分 證號 護照 或 居留證 查詢 一 查 就讓 你 現出原形 小 編 也 說 不要 成為 防疫 豬 隊友 拜 讬 拜 讬 拜 讬 小 編 再 300萬 次 拜 讬 居家 檢疫 或 隔離 期間 不要 亂跑 好好 待 在 家 居家 檢疫 期間 違規 外出 依法 罰 10 至 100萬</t>
  </si>
  <si>
    <t>三 立 電視臺 9 日 晚間 接 獲 通報 有 2 員工 確診 立刻 做 大樓 清 消 10 日 上午 安排 該 樓層 所有 員工 pcr 篩檢 臺北市 副 市長 黃珊珊 今 在 臉書 表示 三 立 該 層 所有 員工 都 是 pcr 陰性 黃珊珊 指出 10 日 接 到 三 立 電視臺 副 總的 電話 她 與 聯合</t>
  </si>
  <si>
    <t>三 立 電視臺 9 日 晚間 接 獲 通報 有 2 員工 確診 立刻 做 大樓 清 消 10 日 上午 安排 該 樓層 所有 員工 pcr 篩檢 臺北市 副 市長 黃珊珊 今 在 臉書 表示 三 立 該 層 所有 員工 都 是 pcr 陰性 黃珊珊 指出 10 日 接 到 三 立 電視臺 副 總的 電話 她 與 聯合醫院 許 副總 院長 連夜 趕到 公司 看 現場 一個 員工 確診 的確 會 造成 很 多 員工 的 驚慌失措 因為 北 市府 有 許多 經驗 所以 告訴 對方 要 怎樣 處理 後續 事宜 另外 因 北農 與 環南 市場 疫情 穩定 中央 與 地方 聯合 前進指揮所 昨天 解 編 由 臺北市政府 處理 後續 事宜 黃珊珊 指出 就 像 壹 電視 文化 大學 宿舍 案 北農 案 高鐵案 一樣 工作 職 場 先 分紅 黃 綠區 紅區 人員 不但 要 篩檢 有 近 距離 接觸 者 還要 被 匡列 隔離 14 天 黃 區 人員 也 要 全面 篩檢 紅 黃 區 的 篩檢 結果 再 判斷 綠區 的 風險 壹 電視 沒有 全面 篩 因為 紅 黃 區 都 沒有 被 感染 其他不同 棟 工作 的 同仁 也 不 需要 太緊張 黃珊珊 表示 三 立 電視臺 該 樓層 的 員工 都 已經 pcr 篩檢 陰性 雖然 接觸 者 還 是 會 被 匡列 隔離 但 總 是 一個 好 消息</t>
  </si>
  <si>
    <t>全國 升 三級 警戒 進出 營業 公共場所 等 都 必須 實施 實 聯 制 不過 最近 有 民眾 發現 有 店家 張貼 於 門口 的 qr code 遭 不肖 人士 更換 民眾 不知情 掃描 後 造成 荷包 大 失血 內政部警政署 也 在 臉書 宣導 提醒 民眾 傳送 實 聯 制 簡訊 前</t>
  </si>
  <si>
    <t>26 歲 塗姓 男子 於 今年 1 月 25 日新冠肺炎 爆發 之 際 在 嘉義 縣 太保市 住處 以 手機 連結 網際網路 登 入 臉書社 群 網站 張貼 嘉義 嘉 基 已經 確診 一 例 武漢肺炎 的 不實 訊息 是 全台 首 樁 傳播 疫情 謠言 者 嘉義 地 檢 署 13 日 偵 結 聲 請 簡易</t>
  </si>
  <si>
    <t>26 歲 塗姓 男子 於 今年 1 月 25 日新冠肺炎 爆發 之 際 在 嘉義 縣 太保市 住處 以 手機 連結 網際網路 登 入 臉書社 群 網站 張貼 嘉義 嘉 基 已經 確診 一 例 武漢肺炎 的 不實 訊息 是 全台 首 樁 傳播 疫情 謠言 者 嘉義 地 檢 署 13 日 偵 結 聲 請 簡易 判決 嘉 檢 表示 嚴重 特殊 傳染性 肺炎 防治 及 紓困 振興 特別 條例 自 今年 2 月 27 日 起 正式 施行 對於 散佈 疫情 謠言 或 不實 訊息 已 提高 刑責 將 可 處 3 年 以下 有期徒刑 拘役 或 科 並 科 新 台幣 300萬 元 以下 罰金 請 民眾 切 勿 道聽塗說 隨意 散播 假 訊息 嘉 檢 表示 塗姓 被告 是 於 嚴重 特殊 傳染性 肺炎 防治 及 紓困 振興 特別 條例 施行 以前 散佈 不實 疫情 訊息 因 此 是 依 傳染病 防治法 第 63 條 偵 辦 此 條例 刑 責 是 科處 新 台幣 300萬 元</t>
  </si>
  <si>
    <t>義 大利 新冠肺炎 疫情 已 近乎 失控 狀態 日前 確診 病例 被 伊朗 超越 後 8 日 報告單 日 新增 1247 例 累計 已 達 5883 例 再度 超越 伊朗 的 5823 例 該國 聯合 執政 的 民主黨 黨魁 津 加雷蒂 nicola zingaretti 亦 在 臉書 發表 視頻 表示 他 已 被</t>
  </si>
  <si>
    <t>花蓮 青年 新創 基地 今天 揭牌 成為 全台 唯一 24 小時 由 公佈 門 提供 的 青創 進駐 空間 縣長 徐榛蔚 兌現 青年 政策 今天 也 在 現場 舉辦 就職 2 周年 活動 除了 對 政績 侃侃而談 特別 提到 爭取 青年 創業 資源 打造 青年 相互 交流 的 場 域 並 建立 單一 服務 視窗 並 與 財團法人 中小企業 信用 保證 基 金及 臺灣銀行 合作 推動 花 蓮 縣 青年 安心 創業 貸款 計 畫 成為 青年 創業者 的 後盾 徐榛蔚 就職 2 周年 表示 今年 新冠肺炎 肆虐 全球 縣府 超前 部署 因應 疫情 守 住 淨土 後 疫情 時代 透過 舉辦 太平洋 國際 觀光 節 夏戀 嘉年華 原住民 聯合 豐年 節 等 活動 吸引 國內外 遊客 花蓮 深度 之 旅 為 花蓮 觀光 產業 注入 活力 更 在 訂 房 平臺 agoda 上成為 觀光 旅遊熱 搜 全國 第一 名 讓 花蓮 成為 外地 遊客 安心 旅遊 的 首選 花 蓮 真 的 不 一樣 花 蓮 縣 致力 推動 智慧 城市 智慧 教育 有機農業 及 友善 觀光 將 花蓮 的 有機 農 產 推展至 香港 日本 及 西雅圖 拓展 農產品 外銷 通路 將 花蓮 邁向 有機 首都 的 智慧 城市 的 目標 前進 徐榛蔚 也 公佈 一 支 兩 周年 影片 並 同步 在 臉書 播放 細數 2 年 政績 特別 是 交通 蘇花 改 年初 開通 引入 花蓮 大量 人 車 回家 的 路也 近 了 安全 了 唯有 縮短 交通 才能 引入 士農工商 產業 能 發展 促進 地方 工商 發達 所以 未來 仍 持續 推動 蘇花 改 二期 動工 花東 快速道路 國道 六 號 連結 青年 新創 基地 正式 啟用 徐榛蔚 說 希望 透過 固定 場 域 集結 花 蓮 創業 有志 青年 藉 由 系列 課程 工作 坊 講座 與 社 群 聚會 強化 創業者 的 軟 實力 及 實踐 力 未來 花蓮 新創 基地 也 將 結合 縣府 青年 發展中心 三大 核心 業務 包含 創業 輔導 建 言 平臺 及 國際 參與 等 成為 花蓮 青年 聚集 與 培 力 的 場 域 青年 發展中心 執行長 明 良臻 指出 花蓮 縣政府 整修 經濟部 標準 檢驗 局 位 在 花蓮市 美侖 地區 的 辦公廳 舍 設立 新創 基地 提供 24 小時 開放 的 辦公 空間 創業 諮 詢 視窗 等 服務 辦公 空間 提供 新 成立 公司 承租 不 限 產業 類別 9 處 辦公室 空間 約 5 至 8 坪 大 皆 是 設有 無線 網路 的 獨立 空間 每個 月租金 約 1000 元 上下 最久 可 承租 2 年 申請 辦法 將 於 明年初 公佈</t>
  </si>
  <si>
    <t>新冠肺炎 疫情 不斷 擴散 3 月 25 日 2 名 自 美國 返台 的 高中 留學生 回到 花蓮 住家 後 原本 應該 落實 14 天 自主 居家 檢疫 沒 想到 卻 外出 買 蚵 仔 煎 更 高調 在 ig 發文 大 嗆 網友 遭 民眾 檢舉 後 2 人 各 被 開 罰 10萬 元 罰 鍰 無辜 的 蚵 仔 煎 店家 隔日 閉店 1 天 消毒 3 月 31 日 也 公告 表示 為了 顧及 社會 觀感 決定 停業 1 個 月 3 月 25 日 2 名 留 美 高中生 返回 花蓮 後 高調 在 社 群 網路 ig 上 po 出 自己 戴 上 口罩 外出 買 蚵 仔 煎 的 照片 被 友人 私 訊 質疑 不用 居家 隔離 嗎 不要 扯 臺灣 防疫 後腿 留學生 竟 態度 囂張 不以為意 回 嗆 買 個 午餐 是 在 哭 2 名 學生 因為 作風 過度 高調 遭到 民眾 舉 發 各自 被 罰 10萬 元 罰 鍰 2 名 高中生 接觸 過 的 蚵 仔 煎 小吃店 也 無端 遭受 連累 在 事件 發生 隔日 閉店 全面 消毒 3 月 31 日 店家 鐵門 拉下 又 再 貼出 公告 4 月 店 休 1 個 月 5 月 1 日 開始 再 繼續 為 大家 服務 老闆 在 臉書 粉 專 表示 店 休 主要 是 因為 最近 疫情 影響 人潮 和 生意 減少 另一方面 顧及 社會 觀感 決定 讓 店裡 員工 自主 健康 管理 所以 休息 1 個 月 確保安全 無 虞再 重新 營業 許多 顧客 得知 店 休 消息 都 感到 非常 不 舍和 可惜 紛紛 在 貼 文 底下 留言 要 怪 那 2 個 小 屁 孩 趴 趴 走 老闆 好 倒 楣 喔 店家 真是 受到 無妄之災 老闆 加油 也 有 網友 同時 提議 老闆 應該 跟 這 2 名 高中生 求償 損失</t>
  </si>
  <si>
    <t>客家 精神 以 刻苦 勤儉 聞名 連 疫苗 都 不 意外 昨 5 日 新竹 縣 竹北市 衛生 所在 臉書 po 出 施打 az 疫苗 的 情況 但 數位 卻 讓 網友 看 了 霧 煞 煞 怎麼樣 都 對 不 起來 因為 醫護人員 明明 領 用 1790 劑 疫苗 接種 卻 高 達 1955 人 原來 這</t>
  </si>
  <si>
    <t>7 月 進入 最後 一 周 也 將 是 這個 夏季 最 具 關鍵性 的 一 周 包括 蘋果公司 在內 今年 帶領 美 股 從 3 月 穀底 一路 反攻 的 科技 股 巨星 將 于本周 公佈 財 報 聯 准會 fed 本 周 召開 為期 兩 天 的 貨幣政策 會議 美國國會 將 為 新冠肺炎 疫情 衝擊 提出 新一輪 紓困 振興 方案 美國科技 巨頭 領導人 將 赴 國會 就 反托拉斯 爭議 發表 證詞 以及 美國 將 公佈 第二 季 國內 生產 毛額 gdp 初值 都將 使 美 股 面臨 風起雲湧 的 一 周 此外 在 中國 下令 美國 駐 成都 總領事館 關閉 與 停止 一切 運作 以 反 制 美國 下令 關閉 中國 駐 休士頓 總領事館 後 美中 緊張局勢 的 後續 發展 也 將 影響 美 股 走勢 蘋果 亞馬遜 臉書 穀歌 母公司 alphabet 本 周 將 揭曉 上 季 營運 成績 被 視為 是 驗證 那斯 達克 當前 估 值 的 試金石 上周 道 瓊 指數 收 跌 08 標 普 500 指數 收 低 03 那斯 達克 指數 近來 屢 創 新高 雖然 上周 收 跌 13 為 連續 第二 周收 黑 但 今年以來 仍 漲逾 15 相較 之下 標 普 500 指數 今年以來 跌 約 05 標 普 500 指數 成分股 第二 季 獲利 估 下滑 略 逾 40 科技 股 獲利 估 僅 小 減 44 是 歷來 最 輕微 的 獲利 衰退 之一 而 已經 發佈 財 報 的 上市 公司 中 約 八成 企業 的 營運 表現 優於 市場 預期 這 比例 遠 高於 1994 年 來 的 平均值 約 65 分析 師 表示 其實 企業 整體 獲利 表現 還算 不錯 而 美 股 當前 的 問題 在於 估 值 太 高 有些 股票 以 股價 淨值 比 p b ratio 來看 似乎 很 便宜 但 這些 公司 的 獲利 受 疫情 重創 在 全球 及 美國 疫情 持續 急 升 之際 某些 零售商 與 航空 業 正 面臨 著 復蘇 遙遙無期 的 擔憂 在 蘋果 即將 發佈 第 三 財 季財報 前 其 上週五 股價 小跌 025 收在 37046 美元 但 盤中 一度 大 跌 4 主要 因 wolfe research 分析 師 jeff kvaal 將 其 股票 評級 調 降 至 不如 大盤 underperform 並 給出 315 美元 目標價 稱 蘋果 基本 面 恐無 法 支撐 如 過去 幾 個 月 般的 升勢 此外 該投 銀 不 認為 蘋果 將 出現 5 g 超級 週期 這 是 帶動 蘋果 股價 從 3 月 低 點 大 漲逾 60 的 主要 題材 根據 factset 調查 市場 預期 蘋果 第 三 財 季營 收 年 減 近 4 約 為 5176億 美元 每股 盈 餘 估 將 從 218 美元 下滑 至 202 美元 美國國會參議院 共和黨 團 將 公佈 新一輪 紓困 振興 法案 的 細節 在 美國 的 新冠肺炎 確診 數 不 斷 激 升 且 上周 初次 請領 失業 給付 人數 於 4 個 月 來 首 見 反彈 之際 料 將 成為 美國 經濟 復蘇 成敗 的 關鍵 上週五 美國 的 新冠肺炎 確診 數 單日 就 增加 至少 68800 人 主要 仍 因 亞利桑那州 加州 佛羅里達州 與 德州 的 感染 激增 目前 美國 累計 確診 數 已 突破 400萬 人 而 截至 上週五 美國 的 新冠肺炎 死亡 人數 已 連續 4天 超過 1000 人 美國 財政部長 穆努欽 週六 在 國會 大廈 召開 記者會 宣佈 共和黨 團 準備 在 週一 提出 新一輪 新冠 援助 法案 他 表示 政府 準備 加快速度 他 與 白宮 幕僚 長 米 道斯 已經 和 共和黨 團 協商 及 微調 該 1 兆 美元 的 法案 對於 共和黨 版本 的 新 紓困 案 川普 總統 將 絕對 給予 支持 穆努欽 並 表示 延長 即將 到期 的 加發 失業 救濟金 措施 是 川普 總統 的 首要 之 務 不過 給付 金額 將 大幅 調 降 他 稱 每週 額外 加發 600 美元 失業 給付 太 荒謬 不利於 人們 重返 就業 此外 他 承諾 將 於 8 月 推出 新一輪 的 1200 美元 振興 支票 方案 這項 措施 周日 亦 獲 白宮 經濟 顧問 庫德洛 證實 聯 准會 本 周 召開 政策 會議 市場 普遍 預期 該 美國 央行 將 按兵不動 並 重申 將 繼續 盡 一切 所能 為 美國 經濟 提供援助 聯 准會 將 再度 討論 保持 超低 利率 的 新 策略 其一 為 前瞻 指引 政策 聯 准會 可 藉 此 更加 明確 引導 市場 預期 另外 聯 准會 將 購買 定向 國庫券 以 控制 特定 利率 亞馬遜 執行長 貝佐斯 蘋果 執行長 庫克 alphabet 執行長 皮采 與 臉書 執行長 祖 克 柏將 於 7 月 29 日 週三 出席 眾議院 司法 反托拉斯 小組 委員會 就 這些 重量級 科技 公司 在 競爭 與 市場 方面 的 主導地位 及 影響 展開 攻防 之後 該 委員會 的 國會議員 料 將 發佈 相關 報告 並 提出 新 的 反 壟 斷 規定 該 報告 原 定於 4 月 公佈 但 受到 新冠肺炎 疫情 影響 而 延宕 至 今 美國 本 周 將 公佈 第二 季 gdp 的 第一 次 統計資料 將 揭露 當時 美國 緊急 實施 封鎖 措施 以 防止 新冠肺炎 疫情 快速 擴散 對 其 經濟 造成 的 衝擊 程度 經濟學家 預期 美國 上 季 gdp 萎縮 約 35 第 三 季 可望 重 十 成長 但 反彈 強度 將 取決於 國會 提供 的 激勵 力 道 以及 新冠肺炎 疫情 持續 給 企業 與 經濟 活動 造成 多 大 的 衝擊 美國 約 3000萬 名 失業者 每週 可 額外 收取 600 美元 失業 給 付 的 紓困 措施 將 於 7 月 31 日 落日 該 措施 被 視為 是 新一輪 振興 方案 裡 最 重要 的 部分 經濟學家 認為 美國國會 不太可能 趕在 該 措施 到期 前 通過 新法案 且 在 經過 多次 妥協 後 給付 金額 也 可能 直接 砍 半</t>
  </si>
  <si>
    <t>新冠肺炎 患者 多 以 趴臥 姿勢 治療 引起 許多 人 好奇 對此 英國 icu 醫 拍 片 解釋 仰 躺 時 體內 器官 易 壓迫 肺部 導致 缺血 和 缺氧 駐 美 醫師 也 在 臉書 發文 表示 病 患 俯臥 血 氧 就 會 上升 效果 非常 好 英國 icu 醫生 丹尼爾斯 ron dani</t>
  </si>
  <si>
    <t>新冠肺炎 患者 多 以 趴臥 姿勢 治療 引起 許多 人 好奇 對此 英國 icu 醫 拍 片 解釋 仰 躺 時 體內 器官 易 壓迫 肺部 導致 缺血 和 缺氧 駐 美 醫師 也 在 臉書 發文 表示 病 患 俯臥 血 氧 就 會 上升 效果 非常 好 英國 icu 醫生 丹尼爾斯 ron daniels 表示 新冠 患者 常 趴 躺 俯臥 的 方式 插管 原因 是 患者 仰 躺 時 體內 器官 容易 壓迫 肺部 而 地心引力 又 會 讓 血液 流到 被 壓迫 的 部分 使 肺部 有氧 部分 缺血 但 若 趴 躺 則 能 避免 此 情況 同時 讓 血液 流到 肺部 充滿 氧氣 部分 使 病 患 可 獲得 所 需 的 氧氣 駐 美 醫師 張凱銘 也 在 臉書 發文 指出 新冠肺炎 常有 呼吸 窘迫 症狀 而 臨床 上 針對 急性 呼吸 窘迫 症候 群 ards 患者 常采 臥 趴 姿勢 prone position 治療 因其 效果 非常 好 病人 只要 俯臥 血 氧 就 會 稍微 提升 對 血 氧 較 差 尚未 插管 的 病人 請 他 趴 著 真的 很 有用 而要 插管 的 病人 也 是 如此 張凱銘 提到 看 了 討論 串 發現 臺灣 似乎 不是 很 喜歡 臥 趴 姿勢 因為 很 耗費 護理 師 的 人力 但 他 表示 在 他 工作 的 醫院 一大早 就 看到 3 個 主治醫師 合力 替 病人 翻 姿勢 其實 美國 醫師 的 工作 也 是 很 辛苦 的</t>
  </si>
  <si>
    <t>衛福部 立 桃園 醫院 爆 群 聚 感染 至今 不少 民眾 擔憂 疫情 恐 要 大 爆發 台大醫院婦產科 名醫 施景中 在 臉書 分析 跟 國外 相比 臺灣 跟 疫情 失控 的 距離 其實 還 差 得 非常 遠 但 他 並 非要 大家 盲目 的 樂觀 而是 希望 大家 能 與 再 一起</t>
  </si>
  <si>
    <t>衛福部 立 桃園 醫院 爆 群 聚 感染 至今 不少 民眾 擔憂 疫情 恐 要 大 爆發 台大醫院婦產科 名醫 施景中 在 臉書 分析 跟 國外 相比 臺灣 跟 疫情 失控 的 距離 其實 還 差 得 非常 遠 但 他 並 非要 大家 盲目 的 樂觀 而是 希望 大家 能 與 再 一起 努力 守 下去 施景中 昨 25 晚 於臉書 寫道 有人 說 臺灣 的 疫情 已經 失控 了 先 不說 美國 和 印度 光是 每天 的 確診 病例 就 多 得 可怕 以 鄰近 的 日本 來說 單日 確診 病例 近 4000 人 死亡數 也 有 逾 50 人 施景中 問 有 想 過 臺灣 過去 一 整年 的 數目 嗎 他 表示 一 名 親戚 也 是 醫師 人 在 歐洲 罹 患 新冠肺炎 後 至 當地 的 醫院 檢查 卻 被 院方 認為 病情 還 沒 嚴重 到 需要 住院 的 地步 因 此 將 他 趕回去 但 其實 是 醫院 已經 沒有 人力 設備 可以 收治 施景中 說 反觀 在 臺灣 確診 病人 必須 以 高 規格 收入 負 壓 隔離病房 所有 疑 似的 接觸 者 也 都 必須 嚴格執行 14天 居家 隔離 施景中 表示 我 並 不是 叫 各位 盲目 的 樂觀 只是 對 比 國外 狀況 目前 臺灣 跟 疫情 失控 的 距離 其實 還 差 非常 遠 況且 大家 的 前方 還 有 我 一 群 好 兄弟 無怨無悔 在 幫 你們 擋 子彈 請 你們 跟 我們 一樣 再 努力 守 下去</t>
  </si>
  <si>
    <t>新冠肺炎 造成 口罩 荒 臺灣 實施 的 口罩 實 名 制 讓 藥 局外 總是 大排長龍 但 近日 人潮 已 逐漸 緩和 全國 公務人員 協會 榮譽 理事長 李 來希 卻 直指 排隊 領 口罩 的 多半 是 老年人 年輕人 在 家 等 口罩 真是 太 殘忍 了 此話 意外 引來 網友 炮轟 李 來希 在 個人 臉書 發文 繼 他 日前 在 家中 找 出 5 個 醫用 口罩 接 著 又 翻出 10 個 被 遺忘 的 口罩 讓 他 喜出望外 直 呼 好爽 但 底下 他 又 針對 口罩 實 名 制 的 排隊 現象 發表 看法 留言 內容 指出 排隊 的 人 多半 是 老先生 老太太 年輕人 在 家 等 口罩 太 殘忍 了 想想 真的 很 不堪 吧 文章 被 網友 貼 上 ptt 後 不少 人 都 傻眼 回應 是 不用 上班 喔 上班 怎麼 排 好 啊 老人 去 上班 年輕人 來 排 過 太 爽 不 知道 大家 平日 都 要 去 上班 喔 我 是 知道 很多 年輕人 靠 他 父母 的 退休金 養 就 好</t>
  </si>
  <si>
    <t>國民黨 順 時 中 臉書 粉 專 党徽 戴 粉紅色 口罩</t>
  </si>
  <si>
    <t>上周 行政院 正式 授權 台積 電洽 購 500萬 劑 原廠 bnt 疫苗 對此 分析 師 陸行 之 在 個人 臉書上 條 列 4 點 分析 指出 台積電 不 出手 這個 死結 打得 開 嗎 郭 董事長 會 不 知道 台積 電能 推 一 把 嗎 並 認為 原來 台積電 不是 不出 聲 而是 低調</t>
  </si>
  <si>
    <t>上周 行政院 正式 授權 台積 電洽 購 500萬 劑 原廠 bnt 疫苗 對此 分析 師 陸行 之 在 個人 臉書上 條 列 4 點 分析 指出 台積電 不 出手 這個 死結 打得 開 嗎 郭 董事長 會 不 知道 台積 電能 推 一 把 嗎 並 認為 原來 台積電 不是 不出 聲 而是 低調 低調 再 低調 針對 台積 電洽 購 疫苗 的 事件 陸行 之 認為 即使 台積電 要 幫 政府 買到 2000萬 劑 影響 eps 不 到 1 元 才 能夠 輪到 台 積 電 員工 施打 疫苗 台積電 也 應該 去 做 假設 一家 公司 的 價值 是 未來 20 年 的 折 現 現金 流 台積電 又 不是 未來 20 年 每年 額外 花 1 元 做 這事 所以 對 公司 價值 的 影響 就 是 每股 不 到 1 元 更何況 台積電 在 送 了 500萬 劑 以後 可以 透過 旗 下 基金會 加碼 採購 短缺 的 數目 再 轉賣 給 政府 這樣 對 eps 的 影響 就 更 小 了 此外 陸行 之 也 認為 台積電 不 出手 購買 疫苗 很 難 有 解決 方法 如果 台積電 不 出手 這個 死結 打得 開 嗎 郭 董事長 會 不 知道 台積 電能 推 一 把 嗎 事實上 先前 各界 先前 購買 疫苗 風聲 不斷 當時 陸行 之 就 好奇 為 何台積 電 悶 不吭聲 重點 客戶 會 持續 把 所有 的 晶圓 代 工 訂單 雞蛋 都 放在 一個 悶 不吭聲 一點 防範措施 都 不 做 的 台積電 籃子 裡 嗎 當時 台積電 至少 也 應該 爭取 採買 數量 夠 全球 超過 50000 的 員工 優先 施打吧 搞 半天 不是 不出 聲 而是 低調 低調 再 低調 最後 陸行 之 認為 台積電 積極參與 做 社會 公益 我 放心 相信 張忠謀 前 董事長 及 張淑芬 夫人 也 會 大力 同意 支持 的 台 積 電洽 購 疫苗 500萬 劑 外界 推 估 投入 金額 將 高達 5060億 引發 關切 購買 疫苗 一 事 是否 有 經過 董事會 核准 且 符合 公司 治理 原則 對此 台積電 澄清 6 月 董事會 已 報告 購買 疫苗 的 規劃 待 相關 事項 確定 後 提案 由 董事會 作成 決議 追認 並 依法 發佈 重 訊</t>
  </si>
  <si>
    <t>公費 疫苗 預約 平臺 第 12 期 第一 階段 預約 於 昨 20 日 截止 第 12 輪 第 1 階段 莫德納 第 2 劑 符合 預約 資格 為 62萬6911 人 但 僅 約 18萬 人 完成 預約 不過 施 打過 首 劑 的 資深 女星 譚艾 珍 登記 時 發現 不 符合 預約 資格 讓 女兒 歐陽靖 急 得 在 臉書 發文 求救 希望 能 找到 解決辦法 歐陽靖 表示 母親 譚艾 珍 67 歲 7 月 14 日 打 了 莫德納 第一 劑 由於 戶籍 在 臺北市 第一 劑 是 在 台南 診所 打的 殘 劑 但 此次 意願 登記 要 在 10 月 13 日 中午 12 00 前 完成 母親 在 當天 下午 才 完成 因此 不 符合 這 一 輪 疫苗 預約 資格 但 算算 距離 第一 劑 已經 超過 14 周 讓 她 無奈 表示 不 知道 何年何月 才能 打到 第二 劑 了 加上 母親 依然 從事 無法 戴 口罩 與 多 人 近 距離 接觸 的 演藝 工作 讓 她 急 得 發文 求救 不 知道 有 沒有 人家 裡 的 長輩 跟 我 媽媽 有 一樣 的 情形 對於 歐陽靖 的 疑惑 網友 也 紛紛 給予 解答 地方 政府 的 區公所 有 協助 65 歲 以上 長者 可以 跟 區公所 或是 裡長 預約 登記 趕快 詢問 在 地 區公所 或是 裡長 直接 請 裡長 幫忙 造冊 然後 再 打 去 衛生局 雙重 確認 我 爸 戶籍 在 南部 人 住 北部 北部 裡長 一樣 幫忙 預約 成功 第二 劑 高雄 65 歲 以上 是 造冊 的 我 媽 沒有 登記 也 可以 安排 去 打 疫苗 譚艾 珍 施打 第一 劑 疫苗 也 是 一波三折 因為 戶籍 沒 遷到 台南 當 台南 市 65 歲 以上 疫苗 開放 預約 打電話 到 戶政 事務所 衛生所 1922 診所 等 單位 詢問 能否 留在 台南 打 疫苗 都 是 得到 必須 先 登記 資料 如果 有 多 的 疫苗 再 通知 的 答案 因為 等 不 到 通知 便 幫 母親 預約 回 臺北 施打 疫苗 好在 北上 前 得知 有 某 診 能 提供 接種 才 不 用 舟車勞頓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疫情 蔓延 全球 日前 蔡依林 jolin 攜手 陳奕迅 eason 合唱 英文 公益 單曲 fight as one 用 歌聲 向 全球 醫護 致敬 卻 因 mv 畫面 中 有 外國 小孩 舉 著 感謝 china 標語 片段 引發 爭議 館長 陳 之 漢 也 發文 狂 酸 敢 講 中華民國 臺灣 醫護人員 辛苦 了 或是 加油 中華民國 保證 聽 不到 據 瞭解 這次 蔡依林 與 陳奕迅 合作 兩 人 並 沒有 碰面 是 分別 錄 唱 拍攝 mv 再 藉 由 後 制 剪輯 完成 歌詞 內容 毫無 爭議 不過 卻 有 眼尖 網友 發現 mv 中 有 小朋友 拿 著 畫 有 大陸 五星 旗 感謝 china 標語 片段 狂 罵 這 首歌 表面 向 全球 醫護 致敬 背後 用意 根本 是 幫 大陸 做 宣傳 館長 今 7 日 在 臉書 發文 狂 酸 是 喔 被 陰 了 唷 mv 內容 不 知道 喔 那麼 10 一定 等等 會 發 新聞稿 抗議 我 相信 等到 天荒地老 海枯石爛 也 等 不到 更 說 不然 叫 他 講 一 句 中華民國 臺灣 所有 醫護人員 辛苦 了 或是 我國 的 部長 以及 防疫 人員 辛苦 了 或是 加油 中華民國 我 保證 也 聽 不 到 而 蔡依林 臉書 粉 專 昨 6 日 發文 此刻 的 我 感到 渺小 似乎 在 回應 近期 風波 內文 提到 無論 未來 的 蔡依林 將 會 如何 地被 敘述 和 被 形 塑 著 我 都 要 深深地 謝謝 你 謝謝 你在 我 有限 的 表演 生命 裡 曾 用力 地拉 過 我 一 把 曾 親臨現場 地 救 贖 過 我 更 曾 不離 不棄 地 陪伴 過 我 的 你 也許 在 某個 時間 你 忽然 間 不再 需要 我 了 也 不再 記起 我 了 我 都 相信 那也本 是 我 該 收 下 的 生命 之 禮 在此之前 我 一定 會 為 蔡依林 全力以赴 的 活 著 笑 著 哭 著 唱 著</t>
  </si>
  <si>
    <t>全台 新冠肺炎 疫情 不斷擴大 包括 臺北 新北 宜蘭 基隆都 有 確診 者 引爆 全國 恐慌 衛福 部長 陳時中 12 日 在 記者會 上 表示 過去 擔心 疫苗 打 不 完 但 如今 卻是 擔心 打 不夠 對此 國民黨 立 委 賴士葆 表示 自己 服務處 接到 許多 民眾 陳情 已經 無法 施打 疫苗 但 政府 有 保證 有 預約 的 人民 都 打得 到 沒 想到 政策 會 轉彎 他 拜 讬 政府 不 要 只顧 協助 邦交國 取得 疫苗 難道 臺灣 人民 的 命 不如 友邦 賴士葆 今 17 日 在 臉書 發文 表示 今天 一早 服務處 接到 很多 民眾 的 電話 抱怨 到 藥局 買不到 口罩 還有 一些 民眾 氣急敗壞 的 是 他們 已經 預約 自費 施打 疫苗 昨天 陳時中 在 記者會 上 也 宣佈 有 預約 的 民眾 都 打得 到 沒 想到 政策 立刻 轉彎 疾 管局 告知 取消 18 日 以後 已 預約 的 停止 施打 讓 民眾 十分 錯愕 行政院長 蘇貞昌 2 月底 還 說 臺灣 沒有 施打 疫苗 的 急迫性 賴士葆 直言 當時 整個 內閣 對於 疫苗 可有可無鬆散 的 態度 可見 端倪 5 天 前 外交部長 吳釗燮 表示 瓜 國是 臺灣 堅實 友邦 臺灣 正 透過 各方 管道 並 結合 理念 相近 的 國家 設法 協助 瓜 國 取得 疫苗 駐 美 代表 蕭美琴 3 天 前 受訪 表示 截至 上周 駐 美 處 對 美方 交涉 重點 在 如何 協助 邦交國 取得 新冠 疫苗 不過 臺灣 發生 本土 疫情 國人 對 疫苗 期待 比較 迫切 這周 起 也 非常 積極 接洽 賴 痛 批 看 了 這樣 的 報導 讓 人 痛心疾首 為什麼 臺灣人 的 命 永遠 不如 友邦 為什麼 臺灣人 就 是 配 吃 萊 豬 和 核 廢水 漁產 賴士葆 稱 這 幾 天 暴 增 的 確診 人數 讓 大家 心驚 專家 也 表示 其實 幾 個 月 前 社區 很多 的 確診 案例 只 是 被 掩蓋 著 長期 美化 0 的 數字 為 臺灣 博得 防疫 績 優生 的 美名 沉浸 於 虛幻 的 假相 政府 錯誤 的 認為 臺灣 是 淨土 不急 著 施打 殊不知 病毒 已經 悄悄的 進入 社區 政府 堅持 不 篩 直 等到 大 爆發 民眾 想 打 疫苗 沒有 疫苗 原來 都 在幫 友邦 喬 疫苗 賴 質問 美國 3億 多 人口 採購 了 n 倍 的 疫苗 美國 一直 表示 很 支持 臺灣 蕭美琴 為什麼 不 積極 請 美國 釋出 一些 疫苗 給 臺灣 告訴 美國 現在 臺灣 疫苗 施打 只 有 1 左右 的 窘 狀 和 急迫 為什麼 不 大聲 地 說 taiwan needs help</t>
  </si>
  <si>
    <t>大甲 媽 9 天 8 夜 的 繞 境 行程 決定 延期 了 大甲鎮 瀾 宮 剛剛 宣 告 全體 董 監事會 昨晚 召開 會議 我們 決議 尊重 專業 將 今年 的 大甲 媽 繞 境 進香 延期 舉辦 全力支持 政府 的 防疫 工作 鎮 瀾 宮 預定 上午 11 時 召開 記者會 說明 大甲鎮 瀾 宮 早上 在 臉書 公告 內容 如下 百年 的 繞 境 進香 活動 因為 今年 武漢肺炎 和 流感 的 疫情 蔓延 各界 出現 了 不同 的 聲浪 為了 維護 百年 的 文化 活動 近日 密切注意 疫情 發展 請 益公衛 團體 醫院 醫師 學者 拜訪 沿途 宮廟 縣市政府 建立 防疫 工作 尋求 各 單位 的 協助 大甲鎮 瀾 宮 表示 全體 董 監事會 昨晚 召開 會議 決議 尊重 專業 將 今年 的 大甲 媽 繞 境 進香 延期 舉辦 全力支持 政府 的 防疫 工作</t>
  </si>
  <si>
    <t>臺灣 職業 女網 一 姊 謝淑薇 帶 著 近 兩 周於 wta 巡迴賽 杜拜 站 杜 哈站 女雙 奪冠 的 氣勢 加入 今年 聯邦 杯 亞 大區 一級 賽事 中華 女網 隊 因為 新冠肺炎 疫情 人心惶惶 謝淑薇 也 高 規格 自我 健康 管理 透露 都戴 n- 95 口罩 也 避免 全隊 聚餐 謝淑薇 和 捷克 好手 史 崔可娃 barbora strycova 聯手 在 連兩 站 中東地區 賽事 拿下 wta 女雙 冠軍 謝淑薇 在 臉書 粉 專用 中東 雙打 女王 組 形容 自己 和 搭 擋 結束 杜哈 賽 事後 也 趕赴 杜拜 跟 中華 女網 隊 會合 備戰 杜拜 時間 3 月 3 日 到 7 日 進行 的 2020 聯邦 杯 亞洲 大洋洲 區 第一 級 賽事 因為 擔心 新冠肺炎 疫情 謝淑薇 直到 深夜 人 少時 才 現身 球場 練習 休息 空擋 本次 中華 女網 隊 教練 翁 宜寧 把 體育 署 提供 給 選手 的 一 包 外科 口罩 請 謝淑薇 簽收 寶島 一 姊 說 我 都 戴 n- 95 口罩 上次 在 澳洲 找 了 好久 才 找到 2 個 翁 宜寧 回 她 戴 n- 95 會 呼吸困難 謝淑薇 立刻 答道 無所謂 反正 我 比賽 也 常常 打到 吸 不到 空氣 謝淑薇 近來 對於 人 多 之處 都 戒慎 恐懼 也 告知 教練 翁 宜寧 比賽 期間 每天晚上 全隊 的 聚餐 她 大概 都 不 會 出席 請 大家 見諒 謝淑薇 解釋 之後 還有 許多 比賽 不能不 特別 小心 翁 宜寧 也 告訴 謝淑薇 本屆 賽事 中華隊 的 對手 一 姊 發現 沒有 日本 和 哈薩克 兩 支 強敵 隨口 說 了 可以 喔 至於 可以 喔 代表 什麼 意思 翁 宜寧 推敲 說 應該 是 指 可以 打 進前 兩 名 吧 我 也 不 知道 就讓 大家 去 猜 吧</t>
  </si>
  <si>
    <t>臺灣 新冠肺炎 疫情 嚴峻 醫護人員 工作量 遽 增 撥打 電話 叫 救護車 也 會 比 平常 來得 晚 日前 台南 一 名 男子 表示 女兒 因 發高燒 只好 趕緊 到 附近 的 診所 看 診 沒 想到 才剛 到 到 診所 女兒 突然 熱 痙攣 並 陷入 昏迷 診所 醫師 見 情況 不對 趕緊 脫下 身上 的 防護衣 載 他們 到 成功 大學 醫學院 附設 醫院 急診 令 男子 感動不已 呼籲 疫情 期間 不要 抱怨 任何 醫護 一 名 男子 29 日 在 臉書 指出 28 日 晚間 女兒 出現 發燒 症狀 便 帶 她 去 加 附近 的 紀 冠 廷 診所 看 診 孰料 才剛 到 診所 女兒 卻 突然 熱 痙攣 身體 開始 抽搐 嘴唇 發 紫 隨即 陷入 昏迷 狀態 令 在場 的 所有人 都 嚇了一跳 醫護人員 趕緊 撥打 救護車 因 疫情 的 緣故 救護車 要 半 小時 後 才能 前來 紀 醫師 見 情況緊急 顧不得 現場 還有 看 診 的 民眾 趕緊 脫下 身上 的 防護衣 開 車載 他們 前往 成大 醫院 掛 急診 目前 已 恢復 意識 等待 後續 檢查 據 聯合 新聞網 報導 紀冠廷 醫師 表示 當時 這 對 父女 是 騎 乘 機車 孩子 已 陷入 昏迷 考量 已不 適合 騎 機車 到 醫院 急診 情況 又 相當 危急 沒想 太 多 就 趕緊 脫下 防護衣 開 車載 他們 到 急診室 爸爸 感動 地 說 這 恩惠 我 永生 難忘 雖然 在 紀冠廷 診所 看 診 常常 要 等 很 久 但 他 是 值得 等待 的 好 醫生 並 呼籲 大家 不要 抱怨 任何 醫護 感謝 站 在 第一線 的 醫護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臺灣 基 進 立 委 3 q 哥 陳柏惟 今 24 日 在 立院 質詢 行政院長 蘇貞昌 時 指出 我們 邀請 香港 人 來 臺灣 當兵 有 三 個 好處 第一 他 比 我們 年輕 第二 他 比 我們 更 討厭 大陸 第 三 可以 增加 我們 勞工 人數 可否 考慮 這 件 事情 陳柏惟 表示 今日 香港 明日 臺灣 聲援 香港 不是 說說 而已 有 一個 實際上 可以 做 的 我們 邀請 香港 人 來 臺灣 當兵 是 當兵 不是 當官 喔 不是 當 軍官 陳柏惟 分析 當兵 有 3 好處 第一 他 比 我們 年輕 第二 他 比 我們 更 討厭 大陸 第 三 可以 增加 我們 勞工 人數 可否 考慮 這 件 事情 蘇貞昌 回答 指出 這個 我 看 可能 要 慎重 網友 在 3 q 陳柏惟 立 委 網路 後援 會 留言 這 是 真心 公 三小 你 欠 思考 喔 請 3 q 不要 把 自己 當作 藝人 搞 笑 莫 忘 初衷 選民 都 用 顯微鏡 監督 您 一 人 沒 啥 可說 嗎 高 知名度 更 要 謹言慎行 是 在 開玩笑 嗎 以後 發言 要 更 謹慎 另外 陳柏惟 此 也 被 ptt 網友 噓 到 爆 看破 手腳 對 民生 息息相關 的 國 土法 裝 死 最好 認真 一點 否則 沒下 一 任 了 這 真的 扣 很 多 分 煙粉 一致 認為 有料 的 立 委 3 q 先 叫 覺 青 簽 志願 吧 誰 選 出來 的 這 素質 沒 下屆 了 幫 qq 台中 呂孫 綾 內 交 部 已經 很 這次 直接 突破 天際 別 這樣 綠 媒 狂 捧 的 基 進 黨唯一 香火 這麼 快 就 就 爆 了 要 台獨 卻 不敢 當兵 笑 死 可憐 哪 當初 應該 蓋 廢票 才 對 笑 死 還好 只 有 一 席 陳柏惟 在 3 q 陳柏惟 立 委 網路 後援 會 臉書 回應 我 收到 大家 的 意見 了 今天 是 內政 質詢 這 是 因應 中華民國 憲政 能 引渡 香港 人 的 一 種 方法 因為 投資 移民 婚姻 移民 學生 簽證 不能 解決 香港 來 台 問題 議題 上 不妥 就 再 修正 這樣 的 發言 我 也 要 承受 後果 再次 謝謝 大家 的 意見 我 其實 講 了 15 分鐘 很 可惜 聚焦 在 這個 點 我會 再 調整 很 抱歉 讓 大家 費心 3 q 陳柏惟 立 委 網路 後援 會 隨即 關閉 留言 功能</t>
  </si>
  <si>
    <t>新冠肺炎 疫情 肆虐 許多 國家 宣佈 停課 防疫 臉書 粉 專 空 屋 筆記 免費 的 自由 分享 在 全球 英文 老師 社團 的 留言 來看 全世界 僅剩 6 國還沒 停課 臺灣 也 在 其中 引發 網友 熱 議 臺灣 學生 應該 也 不敢相信 自己 竟是 全球 唯 六 還</t>
  </si>
  <si>
    <t>新冠肺炎 疫情 肆虐 許多 國家 宣佈 停課 防疫 臉書 粉 專 空 屋 筆記 免費 的 自由 分享 在 全球 英文 老師 社團 的 留言 來看 全世界 僅剩 6 國還沒 停課 臺灣 也 在 其中 引發 網友 熱 議 臺灣 學生 應該 也 不敢相信 自己 竟是 全球 唯 六 還要 上課 的 國家 空 屋 筆記 免費 的 自由 在 臉書 發文 分享 有人 在 各國 英文 老師 的 社團 發問 哪些 國家 現在 還 在 上課 竟 發現 留言 區一片 closed 關閉 像是 巴西 印度 馬來西亞 秘魯 瓜地馬拉 墨西哥 巴基斯坦 蒙古 葡萄牙 捷克 希臘 奈及利亞 等 國 與 俄羅斯 公立學校 和 美國 多數 學校 都因 疫情 停課 原 po 指出 連 利比亞 黎巴嫩 厄 瓜 多 納米比亞 喬治亞 瑪律 地 夫 和 烏克蘭 等 離 病毒 超 遠 的 國家 也 停課 從 留言處 來看 截至 發文 兩 小時 僅剩 6 國 仍舊 沒有 停課 分 別是 澳洲 新加坡 瑞典 古巴 塔吉克 還有 臺灣 貼 文 曝光 後 引發 網友 熱 議 現在 這個 時候 應該 連 火星 跟 月球 都 停課 了 吧 臺灣 學生 應該 也 不敢相信 自己 居然 是 全球 六 個 還要 上課 的 國家 之一 在 臺灣 超 幸福 可以 出門 上班 上課 買 手搖 杯 買 雞 排 幸福 啊</t>
  </si>
  <si>
    <t>對於 臺灣 新冠 疫情 延 燒 而 目前 疫苗 卻 只 有 71萬 劑 az 疫苗 以及 明天 到貨 的 15萬 劑 莫德納 疫苗 引發 民眾 怒火 前 氣象 主 播 李富城 也 在 臉書 怒 稱 還要 死 多少 臺灣同胞 政府 才會 給 我們 疫苗 臺灣 今天 本土 疫情 再創新高 過</t>
  </si>
  <si>
    <t>日前 爆發 多 位 醫護人員 遭 患者 砍 成 重傷 副 總統 賴清德 今 表示 他 感謝 醫護人員 用 生命 拯救 生命 也 拜 讬 大家 給 醫護 同仁 多 一點 溫暖 和 鼓勵 不 要 讓 彼此 成為 敵人 賴清德 今 在 臉書 指出 吞 下壓力 辛苦 與 疲倦 依循 繁複 的 so</t>
  </si>
  <si>
    <t>日前 爆發 多 位 醫護人員 遭 患者 砍 成 重傷 副 總統 賴清德 今 表示 他 感謝 醫護人員 用 生命 拯救 生命 也 拜 讬 大家 給 醫護 同仁 多 一點 溫暖 和 鼓勵 不 要 讓 彼此 成為 敵人 賴清德 今 在 臉書 指出 吞 下壓力 辛苦 與 疲倦 依循 繁複 的 sop 一 次 又 一 次 穿 上 厚重 的 防護 裝備 這 是 疫情 期間 前線 醫療 人員 的 抗 疫 日常 他 說 昨日 新北 雙 和 醫院 有 患者 持 刀 砍 傷 醫護 造成 一 人 氣胸 一 人 腹部 受傷 更 有 一 名 年輕 的 護理 師 韌帶 及 神經 都 被 砍 斷 未來 工作 及 生活 都 可能 受到 影響 他 指出 聽到 這樣 的 消息 萬般 不 舍 世界 醫師 會 wma 日內瓦 宣 言說 我 鄭重 地 保證 將 奉獻 一切 為 人類 服務 前線 醫療 人員 壓力 巨大 懇請 社會各界 體諒 也 拜 讬 大家 給 醫護 同仁 多 一點 溫暖 和 鼓勵 不 要 讓 彼此 成為 敵人 他 表示 這 兩 天 的 資料 顯示 疫情 未再 大幅 擴散 但 仍 無 法 太 過 樂觀 及鬆懈 謝謝 醫護人員 用 生命 拯救 生命 我 相信 黑暗 過後 終 會 迎來 光明</t>
  </si>
  <si>
    <t>水神 次氯酸 抗 菌 液 終於 來 了 旺 旺 水神 公司 在 鹿港鎮 公所 後方 倉庫 設置 水神 生成 機 鹿港 鎮長 許志宏 8 日 在 臉書 宣佈 消息 後 9 日 上午 一 開放 領取 就 大排長龍 公所 趕緊 宣佈 在 平日 上午 下午 之外 再 增加 傍晚 第 三 個 時段 方便 民</t>
  </si>
  <si>
    <t>水神 次氯酸 抗 菌 液 終於 來 了 旺 旺 水神 公司 在 鹿港鎮 公所 後方 倉庫 設置 水神 生成 機 鹿港 鎮長 許志宏 8 日 在 臉書 宣佈 消息 後 9 日 上午 一 開放 領取 就 大排長龍 公所 趕緊 宣佈 在 平日 上午 下午 之外 再 增加 傍晚 第 三 個 時段 方便 民眾 領取 新冠肺炎 疫情 延 燒 全民 防疫 成為 長期 大 作戰 勤洗手 勤 擦拭 傢俱 進行 環境 消毒 酒精 次氯酸 水 都 成為 熱門 搶手 防疫 物資 目前 旺 旺 水神 在 彰 化 縣政府 七 個 局 處 捐 借 設置 水神 抗 菌 液 製造機 讓 民眾 免費 領取 許志宏 表示 在 縣府 和 公所 積極爭取 下 旺 旺 水神 公司 同意 免費 再 增 設 一 台 機台 公所 已 選擇 在 後方 9 號 倉庫 內 完成 機台 裝設 還 加 裝 水龍頭 到 戶外 方便 民眾 自備 不透光 空 瓶 容器 盛裝 許志宏 表示 旺 旺 水神 共 免費 提供 4 瓶 水神 專用 電解液 約 可 產生 8 公噸 微 酸性 電解 次氯酸 水 民眾 領取 後 不 需 稀釋 即 可 使用 在 清潔 環境 及 擦拭 家 俱 是 最佳 抗 疫 清潔用品 公所 指出 每日 每人 限 領 1 公升 上午 因 索取 太 踴躍 兩 小時 不 到 250 公升 迅速 用 完 除 原本 週一 至 週五 上午 9 時 30 分 下午 2 點 30 分 各 提供 250 公升 另 再 追加 傍晚 5 點 45 分 120 公升 領 完 為止</t>
  </si>
  <si>
    <t>知名 作家 九 把 刀 柯景騰 今 11 日 透過 臉書 證實 岳母 接種 完 az 疫苗 4 天 後 辭世 坦言 很 難 不 跟 疫苗 聯想 在 一起 因為 岳母 有 運動 習慣 3 月 健康檢查 僅 有 膽固醇 及 低密度 脂 蛋白 膽固醇 超標 為了 求真 相 只能 忍痛 解剖 有 網友 認</t>
  </si>
  <si>
    <t>知名 作家 九 把 刀 柯景騰 今 11 日 透過 臉書 證實 岳母 接種 完 az 疫苗 4 天 後 辭世 坦言 很 難 不 跟 疫苗 聯想 在 一起 因為 岳母 有 運動 習慣 3 月 健康檢查 僅 有 膽固醇 及 低密度 脂 蛋白 膽固醇 超標 為了 求真 相 只能 忍痛 解剖 有 網友 認為 死因 會 不 會 是 主動脈 剝離 造成 休克 對 此 九 把 刀回 應 了 九 把 刀 表示 岳母 擔心 請假 太 久 會 丟 工作 只好 每天 往返 臺北 與 桃園 因 接觸 太 多 陌生人 而 不能 常常 見 孫女 因此 到處 打聽 疫苗 相關 消息 好不容易 輪到 她 接種 打完 當下 沒 任何 不適 未 料 4 天 後 岳母 傳 line 好 恐怖 az 發作 痛 到 背部 抽 痛 從 背部 往 頸 部 開始 劇痛 陣痛 一陣 一陣 痛 吐 完了 休息 一下 又 開始 陣痛 痛起來 會 要命 啊 劇烈 疼痛 起來 根本無法 動 過 了 4 個 多 小時 被 丈夫 發現 失去 呼吸 送達 醫院 前 撒手 人 寰 享年 57 歲 九 把 刀 坦言 岳母 生前 擅 打 羽毛球 和桌 球 3 月底 健康 報告 數字 一切正常 只有 膽固醇 和 低密度 脂 蛋白 膽固醇 超標 為了 給 媽媽 也 給 我們 自己 一個 清楚 明白 的 答案 儘管 深受 打擊 我們 還 是 忍痛 將 媽媽 的 大體 送交 司法 解剖 完畢 正等待 後續 報告 出爐 九 把 刀並 在 岳母 離 世 3 天 後 依照 計畫 打 az 疫苗 有 網友 留言 詢問 是否 跟 主動脈 血管 壁 剝離 有關 九 把 刀親 回 是的 希望 解剖 後 得到 真相 事實上 藝人 小鬼 黃鴻升 去年 突 逝 震撼 演藝圈 經過 解剖 後 經紀人 證實 死因 是 主動脈 剝離 造成 血管 阻塞 臺北 立 市 聯合醫院 陽明 院區 心臟 血管 科 主任 江 碩儒 指出 導致 主動脈 剝離 等 心血管 疾病 的 主要 危險 因數 是 三高 包括 高血壓 高 血糖 高 血脂 另外 家族 病史 也 是 重要 因素 近年 隨 著 飲食 西化 作息 改變 罹 患 心血管 疾病 的 年齡層 大幅 下降 20 年前 臨床 判斷 心血管 疾病 的 年齡 平均 是 50 到 55 歲 如今 已 降 至 40 歲 甚至 30 幾 歲 心肌梗塞 也 並 不 少見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行政院 副 院長 陳其邁 晚間 在 臉書 分享 口罩 下 周起 單日 產 增 將 達 千萬 片 以上 他 也 與 政務委員 唐 鳳研議 口罩 實 名 制 20 政策 讓 民眾 更 方便 買到 口罩 陳其邁 表示 截至 昨天 口罩 單日 生產 960萬 片 3 月 9 日 新增 的 60 台 機組 都</t>
  </si>
  <si>
    <t>各式各樣 的 檢舉 魔 人 正義 魔 人 相當 多 但 有時 行為 實在 矯枉過正 一 名 網友 分享 老婆 抱 小孩 站 在 自家 陽臺 看 風景 因 認為 是 在 自家 所以 沒 戴 口罩 豈料 竟 有 一 名 站 在 路邊 同樣 沒 戴 口罩 的 陌生 女子 吼叫 還 不 抱進去 嗎 我 要 報警 了 讓 網友 與 妻子 相當 傻眼 想 請問 各位 在 自家 陽臺 需要 戴 口罩 嗎 一 名 網友 在 臉書 社團 爆 料 公社 公開 版 發文 表示 因為 疫情 關係 所以 都 沒 帶 小孩 外出 下午 老婆 抱 小孩 在 陽臺 看 風景 老婆 沒 戴 口罩 誰知 一 名 也 沒 戴 口罩 的 女子 帥氣 的 站 在 對面 大喊 你 還 不 抱進去 嗎 我 要 報警 了 原 po 表示 老婆 一 聽 整個 傻眼 快速 抱 小孩 進屋 但 原 po 無奈 表示 小姐 你 沒 戴 口罩 啊 我 老婆 腳 踩 我家 你 腳 踩 外面 路上 對此 眾多 網友 回應 我會 直接 回 他 哩 洗 咧 靠北 膩 那 女 的 是 防疫 破格 陽臺 屬於 家中 的 私人 土地 又 不是 公共場所 真的 是 歹 年 當 搞 蕭郎 自己 在外 沒 戴 口罩 還 敢 講 別人 腦子 有 洞 的 人 真 的 不少 那女 的 才是 真正 的 腦子 破 洞 的 防疫 破 口 現在 真 的 一 堆 正義 魔 人 前 幾 天 我 在 修剪 我家 的 樹 結果 某位 大姐 也 是 隔 著 圍牆 叫 我 要 戴 口罩 傻眼 我 在 我家 院子 剪 我家 的 樹 有 犯 了 那條</t>
  </si>
  <si>
    <t>新冠肺炎 疫情 升溫 全台 至 5 月 28 日前 皆 為 第 三級 警戒 是否 能 在 28 日 解除 第 三級 警戒 引發 各界 關注 對此 曾任 衛生 署長 的 前 嘉義 市長 塗醒哲 認為 從 每日 發病 日 統計 的 疫情 流行 圖 來看 他 可以 很 有 信心 的 說 這 波 疫情 已 得到 控制 相信 5 月底 前 就 可以 看到 很 明顯 的 效果 應該 可以 達到 毎 日本 土 病例 個位 數 的 結果 塗醒哲 昨 23 日 在 臉書 發文 表示 當天 接到 朋友 傳來 以下 以 發病 日 統計 的 疫情 流行 圖 非常高興 因為 一 周 來 他 一直 想 看 發病 日 的 資料 而 不 可得 每天 都 掉 入 被 檢驗 量 能及 通報 效率 嚴重 左右 的 資料 中 很 難 分析 真正 的 流行 狀況 但 看到 以下 的 圖 他 安心 多 了 甚至 可以 有 信心 的 說 這 波 疫情 已經 得到 控制 感謝 全體 國民 的 配合 針對 疫情 的 未來 變化 塗醒哲 分析 發病 日 圖 指出 這 波 疫情 由 5 月初 開始 以 等比級數 的 流行 曲線 往 上 攀升 到 15 日 至 17 日 達到 高峰 18 日 以後 每天 明顯 減少 合理 推測 來自 11 日 到 22 日 的 發病 人數 不 到 50 人 雖然 未來 幾 天 可能 也 會 有 病例 加 上去 但 整體 下降 趨勢 已經 明顯 因為 拿 不 到 感染 日 資料 有 一些 無 症狀 感染者 也 沒有 發病 日 但 合理 判斷 其 占 所有 感染者 的 比例 不 會 有 變化 則 發病 日 已經 是 最好 的 流行病 學 指標 塗醒哲 直言 行政院長 蘇貞昌 請 大家 收心 及 提升 全國 防疫 警戒 至 第二 級 的 政策 在 一個 潛伏期 3 7 天 後 大家 減少 接觸 強化 戴 口罩 勤洗手 不 摸 眼 鼻 口 等 呼籲 他 認為 已經 發揮 效果 並 強調 更 完整 的 效果 會 在 二 個 潛伏期 後 展現 19 日 全 臺灣 防疫 警戒 升至 三級 他 相信 5 月底 前 就 可以 看到 很 明顯 的 效果 應該 可以 達到 毎 日本 土 病例 個位 數 的 結果 也就是說 可能 仍然 會 有 密切接觸 如 家庭 內 的 感染 但 不 會 有 大型 的 社區 散播 了</t>
  </si>
  <si>
    <t>行政院 推動 紓困 方案 基層 農 漁會 卻 指 未 被 紓困 轟 政府 軟 土 深 掘 前 國民黨 主席 朱立倫 指出 農 漁民 的 工作 型態 就 是 自主 營運 卻 被 政府 排除 在 自營 作業者 或 無 一定 雇主 範圍 外 無法 領取 3萬 元 現金 補助 加上 漁 工 薪資 家庭 負擔 即 將 面臨 斷炊 呼籲 政府 將 其 列入 優先 紓困 朱立倫 今 在 臉書 發文 臺灣 早安 經濟 專題 po 出 他 與 立 委 洪孟楷 走訪 新北 市 石門 區富基 漁港 農 漁會 及 魚 市場 攤 商都 反映 疫情 衝擊 太 大 他 說 農 漁產品 出口 今年 3 月份 比 去年同期 衰退 兩 成 其中 水產品 出口 金額 衰退 達 262 海鮮 餐廳 魚 市場 業績 下降 九 成 整個 海鮮 市場 影響 很 重 休閒 農場 漁場 業績 直接 降到 一 成 朱立倫 針對 四 個 專案 提 建議 盼 減低 衝擊 包括 因應 農 漁會 營業 收入 減少 補助 農業 推廣 費用 農 漁民 難以 證明 自主 營運 收入 無法 申請 紓困 政府 應 儘快 訂 定 方法 協助 休閒 觀光 農 漁業 沒有 明確 補助 辦法 因 預期 心理 造成 搶購 肥料 農藥 以致 短缺 要 事先 協調 配給 以免 恐慌 目前 紓困 民眾 僅 90萬 人 占全 臺灣 民眾 不 到 4 總 金額 只 占 紓困 總 金額 不 到 一 成 朱立倫 說 目前 紓困 方案 政府 預計 給 300萬 人 但 實情 是 全 臺灣 包括 中小企業 出口 外銷 勞工 農 漁民 將近 8 成 民眾 受到 輕重 不一 的 影響 政府 至少 應 拿 整體 紓困 規模 的 兩 成 2100億 照顧 受到 衝擊 民眾 尤其 農 漁民 是 臺灣 最 草根 的 力量 無論如何 都 要 全力 相挺 應 列為 優先 紓困 對象 石門 農會 總 幹事 李昌烈 表示 照顧 基層 不能 翻臉不認人 過去 開 口說 我們 是 心頭 最 軟 的 一塊 肉 現在 是 軟 土 深 掘 他 希望 降低 營業稅 中央 存 保 農會 信用 部 稅率 也 應該 一併 調整 金山 漁會 常務監事 簡銀柱 也 說 政府 不 要 把 農 漁民 當作 憨 人 這樣 不 補助 對 農 漁民 能 交代 嗎 金山 漁會 總 幹事 朱麗 鑾 說 政府3萬 元 紓困 排除 漁會 會員 只 限定 職業工會 但 漁民 也 是 自營 作業者 或 無 一定 雇主 一定 要 被 公平 對待</t>
  </si>
  <si>
    <t>新冠肺炎 疫情 肆虐 全球 不過 who 秘書長 譚 德塞 卻 將 矛頭 指向 臺灣 痛 批 遭 臺灣 人身攻擊 和 種族歧視 此 發言 引爆 臺灣 網友 不滿 對此 網 紅 丹 妮婊 姐 則 在 臉書 炮轟 對 啊 我們 就 是 歧視 你 立刻 引發 網友 議論 who 秘書長 譚</t>
  </si>
  <si>
    <t>新冠肺炎 疫情 肆虐 全球 不過 who 秘書長 譚 德塞 卻 將 矛頭 指向 臺灣 痛 批 遭 臺灣 人身攻擊 和 種族歧視 此 發言 引爆 臺灣 網友 不滿 對此 網 紅 丹 妮婊 姐 則 在 臉書 炮轟 對 啊 我們 就 是 歧視 你 立刻 引發 網友 議論 who 秘書長 譚 德塞 痛 指控 過去 3 個 月 遭 臺灣 發起 的 種族歧視 攻擊 此舉 讓 網 紅 丹 妮婊 姐 也 在 臉書 發文 回擊 表示 就是 歧視 譚 德塞 只不過 不是 歧視 膚色 黑 而是 看 起來 有 頭蝨 還要 教 我們 衛生 她 舉例 威爾史密斯來 台 宣傳 時 多少 臺灣 粉絲 到 機場 接 機 kobe 死 掉 時 更是 全台 直 男 崩潰 由此證明 臺灣人 從來沒 歧視 過 黑人 此外 更 強調 三 個 月 前 全 臺灣 都 忙 著 關心 總統大選 當時 根本 沒有 人 知道 譚 德塞 是 誰 接 著 狂 酸 少 把 自己 講 得 很 像 國際 巨星 一樣 對於 譚 德塞 控訴 遭 臺灣 霸 淩 丹 妮婊 姐 更 不 諱言 全是 他 罔 顧 臺灣 2300萬 人 衛生 安全 導致更 怒 嗆 2300萬 人 的 人命 你 don t give a fuck 這 才 叫 霸 淩 讓 網友 們 紛紛 大贊 說 得 太好了</t>
  </si>
  <si>
    <t>17 歲 就 參加 甄選 被 發掘 簽下 的 女星 蘇晏霈 擁有 甜美 陽光外 型 在 本土 劇 圈 耕耘 多年 深獲 觀眾 喜愛 近來 更 接拍 我 的 婆婆 怎麼 那麼 可愛 擔任 第二 女 主角 拓展 演藝事業 版圖 人氣 直線 上升 中 而 她 經常 透過 社 群 跟 粉絲 分享 生活 最近 蘇晏霈 po 文 透露 去 接種 az 疫苗 曝光 施打 後 自身 的 狀況 坦言 辛苦 整整 倒 在 床上 兩 天 臺灣 經歷 三級 警戒 如今 雖然 本土 疫情 已經 趨 緩 但 變種 病毒 來勢洶洶 一個 不慎 很 可能 又 要 面臨 困境 不可不 防 而 除了 全民 繼續 堅持 防疫 守則 外 積極 拉高 全台 疫苗 施打 率 也 是 當務之急 本土 劇 女神 蘇晏霈 基於 保護 自己 也 保護 他人 的 心態 昨 9 6 在 臉書 po 文 透露 自己 已經 接種 疫苗 打 的 是 az 蘇晏霈 在 po 文 中 表示 接種 az 疫苗 已經 有 3 天 了 同時 公開 了 打針 當天 以及 現在 的 照片 表示 她 打 了 az 之後 副作用 頗 強烈 躺 在 床上 蓋 著 厚 棉被 發冷 又 發燙 了 兩 天 直到 第 三 天 較為 清醒 才 終於 給 自己 拍 了 張照 照 片中 已 打完 針 3 天 的 蘇晏霈 還 沒 離開 床鋪 躲 在 厚 棉被 裡 自 拍 眼神 明顯 迷濛 躺 床 自拍照 相當 唯 美 但 這 幾 天 卻是 過 得 很 苦 她 表示 一直 到 現在 身體狀況 才 恢復 一些 只有 躺 到 渙散 頭髮 出油 邋遢 了 一點 點 謝謝 粉絲 們 朋友 滿滿的 關心 文章 一 po 出 就 有 許多 星友 前來 留言 關心 包括 gigi 林如 琦 白家綺 許富凱 都 要 她 不 要 逞強 再多 休息 一下 叮嚀 她 要 好好 補充 維他命 而 看 她 施打 az 後 副作用 如此 劇烈 吳東 諺 則 笑 虧 年輕人 認證 標 章 此事 引發 了 網友 議論</t>
  </si>
  <si>
    <t>2020 金馬 奇幻 影展 不受 新冠肺炎 疫情 影響 4 月 如期 於 臺北 台中 登場 26 日 公佈 開幕 片 為 青春 愛情 片 刻 在 你 心底 的 名字 電影 找來 返校 暴 紅 的 國民 學弟 曾 敬驊 和 紅色 氣球 陳昊 森 主演 在 片中 展開 動人 的 同志 純 愛 顏值 和 演技 破 表 曾敬驊 得知 該片 獲選 開幕 片時 相當 開心 而 陳昊 森 則 在 擔心 自己 是否 要 準備 搶 票 興奮 地 說 知道 入選 金馬 奇幻 影展 開幕 片 這 也 太 棒 了 啦 刻 在 你 心底 的 名字 由 柳廣輝 執導 故事 聚焦 在 80 年代 剛 解嚴 的 臺灣 曾敬驊 與 陳昊 森 在 片中 碰 觸 禁忌 火花 四 濺 以 我 可能 不 會 愛 你 花甲 男孩 轉 大人 多次 囊括 金鐘獎 的 瞿友甯 這 回 監製 編劇 刻 在 你 心底 的 名字 他 在 臉書 寫道 每 一 部 電影 都 是 心頭 肉 這部 尤是 他 也 期盼 世界 快快 健康 起來 希望 疫情 有所 控制 影展 加強 防疫 影展 也 搶先 曝光 3 部 新片 包括 香港 導演 袁劍偉 與 金馬影 後 老婆 林嘉欣 2 度 合作 的 死因 無 可疑 該片 原定 去年 12 月 在 港 上映 不過 至今 延 檔 臺灣 觀眾 有 機會 先 在 影展 一睹 大 銀幕 風采 林嘉欣 日前 受訪 表示 夫妻 檔 合作 暗色 天堂 她 緊張 很多 事 這次 老公 已 有 經驗 她 則 專心 做 演員 工作 就 好 此外 賴雅 妍 禾浩辰 大戰 活 屍 立 委 的 黑色 喜劇 逃 出 立 法院 netflix 華語 原 創 影集 誰 是 被害者 都將 在 影展 首映 2020 金馬 奇幻 影展 臺北 4 月 10 至 19 日 台中 4 月 17 至 26 日 舉行 因應 新冠肺炎 防疫 需求 影展 期間 會 加強 防疫 措施</t>
  </si>
  <si>
    <t>新冠肺炎 疫情 衝擊 金門 特產 業 縣府 建設處 縣 工策 會 與 國內 蝦皮 購物 電 商 平臺 合作 成立 金正好 購 商品 專區 期待 趕上 宅 經濟 潮流 打開 另 一道 迎來 好 業績 的 通路 縣長 楊鎮 浯 今 1 日 下午 客串 直播 主 在 躍動 金門 專屬 臉書 粉 專 化身 叫賣 哥 強力 推銷 97 項 特色 產品 楊 鎮 浯 在 開 網路 直播 前 還 特地 化妝 去除 油光 一路 開講 展現 對 地方 特產 的 嫺熟 度 從 民俗風情 歷史 源 由 娓娓道來 口若懸河 毫不 冷場 首次 粉墨登場 的 表現 不輸給 搭配 直播 的 網 紅 金門 小 可愛 兩 人 合力 詮釋 讓 產品 多 了 故事性 和 人情 趣味 也 讓 直播 現場 洋溢 歡樂氣氛 走 出 縣長 室 與 消費 大眾 博 感情 的 楊鎮 浯 以 輕鬆 活潑 語氣 和 肢體 語言 推銷 曾 是 皇家 貢品 的 貢 糖 和 近年 廣受 歡迎 的 一 條 根 牛肉 幹 與 各項 文創 商品 偶爾 還 落 2 句 最 道地 的 金門 話 告訴 網路 消費者 只 要 來到 金正好 購 商品 專區 就 擁有 讓 你 買 得 開心 吃 用 得 放心 十分 實在 的 金門 縣 工策 會 說明 今天 正式 開 賣 的 金正好 購 蝦皮 金門 商品 專區 已 協助 金門 在 地 商家 上架 近百 項 商品 預估 年底 前 有 超過 200 項 商品 透過 電 商 銷售 未來 將 每個 月 舉辦 直播 及 行銷 活動 不但 要 在 電子 商務 讓 消費者 只 要 手機 滑 一下 即 可 完成 購物 的 主流 消費 平 台下 協助 本地 業者 走 出 疫情 難關 也 期待 拉出 長 紅 銷售 業績 楊 鎮 浯 強調 縣府 目前 積極 推動 金門 跨境 電 商 產業 兩岸 電 商 物流 中心 希望 金門 跨境 電 商 產業 連接 廈門 泉州 等 大海 西 經濟區 創造 金門 在 地產業 的 最 大 可能 和 未來 遠景</t>
  </si>
  <si>
    <t>義 大利 總理 孔蒂 giuseppe conte 週二 表示 義 大利 將 在 本 周 結束 前 公佈 逐步 解除 封鎖 措施 的 計畫 並於 5 月 4 日 起 開始 實施 孔蒂 在 臉書上 發文 表示 我 希望 我 能 宣佈 讓 我們 立刻 重 啟 所有 活動 明天 早上 就 開始 但 這樣 的</t>
  </si>
  <si>
    <t>義 大利 總理 孔蒂 giuseppe conte 週二 表示 義 大利 將 在 本 周 結束 前 公佈 逐步 解除 封鎖 措施 的 計畫 並於 5 月 4 日 起 開始 實施 孔蒂 在 臉書上 發文 表示 我 希望 我 能 宣佈 讓 我們 立刻 重 啟 所有 活動 明天 早上 就 開始 但 這樣 的 決定 是 不 負責 的 感染 曲線 將 因 此 失控 攀升 使 我們 迄今 所 做 一切 努力 功虧一簣 義 大利 為了 防止 新冠肺炎 擴散 而 實施 的 封鎖 措施 發揮 成效 截至 20 日 為止 該國 新冠肺炎 死亡 人數 增加 454 人 雖 略高於 前 一 日 的 新增 死亡 人數 但 新增 確診 病例 下滑 至 2256 人 創下 一個 多 月 來 新低 此外 消息人士 透露 義 大利 財政部 預估 今年 義國 經濟 將 萎縮 約 8 凸顯出 封鎖 措施 造成 的 衝擊</t>
  </si>
  <si>
    <t>涉嫌 施暴 綠 委 高嘉瑜 的 男子 林秉樞 今 遭 爆 料 在 今年 7 月 用 特權 接種 莫德納 疫苗 北 市府 證實 此 爆 料 為 真 對此 有 網友 表示 一直 覺得 高嘉瑜 當時 回應 禾馨 事件 很 詭異 回想 高 當時 曾說 過 男人 都 不能 相信 就 感到 很 好笑 粉 專 不 演 了 新聞 台 今 13 日 在 臉書 爆 料 43 歲 的 林秉樞 要 在 哪個 一般 平臺 預約 才能 在 7 月 15 日 接種 到 莫德納 疫苗 林秉樞 當時 除了 跟 高嘉瑜 交往 還有 一 位 在 禾馨 工作 的 護理 師 女友 因此 林秉樞 一邊 請 立 委 女友 喬 疫苗 一邊 不斷 地 塞 人 到 禾馨 打 疫苗 大批 網友 在 其 po 文 底下 留言 表示 這 女 立 委 也許 可憐 但 不 值得 民眾 去 同情 她 是 遇人不淑 自作自受 所以 當初 林 沒有 曝光 也 就 代表 事件 沒 曝光 所以 某人 就 有 很 大 的 聲 量 來 抨擊 某 市長 那 時候 臺北市 大概 是 過街老鼠 等級 的 被 揍 啊 背景 真的 很 強 7 月中 就 打到 莫德納 不可思議 難怪 當時 一直 罵 柯 p 就是 不敢 公佈 名單 另 有 網友 回想 起 禾馨 診所 今年 6 月 爆發 違規 施打 疫苗 高嘉瑜 當時 在 政論 節目 上 透露 臺北市 長 柯文哲 原先 答應 她 不說 她 名字 結果 馬上 供 出 傻眼 直 呼 男人 都 不能 相信 實在 是 很 好笑 針對 林秉樞 在 遭 爆 禾馨 施打 莫德納 疫苗 禾馨 營運 長 林思宏 昨 回應 關於 議員 提到 的 部分 不 太 清楚 不 確定 林秉樞 是否 在 禾馨 施打 目前 也 無法 查證 高嘉瑜 今 則 表示 如有 不法 就 請 法院 去 調查 林秉樞 不過 北 市府 發言人 陳智菡 今 證實 與 中央 詢問 後 確定 林秉樞 施打 的 時間 地點 確實 是 在 7 月 15 日 在 小 禾馨 民權 小兒 專科 診所 接種</t>
  </si>
  <si>
    <t>外 送 商機 崛起 後 發生 不少 外 送 員 與 顧客 店家 之間 故事 一 名 男 外 送 員在 臉書 吐苦水 表示 某次 外 送 時 因為 新冠肺炎 疫情 關係 社區 大樓 的 管理員 表示 不能 送 上樓 外 送 員也 遵守 規定 想不到 事後 竟 收到 員警 通知 被 當時 的</t>
  </si>
  <si>
    <t>外 送 商機 崛起 後 發生 不少 外 送 員 與 顧客 店家 之間 故事 一 名 男 外 送 員在 臉書 吐苦水 表示 某次 外 送 時 因為 新冠肺炎 疫情 關係 社區 大樓 的 管理員 表示 不能 送 上樓 外 送 員也 遵守 規定 想不到 事後 竟 收到 員警 通知 被 當時 的 顧客 提 告 妨害自由 這 名 邱 姓 外 送 員在 臉書 社團 發文 抱怨 透露 過 年前 送 餐 到 桃園 市 中壢 區 某處 社區 大樓 的 8 樓 住戶 由於 疫情 關係 管理員 說 餐 點 不能 送 上樓 外 送 員便 將 餐 點 放在 一 樓 並 透過 外 送 平臺 通知 顧客 未 料 對 方回 覆 別的 外 送 員 可以 上來 你 為什麼 不能 事後 邱姓 外 送 員 收到 當時 顧客 提 告 說 他 妨害自由 頓時 讓 他 滿頭 霧 水 對此 當事 大樓 管理員 則 回應 一般 如果 住戶 沒 特別 要 求 都會 自己 下來 拿 這 起糾紛 掀起 網友 熱 議 一面倒 支持 外 送 員 沒 送 上 樓 怎麼 妨害自由 這 一定 告 不成 一定 要 反 告 對方 誣告 針對 此案 律師 陳亮佑 受訪 時 表示 既然 社區 要求 外 送 員 不能 進入 當然 不能 強行進入 否則 該 名 外 送 員 可能 會 涉及 另 一 罪名 許多 外 送 員則 建議 工作 時 永遠 不 知道 會 遇到 什麼 狀況 一定 要 在 身上 加 裝 密 錄 器 才能 自保</t>
  </si>
  <si>
    <t>新冠肺炎 疫情 緩和 各項 防疫 措施 今天 解封 副 總統 賴清德 今天 在 臉書 貼出 他 打 球 的 英姿 表示 他 的 解封 防疫 新 生活 從 球場 開始 呼籲 落實 防疫 也 要 輕鬆 生活 大家 可以 安心 參與 戶外活動 6 月 7 日 是 解封 防疫 新 生活 起點 賴清德</t>
  </si>
  <si>
    <t>八大 行業 全 歇業 但 敵不過 生理需求 和 經濟 需求 各式各樣 的 人 與 人 連結 依舊 持續 發生 一 名 飯店 員工 上網 爆 料 表示 天天 都 接到 小姐 打電話 來 詢問 可不可以 休息 氣 得 他 忍不住 怒 轟 一 天 不 打炮 會 死 是不是 這 名 網友 在 臉書 社團 爆 怨 2 公社 發文 表示 自己 是 飯店業 員工 每天 都想著 如何 保護 自己 保護 朋友 保護 同事 保護 客人 還是 每天 會 接到 很多 小姐 打來 問 可不可以 休息 原 po 無奈 拜 讬 在 疫情 嚴峻 的 現在 少 一點 人 跟 人 之間 的 連結 可以 嗎 最後 仍 忍不住 飆 罵 一 天 不 打炮 會 死 是不是 其他 網友 則 紛紛 回應 不 打炮 沒 工作 無 收入 會 餓 死 你會 失業 沒 工作 結論 不只 她 會 死 不是 一 天 不 打炮 會 不 會 死 的 問題 是 她 有 炮 打 才有 收入 她 也 是 在 討 生活 一 天 不 打炮 不會 死 問題 已經 十四 天 了 板主 阿 一 天 不 打炮 其實 還行 但是 你 看看 &amp;gt &amp;gt 都 一個 月 了 下 個 月 &amp;gt &amp;gt 還要 在 繼續 呢 還有 網友 中肯 表示 如果 你 開始 放 無 確定 期限 的 無 薪 假 你 也 會 常常 打電話 問 公司 能 不能 上班 飯店 不 就是 給 人 連結 嗎 沒人 入住 休息 飯店 倒 你 也 沒頭 路 呀 但要 保護 好 自己 倒是 真的 啦</t>
  </si>
  <si>
    <t>新冠肺炎 造成 全球 疫情 險峻 竟然 還 有人 散佈 假 訊息 製造 恐慌 散佈者 還是 名 員警 桃園 市 一 名 員警 今天 1 月 在 臉書上 打 卡 地點 在 大陸 武漢地區 的 華南 水果 批發市場 甚至 在 文章 提到 來 這邊 帶 點 好 料 的 回去 和 大家 分享</t>
  </si>
  <si>
    <t>新冠肺炎 造成 全球 疫情 險峻 竟然 還 有人 散佈 假 訊息 製造 恐慌 散佈者 還是 名 員警 桃園 市 一 名 員警 今天 1 月 在 臉書上 打 卡 地點 在 大陸 武漢地區 的 華南 水果 批發市場 甚至 在 文章 提到 來 這邊 帶 點 好 料 的 回去 和 大家 分享 桃園地院 事後 依 違反 傳染病 防治法 判罰 20萬 檢 方 不服 上訴 高等 法院 日前 駁回 確定 該員 警 今年 1 月 在 臉書上 打 卡 在 武漢地區 之 華南 水果 批發市場 並 將 隱私 設定 為 公開 在 發文 內容 中 提到 來 這邊 帶 點 好 料 的 回去 和 大家 分享 等 文字 並 附上 他 在 網路 上下 載 的 華南 市場 招牌 及 不詳 人士 身穿 防護衣 的 照片 共 2 張 貼 文 下方 也 有 網友 留言 你 真 的 飛過去 喔 出差 嗎 他 還 開玩笑 回 覆 回去 一一 拜訪 我們 有 門路 自由 進出 該員 警 事後 辯稱 只是 想 開 個 玩笑 許多 同事 也 說 知道 他 在 開玩笑 但 該 貼 文 遭 網友 截 圖 後 仍 在 網路上 引發 喧然 大 波 檢 方 獲知 後 依 傳染病 防治法 散播 有關 傳染病 流行 疫情 之 不實 訊息 起訴 該員 警 一審 判 該員 警 20萬 元 罰金 檢 方檢 方 不服 上訴 高等 法院 考量 事發 後 該員 警 即 關閉 臉書 帳 號 並 申請 退休 決定 維持 一審 判決 且 不 給 緩刑 全案 確定</t>
  </si>
  <si>
    <t>新冠肺炎 員警 打 卡 臉書 傳染病 防治法</t>
  </si>
  <si>
    <t>臺北市 長 柯文哲 27 日 未 開 記者會 對外 說明 疫情 不過 他 在 臉書 發文 指出 今 早 接到 疾 管署 通知 1 位元 感染 delta 病毒 的 屏 東縣 枋寮鄉 居民 與 2 位 臺北市 民有 近 距離 接觸 柯文哲 指出 這 2 位 市民 是 枋寮 個案 的 妹妹 和 妹婿 20 日 上</t>
  </si>
  <si>
    <t>原定 赴 立 法院 備詢 的 衛福 部長 陳時中 臨時 請假 由 政務 次長 薛瑞 元代 打 薛 證實 是因為 華航群 聚 感染 惡化 對此 藍委 李德維 表示 病毒 當然 是 唯一 的 敵人 傲慢 卻是 更 大 的 危機 李 痛 批 然後 陳時中 說 公文 沒有 跑 得 比 病毒 快 這 是 一 句 徹底 的 幹 話 立 法院 社會福利 及 衛生 環境 委員會 今 10 日 召開 第 十七 次 委員會 議 原定 由 陳時中 親自 出席 備詢 有關 國產 疫苗 研發 進度 等 相關 問題 但 今天上午 卻 臨時 取消 行程 改由 薛瑞 元代 打 薛瑞元 受訪 時 透露 這 是 因為 今天 華航 有 新 增 個案 陳時 中正 召集 交通部 與 華航 開會 研 擬 因應 對策 對此 李德維 也 隨即 在 臉書 發文 表示 今年 2 月 就 有 諾 富特 飯店 員工 投訴 衛福 部長 信箱 指控 飯店 內部 為 落實 分流 甚至 混居 衛福部 行文 給 桃園 市政府 桃園 市政府 又 行文 給 民航 局 民航 局 再 行文 給 諾 富特 而 諾 富特 再 回文 給 民航 局 從 2 月拖到 4 月中 然後 華航 發生 群 聚 感染 李德維 痛 批 然後 陳時中 說 公文 沒有 跑 得 比 病毒 快 這 是 一 句 徹底 的 幹 話 稍微 有點 責任感 的 官員 會 檢討 為什麼 口口聲聲 說 防疫 視同 作戰 卻 能 讓 公文旅行 兩 個 月 稍微 有點 羞恥心 的 官員 會 檢討 為什麼 航空 機組員 隔離 與 居檢 會 出現 砂鍋 大 的 制度 漏洞 與 法規 空隙 讓 這麼 多 的 機關 互 踢皮球 哪怕 稍微 有點 同 理 心 的 官員 至少 不 會 把 幹 話 講 得 這麼 自 自 冉冉</t>
  </si>
  <si>
    <t>永齡 基金會 台積電 向 上海 複 星 採購 一千萬 劑 bnt 疫苗 定案 後 鴻 海 創辦 人 郭台銘 昨天 深夜 在 臉書上 貼 文 指出 談判 過程 中 從 未有 大陸 北京 當局 的 任何 指導 或 干涉 對此 衛福 部長 陳時中 今天 也 向陸 方 致謝 並 透露 自己 有 意願 前往</t>
  </si>
  <si>
    <t>永齡 基金會 台積電 向 上海 複 星 採購 一千萬 劑 bnt 疫苗 定案 後 鴻 海 創辦 人 郭台銘 昨天 深夜 在 臉書上 貼 文 指出 談判 過程 中 從 未有 大陸 北京 當局 的 任何 指導 或 干涉 對此 衛福 部長 陳時中 今天 也 向陸 方 致謝 並 透露 自己 有 意願 前往 機場 迎接 第一 批 bnt 疫苗 郭台銘 昨 在 臉書上 指出 自 我方 提出 捐贈 案 後 的 洽 購 期間 並未 有 大陸 北京 當局 對 此次 疫苗 採購 過程 有 任何 指導 或 干涉 在 此 感謝 能 讓 採購 行為 歸諸 商業 條件 談判 的 本質 進行 今天 有 媒體 詢問 陳時中 是否 會 為 因 促成 bnt 疫苗 的 採購 向 大陸 致謝 陳時中 低調 表示 這次 能 完成 bnt 疫苗 的 採購 必須 感謝 所有 參與 的 團體 與 個人 我們 都致上 誠摯 的 謝意 這 是 重要 的 健康 議題 我們 大家 一起 來 努力 陳時中 也 透露 自己 有 意願 前往 機場 迎接 第一 批 bnt 疫苗 抵 台 但 還要 看到 時候 的 行程 安排 有 沒有 辦法 配合 至於 外界 關切 的 bnt 疫苗 上 是否 會 出現 複 必 泰 的 字樣 陳時中 則 說 東西 沒有 進來 前 沒有 看到 所以 不 知道 陳時中 也 透露 永齡 基金會 台積電 合 購 的 這 一千萬 劑 疫苗 並未 寫下 任何 保留 劑量 的 但書 全部 無償 捐贈 給 全民 使用 但 他 說 兩 家 企業 也 不是 說 不能 來 談 只 是 目前為止 沒有 收到 這樣 的 要 保留 劑量 的 但書 求 至於 將來 bnt 疫苗 會 優先 給 哪些 族群 施打 陳時中 表示 不管 是 什麼 疫苗 中央 當然 是 規劃 給 最 適合 的 人 打 由於 目前 az 尚未 開放 給 青少年 打 而 國外 已 開放 bnt 給 青少年 接種 因此 到時候 會 先 留給 青少年 接種</t>
  </si>
  <si>
    <t>藝人 阿翔 去年 6 月 與 謝忻 在 路邊 激 吻 兩 人 爆出 不 倫戀 事後 妻子 grace 發文 稱 換 我 為 你 撐 傘 有意 選擇 原諒 腥 夫 夫妻關係 也 逐漸 修補 中 不過 grace 日前 在 臉書上 透露 被 急症 纏身 表示 是因為 欲望 沒有 得到 平衡 引起</t>
  </si>
  <si>
    <t>藝人 阿翔 去年 6 月 與 謝忻 在 路邊 激 吻 兩 人 爆出 不 倫戀 事後 妻子 grace 發文 稱 換 我 為 你 撐 傘 有意 選擇 原諒 腥 夫 夫妻關係 也 逐漸 修補 中 不過 grace 日前 在 臉書上 透露 被 急症 纏身 表示 是因為 欲望 沒有 得到 平衡 引起 網友 議論 grace 表示 趁 著 連 假 開始 前 跑 到 秘 境 短暫 充電 但 也 透露 近來 被 急性 蕁麻疹 纏身 才 終於 體會 坐 立 難 安 癢 痛 而為 之 瘋狂 的 感覺 對此 阿翔 認為 或許 與 特殊 食物 誘發 有所 關聯 不過 grace 則 認為 主因 應該 是 東西 買 太 少 購物 欲望 沒有 得到 平衡 所 導致 更 向阿翔 喊話 你 把 卡 給 我 百貨 周年 慶 過後 自然 會 痊癒 讓 不少 網友 笑 翻 此外 由於 許多 人 趁 著 連 假 出遊 grace 也 不 忘 呼籲 所有人 在 疫情 期間 要 記得 戴 口罩 和 勤洗手 才可 保護 自身 和 每個 人</t>
  </si>
  <si>
    <t>由 台積電 慈濟 永齡 基金 會合 購 1500萬 劑 bnt 疫苗 其中 印有 複 必 泰 標籤 的 200萬 劑 預計 9 月初 抵 台 剩 餘 疫苗 到貨 時程 今 29 晚 也 傳出 好 消息 估計 自 中秋 節後 至 11 月 每週 將 有 70 80萬 劑 bnt 疫苗 到貨 更 有 機會 保留 明年 3000萬 劑 bnt 疫苗 永 齡 基金會 創辦 人 郭台銘 今晚 在 臉書 發文 透露 首批 客 制 化 標籤 的 bnt 疫苗 進度 有 希望 在 九月 中秋節 前後 開始 分批 到貨 至少 到 11 月 能 以 每週 大約 780萬 劑 抵 台 讓 臺灣 各 年齡層 都 有 機會 施打 以 想 打 的 人 陸續 打得 到 疫苗 供應 周周 不斷 鏈 為 目標 文 中 指出 今年 被 承諾 到貨 數量 大約 是 800 900萬 劑 已向 bnt 試 探詢 各國 明年 疫苗 供應 的 期 程及 數量 若 臺灣 有 考慮 繼續 採購 的 條件 下 能 優先 處理 我方 今年 採購 剩 餘 數量 提早 到貨 以及 明年 疫苗 是否 能 為 臺灣 保留 3000萬 劑的 額度 則 是 獲得 很 不錯 的 回應 身為 三大 民間 聯合 採購 團體 之一 郭台銘 也 表示 會 盡力 為 臺灣 保留 機會 給 政府 做 決策 參考 也 強調 疫苗 採購 的 原則 不 變 原廠 製造 分裝 客 制 化 標籤 絕對 是 必要 且 無庸置疑</t>
  </si>
  <si>
    <t>對於 新冠肺炎 本土 疫情 已 有 13584 人 確診 並 釀 497 人 不幸 離 世 國民黨 立 委 陳以信 表示 政府 應該 負 無 過失 責任 對 所有 因 確診 而 傷亡者 給與 慰 助 金 與 補償 金 畢竟 這 才是身 為 政府 的 目的 所在 陳以信 18 日 在 臉書 分析 根據 國賠</t>
  </si>
  <si>
    <t>政府 加速 阻止 疫情 擴散 副 總統 賴清德 今天 表示 今天下午 40萬 劑 az 疫苗 將 抵達 臺灣 他 呼籲 符合 疫苗 優先 施打 對象 的 民眾 儘快 前往 登記 施打 疫苗 唯有 提升 疫苗 接種 率 才能 從 根本 阻斷 病毒 傳染 途徑 賴清德 今天 在 臉書</t>
  </si>
  <si>
    <t>政府 加速 阻止 疫情 擴散 副 總統 賴清德 今天 表示 今天下午 40萬 劑 az 疫苗 將 抵達 臺灣 他 呼籲 符合 疫苗 優先 施打 對象 的 民眾 儘快 前往 登記 施打 疫苗 唯有 提升 疫苗 接種 率 才能 從 根本 阻斷 病毒 傳染 途徑 賴清德 今天 在 臉書 推廣 簡訊 實 聯 制 他 說 五 秒 三 步驟 科技 防疫 保護 彼此 行政院 推出 簡訊 實 聯 制 整合 現有 實 聯 制 系統 不只 快速 掌握 相關 足跡 更 兼顧 衛生 便民 與 保障 個 資 是 科技 防疫 的 新 典範 他 說 如果 你是 顧客 只要 掃描 qr code 按 下 連結 發送 簡訊 就 可以 完成 實 聯 如果 你是 店家 今天 15 00 起 就 能 上 簡訊 實 聯繫 統 線 上 申請 登錄 店家 資訊 今天下午 40萬 劑 az 疫苗 將 抵達 臺灣 賴清德 表示 他 也 要 呼籲 符合 疫苗 優先 施打 對象 的 民眾 儘快 前往 登記 施打 疫苗 唯有 提升 疫苗 接種 率 才能 從 根本 阻斷 病毒 傳染 途徑</t>
  </si>
  <si>
    <t>臺灣 鳳梨 萵苣 成功 開拓 外銷 市場 蔡英文 總統 今天 表示 雖然 國內 正 在 防疫 但是 我們 的 農產品 外銷 工作 依然 沒有 停止 最近 終於 突破 檢疫 障礙 把 鳳梨 丶 萵苣 丶 柑橘 外銷 到 各地 證明 不 把 雞蛋 都 放在 同一個 籃子 裡 的 方向 正確 蔡英文 今天 在 臉書 以 大 突破 臺灣 鳳梨 萵苣 成功 再 開拓 外銷 市場 發文 表示 前 陣子 我們 才 把 臺灣 的 芭 樂 賣到 美國 我 再 跟 大家 報告 幾 個 好 消息 雖然 國內 正 在 防疫 但是 我們 的 農產品 外銷 工作 依然 沒有 停止 她 說 最近 我們 終於 突破 了 檢疫 的 障礙 要 把 鳳梨 賣到 澳洲 也 突破 長途運輸 的 限制 把 萵苣 賣到 了 沙烏地 阿拉伯 還有 柑橘 持續 外銷 到 了 香港 新加坡 馬來西亞 及 加拿大 等 地 這些 成果 她 都 要 感謝 農委會 以及 地方 政府 團隊 的 努力 證明 我們 過去 四 年 加強 農產品 外銷 開拓 全 世界市場 不 把 雞蛋 都 放在 同一個 籃子 裡 的 方向 正確 她 也 要 特別感謝 臺灣 的 農民 也 要 請 大家 多多 支持 臺灣 的 農產品 用 行動 來 回報 農民 的 辛苦 蔡英文 強調 未來 我們 會 繼續加強 生產 管理 安全 用藥 也 會 更 努力 行銷 臺灣 的 蔬果 讓 全世界 都 享受 到 臺灣 農產品 的 優質 風味 文末 還 標示 多 吃 蔬果 增加 抵抗力</t>
  </si>
  <si>
    <t>泰國 羽球 女子 好手 伊 瑟儂 ratchanok intanon 因為 是 我國 好手 戴 資 穎 死敵 兼 好友 受到 更 多 關注 她 在 本屆 東京 奧運 與 戴資穎 的 對 決 堪稱 經典 兩 人 不但 一路 死 纏 對手 雙方 拼到 同時 倒地 的 畫面 也 永留 人心 最後 戴資穎 以 非常 小 的 差距 獲勝 讓 伊瑟儂 非常 不 甘心 而 流下 淚水 大家 都 被 伊瑟儂 的 拼 戰 精神 所 打動 而 在 前 幾 天 伊瑟儂 用 母親 的 社 群 帳 號 宣佈 了 一 件 壞 消息 那 就 是 她 的 母親 過世 了 死因 是 冠狀動脈 心臟病 引發 的 心臟 驟 停 這 讓 伊瑟儂 非常 難過 也 發文 緬懷 了 母親 直說 沒有 在 奧運 拿下 獎牌 讓 媽媽 看見 非常 遺憾 但 命運 好像 不放過 她 據 泰國 媒體 khaosod 報導 她 父親 在 幾 天 後 確診 新冠肺炎 這 對 伊瑟儂 來說 無疑 是 晴天霹靂 在 短 時間 內 父母 同時 去世 確診 想必 她 的 身心 備 受 打擊 她 在 今天 宣佈 確定 退出 9 月 舉行 的 蘇迪曼杯 和 優霸 杯 兩 大 賽事 雖然 此前 她 表示 會 努力 為 母親 而 戰 但 她 的 教練 已向 泰國 羽協 表示 她 將 確定 缺席 好好 調整 身心 教練 也 表示 她 不該 急 著 出賽 等 一切 調 適 完畢 再說 在 母親 過世 時 她 發文 說道 大家 好 我 是 伊瑟儂 媽媽 一直 很 堅強 也 持續 關心 身邊 的 人 沒讓 她 看到 夢想 中的 奧運 獎牌 很 抱歉 謝謝 大家 關心 這 是 媽媽 臉書 最後 貼 文 感謝 所有人 希望 她 永遠 幸福 且 開心 笑 著 一字一句 都 讓 人 難受 也 讓 大家 知道 她 有 多 愛 這 位 母親 另外 父親 正 在 醫院 接受 治療 據 泰媒 報導 泰國 目前 面臨 疫苗 不足 問題 抗議 團體 向 曼谷 美國大使館 控訴 政府 把 美國 捐贈 疫苗 拿 給 軍方 官員 接種 而非 前線 醫護人員 泰國 目前 累積 2550萬 人 打過 至少 1 劑 有 570萬 人 打完 2 劑 此 進度 還是 有 點 慢 泰國 人口 約 6900萬 估計 每日 要 打 70萬 劑 才 可能 在 今年底 達成 免疫目標</t>
  </si>
  <si>
    <t>全球 疫情 延 燒 不僅 東南亞 疫情 讓 供應 斷 鏈 歐美 需求 市場 停 擺 臺灣 中小企業 占 全體 企業 9764 就業人數 將近 900萬 人 百業 停工 整個 產業 正 面臨 潰 堤 前 國民黨 主席 朱立倫 今 20 在 臉書 發佈 臺灣 早安 ep 2 內容 是</t>
  </si>
  <si>
    <t>全球 疫情 延 燒 不僅 東南亞 疫情 讓 供應 斷 鏈 歐美 需求 市場 停 擺 臺灣 中小企業 占 全體 企業 9764 就業人數 將近 900萬 人 百業 停工 整個 產業 正 面臨 潰 堤 前 國民黨 主席 朱立倫 今 20 在 臉書 發佈 臺灣 早安 ep 2 內容 是 他 赴 彰 化 與 中小企業 者 商圈 業者 早餐會 對談 立 委 謝衣鳳 也 與會 朱立倫 呼籲 紓困 方案 申請 流程 不能 以 臺北 看 天下 端 出 紓困 牛肉 卻 吃 不到 且 若 不 即時 協助 企業 顧 員工 恐 將 爆發 失業 潮 朱立倫 在 早餐會 中 質疑 政府 的 經濟 預估 太 過 樂觀 imf 跟 我們 自己 的 估計 都 是 負值 政府 官員 還 在 堅持 臺灣 經濟 成長率 可以 保持 正 1 至 2 朱 強調 歐美 疫情 上個月 大 爆發 兩 個 地方 占 全世界 gdp 的 50 也 是 消費品 最 大宗 市場 若 歐美 需求 鏈 開始 停 擺 臺灣 沒有 理由 樂觀 接下來 就是 救 失業 中小企業 朱立倫 提出 三 項目 放寬 標準 第一 是 救急 針對 產生 立即 性 風險 的 人 弱勢 貧窮 救助 他 說 臺灣 底層 20 的 民眾 入不敷出 且 真正 存款 率 高 的 最 多 擴大 到 40 剩下 的 是 真正 需要 的 人 包含 很多 中產階級 在內 其次 政府 應該 在 需求 恢復 之前 協助 這些 中小企業 負擔 營運 之外 的 龐大 的 員工 薪資 若 決定 補助 四 成 薪資 動作 要 快 認定 要 寬 否則 將 迎來 失業 潮 此外 朱立倫 針對 企業 貸款 周轉金 提到 qe 量化 貨幣 寬鬆 讓 資金 借貸 成本 下降 雖 撐 起 資本 市場 但 能否 讓 個人 商家 小企業 受惠 有待 觀察 他 提醒 目前 聽到 的 都 是 貸款 程式 困難 申請 證明 困難 一定 要 儘快 排除 這些 申請 障礙 貿 詮 實業 總經理 賴志峰 提到 外國 客戶 給 的 是 年 單 現在 死定了 材料 都 買 了 材料 不計成本 每個 月 要 出 貨 現在 不能 出 要 延後 到 何時 不 知道 他 表示 目前 僅 能 教育 訓練 苦 撐 員工 薪資 加上 資金周轉 壓力 隨時 可能 潰 堤 彰 化 縣 鹿港 廟口 商 圈 協會 顧問謝芬玲 則 說 鹿 港商 圈 大都 沒有 使用 發票 政府 紓困 會議 講 得 很 簡單 但 小商店 可能 連記帳 手 劄 都 沒有 買 20 斤 大 麵條 直接 付現 怎麼 提出 營 收 證明 臺灣 廚師 聯盟 理事長 謝秀櫻 則 分析 政府 推 的 外 送 平臺 替代 小本經營 商家 無法 承擔 抽 成 比例 一 碗面 線 25 元 抽 30 怎麼 生存 得 下去 立 委 謝衣鳳 表示 將 替 所有 中小企業 及 商家 在 立 法院 發聲 搶救 企業 及 員工 生存 目前 紓困 方案 裡 的 行動 支付 外 送 平臺 替代 都 難以 適用 中南部 距離遠 支付 綁 定 缺乏 的 產業 生態 有 必要 檢討</t>
  </si>
  <si>
    <t>中研院 院士 陳培哲 請 辭 食 藥 署 疫苗 審查 委員 並 直指 組織 難以 維持 獨立性 與 專業性 國民黨 立 委 賴士葆 感歎 政治 的 黑手 一直 伸 入 要 掌 控 科學 研究 讓 人 為 科學家 的 境遇 感歎 中研院 院士 陳培哲 五月 底 請 辭 國產 疫苗 審查 委員 的 職務 認為 食 藥 署 審查 委員 無法 維持 專業性 和 獨立性 賴士葆 在 臉書 表示 真的 不忍 看到 專業 活生生 被 政治 霸 淩 連攸關 國人 生命 健康 的 疫苗 研究 都 想要 運用 權力 來 施壓 科學 研究 作為 替 政治 效力 的 工具 陳培哲 講 真話 的 下場 就 是 被 抹黑 被 網 軍 攻擊 賴士葆 也 舉例 疫苗 試驗 計畫 主持人 謝思民 醫師 也 是 講 了 真話 呼籲 希望 政治 歸 政治 科學 歸 科學 他 的 粉 專 就 立即 被 關閉 了 賴士葆 感歎 臺灣 不 缺乏 優秀 的 科學 人才 但是 他們 的 專業 領域 不 被 尊重 政治 的 黑手 一直 伸 入 要 掌 控 科學 研究 讓 人 為 科學家 的 境遇 感歎</t>
  </si>
  <si>
    <t>新冠肺炎 衝擊 永安 石斑魚 外銷 市場 漁民 苦不堪言 市長 韓國瑜 日前 開臉書 直播 化身 賣 魚郎 讓 訂單 爆表 光 石斑魚 就 賣 出 近 9000 尾 業績 一舉 突破 200 多 萬 元 高市 海洋 局 16 日 再 趁勢 推出 高雄 海味 熟 魚 祭祖 組合 包</t>
  </si>
  <si>
    <t>新冠肺炎 衝擊 永安 石斑魚 外銷 市場 漁民 苦不堪言 市長 韓國瑜 日前 開臉書 直播 化身 賣 魚郎 讓 訂單 爆表 光 石斑魚 就 賣 出 近 9000 尾 業績 一舉 突破 200 多 萬 元 高市 海洋 局 16 日 再 趁勢 推出 高雄 海味 熟 魚 祭祖 組合 包 搶攻 清明節 商 機 永安 區 漁會 總 幹事 黃鶯 指出 永安 石斑魚 外銷 市場 占 7 成 主要 銷 往 大陸 香港 澳門 但因 疫情 影響 幾乎 沒有 訂單 就 連 國內 桌 菜 市場 也 銳減 因此 祭出 平常 買不到 的 優惠價 本來 1 尾 石斑魚 要價 5600 元 現在 只 賣 299 元 黃鶯 表示 由於 訂單 爆 量 石斑魚 是 新鮮 現 撈 無法 全 自動化 處理 必須 依賴 人工 清 腮 清 鱗 清 魚肚 後 再 透過 真空包裝 送達 消費者 手中 目前 會 先 消化 完 現有 訂單 趕在 3 月底 前 全面 出 貨 另外 預計 再 開放 下 一 批 促銷 海洋 局 漁業 推廣 科科長 林琳 說 市長 開 直播 拍賣 主要 是 因 石斑魚 外銷 短期 有 停滯 情形 因此鼓勵 國人 多多 購買 促進 內銷 市場 活動 開 賣 沒 幾 個 小時 訂單 就 突破 百萬 可見 價錢 相當 優惠 吸引 民眾 興趣 海洋 局長 趙紹廉 16 日 宣佈 聯合 高雄 永安 區 漁會 得意 中 華及安 得利 食品 共同 推出 超 值 高雄 海味 熟 魚 祭祖 組合 包 包含 高雄 熟 制 的 石斑魚 及 鱸魚 等 超 值 水產品 減少 民眾 外出 至 公眾 場所 採買 的 機會 更 不 需 任何 廚 藝 及 烹調 簡單 加熱 就 能 食用 價錢 從 888 元 起 即日起 限 時 開 賣 至 25 日 12 時止</t>
  </si>
  <si>
    <t>新冠肺炎 風暴 讓 血庫 鬧 血 荒 彰 化 縣 福興 東區 扶輪 社辦 捐 血 活動 使出 送 口罩 妙招 掀起 熱血沸騰 9 點 半 才 開始 活動 卻 從 清晨 4 點 多 就 有人 來 排隊 讓 人 傻眼 沒見 過 捐 血 這麼 熱 的 怕 是 口罩 荒 比 血 荒 還 嚴重 啊 彰 化 縣 福興 東區 扶輪社 年年 辦 捐 血 疫情 升溫 本 想 暫停 經過 討論 後 決定 如期舉行 加碼 捐 血 送 口罩 等 物資 掀起 熱血 響應 天一 亮 就 已經 隊伍 綿延 了 9 點 主辦 趕緊 發 號碼牌 200 號 10 分鐘 發完 讓 等待 空 檔 可以 先 歇歇 外地人 逛逛 鹿 港 風情 縣長 王 惠美 也 到 現場 表示 現在 是 過渡期 政府 加緊腳步 趕 工 口罩 產量 也 希望 鄉親 正確 地 使用 口罩 福興 東區 扶輪社 是 由 鹿港 福 興 地區 企業家 第二 代新 創立 除了 捐 血 活動 也 捐贈 15 個 社區 每個 月 20 斤 豬肉 25 斤 雞肉 讓 長者 在 社區 照顧 關懷 據點 快樂 用餐 福 興 東區 扶輪 社長 許 書林 表示 半 年前 開始 籌備 這次 活動 社友 捐 各式 物資 如 鹿港 古早味 特色 點心 張大 衛 鹹蛋 糕 保久 乳 延 長線 乳 液 衛生紙 火災 偵測器 等 口罩 做為 贈品 是 個 意外 始料未及 啊 捐 血 掀起 轟動 也 引爆 網友 們 熱烈 討論 上午 就 在 臉書 呼籲 如果 是 拿 口罩 就 別 來 排 了 希望 量力而為 淩晨 4 點 就 來 排 別 捐 血 完 暈 了 哈哈哈 人性 啊 畢竟 口罩 太 缺 了 有趣 的 是 一邊 排隊 捐 血 領 口罩 和 衛生局 排隊 買 口罩 交鋒 了 東區 扶輪社 安排 人力 進行 酒精 殺菌 消毒 及 體溫 量 測 作業 讓 參與 捐 血 有 最好 的 防護</t>
  </si>
  <si>
    <t>國產 疫苗 還 沒 做 臨床 三期 就 被 蔡 總統 欽 點 表示 7 月底 可望 開 打 引發 爭議 國政 基金會 永續 發展組 召集人 陳宜 民建 議 可以 讓 國產 疫苗 在 雙北 疫區 做 三期 試驗 引發 熱 議 臺北市 長 柯文哲 4 日 下午 在 防疫 記者會 中 指出 在 臺北市政府 做 得 到 的 範圍 內 一定 會 協助 國產 疫苗 的 試驗 陳 宜民 隨即 表示感謝 柯 p 回應 並 建議 可以 用 圈選 接種 ring vaccination 的 理論 所 設計 的 臨床 試驗 國政 基金會 永續 發展組 召集人 陳宜民 4 日 在 臉書 表示 感謝 柯 p 回應 他 的 建議 願意 考慮 在 臺北市 做 第 三期 新冠肺炎 疫苗 臨床 試驗 陳 宜民並 附 上聯 亞 疫苗 王 長 怡 董事長 提出 由 她 的 顧問 dr tom monath 建議 針對 確診 者 接觸 者 的 第 三期 臨床 試驗 這 是 一個 利用 圈選 接種 ring vaccination 理論 設計 的 臨床 試驗 陳 宜民 說 圈選 接種 不 會 給 參與者 打 安慰 劑而是 把 他們 分成 兩 群 一 群 馬上 打 疫苗 另外 一 群 則 等 三15 天 後 再 打 疫苗 再 比較 這 兩 群 疫苗 接種 者 發病 的 比率 這種 圈選 接種 臨床 試驗 已經 應用 在 天花 及 伊 波拉 病毒 的 防疫 工作 上 陳 宜民 說 希望 柯 p 能夠 與 他 及 王長怡 董事長 見面 討論一下 因為 面對 新冠 病毒 持續 蔓延 的 疫情 我們 沒有 鬆懈 的 本錢</t>
  </si>
  <si>
    <t>大陸 傳出 軍事科學院 軍事醫學 研究 院 院士 女 少將 陳薇 領銜 的 科研 團隊 成功 研製 出 重組 新冠 疫苗 進入 臨床 測試 前 國民黨 副 秘書長 蔡正元 在 臉書 發文 簡介 陳薇 如 何棄文 從軍 研發 sars 干擾素 伊 波拉 病毒 疫苗 以至 新冠 疫</t>
  </si>
  <si>
    <t>媒體 人 周玉蔻 昨日 於 疫情 中心 發佈 消息 前 逕 自在 個 人臉書 發文 暗示 當日 新增 207 例 確診 外界 關注 如此 是否 該 開 罰 對此 有 粉 專在 社 群 平臺 發起 投票 活動 高達 91 的 受訪者 認為 政府 應該 開 罰 周玉蔻 以 召 公 信 周玉蔻 昨</t>
  </si>
  <si>
    <t>根據 路透社 報導 即便 這 幾 日新冠肺炎 的 疫情 有 減緩 的 趨勢 全球 對於 新冠 病毒 的 恐懼 仍未 消散 一年一度 的 世界 電信業 界 的 盛事 全球 行動 通訊 大會 今年 預計 於 2 月 24 到 27 日 在 巴塞隆納 舉辦 各 大 廠商 因 擔心 疫情 紛紛 宣佈 不 參加 主辦單位 gsma 全球電信 協會 本 週三 討論 過後 宣佈 本屆 大會 取消 西班牙 衛生 當局 及 巴塞隆納 市政府 都 表示 照常 舉辦 沒有 問題 gsma 仍然 取消 活動 的 原因 是 許多 廠商 都 受到 旅遊 禁令 的 影響 無法 前來 或是 因 恐懼 疫情 而 放棄 參展 預期 廠商 和 參觀者 的 數量 都 會 大幅度 減少 最 關鍵 的 是 幾 間 指標性 大廠 的 意願 這 幾 天 陸續 宣佈 退出 的 大廠 有 英國 跨國 電信公司 沃達豐 vodafone 英國 電信 集團 bt 德國電信公司 deutsche telekom 芬蘭 行動 電話 製造商 諾基亞 nokia 美國 晶 片 巨擘 英特爾 intel 社 群 網站 龍頭 臉書 大陸 手機 製造商 vivo 美國 電腦 網路系統 商 思科系統公司 cisco 意 法 半導體 stmicroelectronics 法國電信 大廠 orange 集團 等 巴塞隆納 市長 阿達·科洛 ada colau 向各 廠商 喊話 希望 大家 冷靜 不要 過度 害怕 疫情 市政府 和 西班牙衛生部 都 已經 準備 好 了 沒有 取消 的 理由 世界衛生組織 who 也 幫 西班牙 背書 強調 如期 舉辦 沒有 問題 然而 官方 的 保證 仍然 無法 消 彌 廠商 的 恐懼 在 主要 幾 個 大 咖 退出 之後 本屆 的 全球 行動 通訊 大會 也 只能 取消</t>
  </si>
  <si>
    <t>混打 疫苗 效果 好 但 副作用 恐 會 更 大 對此 兒科 急診 醫師 吳昌騰 分享 昨天 完成 混打 疫苗 唯一 不 舒服 的 感覺 應該 是 手 舉 高會 疼痛 尤其 到 了 晚上 更 明顯 但 聽說 混打 會 像 被 卡車 輾 過去 一樣 因此 他 也 提早 備 好 藥物 與 開水 結果 整晚 過去 卡車 都 沒來 但 第二 劑 的 痛感 確實 比 第一 劑 更 明顯 有 同事 混打 後 發燒 全身 酸痛 而 請假 吳 昌騰 今 在 臉書 發文 表示 昨天 混打 az 莫德納 疫苗 一 開始 其實 沒有 特別 的 感覺 除了 注射 部位 疼痛 之外 唯一 感覺 不 舒服 的 就是 手 沒有 辦法 舉 高 當 手 舉 超過 耳朵 以上 的 高度 就 會 有 疼痛 的 感覺 而 這個 感覺 到 了 晚上 更加 明顯 吳 昌騰 指出 他 晚上 睡覺 的 時候 還 在 床 邊 擺 好 開 水 與 普 拿 疼 想 說 可能 會 出現 被 卡車 輾過 的 感覺 結果 一 晚 過去 卡車 都 沒有 來 不過 他 認為 第二 劑 莫德納 打完 以後 痛 的 感覺 的確 比 第一 劑 az還要 明顯 很多 吳 昌騰 透露 他 今天 去 上班 的 時候 聽到 急診室 的 同仁 表示 有 接受 混打 疫苗 的 同事 中 已 有 2 名 護理 師 請假 因為 出現 發燒 與 全身 酸痛 的 症狀 真的 無法 來 上班 貼 文 引起 網友 討論 說 像 被 卡車 輾過 的 人 實在 令 人 很 想 吐 槽 是 有 相關 經驗 嗎 還是 想 混打 只 是 不 知道 到時候 有 沒有 得 選擇 我 四周 的 人 基本上 都 沒事 大家 不 知道 從 什麼 時候 開始 傳訛 兩 次 卡車 啊</t>
  </si>
  <si>
    <t>高雄林 姓 男子 在 臉書 爆 料 公社 社 群 發文 稱 自己 日前 接種 bnt 疫苗 後 皮膚 局部 出現 血 疹 隨後 更 有 血 便 牙齦 出血 等 症狀 緊急 送醫 後 查出 是 血栓 及 血小板 低下 所 引起 高 市府 衛生局 表示 個案 有 風濕 免疫 相關 疾病 病史</t>
  </si>
  <si>
    <t>高雄林 姓 男子 在 臉書 爆 料 公社 社 群 發文 稱 自己 日前 接種 bnt 疫苗 後 皮膚 局部 出現 血 疹 隨後 更 有 血 便 牙齦 出血 等 症狀 緊急 送醫 後 查出 是 血栓 及 血小板 低下 所 引起 高 市府 衛生局 表示 個案 有 風濕 免疫 相關 疾病 病史 經過 治療 血小板 已 增加 2萬 以上 狀況 持續 改善 目前 仍 住院 中 林 男 發文 指出 他 於 10 月 17 日 施 打 bnt 後 發生 嚴重 不良反應 2 天 後 身體 局部 出現 血 疹 22 日 血 疹 遍佈 全身 並 有 血 便 丶 牙齦 出血 等 症狀 緊急 送 急診 後 經查 血栓 及 血小板 低下 正常 人體 血小板 15萬 以上 他 前 3 天 1000 後 2 天 2000 輸 了 4 包 血小板 還是 立即 降回 1000 結果 就 雙手 大出血 他 表示 幸好 出血點 不在 腦 和 內臟 不然 可能 已 享年 高 市府 衛生局 表示 經查 個案 有 風濕 免疫 相關 疾病 病史 長期 門診 追蹤 10 月 17 日 打完 bnt 疫苗 後 隔日 全身 多 處出血點 包括 口腔 頸 部 腹部 下肢 等 出現 自發性 瘀斑 10 月 22 日 自行 至 高醫 急診 經 醫師 建議 入院 治療 個案 住院 經 處置 後 血小板 已 增加 2萬 以上 狀況 持續 改善 目前 仍 住院 中</t>
  </si>
  <si>
    <t>雙 北市 疫情 持續 嚴峻 至 4 日 止 兩 市 確診 數 達 7769 例 新北 市 雙和 醫院 護理 師 4 日 在 臉書 社團 感性 發文 被 歧視 排擠 醫院 暴力 每天 都 在 發生 踏 進 醫院 前 心裡 有 著 莫名 的 壓力 又 偷 流 了 多少 眼淚 能夠 回家 看 到家 人 是 無比 的 奢</t>
  </si>
  <si>
    <t>雙 北市 疫情 持續 嚴峻 至 4 日 止 兩 市 確診 數 達 7769 例 新北 市 雙和 醫院 護理 師 4 日 在 臉書 社團 感性 發文 被 歧視 排擠 醫院 暴力 每天 都 在 發生 踏 進 醫院 前 心裡 有 著 莫名 的 壓力 又 偷 流 了 多少 眼淚 能夠 回家 看 到家 人 是 無比 的 奢侈 她 呼籲 民眾 抱怨 不便 時 請 多 想想 麻煩 待在家裡 好好 做好 防疫 少 責怪 多 鼓勵 基層 護理 師 在 我 是 中 和 人 臉書 社團 發 文說 自己 擔任 護理 師 第 5 年 發生 新冠肺炎 雙和 醫院 內科 加 護 病房 就 變成 了 重症 新冠肺炎 專責 病房 大家庭 裡 的 每個 成員 每天 暴露 在 危險 之中 看 著 新聞 裡 的 民眾 抱怨 不能 出門 玩耍 試問 我們 何嘗 不是 想要 好好 待 在家 現在 能夠 回家 看 到家 人 是 無比 的 奢侈 被 歧視 排擠 醫院 暴力 每天 都 在 發生 每每 踏 進 醫院 前 心裡 沈重 有 著 莫名 的 壓力 又 偷 流 了 多少 眼淚 基層 護理 師 說 人力不足 資源 有限 的 狀況 下 大家 還是 撐 著 疲憊 身軀 幫 病人 治療 著 苦中作樂 大概 是 最好 的 形容詞 無數 的 臉部 壓 傷 破 皮 脫下兔 寶寶 連 內褲 都 濕 了 她 呼籲 當 你在 抱怨 時 請 想想 醫護人員 只是 想 在 8 個 小時 裡 喝 一 口水 上 一 次 廁所 麻煩 待在家裡 好好 做好 防疫 少 責怪 多 鼓勵 最後 更 期盼 在 疫情 過後 大家 能夠 真正 重視 護理 人力 的 問題 大家 都 能夠 平安 渡過難關 留言 一 出 吸引 近萬名 網友 回應 紛紛 向 她們 表達 感謝 之 意 更 有 網友 說 響應 說 我們 都 會 乖乖 在家 防疫 不 亂跑 一起 加油 戰勝 這 病毒</t>
  </si>
  <si>
    <t>馬來西亞 一 名 70 多 歲 長者 日前 因 接觸 過 新冠 確診 者 加上 身體 不適 一共 進行 了 2 次 pcr 核酸 檢測 1 次 抗原 快 篩 3 次 病毒檢測 結果 都 呈現 陰性 不料 卻 突然 昏迷 暴 斃 醫生 解剖 後 證實 死因 為 新冠肺炎 指出 長者 的 肺部 受損 嚴重 當地 官員 推測 和 變種 新冠 有關 綜合 馬來西亞 星洲 日報 東方日報 報導 大馬 衛生 總監 丹斯里諾希山 18 日 指出 當地 許多 感染 變種 新冠 的 患者 並 沒有 出現 發燒 咳嗽 嗅覺 味覺 失常 等 典型 症狀 倒 是 有 關節 痛 疲倦 食欲不振 等 症狀 更 奇怪的是 病毒檢測 結果 居然 呈現 陰性 但 實際上 這些 患者 病情 已經 很 危急 新 變種 病毒 迅速 擴散 到 肺部 儘管 透過 x 光 片 發現 有 肺炎 症狀 但是 很多 病人 沒有 發燒 馬來西亞 地方 議員 余 深恩 隨後 分享 一則 從 民眾 那裡 接 獲 的 類似 案例 他 昨 19 日 晚間 在 臉書 發佈 貼 文 指出 中 部 萬 撓 地區 一 名 70 多 歲 長者 日前 因為 密切接觸 過 新冠 確診 者 因此 去 做 了 pcr 核酸 檢測 當時 結果 為 陰性 長者 在 隔離 10 天 後 第 2 度 做 了 pcr 核酸 檢測 結果 同樣 為 陰性 2 天 後 這 名 長者 身體 開始 感到 不適 因此 又 做 了 抗原 快 篩 結果 同樣 為 陰性 這 名 長者 後來 突然 陷入 昏迷 不省人事 送醫 後 不治 身亡 醫生 解剖 後 顯示 死者 肺部 受損 嚴重 證實 死因 為 新冠肺炎 解剖 結果 讓 家屬 難以 接受 因為 先前 3 次 病毒檢測 結果 都 是 陰性 現在 家屬 們 也 集體 接受 病毒檢測 餘 深恩 受訪 時 指出 他 是 在 大馬 衛生 總監 丹斯里諾希山 18 日 宣佈 變種 新冠 難 檢測 的 當天 獲得 這 則 消息 他 表示 相信 這 名 長者 可能 是 感染 了 變種 病毒 才會 3 次 檢測 結果 都 呈現 陰性 也 讓 他 感慨 變種 病毒 的 可怕 丹斯里諾希山 說 新 變種 病毒 不僅 傳播 速度 快 還 和 高 死亡率 相關 呼籲 民眾 保持警惕 及 自律 目前 馬來西亞 一共 檢測 出 南非 變種 病毒 b 1351 英國 變種 病毒 b 117 和 印度 變種 病毒 b 16171 等 3 種 變種 新冠</t>
  </si>
  <si>
    <t>新冠肺炎 疫情 近日 在 歐美延 燒 美國 西 維吉尼亞 州 今天 傳出 首位 確診 病例 美國 50 州 全部 淪陷 臺灣 旅美 高爾夫 好手 潘政琮 透過 臉書 粉 專 表示 留在 家 防疫 比 搭乘 長途 飛機 來 的 安全 他 跟 太太 會 先 留在 美國 把 資源 留給 臺灣 守</t>
  </si>
  <si>
    <t>新冠肺炎 疫情 近日 在 歐美延 燒 美國 西 維吉尼亞 州 今天 傳出 首位 確診 病例 美國 50 州 全部 淪陷 臺灣 旅美 高爾夫 好手 潘政琮 透過 臉書 粉 專 表示 留在 家 防疫 比 搭乘 長途 飛機 來 的 安全 他 跟 太太 會 先 留在 美國 把 資源 留給 臺灣 守護 寶島 家園 潘政琮 寫道 今天 的 分離 是 為了 明天 我們 還 能 互相 擁抱 懇請 僑胞 決定 返台 時 想想 您 親愛 的 朋友 與 家人 臺灣 沒有 這麼 大 的 能量 與 空間 防疫 這麼 多 人 搭 機 返 臺灣 反而 會 非常 危險 我們 還 在 美國 讓 我們 一起 保護 臺灣 我 ok 臺灣 優先 在 美國 待在家裡 也 能 好好 防疫 潘政琮 並說 pga 美 巡 賽 目前 到 今年 5 月 17 日前 的 比賽 都 取消 他 會 持續 鍛 鍊 隨時 準備 疫情 過去 賽事 重新 開 打 他 也 考慮 這 段 期間 拍 教學 影片 回 饋 球迷 歡迎 球迷 留言 告訴 他 想學 什麼 或是 希望 他 透過 影片 或 直播 哪 種 方式 教學</t>
  </si>
  <si>
    <t>國內 外購 美 日 外援 新冠 疫苗 逐步 進入 臺灣 近期 開始 陸續 施打 因 目前 疫苗 施打 率 不 佳 以及 有 不少 長輩 施打 az 疫苗 後 猝死 這 讓 國民黨 立 委 陳以信 看不下去 直言 這 波 日本 az 疫苗 施打 後 已 有 342 位 國人 不幸 離 世 他 多次 呼籲 由 政府 和 cdc 應先行 給予 受害者 補償 之後 政府 再行 代位 求償 以 減輕 受害者 家屬 負擔 但 cdc 仍然 不 做 調查 和 說明 令 他 質疑 蔡 政府 到底 有 沒有 把 人民 的 命 放在眼裡 陳 以 信 9 日 在 臉書 發文 表示 根據 最新 公佈 統計資料 6 月 15 日後 打 日本 az 疫苗 的 死亡 通報 率 再度 攀升 到 百 萬分 之 295 而 7 月 1 日後 打 美國 moderna 疫苗 的 死亡 通報 率 僅 微幅 上升 為 百 萬分 之 6 兩者 差距 高 達 49 倍 陳 以 信 質疑 如果 cdc 仍 堅持 長者 死亡 通報 率 會 受到 死亡 背景 值 影響 陳以信 認為 不至於 有 顯著 性 那 cdc 也 必須 解釋 為何 受到 相同 影響 的 兩 條 曲線 竟然 上升幅度 有 如此 大 區別 陳 以 信 坦言 這 波 日本 az 疫苗 施打 後 已 有 342 位 國人 不幸 離 世 許多 案例 死因 仍 難 確定 更 多 家屬 基於 自責 不 願 再 傷害 遺體 自願 放棄 解剖 調查 他 指出 這不 代表 死者 不是 疫苗 受害者 只是 家屬 不 願 追究 下去 這 也 凸顯出 現行 政府 作法 錯誤 陳 以 信 提到 針對 新冠 疫苗 受害 的 救濟 程式 舉證責任 不該 放在 受害者 身上 政府 應將 舉證責任 倒置 規定 只要 施打 疫苗 後 一定 時間 內 死亡 不論 原因 均 先 列為 疫苗 受害者 之後 才由 政府 負 舉證責任 排除 明顯 非 因 施打 疫苗 而 死 的 案例 如 車禍 或有 其他 明確 原因 而 致死 並 由 政府 先行 給予 受害者 補償 之後 政府 再行 代位 求償 減少 受害者 家屬 負擔 最後 陳以信 強調 每 條 人命 都 是 命 政府 必須 重視 負責 他 公開 反應 此事 多時 cdc 仍然 不 做 調查 說明 令 人 質疑 這個 政府 到底 有 沒有 把 人民 的 命 放在眼裡 615 後 打 az 死亡 通報 率 是 701 後 打 moderna 的 49 倍 根據 最新 公 佈 統計 6 15 後 打 日本 az 疫苗 的 死亡 通報 率 再度 攀升 到 百 萬分 之 295 而 7 1 後 打 美國 moderna 的 死亡 通報 率 僅 微幅 上升 為 百 萬分 之 6 兩者 差距 高 達 49 倍 如果 c</t>
  </si>
  <si>
    <t>美國 亞特蘭大 按摩 館 日前 發生 槍擊案 導致 8 人 死亡 其中 有 6 人 為 亞裔 女姓 該 事件 揭開 了 亞裔 的 仇恨 犯罪 的 冰山一角 在 當地 引發 關注 甚至 遊行 抗議 對此 國民黨 副 秘書長 李彥秀 近日 才自 美國 回台 她 在 臉書 表示 這 幾 天 在</t>
  </si>
  <si>
    <t>美國 亞特蘭大 按摩 館 日前 發生 槍擊案 導致 8 人 死亡 其中 有 6 人 為 亞裔 女姓 該 事件 揭開 了 亞裔 的 仇恨 犯罪 的 冰山一角 在 當地 引發 關注 甚至 遊行 抗議 對此 國民黨 副 秘書長 李彥秀 近日 才自 美國 回台 她 在 臉書 表示 這 幾 天 在 美 的 感受 表示 身為 亞裔 女性 相當 深刻 感受 到 當地 仇恨 亞裔 的 狀況 開車 在 路上 被 比 中指 都 是 家常便飯 李彥秀 今 24 日 在 臉書 發文 指出 她 在 美國 的 這 段 期間 除了 感受 到 國情 不同 對於 防疫 作法 的 差異 之外 也 深刻 感受 到 亞裔 族群 疫情 期間 在 美國 的 艱難 處境 駕 著 車在 路上 被 比 中指 對 我 來說 已經 是 家常便飯 李彥秀 表示 因為 新冠肺炎 的 緣故 針對 亞裔 社區 的 仇恨 暴力 案件 從 美國 英國 德國 法國 到 澳洲 都 有 大幅 增加 卻是 被 刻意 漠視 無法 解決 病毒 這個 共同 的 敵人 只能 訴諸 暴力 對付 其他 族 裔 的 心態 實在 令 人 沮喪 而 這個 狀況 中受到 最 大 影響 的 就 是 身 在 國外 的 僑胞 們 李彥秀 表示 她 這 段 期間 也 在 能力 以及 防疫 許可 範圍 內 儘量 關心 當地 僑界 的 好友 更 直接 感受 到 疫情 期間 僑務工作 推 展 的 困境 她 指出 僑務工作 應該 不分 黨派 更 不 應該 有 過 多 政治 的 計算 除了 基層 僑務工作 在 第一線 的 辛苦 努力 也 希望 透過 這 篇文章 可以 提醒 蔡英文 總統 華僑 對於 總統 有 更 多 的 期待 希望 蔡 總統 所 帶領 的 政府 能夠 給予 僑界 更 多 的 關懷</t>
  </si>
  <si>
    <t>az 疫苗 15 日 正式 開 打 不 過 施打 三 日 卻 頻 傳 長輩 施打 疫苗 後 多 人 猝死 案件 雖然 大多 具有 慢性 疾病 但 正式 死因 還 有待 衛福部 厘 清 對此 藝人 李明依 在 臉書 感歎 最終 難道 都 只 剩下 數字 沒 想到 貼 文一 出 馬上 又 遭到 網友 出</t>
  </si>
  <si>
    <t>今日 是 全國 疫情 警戒 降 二級 第一 天 胸腔 暨 重症 醫師 黃軒 指出 一早 看到 不少 人 過 馬路 或 等 紅綠燈 時 都 拉下 口罩 叼 著 煙 令 他 直 搖頭 才 降級 鬆動 的 行為 就 馬上 出現 了 提醒 民眾 仍要 戴 好 口罩 徹底 洗手 及 保持 安全 距離 不僅 能 有效 預防 社區 傳播 也 可 防止 疫情 再延 燒 黃軒今 27 日 稍 早於 個人 臉書 粉 專 黃軒 醫師 dr ooi hean 表示 一早 走 在 路上 看到 不少 行人 過 馬路 時邊 走 邊 抽煙 甚至 是 等 紅綠燈 時 也 接下 口罩 叼 著 煙 看 得 他 直 搖頭 大 呼 才 降級 就 有 不少 鬆動 的 行為 出現 了 黃軒 表示 根據 英國劍橋大學 最新 研究 出現 症狀 前 或 80 以上 群眾 佩戴 口罩 代表 病毒 感染力 的 r 值 就 會 減少 甚至 是 小於 1 因此 證明 佩戴 口罩 可 減緩 傳播 疾病 若 配合 相關 隔離 措施 可 預防 新冠肺炎 疫情 再起 黃軒 說 解封 並不 代表 能 躲 過 新冠肺炎 的 刀鋒 事實上 病毒在 全球 幾乎 都是未 清 零 的 狀況 但 為了 經濟 發展 仍 陸續 解封 宛如 走 在 刀劍 的 尖峰 上 病毒 風雲 恐 隨時 再起 黃軒 強調 疫情 下 許多 人 都 認為 太 悶 了 都 悶 壞 了 該 解放 了 但 降級 絕對 不是 鬆懈 防疫 仍 需 落實 戴好 口罩 徹底 洗手 及 保持 安全 距離 最後 則 是 接種 疫苗 他 提醒 唯有 全民 配合 才能 抗 疫 成功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86 歲 資深 藝人 脫線 本名 陳炳楠 曾 演出 總 鋪 師 大佛 普拉斯 等 電影 農曆 年前 驚 傳 因 感冒 引起 肺炎 整整 住院 一個 月 令 粉絲 好 擔心 不過 他 今 27 日 終於 透過 臉書報 平安 天公 保 庇 我 康復 出院 了 脫線 在</t>
  </si>
  <si>
    <t>86 歲 資深 藝人 脫線 本名 陳炳楠 曾 演出 總 鋪 師 大佛 普拉斯 等 電影 農曆 年前 驚 傳 因 感冒 引起 肺炎 整整 住院 一個 月 令 粉絲 好 擔心 不過 他 今 27 日 終於 透過 臉書報 平安 天公 保 庇 我 康復 出院 了 脫 線 在 臉書報 平安 透露 自己 因 感冒 引起 肺炎 還 幽默 表示 不是 武漢 的 免 驚 我 不 會 傳染 是 很多 老人 最怕 的 肺部 感染 但 他 也 因為 肺 積水 喘氣 困難 而 無法 入睡 狀況 差 到 險 插管 整整 住院 一個 月 如今 終於 康復 出院 脫線 除了 感謝 辛苦 的 醫護人員 還 有 最 辛苦 的 老婆 我 住院 一個 月 她 也 陪 我 住院 一個 月 忍耐 我 壞 脾氣 身體 不適 的 壓力 昏迷 的 語無倫次 未來 我會 更加 珍惜 自己 身體 你自己 身體 也 愛顧 賀 一番 真情 告白 令人感動</t>
  </si>
  <si>
    <t>新冠肺炎 影響 全球 一 年 多 時間 臺灣 原本 在 國際 間 是 出了名 防疫 頂尖 但 連日 確診 人數 大 爆炸 民眾 開始 瘋 搶 糧食 口罩 深怕 會 面臨 封城 窘境 香港 資深 藝人 黃秋生 去年 曾 為了 工作 來 台 居留 數 月 近期 再度 抵 台 慘 遇 疫情 升溫 他 也 透過 臉書 列 4 大 要點 拜 讬 大家 一起 遵守 更 信心 喊話 一月 內 必可 控 立刻 被 大票 網友 推 爆 分享 黃秋生 近期 因 工作 再度 來 臺灣 居留 日前 剛 結束 隔離 14 天 沒 想到 卻 碰上 新冠 確診 人數 大 爆發 大臺北 地區 更 進入 三級 防疫 但 他 今 15 日 稍 早 也 在 臉書 發文 認為 臺灣 上下一心 對抗 疫情 還是 有 機會 控制 住 的 黃秋生 列出 4 大 重點 儘量 不 外出 不 自私 不 恐慌 物資 充足 儘量 自我 隔離 做好 這 幾 項 一個 月 內 必定 可 控制 住 疫情 在 黃秋生 發文 半 小時 左右 就 被 上萬 網友 推 爆 並 分享 不少 人 更 感謝 他 真心 愛 臺灣 感恩黃 大哥 對 台灣 的 信任 臺灣 加油 沉住氣 應戰 我們 2 周就會 搞 定 了 一起 加油 不聽話 的 做成 叉 燒包 感謝 秋生哥 的 呼籲 大家 一起 抗 疫 沒 問題 的 要 對 臺灣 有 信心</t>
  </si>
  <si>
    <t>新冠肺炎 肆虐 藝 情 攀升 日本 持續 傳出 相關 病例 旅居 日本 女星 歐陽靖 日前 在 臉書 透露 日本 機場 檢疫 鬆散 從 大陸 抵達 日本 機場 的 旅客 未經 檢測 可 直接 出關 沒 想到 此舉 卻 讓 到 日本 旅遊 的 友人 遭到 網路 霸 淩 讓 她 深感 抱歉</t>
  </si>
  <si>
    <t>陳時中 夏春湧 臺灣人 開玩笑 臉書</t>
  </si>
  <si>
    <t>斯洛伐克 總理 彼得·佩萊格裡尼 peter pellegrini 上週末 因為 上呼吸道感染 伴有 高燒 症狀 緊急 住院 斯洛伐克 2 月 29 日 即將 舉行 國會 選舉 佩萊格裡尼 這 幾 天 原本 安排 了 滿檔 的 競選 行程 包含 電視 辯論會 都 不得已 取消 他 說 重要 時刻 身體 背叛 了 我 即便 位於 東歐 的 斯洛伐克 至 今 尚未 傳出 任何 新冠肺炎 的 案例 但 上周 義 大利 一夕之間 暴 增 了 超過 200 起 病例 難免 引人 聯想 總理 的 病情 是否 跟 新冠肺炎 有 關係 佩萊格裡尼 在 他 的 個人 臉書上 澄清 他 已經 好 一段時間 身體 不 舒服 只是 剛好 現在 病倒 了 負責 治療 總理 的 醫院 則 未 對 他 的 病情 有 任何 說明 佩萊格裡尼 所屬 的 社會民主黨 sme 表示 雖然 不 確定 總理 何時 會 出院 但 一定 會 儘快 回到 岡 位 上 全力 競選 連任 社會民主黨 本屆 的 選情 並不 樂觀 無獨有偶 社會民主黨 的 黨主席 裡斯·柯拉爾鮑 boris koll r 也 因 積勞成疾 上周 住院 至 今</t>
  </si>
  <si>
    <t>近來 新冠肺炎 肆虐 劉德華 華仔 的 my love andy lau world tour 世界 巡迴 演唱會 12 日 透過 官網 臉書 微博 及 ig 宣佈 原定 在 345 月 分別 將 在 上海 廣州 北京 舉辦 共 9 場 演唱會 全數 延期 華仔 上月 已 宣佈 香港 紅</t>
  </si>
  <si>
    <t>近來 新冠肺炎 肆虐 劉德華 華仔 的 my love andy lau world tour 世界 巡迴 演唱會 12 日 透過 官網 臉書 微博 及 ig 宣佈 原定 在 345 月 分別 將 在 上海 廣州 北京 舉辦 共 9 場 演唱會 全數 延期 華仔 上月 已 宣佈 香港紅館 12 場 演唱會 皆 取消 日前 再 宣佈 武漢 3 場 演唱會 也 取消 加上 將 延期 的 場次 此 套 巡演 已 因 疫情 影響 高達 24 場 演出 華仔 所屬 的 臺灣 映 藝 表示 有 新 的 消息 會 在 官方 平臺 通知 祈禱 疫情 早日 受到 控制 治療 恢復健康 正常 生活 謝謝 而 主辦單位 也 提到 具體 演出 時間 將 根據 實際 情況 另行通知 因 延期 造成 的 不便 我們 向 每 一 位 受到 影響 的 歌迷 朋友 們 深表歉意 感謝 各位朋友 的 理解 支持 至於 已經 購 票 的 粉絲 也 可以 選擇 保留 訂單 退票 相關 細節 請 留意 各 官方 購票 平臺 第一時間 公佈 臺灣 映 藝 先前 曾 證實 華仔 已 申請 到 今年 臺北 小 巨蛋 檔期 外傳 是 5 月底 共 2 周開 唱 預計 唱 4 場 演出 亦 是 他 暌違 7 年 第 3 度 攻 蛋 屆時 將 會 引起 一 股 搶 票 熱潮 不過 是否 會 受到 新冠肺炎 的 影響 臺灣 映 藝 表示 任何 有 確定 的 消息 我們 會 第一時間 在 官網 社交 平臺 公佈 也 會 通知 大家 謝謝</t>
  </si>
  <si>
    <t>中台 煙花 行徑 詭異 且 龜 速 也 打亂 了 大家 的 許多 因應 準備 其中 也 包括 了 疫苗 施打 作業 今 23 日 上午 有 一些 宜蘭 縣民 陸陸續續 前往 溪北 溪 南 兩 個 疫苗 接種 中心 要 施打 疫苗 到 了 現場 才 得知 因為 颱風 因素 暫停 施打 兩 天 相當 生氣 抱怨 政府 怎麼 沒有 做 好 通知 讓 他們 淋雨 白跑一趟 今天上午 9 點 不到 就 開始 有 民眾 陸陸續續 冒雨 走 到 設 在 宜蘭 運動 公園 的 宜蘭 縣 溪北 疫苗 接種 中心 卻 發現 大門 深 鎖 也 沒有 工作人員 還是 經由 記者 告知 這 才 知道 今天 沒有 安排 施打 作業 有人 想 轉 往 診所 施打 但有 提供 疫苗 施打 服務 的 診所 早就 預約 額 滿 想要 臨時 要 安排 施打 疫苗 根本 排 不 到 一 名 撐 著 雨傘 在 雨 中 走 了 半 個 小時 才 抵達 溪北 疫苗 接種 中心 的 婦人 說 她 的 接種 順序 排在 第 十 類 第一 次 因為 忘記 時間 沒有 預約 第二 次 接到 通知 時就 趕快 預約 沒 想到 要 打 疫苗 時 接種 中心 卻 沒開 大吃一驚 的 婦人 說 自己 完全 不 知道 還 問 記者 說 是因為 颱風 的 關係 嗎 另 一 名 年輕 的 女子 則 是 特別 請假 要 施打 疫苗 結果 卻 因為 遇到 颱風 導致 疫苗 施打 作業 延期 感覺 有 一點 不 方便 一 名 年 約 60 多 歲 的 中年男子 發現 今天 疫苗 接種 中心 沒開 頓時 滿臉 不 高興 抱怨 說 政府 都 沒有 個別 通知 讓 他 在 下雨天 特別 跑 一 趟 結果 卻 撲 了 個 空 當然 感覺 很 麻煩 很 不 便民 而 宜蘭 縣政府 衛生局 則 是 一 上午 詢問 電話 接 不 完 不斷 接到 民眾 的 詢問 電話 衛生局長 徐迺維 也 出面 致歉 並 表示 因為 颱風 的 路徑 變化莫測 基於 安全 考量 施打 疫苗 作業 做 了 調整 縣府 之前 先 後 透過 第 四 台 臉書 通訊 群 組 發佈新聞 等 方式 告知 縣民 也 有 發 簡訊 通知 但 仍 有 民眾 沒有 收到 簡訊 這 一點 內部 要 再 做 檢討 也 有 可能 是 子女 代為 預約 接種 疫苗 但 在 接到 延期 通知 時 沒有 轉告 父母 但 無論如何 對於 撲空 的 民眾 他 深表歉意 徐迺維 也 安撫 民眾 說 這 兩 天 預約 的 民眾 名單 都 有 記錄 中央 將 會 再 發 通知</t>
  </si>
  <si>
    <t>衛福 部長 陳時中 昨 10 日 在 立院 備詢 時 坦承 az 疫苗 原廠 曾 找 過 臺灣 代工 生產 疫苗 但因 有人 不 太 喜歡 這 樣子 且 az 希望 臺灣 至少 代工 3億 劑 我方 則 希望 代工 1億 劑 故 最終 破 局 前 立 委 林濁水 分析 現在 臺灣 防疫 被 切 成 3 個 部分 行政院長 蘇貞昌 負責 紓困 陳時中 負責 防疫 行政 至於 疫苗 的 部分 似乎 沒人 負責 對於 合作 破 局 原因 陳時中 解釋 不是 我們 不 願意 而是 一方面 有人 不 太 喜歡 這 樣子 另 方面 對方 要求 的 數量 對 臺灣 而言 是 有 困難 會 把 整個 生產線 都 占滿 尤其 臺灣 又 沒 這麼 大 的 消耗量 陳時中更 說 談 到 最後 臺灣 是 希望 幫忙 az 代 工 1億 劑 但 對方 希望 至少 3億 劑 我們 覺得 有 困難 所以 雙方 最後 在 條件 上 沒 談成 林濁水 12 日 在 臉書上 表示 現在 看來 臺灣 的 防疫 作戰 被 切 成 三 塊 由 三 方 各 司 其 權 紓困 蘇貞昌 防疫 行政 陳時中 疫苗 他 還 給出 原因 外國 運 來 疫苗 陳時中 到貨 在 飛機 上 才 被 告知 談代工 有人 不喜歡 林濁水 指出 既然如此 如今 在野黨 猛 轟 陳時中 要為 疫苗 短缺 下臺 從 憲法 明文規定 看 沒有 錯 但是 從 實質 的 權力 運作 上 依有權 有 責 權責 相符 精神 看 就 複雜 了 網友 們 也 留言 回應 沒有 疫苗 的 政府 將 崩潰 華航諾 富特 這 鍋 執政黨 也 是 一直 甩 在野黨 也 樂得 見縫插針 大亂鬥 四 塊 還有 一塊 是 網路 作戰 都 沒 發現 時中 開始 說 真話 受不了 了 林濁水 還 在 另 一 篇 貼 文中 指出 這 真 奇怪 聯 亞 可以 都可 製造 到 8億 劑 了 陳時中 為什麼 說 代工 3億 az 臺灣 沒有 能量 只 願 做 1億 以致於 破 局 然後 現在 疫苗 缺 到 恐怖 陳時中 又 說 有人 不喜歡 這 案子 陳時中 在 訴苦 嗎 如果 是 那麼 為什麼 這個 連 人氣 王陳 時 中都 擋不住</t>
  </si>
  <si>
    <t>新冠肺炎 疫情 未 歇 疫苗 被 視為 推動 解封 的 希望 而 對於 沒有 透過 大中華 地區 代理商 上海 複 星 醫藥 購買 指揮官 陳時中 表示 是 bnt 主動 聯繫 對此 藥師 林士峰 認為 陳時中 要 繞過 大中華 區 總代理 上海 復興 和 德國 原廠 下單 還 是 買 得 到 疫苗 但 此舉 屬於 特殊 需求 通常 要 加價 處理 他 更 忍不住 直言 為了 意識形態 被 加價 陳時中 還 不 被 老闆 電 爆 林 士 峰 今 21 日 在 臉書上 對 商業模式 進行 分析 指出 假如 我們 自己 去 日本 搬 戴森 吸塵器 回國 自用 這 是 零售 的 行為 損 及 國內 代理商 的 利益 如果 買到 了 機 王 通常 不是 搬回 日本 享受 保固 或者 是 加錢 請 國內 的 代理 自費 修理 假如 我們 自己 去 日本 搬 戴森 吸塵器 回國 自用 這個 是 零售 的 行為 這個 損 及 國內 代理商 的 利益 如果 買到 了 機 王 通常 不是 搬回 日本 享受 保固 或者 是 加錢 請 國內 的 代理 自費 修理 接 著 林士峰 表示 陳時中 意圖繞過 大中華 地區 的 代理商 跟 德國 原 廠商 下單 購買 疫苗 這樣 有 可能 會 損 及 上海 複 星 的 利益 而且 這個 不是 自用 自然 屬於 批發 行為 通常 加錢 想 繞過 代理 買 算是 特殊 需求 特殊 需求 通常 需要 加價 處理 而 最後 應該 還 是 買 的 到 不過 林士峰 也 說 可是 時中 部長 如果 您 是 私人企業 的 採購 為了 意識 型態 被 加價 老闆 還 不 電 爆 你 網友 們 也 留言 回應 以後 誰 敢 跟 你 這個 中華民國 談 生意 凡 事 我 想 怎樣 就 怎樣 還 真 以為 taiwan no 1 哈哈 真的 覺得 他 被 推上 神壇 就是 為了 到時 可以 拿 來 背 鍋 專用 的 大家 的 炮火 都 在 轟 他 然後 真正 搞 事 的 另有其 人 大費周章 的 目的 是 省錢 但 我們 呢</t>
  </si>
  <si>
    <t>封 城 又 延長 新加坡 總理 夫人 何晶 臉書 轉 po 一 句 話 網友 看 哭 了</t>
  </si>
  <si>
    <t>新加坡 新冠肺炎 疫情 緊張 22 日 中午 總 確診 人數 破 萬 大關 來到 10141 例 新加坡 總理 李顯龍 宣佈 軟 封 城 令 延長 到 6 月 1 日 除此之外 因為 疫情 關係 從 22 日 開始 關閉 飲料店 甜 點 店 及 點心店 消息 一 出讓 當地人 崩潰 許多 人 紛紛 趕在 店 關門 前 手 刀 沖去 買 最後 一 杯 珍 奶 新加坡 總理 夫人 何晶 先是 在 臉書上 轉 發 了 一則 有關 軟 封 城 令 延長 的 感歎 本來 只 需 再 忍 14 天 變成 還要 多 等 41 天 的 心情 她 再 轉發 蛋糕 店 停 店 的 消息 2 則 壞 消息 令 人 看 了 既 莞 爾 又 想 哭 新加坡 原先 從 4 7 起 到 5 4 實施 為期 28 天 的 阻斷 措施 circuit breaker 類似 封城 總理 李顯龍 21 日 宣佈 將 這項 阻斷 措施 再 延長 一個 月 到 6 1 止 暫時 關閉 更 多 工作 場所 減少 從事 必要 服務行業 人員 外出 進一步 限制 人潮 較 多 地 點 的 人流 除此之外 因為 疫情 關係 從 22 日 開始 關閉 飲料店 甜 點 店 及 點心店 消息 一 出讓 當地人 崩潰 許多 人 紛紛 趕在 店 關門 前 手 刀 沖去 買 最後 一 杯 珍 奶 甚至 還 因為 排隊 人潮 太 多 至少 要 等上 半 小時 的 時間 甚至 疑 似 因為 等 餐 等 太 久 而 爆 肢體衝突 新加坡 總理 夫人 何晶 也 在 臉書上 轉發 別人 寫 了 有 關封 城 令延長 的 感歎 昨天 睡 前 剩 14 天 今天 睡醒 還有 41 天 14 與 41 的 數字 剛好 是 十位數 與 個 位數 顛倒 過來 po 文 者 似乎 帶 點 無奈 許多 網友 看 了 也 回應 我 要 哭 了 太 經典 了 我 喜歡 哈哈哈 會 不 會 我們 得 習慣 了 這樣 的 居家 生活 還 一直 無法 擺脫 昨天 只不過 是 一 場 夢 今天 才是 現實 的 41 天 很快 就 會 又 變成 剩 14 天 的 jiayou 加油 這 也 表達 出 了 民眾 期盼 解 封 的 一 天 快點 到來 不然 大家 待在家裡 都 快 憋 到 瘋 了 何 晶 也 轉發 22 日 起 飲料店 蛋糕 店 甜 點 店 及 點心店 等 須 關閉 的 消息 許多 網友 也 驚呼 回應 有 吃 蛋糕 才能 讓 我 恢復 理智 呀 哭 哭 只好 自己 在家 做 甜 點 了 還有 不少 人 貼出 製作 點心 的 食譜 教學 影片 到底 新加坡人 有 多 熱愛 喝 珍 奶 吃 甜食 何晶 過去 就 常在 臉書上 發文 轉發 珍 奶 的 文章 其中 一 篇 更是 提到 新加坡人 喜愛 珍 奶 到 願意 花 時間 排隊 即使 等 了 半 小時 才 買到 珍 奶 也 不怨 尤</t>
  </si>
  <si>
    <t>3 生肖 人 4 款 疫苗 全打 不到 灌 爆 衛福部 臉書 我們 是 孤兒 嗎</t>
  </si>
  <si>
    <t>一 名 60 多 歲 男子 17 日 打完 az 疫苗 後 竟 出現異常 勃 起 10 個 小時 直到 隔 天 上午 起床 後 才 恢復正常 引發 討論 不過 有 泌 尿 科 醫師 指出 這樣 的 狀況 不見得 和 az 疫苗 有關 而 醫生 漫畫家 阿毛 也 在 臉書用 漫畫 方式 分享 各種 疫苗 的</t>
  </si>
  <si>
    <t>一 名 60 多 歲 男子 17 日 打完 az 疫苗 後 竟 出現異常 勃 起 10 個 小時 直到 隔 天 上午 起床 後 才 恢復正常 引發 討論 不過 有 泌 尿 科 醫師 指出 這樣 的 狀況 不見得 和 az 疫苗 有關 而 醫生 漫畫家 阿毛 也 在 臉書用 漫畫 方式 分享 各種 疫苗 的 鄉野 傳說 其中 bnt 打完 竟 會 讓 人 罩 杯 升 一級 讓 女網友 激動 高喊 我 只 等 bnt 施打 az 疫苗 後 的 常見 副作用 包括 注射 部位 疼痛 疲倦 頭痛 肌肉 痛 等 沒 想到 竟 有 男子 日前 打完 疫苗 後 勃 起 10 個 小時 沖 冷水 也 沒用 只好 掛 急診 就醫 不過 泌 尿 科 程威銘 19 日 在 臉書 表示 這樣 的 狀況 不見得 和 az 疫苗 有關 指出 這個 狀態 稱做 ischemic priapism 缺血性 陰莖 異常 勃 起 若 持續 勃 起 沒有 血流 進入 陰莖 陰莖 會 呈現 缺氧 狀態 超過 4 個 小時 陰莖 組織 就 會 開始 受傷 壞死 未來 陽痿 機會 大 增 不只 az 其他 疫苗 也 傳出各種 奇特 副作用 臉書 醫生 漫畫家 阿毛 用 漫畫 方式 呈現 傳說 中的 副作用 az 男人 性欲 爆 棚 莫德納 變 身 萬 磁 王 bnt 罩 杯 升 一級 不過 他 也 特別強調 每支 疫苗 都 有 鄉野 傳說 有些 很 奇葩 笑笑 就 好 別 信以為真 眾多 網友 看 完笑 翻 回應 這樣 應 該會 有效 提升 是 施打 率 若 打 了 az 的 男性 遇到 打 了 bnt 的 竟然 如此 我 只 等 bnt 謝謝 這 促銷 很 到位 az 副作用 改 成 女生 的話 應該 很多 老公 願意 出 賞金 x 三 劑 混打 超能 偽 娘 的 誕生 就 連臉書 粉 專 雙寶 爸 的 小 宇宙 兒童 感染 科 顏俊宇 醫師 也 現身 回應 我 打 az 我 是 癱軟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疫情 影響 不少 產業 其中 戲院 也 深受 衝擊 不少 大片 紛紛 退 檔 現在 一家 老字型大小 二 輪 戲院 朝代 戲院 今 率先 宣佈 自 5 月 4 日 起 要 暫停營業 3 個 月 朝代 戲院 在 臉書上 貼出 暫停營業 公告 公告 上 指出 因 疫情 影響</t>
  </si>
  <si>
    <t>新冠肺炎 疫情 影響 不少 產業 其中 戲院 也 深受 衝擊 不少 大片 紛紛 退 檔 現在 一家 老字型大小 二 輪 戲院 朝代 戲院 今 率先 宣佈 自 5 月 4 日 起 要 暫停營業 3 個 月 朝代 戲院 在 臉書上 貼出 暫停營業 公告 公告 上 指出 因 疫情 影響 同時 也 為了 大家 的 安全 朝代 戲院 自 5 月 4 日 起 暫停營業 3 個 月 但 會 視 疫情 狀況 調整 並 利用 這 段 期間 進行 裝修 和 設備 提升 待 疫情 趨 緩 會 再 提供 大家 更 優質 的 服務</t>
  </si>
  <si>
    <t>新冠肺炎 疫情 在 郵輪 鑽石 公主 號 上 擴散 所有 乘客 在 船上 隔離 兩 個 禮拜 期滿 後 終於 在 昨 21 日 晚間 由 華航 包機 接回 船上 19 名 檢驗 陰性 的 台籍 遊客 與 1 位 醫生 返台 其中 機場 在 機上 的 溫情 廣播 也 讓 乘客 網友 感動不已 華航 在 臉書 po 出 了 機長 廣播 影片 機長 在 廣播 中 對 乘客 說 這 是 來自 機長 的 廣播 我們 預計 會 持續 飛行 與 全世界 一同 渡過 疫情 請 您 一同 做好 防疫 工作 準備 一同 降落 在 美好 的 明天 華航 小邊 也 在 臉書 表示 we fly we fight we will all be fine 不少 網友 相當 感動 湧入 留言 機長 真 男人 感謝 華航 飛行 人員 真的 辛苦 了 聲音 跟 影片 中的 陽光 一樣 溫暖 有 華航 真好</t>
  </si>
  <si>
    <t>國內 新冠 疫情 持續 延 燒 近日 雖然 本土 確診 數 稍 有 趨 緩 民眾 對於 仍 疫苗 有 迫切 需求 急診 醫師 白永嘉 分享 一 位 中年 男 病 患 出車禍 在 急診 間 吵鬧 對 著 醫護人員 出氣 經過 制止 後 白永嘉 忍不住 形容 該 男子 不受 控 的 行為 超 疫苗 一旁 的 護理 師 馬上 聽 懂 話 中 玄機 新 竹馬 偕 醫院 急診 外科 部 主任 白永嘉 日前 在 臉書 表示 一 位 騎車 自 摔 的 中年男子 在 急診室 內 對 著 護理 師大 小聲 好不容易 制止 後 白永嘉 忍不住 直 呼 他 真的 超 疫苗 身旁 的 護理 師 先是 愣 了 一下 後 便 馬上 明白 他 的 意思 白永嘉 隨後 解釋 目前 疫情 嚴峻 疫苗 每個 人 都想 打 所以 現在 如果 忍不住 想 罵人 就 罵 他 疫苗 吧 白永嘉 表示 自 以為 拿 健 保 卡 繳 掛號費 就是 大爺 的 人 疫情 期間 收斂 一點 別 太 疫苗 喔 此文 一 出 迅速 被 轉 傳 分享 網友 大贊 好 幽默 這 詞 用得 真 貼切 很順 急診室 總是 能 看到 一 堆 奇葩 真的 很 想 扁 他 一 頓 醫生 罵人 怎麼 這麼 委婉 這個 可以 變 流行語 耶 罵 的 好 疫苗 很 欠 打 原本 也 不 懂 意 會後 大笑 臺灣 好多 被 寵壞 的 病人</t>
  </si>
  <si>
    <t>衛福 部長 陳時中 今 拍板 下令 十二月 一 日 起 海外 國人 若無 核酸 檢測 證明 不得 返國 被 外界 指 有 違憲 疑慮 對此 前 立 委 沈富雄 分析 新冠肺炎 疫情 後 得 出 3 個 結論 並 批評 陳時中 是 嚇破 了 膽 只能 一 昧 守成 完全 沒有 應變能力 沈富雄 今 25 日 在 臉書上 表示 這個 病 老 的 不能 得 未 老 的 得了 等於 在 打 疫苗 他 指出 第一 波 疫情 的 慘狀 深深 影響 了 各國 處理 的 態度 及 策略 佛 系 與否 都 有 嚴重 的 失誤 以至於 整整 十 個 月 後 全球 仍 飽受 第 三 波 疫情 之 苦 而 當時 沈富雄 就 斷言 人類 對 這個 病 的 真面目 尚未 認清 尤其 對 病毒 的 習性 及 生態 沒有 完全 瞭解 假以時日 這個 病 會 非常 近似 類 流感 沈富雄 還 結合 美國 的 疫情 進行 分析 並 提出 3 個 結論 一 首 波 疫情 的 猛烈 使 我們 看 錯 了 它 的 真面目 諸多 過當 及 不足 的 政策 導致 不必要 的 封城 及 經濟 的 衰退 付出 了 過 高 的社會 成本 二60 歲 以上 的 老人 應 全面 帶 口罩 及 打 疫苗 今年 這 群 老人 流感疫苗 的 施打 率 僅 49 明年 春天 對 他們 施打 疫苗 是 重中之重 的 防疫 重點 三60 歲 以下 者 是否 帶 口罩 及 打 疫苗 可以 隨意 對 超過 人口 一半 的 此 一 族群 新冠肺炎 雖 非 癬疥 小 疾 但 應以 類 流感 或 流 感化 視 之 得了 等於 老天 在 啟動 herd immunization 只要 老人 顧得好 經濟 活動 應 維持 正常 最後 沈富雄 也 說 陳時中 部長 是 嚇破 了 膽 只能 一 昧 守成 完全 沒有 應變能力 這個 病 老 的 不能 得 未 老 的 得了 等於 在 打 疫苗 今年 二 三月 間 新冠肺炎 在 武漢 爆發 疫情 接 著 在 義 大利 西班牙 大舉 肆虐 因為 這 是 前所未見 的 新 病 醫 界 措手不及 而且 得病 者 集中 在 老年人 所以 我們 目睹 的 是 方 艙 醫院 在 匆忙 中 建立 火葬場 的 煙囪 白煙 日夜 不</t>
  </si>
  <si>
    <t>日前 有 女 大生 打完 az 疫苗 後 連 吞 6 顆 普 拿 疼 仍 止不住 身 爆 痛 引起 許多 人 好奇 詢問 普 拿 疼 一 天 最 多 可以 吃 幾 顆 家 醫科 醫師 許書 華表 示 止痛 退燒藥 的 主要 成分 是 乙醯胺 酚 一般 建議 最 大 日 劑量 不 超過 4000 毫克 並且 在 黃金 1 小時 內 服用 最 有效 過量 恐 造成 肝臟 損傷 甚至 重症 或 死亡 許書華 在 臉書 許書華 醫師 陪 你 寫日記 指出 以 325 毫克 的 普 拿 疼 計算 一 次 1 2 顆 每 4 到 6 小時 服用 一 次 安全日 劑量 為 8 顆 在 24 小時 內 不能 超過 12 顆 3900 毫克 若為 500 毫克 劑量 最 大安 全日 劑量 為 6 顆 在 24 小時 內 別 超過 8 顆 4000 毫克 至於 最高 單位 的 650 毫克 劑量 服用 間隔 需 拉長 到 8 小時 最 大安 全日 劑量 為 4 顆 24 小時 內 不 要 超過 6 顆 3900 毫克 許書華 建議 打 疫苗 後 若 出現 發燒 疼痛 症狀 再 吃 而且 在 黃金 止痛 一 小時 內 適度 服用 正確 劑量 效果 可 達到 8 成 以上 若 拖到 後面 已經 非常 疼痛 或 嚴重 發炎 才 使用 效果 恐 只 剩下 3 成 因此 服用 的 劑量 可能 就 必須 再 增加 許書華 也 提醒 普 拿 能 不應 與 其他 含有 乙醯胺 酚 成分 的 藥品 同時 使用 否則 可能 造成 劑量 過 高 問題 服藥 時 不應 飲酒 或 並 服 含 酒精 飲料 避免 加重 藥品 的 肝 毒性 過量 服用 恐 出現 中毒 症狀 包括 噁 心 嘔吐 食欲不振 右上 腹部 疼痛 嚴重 中毒 時 皮膚 可能 會 變 黃及 感到 倦怠 一定 要 馬上 停藥 盡 速 就醫 並 在 中毒 後 的 8 小時 內 給予 解毒劑 治療 最 有效</t>
  </si>
  <si>
    <t>天主教 靈醫 會 呂 若瑟 神父 日前 發起 募款 活動 盼 救助 新冠肺炎 重災區 的 義 大利 家鄉 短短 6 天 募 得 15億 元 及 相關 醫療 物資 引起 社會 廣大 議論 前 總統 馬英九 今 2 日 臉書 發文 表示 他 赴 宜蘭 探視 呂 神父 向 他 表達 敬意 並 透露</t>
  </si>
  <si>
    <t>天主教 靈醫 會 呂 若瑟 神父 日前 發起 募款 活動 盼 救助 新冠肺炎 重災區 的 義 大利 家鄉 短短 6 天 募 得 15億 元 及 相關 醫療 物資 引起 社會 廣大 議論 前 總統 馬英九 今 2 日 臉書 發文 表示 他 赴 宜蘭 探視 呂 神父 向 他 表達 敬意 並 透露 自己 從小 即 受 天主教 的 照顧 馬英九 在 臉書上 說 小時候 家 住 萬華 常跟著 祖母 到 住家 附近 西園路 天主堂 時 聆聽 神父 講 道 並 領取 奶粉 牛油 麵粉 玉米粉 等 救濟品 可說是 幼年 即 受 天主教 的 照顧 馬英九 指出 臺灣 過去 曾 接受 外援 隨 著 經濟 不斷 發展 現在 已 有能力 幫助 他人 在 國際 人道 援助 上 屢 不 缺席 此次 社會各界 熱烈響應 呂 神父 發起 的 活動 大量 捐款 與 物資 湧入 再次 展現 臺灣 已 由 愛心 輸入國 轉變 為 愛心 輸 出國 也 代表 民眾 對 一生 奉獻 臺灣 神職人員 們 的 深深 感謝 探視 當天 呂 神父 謝謝 臺灣 感謝 天主 當年 把 他 帶 到 這裡 來 馬英九 回應 表示 我們 才 要 說 謝謝 神父 謝謝 你們 到 臺灣 來 臺灣 與 天主教會 的 淵源 可 追溯 至 西元 1626 年 西班牙 道 明 會 士馬 志 烈 bartolome martinez 神父 等 人 在 基隆 和平 島 建立 第一 座 聖堂 如今 天主教 在 臺灣 設立 了 許許多多 的 育幼 安老 身 障 等 社 福 機構 和 醫療 院所 並 深耕 各級 教育 對於 國人 的 醫療 教育 及 社會福利 等 方面 貢獻 良多 馬英九 特別 提到 尤其 是 天主教 神父 及 修女 們 遠離 家鄉 與 親人 由 世界各地 千里迢迢 來到 臺灣 哪裡 貧窮 與 落後 就 到哪去 越是 偏遠 的 地方 越 能 看到 他們 的 身影 他們 日以繼夜 地 為 這塊 土地 上 的 人民 服務 留下 許多 感人事蹟</t>
  </si>
  <si>
    <t>新冠肺炎 確診 病例 在 全台 持續 攀升 而 林口長 庚 紀念 醫院 兒童 一般 醫學科 主治醫師 吳昌騰 在 臉書 分享 了 一個 新加坡 案例 他 坦言 讀 完 他 的 診療 經 過後 一 股 寒意 在 心中 升起 更 形容 新冠肺炎 病毒 是 一個 奸 巧 敵人 吳昌</t>
  </si>
  <si>
    <t>微軟 臉書 等 美 科技 業 合作 打擊 新冠肺炎 不實 資訊</t>
  </si>
  <si>
    <t>高雄市 仁 武 區 爆發 家庭 群 聚 感染 13 人 陸續 確診 由於 指標 個案 曾 在 三峽 恩 主公 醫院 就醫 一度 引爆 高雄 杠 新北 疫 調 不實 個案 被 公佈 足跡 後 位 在 高雄市 新興區 的 西服店 透過 臉書 發表 聲明 揭露 一 段 20 多 年 前 的 往事 充滿 濃</t>
  </si>
  <si>
    <t>鴻 海 與 台積電 宣佈 完成 各 500萬 劑 的 bnt 疫苗 簽約 採購 行政院 發言人 羅秉成 昨 12 日 舉行 記者會 表示 政府 全力支援 捐贈 單位 全力 奉獻 才能 在 完成 這項 重要 的 捐贈 案 對此 臺灣 民意 基金會 董事長 游盈隆 認為 常聽到 政府 官員 說 如何 協助 民間 企業 購買 疫苗 這 件 事 看似 小事 但 卻 透露 出 蔡 政府 相關 官員 自覺 或 不 自覺 的 倨傲 心態 希望 政府 要 有所 警惕 才是 遊 盈 隆 今 13 日 在 臉書 發文 表示 有件事 自己 如鯁在喉 不 吐 不快 那 就 是 蔡 政府 對 鴻 海 永齡 台積電 慈濟 等 民間 企業 基金會 或 宗教團體 主動 出錢出力 對外 洽 購 疫苗 一 事 的 態度 遊 盈 隆 直言 蔡 政府 相關 官員 經常 掛 在 嘴邊 的 話 政府 會 協助 辦理 相關 法律 檔 等 的 話語 聽 久 了 坦白講 很 不 舒服 為什麼 因為 疫苗 嚴重 短缺 本 是 政府 的 施政 缺失 和 民間 企業 基金會 或 宗教團體 無關 當 有 民間 企業 基金會 或 宗教團體 看 情況緊急 紛紛 主動 跳 出來 協助 政府 對外 買 疫苗 時 遊盈隆 認為 政府 感謝 都 來不及 怎麼 可以 主 客 易位 反過來 口口聲聲 協助 鴻 海 協助 台積電 協助 慈濟 彷 佛 忘 了 疫苗 採購 是 政府 的 責任 和 義務 即便 民間 企業 或 團體 對外 洽 購 疫苗 仍 須 政府 同意 授權 和 辦理 相關 法律 檔 但 這不 應 混淆 政府 與 私 部門 的 份 際 遊 盈 隆 稱 大家 很 少或 沒有 聽到 政府 感謝 鴻 海 台積電 的 協助 比較 常聽到 的 是 政府 官員 說 如 何如何 協助 鴻 海 台積電 和 慈濟 這 件 事 表面 上 看 似乎 是 小事 但 卻 透露 出 蔡 政府 相關 官員 自覺 或 不 自覺 的 倨傲 心態 希望 政府 相關 官員 能 有所 警惕 才是</t>
  </si>
  <si>
    <t>新冠肺炎 疫情 持續 肆虐 歐洲 已經 成為 重災區 許多 體育選手 都 遭到 感染 而 在 西班牙 出現 了 第一 位 體壇人士 因為 新冠肺炎 死亡 的 案例 死者 是 在 馬拉加 當地 擔任 教練 的 francisco garcia 當時 除 了 新冠肺炎 之外 他 還 患 有 白血病 根據 美國 espn 報導 才 21 歲 的 francisco garcia 因為 出現 呼吸道 症狀 所以 被 送醫 治療 後來 被 確診 為 新冠肺炎 而 在 過程 中 他 還 被 發現 患有 另外 一 種 不明 疾病 最後 診斷 為 白血病 而 他 在 西班牙 當地 時間 的 周日 過世 他 所 任教 的 球隊 也 在 臉書上 發文 表示 悼念 之 意 atletico portadaalta 足球隊 要 向 francisco garcia 及其 家人 表達 最深 的 哀悼之意 你 總是 在 我們 需要 你 的 時候 挺身而出 雖然 很 艱難 但 我們 仍 會 在 聯賽 中 繼續 為 你 而 戰 而且 永遠 不 會 忘記 你 西班牙 當地 新冠肺炎 疫情 是 越來越 嚴重 至 17 日 上午 確診 人數 已經 到 達 9942 例 已經 快要 突破 一萬 人 大關 且 已經 累計 有 342 人 死亡 當局 雖然 已經 採取 相關 措施 但 疫情 似乎 仍然 停不下來 繼續 發展 而 總理 pedro sanchez 日前 也 表示 會 保護 公民 並 讓 生活 機能 得到 滿足 並 盡可能減少 疫情 大 流行 更 多 ctwant 報導</t>
  </si>
  <si>
    <t>立 委 周春米 26 日 在 臉書 指稱 有 網友 在 網路上 陳述 屏 東 體育館 在 做 大 通鋪 臨時 醫院 她 趕緊 請 助理 到 館內 拍照 澄清 協助 闢謠 屏 東 縣長 潘孟安 也 痛斥 這 是 惡意 假消息 假 得 太 離譜 已經 報請 警 局 全力 偵 辦 並 強調 目前 屏 東</t>
  </si>
  <si>
    <t>立 委 周春米 26 日 在 臉書 指稱 有 網友 在 網路上 陳述 屏 東 體育館 在 做 大 通鋪 臨時 醫院 她 趕緊 請 助理 到 館內 拍照 澄清 協助 闢謠 屏 東 縣長 潘孟安 也 痛斥 這 是 惡意 假消息 假 得 太 離譜 已經 報請 警 局 全力 偵 辦 並 強調 目前 屏 東 無 新冠肺炎 確診 個案 不 需 過度 恐慌</t>
  </si>
  <si>
    <t>新冠肺炎 疫情 延 燒 近期 重要 活動 包括 保生 大帝 媽祖 聖誕 等 大型 宗教 活動 都 已 暫停 為 讓 信 眾 可為 神明 慶 生 及 祈福 民政局 推出 線 上 祈福 活動 與 永和 保福 宮 三峽 紫微 天 後宮 土 城 慈法 禪寺 及 三 重 先 嗇 宮 等 宗教團體 合作 民眾 不用 出 門 就 可 祈願 並 有 機會 獲得 宮廟 各 限量 30 份 祈福 小 物 讓 平安 加倍 民政局長 柯慶忠 表示 宗教團體 提供 心靈 撫慰 是 社會安定 很 重要 的 力量 近期 疫情 嚴峻 許多 宗教團體 回應 市府 政策 捐款 防疫 基金 及 物資 並 取消 或 延 辦 各項 活動 為 讓 信 眾 防疫 也 能 持續 祈福 民政局 特 與 近期 聖誕 的 神明 主 祀 宮廟 聯合推出 線 上 祈福 活動 安住 民眾 身 心 靈 並 仿 電影 寄生 上流 劇情 拍攝 短片 宣 導線 上 祈福 防疫 觀念 呼籲 減少 人潮 群 聚 宗教 科長 賴小萍 表示 新北 宗教 線 上 祈福 搭配 近期 神明 聖誕 分 4 個 波段 邀請 民眾 一起 為 神明 慶 生 只要 至新北 民政 保平安 臉書 留言 寫 出 祈願 就 有 機會 獲得 宮廟 提供 的 限量 祈福 小 物 民政局 也 會 將 民眾 留言 的 心願 送至 宮廟 舉行 法 會上 疏文 祝願 心想事成 吉祥 康泰 其中 第一 波 搭配 保生 大帝 聖誕 4 月 7 日 即日起 至 3 月 25 日 至 民政局 粉 專 留言 民眾 就 有 機會 獲得 保福 宮保生 大帝 平安 禦 守 民間 信奉 保 生 大帝 為 醫 神 亦 有 瘟 醫大 道 公之稱 平安 禦 守 在 身 期 能 去 瘟 除 疫 保佑 大家 身體健康 另外 天上聖母 聖誕 4 月 15 日 釋迦牟尼 佛 聖誕 4 月 30 日 及 神 農 大帝 聖誕 5 月 18 日 也 將 分別 與 臺北 紫微 天 後宮 慈法 禪寺 及 財團法人 新北 市 三 重 區 先 嗇 宮 等 宮廟 合作 分別 送出 三 用 小 掛包 防磁 波 藥師 咒 輪 貼紙 神 農公仔 鑰匙圈 抗 煞 除 疫 符 等 保平安 小 物 歡迎 民眾 留言 求 平安</t>
  </si>
  <si>
    <t>蘇 內閣 防疫 連 在野黨 立 委 在 立法 院 都 多次 稱讚 行政院 副 院長 陳其邁 昨 深夜 在 臉書 表示 今年 1 月底 過年 時 行政院 成立 了 防疫 大 資料 小組 我們 用 智慧 科技 廣泛 地 應用 在 防疫 工作 連 歐美 都 想 取經 陳其邁 說 身 為 一個 醫師</t>
  </si>
  <si>
    <t>國防部 臉書 被 灌 爆 網 觀察 罷 韓有 變數</t>
  </si>
  <si>
    <t>海軍 疫情 感染 擴大 這 讓 網友 不 非常 不能 接受 灌 爆 國防部 臉書 痛 批 國防部 怎 能 在 這時 後 出 這 大包 若 防疫 視同 作戰 國防部 已 陣亡 了 個 有 網友 認為 國防部 處理 新冠肺炎 的 作為 有 可能 成為 罷免 高雄 市長 韓國瑜 的 變數 對</t>
  </si>
  <si>
    <t>國防部 網友 臉書 罷 韓 海軍</t>
  </si>
  <si>
    <t>新冠肺炎 肆虐 歐洲 成為 重災區 總統 蔡英文 日前 宣佈 捐贈 歐美 1000萬 片 口罩 其中 包含 歐洲 700萬 片 我國 駐 德 代表 謝志偉 指出 他 一整天 不斷 接到 國會議員 來 致謝 甚至 也 對 臺灣 被 排除 在世 衛 組織 之外 感到 不能 接受 這些 外界 回 饋 讓 他 感動 直 呼 眼淚 先 不爭氣 地 流 了 下來 謝志偉 今日 晚間 在 臉書 表示 基於 人道 考量 防疫 合作 回 饋 感恩 理念 相同 等 因素 蔡英文 總統 宣佈 向來友 我 的 歐盟 德國 法國 等 災情 較 重 的 國家 共 捐 700萬 個 口罩 後 他 整天 不斷 接到 朋友 國會議員 的 感謝 及 感動 之 意 謝志偉 透露 德國 各 大 電視 媒體 都 報導 甚至 有 跑馬燈 跑 不停 社 群 網站 上 的 留言 除了 感謝 之外 也 對 臺灣 被 排除 在世 衛 之外 感到 無法 接受 感到 憤怒 之外 也 鼓勵 臺灣 別 放棄 對 上述 種種 回 饋 謝志偉 回應 一瞬間 彷 佛 臺灣 人數 十 年 來 忍受 的 委屈 與 奮鬥 的 勇氣 都 被 看到 了 而 我 眼淚 卻 先 不爭氣 地 流 了 下來 我 臺灣 我 驕傲</t>
  </si>
  <si>
    <t>新冠肺炎 的 病毒傳播 力 不容 小覷 各國 全都 繃緊神經 實施 防疫 作為 從 特定 國家 返台 的 國人 需 須 配合 政策 自主 管理 14 天 不過 日前 有 位 媽媽 控訴 她 帶 1 歲 女兒 從 南韓 返台 她們 急 著 要 打 疫苗 卻 遭 3 家 醫院 拒絕 讓 這 名 媽媽 控訴 小孩 淪為 醫療 人 球 對此 婦產科 名醫 蘇怡寧 在 臉書上 怒 轟 是 在 急 個 屁 表示 疫苗 要 打 但 時間 很 重要 他 表示 醫院 很 應該 要 直接 叫 她 滾 啊 新冠肺炎 疫情 在 韓國 迅速 延 燒 中央 流行 疫情 中心 2 25 將 韓國 旅遊 疫情 建議 提升 為 第 三級 警告 warning 2 27 日 零 時 以前 返台 者 均 須 作 自主 健康 管理 14 天 2 27零 時 以後 返台 者 則 全部 須 配合 居家 檢疫 14 天 蘇怡寧 在 臉書 粉 專 蘇怡甯 醫師 愛 碎 念 上 分享 他 見 新聞報導 指出 一 名 媽媽 2 25 從 南韓 返台 目的 是 想要 替 女兒 施打 疫苗 但 先後 遭 安南 醫院 奇美醫院和成 大 醫院 拒絕 這 使得 這 名 媽媽 認為 被 當 醫療 人 球 蘇怡寧 發表 看法 表示 看到 這 則 新聞 火氣 都 來 了 全台 醫院 都 在 繃緊神經 防疫 現在 卻 見到 這種 情況 這 讓 他 痛 批 這 名 媽媽 你 煩 不煩 打 疫苗 本來 就 沒有 急迫性 x 這 很 難懂 嗎 蘇怡寧 認為 這 名 媽媽 本身 在 自主 健康 管理 期間 再 加上 從 有 特殊 疫情 的 地區 回來 醫院 為了 保護 全體 國人 的 權益 而 暫時 延緩 對 其 女兒 施打 疫苗 因此 他 想 怒 問 這 名 媽媽 這 有 什麼 問題 嗎 你是 在 抱怨 個 什麼 什麼 叫 醫療 人 球 蘇怡寧 指出 上述 2 人 目前 仍 在 自主 健康 管理 期間 還是 從 特殊 疫情 地區 返台 若 女兒 打完 疫苗 之後 出現 發燒 的 狀況 屆時 必須 動用 許多 人力 才能 診斷 是 因為 打 疫苗 引起 的 發燒 還 是 因為 新冠肺炎 才 發燒 等 哪 天 得到 新冠肺炎 沒有 醫院 願意 收治 才 叫 醫療 人 球 蘇怡寧 更 怒斥 這 名 媽媽 你 說 你 之前 有點 延誤 施打 怕 拖 太 久 那是 你家 的 事 你 急 著 之後 要 回大 邱 那也 是 你家 的 事 沒有 其他人 需要 為 此 負責 只有 作為 父母 的 你自己 才 需要 負責 最後 蘇怡寧 提到 目前 屬於 特殊 時刻 非必要 醫療 需求 請勿 至 醫院 保護 自己 也 保護 了 別人 疫苗 當然 建議 要 打 但 你是 在 急 個 屁 po 文 一 曝光 後 也 引起 許多 網友 熱 議</t>
  </si>
  <si>
    <t>已 把 事業 生活 重心 轉 往 大陸 的 資深 藝人 黃安 常在 微博 評論 兩岸 時事 日前 他 回台 過年 卻 因 新冠肺炎 疫情 回不去 只 能 繼續 待 在 臺灣 的 他 不僅 上街 跟 民眾 排隊 買 口罩 並 持續 在 微博 發文 更 因 港臺 還 稱 新冠肺炎 為 武漢肺炎 痛 批 民族敗類 對此 法醫 高大成 首 訪 時也 酸 爆 他 前進 新 臺灣 在 臉書 粉絲 頁 貼出 一 段 專訪 高大成 片段 當 他 被 問到 黃安 還 在 臺灣 時 他 直言 對方 根本 不敢 回大陸 根本 把 臺灣 當 堡壘 保護 他 自己 因為 他 明 知道 去 會 被 感染 酸 他 怎麼 不 回 自己 祖國 並 催促 他 快回去 才 比較 安心 其實 黃安 之前 遭 陸 網友 質疑 有 瘟疫 就 跑 回 臺灣 他 也 歎氣 回應 是 春運 回家 過年 結果 就 回不去 了 明白 嗎 我 的 粉絲 都 不 會 像 你 這麼 理解 謝謝 但 不久 後 刪 文 後 他 又 分享 有人 批評 他 黃安 這麼 愛國 的 藝人 幹 嘛 不 捐款 結果 被 他 拉 黑 15 日 更公開 一 串 酸 民 黑名單 貼出 往生咒 反擊</t>
  </si>
  <si>
    <t>2019 年 起 全球 新冠肺炎 covid-19 疫情 延 燒 現 先進 國家 已 廣泛 接種 新冠 疫苗 臺灣 上 一 年 相安無事 不料 近 月 臺灣 疫情 開始 延 燒 對此 台中 市 大裡 區 立 仁裡 長 鄭伯其 1 日 在 臉書 發文 呼籲 不怕 政府 查 水錶 的 來 發動 請 認同 的</t>
  </si>
  <si>
    <t>中國 大陸 新冠肺炎 俗稱 武漢肺炎 全球 疫情 遲遲 未 獲得 有效 控制 全球 多國 的 經濟 與 日常生活 都 受到 影響 就 連 臺灣 國內 學生 開學 因此 破天荒 延期 不少 在外 求學 必須 租 屋 的 學生 也 受到 這項 變數 影響 房市 部落 客 sway 昨天 18 日 就 在 臉書 發文 指出 1 國內 房東 面臨 最後 逃命 波 還 列出 6 大 最 受 這 波 疫情 影響 的 房型 要 企圖 想 拗 到 開學 前 最後 一刻 租 屋 的 學生 此時 用力 砍價 吧 sway 在 臉書 粉 專 sway 房市 觀測站 發文 提到 現在 受到 疫情 影響 以及 大學 開學 在即 影響 此刻 是 房東 的 最後 逃命 波 再租 不 出去 就 又 得空 半 年 一 年 他 提到 雖然 今年 寒假 意外 因為 新冠肺炎 疫情 延長 但 下 周 即將 開學 學生 該 租 屋 的 都 已經 差不多 都租 了 他 提到 想 拗 到 開學 前 最後 一刻 才租 屋 的 學生 此時 用力 砍價 吧 sway 也 列出 6 大 最 容易 受到 這 波 新冠肺炎 疫情 影響 的 租 屋 房型 1 沒有 開 對外 窗 想到 那些 郵輪 的 感染 途徑 就 害怕 沒開 對外 窗 只 開 對內 窗 的 價格 不是 向下 殺 就是 滯銷 萬一 引發 社區 感染 租 在 這種 房型 的 只 有 等 死 還有 只能 面壁 等 死 所以 不 租 也罷 2 日 租 套房 被 質疑 沒有 管理 來 路 的 日 租 套房 會 被 質疑 你 誰 都 收來 租 少 了 櫃檯 登記 日後 萬一 出事 還有 得 追究 的 機會 而 管理 不足 也 會 少 了 很多 安心 感 比如 你會 質疑 他 是否 時時 消毒 3 三 房改 套房 易 被 嫌 雖然 也 屬 套房 但 室友 無法 管控 他 從何而來 是否 乖 戴 口罩 或有 無 中 港澳 等 旅遊 史 目前 獨立 套房 會 比較 安心 些 4 有 管理 的 大樓 比 公寓 好 有 沒有 規定 要 戴 口罩 或是 有 專人 消毒 感覺 就 會 比較 安心 些 而 公寓 都是各 過 各 的 沒有 消毒 或 管理 這 回事 萬一 有人 去 了 中 港澳 他 有 沒有 自主 管理 也 沒人 知道 會扣 些 分 而 管理 嚴謹 的 大樓 就 多 了 一些 安心 感 5 沒 管理 的 大樓 或 華廈 最慘 沒 管理 的 大樓 比較 便宜 又 有 電梯 好 搭 但是 想到 那麼 多 人 進出 也 沒有 專人 一直 清潔 消毒 一大 堆 住戶 進進出出 也 不 知 毒 還是 不 毒 6 空姐 機長 台商 陸客 鄰居 這裡 沒有 歧視 只有 多 一 份 擔憂 如果 你 的 鄰居 是 這些 人 他們 當然 會 擔心 自己 的 安危 而 保護 好 自己 但 你 更 會 擔心 他們 染病 的 機 率 以前 的 幻想 現在 成為 擔憂 更 多 ctwant 報導</t>
  </si>
  <si>
    <t>以 核 養 綠 公 投 發起人 黃士 修 今 14 日 日 於臉書 表示 行政院長 蘇貞昌 的 口罩 禁 出口 政策 引起 民眾 需求 心理 暴 增 進而 造成 口罩 之 亂 統購統銷 政策 全面 管制 更是 一系列 違反 經濟學 邏輯 的 決策 以下 節自 黃士 修臉書 1 月 27</t>
  </si>
  <si>
    <t>以 核 養 綠 公 投 發起人 黃士 修 今 14 日 日 於臉書 表示 行政院長 蘇貞昌 的 口罩 禁 出口 政策 引起 民眾 需求 心理 暴 增 進而 造成 口罩 之 亂 統購統銷 政策 全面 管制 更是 一系列 違反 經濟學 邏輯 的 決策 以下 節自 黃士 修臉書 1 月 27 日 經濟部長 沈榮津 表示 1 月 30 日後 每日 產能 高達 390萬 片 2 月 2 日 經濟部 表示 週末 口罩 生產量 較 少 因為 勞工 朋友 週末 需要 陸續 休假 對 經濟學 敏銳 的 人 就 應該 已經 發現 這 句 話 代表 生產 口罩 對 廠商 並 不是 真正 急迫 的 事項 根據 當天 經濟部 的 說法 2 月 1 日 口罩 徵收 267萬 片 其中 72萬 片 防疫 195萬 片 販 售 2 月 2 日 徵收 189萬 片 其中 58萬 片 防疫 131萬 片 販 售 2 月 5 日 北部 某 醫院 口罩 庫存 不足 衛福部 緊急 澄清 卻 意外 透露 過去 六 天 中 僅 撥 發 255萬 片 給 醫療 院所 平均 每日 425萬 片 與 原本 說好 的 140萬 片有 巨 量 落差 2 月 6 日 口罩 實 名 制 上路 衛福 部長 陳時中 表示 每日 僅 有 160萬 片 配送 到 通路 與 原本 宣稱 的 260萬 片 兜 不 起來 中間 差額 100萬 片 沒有 人 知道 到 哪裡 去 至今 各地 醫療 院所 仍然 傳出 口罩 不夠 用 的 慘 況 2 月 13 日 媒體 爆出 全國 80 家 口罩 廠商 僅 29 家 被 徵用 剩下 的 51 家 官員 希望 業者 暫時 不 要 販賣 等待 政府 徵收 然而 政府 每 片 口罩 賣 8 元 沒事 合法 工廠 100 片 賣 500 元 給 街坊鄰居 叫做 哄抬 物價 並 被 帶 到 調查局 偵 訊 晚間 經濟部 緊急 改口 之前 是 分 階段 徵用 先 徵收 一部分 需求量 已 足夠 過去 因為 人力 受限 經濟部 採取 分 階段 徵用 但是 在 一 天 之內 突然 有 人力 清查 剩下 所有 廠商 徵用 書 現 已 發出 有 證 有 生產 的 工廠 全面 徵用 然而 經濟部 辯稱 原先 徵用 的 29 家 廠商 已 占 產量 國內 8 成 反過來說 剩下 51 家 廠商 產量 占 2成 8 成是 400萬 片 2 成就 是 100萬 片 但 別 忘記 全國 醫護人員 每日 需求 是 80萬 片 民眾 急 廠商 急 政府 不急 直接 放棄 2 成 產能 投資 2億 元 採購 機台 強制 特定 業者 擴產 這 叫做 臺灣 特色 社會主義 過去 半 個 月 來 每日 200萬 片 口罩 不 知 所 蹤 合計 就 是 3000萬 片 的 缺口 因為 政客 們 搞 黑 箱 上下其手 一般 民眾 排隊 買不到 醫護人員 苦 等 發配 長 時間 暴露 在 被 感染 的 風險 之中 諷刺 的 是 同一天 中國 大陸 正好 有 則 新聞報導 6 毛 進價 口罩 賣 1 元 被 罰 被 對岸 網友 罵 到 湖北省 洪湖市 重 啟 調查 紀檢 部門 也 介入 調查 是否 存在 執法人員 違紀 等 情況 我 都 不 知道 哪 一邊 才 是 共產主義 專制 國家</t>
  </si>
  <si>
    <t>英國 媒體 bbc 在 週四 26 日 報導 英國 籍 女子 娜塔莉 道森 natalie dawson 及 她 男友 在 臺灣 隔離 14 天 期間 猶如 監禁 提供 的 住宿 及 飲食 都 非常 基本 不實 的 指控 讓 臺灣 網友 氣炸 留言 灌 爆 bbc 的 臉書 貼 文 外交部 也 向 bbc 澄清 情侶</t>
  </si>
  <si>
    <t>英國 媒體 bbc 在 週四 26 日 報導 英國 籍 女子 娜塔莉 道森 natalie dawson 及 她 男友 在 臺灣 隔離 14 天 期間 猶如 監禁 提供 的 住宿 及 飲食 都 非常 基本 不實 的 指控 讓 臺灣 網友 氣炸 留言 灌 爆 bbc 的 臉書 貼 文 外交部 也 向 bbc 澄清 情侶 指控 並非 事實 事後 bbc 刪除 了 臉書上 的 貼 文 在 文章 中 新增 了 臺灣 外交部 的 說法 但 標題 仍未 修改 根據 bbc 的 報導 28 歲 的 英籍 女子 道森 和 男友 皮克斯雷 rohan pixley 於 3 月 13 日 飛 離 英國 預計 在 台 旅遊 數日 後 在 飛往 澳洲 參加 友人 婚禮 當 他們 14 日 抵達 臺灣 時 疫情 已 相當嚴重 他們 取消 了 澳洲 的 行程 在 台 停留 了 四 天 18 號 欲 返回 英國 時 被 告知 不能 離境 隨即 被 送 上 救護車 載往 隔離 檢疫所 只 提供 基本 伙食 和 如同 監獄 般的 住宿 每日 三 餐 品質 低落 分量 稀少 房間 髒 臭 沒有 地方 洗衣服 對於此 指控 外交部 向 bbc 澄清 他們 可以 選擇 繼續 住 在 飯店 內 隔離 但 他們 負擔 不 起 多 出來 的 住宿 費用 所以 同意 搬 到 檢疫所 檢疫所 的 舒適度 自然 不如 飯店 但 也 不是 監獄 般的 品質 檢疫所 為 他們 的 安排 的 隔離 房 一 開始 是 有 獨立 洗衣 間 的 但是 熱水器 有些 故障 所以 將 他們 移 至 另 一 間 房間 而且 女子 一 提出 有 洗衣 的 問題 時 工作人員 立即 幫 他 安排 住 到 高級 的 房間內 外交部 表示 整個 過程 都 盡力 協助 該 名 女子 完成 隔離 檢疫 的 過程 唯一 無法 滿足 他們 的 是 無法 讓 她 及 男友 同 處 同一 間 房間 因為 那 有違 檢疫所 的 原則 bbc 僅 在 文章 中 新增 了 臺灣 外交部 的 說法 但 標題 仍未 修改 不過 bbc 在 臉書上 的 貼 文已 刪除</t>
  </si>
  <si>
    <t>名模 黃百璐 2011 年 閃 嫁 德 籍 老公 孔友瀚 johann 便 搬 到 德國 柏林 居住 兩 人 婚後 9 年 育 有 1 對 子女 不過 近來 卻 在 臉書 透露 在 前年 已 與 老公 分居 但 礙於 疫情 只 能帶 著 孩子 留在 柏林 無法 返回 臺灣 讓 她 發文 感歎 超想 回台</t>
  </si>
  <si>
    <t>名模 黃百璐 2011 年 閃 嫁 德 籍 老公 孔友瀚 johann 便 搬 到 德國 柏林 居住 兩 人 婚後 9 年 育 有 1 對 子女 不過 近來 卻 在 臉書 透露 在 前年 已 與 老公 分居 但 礙於 疫情 只 能帶 著 孩子 留在 柏林 無法 返回 臺灣 讓 她 發文 感歎 超想 回 臺灣 取暖 黃百璐 日前 在 臉書 透露 前年 底 和 德 籍 老公 分居 主要 是 他 忙碌 到 無法 兼顧 家庭 和 事業 在 幾 經 考量 下 達成 分居 協定 坦言 這個 決定 對 兩 人 來說 都 很 痛苦 原本 想 帶 著 兒子 返回 臺灣 畢竟 3 歲 多 的 兒子 從未 看 過 自己 的 故鄉 但 礙於 新冠肺炎 肆虐 全球 若 帶 著 小孩 隔離 光 想像 就 知道 有 多 艱難 因此 幾 經 思考 之後 決定 還 是 先 留在 德國 往後 再 看 狀況 決定 下 一 步 的 方向 黃百 璐 坦言 留在 德國 此 決定 相當 艱難 但 礙於 小孩 還 年幼 不得不 這樣 做 也 道出 內心話 雖然 超想 回 臺灣 取 個 暖 見見 老朋友 但 人生 啊 短短一 句 話 道出 被迫 屈就 現實 的 無奈 分居 消息 曝光 後 粉絲 也 紛紛 湧入 留言 給予 安慰 黃百 璐 除了 感謝 大家 關切 並 表示 昨天 報告 完 之後 就 睡 得 很 好 能到 公開 跟 大家 報告 就是 心情 已經 到 了 下 一個 階段 差不多 可以 開始 療 愈 了 接 著 強調 希望 今年 可以 臺灣 見 感恩 大家 所有 的 訊息 和 關心 我 不 孤單</t>
  </si>
  <si>
    <t>新冠肺炎 疫情 延 燒 政府 推出 口罩 實 名 制 後 藥局 仍 可見 許多 排隊 人潮 作家 苦 苓 日前 點出 現在 還 在 排隊 買 口罩 的 應該 只 有 四 種 人 引來 許多 議論 對此 挺 韓五 虎將 之一 的 杏仁 哥 直言 有時候 他 常在 想 這些 只 會 挖苦 人 的 渣子 什麼 時候 會 得到 報應 呢 引來 許多 網友 感歎 表示 口德 真的 很 重要 不是 不報 時間 未 到 造 口 業者 自做自受 苦 苓 日前 表示 現在 還 在 路上 排隊 買 口罩 應該 只 有 四 種 人 包括 一 年紀 不大 卻 不長進 不 去 學網 購 口罩 的 人 二 年紀 大 但是 子女 不孝 不來 幫 他們 網 購 代領 口罩 的 人 三 年紀 大 用 不 到 那麼 多 口罩 卻 非要 買來 放 著 才 安心 的 人 以及 閑 著 沒事 就是 想 出來 排排隊 看看 人 的 人 該 文章 引來 許多 議論 杏仁 哥 則 在 臉書 表示 有時候 他 常在 想 這些 只 會 挖苦 人 的 渣子 什麼 時候 會 得到 報應 呢 網友 也 紛紛表示 口德 真的 很 重要不是 不報 時間 未 到 造 口 業者 自做自受 相 由 心生 沒有 慈悲心 沒有 苦 民 所 苦 悲天憫人 之 心 早晚 遭 天 譴 只 會 刷 存在 感 沒有 一 句 好聽 的 話 有 同感 終 會 有 報應 口 無 遮攔 沒有 同 理 心 沒有 道德 心 沒有 善心 他 這人 不 值得 大家 浪費 精神 去 說 他 沒有 水準 亂 批評 的 人 臺灣 最 不 缺 的 就 是 嘴 臭 的 人 這個 人 管太多 了 真丟臉</t>
  </si>
  <si>
    <t>同為 防疫 前線 不 舍 醫護 確診 還 遭 酸 諷 海巡 臉書 力 挺 網友 灌 爆 送暖</t>
  </si>
  <si>
    <t>新冠肺炎 醫護人員 海巡 署長 室 臉書 北部 某 醫院</t>
  </si>
  <si>
    <t>去年 以 簽約 金 75萬 美元 加盟 紅 襪 隊 的 火球 男 劉致榮 今 24 日 在 臉書報 平安 表示 他 已 抵達 位於 佛羅里達州 的 春 訓 基地 麥爾茲 堡 fort myers 由於 球 團 對 新冠肺炎 的 防疫 態度 十分 慎重 劉致榮 先 被 要求 隔離 1 周 以 策 安</t>
  </si>
  <si>
    <t>去年 以 簽約 金 75萬 美元 加盟 紅 襪 隊 的 火球 男 劉致榮 今 24 日 在 臉書報 平安 表示 他 已 抵達 位於 佛羅里達州 的 春 訓 基地 麥爾茲 堡 fort myers 由於 球 團 對 新冠肺炎 的 防疫 態度 十分 慎重 劉致榮 先 被 要求 隔離 1 周 以策安全 劉致榮 在 臉書 粉絲 專 頁 寫 著 今天 來 報平安 他 是 在 上 週四 中午 從 臺灣 出發 經過 超過 24 小時 的 二 次 轉機 及 飛行 終於 被 球 團 派車 給 接進 佛州 春 訓 基地 fort myers 由於 球隊 對於 新冠肺炎 疫情 的 謹慎 態度 他 先 被 安排 1 周 的 單獨 隔離 居住 每天 對 著 風光明媚 的 佛羅里達 三 餐 都 叫 外 送 食物 他 還 形容 早餐 簡單 到 不行 對於 目前 的 飲食 劉致榮 說 還好 球隊 有 給 餐費 可以 自己 選 餐 而 佛州 天氣 很 好 隔離 期間 除了 可 在 室內 做 徒手 重量 訓練 也 可以 到處跑 步 而且 所謂 隔離 也 不是 寸步難行 球隊 允許 他 順便 到處 看看 當然 還有 許多 時間 可 以 上網 觀看 球隊 給 的 資訊 翻翻 書 灌籃高手 他 還 打趣 說 這 是 在 享受 孤獨 最後 劉致榮 強調 球 團 要 他 練習 英文版 的 簽名 這 也 是 職業 選手 必須 具備 的 為了 保持 體能 他 趕緊 出門 跑步 且 不 忘 說 願 大家 一切 平安 願 臺灣 一切 安好 還 自我解嘲 出境 被 隔離 的 第一 人 嗎 哈哈哈</t>
  </si>
  <si>
    <t>堵住 疫情 漏洞 防疫 車隊 上路 交通部長 林佳龍 2 日 於臉書 宣佈 目前 陸 港 澳 韓 義 伊朗 等 國家 入境 旅客 都 需要 居家 檢疫 14 天 從 機場 入境 後 就 不能 搭乘 客運 軌道 運輸 等 大眾 運輸工具 長 程 旅客 如何 返家 才 不 會 形成 防疫 漏洞 就 是 非常 重要 的 課題 教 部 小 編 反串 國師教 防疫 瀏海 遭 本 尊 抓 包 受 新冠肺炎 疫情 影響 部分 學校 延到 3 月 才 開學 有 網友 發現 臉書上 有 一個 狀 似 星座 專家 唐綺陽 的 身影 在 分析 12 星座 開學 運 勢 仔細 一 看 才 發現 竟然 是 教育部 小 編 也 在 官方 臉書上 反串 星座 國 師 並 認真 製作 12 星座 防疫 相關 要點 沒 想到 竟 釣 出 本 尊 唐綺陽 在 底下 留言 我 有 瀏海 但 仍 忍不住 大贊 太 有才 連虧 13 年 bossini 要 關台 51 家 分店 香港 上市 服裝 零售 連鎖 公司 bossini 堡 獅 龍 宣佈 由於 臺灣 消費市場 疲弱 不振 臺灣 業務 自 2005 2006年 會計年度 起 一直 處於 虧損 狀態 該 公司 董事局 決議 退出 臺灣 市場 目標 在 今年 7 月底 關閉 當地 51 家 分店 明 全台 有 雨 氣象 局 曝 最低溫 時間 點 今天 短暫 回暖 之後 氣象 局 預報員 王品翔 說 明天 到 週五 清晨 3 4 3 6 東北 季風 影響 北部 東北部 降溫 濕 冷 全台 都 有 出現 短暫 雨 的 機 率 這 波 冷空氣 低溫 預估 西 半 部 約 14 到 17 度 竹苗 平地 近 山區 有 機會 下 探 13 度 最冷 時間 點 落 在 週五 清晨</t>
  </si>
  <si>
    <t>新冠肺炎 持續 肆虐 全球 也 打破 臺灣 長達 1 年 多 的 平靜 日常 掀起 本土 確診 潮 醫療 量 能 因此 吃緊 所幸 民間 也 以 各自 的 方式 努力 送 上 後援 女星 賈永婕 就 向 各界 親友 募款 買 救命 神 器 捐 給 全台 醫院 還 天天 親自 送 便當 如今 雖 暫停 送 愛心 便當 但 賈永婕 又 出動 了 讓 眾人 看 了 感動 到 不行 直 呼 你 真是 把 全身 都 奉獻 出來 了 一直 形象 正向 且 相當 熱心 公益 的 賈永婕 在 這 回 臺灣 本土 疫情 嚴峻 之際 第一時間 低調 伸出 援手 不但 自掏腰包 還 動用 廣大 人 脈 號召 演藝圈 商業界 親友 行善 募捐 上百 台 救命 神 器 hfnc 及 動力 濾 淨 式 呼吸 防護 具 papr 日前 又 爭取 到 生產 hfnc 的 紐西蘭 總公司 再 捐 450萬 耗材 給 臺灣 讓 很多 長輩 親友 都 勸 她 差不多 了 可以 休息 了 但 賈永婕 仍 跟 家人 一同 盡心盡力 持續 奔走 著 前天 賈永婕 考量 臺灣 疫情 微 解封 加上 大 女兒 安安 出國 將出國 念書 要 準備 的 事情 還 很多 因此 宣佈 每天 送 一百 個 愛心 便當 的 活動 暫時 告一段落 結果 昨天 7 15 賈永婕 又 po 文 透露 沒 送 便當 也 沒 閑 著 她 沖去 捐 血 賈永婕 在 臉書 寫下 熱血 少女 捐 血 中 血庫 缺血 喔 我 下午 4 00 到 26 號 還 貼心 叮嚀 大家 打完 az 疫苗 後 不 要 急 著 捐 要 等 兩 周 才能 來 捐 血 她 的 暖 舉 讓 眾人 超 驚訝 感動 直 呼 女神 內心 充滿 了 愛 血液 一定 超級 純 熱血 美 少女 戰士 是 大家 的 楷模 不禁 讚歎 你 真是 把 全身 都 奉獻 出來 了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臺灣 火鍋 吃到 飽 始祖 可 利亞 走過 52 年 全盛時期 全台 高 達 42 家 分店 但 不 敵 日新月異 的 飲食習慣 及 後起之秀 競逐 目前 只 剩 3 家 今 4 日 業者 宣佈 因 新冠肺炎 疫情 影響 高雄 和平 店 業績 暴跌 6 成 決定 在 5 月底 吹 熄燈號 也 讓 老 高雄人 不 舍直 呼 又 是 時代 的 眼淚 可 利亞 曾經 稱霸一方 民國 58 年 以 石頭火鍋 起家 後來 開發 火烤 兩 吃 風靡 全台 餐飲業 加上 民國 81 年 又 開創 自 火鍋 自助 吃到 飽 刮起 臺灣 吃到 飽 風潮 可 利亞 總經理 今 在 臉書 公告 指出 全盛時期 在 臺灣 有 超過 40 間 直 營 店 可惜 現在 很多 年輕人 可能 已經 不 認識 她 了 尤其 這 幾 年 品牌 的 老化 世代 觀念 的 落差 管理 思維 的 轉變 等等 都 使得 轉型 之路 異常 艱辛 我 真 的 不 願意 讓 可 利亞 就 這麼 消失 她 不 只 是 大家 的 記憶 也 是 我 一生 中 最 精彩 的 時光 可 利亞 總經理 提到 因 新冠肺炎 疫情 影響無法 負擔沉重 管理費用 可 利亞 和平 店 只能 暫時 陪 各位 到 5 月 31 日 希望 這次 別離 不 會 是 最後 的 道別 未來 能 以 嶄新 的 面貌 再次 與 大家 見面 事實上 可 利亞 左營 博愛 分店 經營 13 年 之久 但 業者 去年 公告 因 租約 到期 在 2019 年 2 月 28 日 結束 營業 也 讓 許多 顧客 為 之 不 舍 這次 和平 店 結束 營業 後 高雄 版圖 只 剩 可 利亞 無 煙火 燒肉 日式 涮涮鍋 楠梓 右 昌店 但 與 臺北 可 利亞 石頭火鍋 koriya 分屬 不同 經營者</t>
  </si>
  <si>
    <t>新冠肺炎 疫情 攀升 行政院長 蘇貞昌 在 臉書 表示 為了 合作 對抗 新冠肺炎 今天 早上 外交部 ministry of foreign affairs roc taiwan 與 美國在台協會 ait 共同 發出 台 美 防疫 夥伴關係 聯合 聲明 未來 兩 國將 攜手 合</t>
  </si>
  <si>
    <t>新冠肺炎 疫情 攀升 行政院長 蘇貞昌 在 臉書 表示 為了 合作 對抗 新冠肺炎 今天 早上 外交部 ministry of foreign affairs roc taiwan 與 美國在台協會 ait 共同 發出 台 美 防疫 夥伴關係 聯合 聲明 未來 兩 國將 攜手 合作 防疫 蘇揆 說 除了 防疫 醫療 物資 和 設備 互通有無 兩 國 的 專家 將 會 攜手 合作 共同 研究 生產 快 篩 疫苗 藥物 致力 讓 兩 國 的 人民 都能 獲得 最好 的 醫療 保護 蘇揆文 中 還 說 a friend in need is a friend indeed 這 就 是 患難見真情 未來 在 對抗 疫情 的 路上 臺灣 不會 孤單 臺灣 可以 幫忙 新冠肺炎 行政院 蘇貞昌 台美 防疫 夥伴關係 聯合 聲明 台南 大學 成大 南部 國立 大學 居家 檢疫 衛福部</t>
  </si>
  <si>
    <t>首 波 疫苗 混打 今 正式 開 打 共有 183萬 人 完成 預約 其中 選擇 莫德納 疫苗 者 占多數 有 124萬 人 選 bnt 者 僅 6萬 人 左右 不過 台大 混打 研究 顯示 初步 看起來 az 混打 莫德納 疫苗 的 保護 力 較佳 但 相對 的 副作用 的 發生率 與 嚴重 程度 也 會 較 強 對此 中 時 新聞網 也 整理 出 接種 疫苗 常見 的 6 個 問題 供 民眾 參考 一 打 疫苗 前 需要 準備 什麼 家 醫科 醫師 陳欣湄 在 節目 健康 20 中 建議 打 疫苗 必備 的 3 大 法寶 為 水 體溫計 以及 消炎 退燒藥 另 在 打 疫苗 前 不 需 先 服藥 等 打完 有 相關 症狀 再 吃 即可 二 接種 疫苗 前後 注意事項 家 醫科 醫師 陳欣湄 提醒 打 疫苗 前 3 天 儘量避免 吃 炸 物 蛋糕 和 餅乾 等 精緻 澱粉 因為 這類 食物 恐 讓 身體 發炎 反應 加劇 打完 疫苗 後 可能 會 比較 不 舒服 另 臺北 慈濟 醫院 兒科 部 醫師 沈君毅 則 提醒 疫苗 接種 前後 維持 規律 作息 避免 劇烈運動 將 打 疫苗 當作 生活 一部分 別 太緊張 三 一般 成人 每天 可 吃 多少 普 拿 疼 家 醫科 醫師 許書華 曾 在 臉書 分享 止痛 退燒藥 的 主要 成分 是 乙醯胺 酚 一般 成人 最 大 日 劑量 建議 不 超過 4千 毫克 過量 恐 造成 肝臟 損傷 甚至 重症 或 死亡 四 混打 疫苗 後 的 注意事項 有 哪些 國外 研究 與 台大 研究 都 顯示 混打 疫苗 的 副作用 會 比 兩劑 打 同 款 疫苗 還要 更 強 因此 提醒 民眾 打完 疫苗 後 務必 在 現場 觀察 30 分鐘 確認 無 不良反應 再 返家 另 返家 後 若 身體 非常 不 舒服 且 症狀 持續 未 減緩 建議 可以 盡 速 就醫 五 接種 bnt 後 常見 的 副作用 為何 成年人 打 bnt 常見 的 副作用 為 注射 部位 疼痛 841 疲倦 629 頭痛 551 肌肉 痛 383 畏 寒 319 關節 痛 236 以及 發燒 142 但 症狀 多 在 數 天內 會 消失 極 罕見 的 心肌炎 與 心包 膜 炎 較 常 發生 在 第二 劑 六 打完 莫德納 後 的 副作用有 哪些 莫德納 常見 副作用 為 注射 部位 疼痛 92 疲倦 70 頭痛 647 肌肉 痛 615 關節 痛 464 畏 寒 454 與 發燒 155 極 罕見 的 心肌炎 與 心包 膜 炎 較 常 發生 在 第二 劑 或 年輕 男性 身上 打完 若 持續性 胸 痛 呼吸 急促 或 心悸 請 就醫</t>
  </si>
  <si>
    <t>第二 批 武漢 包機 遲遲 無法 成行 蔡英文 總統 今天 表示 我們 第二 批 的 作業 早就 已經 完成 接 機 的 班機 隨時 可以 出發 希望 在 我們 已經 完全 準備 好 的 情況 下 中國政府 可以 配合 讓 武漢 的 臺灣人 可以 早日 返台 蔡英文 今晚 在 臉書</t>
  </si>
  <si>
    <t>第二 批 武漢 包機 遲遲 無法 成行 蔡英文 總統 今天 表示 我們 第二 批 的 作業 早就 已經 完成 接 機 的 班機 隨時 可以 出發 希望 在 我們 已經 完全 準備 好 的 情況 下 中國政府 可以 配合 讓 武漢 的 臺灣人 可以 早日 返台 蔡英文 今晚 在 臉書 表示 今天 她 到 國家衛生研究院 關心 新冠肺炎 治療 藥物 的 研發 情況 目前 國衛院 已經 完成 被 視為 極 有 可能 對抗 武漢肺炎 最 有效 藥物 瑞德西韋 的 合成 並 確認 了 化學 結構 和 純度 我 相信 如果 未來 的 疫情 有 需要 我們 可以 透過 國際 合作 和 自身 能量 來 對抗 武漢肺炎 她 說 當 全國 團結 一致 面對 防疫 挑戰 的 時刻 針對 國民黨 立 委 吳斯懷 認為 她 挑釁 中國 我 只 是 基於 真實 的 情況 進行 表述 也 展現 自我 防衛 的 決心 這些 是 國家 領導人 應該 要 說 的話 曾經 做 過 軍人 的 吳斯懷 這時 質疑 總統 講 的話 她 相信 會 讓 很多 國軍 弟兄 姊妹 感到 非常 失望 蔡英文 表示 我們 拒絕戰爭 但 我們 絕對 不是 弱者 我們 不 挑釁 但 我們 也 不 會 卑躬屈膝 這 就 是 我們 基本 的 態度 另外 國際 上 持續 有 很多 主要 國家 包括 法國 的 議員 也 都 支持 臺灣 參與 who 她 要 表達 感謝 之 意 也 再次 強調 臺灣 優秀 的 醫療 制度 和 團隊 尤其 我們 有 從 sars 累積 的 豐富 防疫 經驗 能夠 為 世界 帶來 貢獻 她 認為 防疫 不該 有 缺口 在 武漢 疫情 的 期間 更 凸顯 臺灣 加入 who 的 重要性 人民 的 健康 是 最 重要 的 事情 政治 因素 不該 淩駕 健康 權利 她 說 同樣 的 道理 把 武漢 的 臺灣人 接回來 的 計畫 我們 第二 批 的 作業 早就 已經 完成 名單 給 了 飛機 也 準備 好 了 相關 的 檢疫 防疫 醫療 照顧 的 人員 也 都 待命 接 機 的 班機 隨時 可以 出發 把 我們 的 國人 接回來 蔡英文 表示 我們 對 防疫 風險 的 掌 控 一直 用 最 嚴謹 的 態度 在 面對 希望 在 我們 已經 完全 準備 好 的 情況 下 中國政府 可以 配合 讓 武漢 的 臺灣人 可以 早日 返台</t>
  </si>
  <si>
    <t>新冠肺炎 疫情 擴散 全球 才剛 正式 上路 的 星宇 航空 受到 嚴重 衝擊 如今 落到 無 航班 可 飛 的 情況 就 有 網友 詢問 董事長 張國煒 如今 在 幹 嘛 星宇小 編 在 臉書 公佈 答案 貼出 2 張 照片 讓 網友 笑 翻 直 呼 真的 跪 了 星宇 航空 昨天 1 日</t>
  </si>
  <si>
    <t>新冠肺炎 疫情 擴散 全球 才剛 正式 上路 的 星宇 航空 受到 嚴重 衝擊 如今 落到 無 航班 可 飛 的 情況 就 有 網友 詢問 董事長 張國煒 如今 在 幹 嘛 星宇小 編 在 臉書 公佈 答案 貼出 2 張 照片 讓 網友 笑 翻 直 呼 真的 跪 了 星 宇 航空 昨天 1 日 在 臉書 po 文 表示 近日 大家 很 關心 不斷 私 訊 星 宇 航空 開航 不久 就 受到 疫情 影響 是不是 很慘 張 董 最近 都 在 幹 嘛 為此 小 編 表示 請 大家 攏 麥來 問 阮 恁 去 問 我家 董仔 並 貼出 2 張 照片 原來 張國煒 化身 清潔 小弟 雙 膝 跪 地 拿 著 吸塵器 認真 清潔 辦公室 每 一個 角落 勤奮 的 背影 也 湧入 大量 網友 留言 打氣 董仔 加油 啊 張 董 辛苦 了 星 宇 牌 吸塵器 何時 上架 認真 的 男人 最 帥 k 董就 是 那種 會 自己 下去 實 做 的 好 老闆 還有 人 打趣 說 董事長 為了 您 的 安全 及 健康 建議 您 打掃 環境 時 配戴 口罩 和 手套 結果 小 編 神 回一 句 還有 護膝讓 網友 都笑 翻 了</t>
  </si>
  <si>
    <t>星宇 張國煒 星宇航 空 小 編 臉書</t>
  </si>
  <si>
    <t>新冠肺炎 covid-19 俗稱 武漢肺炎 疫情 持續 延 燒 停靠在 日本 橫濱 港 的 鑽石 公主 號 郵輪 截至 16 日 為止 全船 累計 達 355 人 確診 感染 人 也 在 船上 的 臺灣 知名 魔術師 陳日升 不斷 透過 直播 發文 向 外界 更新 船上 的 狀況 日前 他 再度 po 文 透露 船上 檢測 出 的 確診 病例 中 已 出現 數 十 位 無 症狀 患者 陳 日 升 16 日 在 臉書 直播 表示 自己 的 身體狀況 良好 並 沒有 出現 症狀 日本政府 也 提供 很多 物資 請 外界 放心 目前 船上 確診 總計 355 人 其中 包括 數 十 位 無 症狀 患者 這 讓 他 深感 憂心 不過 他 也 透露 日本政府 提供 2千 支 手機 給 船上 乘客 搭載 厚生 勞動 省 官方 line 作為 醫療 諮 詢 和 聯繫 增加 效率 先前 陳日升 曾 po 文 求救 希望 政府 能 將 20 多 位 臺灣人 接回 隔離 他 也 透露 最新 情況 謝謝 臺灣政府 提供 包機 選項 實際 執行 方式 究竟 如何 乘客 19 號 真的 能 如期 下船 很多 步驟 應該 都還 需要 仔細 商確 目前 靜候 佳音 此外 陳日升 表示 自己 回 臺灣 後會 持續 隔離 14 天 保護 自己 也 保護 他人 陳 日 升 facebook 全文 我 在 鑽石 公主 號 隔離 第 14 之 11 天 會 不 會 更 久 1 乘客 船員 確診 總計 355 人 包括 出現 數 十 位 無 症狀 患者 而且 這 還 只 是 篩檢 一千 多 人 2 日本政府 提供 兩千 支 iphone 6 s 手機 給 乘客 搭載 厚生 勞動 省 官方 line 作為 醫療 諮 詢 聯繫 增加 效率 下船 手機 應該 要 還 吧 不然 也 太 佛 心 3 船上 380 名 美國 人 目前 正 由 自衛隊 派遣 專車 接往 羽田機場 預計 兩 班 專機 出發 返回 美國 大家 終於 動 起 來 了 4 感謝 臺灣政府 提供 包機 選項 實際 執行 方式 究竟 如何 乘客 19 號 真的 能 如期 下船 很多 步驟 應該 都還 需要 仔細 商確 目前 靜候 佳音 5 我 個人 回 臺灣 肯定 會 持續 隔離 14 天 畢竟 從 疫情 高風險 區 回去 保護 自己 也 保護 他人 有備無患 6 目前 物資 都 充足 船 公司 日本政府 都 有 提供 很多 物資 7 感謝 公主 游輪 總公司 已經 投入 大量 資金 人力 進行 防疫 無論 乘客 或是 內部 員工 都有 得到 妥善 照顧 讓 大家 都 安心 公 視 最近 拍 了 天 橋上 的 魔術師 我 是 拍 實 境 秀 遊輪 上 的 魔術師 剩下 幾 天 了 加油 加油 鑽石 公主 號 加油 更 多 ctwant 報導</t>
  </si>
  <si>
    <t>因應 新冠 疫情 為 掌握 疫 調 政府 推出 實 聯 制 措施 已 好 一段時間 不過 仍 有 民眾 不 願 配合 甚至 大 鬧 商店 事件 頻 傳 有 超 商店 員 以 自身 經驗 親 曝 5 大亂 象 指出 常 遇到 包括 故意 忽略 鬼畫符 死 不 給 看 簡訊 等 千奇百怪 的 客人 崩潰 表示 被 氣 到 快 吐血 原 po 在 臉書 社團 爆 怨 2 公社 表示 雖然 實 名 制 已經 實施 一段時間 但 身為 超 商店 員 的 他 真的 會 被 氣 到 吐血 透露 讓 他 氣 到 想 揍 人 的 不是 實 名 制 本身 而是 客人 並舉 出 最常 遇到 的 下列 5 大亂 象 1 很多 人 進入 超 商 後 直接 略 過 擺在 中間 寫有 實 名 制 的 兩 張 桌子 2 寫 紙本 的 偏偏 名字 寫 得 比 道士 的 符咒 還 更讓人 看不懂 連 電話 都 鬼畫符 3 每 位 客人 進來 他 都會喊 麻煩 刷 完 qrcode 讓 我 看 一下 簡訊 但 總 是 有些 人 偏偏 不 給 看 等 結 帳 時 還 得 再 請 他 出示 簡訊 4 有些 人 假裝 拿手機 掃 qrcode 等到 出示 簡訊 被 發現 根本 沒 有時 才 佯稱 欸 奇怪 刷 錯 了 等 理由 一 堆 還 有些 人 刷 了卻 不 按 發送 跟 沒 刷 一樣 5 有些 人 堅稱 沒要 消費 只 是 領 個 錢 進來 一下 而已 馬上 就要 出去 了 讓 他 忍不住 想 問 難道 病毒 會分 你 沒 沒有 消費 嗎 還 有些 人 直接 沖進來 後 說 他 沒 帶 手機 難道 沒看 到 桌上 有 紙本 的 嗎 該 店員 無奈 表示 真的 氣 到 無處 可 宣洩 才會 在 臉書 社團 發文 並 呼籲 大家 不管 實 聯 制 最終 有 沒 有用 政府 規定 的 事 還 是 要 照 做 畢竟 這 是 保護 你 跟 我 貼 文一 出 引起 熱 議 網友 則 紛紛 回應 辛苦 了 終於 有人 把 我 的 心聲 說 出來 了 完全 中肯 臺灣 真的 很 多 這種 自私 鯛 啊 有 怎麼 難 嗎 搞不懂 那些 人</t>
  </si>
  <si>
    <t>蔡依林 日前 攜手 陳奕迅 合唱 公益 歌曲 fight as one 用 全英文 的 溫暖 歌聲 向 全球 醫護 致敬 歌詞 觸動 人心 mv 更 搭配 全球 不分 人種 的 抗 疫 鬥士 溫馨 又 催 淚 不過 卻 意外 掀起 正反 兩 派 論戰 因為 網友 發現 mv 畫面 中 有 小孩 感謝 china 片段 蔡依林 則 在 臉書 發 長文 雖 沒 明確指出 所言 何事 但 似乎 是 在 回應 近期 風波 蔡依林 和 陳奕迅 合作 本 是 希望 在 疫情 嚴峻 下 能 給 更 多 人 力量 卻 因為 mv 畫面 出現 世界 各國 小朋友 拿 著 感謝 china 的 圖畫 引起 熱 議 對此 蔡依林 也 發文 此刻 的 我 感到 渺小 無論 未來 的 蔡依林 將 會 如何 地被 敘述 和 被 形 塑 著 我 都 要 深深地 謝謝 你 謝謝 你在 我 有限 的 表演 生命 裡 曾 用力 地拉 過 我 一 把 曾 親臨現場 地 救 贖 過 我 更 曾 不離 不棄 地 陪伴 過 我 的 你 另外 她 也 說 到 也許 在 某個 時間 你 忽然 間 不再 需要 我 了 也 不再 記起 我 了 我 都 相信 那也本 是 我 該 收 下 的 生命 之 禮 在此之前 我 一定 會 為 蔡依林 全力以赴 的 活 著 笑 著 哭 著 唱 著 雖 沒 明確 表示 指出 物件 但 似乎 是 在 回應 近期 風波 粉絲 也 留言 替 她 打氣 我們 都還 在</t>
  </si>
  <si>
    <t>蔡英文 總統 宣佈 行政院長 蘇貞昌 續任 桃園 市長 鄭文燦 8 日 表示 蘇 內閣 是 一個 有 行動 力 執行 力 的 內閣 希望 未來 蘇 內閣 能夠 把 臺灣 建設 帶領 的 更 好 鄭文燦 8 日 到 議會 總 質詢 接受 媒體 提問 他 說 蘇 內閣 的 5 大 任務 從 疫情 防治 到 振興 經濟 照顧 人民 及 國家 的 重大 建設 希望 未來 蘇 內閣 能夠 把 臺灣 的 各種 建設 帶領 的 更 好 他 說 在 振興 的 階段 仍然 有 很 漫長 的 路 要 走 我 相信 臺灣 的 體質 很 好 在 未來 的 全球 經濟 當中 可以 繼續 的 往前走 鄭文燦 強調 各種 地方 建設 包括 桃園 的 航空 城 軌道 建設 亞洲 矽谷 計 畫 相信 都 能夠 在 蘇 內閣 的 支持 之下 能夠 一 步步 完成 計畫 的 目標 鄭文燦 也 在 臉書上 發文 指 支持 蘇貞昌 續任 他 也 稱讚 去年 1 月 14 日 蘇貞昌 上任 首日 就 到 機場 視察 非洲 豬瘟 防疫 也 順利 讓 臺灣 豬肉 重返 國際 市場</t>
  </si>
  <si>
    <t>國際 大型 科技 會展 又 再 取消 一 樁 受 新冠肺炎 covid-19 疫情 從 中國 延 燒 至 歐美 影響 原訂 於 6 月 2 日 開展 的 臺北 國際 電腦展 computex 將 延至 9 月 28 日 舉行 展覽 日期 也 由 原本 的 6 天 縮減 至 3 天 展區 則 集中 至 世貿 二 館 主辦單位 表示 新冠肺炎 疫情 不斷 升溫 大型 展覽 或 發表會 如 2 月底 的 mwc 3 月 的 gdc 以及 原定 在 5 月 登場 的 開發者 大會 如 google i o 與 臉書 f 8 都 先後 取消 其中 google 甚至 宣佈 連 google i o 線 上 發表會 都 取消 而 向來 是 國外 買家 一線 科技 業者 高層 集結 的 臺北 國際 電腦展 在 歐美 疫情 無法 降溫 下 就算 貿然 舉辦 可能 得 面臨 參加者 在 入境 後 得 先 隔離 檢疫 或是 徒 增 搭 機 長途旅行 染病 的 風險 而 人員 聚集 也 恐怕 會 提高 群 聚 感染 的 機 率 基於 維護 參展 廠商 及 參觀者 的 健康 與 安全 主辦單位宣佈 臺北 國際 電腦展 展覽 日期 將 由 原定 的 6 月 2 6 日 延期 至 9 月 28 30 日 舉行 原先 臺北 國際 電腦展 與 同時 舉行 的 新創 展 橫跨 世貿 與 南港 共 三 個 展館 但是 隨 著 上半年 的 展覽 多 已經 改期 至 下半年 下半年 南 港 展覽館 與 世貿 展覽館 檔 期 很 滿 改期 後 的 臺北 國際 電腦展 展區 將 集中 至 臺北 南港 展覽館 2 館 而 針對 持續 力挺 臺北 國際 電腦展 的 國內 參展 廠商 主辦單位 表示 將 在 原 檔 期 期間 在 臺灣 經貿網 辦理 臺北 國際 電腦展 線 上 展覽 除了 邀請 全球 買主 參加 視 訊 採購 洽談會 並 將 力 邀 國內外 指標 廠商 進行 線 上 新 產品 發表會 此外 也 鼓勵 國 內外資 通訊 指標性 業者 以 網路 研討會 型式 分享 5 g 與 aiot 等 智慧 科技 應用</t>
  </si>
  <si>
    <t>對於 中原大學 老師 招名威 上課時 拿 毒 奶粉 新冠肺炎 開 對岸 玩笑 還 挑釁 地 說 就是 在 說 你們 網友 痛 批 歧視 就是 歧視 被 檢舉 的 一點 也 不無 辜 對於 中原大學 老師 招名威 上課 爭議 中原大學 校方 表示 中原大學 為 中華民國 之 大學 所 聘任 之 老師 皆 受 中華民國 之 保障 校方 從未 禁止 老師 在 課堂 上 提及 中華民國 嗣後 招 名 威 的 爭議 上課 內容 影片 曝光 被 指出 有 以下 爭議 一 招名威 教授 于 講述 氨基酸 氮 含量 檢測 時 表示 檢測 有 可能 作假 並以 三聚 氰 胺 的 毒 奶粉 事件 為 例 向 在座 同學 表示 在座 的 可能 吃 的 很 少 並 對 透過 遠 端 教學 上課 的 大陸 學生 表示 可能 透過 攝影機 的 另外 一個 的 一些 同學 吃 得 比較 多 一點 對岸 你 知道 嗎 就是 在 講 你們 二 招名威 教授 表示 所以 你 覺得 武漢 只 死 只 死 1萬 多 人 怎麼 可能 對 就是 在 講 你們 有 網友 在 其 臉書 粉絲 頁 文翔 政論 指出 招名威 老師 被 檢舉 的 一點 也 不無 辜 文翔 政論 表示 招 老師 只 講 了 部分 事實 卻 刻意 隱瞞 了 自己 用 嘻笑 方式 調侃 對岸 在 課堂 上 公然 歧視 大陸 人 還 歧視 黑人 影片 中 清楚 看到 他 拿 毒 奶粉 新冠肺炎 開 對岸 玩笑 嘲笑 大陸 人 吃 蝙蝠 吃 野味 還 挑釁 地 說 就是 在 說 你們 在 課堂 上 不僅 調侃 大陸 人 還 嘲笑 黑人 跟 中南美 人 文翔 政論 鏗鏘有力 強調 歧視 沒有 因為 物件 是 誰 而有 正當性 歧視 就是 歧視 不 會 因為 中國 大陸 對 我們 有 敵意 所以 歧視 就是 對 的 如果 把 歧視 當 成一種 愛國 行為 那 其實 就 是 納粹 法西斯</t>
  </si>
  <si>
    <t>防範 新冠肺炎 近來 酒精 消毒水 漂白 水 等 又 成為 搶手貨 連 噴 罐 都 供不應求 民眾 紛紛 拿 著 家中 各式 舊 瓶 自行 分裝 醫師 提醒 拿 舊 瓶 分裝 漂白 水 暗藏 陷阱 勸 民眾 千萬別 鐵 齒 真 的 發生 過 憾事 尤其 是 用 礦泉水瓶 來 裝 漂白 水 或 酒精 最 容易 出事 icu 醫生 陳志金 在 臉書 發文 指出 看到 有 熱心 的 藥局 贈送 漂白 水 給 民眾 分裝 雖然 這 是 好事 但是 看 著 民眾 拿 各式各樣 的 舊 瓶 去 裝 讓 他 非常 擔心 因為 若 直接 使用 原本 裝 礦泉水 飲料 酒 醋 醬油 的 舊 瓶 恐 發生 誤 喝 風險 在 急診 或 加 護 病房 經常 會 遇到 誤 喝 農藥 殺蟲劑 清潔劑 漂白 水 的 病人 有 一部分 就是 因為 裝 在 飲料 瓶 內 被 小孩 或 老人家 誤 喝 陳志金 提醒 用 舊 瓶 分裝 漂白 水 時 必須 嚴格 遵守 下列 四 個 原則 1 最好 用 回 漂白 水 的 瓶子 來 裝 儘量 不 要用 飲料 瓶 尤其 是 用 礦泉水瓶 來 裝 漂白 水 或 酒精 最 容易 出事 2 撕 掉 原有 標籤 無法 撕 掉 的 可用 不透明 膠帶 遮住 3 重新 標示 可用 防水 貼 布 遮上 後 標示 在 明顯 的 地方 4 安全 存放 擺放 離 原來 可飲用 的 地方 越 遠 越 遠 好 不要 隨便 放在 小孩 可 接觸 到 的 地方 漂白 水 可 放在 廁所 的 櫃子 裡</t>
  </si>
  <si>
    <t>宥 勝 一 句 話 惹 怒 萬 華人 臉書 92 字 深深 致歉 已修 文</t>
  </si>
  <si>
    <t>偶像 劇 男 星宥勝 日前 在 臉書 感歎 突然 很 感激 有 水 有 電 有 自由 的 日子 住 在 台中 的 我們 今天 同時 遭遇 停水 停電 再 加上 聽說 附近 有人 去 過 萬 華 就 突然 覺得 如果 我們 失去 一切 那將 會 是 什麼 景象 無心 一 句 話 意外 引發 萬</t>
  </si>
  <si>
    <t>偶像 劇 男 星宥勝 日前 在 臉書 感歎 突然 很 感激 有 水 有 電 有 自由 的 日子 住 在 台中 的 我們 今天 同時 遭遇 停水 停電 再 加上 聽說 附近 有人 去 過 萬 華 就 突然 覺得 如果 我們 失去 一切 那將 會 是 什麼 景象 無心 一 句 話 意外 引發 萬華 網友 不滿 火大 出征 其 臉書 留言 去 過 萬 華 怎麼 了 對此 宥 勝 稍 早 也 po 文 向萬 華人 致歉 也 火速 修改 文章 盼 疫情 早日 平息 形象 健康 陽光 的 宥 勝 近日 因為 一 句 再 加上 聽說 附近 有人 去 過 萬 華 就 突然 覺得 惹 來 萬 華 網友 不滿 更 火大 出征 其 臉書 留言 你 以為 只 有 萬 華有 病例 嗎 去 過 萬 華 怎樣 質疑 宥 勝 沒有 同 理 心 宥 勝 被 萬華 網友 出征 一 事 更 在 ptt 論壇 引發 熱 議 稍 早 宥 勝 也 在 臉書 po 文 致歉 並 將 再 加上 聽說 附近 有人 去 過 萬 華 修改 為 聽說 附近 有 人 被 框 列 檢測 表示 對於 上 一 篇文章 因為 提及 了 萬華 而 引起 萬華 朋友 的 困擾 他 感到 非常 抱歉 我 以後 會 更 謹慎 的 發言 避免 這種 缺乏 同 理 心 的 言論 目前 已 修改 文章 在 這裡 再次 向萬華 的 朋友 深深 致歉 願 疫情 早日 平息 對於 宥 勝 道歉 之舉 不少 網友 也 給予 他 極大 肯定 紛紛 留言 安慰 他 不 小心 踩到 雷 沒事 沒事 無心 的 小 失誤 而已 我 個人 覺得 你 沒有 什麼 特別 的 意思 沒有 推辭 真心 的 道歉 範例 實在 舒心 加油 團結</t>
  </si>
  <si>
    <t>新冠肺炎 肆虐 民眾 恐慌 搶購 口罩 引爆 口罩 之 亂 政府 也 開始 宣導 口罩 不必 隨時 戴 觀念 口罩 彷 佛 當前 最 珍貴 物資 一 位 正 妹 痛 批 行政院長 蘇貞昌 的 口罩 實 名 制 政策 讓 大家 一個 口罩 平均 要用 三 天半 如今 大家 的 問候語 都 是 你有 買到 口罩 嗎 你 這 口罩 用 幾 天 了 網友 在 臉書 社團 韓家 軍 市政 宣揚 發文 寫道 輸 怨 長 蘇 院長 的 7 天 領 二 個 口罩 真是 罩不住 大家 換言之 一個 口罩 要用 3 天半 那 現在 大家 見面 的 問候語 要 改 了 你有 買到 口罩 嗎 你 這 口罩 用 幾 天 了 文末 更 特別 標注 了 全民 森 七七 有苦難言 關鍵字 文章 一 出 迴響 熱烈 獲得 超過 1500 個 贊 其他 網友 紛紛 回應 出去 戴 一個 順利 的 領 兩 個 是否 只 剩 一個 不是 折騰 是 什麼 腦殘 的 政府 怎麼 不 直接 發給 每 一 區 的 裡長 由 裡民 統一 拿 身份證 去 領 即 省事 又 省時 也 不 用 排隊 真是 無能 到 可以 了 都 買不到 奇怪 以前 sars 時候 也 沒 欠缺 口罩 時代 越 進步 生活水準 卻 越 退步</t>
  </si>
  <si>
    <t>前 衛生 署長 楊志良 日前 參與 聯 亞 疫苗 的 二期 臨床 試驗 但 他 昨天 自 爆 6 月 7 日 抽血 檢測 體內 抗體 ana 僅 有 40 且為 陰性 質疑 國產 疫苗 效力 然而 醫師 林靜儀 在 臉書 指出 ana 是 抗 核 抗體 是 風濕 免疫 相關 疾病 的 其中 一個 血清 指標</t>
  </si>
  <si>
    <t>新冠肺炎 ncp 持續 在 全球 升溫 不少 民眾 為了 自保 紛紛 搶購 口罩 酒精 等 防疫 商品 一 名 在 藥局 工作 的 網友 近日 在 臉書上 敘述 一 名 客人 口誤 鬧 出 的 笑話 讓 不少 網友 聽 了 都笑 到 噴飯 一 名 在 藥局 上班 的 網友 日前 在 臉書 社團</t>
  </si>
  <si>
    <t>新冠肺炎 ncp 持續 在 全球 升溫 不少 民眾 為了 自保 紛紛 搶購 口罩 酒精 等 防疫 商品 一 名 在 藥局 工作 的 網友 近日 在 臉書上 敘述 一 名 客人 口誤 鬧 出 的 笑話 讓 不少 網友 聽 了 都笑 到 噴飯 一 名 在 藥局 上班 的 網友 日前 在 臉書 社團 爆 怨 公社 發文 表示 日前 客人 想要 購買 防疫 的 商品 口罩 和 酒精 沒 想到 因為 一時 情急 口誤 說 成 請問 有 75 的 口罩 嗎 讓 原本 因為 回答 超 多次 而 超 不耐煩 的 原 po 忍不住 笑 回 雖然 今天 我 已經 回答 1百 多 次 這類 問題 但是 看 在 你 這麼 有 創意 的 提問 我 想 你 應該 是 想要 一 次 問 兩 種 商品 吧 我 還 是 認真 回答 你 攏 某 啦 啦 啦 啦 文章 曝光 之後 笑 翻 一 票 網友 不少 人 紛紛 留言 表示 客人 累 了 已經 問 了 千百 回 終於 悟 道 了 融會貫通 的 問 法 了 請問 有 醫療 用 酒精 嗎 親戚 開 藥局 聽 過 75 號 酒精 95 元 酒精 95 口罩 n 95 我 剛 去 吃飯 服務 人員 拿 額 溫槍 要 噴 手 拿 酒精 對 我 額頭 他 問到 累 了 沒有 但有 87 的 要 嗎</t>
  </si>
  <si>
    <t>全球 興起 新冠 疫苗 混打 風潮 為什麼 許多 國家 採取 混打 策略 混打 有 什麼 優缺點 康健 20 日 邀請 振興 醫院 感染 科 主任 級 醫師 顏慕庸 直播 開講 從 全球 疫苗 混打 經驗 分析 臺灣 應有 的 作為 並 釋疑 臉書 粉絲 提出 的 疑問 以下 為</t>
  </si>
  <si>
    <t>南韓 電子 大廠 三星 samsung 在 2 月中 旬 正式 發表 了 三 款 galaxy s 20 系列 以及 galaxy z flip 可 折疊 螢 幕 手機 其中 後者 已經 率先 在 台 限量 開 賣 根據 臺灣 三星 官方 公佈 的 資訊 galaxy s 20 系列 在 臺上 市 計畫 的 記者會 將 罕見 改以 線 上 直播 方式 進行 恐是 受到 今年初 爆發 的 新冠肺炎 covid-19 疫情 影響 所 致 臺灣 三星電子 稍 早 前 宣佈 將 與 3 月 4 日 下午 1 00 1 30 期間 透過 直播 舉行 galaxy s 20 系列 上市 線 上 記者會 或許 是 為了 分散 流量 跟 便於 使用者 選擇 官方 宣佈 將 於 samsung taiwan 臉書 粉絲 團 samsung taiwan youtube 官方 頻道 以及 臺灣 三星 新聞 中心 等 三 處 提供 線 上 直播 三星 日前 發表 的 galaxy s 20 系列 共有 galaxy s 20 galaxy s 20 以及 galaxy s 20 ultra 三 款 其中 galaxy s 20 ultra 的 相機 支援 100 x 超高 倍 變 焦 蔚 為 話題 這 三 款 手機 皆 有 4 g 以及 5 g 版本 在 台 第一 階段 5 g 釋 照 五 家 電信業者 得 標 頻寬 以及 頻譜 位置 都 已經 在 本月 21 日 確定 後 三星 今年 度 會 不 會 直接 選擇 在 台 推出 galaxy s 20 系列 的 5 g 版本 引人 好奇 而 手機 價格 會 否 因此 比 2019 年 僅 推 4 g 版本 的 galaxy s 10 系列 更 高 也 值得 關注</t>
  </si>
  <si>
    <t>bnt 疫苗 抵達 臺灣 即將 開 打 藍委洪 孟楷 今 在 臉書 表示 再次 感謝 民間 企業 宗教團體 及 醫護 第一線 公務人員 的 努力 並 提醒 民眾 若 施 打 bnt 疫苗 有 三 件 事情 需要 注意 洪孟楷 今 5 日 表示 接種 bnt 疫苗 除了 一般 常見 疼痛</t>
  </si>
  <si>
    <t>bnt 疫苗 抵達 臺灣 即將 開 打 藍委洪 孟楷 今 在 臉書 表示 再次 感謝 民間 企業 宗教團體 及 醫護 第一線 公務人員 的 努力 並 提醒 民眾 若 施 打 bnt 疫苗 有 三 件 事情 需要 注意 洪 孟 楷 今 5 日 表示 接種 bnt 疫苗 除了 一般 常見 疼痛 發燒 等 不良反應 有 下列 狀況 請 務必 留意 首先 是 有 急性 或 持續性 胸 痛 呼吸 急促 和 心悸 反應 其次 洪孟楷 指出 新冠 疫苗 保護 力 比較 在 delta 病毒 防護力 還 未有 足夠 資料 前 bnt 以 926 最高 其次 是 莫德納 的 921 az 則 有 76 居 三 洪 孟 楷 文末 直言 美國 fda 食 藥局 在 8 月底 正式 批准 bnt 疫苗 獲得 藥 證 可 供 16 歲 以上 人口 接種 這 也 是 目前 全球 第一 支 獲 美國 正式 批准 的 新冠肺炎 疫苗 洪 認為 打 國際 合格 認證 的 疫苗 是 全民 的 權益 大家 要求 政府 購買 到位 早日 施打 形成 集體 保護 力 才能 脫離 疫情 恢復正常 生活</t>
  </si>
  <si>
    <t>等等 會 送 疫苗 過去 臺北市立聯合醫院 中興 院區 的 藥劑 科 主任 翁紹恩 表示 從 下午 1 點 等到 晚間 8 點 仍 等 不 到 疫苗 再次 接到 電話 只 換來 對方 一 句 今日 不 送 了 讓 他 氣 得 直接 沖到 臺北市衛生局 沒 想到 卻 看到 科員 各個 忙 進 忙 出 搬 著 一 箱 又 一 箱 的 疫苗 他 感歎 說 不只 前線 的 醫護 所有 為 了 這次 疫情 努力 堅守崗位 的 每個 人 都 值得 一 聲 辛苦 了 翁紹恩 昨 13 日 於 個人 臉書 分享 這 段 故事 星期六 中午 1 時許 接 獲 衛生局 來電 說 等等 會 送 疫苗 過去 豈 知 他 這 一等 就 是 7 個 小時 晚間 8 時 再次 接到 電話 通知 說 今天 不配 送 了 令 他 不滿 地 說 我 這 是 被 分手 由於 隔 天 院裡 要 施打 疫苗 所有 動 線 人力 都 備 妥 只 差 疫苗 是 要 叫 民眾 來 參加 大型 施打 疫苗 活動 采 排 翁紹恩 只好 翻出 過去 待 在 藥 庫 時 所有 的 聯絡 電話 問 其他 醫院 或 甚至 可能 有 疫苗 的 單位 是否 能 先借 疫苗 但 每 通電話 都 被 發 好人 卡 直到 晚間 10 時 45 分 電話 再次 響起 衛生局 表示 等等 要 配送 疫苗 是否 有 人 能 收 並 表示 無法 確認 確切 送達 時間 若 你 能 自己 來 拿 會 幫 我 一個 大忙 深夜 11 時 15 分 翁紹恩 氣衝衝 地 抵達 衛生局 本來 想要 破口大駡 但 看到 眼前 的 狀況 卻 什麼 也 說不出口 科員 各個 忙 進 忙 出 趕 著 處理 臺北市 的 疫苗 每天 工作 到 淩晨 3 時才 回家 不僅如此 她們 必須 一個 人 搬 著 又 大 又 重 的 包裹 一 次 就 是 5 至 6 箱 一 趟 又 一 趟 地 將 其 送 往 各 大 醫療 院所 翁紹恩 好奇 地 問 沒人 支援 嗎 一 名 科員 苦笑 回應 到處 都 沒有 人力 了 他 才 恍然大悟 原來 大家 的 歲月 靜 好 是 一 群 無法 下班 的 人 負重 前行 翁紹恩 一個 人 搬 了 兩 大 車 的 表 單及 疫苗 順利 將 疫苗 送回 醫院 他 感歎 地 說 這個 時期 的 藥品 酒精 小 氧 鋼瓶 口罩 等 物資安排 甚至 是 藥師 總務 社 工 行政 人員 等 都 在 全力 燃燒 自己 不只 前線 的 醫護 所有 為 了 這次 疫情 堅守崗位 的 每個 人 都 值得 一 聲 辛苦 了 謝謝 你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疫情 亮紅燈 63 歲 奧斯卡 影帝 湯姆漢克 tom hanks 12 日 在 臉書 宣佈 自己 與 同齡 演員 妻子 麗塔威爾遜 rita wilson 在 澳洲 因 出現 感冒 症狀 在 篩檢 後 2 人 確診 成為 首例 感染 新冠肺炎 病毒 的 影壇 名 人 湯姆漢克 在 聲</t>
  </si>
  <si>
    <t>新冠肺炎 疫情 亮紅燈 63 歲 奧斯卡 影帝 湯姆漢克 tom hanks 12 日 在 臉書 宣佈 自己 與 同齡 演員 妻子 麗塔威爾遜 rita wilson 在 澳洲 因 出現 感冒 症狀 在 篩檢 後 2 人 確診 成為 首例 感染 新冠肺炎 病毒 的 影壇 名 人 湯姆漢克 在 聲明 指出 自己 與 妻子 先是 感到疲倦 類似 感冒 症狀 並 伴隨 頭痛 麗塔 有時 則 會 畏 寒 並 有 輕微 發燒 經過 新冠肺炎 病毒 篩檢 後 發現 我們 皆 呈現 陽性反應 他 更 表示 接下來 會 定時 更新 狀況 給 所有 關心 他 的 影迷 夫妻 正 隔離 治療 湯姆漢克 與 麗塔 目前 正 在 澳洲 黃金 海岸 大學 醫院 接受 隔離 治療 他們 29 歲 的 兒子 查特 chet hanks 隨後 也 在 ig 發 影片 回應 我 和 他們 通過 電話 感覺 他們 都 很 好 沒有 病 得 那麼 嚴重 並不 因此 太 過 擔憂 他 也 感謝 全球 影迷 的 關心 並 認為 一切 都 會 沒事 的 希望 所有人 保持 安全 湯姆漢克 這次 赴 澳洲 是為了 拍攝 大 亨 小 傳 紅 磨坊 編導 巴茲 魯曼 baz luhrmann 的 貓 王 傳記 電影 該片 由 新生代 男 星奧 斯汀巴特勒 austin butler 飾演 貓 王本尊 湯姆漢克 則 演出 貓 王 的 傳奇 經紀人 科洛內爾湯姆派克 colonel tom parker 美國 女 演員 瑪 姬 吉倫 荷 maggie gyllenhaal 也 參與 該片 劇組 皆 有 感染 風險 電影 公司 華納 兄弟 則 在 聲明 指出 目前 正 密切 與 澳洲 有關 當局 合作 調查 並 聯繫 可能 與 確診 病例 接觸 過 的 人 以 員工 的 健康 安全 為 首要 處理 的 事項 對 全球 片場 的 所有人 將 採取 防疫 措施 貓 王 傳記 電影 目前 在 澳洲 黃金 海岸 前置 準備 尚未 啟動 拍攝 成本 未公開 預計 明年 10 月 上映 湯姆漢克 夫妻倆 發病 前 的 行蹤 也 成 焦點 據 每日 郵報 報導 湯姆漢克 上月 29 日 被 目擊 在 黃金 海岸 的 布羅德 海灘 還 大方 和 民眾 近 距離 靠 臉 合 照 本月 7 日 和 妻子 被 拍到 在 雪梨 街頭 逛 街 沒 戴 口罩 神情 輕鬆 24 歲 的 小 兒子 杜魯門 truman hanks 則 跟 在 一旁 此外 妻子 麗塔 在 澳洲 也 有 公開 活動 3 月初 受 邀 到 布里斯本 的 飯店 以及 雪梨 歌劇院 的 小型 表演 廳 演出 她 與 觀眾 距離 近 恐 增加 傳染 機會 上映 檔 期 成 變數 湯姆漢克 從影 超過 40 年 演出 超過 90 部 影視作品 連 拿 2 座 奧斯卡 影帝 獲 4 座 金球 獎 影帝 肯定 他 在 今年初 的 第 77 屆 金球 獎 獲 頒 電影 類 終身 成就 獎 他 發表 感言 談 到家 人 時 頻頻 哽咽 我 的 妻子 和 4 個 孩子 都 比 我 勇敢 聰明 沒有 他們 我 不可能 站 在 這 一展 鐵漢 柔情 的 一面 湯姆漢克 的 代表作 包括 費城 阿甘正傳 西雅圖 夜 未眠 搶救 雷恩 大兵 及 玩具 總動員 系列 警長 胡迪 的 配音 等 作 最新 電影 怒海 戰艦 預計 6 月 12 日 在 臺灣 上映 如今 確診 電影 上映 檔 期 及 相關 宣傳 極 可能 產生 變數</t>
  </si>
  <si>
    <t>新冠肺炎 疫情 延 燒 最新 一 例 確診 病例 是 27 例 老翁 的 印尼 籍 看護 不料 她 昨日 竟 在 個人 臉書 直播 還 貼出 藥 袋 曝光 自己 所在 的 醫院 新北市衛生局 副 局長 許朝 程 指出 看護 行為 有 違法 之 虞 同仁 得知 消息 已 緊急 要求 該 名 個案 將</t>
  </si>
  <si>
    <t>新冠肺炎 疫情 延 燒 最新 一 例 確診 病例 是 27 例 老翁 的 印尼 籍 看護 不料 她 昨日 竟 在 個人 臉書 直播 還 貼出 藥 袋 曝光 自己 所在 的 醫院 新北市衛生局 副 局長 許朝 程 指出 看護 行為 有 違法 之 虞 同仁 得知 消息 已 緊急 要求 該 名 個案 將 影片 跟 貼 文下架 她 也 已 配合 許朝 程 指出 傳染病 防治法 規定 他人 不得 洩漏 相關 傳染病 患者 訊息 但 病 患 自行 洩漏 確實 非常 特殊 目前 仍要 研究 病 患 本人 是否 也 適用 法 條 要 再 去 研究 當初 立法 原意 仍要 再行 研議</t>
  </si>
  <si>
    <t>國內 新冠 疫情 爆炸 許多 民眾 跑 到 各地 快 篩 站 急診 篩檢 但 檢驗 量 能 不足 醫 檢 師 工作量 大增 連三天 校正 回歸 826 例 前 立 委 婦產科 醫師 林靜儀 昨天 呼籲 擔心 被 感染 但是 沒 症狀 又 排 不 到 篩檢 的 民眾 可先 自我 隔離 斷絕 與 他人 接觸 2 周 有 症狀 再 打 1922 醫 檢 師 辛苦 了 林靜儀 昨天 24 日 在 臉書 表示 由於 太 多 民眾 做 pcr 采 檢 檢 體 已經 塞 爆 了 檢查 單位 最 可能 導致 的 結果 就 是 讓 該 被 確診 的 感染者 更晚 被 找到 在 這 段 時間 又 把 病毒 傳染給 別人 呼籲 有 接觸 史 有 症狀 的 個案 盡 速 篩檢 沒有 接觸 史 沒有 症狀 的 民眾 不要 跑 去 篩 看看 做 安心 若 擔心 被 確診 者 感染 但是 沒 症狀 又 排 不 到 篩檢 怎麼辦 林靜儀 向 大家 分享 一個 關鍵 解法 就 是 先 斷絕 與 他人 接觸 2 周 自我 隔離 如果 出現 症狀 再 隨時 撥 打 1922 安排 采 檢 同時 臺北市 長 柯文哲 今天 一早 也 在 臉書 發文 指出 臺北市 23 日 快 篩 992 人 陽性率 為 595 從 北市 快 篩 陽性率 來看 第二 波 高峰 已經 過去 預計 第 三 波 高峰 會 出現 在 5 月 28 日前 後 如果 高 峰值 的 陽性率 一 次 比 一 次 低 疫情 就 有 機會 獲得 控制 並 指出 快 篩 不是 做 心安 的 有 症狀 才 來 篩 否則 去 醫院 堅持 篩檢 的 人 就 必須 自費 希望 大家 把 資源 留給 有 需要 的 人</t>
  </si>
  <si>
    <t>疫苗 陸續 到貨 但 捐贈 的 數量 遠遠 多於 政府 自 購 數量 國民黨 立 委 質疑 政府採購 疫苗 的 預算 到 6 月底 共 花 了 67億 元 但 真正 用於 購買 疫苗 的 錢 大約 只 有 10億 元 其他 的 錢都花 到 哪裡 去 審計長 陳瑞敏 以 疫苗 採購 支付 是 機密 拒絕 透露 對此 藍委李 貴 敏 批評 人民 當然 有 權 知道 錢花 到 哪裡 了 官員 如 信口開河 以 機密 為由 拒絕 國會 監督 只是 傷害 臺灣 民主 法治 李 貴敏昨 17 日 在 臉書 發文 表示 臺灣 疫苗 嚴重 缺乏 尤其 大部分 疫苗 都 是 國外 捐贈 政府 實際 採購 進來 劑量 非常 有限 那 採購 疫苗 這些 錢 到底 用 哪裡 去 了 當然 不容許 黑 箱 作業 以 機密 為名 拒絕 國會 監督 李 貴敏 直言 要 知道 國會 為民 把關 目的 就是 要 防止 行政 機關 怠惰 試想 如果 政府 去年 的 疫苗 預算 能夠 好好 執行 不 就 不 會 有 今天 這麼 大 的 疫苗 缺口 總 不能不 讓 民 代 看 這些 資訊 放任 官員 怠惰 等 明年 決算 出來 後 又 是 兩手 一 攤 最終 還 是 人民 倒楣 針對 審計部 說 疫苗 採購 支付 是 機密 一 事 李貴敏 指出 別的 不說 光是 主 計總 處 今年 3 月 公文 就 已 承認 covid-19 疫苗 採購 非 屬 機密 預算 特別 在 防疫 優先 考量 下 這筆 錢 不 但 很快 就 編 了 接 著 很快 通過 很快 執行 又 很 快 追加 既然 疫苗 預算 不是 機密檔 編 了 預算 錢 用到 哪裡 去 本來 就 是 可以 問 可以 查 的 由 國會 把關 監督 李 貴敏 強調 人民 當然 有 權 知道 錢花 到 哪裡 了 官員 如 信口開河 以 機密 為由 拒絕 國會 監督 不但 有 違憲之 虞 更已 嚴重 傷害 臺灣 的 民主 法治 尤其 作為 民意代表 必須 幫 百姓 看好 荷包 看 政府 到底 編 了 多少 預算 在 哪些專案 上 更 要 監督 自 購 疫苗 到貨 數 嚴重 偏 低 問題</t>
  </si>
  <si>
    <t>youtuber 一 只 阿圓 在 2 20 前往 韓國 工作 兩 日後 新冠肺炎 警戒 卻 飆 高至 二級 在 緊急 返台 後 不料 她 沒有 遵守 自主 管理 出門 工作 更 全程 沒有 戴 口罩 參加 youtuber 界 走 鐘獎 聚會 引發 網 民 撻 伐 雖然 她 已 出面 道歉 卻 難以 平息 眾怒 連 鄉民 女神 潔 哥 也 開 嗆 wtf 拜 讬 一下 不要 這麼 自私 好 嗎 面對 新冠肺炎 covid-19 ncp 疫情 當前 潔 哥 昨日 特別 在 臉書 發文 呼籲 在 這 時間 點 能 不 出國 就 不要 出國 不要 急 在 這 時間 點 出去 更 透露 自己 也 取消 出遊 計 畫 我 連 英國 沒什麼 人 中標 的 國家 都 取消 去 玩 了 同時 提到 韓國 陷入 大 爆發 階段 往 前 推 14 天都 有 可能 是 潛伏期 明顯 開 轟 一 只 阿圓 去 韓國 回來 馬上 參加 ytr 大型 聚會 不 戴 口罩 說真的 防疫 會 有 缺口 都 是 這種 人 害 的 也 在 留言 區 表示 她 中標 的 話 就 是 臺灣 最 大 ytr 傳染 大會 惹 對於 惹 上 風波 阿圓 火速 表示 自己 會前 往 篩檢 但 也 引發 網友 親自 諮 詢 桃園 醫院 後 表示 現在 想 做 篩檢 可能 只 是 為了 讓 大家 安心 吧 這個 原因 在我看來 蠻 浪費資源 的 因為 部分 醫院 有 表示 即使 是 感染者 在 沒 症狀 階段 也 可能 因 病毒 量 低 不易 檢 出 為 確保 疫情 防治 與 醫療 資源 準確 應用 在 需要 的 地方 所以 疑 似 個案 接觸 者 在 沒有 症狀 階段 建議 每日 早晚 量 體溫 進行 自我 健康 觀察 有 發燒 跟 呼吸 症狀 再 撥 打 1922 專線 而 阿圓 在 最終 道歉 文中 再次 表示 自己 疏忽 二級 警示 的 詳細 規範 坦言 自己 有 疏忽 而 對於 輕率 刪除 網友 的 留言 她 也 反省 在 與 朋友 們 的 討論 後 我 已 理解 到 網友 們 的 想法 與 提醒 接下來 我 也 會 好好 調整 我 的 心態 做出 行動 一 只 阿圓 circle @nanaciaociao 分享 的 貼 文 於 pst 2020 年 2 月 月 29 日 上午 140 張貼</t>
  </si>
  <si>
    <t>新冠肺炎 疫情 蔓延 全球 行政院 僑務委員 劉金枝 2 個 女兒 在 西班牙 擔任 醫護 力抗新冠肺炎 竭盡全力 拯救 病人 結果 兩 人 卻 雙雙 不幸 確診 所幸 在 醫院 照料 下 兩 人 病況 逐漸 好轉 當 劉金枝 大 女兒 被 推出 加 護 病房 時 現場 醫院 醫護人員 皆 列隊 為 她 拍手 加油 這 一 幕 令人感動 不已 國民黨 不 分區 立 委 溫玉霞 在 臉書 發文 表示 日前 西班牙 的 疫情 慘重 該國 的 醫療 體系 瀕臨 崩潰 但 醫護人員 仍 堅守崗位 搶救 病 患 其中 就 有 我 的 好友 也 是 僑務委員 劉金枝 的 一對 寶貝 女兒 大 女兒 diana 是 麻醉師 兩 位 女醫護人員 不眠不休 工作 上個月 卻 不幸 被 感染 新冠 病毒 diana 在 醫院 戴 了 15 天 的 呼吸器 小 女兒 在家 隔離 治療 所幸 目前 已經 在家 隔離 休養 中 當時 聽 聞 此事 讓 我 既 心疼 又 擔心 溫玉霞 接 著 表示 之後 看到 大 女兒 躺 在 病床 被 推出 急診室 的 錄 影 畫面 醫院 醫護人員 皆 列隊 為她 拍手 加油 這 一 幕 令人感動 不已 更 為 劉 僑務委員 和 其 女兒 的 表現 深感 驕傲 臺灣 的 女兒 在 異國 發光 發熱 為了 救治 病人 勇敢 和 病毒 奮戰 劉金枝 的 先生 也 是 醫師 父母 都 全力支持 女兒 在 僑居地 犧牲 奉獻 這 一家 人 都 是 臺灣 之 光 溫玉霞 指出 近日 西班牙 的 電視 和 報紙 都 大篇幅 報導 此事 特別 分享 給 好友 們 她 認為 僑委會 應 給予 嘉獎 表揚 也 希望 所有 好友 一起 為 在 西班牙 及 各 角落 的 醫護人員 說 句 謝謝 與 加油</t>
  </si>
  <si>
    <t>鑽石 公主 號 結束 14 天 隔離 期 各國 陸續 派 專機 接回 國人 昨 19 日 首批 下船 的 旅客 中 有 5 名 臺灣人 駐 日 代表 謝長廷 一早 就 在 碼頭 迎接 看見 台人 下船 情緒 激動 他 也 忍不住 濕 了 眼眶 謝長廷 和 副 代表 蔡明耀 橫濱 處長 張淑玲 等 人 昨日 上午 抵達 橫濱 港 的 大 黑 碼頭 準備 迎接 鑽石 公主 號 郵輪 上 的 台籍 旅客 蔡明耀 表示 乘客 以 長者 優先 依 序 下船 其中 有 5 名 台 籍 旅客 可先 下 船 謝長廷 下午 在 臉書 表示 終於 接 到 人 了 這些 乘客 看到 他 都 很 激動 有的 還 想 張開手 擁抱 但 想到 自己 戴著 n 95 口罩 手 又 放 下 來 了 對 大家 說 辛苦 了 也 委屈 你們 了 你們 都 是 最 堅韌 的 一 群 人 即便 再 健康 的 人 都 禁不起 每天 好像 等待 宣判 的 壓力 和 折磨 一 位 太太 紅 著 眼眶 說 一切 都 過去 了 接 著 臺灣 來 的 蘇 醫師 跟 大家 講解 防疫 及 回國 注意事項 謝長廷 則 說明 機票 費用分擔 及 低調 活動 的 要求 分開 前 一 位 女士 突然 對 謝長廷 說 你 替 我 們 反映 心聲 被 罵 得 要死 真 的 也 謝謝 你 謝長廷 愣 了 一下 這 回 輪到 我 眼睛 濕潤 起 來說 這 一切 也 過去 了</t>
  </si>
  <si>
    <t>六都 微 解封 僅 台南 順 時中 民眾 洗版 黃偉哲 臉書 拜 讬 禁內 用</t>
  </si>
  <si>
    <t>本土 疫情 趨 緩 中央 宣佈 各縣市 防疫 措施 能夠 適度 鬆綁 開放 戶外活動 空間 室內 展場 電影院 健身房 等 場 域 不過 考量 疫情 仍 存 有 風險 六都 之中 僅 台南 市 跟進 餐飲業 微 解封 措施 開放 夜市 餐廳 可 內 用 對此 也 引起 許多 民眾 不滿 紛紛 到 黃偉哲 臉書上 留言 洗版 拜 讬 不要 開放 內 用 今 9 日 新增 32 例 本土 確診 但 台南 市 確診 已 連續 12 天 0 確診 數 也 是 六都 最低 台南 市長 黃偉哲 表示 台南 很多 小吃攤 在 疫情 期間 生計 都 受到 影響 現在 適度 鬆綁 能夠 讓 他們 喘 一口氣 但 他 也 指出 微 解封 必須 非常 小心謹慎 業者 若 無法 做到 自律 徹底 做好 梅花座 隔板 開放 就 是 錯誤 的 雖然 7 月 13 日 起 各縣市 能夠 微 解封 但 目前 六都 首長 多 表態 維持 嚴格 管制 餐飲 僅 限 外帶 只 有 台南 市 順 時 中 開放 餐廳 夜市 內 用 對此 也 引起 許多 市民 不滿 擔心 台南 微 解封 恐 吸引 外縣市 遊客 跨 區 觀光 形成 防疫 破 口 紛紛 湧入 黃偉哲 臉書 留言 盼 市府 不要 開放 餐廳 內 用 網友 指出 很多 縣 市 都 不 開放 餐廳 內 用 難道 台南人 身體 比較 健康 不怕 病毒 我們 被 關怕 了 可以 請 市長 再 仔細 考慮一下 再 做 決定 嗎 拜 讬 不要 開放 內 用 別 為了 發展 觀光 而 拿 台南人 的 健康 做 賭注 有 沒有 考慮 到 微 解封 後 那些 跨 區來 玩 的 觀光客 請 別 開放 餐廳 內 用 阻絕 外來人 潮 來 台南 雙 北 桃園 還是 有 不 明 的 疫情 拜 讬 市長 微 解封 能 等等 嗎 市長 我們 沒有 神功 護 體 病毒 不分 地區 我們 很 害怕 我們 還 沒 準備 好 請 不 要 讓 我們 台南人 擔心 甚至 爆發 疫情 被 唾棄</t>
  </si>
  <si>
    <t>蔡英文 總統 今 在 臉書 表示 今天 本土 確診 案例 的 數量 明顯 增加 說明 了 疫情 確實 難 纏 她 也 提出 三 個 拜 讬 總統 指出 不要 氣餒 更 不 可以 鬆懈 有 三 件 事情 我 要 拜 讬 大家 一起 繼續 努力 第一 拜 讬 大家 繼續 堅持 防疫 指引</t>
  </si>
  <si>
    <t>華視 女主播 林 彥 汝 今 29 日 晚間 在 臉書 拍 片 證實 包括 她 老公 與 小孩 一家 三 口 全部 確診 新冠肺炎 坦言 今日 是 她 確診 第 6 天 同時 揭露 目前 醫療 能量 嚴重不足 的 殘酷 現況 不僅 19221999 電話 都滿線 檢疫所 跟 醫院 更是 爆滿</t>
  </si>
  <si>
    <t>港 星 黃秋生 昨日 提到 自己 因 工作 來 台 目前 正在 接受 14 天 隔離 檢疫 更 引起 大票 網友 鼓吹 入籍 臺灣 他 也 大方 地 回應 準備 中 但 現在 正 處 疫情 期間 先前 政府 有 禁止 陸 港 澳 人士 或 去 過 上述 地區 都 暫緩 入境 因此 黃秋生 能來 臺灣 遭 疑 有 特權 他 今 13 稍 早 也 在 臉書 發聲 解釋 並 道歉 黃秋 生來 台 拍攝 公 視 影集 四 樓 的 天堂 將 停留 臺灣 幾 個 月 但 身為 港 星 卻 能 入境 臺灣 更 受到 不少 質疑 聲浪 認為 他 有 特權 才能 來 臺灣 但 他 稍 早 在 臉書 闢謠 表示 自己 是 透過 正當程式 申請 簽證 花 了 好幾 個 月 的 時間 並非 網友 說 的 有 特權 對於 造成 一些 人 的 困擾 深感 抱歉 黃秋生 臉書 全文 我 入境 臺灣 沒有 持 權 的 從 正 途 申請 簽證 前後 搞了個 多 月 完全 根據 臺灣 的 隔離政策 我 不是 旅遊 身份 入境 的 對於 令 別人 帶來 不必要 的 解釋 非常 抱歉</t>
  </si>
  <si>
    <t>雙北 本土 疫情 連日 以來 激增 數 百 例 更 早 之前 的 華航 諾 富特 群 聚 事件 反而 逐漸 歸 零 竟 有 一 名 機師 在 臉書 po 文 嘲諷 目前 的 疫情 酸 歡迎 各位 自主 健康 管理 還 嗆 什麼 你們 台中 還 沒 三級 喔 囂張 言論 引起 網友 不</t>
  </si>
  <si>
    <t>雙北 本土 疫情 連日 以來 激增 數 百 例 更 早 之前 的 華航 諾 富特 群 聚 事件 反而 逐漸 歸 零 竟 有 一 名 機師 在 臉書 po 文 嘲諷 目前 的 疫情 酸 歡迎 各位 自主 健康 管理 還 嗆 什麼 你們 台中 還 沒 三級 喔 囂張 言論 引起 網友 不滿 華航 諾富 特事 件 爆發 後 機師 族群 成 了 眾矢之的 網友 認為 機師 坐 領 高薪 卻 無視 疫情 風險 自主 管理 期間 還 出來 趴 趴 走 甚至 約會 把 病毒 傳入 社區 主導 協調 改 為 3 11 的 立 委 範雲 也 成 了 網友 炮轟 對象 當時 已 有 不少 機師 承受 莫大 壓力 現在 華航 諾 富特 疫情 趨 緩 反倒 是 雙北 成 了 重災區 一 名 機師 在 某 臉書 社團 留言 不好意思 在下 忝 為 死雞 師 一 員 要 槍斃 我們 嗎 歡迎 各位 來到 死雞 師 們 早已 習慣 的 自主 健康 管理 生活 該 機師 愈 講 愈 酸 似乎 在 宣洩 先前 成為 箭 靶 的 不滿 喔 抱歉 是 已經 被 關過 管 他 幾 天才 能 過 一下 然後 又 強迫 重複 迴圈 被 關 的 日常 什麼 你們 台中 還 沒 三級 喔 放心 啦 也 不過 就是 接下來 兩 天 的 事 一起 來 體驗 吧 要 早點 習慣 只 會 越來越 糟 的 偏激 言論 被 網友 截 圖 po 出 眾人 傻眼 這 是 很 糟糕 又 情緒 性 的 發言 大家 並 不在乎 有 多少 人 中獎 大家 在乎 的 是 疫 調 有 沒有 誠實 說真的 機師 族群 同溫層 效應 很 強 他們 很多 人 不 知道 自己 的 發言 有 多 北 七 一邊 領 高薪 一邊 又 不 願意 負 風險 有 什麼 好 唉唉叫 的 醫護人員 就 該死 嗎 同樣 具備 高度 專業 你 以為 只 有 你們 機師 要 退讓 跟 忍耐 嗎</t>
  </si>
  <si>
    <t>什麼 帶 n 95 口罩 反而 會 增加 身體 負擔 新冠肺炎 疫情 擴大 人人 戴 上 口罩 自保 有些 人 會 選擇 戴 上 過濾 效果 最好 的 n 95 口罩 防疫 不過 胸腔 重症 醫生 蘇一峰 卻 認為 n 95 口罩 的 效果 不 一定 比 醫療 口罩 還好 事實上 一般 民眾 戴 上 n 95 口罩 反而 還 會 出現 健康 問題 對 心 肺 造成 負擔 今 1 日 蘇一峰 醫師 在 臉書上 表示 大家 在 疫情 時期 都會 戴 上 口罩 多 增 一 層 保護 可是 戴 上 n 95 口罩 罩 不 一定 比 一般 口罩 更 好 他 指出 這 可不是 愚人節 玩笑 若 不是 高風險 的 醫療 人員 戴 n 95 口罩 恐 出現 健康 疑慮 蘇一峰 舉出 2 個 例子 一 位 肺 阻塞 高齡 患者 因為 擔心 就 戴起 了 n 95 口罩 反而 變 得 越來越 喘 導致 呼吸困難 而 送 急診 隨後 被 診斷 出 二氧化碳 累積 的 現象 另外 還有 一 位 年輕 女性 因為 工作 需要 而 戴 上 n 95 口罩 反而 吸 不到 空氣 更 導致 氣喘 此 急性 發作 為何 戴 上 n 95 口罩 會 導致 呼吸道 疾病 發 做 呢 蘇一峰 指出 有 4 個 主要 原因 n 95 口罩 密合 度 緊密 且 空氣阻力 大 如果 呼吸 換氣 能力 比較 差 的 人 使用 時 會 使得 換 氣量 更少 導致 氧氣 不足 甚至 二氧化碳 的 累積 n 95 口罩 的 鼻樑 壓條 壓力 較 大 戴 上 後 常常 會 把 鼻子 壓 扁 引發 n 95 所 造成 的 鼻腔 阻塞 更進一步 造成 呼吸 換氣 不足 氣喘 的 患者 常常 有 鼻 過敏 的 問題 如果 鼻腔 壓 太 緊 的 物理 刺激 反而 引起 鼻子 過敏 導致 呼吸道 一併 過敏 氣喘 也 因此 急性 發作 一般 健康人 久 戴 n 95 口罩 也 會 出現 運動 走動 覺得 喘 甚至 是 換氣 不足 產生 昏昏欲睡 的 感覺 因此 蘇一峰 認為 在 疫情 期間 外出 若無 法 保持 人際 距離 時 應該 戴 上 口罩 但 此時 建議 選擇 一般 口罩 即可 n 95 口罩 不 一定 會 更 好 醫生 更 提醒 本身 有心 肺 疾病 的 人 戴 n 95 口罩 務必 要 小心 可能 增加 對心 肺 功能 的 負擔</t>
  </si>
  <si>
    <t>受到 新冠肺炎 疫情 升溫 影響 原定 3 月 1 日 舉行 的 東京 馬拉松 規模 大幅 縮減 預計 將 有 38萬 跑 者 參與 的 賽事 最終 僅 開放 200 位 職業 跑 者 競賽 並且 不 會 退還 報名 費 消息 一 出 掀起 參賽者 反感 不過 一 名 住 在 臺灣 的 日本 網 紅 則 點出 背後 台日 差異 直言 臺灣 太 友善 了 網 紅 日本 人 的 歐吉桑 在 臉書 po 文 指出 這次 東京 馬拉松 報名 費約 16000 日 幣 有 38000 人 參賽 報名 費 總計 約 6億 日 幣 約 新 台幣 16億 根據 過往 經驗 無論是 馬拉松 或是 腳踏車 活動 日本 主辦單位 絕不會 退費 他 自己 也 曾 遇過 同樣 的 狀況 當時 報名 的 腳踏車 活動 因為 颱風 來 襲而 取消 主辦單位 同樣 公佈 不退 費 他 坦言 雖然 大家 覺得 不 甘心 但是 不少 人 接受 沒有 退費 的 事情 因為 很多 人 理解 為了 活動 準備 他們 主辦單位 已經 花 很多 錢 的 事情 反觀 臺灣 主辦單位 舉辦 相關 活動 時 若 因故取消 願意 退費 的 舉動 總 讓 他 大 感 驚訝 從中 發現 台日 文化差異 直言 臺灣 的 主辦單位 太 友善 我 猜想 他們 應該 賠 很多 錢 貼 文一 出 隨即 掀起 網友 熱 議 紛紛 留言 回應 不可 抗拒 因素 可 理解 原來 有 這樣 的 國情 差異 臺灣 消費者 意識 較 強 不退 費會 被 輿論 攻擊 到 死 有時候 文化差異 真的 難以想像 臺灣 投訴 媒體 民 代立 委 不過 也 有人 認為 從 參加者 消費者 的 角度 來看 付 報名 費就 是 買 服務 體驗 活動 取消 了 東西 不 賣 了 退費 是 天經地義 的 事 主辦單位 先 花 了 很多 錢 準備 活動 那是 他們 的 投資 活動 被迫 取消 退費 若 賠錢 那是 主辦單位 他們 理應 要 負 的 投資 風險 出來 辦 活動 賺 錢 沒有 不用 負 風險 的 推 給 參加者 自己 負擔 是 不對 的 事情 不 覺得 可以 用 國情 差異 帶過 可以 考量 成本 或 時間 不退 全額 但 一塊 錢都 不退 絕對 是 錯 的 事情 政府 或 法律 應該 要 保障 參加 消費者 的 權益 才對</t>
  </si>
  <si>
    <t>新冠肺炎 疫情 嚴峻 其中 隱形 缺氧 因 事前 無 任何 徵兆 且 致死 率 高 讓 不少 民眾 瘋 買 血 氧 機 方便 檢測 近日 有 一 名 男子 在 網路上 購買 了 3 台 血 氧 機 測試 女兒 的 布偶 娃娃 竟然 也 有 血 氧 心跳 令 她 氣 得 大罵 難怪 一 堆 人 隱形 缺氧 無良 商人 一定 會 下 地獄 對此 奇 美 醫學 中心 加 護 醫學 部 主治醫師 陳志金 也 教 大家 3 步驟 分辨 真偽 一 名 男子 日前 於 個人 臉書 分享 前 陣子 在 網路 買 了 3 個 血 氧 機 放在 家裡 以備不時 之 需 等 了 好 一陣子 後 終於 到貨 他 興沖沖 地 將 電池 裝上 後 立刻 將 手指 放 入 其中 測試 電子 面板 顯示 血 氧 98 心跳 72 他 立刻 拿 給 太太 監測 豈 知 女兒 為了 好玩 將 血 氧 機 夾布 偶 的 耳朵 竟然 測到 血 氧 88 且 還有 心跳 讓 他 當場 傻眼 再 測試 了 3 次 結果 都 一樣 他 趕緊 上網 查看 當初 購買 的 網站 才 發現 受騙 欲哭無淚 地 表示 難怪 一 堆 人 隱形 缺氧 用到 假 的 血 氧 機 無論 怎麼 監測 都會 是 98 無良 商人 一定 會 下 地獄 對此 陳志金 醫師 也 在 臉書 教 大家 辨別 血 氧 機 真偽 3 步驟 首先 只 有 活 人 的 手指 才會 有 訊號 非 生命體 是 沒有 訊號 的 若 將 筆 夾 入 血 氧 機內 仍然 可 看到 血 氧 和 心跳 2 個 跳動 的 數字 就是 假貨 第二 心跳 的 數字 會 隨 著 監測 人 靜止 或 運動 後 而 大幅 變化 兩者 的 數字 差異 不大 就是 假貨 最後 監測 者 閉氣 後 血 氧 數字 會 出現 典型 下降 如果 血 氧 沒有 明顯 下降 或者 下降 情況 不 典型 就是 假貨 陳志 金表 示 開始 閉氣 時 的 血 氧 達 98 34 秒 後 血 氧 就 會 降 至 95 恢復 呼吸 後 血 氧 仍 會 持續 掉 至 81 待 心臟 把 血 疫 送到 指尖 需要 時間 因此 會 漸漸 再 回升 至 99 不過 他 也 警告 有 心血管 或 肺部 疾病 患者 請勿 嘗試 中 時 新聞網 提醒您 因應 新冠肺炎 疫情 疾 管署 持續 加強疫情 監測 與 邊境 管制 措施 如有 疑 似 症狀 請 撥打 1922 專線 或 0800 001922 並 依 指示 配戴 口罩 盡 速 就醫 同時 主動 告知 醫師 旅遊 史及 接觸 史 以利 及時 診斷 及 通報</t>
  </si>
  <si>
    <t>新冠肺炎 全球 肆虐 世界 各國 老早 疫情 整得 天翻地覆 馬來西亞 就 是 其一 且 自 出現 疫情 至今 狀況 都 沒能 好轉 始終 維持 在 每天 6千 確診 數 左右 而 政府 在 第一時間 就 宣佈 了 全面 封鎖 令 但因 情況 始終 不明朗 日前 又 宣佈 全國 封鎖 無限期 延長 除非 確診 數 降到 4千 接種 疫苗 全國 人數 達 10 否則 不 會 鬆綁 這 讓 定居 該處 的 金馬影 後 李心潔 忍不住 崩潰 在 2 個 孩子 面前 痛哭 事實上 李心潔 居家 防疫 已經 1 年 多 而 6 月初 馬來西亞 政府 終究 是 宣佈 全國 封鎖 當時 李心潔 還 po 文 自我 鼓勵 要 好好 待 在家 和 孩子 們 學習 如何 把 24 小時 黏在 一起 的 苦 與 樂 不料 7 2 大 馬政府 又 宣佈 全國 封鎖 措施 無限 延長 讓 她 難以承受 據 聯合報 報導 李心潔 防疫 在家 一 打 二 一直 以來 都 堅強 撐 著 但 眼見 解禁 遙遙無期 坦言 狀況 嚴重 到 看不見 未來 自己 又 得 一 肩 扛起 持家 重擔 她 某天 突然 撐不住了 在 兒子 面前 崩潰 落淚 說出 自己 很 累 而 孩子 們 靜靜地 看 著 第一 次 意識 到 他們 媽媽 也 會 累 李 心 潔 透露 在 她 大 崩潰 後 如今 已 先 將 孩子 讬 付給 家裡 長輩 照顧 獨自 靜坐 念經 體會 以 靜 治 制 動 讓 心情 安定 下來 如今 已 找回 正向 積極態度 笑 言 現在 無論 孩子 如何 調皮 我 都 能 把 他們 安定 下來 讓 天下太平 而 因為 疫情 禁令 大馬 許多 民眾 的 生活 陷入 困頓 民間 發起 白旗 計 畫 鼓勵 有 困難 的 人 將 白旗 掛 在 門上 尋求 協助 向來 熱心 公益 的 李心潔 也 回應 在 臉書上 轉貼 相關 文章 呼籲 大家 一起 幫忙 一同 挺 過 難關</t>
  </si>
  <si>
    <t>全國 各縣市 疫苗 紛紛 開 打 臺北市 今 15 日 起 替 預約 接種 的 85 歲 以上 長者 及 65 歲 以上 原 住 民 施打 疫苗 但 信義 區 長輩 卻 必須 頂 著 豔陽 在 飽受 高溫 曝曬 的 天氣 下 排隊 等待 引起 討論 財經 網 美 胡采蘋 在 臉書 emmy 追 劇 時間 分</t>
  </si>
  <si>
    <t>全國 各縣市 疫苗 紛紛 開 打 臺北市 今 15 日 起 替 預約 接種 的 85 歲 以上 長者 及 65 歲 以上 原 住 民 施打 疫苗 但 信義 區 長輩 卻 必須 頂 著 豔陽 在 飽受 高溫 曝曬 的 天氣 下 排隊 等待 引起 討論 財經 網 美 胡采蘋 在 臉書 emmy 追 劇 時間 分享 北市 信義 區 國 中外 長輩 排隊 接種 疫苗 的 照片 畫面 中 可 看到 許多 高齡 長者 其中 有人 還 拄 著 拐杖 坐 著 輪椅 仍 必須 頂 著 33 34 度 的 高溫 排成一列 長長的 隊伍 等待 接種 胡 采 蘋 寫道 這 張 85 歲 老人 們 在 豔陽 下 排隊 的 照片 就是 在 我 所 就讀 的 國 中所 拍攝 我 在 國中 時期 曾經 有 兩 次 在 升旗典禮 朝 會上 被 曬 到 昏厥 老師 主動 上來 要 我 回 教室 休息 對此 網友 也 紛紛 留言 表示 這種 天氣 中暑 了 怎麼辦 這種 規劃 完全 是 在 考驗 臺北 老人家 的 生存 意志 如果 這 是 我 的 爺爺奶奶 在 這樣 的 地方 排隊 我 一定 會 當場 哭 出來 如果我 是 85 歲 老人 拐杖 早就 丟 過去 了</t>
  </si>
  <si>
    <t>教育部 23 日 早上 表示 受 新冠肺炎 影響 為 避免 因 學生 個人 或 父母 等 主要 家庭成員 發生 非 自願 失業 減班 休息 或 經濟 急 難 等 情況 導致 學生 本人 就學 及 生活 出現 困難 已 積極 研 擬 規 畫 對 學生 的 紓困 計 畫 教育部 指出 為 讓 未來 計 畫 執行 更 順利 教育部 已 召開 兩 場次 說明會 徵詢 學校 意見 目前 正 依 學校 回 饋 建議 進行 執行 方式 的 調整 待 計畫 確定 後 近日 就 會 正式 對外 發佈 施行 對此 網友 們 傻眼 了 直 呼 蔡英文 政府 竟然 沒有 記取 之前 紓困 之 亂 的 教訓 還 在 巧立名目 亂髮 錢 真正 需要 紓困 的 勞工 朋友 卻 沒有 辦法 順利 拿 到 錢 度過難關 到底 在 搞 甚麼 教育部 傍晚 隨即 透過 新聞稿 澄清 強調 已 在 2 月份 與 大專 校院 研議 啟動 相關 助學 機制 在 這 之上 將 持續 協助 照顧 更 多 需要 幫忙 的 學生 應無 另 立 紓困 方案 之 準備 宅 神 朱學 恒 在 臉書 表示 教育部 啊 教育部 掩 面</t>
  </si>
  <si>
    <t>資深 媒體 人 周玉蔻 今 又 再度 獨家 爆 料 表示 最新 一 批 的 疫苗 將 在 5 月底 6 月中 旬 準時 抵 台 引發 網友 討論 有 網友 就 譏諷 已經 有 周玉蔻 了 不 知道 還要 衛福 部長 陳時中 幹 嘛 另 有 網友 指出 這 則 訊息 之前 就 有 相關 報導 不 曉得 她 這個 獨家 是 lag 了 多久 周玉蔻 今 18 日 在 臉書上 表示 有 個 獨家 好 消息 az 以及 莫德納 疫苗 將 在 5 月底 6 月中 旬 分批 抵 台 就 在 發文 不久 後 周玉蔻 就 將 az 與 莫德納 的 敘述 刪除 對於 周玉蔻 再一 次 獨家 爆 料 批 踢踢 網友 表示 如果 能 公佈 的 話 為什麼 不是 由 衛福部 公告 新聞 可以 請 她 當 指揮官 嗎 臺灣 防疫 指揮官 變 政論 名 嘴 是 哪 招 笑 死 以後 看 周玉蔻 的 臉書 就 好 了 開 什麼 記者會 下午 記者會 看 陳時中 部長 怎麼 回 應 陳時中 不 抓 就 告 他 瀆職 肯定 執政黨 有人 放 出來 的 啊 政論 名 嘴 變 防疫 指揮官 根本 國際 笑話 更 有 網友 譏諷 其他人 爆 料 是 妨害 蔻蔻 姐 我們 的 神 黨 說 造謠 一定 罰 等等 是 蔻蔻 姐 那個 和 時鐘 陳時中 有 超 自然 連結 另 有 網友 認為 周玉蔻 這 消息 不能 算 獨家 az 第 三 批 4 15 就 有 新聞 了 莫德納 之前 新聞 也 是 說 5 月底 6 月初 可能 會 進來 不 曉得 她 這個 獨家 是 lag 了 多久 記者 查詢 網友 所 給 的 線索 發現 部分 媒體 也 曾 在 4 月 15 日 報導 az 疫苗 將 在 6 月 15 日前 抵 台 及 莫德納 疫苗 5 月底 將 到 貨 的 訊息</t>
  </si>
  <si>
    <t>救人者 反 被 砍 確診 新冠肺炎 的 62 歲 洪姓 男子 昨 疑 因 不滿 遭 隔離 入住 新北 市 雙和 醫院 負 壓 病房 竟 持 水果刀 砍 傷 3 名 護理 師 警方 獲 報 著 隔離 衣 趕往 醫院 將 他 壓制 上 銬 同時 在 病房 完成 筆錄 但 學姊 卻 在 臉書 中 爆 料 其中 一 名</t>
  </si>
  <si>
    <t>救人者 反 被 砍 確診 新冠肺炎 的 62 歲 洪姓 男子 昨 疑 因 不滿 遭 隔離 入住 新北 市 雙和 醫院 負 壓 病房 竟 持 水果刀 砍 傷 3 名 護理 師 警方 獲 報 著 隔離 衣 趕往 醫院 將 他 壓制 上 銬 同時 在 病房 完成 筆錄 但 學姊 卻 在 臉書 中 爆 料 其中 一 名 護理 師 神經 韌帶 都 被 砍 斷 右手 就 這樣 被 一個 垃圾 毀 了 洪 男 上月 28 日 被 衛生局 通知 確診 入住 雙和 醫院 11 樓負 壓 病房 昨 上午 7 時許 突然 情緒 失控 怒 喊 不 願意 被 隔離 接 著 拿出 入住 時即 攜帶 的 水果刀 揮舞 並 砍 傷 3 名 護理 師 中和 警 分局 錦 和 派出所 獲 報 出動 6 名 警員 穿 著 隔離 衣 趕往 喝令 洪 放下 水果刀 並 上 銬 逮捕 23 歲 施姓 護理 師 腹部 穿 刺傷 25 歲 陳姓 護理 師 胸部 及 右手 刀傷 27 歲 蔡姓 護理 師 肚皮 刀傷 以 施姓 護理 師 傷勢 較 重 需 開刀 治療 所幸 均 無 生命危險 有 自稱為 護理 師 的 學姊 卻 在 臉書 靠北 護理 師 留 言說 新聞 不 會 告訴 你們 的 事 一 人 神經 韌帶 被 砍 斷 一 人 氣胸 一 人 腹部 受傷 現在 不只 防病毒 還要 防病 人 學姊 心疼 留 言說 才剛 畢業 工作 沒 幾 年 20 多 歲 右手 就 這樣 被 一個 垃圾 毀 了 學妹 辛苦 了 雙 和 醫院 表示 關於 傳出 護理 師 確診 等 都是假 訊息 有 2 名 護理 師 傷勢 較為 嚴重 由於 涉及 護理 師 個人隱私 不 方便 多 做 表示 目前 手術 開刀 狀況良好 感謝 各界 關心 雙 和 醫院 重申 身 為 新北 市 防疫 隔離 醫院 堅守 肩負 收治 重症 後 送 病人 的 責任 與 全國 醫護 共同 站 在 防疫 第一線 守護 民眾 健康 安全 對於 醫療 暴力 滋事 絕不 寬 貸 確保 醫護人員 安全</t>
  </si>
  <si>
    <t>新冠肺炎 疫情 持續 延 燒 大甲鎮 瀾 宮 媽祖 繞 境 是否 如期舉行 引發 議論 基 進 黨立委 陳柏惟 表示 鎮 瀾 宮將 取消 1300 桌 起 駕 宴 直言 這 是 主辦 與 防疫 單位 充分 溝通 的 結果 不過 大批 網友 認為 還是 要 延期 舉辦 繞 境 相信 媽祖 一定 會 體諒 的 新冠肺炎 疫情 延 燒 全台 而 宗教 盛事 大甲 媽祖 繞 境 預計 將 在 下 個 月 19 號 開始 然 外界 擔心 如此 高 人數 的 群 聚 活動 恐 成為 防疫 缺口 認為 需 為 民眾 安全 考慮 停辦 與否 大甲鎮 董事長 顏清標 表示 會 再 與 南部 各 宮廟 協商 後 在 26 日 舉行 記者會 對外 說明 媽祖 繞 境 是否 會 延期 還 不得而知 不過 媽祖 繞 境 前 的 起 駕 宴 確定 停辦 陳柏惟 昨 在 臉書 爆 料 快訊 起 駕 宴 1300 桌 停辦 他 想 這 是 主辦 與 防疫 單位 充分 溝通 的 結果 但是 大批 網友 認為 停辦 起 駕 宴 不是 重點 重點 是 大甲 媽祖 繞 境 應該 要 延期 才 是 網友 灌 爆 陳柏惟 臉書 表示 應該 是 整個 活動 徹底 延期 辦理 只是 起 駕 宴 啊 重點 是 繞 境 活動 啊 看看 韓國 很怕 臺灣 也 因為 宗教 而 防疫 破 功 香港 也 是 佛堂 傳染 支持 暫緩 宗教 活動 希望 取消 媽祖 繞 境 我 相信 媽祖 娘娘 會 體諒 大家 也 會 保佑 臺灣 的</t>
  </si>
  <si>
    <t>新冠肺炎 肆虐 最近 日本 確診 案例 連環 爆 但 日本政府 在 防疫 措施 上 相當 輕忽 腎臟科 醫師 江守山 在 節目 上 分享 許多 日本 朋友 只 把 新冠肺炎 當作 是 感冒 看待 不用 理 它 讓 他 超 驚訝 鄭弘儀 昨 在 節目 新聞 挖 挖 哇 上 指出 新冠肺炎 發展 至今 許多 國家 在 防疫 上 仍然 相當 輕忽 尤其 是 日本 竟然 還 有 發燒 達 375 度 且 持續 4 天 再 就醫 的 規定 讓 他 非常 驚訝 腎臟科 醫師 江守山 也 在 節目 中 表示 日本政府 在 想 什麼 真的 搞不懂 但是 不少 日本 人 對 新冠肺炎 的 看法 竟是 感冒 而已 不用 理 它 但 一般 感冒 的 死亡率 會 有 2 嗎 怎麼 能 將 新冠肺炎 當 感冒 看 且 它 傳染 力 比 sars 更 厲害 江 守 山 也 直言 這次 東京 奧運 恐怕 是 辦 不 下去 因為 疫情 鐵定 是 會 在 奧運 之前 爆發 而 中山 醫藥 大學 附設 醫院 兒童 急診科 主任 謝 宗學 也 在 臉書上 分享 東京 奧運 如期舉行 的 機 率 不 高 除非 夏季 的 高溫 真 能 舒緩 疫情 但 仍 需 面對 各國 是否 願意 讓 價格不菲 的 運動員 前往 疫區 參賽 的 問題</t>
  </si>
  <si>
    <t>05 45 新增 陸委會 淩晨 書面聲明 指出 這 名 血友病 少年 是 兩岸 婚姻 在 台 所生 的 子女 在 台 辦理 出生 登記 領有 臺灣 身分 證 具有 中華民國 籍 有關 媒體 及 網路 流傳 血友病 童並 沒有 臺灣 國籍 他 是 徹頭徹尾 的 中國 人 訊息 並非 事實 不應 再 繼續 錯誤 流傳 陸委會 強調 對於 血友病 少年 這次 因 疫情 因素 在 湖北 滯留 他 的 特殊 用藥 需求 政府 非常重視 由 海基會 透過 台商協會 管道 予以 協助 來 維護 他 生命 需要 希望 各界 能夠 正確理解 相關 訊息 並 予以 理性 看待 湖北 武漢 因 新冠 病毒 肺炎 疫情 封城 導致 一 名 回鄉 省親 的 臺灣 血友病 少年 與 母親 馬女士 遭 滯留 一 名 前 外交人員 劉仕傑 今晚 在 臉書 po 文 踢 爆 血友病 童是 中國 國籍 不是 臺灣籍 病童 固然 可憐 但 他 的 親生父母 都 是 中國 人 但 劉仕傑 立刻 遭 陸委會 打 臉 陸委會 發言人 邱垂正 證實 少年 是 中華 民 國籍 血友病 少年 的 母親 馬女士 近日 再度 向蔡政府 求助 上次 海基會 千 裡 送藥 的 藥劑 已用 完 希望 能 盡 速 搭乘 後續 包機 返台 但 馬女士 讚揚 中國共產黨 催促 武漢 模式 包機 等 言論 令 臺灣 社會 出現 不少 反彈 聲浪 前 外交人員 劉仕傑 更 在 臉書 直指 病童 的 親生父母 都 是 中國人 他 是 徹頭徹尾 的 中國人 等 語 不過 陸委會 發言人 邱垂正 打 臉 劉 仕 傑 稱 血友病 童 的 生父 是 中華民國 籍 陸配馬 女士 在 臺灣 依親 多年 已 取得 中華民國 戶籍 並 核准 在 台 定居 病童 也 是 中華 民 國籍</t>
  </si>
  <si>
    <t>新冠肺炎 疫情 擴散 造成 民眾 瘋 搶 民生 物資 如 口罩 酒精 與 衛生紙 好 市 多 更 是 出現 一 次 又 一 次 的 喪屍 潮 但 如今 竟然 連 某個 以前 就 算 特價 也 沒人 想買 的 東西 如今 也 成為 搶手貨 讓 網友 傻眼 女網友 在 臉書 costco 好 市 多 商</t>
  </si>
  <si>
    <t>新冠肺炎 疫情 擴散 造成 民眾 瘋 搶 民生 物資 如 口罩 酒精 與 衛生紙 好 市 多 更 是 出現 一 次 又 一 次 的 喪屍 潮 但 如今 竟然 連 某個 以前 就 算 特價 也 沒人 想買 的 東西 如今 也 成為 搶手貨 讓 網友 傻眼 女網友 在 臉書 costco 好 市 多 商品 經驗 老實 說 po 文 表示 內 湖 好 市 多 的 濕式 衛生紙 才 進入 第一 天 特價 就 被 秒 殺 買 都 買不到 一 問 工作人員 只得 到 因為 現在 是 非常 時期 的 答案 女網友 不解 表示 這 明明 就 只 是 上 廁所 用 的 濕式 衛生紙 而已 以前 特價 都 沒人 要 現在 竟然 變 搶手貨 店家 還 無法 確定 進貨 時間 實在 傻眼 不少 網友 也 紛紛 留言 幹 的 搶 完就 換 搶 濕 的 臺灣人 不 缺 紙 缺 智 我 ok 你 先 大 現在 只 要 跟 紙 有關 的 大家 都 要 搶 以前 沒人 要 剛剛 發現 店家 還 限 購 穿孔 當 口罩 用 嗎</t>
  </si>
  <si>
    <t>兩性 專家 黃越綏 曾 是 陳水扁 時期 的 總統府 國策顧問 她 今 18 日 在 臉書 談 起 日前 新北 市 中 和 區 瓦 磘 裡裡 長 林綺芳 在 記者會 上 為 率隊 前往 歐洲 旅遊 道歉 卻 坦言 不 知道 哪裡 錯 了 忍不住 動怒 直言 這種 人 恐怕 只能 用 館長 的 口頭禪</t>
  </si>
  <si>
    <t>兩性 專家 黃越綏 曾 是 陳水扁 時期 的 總統府 國策顧問 她 今 18 日 在 臉書 談 起 日前 新北 市 中 和 區 瓦 磘 裡裡 長 林綺芳 在 記者會 上 為 率隊 前往 歐洲 旅遊 道歉 卻 坦言 不 知道 哪裡 錯 了 忍不住 動怒 直言 這種 人 恐怕 只能 用 館長 的 口頭禪 來 對付 新冠肺炎 疫情 肆虐 瓦 磘 裡裡 長 林綺芳 卻 因為 在 疫情 嚴峻 時刻 執意 率團 前往 西班牙 葡萄牙 等 地 旅遊 引發 爭議 對此 她 返國 後 特地 召開 記者會 道歉 強調 絕 沒有 為了 1萬4千 塊 補助款 出國 對於 外界 批評 聲浪 她 坦言 不 知道 做 錯 什麼 出國前 12 天 西班牙 才 宣佈 二級 警示 對於 裡長 的 說法 黃越綏 在 臉書 直言 感慨萬千 她 說 國 後 雖然 有 道歉 卻 又 強調 她 不 知道 自己 到底 哪裡 錯 了 如果 沒錯 幹 嘛 要道 歉 而 道歉 了 卻 又 不 知道 錯 在 哪裡 感歎 這種 人 只能 用 館長 口頭禪 來 對付 更 有 醫護人員 忍不住 在 文章 底下 留言 身為 醫護人員 的 我 真的 覺得 好累 為什麼 不能 共 體 時艱 一下</t>
  </si>
  <si>
    <t>全台 三級 警戒 延長 政府 機關 呼籲 民眾 減少 外出 不少 產業 受 影響 藝人 也 因 疫情 停工 連 出道 40 年 的 資深 男 星 曹 西平 也 直 呼 入行 從沒 遇過 這樣 的 狀況 無奈 歎 病毒 還 沒有 離開 可能 就 先 餓 死 了 曹 西平 27 日 在 臉書 發文</t>
  </si>
  <si>
    <t>全台 三級 警戒 延長 政府 機關 呼籲 民眾 減少 外出 不少 產業 受 影響 藝人 也 因 疫情 停工 連 出道 40 年 的 資深 男 星 曹 西平 也 直 呼 入行 從沒 遇過 這樣 的 狀況 無奈 歎 病毒 還 沒有 離開 可能 就 先 餓 死 了 曹 西平 27 日 在 臉書 發文 由於 疫情 關係 藝人 工作 全部 停 擺 大 歎 沒有 錄 影 通告 就 沒 收入 令 人 恐慌 這樣 子 的 日子 未來 會 如何 直言 藝人 工作 是 最 沒 保障 若 有 房 貸 車 貸 或是 要 養 雙親 和 小孩 沒 存款 的 話 會 很 吃力 曹 西平 坦言 入行 40 年 從沒 遇過 像 現在 停 棚 不能 群 聚 錄 影 的 狀況 雖然 無奈 卻 也 只能 等待 病毒 被 控制 住 疫情 趨 緩 才能 開工 並 談 到 以 前 在 秀 場 從 不怕 沒有 工作 但 現在 藝人 只 靠 錄 影 生活 一定 會 出 問題 還 得知 有 許多 年輕 藝人 在 詢問 紓困 方案 讓 他 看 了 覺得 十分 心酸 曹 西平 認為 藝人 這 份 工作 需要 熱情 維持 平時 等 通告就 難過 了 現在 是 病毒 還 沒有 離開 可能 很 多 藝人 都會 先 餓 死 了 最後 曹 西平 也 感歎 越 寫 心情 焦慮 這 陣子 情緒 總是 起伏 不 知道 這樣 的 日子 還 要 多久 講出 眾人 心聲 希望 疫情 趕快 消失 讓 大家 恢復 平常 工作</t>
  </si>
  <si>
    <t>新冠肺炎 疫情 人心惶惶 搶購 口罩 酒精 彷 佛 成為 臺灣人 的 全民運動 臺灣 採取 實 名 制 與 健 保 特約 藥局 配合 販 售 不過 這 也 讓 藥師 的 工作量 倍增 雖然 民眾 事先 可 在 口罩 地圖 查詢 然而 卻 面臨 困難 排隊 人潮 眾多 不少 藥局 會 在 現場 發 號碼牌 造成 查詢 時仍 有 存量 但 其實 是 保 留給 拿 號碼牌 民眾 的 狀況 也 因此 引來 不少 抱怨 有 藥師 透露 被 謾駡 到 心 累 決定 不 再 發放 號碼牌 要 麻煩 你們 從頭 站 到 尾 了 藥局 大小事 臉書 粉 專 發文 透露 指出 口罩 地圖 無法 反應 實際 狀況 其中 有 一 間 藥局 表示 自 2 6 協助 發放 口罩 以來 本 著 體恤 年邁 長輩 及 事務 繁忙 的 民眾 皆 採取 發放 號碼牌 制 已 領 號碼牌 的 民眾 可以 視 狀況 選擇 留在 現場 排隊 立即 領取 或是 等到 離 峰 時段 再 過來 憑 號碼牌 領取 該藥 局 自 認 此法 是 對 長輩 及 事務 繁忙 之 民眾 最 友善 的 方式 然而 自從 本 週四 每人 口罩 可 領取 3 片 以來 卻 遇到 不少 拿 著 手機 看 著 口罩 地圖 的 消費者 上藥 局 質疑 不顧 發放 規則 也 無視 店 內 排隊 人龍 只 認定 口罩 地圖 上 顯示 有 存量 更 甚者 還 會 質疑 號碼牌 是否 發 足量 質疑 不公 即使 藥局 解釋 了 已經 發放 號碼牌 這些 人 仍 繼續 懷疑 是否 發 足量 面對 這種 現象 藥局 表示 藥師 被 質疑 謾駡 到 心 累 因此 該藥 局 決定 自 下週一 3 9 開始 每日 早上 九 點 排隊 發放 口罩 不 發放 號碼牌 各位 長輩 不好意思 要 麻煩 你們 從頭 站 到 尾 了 各位 事務 繁忙 的 朋友 要 麻煩 你們 放下 手邊 的 工作 來 等待 了 po 文 一 出 後 也 有 許多 表示 自己 是 藥師 的 網友 留言 我 也 是 最近 被 投訴 口罩 地圖 困擾 真的 很 多 早就 不 發 號碼牌 了 就算 沒 發 號碼牌 開門 一 小時 就 賣 光 了 還 是 會 有人 質疑 我們 不可能 這麼 快 賣 完 這樣 實 名 制 20 感覺 更 恐怖 了 什麼 網路 預約</t>
  </si>
  <si>
    <t>內政部長 徐國勇 日前 宣佈 暫停 實施 全國性 酒 測 隨即 遭 行政院長 蘇貞昌 打 臉 徐國勇 也 趕忙 解釋 只 暫停 由 警政署 指揮 每月 兩 次 的 全國 同步 酒 測 措施 對於 是否 取消 全國性 酒 測 網友 意見 大多 認為 不妥 若要 取消 也 應有 配套措施 徐國勇 提出 將 暫停 實施 全國性 酒 測 遭 批 減分 部長 認為 是 放任 比 新冠肺炎 病毒 更 可怕 的 殺人 機器 要求 撤換 蘇貞昌 趕緊 滅火 表示 酒 駕 零 容忍 無論 中央 地方 都 不 打折 強調 仍 會 酒 測 希望 不要 來 亂 臉書 粉 專 老 天鵝 娛樂 也 舉辦 投票 詢問 徐國勇 因 新冠肺炎 延 燒 取消 全國性 酒 測 大家 是否 認同 他 的 做法 截至 今 8 日 下午 2 點 40 分 約 有 21萬 人 投票 88 表示 不 認同 12 的 人 認同 網友 認為 酒 測 可以 暫時 減少 但 這 期間 酒 駕 者 應處 以 最高 法則 大部分 的 人 皆 表態 不 支持 說 拜 讬 不要 取消 會 很 危險 正常 執行 都 有人 不怕 了 有些 事 可以 默默 的 做 但是 不能 說 如果 這不 是 豬 隊友 那 什麼 才是 其實 也 可以 取消 全國 外出 性 上班 啊</t>
  </si>
  <si>
    <t>新冠肺炎 疫情 嚴峻 網路上 常 流傳 假 訊息 引發 民眾 恐慌 屏 東縣 警察局 近期 接 獲 6 起 關於 疫情 的 假 訊息 已 移送 4 件 有鑒於 網路 數位化 犯罪 愈來愈多 縣 警 局 2 年 多 前 成立 科技 犯罪 偵查隊 及 數位 證物 實驗室 去年 協助 偵破 227 件 刑 案 因應 科技時代 犯罪 手法 日新月異 屏警 2 年 多 前 成立 科技 犯罪 偵查隊 及 數位 證物 實驗室 除了 將 刑 案 資料 建檔 進行 資料 整理 及 分析 外 也 主動 偵查 網路 假 資訊 蒐 集數 位 跡 證 達到 打擊犯罪 源頭 的 效果 這次 肺炎 疫情 科 偵 隊 也 受理 6 件 肺炎 假 訊 息 的 案件 目前 已 移送 4 件 1 件 緩 起訴 移送 的 4 件 都 是 一般 民眾 接收 到 網路 假 訊息 指出 某 醫院 有 肺炎 確診 案例 後 轉 po 到 自己 的 臉書 或 line 群 組 上 另外 2 件 則 以 假帳 號 進行 惡意 傳播 警方 表示 傳播 疫情 假 訊息 除了 違反 傳染病 防治法 第 63 條 最高 可 科 50萬元 罰金 也 違反 嚴重 特殊 傳染性 肺炎 防治 及 紓困 振興 特別 條例 第 14 條 可 處 3 年 以下 有期徒刑 拘役 或 科 或 並 科 300萬 元 以下 罰金 警方 表示 網路 時代 所 衍生 的 網路 駭 客 詐欺 恐嚇 勒索 等 犯罪 更 需要 有 電腦 資訊 網路 偵查 技巧 的 專業人才 在 既 有 的 傳統 刑事偵查 基礎 上 透過 橫向 連結 整合 發揮 打擊犯罪 最 大 成效</t>
  </si>
  <si>
    <t>第 七 輪 疫苗 將 由 az 上場 面對 來勢洶洶 的 delta 病毒 許多 人 想 快點 打 疫苗 提升 保護 力 icu 醫師 陳志金 分享 英國 44 歲 女主播 打完 第一 劑 az 三 周 後腦 出血 死亡 死因 是 打 疫苗 引起 免疫 血栓性 血小板 低下 症 導致 腦 靜脈 血栓 他 提醒 大家 打 疫苗 仍舊 利大於弊 但 接種 完 az 或 嬌 生 4 至 28 天 若 出現 嚴重 持續性 頭痛 視力 改變 癲癇 嚴重 持續 腹痛 下肢 腫脹 疼痛 嚴重 胸 痛 或 呼吸困難 等 症狀 最好 儘快 就醫 陳志金 昨 在 臉書上 分享 與 接種 疫苗 時序 相關 的 死亡 案例 多數 是 病人 本身 有 心血管 疾病 最後 檢查 與 疫苗 發現 並 無 因果 關係 但 近日 英國 出現 一個 案例 經數 個 月 的 調查 發現 死亡 個案 確定 是 接種 az 疫苗 後 引起 之 免疫 血栓性 血小板 低下 症 vitt 陳志金 引述 英國 bbc 的 報導 44 歲 女主播 接種 第一 劑 az 3 周 後腦 出血 死亡 經過 驗屍 官 數 個 月 的 檢驗 和 調查 終於 在 8 月 26 日 證實 女主播 的 死因 極其 罕見 是 打 疫苗 引起 的 免疫 血栓性 血小板 低下 症 導致 大腦 靜脈 血栓 進而 造成 腦 部 腫脹 與 出血 陳志 金表 示 女主播 4 月 22 日 打 第一 劑 az 5 月 13 日 出現 嚴重 頭痛 的 症狀 送醫 發現 腦 靜脈 血栓 cvst 經 治療 後 改善 但 在 5 月 16 日 晚間 頭痛 加劇 說話 出現 困難 照 了 電腦 斷層 發現 腦 出血 切開 顱骨 減壓 但 病情 持續 惡化 最終 仍 在 5 月 21 日 去世 陳志金 說 血栓 併發症 的 發生率 約 百 萬分 之 十 英國 在 注射 2480萬 第一 劑 2390萬 第二 劑 az 疫苗 後 總共 通報 417 例 不良反應 其中 72 例 死亡 因此 英國政府 認為 對 多數 人 而言 接種 az 疫苗 仍舊 是 利大於弊 的 選擇 陳志金 提醒 施打 az 或 嬌 生 疫苗 4 至 28 天內 出現 嚴重 持續性 頭痛 視力 改變 或 癲癇 恐是 腦 靜脈 竇 血栓 的 可能 症狀 如果 出現 嚴重 且 持續腹痛 超過 24 小時 則 有 可能 是 腹內 靜脈 血栓 造成 的 下肢 腫脹 或 疼痛 可能 是 深層 靜脈 血栓 的 症狀 嚴重 胸 痛 或 呼吸困難 則 是 肺 栓塞 的 可能 症狀 貼 文 引起 網友 討論 所有 的 疫苗 都 可能 產生 副作用 疫苗 只能 救 多數 人 但 也 可能 帶走 一些 人 所以 打 az 可能 會 血栓 不是 含血噴人 只是 機 率 很 低 而已 我 打 az 頭痛 2 周 跑 去 急診 醫師 有 幫 照 腦 部 斷層 和 抽血 排除 血栓 可能 昨天 才去 打 az 看到 這個 有點 怕</t>
  </si>
  <si>
    <t>新冠肺炎 疫情 仍 持續 發燒 死亡 人數 連日 創新 高 不過 前 綠 委 沈富雄 發現 新冠肺炎 致死 率 和 年齡 似乎 有 關係 有 驚人 關係 沈 認為 對 青壯之 士 以 佛 系 之 眼 待 此 病毒 對 70 歲 以上 的 老人家 以 魔 網 全力 反向 圍堵 沈富雄 在 臉書 發文 表示 有 關新冠肺炎 的 各種 資料 由於 各地 各 城 各州 各國 的 篩檢 率 及 及 篩檢 結果 的 可信度 互異 至今 眾說紛紜 難以 比較 沈富雄 接 著 表示 西雅圖市 是 他 的 第 三 故鄉 台 南市 第一 臺北市 第二 該市 所屬 的 華盛頓州 及 州 屬 的 科克蘭 市 是 全美 爆發 疫情 的 第一 州 及 第一 市 開始 時 防疫 工作 七零八落 篩檢 技術 嚴重 落後 不過 至今 情況 已 趨 穩定 一 項 重要 的 資料 致死 率 與 年齡 的 關係 其 落差 十分 驚人 沈富雄 認為 如果 一切 可以 重來 放之四海而皆準 的 戰略 似乎 是 1 阻絕 或 攔截 病毒 於 境外 或 境 上 這個 境 包括 廣義 的 國境 州 境 市 境 鄉鎮 境 以及 人 與 人 之間 的 境 2 一旦 本土 個案 起跳 應盡 全力 保護 70 歲 以上 的 老人 將 老 人群 聚 的 地方 完 全封閉 不許 進出 公家 提供 所 有 生活 必須品 直到 疫情 過去 對 青壯之 士 以 佛 系 之 眼 待 此 病毒 對 70 歲 以上 的 老人家 以 魔 網 全力 反向 圍堵</t>
  </si>
  <si>
    <t>微軟 microsoft 29 日 週三 上 季營 收 獲利 雙雙 優於 市場 預估 雲端 業績 勁揚 功不可沒 而 疫情 使得 遠 端 上 班 需求 大增 帶動 微軟 線 上 開會 程式 team 使用率 大增 全球 居家 令 則 使 xbox 遊戲 服務 活躍 使用者數 躍升 這家 全球 軟 體 霸主 表示 新冠肺炎 對 第一 季 整體 業績 影響 不大 要到 未來 相關 衝擊 才 會 完全 反映 在 財 報上 受 此 激勵 微軟 週四 早 盤 開盤 勁揚 5 距離 2 月底 的 締造 的 歷史 高點 只 差 不 到 4 今年 股價 累 升 12 微軟 會計年度 第 三 季 1 到 3 月 營 收成 長 15 至 3502億 美元 淨利 躍 升 22 至 108億 美元 每股 盈 餘 14 美元 優於 市場 預估 的 營 收 337億 美元 每股 盈 餘 126 美元 負責 azure 的 智慧 雲端 部門 上 季 銷售 勁 升 27 至 1228億 美元 超越 分析 師 預期 民眾 在家 工作 需求增 使得 surface 裝置 與 windows 授權 收入 勁升與 微軟 預期 一致 此外 xbox live 遊戲 服務 參與度 創 新高 活躍 用戶數 躍 升至 1900萬 人 team 軟 體 每日 活躍 用戶數 由 3 月中 的 逾 4400萬 人 激 增至 7500萬 人 4 月 曾有 單日 視 訊 會議 參與者 超過 2億 人 的 紀錄 微軟 表示 新冠肺炎 為 公司 業務 帶來 的 初期 影響 各有利弊 隨 著 客戶 在家 工作 和 學習 讓 teams azure 等 雲端 產品 更 受 歡迎 至於 上 季 的 最後 幾 周 交易 授權 明顯 下滑 尤其 是 中小企業 linkedin 廣告 收入 也 銳減 就是 業績 被 打擊 的 部分 fort pitt 資本 集團 分析 師韓德 森 指出 營 收 增長 15 並不 特別 意外 雖說 在 眼前 的 市況 下 這樣 的 成績 已 相當 傑出 他 認為 令 人 驚奇 的 是 微軟 所有 事業 在 各樣 環境 下 仍 表現 穩健 由 微軟 穀歌 臉書 的 財 報 來看 顯示 失業率 飆 升 經濟衰退 之際 到 目前為止 科技 巨擘 業績 仍 能 挺 住 臉書 與 穀歌母公司 alphabet 皆 提及 廣告 收入 在 3 月 大幅 縮減 之後 4 月 出現 回穩 跡象</t>
  </si>
  <si>
    <t>亞太 電 3682 瞄準 近年來 興起 的 618 檔 期 即日起 至 6 月 18 日 順勢 推出 限 時 7 天 的 88 勁 量 吃到 飽 單 門號 方案 看好 本次 疫情 加速 宅 經濟 發酵 亞太 電 也 看好 此 波 年中 慶 帶來 的 商機 對 電 商 來說 618 年 中慶 也 成為 繼 雙 11 活動 之後 的 第二 大年 度 電 商 盛會 亞太 電 數位 門市 趁勢 推出 限 時 7 天 的 88 勁 量 吃到 飽 單 門號 方案 即日起 至 6 月 18 日 凡 六 個 月 內 未 申辦 過 亞太 電 門號 之 新 申辦 攜 碼 用戶 月 付 88 元 綁 約 18 個 月 贈送 10 gb 資料 流量 超量 享 12 mbps 上網 吃到 飽 上網 追 劇 流覽 網頁 及 臉書 等 使用 行為 均 綽 綽 有 餘 語音 部分 不僅 網外 市話 贈送 30 分鐘 超過 分鐘 數 每 分鐘 也 只 要 1 元 語音 和 上網 優惠 都 超 值 亞太 電錶 示 近年 電 商 購物 氛圍 持續 發酵 除 雙 11 檔 期 外 618 年 中慶 陸續 也 有 許多 電 商 平臺 加入 成為 網 購 的 年中 促銷 大 檔 亞太 電 數位 門市 去年 雙 11 檔 期 業績 創下 近 3 年 銷售 最佳 紀錄 業績 較 平日 翻倍 成長 今年 因為 疫情 關係 加速 宅 經濟 發酵 亞太 電 看好 此 波 年中 慶 帶來 的 商機 另外 國內 疫情 趨 緩 防疫 政策 逐步 解封 國人 休閒活動 慢慢 復蘇 亞太 電 也 乘 勝 追擊 提供 更 多 元 網 商 服務 即日起 至 8 月 25 日 結合 kono digital 旗 下 專屬 結合 店家 新 服務 kono@ 電子 雜誌 推出 萊 看 kono@ 電子 雜誌 活動 不 限 亞太 電 用戶 民眾 在 全台 超過 千家 的 賴爾富 指定 門市 掃描 休息區 桌上 的 qrcode 下載 email protected app 即 可 免費 觀看 90 分鐘 kono@ 電子 雜誌 kono 電子 雜誌 擁有 數 百萬 本 日 韓 台 港 歐 暢銷 雜誌 文章 更 可 使用 影音 播放 文字 與 影音 雙管齊下 讓 學習 更 有 效率</t>
  </si>
  <si>
    <t>臉書 社團 我 是 新 店 人 好山好水 新 店 區 大坪 林 七 張 碧潭 安 坑 深 坑 石 碇 坪林 烏來 版 主 貼出 多 張 照片 顯示 新 店 區 中 正路 一 間 藥局 門口 依舊 大排長龍 等 買 口罩 該 版 主 並 發文 提早 部署 限制 出口 國家隊 趕 工 智商</t>
  </si>
  <si>
    <t>臉書 社團 我 是 新 店 人 好山好水 新 店 區 大坪 林 七 張 碧潭 安 坑 深 坑 石 碇 坪林 烏來 版 主 貼出 多 張 照片 顯示 新 店 區 中 正路 一 間 藥局 門口 依舊 大排長龍 等 買 口罩 該 版 主 並 發文 提早 部署 限制 出口 國家隊 趕 工 智商 一百八 網 購 20 全世界 羡慕 都 已經 兩 個 月 了 請問 英明 睿智 的 蔡 政府 還要 多久 才 可以 讓 民眾 脫離 每週 排隊 一兩 個 小時 只能 買 三 片 口罩 的 苦日子 這 篇文章 在 該 社團 引發 熱烈 討論 眾多 社員 炮轟 人 在 福中 不知 福 少 點 水口 排隊 網 購 還 買 得 到 你 最好 到 國外 去 看有 沒有 天上掉 下來 給 你 臺灣 以外 的 地方 有錢有閑 還 買不到 靠 腰 什麼 你 發文 的 時間 已經 夠 這 排 人 網上 預購 了 早 脫離 學 怎麼 網 購 吧 乖 建議 你 可 直接 出國 就 不用 這麼 痛苦 囉 看 是 要 去 美國 或 中國 和 歐洲 都 好 喔 不要 腳 踩 這 這 又 狂 罵 這 片 土地 喔 不過 也 有 人力 挺 版 主 問 這個 問題 就 錯 了 貴 政府 是 不容許 異音 的 造 神 運動 總 有 天 跌落 神壇 口號 治國 遲早 被 看破 手腳 好 可憐 哦 一 堆 感恩 政府 的 順民</t>
  </si>
  <si>
    <t>臺灣 14 日 在 紐約時報 刊登 全 版 廣告 提到 臺灣 被 who 拒 於 門外 世界衛生組織 也 列出 13 點 回應 強調 一直 與 臺灣 衛生部門 保持 技術交流 對此 立 委 賴品妤 不滿 怒 批 who 一 副 好像 自己 什麼 都 沒有 過錯 一樣 賴品妤 在 臉書 直 批</t>
  </si>
  <si>
    <t>臺灣 14 日 在 紐約時報 刊登 全 版 廣告 提到 臺灣 被 who 拒 於 門外 世界衛生組織 也 列出 13 點 回應 強調 一直 與 臺灣 衛生部門 保持 技術交流 對此 立 委 賴品妤 不滿 怒 批 who 一 副 好像 自己 什麼 都 沒有 過錯 一樣 賴品妤 在 臉書 直 批 譚 德塞 不要 再 繼續 who 爛 表示 who 洋洋灑灑 羅列 13 點 回應 說 數 十 年 來 一直 與 臺灣 衛生部門 保持 技術交流 但 事實上 我們 根本 就 無法 參與 who 的 核心 會議 who 是 把 一 軍 的 臺灣 當 二 軍 在 看待 直 到 新冠肺炎 疫情 國際 社會 才 知道 真正 的 防疫 一 軍 是 臺灣 who 稱 臺灣 可 參與 多數 專家 技術 會議 但 事實上 臺灣 能 參與 的 會議 根本 不 到 3 成 賴品妤 指出 2017 年 開始 臺灣 就 沒有 受 邀 出席 wha 世界衛生 大會 2009 到 2019 的 十 年間 申請 參與 187 場 技術性 會議 只 受 邀 參加 57 場 遭 拒 比例 高達七 成 who 也 未說明 拒絕 原因 賴品妤 表示 臺灣 能 參加 的 都 是 較 不 重要 的 會議 這次 新冠肺炎 病毒 會議 根本 就 沒有 找 臺灣 反而 還 被 who 劃 成 大陸 疫區 要 請問 who 這 是 哪門子 的 和 臺灣 一起 專家 技術交流 who 既 沒 分享 更 多 公 衛 資訊 給 臺灣 也 不讓 臺灣 參與 重要 會議 賴品妤 說 這 背 後 大家 都 知道 是 大陸 因素 可是 who 至今 都 不敢 講 真話 本 應 站 在 維繫 全 人類 健康 立場 的 who 現在 卻 變成 政治 掛帥 臺灣人 已 呼籲 這麼 多 個 月 了 連 國際 新聞 的 廣告 也 刊登 了 who 仍 不 肯 悔改 賴品妤 認為 臺灣 有能力 也 有 意願 為 提升 全世界 的 健康 而 努力 現在 也 以 捐贈 物資 分享 防疫 經驗 協助 各國 就算 我 們 被 拒絕 在 who 之外 但 大陸 和 who 拒絕 不了 臺灣 持續 參與 世界 幫助 世界 的 決心</t>
  </si>
  <si>
    <t>許多 民眾 想 快點 打 疫苗 但 也 很 擔心 接種 後 的 副作用 小兒科 醫師 徐嘉賢 發 文說 他 在 門診 遇過 的 案例 多數 人 打完 疫苗 多 是 酸痛 疲倦 頭暈 和 低燒 但 他 遇過 最 詭異 的 是 食欲 大 開 這個 副作用 貼 文 引發 網友 共鳴 不少 打過 疫苗 的 人 都 認證 真的 超級 餓 感覺 都 吃不飽 整整 當了 2 天 的 大食 怪 徐嘉賢 昨 在 臉書 粉 專 黑 眼圈 奶 爸 dr 徐嘉賢 醫師 上 分享 最近 在 門診 多少 會 遇到 因 接種 新冠 疫苗 出現 副作用 的 患者 大多數 人 都 是 酸痛 疲倦 頭暈 和 低燒 少數 患者 會 有 腸胃 症狀 但 大部分 都 會 在 2 至 3 天內 改善 徐嘉賢 表示 他 遇過 最 詭異 的 副作用 是 食欲 大 開 會 突然 很 想 吃 些 平常 很 少 吃 的 東西 例如 想要 吃 韓國 的 血 腸 讓 他 好奇 詢問 大家 有 沒有 什麼 奇怪 獨特 的 副作用 不少 網友 在 留言處 表示 真的 食欲 大 開 我 打 第一 劑 az 胃口 超 好 一直 想 吃 東西 打 第二 劑 5 24 後 到 現在 每天 胃口 超 好 打完 當天 真的 超想 吃 東西 同事 今天 打完 二 劑 也 食欲 大增 我 打完 第一 劑 突然 超想 吃 東西 的 感覺 都 吃不飽 其他 就 沒 異狀 了 身邊 有 兩 位 朋友 打完 都 很 餓 打完 az 當了 兩 天 大食 怪 許多 網友 也 開玩笑 說 怎麼 聽 起來 打完 以後 的 症狀 好像 孕婦 怎麼 跟 孕婦 一樣 症狀 親身 感受 像 極了 懷孕 初期 時 的 樣子 打 輝瑞 第一 劑 第一 天 食欲不振 接下來 瘋狂 吃 辣 或是 麻辣 鴨 血 跟 懷孕 有 87 像</t>
  </si>
  <si>
    <t>越南 一對 夫妻 確診 新冠肺炎 後 地方 官員 擔心 狗 會 傳播 病毒 下令 撲 殺 這 對 夫妻 及 親戚 飼養 的 15 只 狗 及 1 只 貓 引爆 越南 社會 怒火 當初 這 對 夫妻 騎 機車 載 著 所有 毛 小孩 逃離 疫情 的 畫面 也 在 網路上 瘋 傳 綜合 越南 快訊 vnexpress 越南 青年報 tuoi tre 報導 49 歲 越南 男子 範明興 pham minh hung 與 妻子 在 南部 隆安省 long an 工作 但 因為 當地 新冠 疫情 嚴峻 嚴重 影響 一家 生計 夫妻倆 於是 決定 前往 更 南部 的 金甌 省 ca mau 投靠 親戚 夫妻倆 在 8 日 啟程 他們 騎 著 一 台 摩托車 帶上 15 只 狗 兒 出發 跟隨 妻子 的 親戚 前往 金甌 省 妻子 的 親人 一家 也 帶 了 3 只 狗 及 1 只 貓 範明興 夫妻 的 15 只 狗 包含 4 只成 犬 及 11 只 幼 犬 當 他們 抵達 金甌 省 範明興 先 把 2 只 小狗 送給 別人 之後 再 繼續 驅車 前往 親戚家 當 一行 人 終於 抵達 親戚 居住 的 社區 時 所有人 卻 被 驗 出 確診 新冠肺炎 快 篩 及 pcr 病毒檢測 全數 呈現 陽性 他們 隨即 被 轉 進 醫院 治療 地方 官員 擔心 這些 狗 兒 身上 也 帶有 新冠 病毒 於是 說服 夫妻倆 讓 他們 撲 殺 範明興 昨 10 日 證實 他 的 13 只 狗 都 被 撲 殺 了 親戚 的 貓 及 狗 兒 也 將 面臨 同樣 命運 金甌 省 地方 官員 撲 殺 無辜 貓狗 的 行為 引爆 越南 社會 怒火 泰國 清萊 時 報 chiang rai times 報導 雪梨 科技 大學 university of technology sydney 教授 阮 端 tuan nguyen 音譯 在 臉書 發文 痛 批 撲 殺 動物 的 行為 不 科學 殘忍 而且 不道德 他 強調 科學 上 沒有 證據 顯示 狗 會 傳播 新冠 病毒 越南 網友 也 開始 轉發 範明興 夫妻 騎車 載 著 13 只 狗 遠征 300 公里 的 照片 及 影片 根據 google 地圖 估算 隆安省 與 金甌 省 相距 約 300 公里 開車 約 要 6 小時 其中一 張 相當 衝擊 的 照片 顯示 範明興 的 機車 綁 著 大包 小包 前 座 腳 踏板 區域 坐 了 一 只 黑狗 及 一 只 黃狗 後座 也 坐 了 一 只 黃狗 由於 下雨 後座 的 黃狗 還 穿 上 雨衣 機車 最後 邊 的 扶手 似乎 還 綁 了 一 台 電風扇 kho ng 13 gi ng y 8 10 2021 v ch ng ng ph m minh h ng 49 tu i c ng v ch ng ng i em v t long an v c mau c mang theo 15 con ch 4 ch l n v 11 ch con t long an v c mau tr nh d ch b ch nh quy n a ph ng ti u h y pic twitter com 90 bjyrlcwf 針對 地方 官員 撲 殺 無辜 的 貓狗 金甌 省 人民 委員會 已 要求 對 這 起 事件 展開 調查</t>
  </si>
  <si>
    <t>有 俄國 聲樂 女王 之 稱 的 女高音 安娜 涅 翠 柯 2016 年 來 台 演出 一 票 難 求 17 日 晚間 在 臉書 公佈 壞 消息 表示 自己 確診 新冠肺炎 已經 有 症狀 出現 目前 在 醫院 治療 但是 不 後悔 回到 舞臺 演出 涅 翠 柯 在 上周 六 才 在 臉書上 宣佈</t>
  </si>
  <si>
    <t>有 俄國 聲樂 女王 之 稱 的 女高音 安娜 涅 翠 柯 2016 年 來 台 演出 一 票 難 求 17 日 晚間 在 臉書 公佈 壞 消息 表示 自己 確診 新冠肺炎 已經 有 症狀 出現 目前 在 醫院 治療 但是 不 後悔 回到 舞臺 演出 涅 翠 柯 在 上周 六 才 在 臉書上 宣佈 自己 陰性 如今 傳來 確診 消息 她 表示 自己 的 狀態 算 好 但是 因為 有 肺炎 的 症狀 因此 住院治療 目前 得到 妥善 照顧 預計 應該 會 痊癒 根據 她 的 公開 行程 8 月底 她 在 薩爾茲堡 音樂節 演出 9 月 回 到 俄國 展開 巡演 不料 如今 確診 演出 預料 將 會 取消 她 也 在 公開 聲明 中 表示 她 的 兒子 為 陰性 同為 歌 者 的 丈夫 亞 塞 拜 然 男高音 尤西夫 伊瓦 佐夫 為 陰性 但是 有 抗體 將 會 繼續 演出 她 也 為 先生 感到高興 涅 翠 柯 也 說 自己 本來 就 知道 會 有 感染 的 風險 但是 不 後悔 回到 舞臺 上 演出 因為 她 深信 現在 比 任何時刻 都 更 需要 文化 同時 她 也 很 感謝 自己 得到 完善 的 治療 預計 會 痊癒 新冠肺炎 肆虐 許多 古典音樂 家 都 不幸 遭到 感染 知名 西班牙 男高音 多明哥 義 大利 男高音 波 伽 利 德國 小提琴 家 慕特 都在社 群 網站 公佈 自己 確診 的 消息</t>
  </si>
  <si>
    <t>卡 神 開庭 前 一 晚 先 在 臉書 討 拍 這 句 話 讓 網友 暴怒</t>
  </si>
  <si>
    <t>卡 神 楊 蕙 如 長期 使用 網 軍 在 ptt 帶 風向 更 在 去年 關西 機場 事件 中 指示 下層 痛駡大 阪 辦事處 去年 12 月 遭 檢 調 以 侮辱 公署 罪 起訴 開庭 前 一 晚 13 日 她 也 在 臉書 po 長文 表達 心聲 但 不僅 否認 花錢 養 網 軍 更 稱 自己 也 被 大</t>
  </si>
  <si>
    <t>卡 神 楊 蕙 如 長期 使用 網 軍 在 ptt 帶 風向 更 在 去年 關西 機場 事件 中 指示 下層 痛駡大 阪 辦事處 去年 12 月 遭 檢 調 以 侮辱 公署 罪 起訴 開庭 前 一 晚 13 日 她 也 在 臉書 po 長文 表達 心聲 但 不僅 否認 花錢 養 網 軍 更 稱 自己 也 被 大陸 網 軍 的 造謠 所 誤導 會 和 律師 舉 證 表 清白 並 要求 全台 應該 將 焦點 放在 新冠肺炎 防疫 而 不是 她 身上 楊 蕙 如 在 開庭 前 一 晚 痛 批 大陸 網 軍 和 新冠肺炎 一樣 攻擊 世界 各國 捏造 關西 機場 派車 假消息 自己 也 被 誤導 才會 試圖 還原 真相 對抗 大陸 假消息 更 表明 被 起訴 後 選擇 沉默 是 怕 影響 到 選舉 楊 蕙 如 最後 表示 會 和 律師 團隊 提出 舉 證 證明 清白 並 呼籲 大眾 要 把 焦點 聚集 在 肺炎 疫情 上 對抗 來自 大陸 各 方面 的 惡意 並且 組織性 的 滲透 團結 打 贏 新冠肺炎 戰役 不少 楊蕙 如 的 朋友 與 粉絲 看到 後 也 紛紛 留言 打氣 但 文章 被 轉錄 到 ptt 八卦 版 後 網友 痛駡 還 在 轉移 焦點 看 了 就 噁 心 為了 護航 主子 桶 臺灣 自己人 害 死 一 條 人命 還 不在乎 呼籲 大家 注意 武漢肺炎 好 讓 自己 安然 度過 嗎 她 的 po 文 不 就 間接 承認 風向 是 她 帶 的 嗎 殺人償命 沒什麼 好說 的 滿滿的 臺灣 價值 這種 人 沒 被 關 真的 沒 天理 楊蕙 如因 長期 在 ptt 使用 大量 分身 養 網 軍 帶 風向 去年 5 月 被 抓 去 與 汙衊 大 阪 辦事處 的 idcc 短 時間 內 同 ip 登 入 整 件 事情 因此 爆發 8 月 更 被 ptt 站 方 列入 黑名單 12 月 遭到 起訴 後 神 隱 長達 一個 半 月 直到 勝 選 後 2 個 禮拜 才 又 出 面 今天 楊蕙 如 首次 開庭 罕見 遭 檢 方 痛 批 侮辱 中華民國 但 楊仍 否認 犯 行</t>
  </si>
  <si>
    <t>楊蕙 如 開庭 ptt 新冠肺炎 臉書</t>
  </si>
  <si>
    <t>新冠肺炎 疫情 延 燒 網路 假消息 不少 行政院長 蘇貞昌 今天 透過 臉書 line 官 網 表示 最近 網路上 出現 很多 散播 假 疫情 假 防疫 政策 的 惡意 訊息 甚至 有 人 竄改 行政院 公 文說 大家 可以 免費 去 醫院 領 十 張 口罩 他 要 在 此 說明</t>
  </si>
  <si>
    <t>新冠肺炎 疫情 延 燒 網路 假消息 不少 行政院長 蘇貞昌 今天 透過 臉書 line 官 網 表示 最近 網路上 出現 很多 散播 假 疫情 假 防疫 政策 的 惡意 訊息 甚至 有 人 竄改 行政院 公 文說 大家 可以 免費 去 醫院 領 十 張 口罩 他 要 在 此 說明 這 顯然 是 假 的 行政院 也 已 報警 處理 蘇貞昌 也 提醒 大家 如果 在 網路上 看到 關於 疫情 或 防疫 政策 的 消息 但是 新聞 沒 報 防疫 記者會 沒 講 衛福部 粉 專 沒有 寫 他 這邊 也 沒有 貼 請 審慎 判斷 不要 隨便 分享 以免 觸 法 依據 紓困 條例 規定 散佈 假 訊息 最重 可 關三年 並 罰 300萬 元 蘇貞昌 說 新冠肺炎 疫情 險峻 臺灣政府 把 防疫 擺 第一 宣佈 防疫 政策 也 一向 公開 透明 請 大家 留意 不要 聽信 假消息</t>
  </si>
  <si>
    <t>範雲 沉默 83 天 後 臉書 發文 全力 協助 厘 清 3 11 爭議</t>
  </si>
  <si>
    <t>總統 蔡英文 日前 表示 各廠 牌 疫苗 取得 累積 數量 已經 達到 1730萬 劑 這 當中 有 國際 夥伴 的 援 贈 行政 團隊 更是 天天 寫信 周周 視 訊 會議 多管齊下 和 民間 努力 的 成果 對此 前 藍委孫 大 千 譏諷 現在 是 在 催 貨 還是 在 吹牛 蔡英文 就算 吹牛 也 要 打 一下 草稿 臺灣 自 購 的 108萬 劑 莫德納 疫苗 和 64萬 劑 az 疫苗 抵 台 蔡英文 17 日 在 臉書 表示 行政 團隊 卯足 全力 天天 寫信 周周 視 訊 會議 多管齊下 不 分廠 牌 都 持續 催 貨 更 提到 目前 疫苗 取得 累積 數量 達到 1730萬 劑 除 有 國際 夥伴 的 援 贈 也 有 政府 民間 共同努力 的 成果 對此 孫大 千 今 19 日 在 臉書 發文 表示 什麼 叫做 天天 寫信 照 這種 邏輯 至少 也 寫 了 100 封 以上 的 信 了 吧 蔡英文 要 不 要 公佈 一下 這些 信件 給 大家 見識一下 什麼 叫做 周周 視 訊 視 訊 如果 真的 有用 南韓 就 不用 派 特使團 去 催 貨 了 臺灣 現在 取得 的 疫苗 孫大 千 直言 大多數 都 是 國外 友邦 和 民間團體 捐贈 的 蔡英文 就算 吹牛 也 要 打 一下 草稿 吧 連 這樣 的 功勞 也 要 搶 嗎</t>
  </si>
  <si>
    <t>行政院 推出 的 花 1000 元 換 3000 元 振興 券 即將 在 7 月 15 日 上路 但是 怎麼 領 怎麼 花 去 哪 花? 民眾 依舊 霧 沙沙 尤其 聽到 要 自己 先 從 口袋 掏 出 1000 元 才能 領 更是 引爆 怒火 有 網友 直接 點出 關鍵 有些 人 根本 沒 1000 啊 新冠肺炎 疫情 衝擊 經濟 行政院 為 振興 經濟 推出 振興 券 問題 是 想 拿 價值 3000 元 的 振興 券 民眾 得 自己 先 拿 1000 元 來 換 引發 爭議 有 網友 在 臉書 社團 爆 廢 公社 公開 版 發文 7 15 要 發 消費 卷 了 1000 換 3000 的 作法 真的 很 ooxx 有些 人 根本 沒 1000 啊 叫 他們 看 得 到 吃 不到 什麼 g 方案 引爆 贊成 反對 兩 派 吵 翻天 力 挺 振興 券 的 網友 表示 中低收入 直接 發放 版 主 有 在 follow 新聞 嗎 有些 人 可能 領 了 3000 會 拿 去 繳 東 繳 西 沒 促進 消費 啊 這 是 振興 方案 是 要 你 花錢 一 堆 低能兒 紓困 跟 振興 搞不清楚 不過 更 多 網友 批評 政府 那些 學者 博士 碩士 沒下 過 鄉 根本 不 知 人民 需求 議員 是 聽 民意 的 政府 不 聽 嗎 你 敢 質疑 當今 政府 你 強 你 準備 被 炮轟 政府 為 何不 直接 發 3000 消費 卷 就 好 一定 會 去 消費 因為 不能 折 現金 啊 罷 韓都 花 那麼 多 錢 印 紙張 了 不 差 消費 卷 吧 拿 你 的 稅金 做 券 再 讓 你 用 你 的 錢買 你 稅金 做 的 東西 沒 那麼 難 明白</t>
  </si>
  <si>
    <t>資深 主 播 張雅琴 播報 新聞 風格 獨特 又 犀利 一針見血 又 中肯 的 評論 總是 讓 網友 聽 了 大 呼 過癮 然而 她 昨 26 日 在 播報 大甲 媽祖 繞 境 相關 新聞 時 突然 在 主 播 臺上 大 咳嗽 讓 她 當下 急忙 道歉 澄清 自己 只是 嗆 到 大甲 媽祖 繞 不 繞 境 台中立 委 3 q 哥 陳柏惟 在 臉書 發文 繞 境 不 需 停辦 媽祖 本身 去 哪裡 應 給予 尊重 但 信 眾 要 不 要 跟去 就 必須 配合 國家 防疫 政策 建議 政府 尊重 宗教 傳統 但 宣佈 管制 民眾 參加 對此 張雅琴 直言 對 陳柏惟 說法 不 全然 贊同 認為 繞 境 應該 要 停辦 但 若 一定 要辦 她 有 個 方法 不知 可不 可行 未 料 張雅琴 在 說出 她 的 想法 前 突然 現場 大大 地 咳 了 一 聲 令 她 當下 笑 場 對不起 我 是 嗆 到 還 指 著 攝影棚 外 要 工作人員 不要 笑 接 著 張雅琴 說出 她 的 方法 那 就 是 只 要 參加 媽祖 繞 境 全部 都 要 登記 身分 證 不能 亂跑 旁邊 接近 100 公尺 內 的 參加者 也 要 登記 但 她 也 稱 這個 方法 感覺 起來 很 難 實行</t>
  </si>
  <si>
    <t>新 冠 疫情 擴散 臺灣 確診 破百 例 也 吹出 了 囤 貨 潮 從 昨晚 18 日 開始 各 大 賣 場 湧入 大量 民眾 狂 搶 民生 物資 包括 衛生紙 泡 面 罐頭 等 物品 短短 時間 內 貨架 全 空 讓 買不到 的 民眾 哀號 一 名 網友 就 表示 今天 去 好 市 多 買 衛生紙 竟然 碰到 有 大媽 試圖用 賤 招 搶 貨 還 差點 讓 她 得逞 網友 在 臉書 costco 好 市 多 商品 經驗 老實 說 po 文 表示 他 到 好 市 多 購物 買 了 咖啡 跟 衛生紙 結 著 就 花 40 分鐘 排隊 等 結 帳 此時 一 名 大媽 突然 靠近 扶著 他 的 推 車 讓 他 百思不得其解 過 了 不久 換 原 po 結 帳 他 把 衛生紙 跟 咖啡 拿 上 輸送帶 這時 大媽 突然 拿 了 分隔 條 直接 放在 衛生紙 跟 咖啡 中間 讓 原 po 嚇 得 直 問 你 到底 想 幹 嘛 大媽 竟 臉部 紅 氣 不 喘 說 我 要 打 統編 這 是 我 的 衛生紙 讓 原 po 差點 抓 狂 好 險 店員 都 看在眼裡 沒有 理會 大媽 直接 幫 原 po 結 帳 原 po 傻眼 表示 買 過 這麼 多 次 排 了 40 分鐘 沒 想到 會 遇到 這種 離譜 事件 社團 第一 po 竟然 就 獻給 這 位 大媽 網友 看到 也 痛 批 臺灣 大媽 就是 狂 好 市 多 這種 奧 客 一 堆 見怪不怪 了 這 臉皮 可以 做成 防彈衣 了 大概 被 新 冠 病毒 入侵 腦袋 了 所以 我 去 好 市 多 推 車 都 不敢 離開 視線 搶 不到 就 玩 賤 招 太 離譜 了 是 我 就 直接 尻 下去 了 今天 也 看到 有 人 想 偷偷 搬 別人 推 車 的 衛生紙 大媽 完全 沒有 極限 啊 xd 原 po 後面 則 補充 說明 其實 好 市 多 衛生紙 貨源 還 很 充足 但 這 位 大媽 應該 只 是 不 想 排隊 所以 出此下策</t>
  </si>
  <si>
    <t>新 冠 疫苗 擴大 施打 中央 流行 疫情 指 中心 日前 開放 18 歲 以上 民眾 預約 登記 願意 施打 az 的 人 仍 不 多 對此 有 醫療 背景 的 花蓮縣 衛生局長 朱家祥 表示 看到 這樣 的 狀況 真的 很 擔心 他 形容 打 az 是 倒吃甘蔗 莫德納 則 為 順 吃 甘蔗 且 打 莫德納 後 不能 混打 他 牌 疫苗 宛如 是 魔鬼 的 圈套 呼籲 大家 別 再 排斥 az 花 蓮 縣 13 至 15 日 完成 covid-19 公費 疫苗 意願 登記 選擇 az 或 az 莫德納 皆 可有 25875 人 已 完成 預約 7292 人 包括 預約 至 10 家 醫院 施打 的 1683 人 10 家 衛生所 1021 人 以及 31 家 合約 診所 的 4588 人 朱家祥 昨 15 日 於 個人 臉書 指出 依據 疫苗 接種 資料 來看 願意 施打 az 疫苗 的 人 很 少 大多數 的 民眾 仍 對 莫德納 情 有 獨鍾 這 讓 我 很 擔心 也 很 佩服 這 會 使 疫苗 覆蓋率 緩慢 增加 只 因為 大家 都 不 願意 接納 az 朱家祥 說 起初 是 az 最先 在 臺灣 展開 接種 絕大多數 的 第一線 醫護人員 警 消 等 行政 機關 皆 是 施打 az 這些 人 不是 都 好好 的 嗎 日前 有 不少 長者 打 az 後 發生 猝死 事件 許多 人 將 矛頭 指向 疫苗 但 他 認為 花蓮 幾 位 百 歲 人瑞 也 都 有 接種 az 我 相信 莫德納 在 高齡 長者 身上 造成 死亡 和 重症 也 會 不 少 朱家祥 透露 近日 聽 到 醫院 同仁 報告 施打 第二 劑 莫德納 的 醫護 同仁 不 敵 副作用 全 倒 一 片 不僅 發高燒 至 40 度 還 全身 酸痛 連續 2 日 都 無法 出勤 反觀 az 第二 劑 接種 者 幾乎 沒有 明顯 不適 朱家祥 認為 az 是 倒吃甘蔗 苦盡甘來 莫德納 則 是 順 吃 甘蔗 樂極生悲 且 第一 劑 打 az 第二 劑 可 混打 他 牌 疫苗 但 第一 劑 打 莫德納 後 第二 劑 也 必須 打 莫德納 像是 魔鬼 的 圈套 套 住 你 就 被 控制 最後 他 也 呼籲 趕快 打 az 疫苗 才能 保護 自己 也 提高 覆蓋率 中 時 新聞網 提醒您 因應 新 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衛福部 桃園 醫院 爆發 群 聚 感染 11 天 來 已 有 12 例 確診 對於 臺灣 疫苗 採購 案 國民黨 前 立 委 孫大 千 多 次 提出 質疑 今 23 日 他 再度 提出 5 點 疑問 好奇 是 誰 把 臺灣 人民 的 救命 疫苗 給 搞掉 了 孫 大 千 在 臉書 表示 沒有 疫苗 注</t>
  </si>
  <si>
    <t>日前 曾 被 確診 者 造訪 的 好 市 多 內 湖 店 稍 早 突然 公佈 消息 宣佈 下午 1 時 開始 只 出 不 進 臨時 閉店 清潔 消毒 對此 北市 衛生局 證實 該店 確實 有 確診 足跡 已 要求 業者 停業 清 消 執行 防疫 程式 一 名 網友 今 在 ptt 上 發文 表示 今天下午 1 點 左右 去 內 湖 好 市 多 卻 被 告知 只 出 不 進 要 配合 政府 政策 消毒 說 是 因為 開 了 內 用 區 所以 要 定期 消毒 讓 他 好奇 到底 怎麼 了 也 提醒 大家 不要 白跑一趟 另 也 有 網友 在 臉書 社團 汐止 集團 發文 表示 內 湖 好 市 多 剛剛 突然 宣佈 要 暫停營業 因為 要 清潔 消毒 賣 場 因此 只 出 不 進 而 好 市 多 賣 場 也 貼出 公告 配合 政府 防疫 措施 進行 全 店 環境 清潔 消毒 工作 今 5 日 暫時 停業 一 天 針對 此事 好 市 多 則 回應 說 賣 場 出現 確診 者 的 足跡 因此 今天下午 一點 將 進行 消毒 動作 賣 場 只 出 不 進 明天 就 會 恢復正常 營業 而 臺北市衛生局 稍 早 也 證實 該店 確實 有 確診 足跡 目前 已 要求 業者 停業 清 消 執行 相關 的 防疫 程式</t>
  </si>
  <si>
    <t>因應 新 冠 疫情 教育部 今 24 日 宣佈 全國 中小學 延至 9 月 1 日 開學 讓 許多 家長 再度 崩潰 兒科 醫師 楊為傑 表示 很多 家長 擔憂 如果 不 開學 或 兩 周 以後 持續 三級 警戒 恐 形成 6 大 隱形 炸彈 貼 文 引起 廣大 迴響 有 家長 忍不住 曝 心聲 如同 命 和 錢在 拉扯 面對 三級 警戒 遲遲 無法 解除 加上 中小學 又 延後 開學 楊為傑 在 臉書 粉 專 白袍 旅人 兒科 楊為傑 醫師 指出 已 有 很多 家長 提到 他們 的 擔憂 是 很多 人 沒 想到 的 層面 因此 他 幫 家長 們 反映 下例 6 大 隱憂 1 升 小 一 國一 高一 大一 的 孩子 何去何從 面對 完全 不 熟悉 的 環境 老師 同學 及 遊戲規則 卻 要 線 上課 問題 一定 很 多 2 成績 評估 學習 歷程 這些 攸 關 升學 的 方式 怎麼 評估 3 大學 指 考 還有 一 群 高三 或 重 考 的 孩子 要 決定 今年 大學 念 哪裡 如果 指 考 沒有 如期舉行 將 影響 4萬 多 人 4萬 多 個 家庭 4 幼稚園 有的 已經 撐不下去 倒閉 了 大家 最 在乎 的 托 育 環境 恐怕 會 越來越 糟 5 小本經營 的 生意 經營 困難 很多 沒有 特殊 技能 的 人 其實 是 拿 日 薪 的 店面 沒 生意 也 等於 沒有 收入 6 線 上 課程 使 孩子 差距 拉大 有 在 陪 孩子 上線 上 課程 的 家長 應該 可以 發現 有的 孩子 根本 不 出現 或是 脫隊 了 將 使得 孩子 程度 差距 拉大 楊 為 傑 說 這些 聲音 就 算 不是 主流 聲音 但 卻是 很多 小 老百姓 的 心聲 雖然 大家 都 期望 疫情 會 越來越 趨 緩 但是 萬一兩 周 後 繼續 三級 我們 的 社會 有 沒有 方案 去 幫助 這些 家庭 孩子 他 認為 現在 能 在家 工作 的 幾乎 都 是 社會 中 比較 優勢 的 群體 但 並 不是 社會 的 多數 因此 他 想 分享 一些 來自 基層 的 聲音 希望 大家 可以 聽見 一起 想想 怎麼 走 會 比較 好 不少 家長 反映 私 幼 不退 每月 雜費 家長 請假 在家 顧 小孩 沒有 薪水 下 的 成本 支出 對 家長 來說 是 不 平等 的 相對 剝削 命 和 錢在 拉扯 寧可 小孩 正常 上學 他們 也 要 學習 適應 在 疫情 下 的 生活 不是 靠 著 大人 們 的 保護 真的 並 不是 什麼 產業 都能 在家 工作 顧 小孩 真的 很 擔心 一直 維持現狀 無 止境</t>
  </si>
  <si>
    <t>打擊 新冠肺炎 假消息 臉書 推特 youtube 全面 防堵</t>
  </si>
  <si>
    <t>隨 著 東京 奧運 即將 展開 大量 外國 記者 已 隨 選手 們 抵達 日本 不過 有 一 名 法國 記者 在 推特 上 發文 表達 對 主 新聞 中心 media press centre mpc 中餐 點 的 不滿 認為 又 貴又 難吃 其他 記者 表示 正 爭取 取消 出外 採購 餐 食 時僅限</t>
  </si>
  <si>
    <t>nouveau scandale olympique le burger du mpc media press center viande caoutchouc pain froid pr sentation immonde le tout pour 1600 camarades journalistes mangez avant pic twitter com 0 spck 0 vkqq 隨 著 東京 奧運 即將 展開 大量 外國 記者 已 隨 選手 們 抵達 日本 不過 有 一 名 法國 記者 在 推特 上 發文 表達 對 主 新聞 中心 media press centre mpc 中餐 點 的 不滿 認為 又 貴又 難吃 其他 記者 表示 正 爭取 取消 出外 採購 餐 食 時僅限 15 分鐘 的 規定 法國 雜誌 japon eco 主編 艾諾 regis arnaud 在 推特 上 貼出 照片 稱 媒體 中心 內 的 漢堡 要價 1600 日圓 約 新 台幣 4067 元 內容 物 為 橡膠 一般 的 肉 冷 掉 的 麵包 糟糕 的 擺 盤 並 痛 批 這 份 餐點 是 奧運 的 新 醜聞 日本 雜誌 女性 自身 指出 東京 奧運 的 主 新聞 中心 和 國際 轉播 中心 international broadcasting centre ibc 設于 東京都 江東區 有 明 的 東京國際 展示 場 tokyo big sight 是 日本 面積 最 大 的 展覽 場地 不過 為 避免 大量 外國 訪 客 加劇 日本 本土 新冠肺炎 covid-19 疫情 主辦單位 對 餐飲 設下 嚴格 規定 一 名 未 具名 的 日本 體育 記者 透露 外國 媒體 人員 只能 在 奧運會 場 和 住宿 地點 用餐 若 住宿 地點 無法 提供 餐 點 則 允許 其 前往 附近 的 便利商店 購買 但 得 遵守 15 分 規定 即 須在 15 分鐘 內 返回 住宿 地點 否則 可能 受到 沒收 記者證 等 懲罰 目前 外國 媒體 正 要求 主辦單位 撤銷 該 規定 東京 新聞 先前 報導 目前 主 新聞 中心 餐廳 內 僅 提供 6 種 餐 點 最 便宜 的 是 1000 日圓 約 新 台幣 2542 元 的 牛肉 咖 哩 自動 販賣機 中 一 瓶 500 毫升 裝 的 茶 則 要價 280 日圓 約 新 台幣 712 元 高於 一般 日本超市 或 便利商店 的 售價 加上 選手村 內 設備 不足 等 狀況 遭 批評 日本 先前 宣稱 的 款待 精神 已然 崩 壞</t>
  </si>
  <si>
    <t>受 新冠肺炎 疫情 影響 許多 國家 改用 視 訊 工作 教學 上課 阿根廷 一 名 大學 女 教授 感染 新冠肺炎 仍然 透過 視 訊 為 學生上課 卻 在 課程 途中 倒地 學生 透過 螢 幕 焦急 問 女 教授 地址 以便 找 人 救援 但 女 教授 只 掙扎 吐 出 我 不 i can t 二 字 立即 昏迷不醒 最後 不幸 離 世 綜合 外 媒 報導 這 起 不幸 事件 發生 在 阿根廷 當地 時間 9 月 2 日 46 歲 的 寶拉 paola de simone 是 阿根廷 商業 大學 universidad argentina de la empresa uade 的 一 名教授 這 所 大學 位於 阿根廷 首都 布宜諾賽勒斯 當時 寶拉 正 透過 視 訊 軟 體 zoom 為 學生 進行 線 上 授課 學生 們 透過 視 訊 發現 寶拉 狀況 有異 她 似乎 喘 不 過氣 來 試圖 大力 呼吸 學生 們 趕緊 詢問 寶拉 所在地 址 以便 找 人 救援 但 寶拉 只能 掙扎 說出 我 不 i can t 二 字 接 著 就 在 學生 眼前 倒地不起 據 了解 寶拉 8 月底 在 自己 的 推特 上 透露 她 已 感染 新冠肺炎 超過 1 個 月 雖然 努力 對 抗 病毒 但 似乎 成效 不 佳 而 她 的 丈夫 在 當地 衛生部門 工作 也 因 新冠肺炎 疫情 忙 得 焦頭爛額 事件 發生 後 寶拉 的 家 人 已 要求 阿根廷 商業 大學 迅速 刪除 相關 影像 而 校方 也 發出 聲明 對於 這 名 授課 15 年 的 教授 過世 深感 悲痛 並 盛讚 寶拉 是 一 名 熱情 而 敬業 的 教學 者 同時 也 是 一個 很棒 的 人 阿根廷 的 新冠肺炎 疫情 依舊 嚴峻 政府 決定 延長 隔離 時間 直到 9 月 20 日 截至 9 月 4 日 該國 共有 451198 人 感染 新冠 9361 名 患者 死亡</t>
  </si>
  <si>
    <t>阪神 虎 追求 復活 之路 的 投手 藤 浪 晉太郎 出現 疑 似 新冠肺炎 症狀 阪神 26 日 宣佈 他 有 嗅覺 失靈 狀況 雖 沒有 其他 感冒 症狀 不過 仍 進行 新冠肺炎 的 pcr 檢測 聚合 酶 連鎖反應 原定 今日 與 軟 銀 的 二 軍 賽事 也 將 取消 這 也 是 日 職 首位 宣佈 接受 肺炎 檢測 的 選手 根據 球 團 聲明 藤 浪 數 天 前 出現 新冠肺炎 疑 似 症狀 之一 的 嗅覺 失靈 24 日 至 醫院 耳鼻科 就診 25 日 再 到 另 一 間 醫院 診斷 並 在 醫生 的 建議 下 接受 pcr 檢測 是否 新冠肺炎 導致 藤 浪 表示 他 並 沒有 發燒 咳嗽 等 感冒 症狀 也 沒有 疲勞感 球 團 將 追蹤 藤 浪 3 月 11 日 至 25 日 兩 周內 的 行動 與 接觸 人 並 發出 通知 目前 有 數 名 選手 表示 也 有 類似 味覺 障礙 的 症狀 選手 及 職員 暫 先 被 告知 待 在家 27 日 在 甲子 園 的 練習 則 尚未 宣佈 是否 正常 進行 嗅覺 或 味覺 失靈 雖然 尚未 被 確定是 新冠肺炎 症狀 之一 不過 各國 都 出現 喪失 嗅覺 和 味覺 的 病 患 nba 確診 球星 戈貝爾 曾 在 23 日 於 推特 上 表示 失去 嗅覺 與 味覺 肯定 是 症狀 之一 過去 4 天 我 聞 不 到 任何 東西</t>
  </si>
  <si>
    <t>已 退役 的 nba 球員 柯林斯 今天 自行 在 推特 上 宣佈 確診 新冠肺炎 柯林斯 是 北美 四大 職業 賽會 公開 同性戀 染病 的 第一 人 柯林斯 表示 我 是 在 月初 去 紐約 參加 籃 網 比賽 的 時候 染病 12 日 開始 頭痛 幾 天 後 發燒 咳嗽 上 週六 去</t>
  </si>
  <si>
    <t>已 退役 的 nba 球員 柯林斯 今天 自行 在 推特 上 宣佈 確診 新冠肺炎 柯林斯 是 北美 四大 職業 賽會 公開 同性戀 染病 的 第一 人 柯林斯 表示 我 是 在 月初 去 紐約 參加 籃 網 比賽 的 時候 染病 12 日 開始 頭痛 幾 天 後 發燒 咳嗽 上 週六 去 醫院 急診 並且 進行 新冠肺炎 篩檢 檢測 結果 是 陽性 柯林斯 說 上 週六 檢查 的 時候 肺部 很 乾淨 這 是 好 消息 目前 在 家中 休養 但 胸部 依舊 有些 不 舒服 本 周 將 再次 去 醫院 檢查 柯林斯 是 一 位 擁有 13 年 nba 經歷 的 退役 球員 2013 年 公開 自己 是 同性戀 者 是 北美 四大 職業 賽會 的 第一 人 2013 14 賽季 以 籃 網球員 的 身分 打 了 22 場 比賽 之後 宣佈 退休</t>
  </si>
  <si>
    <t>nba 名人 堂 中鋒 賈霸 kareem abdul-jabbar 站 出來 做為 表率 他 18 日 於 推特 宣佈 擔任 聯盟 這次 公益 宣導 的 代言人 親身 示範 施打新冠肺炎 疫苗 希望 美國 國民 一起 來 接種 保護 你 身邊 朋友 與 家人 的 健康 今年 73 歲 的 賈霸 也 受</t>
  </si>
  <si>
    <t>nba 名人 堂 中鋒 賈霸 kareem abdul-jabbar 站 出來 做為 表率 他 18 日 於 推特 宣佈 擔任 聯盟 這次 公益 宣導 的 代言人 親身 示範 施打新冠肺炎 疫苗 希望 美國 國民 一起 來 接種 保護 你 身邊 朋友 與 家人 的 健康 今年 73 歲 的 賈霸 也 受 邀 參加 本 週四 美國 時間 週三 總統 就職典禮 他 對 此 表示 非常 驕傲 賈霸 是 黑人 民權 的 熱心 支持者 美國 面臨 著 黑人 民眾 對於 疫苗 接受度 不 高 的 問題 像是 職棒 大 聯盟 的 黑人 傳奇 漢克阿倫 hank aaron 出面 示範 施打 鼓勵 其他 黑人 跟進 黑人 因為 環境 教育 經濟 多方 影響 在 美國 的 新冠 疫情 下 出現 比 其他 種族 更 高 的 死亡率 nba 其實 很 渴望 讓 球員 施打 疫苗 但是 人言可畏 先前 美國 檢測 新冠肺炎 的 能量 不足 時 nba 就 被 批評 利用 特權 讓 球員 可以 頻繁 檢測 導致 形象 受損 這次 nba 懾 於 外界 議論 不敢 動用 影響力 讓 球員 優先 施打 疫苗 不過 球員 還是 可以 站 出來 呼籲 其他人 去 接種 像是 底 特 律 活塞 的 葛瑞芬 blake griffin 去年 12 月 就 鼓勵 大家 等 疫苗 來 了 就 趕快 去 打 吧 nba 內部 也 有 一 股 反對 的 聲音 球員 工會 執行 董事 米雪兒 羅伯茲 michele roberts 就 對 疫苗 沒有 把握 身為 黑人 的 羅伯茲 表示 黑人 孕婦 生產 的 死亡率 遠 高於 白人 婦女 因為 我們 獲得 的 醫療 照顧 不同 有 很多 聰明人 告訴 我 不必 猶豫 但 以 我 目前 所 獲得 的 知識 我 不敢 建議 其他人 去 施打</t>
  </si>
  <si>
    <t>56 歲 美國 喜劇 天 王 克裡斯洛克 chris rock 19 日 在 推特 發文 坦言 確診 新冠肺炎 因為 他 已 打過 疫苗 依舊 突破性 感染 讓 粉絲 相當 擔心 但 最後 仍 呼籲 大家 一定 要 去 打 疫苗 克裡斯洛克 5 月 在 深夜 脫口秀 節目 吉米 a 咖 秀</t>
  </si>
  <si>
    <t>56 歲 美國 喜劇 天 王 克裡斯洛克 chris rock 19 日 在 推特 發文 坦言 確診 新冠肺炎 因為 他 已 打過 疫苗 依舊 突破性 感染 讓 粉絲 相當 擔心 但 最後 仍 呼籲 大家 一定 要 去 打 疫苗 克裡斯洛克 5 月 在 深夜 脫口秀 節目 吉米 a 咖 秀 the tonight show 透露 已 接種 過 嬌 生 疫苗 而且 本來 只要 打 一 劑 就 好 但 他 還 接種 了 2 次 笑 稱 獲得 很 好 的 保護 力 未 料 時隔 4 個 月 他 就 突破性 感染 新冠肺炎 克裡斯洛克 也 在 推特 發文 呼籲 大家 不要 輕忽 疫苗 重要性 相信 我 你 不 會 想要 感染 的 一定 要 去 打 疫苗 克裡斯洛克 曾 演出 過 電影 死亡 漩渦 奪魂 鋸 新遊戲 亞當 等 大 人 也 曾 替 經典 動畫 馬達加斯加 系列 中 擔任 斑馬 馬蹄 配音 前 陣子 主演 奪魂 鋸 系列 的 最新 電影 未 料 卻 在 忙 著 演藝 工作 之際 確診 即使 他 沒 多 解釋 目前 病況 但 粉絲 仍 希望 他 能 好好 休養 早日康復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歐洲 的 新冠肺炎 疫情 嚴重 仍 看不出 如何 緩解 相對 東亞 的 疫情 已 過 高峰期 於是 在 日本國 會上 討論 日本 是否 要 出手 支援 日本 副 首相 財政 大臣 麻生太郎 略 在 回應 時 略帶 抱怨 的 提到 義 大利 在 2 月底 相當 輕忽 新冠 病毒 疫情 甚至 曾說 那 是 黃種 人 的 病 不是 我們 的 病 這種 話 推特 上 有人 分享 麻生太郎 在 日本眾議院 的 一 段 對話 內容 在 3 月 24 日 的 財政金融 委員會 會議 上 國民 民主黨 議員 吉良 州 司 問道 在 本次 新冠肺炎 疫情 中 日本 能否 在 g 20 的 框架 下 出手 支援 義 大利 西班牙 這些 財政 基礎薄弱 的 歐洲 國家 麻生太郎 表示 2 月底 時 在 利雅德 召開 的 g 20 財長 和 央行 行長 會議 上 我 有 說 過 這樣 的 建議 但是 他們 沒有 任何 反應 一 周後 舉行 了 g 7 財長 電話會議 我 再 提到 疫情 的 問題 並且 問 他們 有 什麼 想法 &amp;apos 結果 義 大利 代表 直接 說 那是 黃種 人 的 病不是 我們 的 病 正直 過 麻生 麻生 大臣 2 月末 會議 話 出 歐州 無 反 応 1 周間 g 7 電話 會談 申 込 色 言 一 周間前 鄰 席 何 關係 黃色 人種 病 気で 俺 達 病 気じゃない 之 誰 言 前 之言 間 第一 回 會議 pic twitter com 0 ylqbe 3 sgx 麻生太郎 略帶 不滿 的 表示 這種 話 是 誰 說 的 不 就 是 你 義 大利 代表 說 的 嗎 到底 在 想 什麼 這 則 推 文 得到 不少 留言 歐洲 對 亞洲 的 岐視 仍 在 持續 德國 就 發生 把 日本 球迷 趕 出 足球場 的 事情 一個 月 前 倫敦市 市長 還 提議 代替 東京 辦 奧運會 但 現在 英國 有 2萬 人 遭 感染 雖然 麻生太郎 做 了 不少 抱怨 但是 日本 在 3 月 11 日 已向 世衛組織 捐助 了 4600萬 美元 協助 其他 受 疫情 影響 國家</t>
  </si>
  <si>
    <t>巴基斯坦 總統 艾維 今天 在 推特發 文說 他 在 接種 2019 冠 狀 病毒 疾病 covid-19 第 1 劑 疫苗 後 驗 出 了 病毒 陽性反應 艾維 arif alvi 推 文說 我 已 接種 過 第 1 劑 疫苗 但要 到 一 周 後 再次 接種 第 2 劑 才會 產生 抗體</t>
  </si>
  <si>
    <t>巴基斯坦 總統 艾維 今天 在 推特發 文說 他 在 接種 2019 冠 狀 病毒 疾病 covid-19 第 1 劑 疫苗 後 驗 出 了 病毒 陽性反應 艾維 arif alvi 推 文說 我 已 接種 過 第 1 劑 疫苗 但要 到 一 周 後 再次 接種 第 2 劑 才 會 產生 抗體 所以 請 各位 保持 謹慎 巴基斯坦 的 病例 增加 快速 總理 伊姆蘭汗 imran khan 本月 稍 早 在 注射 過 第 1 劑 疫苗 2 天 後 也 驗 出 病毒 陽性反應 不過 巴國 官員 指出 他 可能 是 在 接種 疫苗 之前 即已 感染 病毒 譯者 張佑之 1100330</t>
  </si>
  <si>
    <t>新冠肺炎 疫情 擴散 歐亞 美洲 都 受到 嚴重 衝擊 如今 病毒 更 將 觸手 延伸 至 非洲 當地 時間 3 月 20 日 我 前 邦交國 布吉納法索 繼 國會 副 議長 龔保雷 病逝 後 宣佈 4 名 部長 同日 確診 新冠肺炎 目前 該國 已 累計 40 例 確診 綜合 陸媒 報導 這四名 部長 分別 是 外交部長 艾法 貝瑞 教育 與 語言 推廣 部長 史丹 尼斯 瓦 夫 瓦羅 國土 管理 社會 和解 部長 西梅翁薩瓦多戈 與 礦業 採石 業 部長 奧奧馬魯 伊達尼 其中 貝瑞 也 在 推特 上 證實 自己 確診 但 並 沒有 透露 更 多 訊息 布吉納法索 總統 卡波雷 也 在 同日 晚間 舉行 記者會 並 宣佈 禁 足 令 要求 民眾 在 晚上 7 點 後 到 隔 天 早上 5 點 前 不得 出門 並 關閉 所有 機場 封鎖 邊界 實施 為期 兩 周 即刻 生效</t>
  </si>
  <si>
    <t>新冠 病毒 肆虐 全美 迫使 42 個 州 都 下達 禁 足 令 讓 95 的 美國 人口 處於 半 封鎖 狀態 雖然 美 官方 檔 指出 居家 防疫 時間 不宜 輕易 鬆綁 但 包括 共和黨 與 民主黨 執政 內 的 數 州 民眾 開始 坐不住 認為 禁 足 時間 太長 近日 甚至 出現 上街 抗議 媒體 分析 指出 這 除了 與 愈來愈多 人 關注 防疫 與 拼 經濟 之間 的 平衡 之外 也 與 川普 在 推特 一旁 扇風點火 有關 據 美國有線電視新聞網 cnn 報導 密西 根 俄亥俄州 肯塔基州 明尼蘇達州 北 卡羅 納州 以及 猶他 州 已經 在 近日 內 出現 抗議 居家 防疫 令 的 聲浪 雖然 密西根州 州長 惠特默 gretchen esther whitmer 已將 禁 足 令延長 至 4 月 30 日 一 名 住 在 當地 替 福特 汽車 工作 的 抗議 民眾 無視 規定 表示 我 知道 防疫 很 重要 但 為 此 我們 暫停 生活 太 多 另外 明尼蘇達州 16 日 也 在 州政府 大樓 前 抗議 居家 禁 足 令 該州 要求 命令 必須 延長 至 5 月 3 日 一 名 抗議 活動 發言人 表示 明尼蘇達州 苦 受 於 財政困難 與 經濟 蕭條 他們 相信 可以 在 對抗 疫情 期間 讓 他們 恢復正常 上班 生活 全美 數 州 已 按 耐不住 剛好 與 一再 要求 要 讓 全球 經濟 復工 的 川普 不謀而合 他 也 一再 網路上 鼓舞 抗議 復工 在 推特 上 寫 著 解放 明尼蘇達州 解放 密西根州 拯救 你們 偉大 的 美國 憲法 第二 修正案 它 遭受 圍攻 liberate virginia and save your great 2 nd amendment it is under siege 不過 據 美國國土安全部 與 衛生 及 公共 服務部 的 檔 顯示 居家 防疫 如實 施 30 天 就 鬆綁 全美 新冠肺炎 感染 人數 將 在 夏季飆 升 恐 奪 走 20萬 條 人命 死亡 人數 只 比 毫無 防疫 作為 少 10萬 人 紐約時報 分析 美國 各州 出現 抗議 活動 要求 放寬 管制 令 人 想起 茶 黨 tea party 運動 初期 情況 當時 怒氣衝衝 的 抗議 群眾 曾 闖入 民主 黨籍國會議員 在 市政廳 的 會議 抗議 時任 總統 歐 巴馬 的 健 保 改革 但 這些 抗議 群眾 背 後 都有 重量級 保守派 人士 和 金主 暗中 支持</t>
  </si>
  <si>
    <t>新冠肺炎 重創 全球 經濟 領頭羊 美國 更 在 28 天內 一口氣 損失 2千2百萬 個 工作 機會 正當 各州 預備 重 啟 經濟 之際 聯邦 參議院 21 日 無 異議 表決 通過 總額 達 4840億 美元 約 台幣 147 兆 元 的 新冠肺炎 危機 追加 救助 法案 以 協助 受 疫情 衝擊 的 小型企業 和 醫療 體系 在 國會 兩 党 領袖 白宮 就 法案 內容 達成協議 後 不久 參議員 們 透過 口頭 表決 voice vote 方式 全票 通過 這項 援助 計 畫 法案 預計 23 日 交付 由 民主黨 掌 控 的 眾院 表決 總統 川普 發 推特 敦促 眾議員 們 儘快 放行 這項 法案 由此 推論 只要 眾院 表決 通過 川普 可望 迅速 簽署 讓 法案 正式 成為 法律 這 將 是 美國 第 4 條 為 因應 新冠肺炎 的 相關 法律 總 紓困 規模 高 達 3 兆 美元 根據 法案 內容 將 對 小企業 提供 3820億 美元 以下 皆 同 貸款 方案 其中 3210億 協助 給付 員工 薪水 也 為 緊急 災難 貸款 計 畫 提供 6百億 另外 對 醫院 追加 750億 援助款 對 全國性 的 新冠肺炎 檢測 撥 發 250億 資金 原本 共和黨 版本 只 把 小企業 納入 紓困 貸款 對象 但 民主黨 在 協商 中 把 援助 範圍 擴大 到 醫院 照 護 中心 和 新冠 篩檢 參院 民主黨 領袖 舒默 21 日 在 表決 前 的 辯論 中 強調 這筆 資金 除 了 抗 疫 就是 要 幫助 小企業 包括 夫妻 共同 經營 的 小商店 以及 少數 族 裔 的 小 店面 我們 可以 貸款 給 小企業 但 如果 沒有 顧客 踏進 他們 的 商店 那 還 有 什麼 意思</t>
  </si>
  <si>
    <t>世界衛生組織 who 與 臉書 微軟 等 科技 大廠 合作 舉行 駭客 松 hackathon 鼓勵 開發者 創造 帶來 社會 影響力 的 軟 體 方案 旨在 解決 當前 covid-19 新冠肺炎 疫情 挑戰 上週末 德國政府 即 舉辦 一 場 48 小時 的 防疫 駭客 松 逾 800 個 的 創新 構想 出爐 由 德國政府 舉辦 對抗 新冠肺炎 駭客 松 吸引 4萬 多 人 參加 共同 合作 找 出 對抗 疫情 的 創新 方法 內容 涵蓋 購物 育 兒 症狀 監控 等 包羅萬象 的 議題 評審 結果 於 3 月 29 日 公佈 獲選 專案 可 取得 政府 資金 補助 4萬 多 位 國際 參與者 並非 像 一般 的 駭客 松 模式 齊聚一堂 而是 待 在家 中 進行 參與者 組織 團隊 後 集思廣益 解決 疫情 帶來 的 挑戰 包括 追蹤 檢測 流程 危機 溝通 易受 感染 群體 的 保護措施 以及 隔離 時期 的 心理健康 等 例如 一個 團隊 開發 出 症狀 追蹤 器 程式 可 供 疑似病例 每日 輸入 症狀 便於 衛生機關 進行 確認 另 有 團隊 打造 無須gps 而是 採用 機器 學習 技術 的 監控 隔離 者 app who 週二 宣佈 名為 #buildforcovid 19 的 駭客 松 活動 預計 週四 開始 接受 專案 申請 此次 臉書 微軟 之外 其他 科技 業者 如 推特 twitter 微信 wechat 抖 音 tiktok pinterest slack 和 giphy 也 都 參與 其中 這些 科技 業者 將 在 這 段 提案 期間 共用資源 藉 此 支持 參與者 臉書 執行長 祖 克 伯 在 宣傳 駭客 松 的 貼 文 表示 臉書 曾 在 駭客 松 曾 率先 打造 捐 血 與 危機 處理 等 功能 目前 在 全球 獲得 數 百萬 人 使用 我們 希望 一些 有用 的 原型 和 構想 也 可以 在 這次 駭客 松 出現 此次 駭客 松 是 鼓勵 軟 體 開發者 針對 保健 企業 社區 教育 和 娛樂 等 多 項 主題 提交 專案 申請 至 下週一 截止 將 於 4 月 3 日 公佈 獲選 計 畫</t>
  </si>
  <si>
    <t>臺灣 這 波 疫情 5 月中 旬 爆發 時 澳洲 西澳 大學 流行病 學 專家 zo hyde 在 推特 評論 臺灣 曾是 防疫 成功 案例 但因 太 過 自滿 導致 社區 大規模 感染 時隔 2 個 多 月 zo hyde 於 8 月 7 日 再度 發文 提及 臺灣 改口 大贊 臺灣 幾 個 月 前 面臨</t>
  </si>
  <si>
    <t>美國國務院 旅遊 領事 事務 局 今日 在 推特 發表 啟人疑竇 的 推 文 呼籲 在 海外 的 美國 人 儘快 回國 不要 延後 返國 日期 可能 很 快 地 所有 交通 工具 將 會 無法 使用 此 一 訊息 顯示 美國 大多數 機場 可能 會 在 近期 停止 對外 航班 往來 滯</t>
  </si>
  <si>
    <t>美國國務院 旅遊 領事 事務 局 今日 在 推特 發表 啟人疑竇 的 推 文 呼籲 在 海外 的 美國 人 儘快 回國 不要 延後 返國 日期 可能 很 快 地 所有 交通 工具 將 會 無法 使用 此 一 訊息 顯示 美國 大多數 機場 可能 會 在 近期 停止 對外 航班 往來 滯留 國外 的 美國 民眾 或 因此 無法 返國 美國國務院 旅遊 推特 頻道 3 日 發出 推 文 敦促 美 國人 不要 延緩 返國 日期 近期 可能 會 出現 所有 交通 工具 都 無法 使用 的 狀況 這 則 推 文下 還 附上 美國務院 領事 事務 局 31 日 發佈 的 旅遊 警示 連結 該項 警示 稱 國務院 建議 由於 新冠 病毒 疫情 影響 遍及 全球 美國 公民 應 避免 所有 的 國際 旅行 活動 在 商業 航班 仍 持續 運作 的 國家 中 當地 的 美國 公民 應立即 安排 返回 美國 除非 他們 準備 無限期 地 留在 國外 該 警示 還 說 目前 國務院 正在 盡 一切 努力 協助 在 海外 的 美國 公民 返美 隨 著 新冠 病毒 疫情 的 發展 國務院 與 航空 公司 合作 安排 返國 航班 的 運輸能力 會 變 得 更 為 困難 甚至 無法 使用 最近 數 周 航空 公司 大幅 裁減 航班 各國 也 在 未 事先 通知 的 情況 下 關閉 機場 與 邊境 關卡 如果 您 希望 回國 應立即 安排 返國 行程 並 根據 需要 聯繫 最近 的 美國大使館 或 領事館 尋求 幫助 由於 未來 可能 沒有 返回 美國 的 運輸 選項 國務院 無法 保證 未來 能 繼續 提供 返國 援助 服務</t>
  </si>
  <si>
    <t>新冠肺炎 疫情 在 歐洲 有 捲土重來 之 勢 愛爾蘭 為 此 祭出 相對 嚴苛 的 防疫 措施 但 就 在 內閣 敲定 進一步 在 全國 加強 限制 的 第二 天 農業部長 卡裡利 卻 帶頭 違反規定 他 在 21 日 宣佈 請 辭 表示 自己 損害 了 全國上下 為 防堵 疫情 所 做 的 努力 他 深感 抱歉 卡裡利 與 另外 80 名 左右 賓客 出席 由 愛爾蘭 國會 高球 社團 舉辦 的 飯店 晚宴 針對 這項 活動 是否 違反 國家 的 健康 規範 警方 已 展開 調查 卡裡利 告訴 該國 電臺 我 讓 大家 失望 了 我 令 許多 人 憤怒 他 說 過去 6 個 月 來 許多 人民 都 被 因 疫情 迫 更改 生活 方式 但 他 竟然 帶頭 違規 非常 抱歉 卡裡利 20 日 已 先 透過 自己 的 推特 帳 號 道歉 短短 2 小時 內 就 吸引 2千 則 回 覆 大多數 留言 都 怒火中燒 因為 許多 民眾 為了 配合 防疫 甚至 連 自己 親友 的 喪禮 都 無法 參加 有人 則 被迫 取消 婚禮 或 度假 行程 總理 馬丁 已經 接受 卡裡利 的 辭職 認為 他 做出 正確 的 決定 其他 出席 同場 晚宴 的 政治 人物 包括 愛爾蘭 的 歐盟 貿易 代表 霍根 也 遭受 排山倒海 的 民怨 攻擊</t>
  </si>
  <si>
    <t>日本 各地 仍 鬧 口罩 荒 網上 卻 仍 有 不少 人 高價 轉賣 日本政府 要求 網 購 公司 加以 控管 禁止 高價 轉賣 但 上有政策 下有對策 無論 網 購 公司 如何 控管 不肖 業者 仍 有 漏洞 可 鑽 繼續 賺 災難 財 日本 週刊 文 春 電子 報 訪問 到 哄抬 口罩 價格 的 轉賣 業者 1 名 20 多 歲 的 男性 表示 轉賣 口罩 實際上 3 個 人 只 工作 1 天 就 有 超過 100萬 日圓 進帳 他 開車 到處 買到 7千 片 各種 不同 的 口罩 已 全部 賣 光 進貨 總額 約 35萬 日圓 約 台幣 9萬7千 多元 銷售額 為 110萬5千 日圓 約 台幣 30萬6千 多元 光 利潤 就 有 80萬 日圓 約 台幣 22萬2千 元 他 還 透露 現在 有 很多 藥房 規定 1 人 限 買 1 盒 他 就 多 跑 幾 趟 或是 在 門口 拜 讬 路人 幫 他 買 聽說 同行 還有 人 透過 醫護人員 將 醫院 的 3 m 拿 出來 轉賣 醫療 用 口罩 1 片 100 日圓 左右 現在 賣到 1 片 500600 日圓 還有 朋友 在 雅虎 拍賣 網站 上 50 片 裝 的 口罩 賣 5萬 日圓 約 台幣 1萬3千880 元 日本政府 要求 網 購 公司 要 防止 高價 轉賣 之事 雅 虎 亞馬遜 amazon merukari 等 網 購 公司 都 宣佈 若 發現 轉賣 口罩 的 可疑 帳 號 便 禁止 出品 之後 網上 的 口罩 價格 確實 跌 了 結果 居然 有 業者 將 口罩 價格 標 低 但 調高 運費 價格 以 變相 的 方式 高價 出售 口罩 利潤 和 過去 一樣 例如 2千 日圓 的 口罩 運費 設定 1萬 日圓 等 此外 還有 人 直接 在 推特等 社 群 網站 上 交易 還有 住 在 日本 的 中國 人 將 口罩 轉賣 到 大陸 去 不僅 是 口罩 他 還 聽說 日本 的 酒精 手指 消毒劑 價格 在 大陸 飇 漲 到 3 倍 大陸 因為 封城 的 原因 民眾 只好 宅 在 家裡 使得 任天堂 的 遊戲機 nintendo switch 的 價格 也 高漲</t>
  </si>
  <si>
    <t>最近 大陸 提供 制 氧 機 給 印度 遭到 抱怨 趁機 漲價 後 近年來 從 官方 到 民間 持續 大小 衝突 不 斷 的 中印關係 又 有 新 話題 據 媒體 報導 印度 一家 媒體 在 推特 上 發文 呼籲 調查 新冠 病毒 起源 搭配 了 一 張 大陸 國旗 圖片 但 將 其中 的 大 五角星</t>
  </si>
  <si>
    <t>最近 大陸 提供 制 氧 機 給 印度 遭到 抱怨 趁機 漲價 後 近年來 從 官方 到 民間 持續 大小 衝突 不 斷 的 中印關係 又 有 新 話題 據 媒體 報導 印度 一家 媒體 在 推特 上 發文 呼籲 調查 新冠 病毒 起源 搭配 了 一 張 大陸 國旗 圖片 但 將 其中 的 大 五角星 替換 為 新冠 病毒 圖案 引起 了 大陸 網 民 批評 指責 印媒 在 大陸 提供 抗 疫 物資 後 竟 還 公然 辱 華 根本 是 以怨報德 還有 人 甚至 認為 先前 飽受 批評 的 中共中央 政法委 官方 微博 發佈 中印 點火 對比 圖 若 與 印媒 的 做法 相比 簡直 是 小巫見大巫 近期 新冠 病毒 疫情 在 印度 肆虐 雖然 中國 也 提供 不少 醫療 物資 給 印度 但 並未 因此 改善 雙方 近年來 嚴重 惡化 的 關係 據 多 維 新聞 報導 印度 媒體 swarajya 在 網站 與 官方 推特 @swarajyamag 發文 呼籲 追查 新冠 病毒 起源 配圖 中 使用 中國 國旗 五星紅旗 但 其中 的 大 五角星 被 替換 為 新冠 病毒圖片 此文 隨機 受到 中國線民 的 批評 指責 here&amp;apos s @alok_bhatt with a long read on tracing the origins of the coronavirus https t co 1 gon 7 bkksz 報導 說 文章 並未 就 病毒 起源 提供 新 的 事 證 或 理論 但 大陸 網 民 認為 變 造 圖片 的 用意 是 有意 將 病毒 起源 與 大陸 武漢 聯結 在 一起 根據 前往 武漢 調查 的 世界衛生組織 專家組 表示 許多 早期 病例 與 華南 海鮮 市場 有關 只能 證明 該 市場 是 病毒傳播 點 之一 但 目前 資料 無法 確定 新冠 病毒 是 如何 傳入 華南 海鮮 市場 的 對於 印媒 的 做法 大陸 網 民 稱 北京 對 新德里 是 以德報怨 而 新德里 卻 對 北京 是 以怨報德 如此 看來 中共 政法委 官 微 中國 長安 網 的 中印 點火 對比 圖 是 小巫見大巫 也 有 網 民 在 @swarajyamag 留下 印度 焚燒 新冠 確診 死者 遺體 照 指稱 圖片 為 good picture 報導 引述 大陸 外交部 與 媒體 報導 說 至 5 月中 為止 已向 印度 出口 呼吸 機 和 制 氧 機 26000 餘 台 監 看 器 15000 多 台 醫藥 材 以及 藥品 近 3800 噸 大陸 官方 與 媒體 也 提到 印度 購買 醫療 器材 時 抱怨 陸企 隨意 漲價 要求 中國 官方 介入 但 北京 回應 稱 這 是 市場 行為 大陸 駐 印度 的 大使館 與其 他 官方 機構 為 運往 印度 的 醫療 物資 舉行 抵達 印度 的 交接儀式 但 其中 也 有些 物資 是 其他 國家 捐贈 後 向 大陸 企業 購入 但 這些 情況 在 印度 媒體 與 網上 並 沒有 較 詳細 訊息 若 從 大陸 網 民 與 推特 的 相關 議論 中 可以 發現 有 極大 部 份 網 民 認為 這些 制 氧 機 及 其他 醫療 器材 是 大陸 捐贈 給 印度 的 援助 物資 但 其中 的 確 有些 屬於 商業 買賣 因此 中方 的 回 應 才會稱 這部 份 的 物資 漲價 是 屬於 市場 行為 近幾年來 中印 邊境 衝突 不 斷 前年 以來 兩 國 邊境 衝突 更 加重了 雙方 日趨 惡化 的 關係 多次 邊境 衝突 不 只 造成 傷亡 兩 國 媒體 與 民眾 更 無時無地 在 網上 惡戰 印度 加入 美國 發起 的 印太 4 國 戰略 對話 後 雙方 民眾 對抗 情勢 更加 激烈 3 月 以來 印度 疫情 大規模 爆發 在 露天 空地 為 死者 進行 火葬 的 圖片 在 國際 上 流傳 中共中央 政法委 的 官方 微博 將 去年 探測 火星 的 火箭 發射 照 與 印度 火葬場 的 照片 做 了 對比 圖 並以 中印 點火 為 標題 但 這 張 中印 點火 對比 圖 隨即 在 網上 遭到 大量 批評 指 其 在 慶祝 自身 成就 時 藉 機 嘲弄 別國 災難 做法 太 過 刻薄 有失 大國 風範 中共 政法委 隨即 悄悄 撤下 照片 但 未公開 致歉 根據 印度 衛生部 5 月 19 日公 佈 資料 顯示 該國 新冠肺炎 確診 病例 總數 為 2千5百 餘 萬 例 死亡 總數 近 30萬 人 單日 新增 病例 已 最高點 超過 40萬 例 下滑 目前 26萬 例 新增 死亡 約 4千 餘 人</t>
  </si>
  <si>
    <t>路透社 報導 丹麥 20 日 又 通報 2 起 接種 阿斯特 捷利康 公司 astrazeneca 疫苗 後 出現 血栓 症狀 的 案例 且 其中 1 人 不幸 死亡 目前 全球 有 多國 已 暫停 接種 az 疫苗 根據 報導 丹麥 首都 哥本哈根 公立醫院 主管 當局 表示 本次 通報 的 2 例 皆 為 醫院 員工 兩 人 皆 在 接種 az 疫苗 後 的 14 天內 出現 血栓 症狀 其中 1 人 已 不幸 死亡 另 1 人 則 狀況 嚴重 還 出現 腦 出血 的 症狀 丹麥 藥品 管理局 danish medicines agency 則 確認 已 接 獲 2 起 嚴重 通報 但 並未 提供 更 多 細節 該局 的 藥物 安全性 代理 主任 伊瑞克 森 tanja erichsen 20 日 在 推特 上 表示 目前 正 處理 兩 件 具體 案例 會 徹底 檢 視 相關 案例 以 確定 此類 嚴重 副作用 是否 與 疫苗 有關 由於 國內 出現 接種 後 發生 血栓 症狀 的 案例 丹麥 本月 11 日 暫停 施打 az 疫苗 成為 全球 十 多 個 全面 或 部分 暫停 施打 az 疫苗 的 國家 之一 歐洲 藥品 管理局 european medicines agency 執行 主任 庫克 emer cooke 18 日 承認 目前 仍 無 法 排除 az 疫苗 造成 血栓 症狀 的 可能性 但 仍 重申 施打 az 疫苗 利大於弊 不過 丹麥 瑞典 與 挪威 等 三國 表示 其 仍 需要 更 多 時間 來 評估 是否 繼續 施打 該 疫苗 阿斯特 捷利康 公司 拒絕 評論 丹麥 通報 新 案例 一 事 僅 重申 該 公司 首席 醫療 官 泰勒 ann taylor 18 日 發表 的 聲明 其 強調 疫苗 安全 是 最 重要 的 感謝 歐洲 藥品 管理局 承認 az 疫苗 對 抑制 新冠肺炎 covid-19 疫情 的 貢獻 並 相信 在 經過 仔細 評估 後 az 疫苗 將 在 全 歐洲 範圍 繼續 施打</t>
  </si>
  <si>
    <t>nba聯盟 昨日 向 30 支 球隊 發出 通告 賽季 停 擺 期間 球員 可以 離 球隊 所在 的 城市 但 必須 事先 獲得 球 團 的 同意 並且 提供 每日 行程 在 與 任何人 接觸 前 都 要 保持 距離 然而 聯盟 這項 決定 卻 沒有 包含 各隊 的 國際 球員 因為 這些 球員 目前 根本無法 離開 美國 目前 效力 於 尼克 法國 籍 球員 尼利基納 他 在 推特 上 表示 真的 無法 想像 過去 幾 年 談到 病毒 和 疫情 全球 民眾 的 健康 都是平 等 的 沒 想到 這次 新冠肺炎 影響 的 層面 如此 的 大 現在 只能 期盼 所有 感染 新冠肺炎 的 民眾 能夠 康復 尼利基納 坦承 一 開始 非常 害怕 呼籲 所有人 都 要 做好 防疫 準備 如果 想要 保持 間 康 大家 都 要 有 良好 的 衛生習慣 勤洗手 避免 握手 妥善 照顧 好 自己 就 能 避免 感染 病毒</t>
  </si>
  <si>
    <t>歐洲聯盟 執行 委員會 主席 范德賴恩 ursula von der leyen 5 日 在 推特 上 宣佈 由於 其 日前 9 月 29 日 出席 的 一 場 會議 中 與會者 有人 確診 感染 新冠肺炎 根據 現行 防疫 法規 其 將 自主 隔離 至 6 日 早晨 這 是 繼 歐洲理事會 主席 米歇</t>
  </si>
  <si>
    <t>川普 政府 為了 對 陸 通過 港版 國安法 強硬 表態 宣佈 一連串 對 陸 打擊 措施 作為 挺 香港 姿態 不過 正當 非裔 人 民 遭 白人 警員 不當 執法 致死 引起 全國 示威 但 川普 不 停 地 在 推特 上 火上加油 多次 聲稱 要用 暴民 動用 軍隊 平亂 讓</t>
  </si>
  <si>
    <t>川普 政府 為了 對 陸 通過 港版 國安法 強硬 表態 宣佈 一連串 對 陸 打擊 措施 作為 挺 香港 姿態 不過 正當 非裔 人 民 遭 白人 警員 不當 執法 致死 引起 全國 示威 但 川普 不 停 地 在 推特 上 火上加油 多次 聲稱 要用 暴民 動用 軍隊 平亂 讓 外 媒 認為 川普 對 示威 的 反應 不僅 毀 了 先前 美國 對 要 保護 香港 的 力道 更 對 大陸 而言 是 天上掉 下來 的 禮物 讓 其 有 了 宣傳 大好機會 美國有線電視新聞網 指出 為了 反 制 北京 通過 港版 國安法 川普 政府 上月 29 日 祭出 取消 港 特殊 貿易 地位 與 對 部分 官員 制裁 等 一連串 手段 藉 此 展現 美國 在 去年 反 送 中 支持 香港 追求 民主 支持 人民 上街 示威 的 權力 不過 一 名 非 裔 佛洛伊德 在 毫無 抵抗 情況 下 遭 警員 勒 頸 約束 而 窒息 身亡 引起 全國 示威 動盪 但 川普 不 停 地 在 推特 上 發表意見 稱 示威 群眾 是 暴徒 是 有 組織 有 計 畫 的 暴力行為 除了 譴責 媒體 鼓舞 騷動 並 要求 軍隊 部屬 到位 甚至 嗆 在 動亂 後面 藏有 國內 恐怖主義 份子 然而 川普 對於 美國 示威 的 反應 讓 許多 大陸 官媒 與 官員 藉 此 大作文章 他們 不僅 樂見 美國 面臨 前所未見 的 動亂 更 諷刺 的 表態 要 與 示威者 站 在 一起 藉 此 指控 美方 的 虛偽 報導 以 大陸 外交部 發言人 華春瑩 為 例 她 在 轉貼 美國務院 發言人 對於 美國 祭出 對 陸反 制 的 貼 文時 僅 回 覆 我 不能 呼吸 這 句 話 也 是 佛洛伊德 遭 警 壓迫 時 一直 說 的話 她 的 貼 文也 獲得 俄 官 媒 今日 俄羅斯 的 轉貼 &amp;quot i can&amp;apos t breathe &amp;quot pic twitter com uxhgxmt 0 lk 而 先前 指控 華府 支持 香港 獨立 勢力 與 暴力 激進份子 的 陸 外交部 發言人 趙立堅 以及 環球時報 總編 胡錫進 也 在 其 推特 上 轉貼 全美 示威 新聞 並 注解 這些 由 美國 政客 定義 的 最 美麗 風景 終於 從 香港 擴散 至 美國 他們 甚至 可以 從 視窗 就 可看 得 到 did beijing publicly support us protests and give aid to radical left-wing forces like the political infiltration washington has done to china you spoke as if destroying the us ideas us democracy and us values is a piece of cake you are humiliating the us and the west pic twitter com bmj 7 ylcnby the &amp;apos beautiful sight&amp;apos difined by us politicians has eventually extended from hong kong to the us now they can witness it by their home windows i want to ask speaker pelosi and secretary pompeo should beijing support protests in the us like you glorified rioters in hong kong pic twitter com tvg 0 kyk 8 j 0 報導 也 稱 美國 示威 也 讓 許多 香港 反 送 中 示威者 陷入 尷尬 局面 稱 他們 雖然 與 在 美國 抗議 的 示威者 們 感覺 團結 一致 但 華府 正 對 示威者 採取 強硬 姿態 讓 他們 感覺 與 華府 之間 可能 有 被 撕裂 的 感受 報導 最後 指出 華府 要 影響 北京 對 港 施壓 的 姿態 正 在 嚴重 受 限制 中 川普 政府 對於 示威 的 反應 恐怕 將 進一步 傷害 自身 地位</t>
  </si>
  <si>
    <t>新冠肺炎 疫情 持續 肆虐 全球 其中 以 美國 最為 嚴重 確診 人數 已經 突破 240萬 人 然而 依舊 不少 民眾 反對 強制 戴 口罩 其中 佛羅里達 一 場 要 不 要 強制 戴 口罩 的 聽證會 中 一 名 紅衣 女子 高 分貝 拒絕 戴 口罩 更 痛 批 這 是 惡魔 謀害 人類 的 工具 影片 上 傳到 推特 後 引起 熱 議 宅 神 朱學 恒 也 看 傻 直說 智商 瞬間 降低 100 朱學 恒 分享 影片 表示 不 知道 上帝 創造 這些 說 口罩 會 殺人 或者 老娘 不 戴 口罩 因為 這裡 不是 古巴 的 人 目的 是 不是 為了 毀滅 他們 我 光 看 完 這 幾 分鐘 就 覺得 智商 降低 了 一百 多 這 名 紅衣 女子 在 聽證會 上 語無倫次 宣稱 口罩 是 惡魔 用來 殺害 人類 的 工具 要求 民眾 戴 口罩 的 醫生 們 犯 下 了 反 人類 罪 上帝 不會 放過 這些 人 的 該 女子 甚至 套用 川普 的 陰謀論 繼續 指控 微軟 創辦 人 比爾蓋茲 與 前 國務 親 希拉 蕊 都 是 戀 童癖 還是 秘密 掌 控 美國 的 影子 政府 成員 要求 警方 逮捕 他們 更 稱 若 5 g 出來 後 以後 每個 人 都 要 被 量 體溫 被 掃描 還有 白衣 女子 激動 大喊 表示 就 如同 自己 不 穿 內衣 一樣 她 拒絕 戴 口罩 否則 無法 呼吸 不少 美國 網友 紛紛 嘲諷 看來 川普 找 到 最 棒 的 秘書 了 她們 可以 去 當 川普 發言人 達爾文 快點 來 把 她們 收 走 吧 川普 跟 他 的 信徒 真是 讓 人 大開眼界 朱學 恒 分享 後 臺灣 網友 也 留言 所以 老天 開始 過濾 這些 人 了 快要 可以 跟 上帝 喝 咖啡 了 號稱 世界 強國 的 美國 其 國民 還 是 很多 民智未開 進 了 棺材 就 可以 去 找 上帝 了 不急 還好 病毒 專找 不 戴 口罩 的 人 我 想 這 就 是 物競天擇 吧 上帝 覺得 無辜</t>
  </si>
  <si>
    <t>新冠肺炎 擴散 全球 在 一般 民眾 一窩蜂 心態 之下 多國 連帶 出現 搶購 物資 潮 其中 臺灣 香港 日本 皆 出現 衛生紙 之 亂 連 澳洲 也 不 例外 對此 澳洲 一家 小報 5 日 特別 增 印 8 頁 空白 版面 供 讀者 應急 似乎 暗 諷 民眾 盲目 搶購 現象 澳洲 北 領地 達爾文 的 北 領地 新聞 nt news 在 頭版 標題 旁 寫 著 衛生紙 用光 了 嗎 北 領地 新聞 關心 您 特 印製 8 頁 留 白 內頁 附上 便利 的 切 割線 供 您 急用 翻 至 21 頁 取得 限量 版 單 層 廁所 用 報紙 頁 yes we actually did print it #toiletpapercrisis pic twitter com jusp 50 ojyu 北 領地 新聞 報 編輯 威廉斯 matt williams 向 衛報 澳洲 版 表示 特別 版 銷 情 很 好 並 強調 該報 以 瞭解 讀者 需要 而 聞名於世 北 領地 人 目前 對 廁 紙 有 極大 需求 所以 我們 要 供應 他們 所 需 英國廣播公司 bbc 引述 消費者 心理專家 表示 搶購 衛生紙 顯然 不合理 但 社交 媒體 和 新聞報導 助長 民眾 盲目 效仿 的 心理 例如 近期 在 推特 上 有關 衛生紙 的 主題 標籤 不斷 冒出 好比 衛生紙 緊急事件 #toiletpaperemergency 和 衛生紙 之 亂 #toiletpaperapocalypse 讓 社交 媒體 變相 推動 民眾 的 搶購 心理</t>
  </si>
  <si>
    <t>新冠 疫情 肆虐 全球 泡 面 也 成為 熱門 商品 還 一度 掀起 搶購潮 日本 日清 泡 面 近日 分享 新 吃法 杯 面 吃 完後 總會 剩下 面 渣 與 湯 丟掉 又 有 些 浪費 提到 其實 只 需要 一 顆 蛋 就 能 讓 吃 泡 面 的 飽 足 感 再 升級 又 不 會 浪費 剩 餘 的 湯底 而 新 食譜 曝光 後 不少 網友 也 趕緊 實測 直 呼 好吃 到 欲罷不能 兒 試 co-op 兒 日清 食品 之 共同 開 発 品 見 目 茶碗 蒸 之比 之 美味 pic twitter com ywbgunvndr 日清 泡 面 在 推特 表示 任何人 都 能 製作 杯子 蒸 蛋 只 要 將 雞蛋 打 進有 湯 的 杯 面 中 攪拌 後 再 拿 去 蒸 就 能 吃到 鬆軟 的 茶碗 蒸 很多 人 都 不 知道 這種 做法 而 他們 也 在 官網 曝光 詳細 作法 首先 將 雞蛋 打 進 吃剩 餘 的 湯底 等 5 分鐘 後 均勻 攪拌 再 將 湯 與 蛋 液 倒入 碗 中 並 放 入 微波爐 加熱 約 3 分鐘 杯子 蒸 蛋 就 完成 了 不少 網友 回應 看到 後 馬上 試做 之前 常 因為 沒 喝 完湯 感到遺憾 現在 終於 能 吃 乾淨 了 以前 就 做 過 了 海鮮 和 咖 哩 口味 都 很 好吃 味道 很 不錯 但 吃 起來 有點鹹 我 很 早 就 這樣 吃 了 有時 還 會 加點 飯 或 年糕 超 好吃 將 米飯 和 起 司 放 進 剩 餘 的 湯中 再 拿 去 微波 義 大利 焗 飯 就 出爐 囉 推薦 海鮮 口味 最 好吃</t>
  </si>
  <si>
    <t>all because of toilet paper pic twitter com xgtlexrkj 5 疫情 蔓延 的 恐慌 下 各國 開始 出現 日用品 搶購潮 像是 美國 好 市 多 貨架 被 清 空 瘋狂 搶購 物資 以備 未來 宅 在家 使用 最近 澳洲 更 發生 一起 超市 鬥毆 事件 一 名 黑人 女子 伸手 拿 了 別人 推 車裡 一 袋 衛生紙 被 當事人 抓 包想 拿 回來 但 黑人 女子 不 願 開始 拉扯 對方 頭髮 這 對 母女 為了 掙脫 而 反擊 3 人 扭打 成 一 團 有 如 mma 綜合 格鬥 戰場 互不相讓 這 場 大戰 發生 在 澳洲 雪梨 丘 洛拉 區 chullora 的 一 間 富豪 斯 超市 該 超市 祭出 限 購 令 每人 只能 買 4 袋 衛生紙 許多 人 早 在 超市 開門 前 提早 排隊 直 沖 貨架 開 搶 但 一 名 黑人 女子 似乎 是 太 晚 來 沒 搶到 便 從 隔壁 推 車 順手 劫 一 袋 走 被 該 推 車 的 母女 發現 黑人 女子 堅持 不 還 打 成一團 互 扯 頭髮 尖叫 攻擊 撞 貨架 格鬥 現場 一 堆 人 圍觀 錄 影 上傳 推特 推特 影片 中 超市 職員 急忙 上前 隔 開 兩 組 人馬 最後 黑人 女子 一 包也沒 搶到 哀求 人家 我 只 想要 一 包 但 對方 表示 一 包也 不 給 你 請 離 我 女兒 遠 一點 火藥味 濃厚 幾乎 再次 開戰 幸好 被 職員 勸阻 了</t>
  </si>
  <si>
    <t>新冠肺炎 ncp 疫情 不斷 升溫 確診 人數 多 達 4萬 起 造成 全球 人心惶惶 大陸 72 歲 健身 達人 邱鈞 曾 聲稱 自己 從未 生病 豈料 竟 染上 肺炎 病逝 不少 專家 也 表示 民眾 防疫 不僅 靠 口罩 勤洗手 更是 重要 近日 一 名 日本 網友 就 透露 在 速食店 打工 11 年 卻不曾 生病 過 獲得 78萬 人 關注 日本 網友 @kobuta_dq 在 推特 提到 這 是 一個 真實 故事 他 從 高中一 年級 就 在 麥當勞 打工 如今 出 社會 轉為 正式 員工 期間 總共 11 年 僅 得 過 1 次 小 感冒 原因 就是 在工作中 必須 每 30 分鐘 就 洗 一 次 手 讓 他 直 呼 洗手 非常 重要 洗手 是 最 有力 的 保護措施 多虧 了 您 高中 3 年 還 得 了 全勤 獎 話 就業 中 30 分 1 回 手 洗 義務 付 兒 ドで動いていた 高校 1 年 11 年間 兒 社員 1 回 風邪 手 洗 最 強 防護 策 高校 3 年 間 皆 勤 賞 這 一 篇 po 文 也 獲 78萬 人 按 贊 表示 最 有 說服力 的 洗手 論 浣熊 防疫 最 強 這 很 有 可能 是 原因 之一 我 也 曾 在 餐飲業 工作 需 常戴 口罩 手套 使用 消毒 洗手 和 用 紙巾 擦拭 洗手 肯定 有效 但 如果 您 洗 太 多 次 手 會 變 得 很 粗糙 所以 外出 時 我 總是 戴 手套 因為 搭車 可能 會 接觸 其他 物品 回家 後 洗 衣物 但 也 有人 認為 不僅 要 勤洗手 還 得 補充 睡眠 運動 及 營養 等 保持 身體健康 也 很 重要</t>
  </si>
  <si>
    <t>大 聯盟 宣佈 因 新冠肺炎 疫情 影響 開幕 至少 延期 2 周 不過 這 並 不 代表 2 周後 就 能 撥雲見日 目前 大 聯盟 與 各 球 團 還 在 制定 今年 的 賽程 以及 各項 應變計 畫 但 尚未 有 進一步 說明 讓 球員 不知所措 小 熊隊 球員 奇普 尼斯 jason kipnis 就 在 推特 上 以 球員 角度 提出 疑問 卻 沒有 人 能 給 他 正確 答案 大 聯盟 延後 2 周 開幕 不過 華盛頓州 紐約 加州 等 地方 政府 都 宣佈 禁止 超過 250 人 聚會 且 尚未 有 終止 時間 較 嚴重 的 華盛頓州 至少 到 4 月底 前 都 禁止 大型 集會 因此 即使 大 聯盟 能 在 4 月 10 日 恢復 比賽 但 也 不 代表 能 正常 進行 除了 春 訓 取消 大 聯盟 延期 小 聯盟 例行 賽也 無期限 延期 這 讓 數以千計 的 美 職 球員 無所適從 小 熊隊 球員 奇普 尼斯 在 推特 上點 出 所有 球員 的 疑問 所以 我 想 問 我們 現在 該 回家 嗎 留下來 繼續 訓練 何時 開 如何 開始 備 賽 多 出來 這 兩 周 有 什麼 計畫 我們 仍 能 拿到 薪水 嗎 一切 都好怪 大 聯盟 官網 報導 響尾蛇 老闆 肯德瑞克 ken kendrick 週五 開始 繼續 讓 球員 訓練 並 備 好 訓練員 及 食物 釀酒 人 則 制定 不同 的 訓練 計畫 以 保持 球員 身體狀況 水手 執行長 史 坦 頓 john stanton 則 表態 選手 會 繼續 在 沒有 觀眾 的 情況 下 進行 春 訓 計 畫 直到 球季 開 打</t>
  </si>
  <si>
    <t>太陽 報 the sun 報導 英國 衛生 大臣 賈維德 sajid javid 27 日 表示 該國 有 2 名 新冠肺炎 covid-19 確診 者 已 確認 為 感染 omicron 變種 病毒 並稱 2 起 病例 都 與 南非 旅行 有所 聯繫 賈維德 表示 這 2 起 病例 分別 出現 在 諾丁漢 nottingham 和 切姆斯福德 chelmsford 都 與 南非 旅行 有 關聯 2 名 確診 者 及 所有 家庭成員 皆 在 家中 隔離 並 會 對 其他 接觸 者 進行 進一步 的 病毒檢測 與 追蹤 賈維德 也 指出 由於 南非 出現 大量 omicron 病例 英國 已對 南非 納米比亞 波 劄 那 辛巴威 賴索托 史瓦帝 尼 以及 莫三 比克 馬拉威 尚 比亞 安哥拉 等 國 施加 旅行 限制 並 正於 英國 境內 進行 針對性 的 病毒檢測 希望 防堵 omicron 進入 社區 除了 英國 以外 德國 黑森 邦 hesse 社會福利 局長 克洛澤 kai klose 27 日 也 在 推特 表示 一 名 自 南非 返國 的 民眾 在 進行 采 檢後 發現 他 確診 且 帶有 omicron 的 若干 典型 突變 衛生 當局 高度 懷疑 其 為 omicron 感染者 這 名 民眾 目前 已 被 隔離 克洛澤 呼籲 近期 從 南非 返 國者 應 減少 接觸 並 接受 檢測 比利時 26 日 已 確認 出現 omicron 病例 是 歐洲首 個 淪陷 的 國家 比利時 病毒學家 範 蘭斯特 marc van ranst 表示 這 名 確診 病 患 是 一 名 11 日 自 埃及 返國 的 年輕 女性 且 她 返回 比利時 的 途中 僅 經過 土耳其 並未 踏足 南非 等 已 出現 omicron 病例 的 國家 顯示 該 變種 病毒傳播 的 範圍 比 想像 更 廣</t>
  </si>
  <si>
    <t>英國 新冠 疫情 反彈 右翼 組織 save our rights uk 24 日 發起 示威遊行 數 千 人 在 倫敦 街頭 聚集 抗議 首相 強森 收緊 防疫 措施 之後 警方 介入 驅散 人群 逮捕 至少 10 人 示威者 從 海德公園 開始 遊行 許多 人 高舉 標語 和 海報 呼籲 取消 強制 戴 口罩 規定 還 稱 防疫 措施 是 暴政 和 國家 監控 手段 還 有人 說 新冠肺炎 是 場 騙局 遊行 結束 後 警方 驅散 聚集 在 特拉法加 廣場 的 示威 群眾 數人 被 銬 上 手銬 帶走 並 在 社 群 網站 推特 上 發文 呼籲 示威者 和平 散去 英國 目前 政 實行 3 級 防疫 警戒 制度 北部 地區 酒吧 關閉 禁止 不同 家庭成員 聚集 威爾斯 23 日 也 實行 緊急 封鎖 禁止 不必要 的 購物 外出 等 地方 政府 表示 防疫 措施 不是 要為 民眾 增 添麻煩 而是 旨在 減少 外出 次數</t>
  </si>
  <si>
    <t>據 外 媒 報導 哈利·波特 的 作者 j k 羅琳 在 自己 的 推特 自稱 自己 在 過去 的 兩 個 星期 中 經歷 了 所有 的 症狀 但 現在 已經 痊癒 她 還 向 網友 推薦 自己 當 醫生 的 丈夫 告訴 她 的 呼吸 法 完全 不 要錢 但是 對 該 病症 造成 的 呼吸困難 療</t>
  </si>
  <si>
    <t>據 外 媒 報導 哈利·波特 的 作者 j k 羅琳 在 自己 的 推特 自稱 自己 在 過去 的 兩 個 星期 中 經歷 了 所有 的 症狀 但 現在 已經 痊癒 她 還 向 網友 推薦 自己 當 醫生 的 丈夫 告訴 她 的 呼吸 法 完全 不 要錢 但是 對 該 病症 造成 的 呼吸困難 療效 非常 顯著 根據 北京日報 引述 外 媒 報導 j k 羅琳 小說 改編 的 電影 神奇 動物 在 哪裡 3 的 拍攝 工作 也 因為 新冠肺炎 疫情 而 中斷 羅琳 說 自己 治療 期間 一直 聽從 醫生 丈夫 的 建議 緩解 呼吸系統 症狀 並 把 女王 醫院 的 you tube 視頻 鏈 接 分享 給 網友</t>
  </si>
  <si>
    <t>微軟 臉書 推特 與 alphabet 旗 下 的 穀歌 等 美國科技 公司 今天 發表 聯合 聲明 說 他們 正 在 合作 消除 平臺 上 關於 疫情 的 不實 訊息 路透社 報導 這些 公司 也 包含 領 英 公司 linkedin corp reddit 與 youtube 聯合 聲明 說 他們</t>
  </si>
  <si>
    <t>微軟 臉書 推特 與 alphabet 旗 下 的 穀歌 等 美國科技 公司 今天 發表 聯合 聲明 說 他們 正 在 合作 消除 平臺 上 關於 疫情 的 不實 訊息 路透社 報導 這些 公司 也 包含 領 英 公司 linkedin corp reddit 與 youtube 聯合 聲明 說 他們 正 與 全球 各地 政府 的 醫療保健 機構 合作 分享 關於 武漢肺炎 的 最新 重要 資訊 聯合 聲明 說 我們 正在 協助 數以百萬計 的 民眾 掌握 疫情 同時 一起 打擊 關於 病毒 的 詐騙 與 不實 資訊 提高 我們 平臺 上 權威性 的 內容 並 與 全球 各地 政府 的 醫療保健 機構 合作 以 分享 重要 的 最新 資訊 美國 財經 媒體 報導 這些 科技 巨擘 與 社 群 網站 龍頭 說 也 歡迎 其他 公司 加入 他們 的 行列 白宮科技政策辦公室 今天 也 表示 已 與 不同 的 美國科技 公司 與 產業 協會 召開 許多 會議 未來 將 會 持續 開會 成為 我們 全美 疫情 對策 一部分 根據 約翰霍普金斯大學 johns hopkins university 與 公共 衛生機關 的 資料 美國 的 2019 冠 狀 病毒 疾病 covid-19 俗稱 武漢肺炎 病例 激增 目前 累計 超過 3500 起 死亡 病例 至少 74 起</t>
  </si>
  <si>
    <t>新冠肺炎 疫情 擴散 有 防疫 大國 的 日本 卻 成為 大陸 以外 疫情 最 慘重 國家 之一 政府 防疫 措施 也 引發 民怨 其中 鑽石 公主 號 事件 更是 引起 軒然大波 日本 厚生 勞動 省 副 大臣 橋本嶽 在 推特 貼出 一 張 照片 反擊 質疑 聲浪 表示 政府 有 做</t>
  </si>
  <si>
    <t>新冠肺炎 疫情 擴散 有 防疫 大國 的 日本 卻 成為 大陸 以外 疫情 最 慘重 國家 之一 政府 防疫 措施 也 引發 民怨 其中 鑽石 公主 號 事件 更是 引起 軒然大波 日本 厚生 勞動 省 副 大臣 橋本嶽 在 推特 貼出 一 張 照片 反擊 質疑 聲浪 表示 政府 有 做好 防疫 但 照片 曝光 後 引起 譁然 日本 網友 痛駡 官員 根本 腦殘 難怪會 變 毒 船 日本 神戶 大學 醫院 感染 科 專家 岩田 健 太 郎曾 公佈 影片 揭發 鑽石 公主 號 防疫 措施 相當 糟糕 引發 國際 關注 影片 如今 也 下 架 橋本嶽 則 在 推特 抨擊 岩田 登 船 無 正當性 更 揚言 將 回報 厚生 勞動 省 進行 懲處 昨 20 日 橋本嶽 在 推特 上 貼出 鑽石 公主 號 內部 檢疫 照片 得意 表示 政府 有 做好 防疫 措施 但 透過 照片 可以 看到 鑽石 公主 號 兩扇門 雖然 區分 為 清潔 通道 不潔 通道 但 中間 沒有 任何 保護措施 且 兩扇門 根本 相連 還 通往 同一個 空間 根本 沒有 任何 意義 日本 網友 看到 照片 後憤怒 灌 爆 橋本推特 痛駡 腦殘 嗎 你 自 爆 了 白癡 官員 無能 難怪 控制 不 住 疫情 天 佑 日本 日本 還 有救 嗎 還 岩田 教授 公道 病毒 進 腦 了 病毒 是 會 乖乖 排隊 難怪會 變 毒 船 事後 橋本驚 覺 大事 不妙 趕緊 刪除 照片 但 早已 被 網友 備份 瘋 傳 網路</t>
  </si>
  <si>
    <t>鑽石 公主 號 岩田 健 太 郎 推特 照片 橋本嶽</t>
  </si>
  <si>
    <t>來 取暖 吧 31 天內 世界 變樣 推特 掀 搞 笑 對照 圖 風潮</t>
  </si>
  <si>
    <t>3 月 過 了 但 短短 31 天內 全世界 變了樣 都成 了 新冠 病毒 肆虐 的 舞臺 在 3 月 結束 迎接 4 月 之際 許多 推特 推 友 發起 3 月 1 日 v s 3 月 31 日 的 無奈 對照 讓 其他人 看看 在 這 一個 月 內 自己 的 天地 和 心境 起 了 多 大 變化 希望</t>
  </si>
  <si>
    <t>march 1 april 1 pic twitter com glcspwu 5 uy https t co hbbfnublga pic twitter com vym 9 sbblqh 3 月 過 了 但 短短 31 天內 全世界 變了樣 都成 了 新冠 病毒 肆虐 的 舞臺 在 3 月 結束 迎接 4 月 之際 許多 推特 推 友 發起 3 月 1 日 v s 3 月 31 日 的 無奈 對照 讓 其他人 看看 在 這 一個 月 內 自己 的 天地 和 心境 起 了 多 大 變化 希望 在 疫情 嚴峻 世人 苦悶 慌亂 的 黑暗 時刻 發揮 創意 撫慰 人心 搏君 一 笑 start of march vs end of march pic twitter com yx 5 anxuqzr march 1 vs march 31 pic twitter com vh 7 hsg 3 nry pic twitter com zzunk 1 kyf 2 包括 紐約時報 記者 伊茲科夫 dave itzkoff 等 人 在內 的 推 友 們 紛紛 貼 上 3 月初 與 3 月底 對照 當然 這些 都 不是 推 友 們 自己 的 影像 而是 電影 或 電視 作品 的 截 圖 但 看得出 原本 輕鬆 的 神情 歡快 的 人生 亮麗 的 外表 愉快 的 心境 在 短短 1 個 月 內 變成 了 萎靡 衰敗 傷心 苦惱 有的 甚至 大 崩 壞 雖然 是 與 推 友 分享 讓 大家 莞爾一笑 但 也 反映 出 這 場 世紀 瘟疫 對 世人 的 重大 影響</t>
  </si>
  <si>
    <t>推特 新冠肺炎 疫情</t>
  </si>
  <si>
    <t>委內瑞拉 反對派 領袖 瓜 伊多 juan guaido 今天 表示 他 確診 2019 冠 狀 病毒 疾病 covid-19 有 輕微 症狀 瓜 伊多 在 自己 的 推特 twitter 帳 號 表示 正 接受 隔離 同時 對 委內瑞拉 的 確診 數字 表達 憂心 瓜 伊多 寫道 我 想 表</t>
  </si>
  <si>
    <t>委內瑞拉 反對派 領袖 瓜 伊多 juan guaido 今天 表示 他 確診 2019 冠 狀 病毒 疾病 covid-19 有 輕微 症狀 瓜 伊多 在 自己 的 推特 twitter 帳 號 表示 正 接受 隔離 同時 對 委內瑞拉 的 確診 數字 表達 憂心 瓜 伊多 寫道 我 想 表達 我 與 數以千計 在 這 場 疫病 中 受苦 的 委內瑞拉人 休戚與共 如今 我們 大家 都 有 親戚 或 熟人 感染 covid-19 委內瑞拉 2018 年 的 大選 由 總統 馬杜洛 nicolas maduro 成功 連任 但 西方 政府 形容 這 場 選舉 是 騙局 之後 有 數 十 個 國家 力挺 瓜 伊多 擔任 委內瑞拉 臨時 總統 包括 美國 瓜 伊多 還 說 他 把 covid-19 疫苗 運 抵 委內瑞拉 視為 迫切 要務 委內瑞拉 已 收到 70萬 劑 covid-19 疫苗 其中 50萬 劑 是 由 中國 國藥集團 sinopharm 捐贈 其 餘 則 為 俄羅斯 的 衛星 -v sputnik-v 疫苗 反對派 領袖 們 正 另行 協商 運用 美國 凍結的 資金 透過 covid-19 疫苗 全球 取得 機制 covax 來 購買 疫苗 委內瑞拉 官方 資料 顯示 截至 今天 境內 累計 已 有 15 萬5663 起 病例 1555 人 病故 但 反對派 人士 說 由於 檢測 人數 有限 實際 數字 可能 更 高</t>
  </si>
  <si>
    <t>新冠肺炎 疫情 持續 擴大 就 連 知名 病理學 教授 有 不 敵 病毒 肆虐 病逝 根據 美國華盛頓大學 醫學院 在 推特 宣佈 病理學 系 核心成員 史 瓦茲 stephen schwartz 教授 因 感染 新冠肺炎 身亡 享壽 78 歲 根據 綜合 外電報導 史 瓦茲 19</t>
  </si>
  <si>
    <t>新冠肺炎 疫情 持續 擴大 就 連 知名 病理學 教授 有 不 敵 病毒 肆虐 病逝 根據 美國華盛頓大學 醫學院 在 推特 宣佈 病理學 系 核心成員 史 瓦茲 stephen schwartz 教授 因 感染 新冠肺炎 身亡 享壽 78 歲 根據 綜合 外電報導 史 瓦茲 1967 年 就 開始 與 華盛頓大學 醫學院 合作 完成 博士 研究 計畫並 取得 居留權 據 華盛頓大學 醫學院 網站 簡介 史 瓦茲 博士 自 1984 年 起 在 病理學 系 任教 專門 研究 血管 生物學 癌症 流行病 學 及 遺傳 流行病 學 而 史 瓦茲 不僅 是 病理學 系 的 核心成員 還 是 研究 人員 及 生物工程 和 醫學 系 的 兼職 教授 華盛頓大學 醫學院 病理學 系 發 文說 他 在 我們 的 系 所 大學 與 科學界 留下 永垂不朽 的 印記 將 受到 眾人 緬懷 華盛頓州 新冠肺炎 死亡 人數 目前 來到 66 人 包括 史 瓦茲 也 是 其中 之一 另外 華盛頓大學 發言人 杜諾 惠 brian donohue 透過 電子 郵件 表示 由於 史 瓦茲 沒有 跟 確診 病 患 合作 也 不是 在 工作 時 受到 感染 因 此 目前 無法 確認 史 瓦茲 感染 的 途徑 和 時間 更 多 ctwant 報導</t>
  </si>
  <si>
    <t>新冠肺炎 在 全球 持續 肆虐 臺灣人 最愛 旅遊 的 國家 日本 韓國 確診 人數 急速 上升 疫情 也 延燒到 演藝圈 不少 藝人 怕 疫情 擴散 紛紛 取消 演唱會 簽 唱 會 等 大型活動 不過 仍 有 活動 單位 出奇 招 祭出 機械手 與 粉絲 握手 但 引來 部分 網友 批評 創意 用 錯 地方 網友 在 推特 貼出 日本 東北 偶像 女團 東北 產 英文 名 made in tohoku 的 握手 會 現場 狀況 照片 中 可以 看到 大家 處在 密閉式 空間 每個 人 都戴 上 口罩 而 女團 成員 拿 著 長長的 機械手 與 粉絲 間接 握手 畫面 相當 逗趣 其他 網友 看 完 照片 後 紛紛 留言 握 不到 偶像 的 手 是 在握 心酸 的 不 知道 假手 有 沒有 消毒 每個 人 都摸 一下 倒 楣 的 都 是 粉絲 不如 停辦 吧 密閉式 空間 耶 創意 用 錯 地方 防疫 敏感 階段 大家 先 不 辦 活動 不行 嗎 更 多 ctwant 報導</t>
  </si>
  <si>
    <t>新冠肺炎 的 疫情 延 燒 全球 我國 在 中南美洲 的 邦交國 海地 總統 朱特 joseph jouthe 星期日 在 他 的 推特 上 發文 考慮 封鎖 機場 和 海港 以及 關閉 與 鄰國 多明尼加 共和國 的 陸路 邊界 形同 封鎖 全國 就 為了 防堵 新冠肺炎 的 疫情</t>
  </si>
  <si>
    <t>新冠肺炎 的 疫情 延 燒 全球 我國 在 中南美洲 的 邦交國 海地 總統 朱特 joseph jouthe 星期日 在 他 的 推特 上 發文 考慮 封鎖 機場 和 海港 以及 關閉 與 鄰國 多明尼加 共和國 的 陸路 邊界 形同 封鎖 全國 就 為了 防堵 新冠肺炎 的 疫情 即使 該國 目前 並未 傳出 任何 案例 根據 路透社 報導 總統 朱特 封鎖 邊境 是 為了 防止 新冠肺炎 帶 原者 進入 海地 所以 貨物 和 貨櫃 應 不在 禁止 的 範圍 內 海地 的 衛生條件 低落 在歷史上 有 許多 流行病 的 傳染 紀錄 而 這 一 次 的 新冠肺炎 至今 該國 都 還 未曾 確診 任何 案例 而 唯一 陸地 相連 的 鄰國 多明尼加 累計 共有 11 個 感染 案例</t>
  </si>
  <si>
    <t>國際 產業 疫情 衝擊 擴大 推特 應材 撤回 業績 預測</t>
  </si>
  <si>
    <t>因 新 冠狀病毒 全球 大 流行 的 衝擊 持續 擴大 推特 twitter 與 半 導體 設備 大廠 應用 材料 applied materials 週一 宣佈 撤回 業績 預測 週一 應材 股價 收 漲 574 收在 4017 美元 盤後漲 232 報 4110 美元 推特 週一 收 漲 3 05</t>
  </si>
  <si>
    <t>因 新 冠狀病毒 全球 大 流行 的 衝擊 持續 擴大 推特 twitter 與 半 導體 設備 大廠 應用 材料 applied materials 週一 宣佈 撤回 業績 預測 週一 應材 股價 收 漲 574 收在 4017 美元 盤後漲 232 報 4110 美元 推特 週一 收 漲 305 為 2469 美元 盤後 目前 漲 085 稍 早 前 一度 跌 逾 2 推特 表示 這 波 疫情 導致 近幾周來 廣告業務 縮水 首季 營 收 將 較 前 一 年 同期 略為 下滑 且 gaap 營業 損 益將 出現 紅 字 但 另一方面 由於 人們 湧 進 該社 群 平臺 獲取 新冠肺炎 疫情 的 最新 發展 用戶數 仍 持續 增加 該 公司 先前 預期 第一 季營 收 將 介於 825億 885億 美元 加入 其他 晶 片 製造商 與 半 導體 設備廠 不是 調 降 就是 撤回 營運 展望 的 行 例 應材 週一 宣佈 因 供應 鏈 與 製造 業務 受 新冠肺炎 疫情 影響 將 撤銷 第二 財 季 業績 預測 該 公司 表示 美國 與 世界各地相繼 祭出 的 封城 鎖國 措施 以及 全世界 飛機 航班 大 減 已 嚴重 打亂 供應 鏈</t>
  </si>
  <si>
    <t>推特 應材 業績 預測 撤回</t>
  </si>
  <si>
    <t>新冠肺炎 全球 肆虐 病毒 源頭 尚未 查清 近來 美國 與 大陸 就 為 此 爆發 外交 口 水戰 川普 16 日 就 在 推特 上 稱 中國 病毒 引起爭議 連學 霸 女星 陳法拉 也 看不下去 開 轟 川普 根本 是 種族歧視 川普 以往 談 到 新冠肺炎 時 都 是 用</t>
  </si>
  <si>
    <t>新冠肺炎 全球 肆虐 病毒 源頭 尚未 查清 近來 美國 與 大陸 就 為 此 爆發 外交 口 水戰 川普 16 日 就 在 推特 上 稱 中國 病毒 引起爭議 連學 霸 女星 陳法拉 也 看不下去 開 轟 川普 根本 是 種族歧視 川普 以往 談 到 新冠肺炎 時 都 是 用 coronavirus 冠 狀 病毒 形容 16 日 卻 在 推特 發文 公開 稱為 中國 病毒 chinese virus 明確指出 病毒 源自 大陸 掀起 外界 熱 議 對此 港 星 陳法拉 今 就 在 ig 限 時 動態 po 出 川普 中國 病毒 的 貼 文 並以 英文 痛 批 為什麼 他 還 有 精力 編造出 這種 鬼話 呢 在 我們 還 有 這麼 多 事情 需要 處理 和 需要 治療 的 這種 時候 這 是 有意 的 種族歧視 陳法拉 2005 年 以 國際 華裔 小姐 亞軍 進入 演藝圈 同時 也 是 學霸 一 枚 不僅 高中 以 全校 前十名 成績 畢業 後 進入 美國 艾文理 大學 主修 市場 行銷 和 國際 商務 成功 取得 學位 近年 積極 在 美國 發展</t>
  </si>
  <si>
    <t>傳奇 殞 落 美國 有線 電視網 cnn 當家 脫口秀 主持人 賴瑞金 larry king 23 日 與世長辭 享年 87 歲 本月 初傳 賴瑞金 感染 新冠肺炎 在 洛杉磯 醫院 治療 多時 但 家屬 未 透露 他 確切 死因 賴瑞金 官方 推特 發佈 聲明 指 他 在 加州</t>
  </si>
  <si>
    <t>傳奇 殞 落 美國 有線 電視網 cnn 當家 脫口秀 主持人 賴瑞金 larry king 23 日 與世長辭 享年 87 歲 本月 初傳 賴瑞金 感染 新冠肺炎 在 洛杉磯 醫院 治療 多時 但 家屬 未 透露 他 確切 死因 賴瑞金 官方 推特 發佈 聲明 指 他 在 加州 洛杉磯 西達斯 西奈 醫學 中心 cedars sinai medical center 逝世 他 本 月初 傳出 去年底 確診 新冠肺炎 並 在 醫院 住院 3 周 先前 還 有 消息 稱 他 一度 病情 好轉 離開 加 護 病房 並能 自主 呼吸 不過 由於 他 年事已高 還 患有 心臟病 前列腺 癌 肺癌 第二 型 糖尿病 等 宿疾 因此 原本 就 屬 高風險 族群 賴瑞金 家屬 表示 之後 將 再 宣佈 他 的 後事 安排 狀況 當下 希望 保有 隱私 賴瑞金 自 1985 年 6 月 1 日 開始 在 cnn 主持 知名 脫口秀 節目 賴瑞金 現場 larry king live 6000 多 集 節目 中 訪問 過 俄羅斯 總統 普丁 房地產 大亨 川普 達賴喇嘛 等 名流 政要 話題 人物 還有 電影明星 知名 運動員 甚至 靈媒 詐騙 專家 等 累積 高 達 5萬 人 他 於 2010 年 退休 2 年 後 又 重返 銀光 幕 在 ora 電視臺 主持 larry king now 節目 每週 播出 3 次 擅長 連結 時事 與 一般 美國 民眾 生活 的 賴瑞金 在 節目 出現 時 總是 一貫 黑 框 眼鏡 與 襯衫 西褲 加 吊帶 造型 形象 鮮明 2010 年 6 月 他 還 打破 同一 時段 同一 節目 同一 人 主持 最久 的 金氏 世界紀錄 他 的 年薪 一度 高達 700萬 美元 賴瑞金 身家 豐厚 據稱 擁 5千萬 美元 約 14億 台幣 資產 另 一 說 高達 17億 美元 約 48億 台幣 不過 他 畢生 結 過 8 次 婚 有 7 個 老婆 每 離婚 一 次 荷包 就 縮水 一 分 賴瑞金 育 有 5 名 子女 去年 他 卻 接連 遭受 白髮人 送 黑髮人 的 椎 心 之 痛 2 位 子女 在 數 周內 相繼 離 世 65 歲 兒子 安迪 andy king 7 月 下旬 心臟病發 不治 52 歲 女兒 夏雅 chaia king 也在 確診 肺癌 不久 後 8 月 離 世</t>
  </si>
  <si>
    <t>新冠 病毒 在 日 蔓延 據 日 媒 nhk 報導 包含 停留 在 橫濱 港 的 鑽石 公主 號 在內 日本 已 有 705 人 確診 新冠肺炎 且 至今 官方 仍未 能 確 任 病毒傳播 途徑 不過 在 此 防疫 工作 吃緊 之際 日本首相 安倍晉三 竟 忙 著 接待 出於 同鄉 的 河豚 業者 在 鏡頭 面前 大 啖 河豚 令 不少 網友 火大 直 嗆 日本 值得 交給 這個 人 嗎 安倍 首相 地 元 仲 卸 業者 之面 會 天然 試 食 #nhk_news https t co bw 6 h 2 hxzk 8 報導 指出 安倍 接見 河豚 盛產 地 山口 縣 的 河豚 業者 下關 河豚 聯盟 理事長 見 原宏 等 人 時 當場 試 吃 了 河豚 生魚片 大贊 口感 q 彈 有 嚼 勁 業者 同時 向 安倍 表示 受 暖冬 影響 當 季 的 河豚 獲取 量 略 減 但 本月 初 氣溫 下降 讓 產量 再度 恢復 安倍 也 表示 河豚 生魚片 是 第一 美味 的 希望 來到 日本 的 歐美 旅客 也 可以 嘗試 看看 不過 此 新聞 一 出 引來 大批 網友 在 nhk 下方 留言 痛 批 指責 此時 根本 不是 在 鏡頭 前 吃 河豚 的 時候 我們 可以 讓 日本 交付給 這個 人 嗎 不是 說 正在 全力 因應 新冠 病毒 也 有 不少 網友 認為 首相 這 回 把 選舉 高於 國政 這 一 事實 曝光 了 果然 地方 選舉 高於 國家 大政 而 安倍比 河豚 更 毒 也 成 了 推特 上 的 關鍵字</t>
  </si>
  <si>
    <t>先前 傳出 許多 偶像 歌手 和 團體 的 演唱會 因 疫情 關係 紛紛 喊停 連 世界級 天 團 bts 防彈 少年團 也 不 例外 在 南韓 當地 4 場 演唱會 取消 外 北美洲 巡迴 也 延期 但 日前 bts 卻 給 全球 粉絲 大禮 決定 要 在 1819 日 連 2 天 辦 線 上 演唱會 防彈 少年團 9 日 晚上 在 官方 推特 發文 驚喜 宣佈 要 舉辦 線 上 演唱會 並 分享 參與 活動 詳細 訊息 原本 防彈 少年團 分別 在 111218 和 19 日 4 天 要 在 首 爾 奧林匹克 主 競技場 開 唱 但 因為 新冠肺炎 疫情 影響 全部 取消 而 海外 場次 則 延期 不過 防彈 少年團 寵 粉 出名 不 想 讓 粉絲 們 期待 落空 決定 於 1819 日 在 官方 youtube 頻道 舉辦 線 上 演唱會 讓 大家 不用 出門 也 能 追 星 並 表示 會 放映 他們 出道 的 心路歷程 目前 官方 推特 僅 透露 演唱會 開始 時間 詳細 觀看 規定 仍 待 官方 公告 線 上 演唱會 消息 一 推出 全球 粉絲 都 瘋狂 紛紛 熱情 轉 推 各國 粉絲 還 主動 翻譯 訊息 讓 在 地 人 都 看得懂 相約 一起 線 上 追 星</t>
  </si>
  <si>
    <t>防彈 少年團 bts 演唱會 粉絲 官方 推特</t>
  </si>
  <si>
    <t>lady gaga 女神 卡卡 受 who 之 邀 統籌 舉辦 慈善 抗 疫 演唱會 one world together at home 並 在 演唱會 前夕 的 記者會 上 大贊 who 秘書長 譚 德塞 是 真正 的 超級 巨星 引發 熱 議 現 更 有 網友 挖 出 卡卡 母親 曾 擔任 世衛 親善大使 lady gaga 是 美國 知名 反 川普 藝人 因 此 不少 人 認為 她 這次 公開 力挺 譚 德塞 其實 是 為了 嗆 川普 不過 也 有 網友 發現 lady gaga 和 世界衛生組織 的 關係 本來 就 不錯 其 母親 辛 西亞 cynthia germanotta 去年 5 月 曾 擔任 who 親善大使 中的 心理健康 大使 對於 媽媽 受 邀 擔任 親善大使 卡卡 感到 相當 驕傲 還 轉發 新聞 並 感謝 世衛 除了 辛 西亞 當時 曾於推特 寫下 很 高興 能 與 譚 德塞 與 他 的 專業 團隊 合作 卡卡 也 多次 發文 宣傳 世界衛生組織 可見 母女倆 和 世衛 關係 密切 因此 這次 lady gaga 公開 讚揚 譚 德塞 也 有 網友 認為 不 意外</t>
  </si>
  <si>
    <t>新冠肺炎 衝擊 全球 影視 產業 繼 好萊塢 大 片 007 生死 交戰 花木蘭 玩命 關頭 9 等 片 紛紛 延 檔 後 由 史嘉蕾 喬韓 森 scarlett johansson 主演 的 漫 威 電影 黑 寡婦 臺灣 時間 18 日 也 宣佈 延後 上映 原訂 北美地區 5 月 1 日 上映 臺灣 則 4 月 30 日 上映 目前 新 檔 期 未定 靜觀其變 預計 6 月 上映 的 dc 神力 女 超人 1984 也 恐 受 波及 電影 發行 的 上半年 可說是 前途 堪 慮 除 了 神力 女 超人 1984 之外 還有 狗狗 史酷比 阿特米斯 奇幻 歷險 綠衣 騎士 暫 譯 the green knight 等 大 製作 電影 的 檔 期 尚未 更動 未來 動向 頗 受 關注 另外 同樣 和 黑 寡婦 在 今天 宣佈 延後 檔 期 的 電影 則 為 逃 出 絕 命 鎮 團隊 最新 力作 顫 役 輪回 莎拉保羅森 sarah paulson 驚 悚 片 逃 奪魂 鋸 系列 死亡 漩渦 奪魂 鋸 新遊戲 燒 腦 懸疑片 窺探 秘密 花園 秘密 夢想 的 力量 及 狄更斯 之塊 肉 餘 生 記 暫 譯 the personal history of david copperfield 等 7 部 原訂 於 4 至 5 月 上映 的 電影 檔 期 推延 除此之外 繼 日前 紐約 及 洛杉磯 宣佈 關閉 電影院 後 根據 deadline 報導 指出 美國 2 大 連鎖 影城 amc 與 regal 自即日起 皆 宣佈 停業 其中 amc 一共 有 630 個 據點 11萬 個 影 廳 目前 停業 6 至 12 周 regal 則 有 542 個 據點 7155 個 影 廳 另外 加上 其他 多 家 連鎖 戲院 品牌 總計 北美 超過 3000 間 戲院 暫停 營運 重新 營業 的 時間 則 待 疫情 局勢 而 定 除了 電影 上映 檔 期 異 動 一年一度 的 美國 告示牌 音樂 獎 頒獎典禮 也 宣告 延期 原定 在 4 月 29 日 於 拉斯維加斯 mgm 飯店 舉行 該獎 項 一直 都 是 歐美音樂 圈 的 一大 盛會 如今 新冠肺炎 病毒 疫情 大 流行 加上 該 地區 接近 疫情 重災區 加州 因此 主辦 方在推特 上 發聲明 宣佈 取消 目前 活動 尚未 得知 推遲 至 何時</t>
  </si>
  <si>
    <t>新冠肺炎 肆虐 歐洲各國 紛紛 祭出 封 城 令 居家 令 除非 必要 民眾 不得 外出 不過 禁閉 關 久 了 悶 壞 的 人們 想盡 各種 方法 出門 就 有 網友 貼出 照片 西班牙 街頭 驚見 人 裝狗 一 名 男子 全 身穿 著 毛茸茸 的 衣服 裝成 一 只 狗 4 肢 著 地 溜 自己 為 防控 新冠肺炎 疫情 西班牙 首相 佩德羅桑切斯 3 月 13 日 宣佈 西班牙 進入 國家 緊急狀態 15 天 26 日 西班牙 國會 投票 通過 將 全國 緊急狀態 再 延長 15 天 直到 下月 12 日 進入 國家 緊急狀態 意味著 西班牙政府 有 權 採取 更 多 措施 如 臨時 徵用 公共 和 私人 資源 對 不 服從 相關 規定 的 行為 進行 處罰 等 所有 西班牙 人 必須 待 在 家中 除非 是 購買 食物 或 藥品 前往 醫院 或 工作 或者 是 處理 緊急 事務 此外 可以 外出 遛 狗 遛 寵物 沒 想到 民眾 抓住 這 點 各種 遛 狗奇 招 都 出籠 推特 就 瘋 傳 一 張 照片 一 名 男子 穿 著 毛茸茸 的 衣物 4 肢 著 地 裝成一 只 狗 逛 大街 照片 拍攝 地點 據悉 在 西班牙 中部 的 托雷多 toledo 除了 人 裝狗 甚至 還有 人 拍到 一 只 霸王龍 逛 大街</t>
    <phoneticPr fontId="1" type="noConversion"/>
  </si>
  <si>
    <t>最 讓 中央 疫情 中心 指揮官 陳時中 擔心 的 本土 案例 找 感染 源 似乎 露出 曙光 南部 20 多 歲 女性 沒出 國史 且 生活 單純 卻 感染 源 不明 但 指揮中心 發現 2 月底 她 有 家人 自 美 回台 指揮中心 專家 張上淳 表示 除 回溯 采 檢 外 將 採用 白</t>
  </si>
  <si>
    <t>最 讓 中央 疫情 中心 指揮官 陳時中 擔心 的 本土 案例 找 感染 源 似乎 露出 曙光 南部 20 多 歲 女性 沒出 國史 且 生活 單純 卻 感染 源 不明 但 指揮中心 發現 2 月底 她 有 家人 自 美 回台 指揮中心 專家 張上淳 表示 除 回溯 采 檢 外 將 採用 白 牌 計程車 司機 方式 對 其 家人 抽血 看 是否 有 抗體 張上淳 今 表示 案 100 要 找 出 感染 源 得 看 發病 前 與 發病 後 的 接觸 經 初步 疫 調 2 月 12 日 到 3 月 12 日 期間 她 生活 相當 規律 上下班 也 使用 個人 交通 工具 在 隔離 期間 同事 及 同 住 家人 都 沒有 發 病 不過 她 有 家 人 2 月底 自 美 返台 他 說 除了 做 回溯 采 檢 外 也 會 使用 白 牌 計程車 方式 抽血 看 血液 是否 有 抗體 根據 指揮中心 資料 案 100 近期 無 出 國史 12 日 出現 症狀 曾 自行 到 診所 就醫 但因 發燒 不退 17 日 又 到 南部 醫院 就醫 但因 胸部 x 光 沒有 明顯 肺炎 醫師 有所 警覺 經 通報 檢驗 才 確診 但 感染 源 待 厘 清</t>
  </si>
  <si>
    <t>調升 日本 旅遊 警示 外交部 尊重 配合 指揮中心</t>
  </si>
  <si>
    <t>18 日 下午 中央 疫情 指揮中心 最新 公佈 新增 確診 者 其中 1 名 住 在 新竹 縣 的 確診 者 在 疫 調 中 表示 曾於 5 月 15 日前 往 竹南鎮 五穀 宮 以及 頭份 市 自強 路 黃昏 市場 頭份 市公所 及 竹南鎮 公所 接 獲 通報 後 18 日 上午 配合 全縣 大 消毒 作業 緊</t>
  </si>
  <si>
    <t>18 日 下午 中央 疫情 指揮中心 最新 公佈 新增 確診 者 其中 1 名 住 在 新竹 縣 的 確診 者 在 疫 調 中 表示 曾於 5 月 15 日前 往 竹南鎮 五穀 宮 以及 頭份 市 自強 路 黃昏 市場 頭份 市公所 及 竹南鎮 公所 接 獲 通報 後 18 日 上午 配合 全縣 大 消毒 作業 緊急 安排 清潔隊 赴 五穀 宮及 黃昏 市場 執行 全面 消毒 頭份 市長 羅 雪珠 並 親自 到場 率隊 清 消 以防 疫情 擴散</t>
  </si>
  <si>
    <t>國內 29 日 新增 新冠肺炎 本土 個案 320 例 校正 回歸 166 例 總計 486 例 確診 個案 中 新增 21 死 再創 單日 新 高 臺北市 長 柯文哲 指出 21 死 是 預料中 的 事 因 重症 患者 從 住 進 加 護 病房 到 死亡 會 有 時間差 導致 死亡 波峰 落後 死亡 人數 還 會 持續上升 但 不 代表 感染 人數 將 同步 上升 此外 澎 湖 縣政府 29 日 深夜 宣佈 新冠肺炎 首例 1 名 在 娛樂場所 上班 的 50 多 歲 婦人 兩 次 pcr 采 檢 都 呈 陽性 該 案例 目前 處於 昏迷 狀態 縣府 已 匡列 相關 接觸 者 采 檢 並 上報 中央 流行 疫情 中心 縣府 表示 該案 例 在 馬公 市區 租 屋 5 月 15 日 曾從 馬公至 臺北 5 月 20 日 再 從 高雄 返回 澎 湖 5 月 27 日 出現 身體 不適 症狀 29 日 至 馬公市 一家 診所 就醫 之後 轉至 醫院 急診 經 插管 送 加 護 病房 昨 21 死亡 案例 最 年輕 僅 30 多 歲 這 波 疫情 已 累計 87 死 其中 3 人在家 身亡 且 在 公佈 的 個案 中 有人 約 1 周前 就 離 世 疫情 指揮中心 發言人 莊人祥 解釋 主要 是 因 死亡 時間 和 指揮中心 獲 知 時間 有 落差 但 每 案 都會 追蹤 想 辦法 改善 而 新增 及 校正 回歸 本土 個案 以 新北 224 例 居多 臺北 168 例 則 是 其次 本土 個案 破百 縣 市 昨 增至 6 處 除 雙北 桃園 彰 化 基隆 外 新增 台中 另 新北 本土 個案 數 昨 突破 3000 臺北 則 突破 2500 疫情 中心 指揮官 陳時中 說 由 5 月 21 日 到 5 月 28 日 校正 回歸 的 數目 看來 有 雙北 案件數 往 下降 這 是 因 前段時間 的 改變 加快 案件數 通報 回歸 案件 比 較 少 還要 觀察 12 天才 能 論斷 整體 來看 疫情 沒 急遽 惡化 也 沒看 到 真正 改善 效果 還是 要 把 3 級 警戒 做好 台 大公 衛學院 教授 陳秀熙 也 表示 校正 回歸 是 為 反映 疫情 實際 情況 目前 本土 疫情 持平 但 近 2 天 有 突然 掉下來 現象 還 不 知 接下來 會 不 會 再 回 補上來 3 級 疫情 警戒 何時 能 解除 有待 繼續 觀察 陳 秀 熙 表示 此次 本土 疫情 在 萬華 的 第 1 波 群 聚 後 有 下降 原訂 28 日 解 封 是 有望 但因 流行 再起 曲線 沒 繼續 往 下 校正 回歸 後 就 把 個案 數 補 起 這 背後 隱含 的 第 2 波 流行 很 可能 是 10 至 16 日 母親節 大 賣 場 群 聚 所 引起 柯文哲 則 指出 萬華 地區 快 篩 陽性 看 起來 有 下降 疫情 稍微 有 控制 其他 行政區 雖有 潛 在 感染 源 但 由於 民眾 自動自發 封 城 沒有 很 快 擴散 他 強調 防疫 措施 若 一旦 放鬆 疫情 就 會 再次 蔓延 臺灣 要 思考 下 一 步 戰略 就是 施打 有 國際 認證 的 疫苗 臺灣 要 在 自動自發 封 城 的 最 短 時間 內 讓 7 成 民眾 打 疫苗 然後 才能 解封</t>
  </si>
  <si>
    <t>大甲鎮 瀾 宮 宣佈 大甲 媽祖 11 日 即將 繞 境 起 駕 台中 市長 盧秀燕 9 日 表示 因為 是 防疫 解 封 以後 全國 第一 場 大型 宗教 繞 境 活動 為 維護 參與 繞 境 民眾 的 安全 以及 瞭解 鎮 瀾 宮 防疫 整備 的 情形 已 請 副 市長 陳子敬 籌組 專案小組 明天 前往 鎮 瀾 宮 瞭解 對接 並且 予以 協助 希望 繞 境 活動 平安 順利 至於 今年 大甲 媽 起 駕 盧秀燕 會 不 會 出席 市府 還 在 與 鎮 瀾 宮研議 中 盧秀燕 今日 在 市政 會議 說 大甲鎮 瀾 宮 已經 表示 會 配合 中央 防疫 指揮中心 的 防疫 措施 控制 人數 在 1000 人 以下 戴 口罩 等等 相關 人 的 一切 措施 他們 全部 會 確實 配合 她 強調 因為 這 是 解封 以 後 全國 第一 場 大型 宗教 繞 境 活動 為了 維護 參與 繞 境 民眾 的 安全 以及 瞭解 鎮 瀾 宮 防疫 整備 的 情形 委 由 陳子 敬 籌組 專案小組 10 日 會前 往 鎮 瀾 宮 瞭解 對接 並且 予以 協助 期望 大甲 媽祖 繞 境 活動 可以 平安 順利 疫情 漸 穩定 做 好 最 周全 防疫 準備 完成 大甲 媽祖 繞 境 的 年度 盛會</t>
  </si>
  <si>
    <t>牛津 az 疫苗 21 日 起 開放 自費 接種 今天上午 開始 受理 預約 北部 許多 醫學 中心 湧現 預約 潮 台大醫院 4 月底 前 500 多 個 名額 在 短短 2 小時 搶光 臺北 馬偕 醫院 21 至 24 日 就 有 近 687 人 預約 covid-19 2019 冠 狀 病毒 疾病 疫苗 公費 接種 自 3 月 22 日 起 逐步 開放 醫護人員 第一線 防疫 人員 航空 機組員 防疫 計程車 駕駛 等 對象 臺灣 目前 僅 有 牛津 az 廠 牌 截至 4 月 17 日 30萬 劑 僅 打 了 1 成 約 32萬 劑 連衛福 部長 陳時 中都 坦言 接種 狀況 不 旺 由於 兩 批 az 疫苗 將 於 5 月底 6 月中 陸續 過期 指揮中心 決議 開放 有 出國 工作 求學 需求 的 民眾 自費 接種 只要 支付 每 劑 新 台幣 500 元 至 600 元 掛號費 診察費 等 費用 即可 接種 至於 疫苗 處理 成本 由 國家 支付 自費 牛津 az 疫苗 今天上午 9 時在 全台 31 家 醫院 開放 民眾 預約 接種 許多 醫學 中心 湧現 預約 潮 台大醫院 表示 院方 自 21 日 起 每週 一 到 五 都 有 設立 一個 專責 門診 提供 自費 接種 牛津 az 疫苗 一個 診 有 60 個 名額 今天上午 10 時起 開放 預約 未來 2 周 的 門診 短短 近 2 小時 9 天 的 門診 共 540 名額 已 全部 額 滿 未來 有 必要 會 視 情形 再 調度 醫護 人力 加開 門診 臺北 馬偕 醫院 指出 週一 至 週五 每天 共 開設 3 到 4 個 自費 疫苗 接種 門診 週六 也 設有 2 門診 每 診 開放 60 名額 目前 2122 日 已 全 數額 滿 21 至 24 日 約 有 687 人 預約 臺北醫學院 附設 醫院 表示 預計 每週 開設 2 個 自費 接種 門診 分別 在 週一 及 週三 下午 21 日 起至 4 月底 共有 3 個 自費 接種 門診 目前 已 有 33 人 預約 外傳 臺北 長庚醫院 一 開放 預約 即 額 滿 長庚醫院 體系 澄清 臺北 長 庚 目前 不是 自費 az 疫苗 的 接種 院所 全 台長 庚 體系 僅 嘉義 長 庚有 開設 自費 疫苗 門診 截至 中午 未來 2 周 共有 40 多 人 預約 人數 持續 增加 中 三軍 總 醫院 則 指出 三 總的 自費 疫苗 接種 門診 與 一般 旅遊 門診 同步 開放 預約 等 到 21 日 開 打 後 才會 有 實際 的 接種 數字 編輯 陳清芳 1100419</t>
  </si>
  <si>
    <t>三 采 陰 解 隔離 病人 身心 折磨 指揮中心 將 檢討</t>
  </si>
  <si>
    <t>清明連 假 臺灣 民眾 擠爆 熱門 觀光 景點 專家 及 醫護人員 深怕 因 這 幾 天 的 群 聚 讓 疫情 大 爆發 指揮中心 隨後 也 公告 有 到 11 處 熱門 旅遊景點 的 民眾 需 自主 管理 14 天 就 有 網友 發問 為什麼 不 直接 宣佈 禁止 去 觀光 景點 貼 文一 曝光</t>
  </si>
  <si>
    <t>清明連 假 臺灣 民眾 擠爆 熱門 觀光 景點 專家 及 醫護人員 深怕 因 這 幾 天 的 群 聚 讓 疫情 大 爆發 指揮中心 隨後 也 公告 有 到 11 處 熱門 旅遊景點 的 民眾 需 自主 管理 14 天 就 有 網友 發問 為什麼 不 直接 宣佈 禁止 去 觀光 景點 貼 文一 曝光 後 立刻 引發 熱 議 許多 人 嘲諷 指出 臺灣人 的 天性 禁止 去 觀光 景點 那些 人 就 會 改 擠爆 別的 地方 問題 一樣 啊 針對 連 假 爆 人潮 觀光 疑 成 防疫 破 口 爭議 引起 各界 討論 就 有 網友 在 網路 論壇 批 踢踢 上 發問 為什麼 不 直接 宣佈 禁止 去 觀光 景點 該 網友 認為 現在 就 是 最 要緊 的 時候 非常 時期 就 要用 非常 辦法 直接 宣佈 哪些 觀光 景點 禁止 遊客 進入 不行 該 網友 還 先 幫 攤 商 抗議 設想 提出 悲觀 看法 等 臺灣 疫情 擴散 還有 生意 給 你 做 文章 一 出 後 立刻 掀起 討論 網友 紛紛 留言 回應 不 想 擔 駡名 呀 業者 會 抗議 直接 禁止 那些 飯店 的 退 房 都變 政府 買 單 啊 熟悉 的 中華隊 後半段 xd 觀光 景點 的 定義 是 更 有 許多 人 突破 盲點 指出 禁止 去 觀光 景點 那些 人 就 會 改 擠爆 別的 地方 問題 一樣 啊 禁止 去 景點 就 換去 擠爆 百貨公司 禁止 特定 地點 沒用 的 重點 是 群眾 聚集 不是 出去玩 你在 家 附近 人 擠 人 沒有 比 墾 丁安全</t>
  </si>
  <si>
    <t>陸 配子 女 回台 指揮中心 急 喊 卡</t>
  </si>
  <si>
    <t>衛福 部長 陳時中 今 12 日 宣佈 若 陸 配 子女 目前 沒有 我國 國籍 仍 滯留 在 大陸 港澳地區 者 確定 不 准許 入境 陳時中 強調 可 理解 相關 人士 會 有 壓力 但 陸 配子 女 出生 時 的 國籍 是 可以 選擇 的 既然 當初 已 選擇 了 國籍 現在 就 必須 承擔 因此 指揮中心 已 商請 陸委會 撤銷 原先 決定 陸委會 昨 11 日 表示 收到 很多 台商 陸配 的 陳情 將 開放 陸 配子 女 返台 與 家人 團聚 但 陳時中 今天 表示 在 疫情 控制 之下 根據 大陸 發展 保護 國民 健康 角度 撤回 陸委會 昨日 宣佈 的 陸 配子 女 入境 管制 措施 陳時中 進一步 解釋 三 種 考量 考量 一 若 是 人 在 臺灣 醫療 絕對 是 無差別 待遇 生病 一定 會 全力 救治 考量 二 在 居家 簡易 隔離 做法 上 政府 對於 在 境內 人士 也 是 無差別 對待 考量 三 在 邊境 管制 上 必然 有 差別待遇 將 以 國人 為 優先 陳時中 說 這些 陸 配子 女 尚未 取得 本國 國籍 然而 很多 具備 中華民國 國籍的 台商 都還 在 大陸 無法 返台 陳時中 說 居家 檢疫 隔離 目前 一 天 有 5千 人 在 居家 檢疫 隔離 14 天內 要 不斷 關心 掌握情況 後續 清明連 假 將 至 2 周 估計 有 7萬 人 返台 指揮中心 表示 而 目前 國內 每日 檢驗 新冠肺炎 的 能量 只 有 1010 人 況且 還 不時 會 有 被 隔離 者 會 趴 趴 走 指揮中心 會 擔心 屆時 管制 量 能 可能 會 不足 若 臺灣 的 社區 防疫 能量 不 做好 反而 先 開放 將 是 防疫 隱憂 陳時中 強調 因 此 陸委會 開放 陸 配子 女 返台 的 政策 必須 檢討 防疫 不容 有 破 口 國人 為 優先 相信 陸 配子 女 在 大陸 已 有 適當 安排 因此 其 擔憂 的 情況 是 不 存在 的 雖然 指揮中心 可 理解 相關 人士 會 有 壓力 但 陸 配子 女 出生 時 的 國籍 是 可以 選擇 的 既然 當初 已 選擇 了 國籍 現在 就 必須 承擔 因此 指揮中心 已 商請 陸委會 撤銷 原先 決定</t>
  </si>
  <si>
    <t>學生 打 bnt 2 周 內 不能 劇烈運動 指揮中心 有 5 大 症狀 快 就醫</t>
  </si>
  <si>
    <t>國 高中生 將 從 23 日 開始 施打 bnt 疫苗 指揮中心 指揮官 陳時中 今 表示 打完 疫苗 後 2 周內 不 要 從事 劇烈運動 學校 體育課 應 配合 學生 打 疫苗 的 時間 點 做 適當 安排 此外 打完 疫苗 28 天內 如果 有 心肌炎 或 心包 膜 炎 的 五大 症狀 應盡</t>
  </si>
  <si>
    <t>國 高中生 將 從 23 日 開始 施打 bnt 疫苗 指揮中心 指揮官 陳時中 今 表示 打完 疫苗 後 2 周內 不 要 從事 劇烈運動 學校 體育課 應 配合 學生 打 疫苗 的 時間 點 做 適當 安排 此外 打完 疫苗 28 天內 如果 有 心肌炎 或 心包 膜 炎 的 五大 症狀 應盡 速 就醫 美國 食品 藥物 管理局 fda 的 多數 專家 認為 一般 人 沒 必要 打 第 三 劑 疫苗 但 65 歲 以上 或 高風險 族 則 可 打 第 三 劑 加強 劑 對此 陳時中 表示 對於 第 三 劑 各國 做法 不同 美國 專家 的 建議 有 參考價值 不過 我國 要 打 第 三 劑 還要 6 到 9 個 月 以後 這 段 時間 可以 持續 蒐集 實驗 資料 及 專家 意見 以 進行 滾 動式 調整 此外 臺灣 高中生 及 國 中生 即將 開 打 bnt 疫苗 們 們 是 屬於 年輕 好動 的 族群 打完 疫苗 後 可以 進行 各式 運動 嗎 陳時中 說 學生 打完 bnt 疫苗 後 兩 周內 要 避免 劇烈運動 學校 體育課 有 必要 配合 調整 陳時中 進一步 指出 學生 打完 bnt 疫苗 後 若 在 28 內 出現 心肌炎 及 心包 膜 炎 的 五大 症狀 應該 趕緊 就醫 這 五大 症狀 分 別是 一 胸 痛 胸 悶 二 心悸 心跳 過 快 或 不規則 三 呼吸 急促 四 運動 耐受 不良 如 沒有 力氣 爬樓梯 五 暈厥 或 昏厥 等</t>
  </si>
  <si>
    <t>全國 新冠肺炎 疫情 升溫 三級 警戒 連江縣 疫情 指揮中心 今 21 日 公佈 新增 桃園 案 2344 密切接觸 需 居家 隔離 個案 1 人 全縣 統計 目前 居家 隔離 26 例 居家 檢疫 11 人 全縣 各 院所 門急診 采 檢 量 為 59 件 皆 為 陰性 連江縣 疫情 指揮</t>
  </si>
  <si>
    <t>第二 班 包機 470 人 返台 指揮中心 將 比照 第一 班 集中 檢疫 14 天</t>
  </si>
  <si>
    <t>包機 返台 第二 班 台商 指揮中心</t>
  </si>
  <si>
    <t>指揮中心 昨日 公佈 新增 312 例 本土 另外 400 例 是 校正 回歸 將 案例 回 補 到 昨天 以前 的 天數 對此 臺北市立聯合醫院 陽明 院區 胸腔 內科 醫師 蘇一峰 表示 漏 登 400 例 事 小 若 過去 幾 天 沒人 通知 這些 確診 者 進行 隔離 或 匡列 接觸 者</t>
  </si>
  <si>
    <t>嘉義 市 有 12 名 民眾 18 日 陸續 主動 打電話 通報 市政府 3 月 5 日 從 西班牙 土耳其 愛爾蘭 荷蘭 旅遊 入境 返台 市府 民政 處 表示 將 依據 中央 疫情 指揮中心 指示 追蹤 管理 這 12 人 做 居家 檢疫 里幹事 到家 戶 關懷 中央 流行 疫情 指揮 中</t>
  </si>
  <si>
    <t>指揮中心 因 昨晚 臨時 公佈 桃園 醫院 5000 多 名 住院者 陪 病 家屬 等 都 需要 居家 隔離 昨晚 應答 率 不 到 三 成 造成 一 晚 民眾 打爆 1922 專線 指揮官 陳時中 今天 道歉 表示 這 兩 天 變化 實在太 多 已經 緊急 增加 人力 到 97 人 今天 也 公佈</t>
  </si>
  <si>
    <t>指揮中心 因 昨晚 臨時 公佈 桃園 醫院 5000 多 名 住院者 陪 病 家屬 等 都 需要 居家 隔離 昨晚 應答 率 不 到 三 成 造成 一 晚 民眾 打爆 1922 專線 指揮官 陳時中 今天 道歉 表示 這 兩 天 變化 實在太 多 已經 緊急 增加 人力 到 97 人 今天 也 公佈 隔離 相關 sop 希望 今天下午 電話 應答 率 可以 提高 到 九 成 以上 陳時中 表示 昨晚 公佈 後 立刻 和 相關 人員 致電 已經 將 幾 個 樓層 通知 共 打 578 通電話 其中 30 人 沒有 聯繫 上 已經 請 警 消 協助 陳時中 表示 已經 把 住院 人 陪 病者 都 通知 匡列 完成 居家 隔離 單 可能 還 要 一點 時間 才 會 送達 目前 隔離 將近 3千 人 這 兩 天 變化 實在 是 相當 多 把 相關 問題 做 了 整理 對 國民 表達 歉意 應答 率 達 不 到 三 成 人力 一個 晚上 緊急 調度 到 97 人 目前 總計 應答 率 達 51 多 下午 希望 達到 90 以上 希望 大家 打到 1922 時 可以 盡 速 得到 正確 訊息 昨晚 到 今天 應打 率 不夠 高 表達 歉意 希望 趕快 補上來 一方面 敢 快 把 問題 都 整理 一下</t>
  </si>
  <si>
    <t>自 指揮中心 發佈 醫 事 人員 出國 禁令 引發 醫 事 人員 不滿 一 名 住院 醫師 透露 過去 2 年 除 了 10 天 特 休 每天 4 點 就 到 醫院 上班 更 批 一 片 口罩 在 醫院 戴一天 隔 天 還 要 繼續 戴著 髒 口罩 才能 進 醫院 讓 他 心寒 防疫 爛 到 不可思議</t>
  </si>
  <si>
    <t>自 指揮中心 發佈 醫 事 人員 出國 禁令 引發 醫 事 人員 不滿 一 名 住院 醫師 透露 過去 2 年 除 了 10 天 特 休 每天 4 點 就 到 醫院 上班 更 批 一 片 口罩 在 醫院 戴一天 隔 天 還 要 繼續 戴著 髒 口罩 才能 進 醫院 讓 他 心寒 防疫 爛 到 不可思議 這種 政策 為何 有人 可以 挺得 下去 這 名醫 師在 dcard 發文 解釋 為什麼 被 剝奪 特 休 醫生 會 如此 氣憤 過去 兩 年 除了 特 休 我 每天 上班 四 點 到 醫院 五 點 看 病人 資料 查完房 進刀 房 平均 晚上 九 點 半 下 刀 之後 回 病房 補 病歷 補 order 處理 病人 到 11 點 如果 沒 值班 就 回家 準備 晨 會 寫 paper 弄 年會 弄 報告 隔 天 3 點 半 鬧鐘 準時 響起 催 著 你 到 醫院 結果 原 po 努力 工作 換來 的 10 天 特 休 蜜月 還 被 剝奪 要 我 不能 出國 憑 什麼 這 是 最 基本 人權 還 是 說 在 臺灣 當 醫生 基本 人權 都 不 配有 現在 政府 表面 上 放寬 但 把 審核 壓 給 醫院 跟 轉彎 前 是 一模一樣 都 是 限制 出境 原 po 更 說 自新冠肺炎 開始 臺灣 防疫 爛 到 一個 不可思議 我 每天 被 配給 一個 口罩 一定 要到 醫院 才能 拿 但 進出 醫院 都 需要 戴 口罩 所以 這 一個 口罩 不論 中間 接觸 新冠肺炎 肺結核 流感 通通 得 戴著 再 把 那 充滿 各樣 細菌 病毒 的 口罩 放在 家裡 不然 第二 天 我 還 進不了 醫院 上 不了 班 對 整個 國家 政策 失去 信心</t>
  </si>
  <si>
    <t>全國 三級 警戒 至 7 月 12 日 屆時 能 不能 解封 備受 關注 雖然 近期 每日 新增 確診 數趨 緩 不過 中山醫學 大學 附設 醫院 兒童 急診科 主任 謝 宗學 表示 有 3 件 事 攸 關 重大 若 能 先 達到 這 3 條件 且 維持 一段時間 才能 暫時 脫離 封城 的 日子 對於 連續 多 日 來 新增 本土 病例 都 維持 在 2 位數 外界 預期 7 月 12 日 解 封 機 率 高 謝 宗學 在 臉書 dr e 小兒 急診室 日誌 表示 今 1 日本 土 病例 新增 47 例 扣除 正 在 居家 檢疫 隔離 的 病例 後 對 社區 有 風險 的 病例 剩下 26 位元 顯示 疫情 緩解 趨勢 持續 中 不過 謝 宗學 也 指出 若 想 恢復正常 生活 脫離 只能 宅 在 家裡 的 封城 日子 必須 先 達到 下列 3 條件 一 對 社區 有 風險 不明 感染 源 的 本土 病例 數 每日 少於 10 人 二 沒有 爆發 群 聚 感染 三 篩檢 陽性率 持續 低於 1 甚至 更 低 謝宗 學說 若 以上 這些 條件 都 符合 且 維持 一段時間 我們 將 能 恢復 有 條件 的 正常 生活 他 並 預期 疫苗 覆蓋率 將 快速 上升 下 一個 我們 要 努力創造 的 臺灣 奇跡 就是 疫苗 覆蓋率 在 今年 內 達到 50 以上 比 齊 先進 國家 行列 此外 謝 宗學 也 肯定 疫情 指揮中心 終於 採納 各方 意見 同意 對於 入境 旅客 全部 pcr 采 檢 他 認為 在 現今 傳染 力 超強 的 delta 變異 株 肆虐 國際 的 時空 背景 下 多 一 次 采 檢 就 對 社區 多 一 分 保障</t>
  </si>
  <si>
    <t>確診 者 返回 工作 遭到 刁難 指揮中心 提供 解隔單 解 套</t>
  </si>
  <si>
    <t>37 歲 的 張先生 是 專 帶 歐洲團 的 領隊 2 16 帶團 前往 義 大利 旅遊 沒 想到 旅遊 到 一半 義 大利 確診 人數 瞬間 從 3 人 激增 至 &amp;nbsp 400 人 目前 已 破 2500 例 中央 指揮中心 2 27 於是 將 義 大利 旅遊 疫情 升至 第 三級 警告 導致 張先生 一 團 共</t>
  </si>
  <si>
    <t>37 歲 的 張先生 是 專 帶 歐洲團 的 領隊 2 16 帶團 前往 義 大利 旅遊 沒 想到 旅遊 到 一半 義 大利 確診 人數 瞬間 從 3 人 激 增至 400 人 目前 已 破 2500 例 中央 指揮中心 2 27 於是 將 義 大利 旅遊 疫情 升至 第 三級 警告 導致 張先生 一 團 共 17 人 2 29 抵 台便 需要 進行 14 天 的 居家 檢疫 我們 的 團員 來自 北 中南 有 4 對 新婚 夫妻 也 有 50 多 歲 的 熟齡 族 大家 旅遊 時 感情 就 很 好 再 加上 都 要 居家 檢疫 14 天 所以 我們 就 成立 一個 群 組 每天 分享 檢疫 生活 的 趣事 張 先生 說 目前 他們 已經 進入 居家 檢疫 的 第 5 天 最 有趣 的 莫過於 各 團員 分享 的 居家 檢疫 關懷 包 大家 收到 的 時間 都 不 相同 以 他 自己 居住 的 新北 市 為 例 大約 是 第 4 天時 收到 其他 有些 人 則 是 第 2 天 各個 地方 政府 的 居家 檢疫 包 共通點 是 都 附上 14 個 口罩 其他 部分 則 各 有 風格以 新北 市 來說 線 上 服務 做 得 非常 棒 有 14 天 免費 影音 可以 盡情 追 劇 還有 雲端 圖書館 宅 在家 運動 指南 台中 的 居家 檢疫 包 的 特色 是 附 贈 體溫計 方便 自我 檢測 健康狀況 台南 則 帶 些 寧靜 的 禪 意 居然 提供 靜思 語 書籍 希望 居家 檢疫 生活 能夠 沉澱 心靈 其中 最 令 團員 們 激賞 的 莫過於 桃園 的 居家 檢疫 包 除了 有 消毒水 之外 居然 有 滿滿的 零食 跟 泡 面 再 加上 是 新婚 夫妻 一起 居家 檢疫 所以 是 2 人份 的 分量 擺出來 拍照 簡直 就 像 普渡 拜拜 一般 澎湃 張先生 笑 說 新婚 夫妻 不僅 吃 得 好 兩 人 還 會 在家 一起 唱 卡拉 ok 甜蜜蜜 放 閃 也 讓 其他人 戲稱 14 天 後 應該 就 會 傳出 好 消息 更 多 ctwant 報導</t>
  </si>
  <si>
    <t>清明連 假 危機 平安 度過 了 嗎 今天 4 月 12 日 是 原本 指揮中心 認為 清明連 假 後 要 觀察 是否 造成 連 假 後 發病 潮 的 關鍵 時間 然而 今天 只 有 3 名 確診 個案 疫情 指揮官 陳時中 表示 目前 第一 段 沒有 出現 徵兆 算是 過關 但 還是 要 持續 觀</t>
  </si>
  <si>
    <t>為 防堵 新冠肺炎 新 變種 病毒 omicron 嘉 義縣 推出 各鄉鎮 衛生所 隨 到 隨 打 服務 即日起 接種 莫德納 還 能 獲得 健康 米一 包 78 日 兩 天 樸子市 大林鎮 全聯 門市 也 會 設 接種 站 方便 購物 民眾 接種 藉 此 提高 2 劑 疫苗 接種 率 進而 追加 第 3 劑 進 階 防護 確保 醫療 及 防疫 量 能 中央 疫情 指揮中心 2 日 宣佈 醫 事 一線 防疫 人員 等 1 至 3 類 及 因公 出國 人員 為 第 3 劑 優先 對象 凡 第 2 劑 接種 滿 5 個 月 者 提供 莫德納 追加 第 3 劑 此外 嘉義 縣 更 針對 18 歲 以上 民眾 評估 自身 感染 風險 以及 接種 意願 第 2 劑 滿 5 個 月 者 經 醫師 評估 後 可 接種 衛生局 指出 omicron 威脅 全球 春節 將近 返國 人潮 激增 快速 提升 社區 防禦 迫在眉睫 嘉縣第 1 劑 涵蓋 率 已 達 768 第 2 劑 548 期望 在 農曆 年前 第 2 劑 能 達 7 成 衛生局 說明 目前 除 第 16 輪 平臺 預約 接種 持續 至 8 日 6 日 下午 也 將 在 大埔 美 工業區 開設 接種 站 服務 廠 區 員工 另 與 企業 結合 樸子市 及 大林鎮 全聯 門市 各 在 12 月 78兩 天 設站 提供 購物 民眾 接種 樸子 接種 位於 四 維 門市 開放 時間 下午 2 至 4 點 大林 接種 位於 忠孝 門市 時間 下午 4 至 6 點 若 現場 人潮 眾多 則 加開 到 7 點 各鄉鎮 衛生所 也 開放 隨 到 隨 打 服務 即日起 接種 莫德納 更 可 獲得 精美 禮品 健康 米 數量 有限 送 完 為止 衛生局長 趙紋 華表 示 為 提升 接種 可 近 性 民眾 有 需求 並 符合 接種 間隔 除 透過 平臺 預約 也 可 電洽 18 鄉鎮 衛生所 或 嘉義 長 庚 大林 慈 濟 灣 橋 榮民 醫院 樸子 醫院 預約 嘉義 縣長 翁章 梁今 前往 大林 國小 疫苗 接種 站 視察 關心 施打 狀況 表示 全台 目前 疫苗 施打 相當 順利 疫情 也 控制 得 很 好 最 關鍵 還是 在 境外 管理 以及 人民 都戴 好 口罩 國外 不 像 國內 平靜 沒有 很多 國家 跟 臺灣 一樣 不受 太 大 影響 感謝 所有 醫護人員 努力 希望 繼續 保持良好 戰果 儘快 還 給 大家 正常 生活</t>
  </si>
  <si>
    <t>隨 著 口罩 解禁 可 自由 買賣 而 疫情 指揮中心 也 宣佈 6 月 7 日 起 大幅 解禁 防疫 措施 進行 人流 與 活動 的 放寬 屆時 由於 已 歷經 四 波 的 潛伏期 國內 本土 都 沒有 新增 病例 加上 之前 有驚無險 的 舞廳 閉店 酒店 大 停業 外籍 提琴</t>
  </si>
  <si>
    <t>張上淳 複出 指揮中心 疾 管署 奎寧</t>
  </si>
  <si>
    <t>臺灣地區 新冠肺炎 確診 者 持續 增加 但 政府 不 公佈 新冠肺炎 確診 者 足跡 令 許多 民眾 無所適從 不 曉得 自己 是否 曾 與 患者 同時 間 出現 在 同 場合 是否 需要 自主 健康 管理 台大 也 因為 中研院 已經 有 群 聚 感染 所以 請 衛福部 提供 確診 病例 的 足跡 卻 遭 拒絕 國民黨 立 委 葉毓蘭 今天 也 在 臉書 貼 文為台 大 發聲 呼籲 政府 應 公佈 新冠肺炎 確診 者 足跡 葉毓蘭 指出 台大 與 中研院 的 互動 頻繁 密切 甚至 有 不少 老師 是 台大 與 中研院 合 聘 教育部 對 校園 防疫 已經 有 明確 的 規範 台大 要求 防疫 指揮中心 提供 名單 甚或 病例 足跡 紀錄 有 其 必要性 而 衛福部 對於 病例 個 資 采 高標準 保護 恐怕 有些 矯枉過正 葉毓蘭 舉例 歐美各國 也 都 是 捍衛 隱私權 的 先鋒 大國 但是 這次 疫 災 中 確診 的 英國 王儲 首相 西班牙 公主 摩納哥 親王 甚至 大 咖 運動 明星 知名 藝人 都 公開 主要 也 有 提醒 大眾 防疫 的 效果 發揮他們 的 社會 責任 葉毓蘭 表示 當然 為了 個人隱私 避免 造成 困擾 可以 不 公佈 姓名 住址 但 確診 病例 的 活動 足跡 應該 適當 公開 以利 防疫</t>
  </si>
  <si>
    <t>中央研究院 女 研究 助理 確診 但 被 匡列者 檢測 時 幾乎 都 呈 陰性 疫情 並未 擴大 指揮中心 指揮官 陳時中 今 表示 這 是 好 現象 感染 源 確定 在 實驗室 但 社區 仍然 需要 監測 他 也 透露 這 位 研究 人員 操作 時 並未 遵守 標準 作業 程式</t>
  </si>
  <si>
    <t>中央研究院 女 研究 助理 確診 但 被 匡列者 檢測 時 幾乎 都 呈 陰性 疫情 並未 擴大 指揮中心 指揮官 陳時中 今 表示 這 是 好 現象 感染 源 確定 在 實驗室 但 社區 仍然 需要 監測 他 也 透露 這 位 研究 人員 操作 時 並未 遵守 標準 作業 程式 sop 但 是否 因此 感染 目前 仍未 確定 陳時中 今天下午 出席 2021 第 十五 屆 十 大 抗癌 鬥士 頒獎典禮 後 接受 媒體 訪 對於 中研院 女 研究 助理 感染 delta 病毒 他 表示 正 由 中研 院內 部 及 外部 雙管齊下 監測 到底 是 哪裡 出 問題 陳時中 透露 目前為止 不管 是 中研院 本身 或是 中央 所 訂 的 實驗室 操作 sop 問題 都 不大 主要 是 執行 面 有所 疏漏 根據 被 感染 當事人 的 陳述 他 被 實驗鼠 咬 了 後 急 著 將 手套 先 脫下 之後 再 脫 下 實驗 衣 這 與 sop 不符 陳時中 說 正確 的 程式 是 先 脫 掉 實驗 衣 再 拿 掉 手套 但 中研院 研究 人員 的 操作程式 不是 這樣 但是 不是 因 此 被 感染 目前 還 不敢 確定 不過 這 位 研究 人員 被 感染 後 相關 被 匡列 的 人 都 呈現 陰性 顯示 疫情 未 擴大 這 是 好 現象 此外 對於 omicron 病毒 有 呈現 流 感化 的 現象 陳時中 說 新病毒 起 還 會 帶來 危機 但 也 有 可能 是 一 種 轉機 omicron 傳播 速度 快 但 目前 並未 有 重症 化 或 致死 率 的 現象 這 是 一 件 值得 期待 的 事情 但 期待 歸 期待 我們 還是 要 嚴陣以待 有 學者 認為 全民 打 兩劑 的 比例 要 達到 9 成 才 有 辦法 因應 omicron 的 入侵 不過 陳時中 說 在 臺灣 打 疫苗 不是 強制 要 打到 人口 的 9 成 那是 做 不 到 的 因為 11 歲 以下 的 小朋友 不 打 疫苗 他們 就 占 了 約 1 成 不過 站 在 政府 的 立場 就 是 鼓勵 民眾 儘量 打 疫苗 打 好 打 滿 陳時中 說 原本 要 隔 6 個 月 才能 打 第 三 劑 疫苗 但 現在 決定 縮短 為 5 個 月 因 此 第一 類 人員 在 12 月底 就 可以 打 第三 劑 之後 會 依照 專家 的 評估 讓 一般 民眾 也 陸續 開始 打 第 三 劑</t>
  </si>
  <si>
    <t>新冠肺炎 變異 株 omicron 病毒 引起 國際 高度 警戒 部分 國家 原本 鬆綁 邊境 管制 現在 再度 實施 旅行 禁令 民眾黨 立 委 邱臣遠 呼籲 omicron 變種 病毒 傳染 力 與 變異 程度 史 上 最 強 疫情 指揮中心 要 做好 邊境 控管 緊 盯 他國 的 邊境 政策</t>
  </si>
  <si>
    <t>新冠肺炎 變異 株 omicron 病毒 引起 國際 高度 警戒 部分 國家 原本 鬆綁 邊境 管制 現在 再度 實施 旅行 禁令 民眾黨 立 委 邱臣遠 呼籲 omicron 變種 病毒 傳染 力 與 變異 程度 史 上 最 強 疫情 指揮中心 要 做好 邊境 控管 緊 盯 他國 的 邊境 政策 與 疫情 狀況 隨時 做出 反應 並 針對 防疫 旅館 及 車隊 的 配置 進行 完整 規 畫 確保 能量 足夠 應對 國內 疫情 趨 緩 穩定 但 omicron 變種 病毒 來勢洶洶 面對 未知 的 變種 病毒 且 即將 迎來 聖誕 節慶 跨 年 晚會 等 大型活動 以及 春節 返台 等 大規模 入境 即將 到來 臺灣 沒有 任何 放鬆 警戒 的 本錢 中央 防疫 指揮中心 日前 已 宣佈 將 南非 等 10 國 列為 重點 高風險 國家 旅客 抵 台前 14 天 曾 到 上述 國家 或 轉機 者 一律 公費 入住 集中 檢疫所 14 天 不會 住 到 防疫 旅館 並 維持 二級 警戒 到 12 月 13 日 至於 是否 封鎖 邊境 指揮中心 表示 14 天 的 隔離政策 已 足夠 嚴密 且 omicron 無法 逃脫 快 篩檢測 因此 對於 較為 寬鬆 的 春節 檢疫 方案 7 7 10 4 召集人 李秉穎 也 說 雖有 風險 但 可 接受 對於 指揮中心 決定 暫不 加 嚴 防疫 管制 措施 邱臣遠 呼籲 中央 要 做好 邊境 控管 緊 盯 他國 的 邊境 政策 與 疫情 狀況 隨時 做出 反應 另外 莫德納 執行長 預測 現有 疫苗 對付 omicron 的 效果 有限 恐需 開發新 疫苗 因應 但 施打第 三 劑 疫苗 仍 有 加強 保護 力 的 效果 政府 應 讓 高風險 族群 儘快 接種 並 明確 第 三 劑 混 打的 各類 可行性 邱臣遠 表示 臺灣 在 長 時間 的 防疫 規範 下 不少 民眾 的 心理健康 已經 受到 影響 許多 商家 更 早已 支撐 不住 關門歇業 臺灣 社會 已 難 再 承受 更進一步 的 衝擊 面對 變種 病毒 再起 防疫 政策 必須 要 嚴謹 落實 嚴防 變種 病毒 入侵 臺灣</t>
  </si>
  <si>
    <t>新冠肺炎 在 2021 年 5 月 中旬 在 臺灣 快速 傳播 防疫 指揮中心 宣佈 提升 全台 地區 防疫 為 第 3 級 戒備 影響 國民 生活 中醫師 陳潮 宗 表示 看到 很多 民眾 對於 中藥 新藥 清 冠一號 的 使用 出現 了 有些 問題 及 誤解 特別 呼籲 並 提供 正確 使用 中</t>
  </si>
  <si>
    <t>新冠肺炎 在 2021 年 5 月 中旬 在 臺灣 快速 傳播 防疫 指揮中心 宣佈 提升 全台 地區 防疫 為 第 3 級 戒備 影響 國民 生活 中醫師 陳潮 宗 表示 看到 很多 民眾 對於 中藥 新藥 清 冠一號 的 使用 出現 了 有些 問題 及 誤解 特別 呼籲 並 提供 正確 使用 中藥 防疫 3 個 階段 處方 中西 合作 快速 改善 確診 者 症狀 可 快速 出院 且 無 後遺症 在 2020 年初 新冠肺炎 侵入 臺灣 時 多 位 在 西醫 加 護 病房 的 病人 藉 由 國家 中醫藥 研究所 團隊 的 蘇奕彰 教授 兼 所長 與 三軍 總 醫院 彰 化 基督教 醫院 長庚醫院 中醫 部 協力 合作 在 各個 醫院 的 加 護 病房 中西醫 合作 治療 新冠肺炎 結果 成效 卓著 並 做 了 一些 初步 觀察 及 統計 對 未能 迅速 3 采 陰 的 病人 加以 中藥 治療 結果 發現 患者 很快 能 出院 並 沒有 留下 肺部 纖維 化 或 氣喘 的 後遺症 確定 有效 後 定名 為 清冠 一 號 清冠 一 號 處方 應 經由 中醫師 開立 處方切 勿 自行 購買 中醫師 陳潮 宗 表示 清冠 一 號 處方 有 10 種 中藥 內容 黃芩 清 上焦 風 熱 可 抗 菌 抗 病毒 板藍根 能 抗 菌 抗 病毒 減少 病毒 的 數量 瓜 婁實 可去 熱 痰 清 肺 熱 對於 肺部 的 發炎 的 改善 荊芥 防風 2 味 中藥 可以 消散 風 熱 消除 肌肉 的 酸痛 兼有 退燒 作用 薄荷 止咳 化痰 清風 熱 而且 肌肉 的 酸痛 魚腥草 殺菌 抗 病毒 止咳 厚樸 能 寬 中氣 定 喘 甘草 健 脾 和 胃 調和 諸藥 作用 桑葉 入 肺 肝 經 可 疏風清 熱 該 注意 的 是 該 藥方 需 經由 中醫師 親自 看 診 後 開立 處方 切 勿 自行 購買 服用 平時 可 運用 中藥 提升 免疫 保健 身體 不讓 外來 邪氣 入侵 中醫 的 防疫 處方 應隨著 流行 疫區 的 遠近 及 確診 者 的 接觸 可能 是否 感染 後 有 出現 呼吸道 症狀 等 而 有所不同 千萬 不可 任意 服用 否則 不僅 破財 又 無法 得到 治療 的 效果</t>
  </si>
  <si>
    <t>臺灣 5 月中 爆 本土 疫情 4 月 15 日 將 機組員 檢疫 措施 改 成 3 11 被 視為 防疫 破 口 但 指揮中心 指揮官 陳時中 昨 卻說 華航諾 富特 案 是 群 聚 不算 社區 破 口 對此 胸腔 科 醫師 蘇一峰 忍不住 吐 槽 機師 同 住 家人 在 4 月 就 驗 出 大量 i</t>
  </si>
  <si>
    <t>昨日 疫情 指揮中心 上午 急 開 記者會 要求 清明連 假 到 過 11 個 熱點 風景區 人潮 擁擠 地方 出遊 的 人 都 要 居家 上班 請假 不 去 上學 實施 自主 健康 管理 14 天 但 一 名 幼教 老師 表示 她 調查 連 假 出遊 狀況 時 家長 與 孩子 的 答案 竟 大 相</t>
  </si>
  <si>
    <t>昨日 疫情 指揮中心 上午 急 開 記者會 要求 清明連 假 到 過 11 個 熱點 風景區 人潮 擁擠 地方 出遊 的 人 都 要 居家 上班 請假 不 去 上學 實施 自主 健康 管理 14 天 但 一 名 幼教 老師 表示 她 調查 連 假 出遊 狀況 時 家長 與 孩子 的 答案 竟 大相逕庭 讓 她 傻眼 這 名 幼教 老師 在 臉書 po 文 指出 5 日 晚上 她 用 line 傳 訊息 問 家長 是否 有 在 連 假期 間 帶 孩子 到 11 處 景點 玩 結果 家長 每個 都 回傳 4 天都 乖乖 在家 沒 出門 喔 結果 隔 天 一早 問 小孩 一半 以上 都 說 有 出去玩 開始 巴拉巴拉 的 說 去 了 哪裡 玩 跟 誰 去 都 不是 昨晚 家長 說 的 4 天都 在 家 沒 出門 看到 這種 結果 原 po 表示 這 調查 一點 意義 也 沒有 會 據實 以 告 的 人 真的 太 少 並 呼籲 真的 乖乖 待 在家 防疫 的 人 自求多福 吧</t>
  </si>
  <si>
    <t>衛福部 桃園 醫院 爆發 群 聚 感染 已 有 15 例 確診 昨 24 日 晚間 中央 疫情 指揮中心 緊急 匡列 5000 人 居家 隔離 國內 疫情 拉 緊 報 國民黨 前 立 委 孫大 千 連日來 針對 疫苗 採購 案 提出 多 項 質疑 今 他指 衛福 部長 陳時中 就算 想要 推卸責任</t>
  </si>
  <si>
    <t>第 15 輪 疫苗 今天 開 打 共有 143萬 人 預約 打 bnt 95萬 人 約 打 莫德納 為 使 疫苗 有效 運用 指揮中心 日前 也 宣佈 接種 完 第一 劑 az 滿 8 周 以上者 自 11 月 25 日 起 可 自行 至 指定 醫療 院所 預約 混打 莫德納 或 bnt 第 15 輪 疫苗 除了 提供 az</t>
  </si>
  <si>
    <t>第 15 輪 疫苗 今天 開 打 共有 143萬 人 預約 打 bnt 95萬 人 約 打 莫德納 為 使 疫苗 有效 運用 指揮中心 日前 也 宣佈 接種 完 第一 劑 az 滿 8 周 以上者 自 11 月 25 日 起 可 自行 至 指定 醫療 院所 預約 混打 莫德納 或 bnt 第 15 輪 疫苗 除了 提供 az bnt 與 莫德納 供 民眾 接種 第一 二 劑 也 開放 az 混打 mrna 疫苗 今天 開始 施打至 12 月 1 日 根據 指揮中心 統計 第 15 輪 疫苗 共 有約 1791萬 人 完成 預約 其中 有 1432萬 人 預約 打 bnt 預約 率 大約 5 成 263萬 人 預約 az 預約 率 約 3 成 5 而 預約 莫德納 的 人數 比 較 少 約 95萬 人 預約 率 只 有 12 指揮中心 日前 也 宣佈 為了 讓 民眾 盡 速 完成 接種 自 11 月 25 日 起 也 將 開放 民眾 至 指定 醫療 院所 混打 只要 打完 第一 劑 az 疫苗 滿 8 周 以上 的 人 不管 有 沒有 登 入 疫苗 平臺 登記 混打 意願 都 可以 至 指定 醫療 院所 預約 混打 莫德納 或是 bnt 疫苗 指揮中心 也 提醒 第一 劑 打 az 疫苗 第二 劑 選擇 混打 mrna 疫苗 的 人 接種 後 發生 不良反應 的 機 率 與 嚴重 程度 會 比 兩劑 打 同 廠 牌 疫苗 者 還要 高</t>
  </si>
  <si>
    <t>今 23 日 指揮中心 新增 6 例 新冠肺炎 死亡 個案 為 5 男 案 1912 案 2384 案 2986 案 3304 案 3417 1 女 案 2483 創 單日 死亡數 最高 除 案 2483 外 餘 5 人 皆 有 慢性 病史 其中 案 3304 在 5 月 20 日 因 未 出勤 經 同事 發現 其 昏迷 並 協助</t>
  </si>
  <si>
    <t>今 23 日 指揮中心 新增 6 例 新冠肺炎 死亡 個案 為 5 男 案 1912 案 2384 案 2986 案 3304 案 3417 1 女 案 2483 創 單日 死亡數 最高 除 案 2483 外 餘 5 人 皆 有 慢性 病史 其中 案 3304 在 5 月 20 日 因 未 出勤 經 同事 發現 其 昏迷 並 協助 送醫 同日 晚間 經 急救 後 仍 不幸 死亡 經采檢 於 5 月 21 日 確診 指揮中心 表示 今 新增 6 例 死亡 個案 為 5 名 男子 案 1912 案 2384 案 2986 案 3304 案 3417 及 1 名 女性 年齡 介於 50 多 歲 至 80 多 歲 發病 日 介於 5 月 10 日 至 5 月 20 日 確診 日 介於 5 月 17 日 至 22 日 死亡 日 介於 5 月 20 日 至 21 日 上述 除 案 2483 外 餘 5 人 皆 有 慢性 病史 案 1912 年齡 60 多 歲 具 高血壓 病史 5 月 12 日 出現 咳嗽 及 呼吸 喘 症狀 5 月 15 日 就醫 並 住院治療 及 采 檢 5 月 17 日 確診 於 5 月 21 日 死亡 案 2384 年齡 80 多 歲 5 月 17 日 因 呼吸 喘 就醫 並 住院治療 及 采 檢 5 月 19 日 確診 5 月 20 日 死亡 後續 疫 調 家屬 表示 個案 無 慢性 病史 尚 待 詳細 調查 後 確認 案 2483 年齡 70 多 歲 具 高血壓 病史 5 月 16 日 曾因 發燒 就醫 5 月 17 日 因 血壓 下降 再次 就醫 並 住院治療 及 采 檢 5 月 19 日 確診 於 5 月 20 日 死亡 案 2986 年齡 60 多 歲 具 高血壓 糖尿病 心臟病 等 病史 5 月 18 日 因 發燒 畏 寒 呼吸困難 等 症狀 就醫 並 住院治療 及 采 檢 5 月 21 日 確診 並於 同日 死亡 案 3304 年齡 60 多 歲 具 高血壓 病史 5 月 20 日 因 未 出勤 經 同事 發現 其 昏迷 並 協助 送醫 同日 晚間 經 急救 後 仍 不幸 死亡 經采檢 於 5 月 21 日 確診 案 3417 年齡 50 多 歲 具 高血壓 病史 5 月 13 日 至 17 日 期間 出現 胸 痛 咳嗽 呼吸喘 5 月 20 日 就醫 並 住院治療 及 采 檢 5 月 21 日 死亡 並於 5 月 22 日 確診 發言人 莊人祥 表示 當中 沒有 慢性病 的 死亡 案例 是 在 死亡 後 和 兒子 做 疫 調 得知 無 慢性病 但 年齡 也 有 80 幾 歲 該案 5 月 17 日 有 呼吸 喘 當時 有 去 就醫 在 5 月 20 日 死亡 時間 3 天 之內 但是 沒有 慢性病 是 靠 家屬 說明 還 需要 後續 確認</t>
  </si>
  <si>
    <t>八大 場所 指揮中心 戴 口罩 新冠肺炎</t>
  </si>
  <si>
    <t>英國 變種 病毒 臺灣 再 增 1 例 指揮中心 近期 針對 國內 確診 者 共 21 株 個案 病毒 定 序 發現 除了 昨天 的 案 792 是 英國 變種 外 案 791 也 是 該案 是從 英國 留學 返台 但 居檢 期間 在 家 獨自一人 故 無 框 列 接觸 者 沒有 擴散 到 社區 的 疑</t>
  </si>
  <si>
    <t>新冠肺炎 疫情 持續 延 燒 我國 已 有 零星 社區 感染 出現 為 及早 因應 可能 的 大規模 社區 感染 行政院 日前 將 指揮中心 等級 升為 一級 開設 指揮中心 指揮官 陳時中 今 29 日 11 時 親臨 臺北 榮總 視導 該院 的 超前 準備 陳時中 今日 針對 表示</t>
  </si>
  <si>
    <t>新冠肺炎 疫情 持續 延 燒 我國 已 有 零星 社區 感染 出現 為 及早 因應 可能 的 大規模 社區 感染 行政院 日前 將 指揮中心 等級 升為 一級 開設 指揮中心 指揮官 陳時中 今 29 日 11 時 親臨 臺北 榮總 視導 該院 的 超前 準備 陳時中 今日 針對 表示 行政 人員 清潔 人員 外 包 人員 等 及 醫護人員 出國 限制 及 院內 動 線 等 進行 視察 表示 上述 人員 及 環境 的 防護 措施 必須 落實 表示 北 榮 的 醫療 品質 和 量 能 在 全 臺灣 是 示範 楷模 必須 要 做到 最 嚴謹 陳時中 指出 護理 站 對於 陪 病 親屬 的 概念 傳輸 都 很 重要 探病 部分 儘量避免 非必要 情況 可以 用 視 訊 來 噓寒問暖 以免 造成 院方 不必要 的 負擔 然而 陪 病 照顧 有 它 的 有 必要性 非 照顧 病人 的 行動 還是 儘量避免 陳時中 強調 目前 每日 檢驗 量 能 為 2450 件 但 各 醫院 負 壓 病房 數 有限 能 盡 所能 醫治 病人 是 目標 但 若 未來 疫情 加劇 病 患 大幅 增加 會 造成 醫療 量 能 的 壓力 未來 不 排除 將 一 采 陰性 者 集中 隔離 返家 居家 隔離 陳時中 進一步 指出 防疫 最 大 困難 是 新冠肺炎 有無 症狀 感染者 醫護人員 全面 防護 觀念 要 有 要 多 加 注意 外 包 的 非 醫療 人員 方面 訓練 非常 重要 可能 因為 概念 不足 造成 醫院 防疫 破 口 建議 榮總 這 部分 訓練 務必 加強</t>
  </si>
  <si>
    <t>台中 市長 盧秀燕 在 疫情 指揮中心 記者會 中 表示 台中 今天 確診 新增 1 人 本土 1 人 境外 至於 新 社 48 歲 男子 已 排除 確診 中央 今天 公佈 的 中 市 本土 確診 1 人 就 是 市府 昨天 預告 的 飲料店 男 員 另 新 社區 48 歲 男性 經疾 管署 確認 pcr 及 血</t>
  </si>
  <si>
    <t>新冠肺炎 疫情 趨 緩 但 擴大 紓困 方案 議題 仍 持續 延 燒 疫情 指揮中心 定期 分析 目前 紓困 的 核定 案件 和 受理 案件 比例 來看 受理 效能 第一 是 新竹 市 達 69 其次 分別 是 桃園 市 台 南市 新北 市 連江縣 台中 市 彰化市 和 臺北市</t>
  </si>
  <si>
    <t>新冠肺炎 疫情 趨 緩 但 擴大 紓困 方案 議題 仍 持續 延 燒 疫情 指揮中心 定期 分析 目前 紓困 的 核定 案件 和 受理 案件 比例 來看 受理 效能 第一 是 新竹 市 達 69 其次 分別 是 桃園 市 台 南市 新北 市 連江縣 台中 市 彰化市 和 臺北市 指揮官 陳時中 表示 以 受理 件數 來看 仍 是 六都 最 多 因 六都 人口 也 最 多 若以 核定 安 件 占 縣 市 總戶數 百分比 來看 則 第一 名 是 桃園 市 其次 為 連江縣 台 南市 新竹 市 新北 市 台中 市 等 陳時中 也 表示 不論是 接受 案件 或 核定 上 速度 都在增 快 中 相信 會 愈來愈 順利 媒體 詢問 南部 有 人 申請 紓困 補助 但 名下 有 土地 約 4000 多 萬 元 雖 名下 沒有 存款 這樣 的 案例 是否 抵觸 紓困 原則 陳時中 表示 在 紓困 上 的 共識 是 有 自 住房 子 不符 紓困 標準 但 若 有 土地 但 沒有 辦法 產生 收益 且 疫情 對 其 收入 已 達到 生活 發生 困難 因為 紓困 不是 訂 中低收入 戶 若 沒 存款 收入 又 減少 影響 生活 則 也 符合 認定 可以 申請 紓困 方案</t>
  </si>
  <si>
    <t>因應 春節 預估 至少 4萬 人 返台 今年 12 月 14 日 至 明年 2 月 14 日 將 推行 檢疫 新 制 從 非 重點 高風險 國家 入境者 先前 指揮中心 公佈 改 為 10 4 指揮官 陳時中 今 透露 本 周 有望 改 為 7 7 至於 未來 入境 要 完整 接種 兩劑 疫苗 有無 包含 大陸</t>
  </si>
  <si>
    <t>因應 春節 預估 至少 4萬 人 返台 今年 12 月 14 日 至 明年 2 月 14 日 將 推行 檢疫 新 制 從 非 重點 高風險 國家 入境者 先前 指揮中心 公佈 改 為 10 4 指揮官 陳時中 今 透露 本 周 有望 改 為 7 7 至於 未來 入境 要 完整 接種 兩劑 疫苗 有無 包含 大陸 疫苗 發言人 莊人祥 回 應說 會 以 符合 世界衛生組織 who 公佈 的 清單 為主 莊 人 祥 表示 若 配合 有 確定 有 放寬 7 7 的 部分 就 是 七 天 在 防疫 旅館 七 天 在家 居家 檢疫 七 天 在 家中 檢疫 也 要 增加 采 檢 措施 算是 加強版 居家 檢疫 莊 人 祥 說明 由於 7 7 尚未 定案 但 如同 指揮官 陳時 中所 說明 不管 是否 後續 有 沒有 接上 都 至少 旅館 量 能 會 增加 一萬 人 至少 會 再 增加 一萬 人 以上 的 住房 若 管理 上 可以 銜接 更 好 7 7 可以 再多 一 輪 也就是說 整體 會 比 原來 14 天 增加 兩 輪 需要 再 與 觀光局 協調 莊 人 祥 表示 是否 改為 7 7 尚未 定案 都還 在 與 各部 會 協調 本 周會 確定 由於 先前 說 今天 要 說明 有關 集中 檢疫所 上網 預訂 也 因為 要 整個 配合 檢疫 政策 所以 會 再 與 檢疫 政策 一起 說明 莊 人 祥 表示 接下來 可能 規定 施打 2 劑 疫苗 且 滿 14 天 完整 接種 者 入境 這 部分 針對 疫苗 種類 還 是 會 以 世界衛生組織 緊急 使用 清單 包含 bnt az 莫德納 科興 國藥 等 或是 我國 授權 專案 製造 為 主 包含 bnt az 莫德納 以及 高端 沒有 科興 國藥 都 是 規劃 方向 若要 以 疫苗 作為 入境 通關 如何 避免 造假 莊人祥 說 目前 已經 請 外交部 搜集 目前 各國 有關 疫苗 接種 證明 的 樣 章 未來 類似 去年 的 陰性 核酸 檢驗 證明 也 會 配合 檢疫 系統 由 民眾 事先 填寫 是否 有 疫苗 接種 請 他們 上傳 接種 證明 後續 由 指揮中心 核實 若 入境 有 12 歲 以下 孩童 維持 14 天 嗎 莊人祥 說 因為 他們 沒 辦法 接種 疫苗 若 跟 著 成人 一起 入境 只 看 成人 接種情況 而 定 若 父母親 和 家長 沒有 接種 就要 維持 14 天 居家 檢疫 春節 後 也 會 有 7 7 嗎 莊人祥 說 也 是 未來 方案 之一 但 這次 主要 是 先 考量 春節 需要 比較 多 的 防疫 旅館 不少 人 反映 至今 無 法 訂到 旅館 所以 才會再 有 7 7 考量 但 還是 包含 14 天 居家 檢疫 並 沒有 打折</t>
  </si>
  <si>
    <t>屏 東 爆發 群 聚 感染 指揮中心 指揮官 陳時中 證實 群 聚 感染 源 的 自 秘魯 返台 祖孫 驗 出 印度 delta 變異 株 引發 軒然大波 由於 臺北市 長 柯文哲 昨 24 日 才 表示 delta 遲早 會 進來 也 讓 網友 熱 議 直 呼 柯文哲 又 成功 預言</t>
  </si>
  <si>
    <t>屏 東 爆發 群 聚 感染 指揮中心 指揮官 陳時中 證實 群 聚 感染 源 的 自 秘魯 返台 祖孫 驗 出 印度 delta 變異 株 引發 軒然大波 由於 臺北市 長 柯文哲 昨 24 日 才 表示 delta 遲早 會 進來 也 讓 網友 熱 議 直 呼 柯文哲 又 成功 預言 烏鴉 嘴 印度 delta 變種 病毒 取代 英國 alpha 變異 株 成為 世界 各國 頭號敵人 柯文哲 昨天 接受 廣播節目 線 上 專訪 時 就 直言 delta 變異 株 遲早 會 進入 臺灣 柯說 該 病毒 傳染 力 超強 就 連 美國 都 檔 不住 除非 臺灣 完全 沒有 國外 旅客 但 這 是 不可能 的 事 柯文哲 當時 指出 新冠 病毒 不 斷 在 演化 只 會 越來越 難 纏 傳染 力 也 不斷 提升 往後 大家 只能 學習 與 病毒 共存 別 再 幻想 病毒 完全 消失 的 世界 他 補充 只要 疫苗 打 2 劑 基本上 都 擋得住 相較 於 17 年 前 的 sars 情況 要好 上 不少 至於 臺灣 死亡率 高於 平均 值 不少 他 認為 是 因為 還有 許多 黑 數沒 被 抓 出 屏 東群 聚 案 中 傳播 鏈 源頭 的 自 秘魯 返台 祖孫 一度 被 懷疑 是 感染 lambda 變種 病毒 但 指揮中心 今天 證實 為 delta 變異 株 由於 柯文哲 昨天 才說 過 delta 變異 株 遲早 會 入侵 臺灣 沒 想到 今天 就 發生 引起 ptt 鄉民 熱烈 討論 又 被 柯 p 說 中 了 柯文哲 又 神 預言 果然 是 先知 阿北 就 是 講話 太 老實 才會 成為 箭 靶 側翼 這次 不 知道 會 怎麼 把 delta 跟 雙北 連上 根本 烏鴉 嘴</t>
  </si>
  <si>
    <t>為 避免 大型活動 造成 新冠肺炎 防治 破 口 總統 蔡英文 帶頭 宣佈 今年 520 就職 活動 暫停 籌辦 工作 保持 最 大 彈性 因應 疫情 變化 另 衛福部 26 日 宣佈 即日起 醫院 探病 限 兩 位 陪 病 限 一 位 並 要求 134 家 醫院 擴大 設置 新冠肺炎 專責 病房 以 防止 院內 感染 近期 因 大甲 媽祖 繞 境 等 大型 宗教 活動 將 陸續 登場 內政 部 勸導 主辦單位 提出 延期 備案 蔡英文 26 日 宣示 只要 疫情 仍 有 疑慮 520 就職 將 不 會 舉辦 大型 群眾 活動 保持 最 大 彈性 因應 疫情 變化 對於 大甲 媽祖 繞 境 鎮 瀾 宮 宣佈 取消 起 駕 宴 媽祖 之 光 演唱會 及 祝壽 大典 三大 慶典 並 捐 出 3千萬 元 給 中央 幫助 防疫 繞 境 則 縮小 規模 舉辦 且 宣示 若 中央 要求 停辦 將 會 遵守 中央 疫情 指揮官 陳時中 雖 未 明確要求 停辦 但 強調 當前 疫情 非常 不利於 大型活動 短期 內 趨 緩 可能性 非常低 呼籲 別 讓 媽祖 憂心 此外 指揮中心 26 日 宣佈 國內 新增 一 位 確診 總數 達 32 例 是 第 27 例 確診 老翁 的 非法 外籍 看護 正 調查 其 活動 史 另 考量 伊朗 新冠肺炎 病例 數 死亡數 快速 增加 即日起 提升 伊朗 的 旅遊 疫情 建議 至 第二 級 警示 鑒於 日 韓 接連 發生 院內 感染 衛福部 醫 事 司長 石崇良 宣佈 即日起 對 進 出 醫院 三類 族群 加強 管理 包括 一 病人 進 出 醫院 包括 門診 急診 或 住院 須有分 流動 線 二 所有 訪 客 須 依 規定 時段 探病 每 位 住院者 限 兩 位 訪 客 陪 病員 包含 看護 僅 限 一 名 三 所有 醫療機構 委 讬 外部 承攬 業者 含 清潔 廢棄物 清理 保全 衣被 服 租賃 與 洗滌 商場 傳送 機電 膳食 製作 與 供餐 等 由 專門 動 線 進出 人員 旅遊 史 體溫 須 造冊 管理 至於 隔離 病床 石崇良 解釋 隔離病房 過去 設有 上限 但 現在 解禁 要求 134 家 傳染病 指定 隔離 醫院 一 周 內 擴大 設置 專責 病房 負責 收治 新冠肺炎 疑 似 個案 此外 雙 北市 也 接連 宣佈 畢旅 校外 教學 緩 辦</t>
  </si>
  <si>
    <t>第 12 輪 疫苗 第一 階段 明天 開 打 國際 三大 疫苗 bnt 莫德納 az 同步 上場 其中 bnt 是 打 第一 劑 莫德納 和 az 都 是 接種 二 劑 不少 人 擔心 接種 第二 劑 的 副作用 恐 更 強 對此 指揮中心 提醒 民眾 打 第二 劑 莫德納 發生 不良反應 的 機 率</t>
  </si>
  <si>
    <t>第 12 輪 疫苗 第一 階段 明天 開 打 國際 三大 疫苗 bnt 莫德納 az 同步 上場 其中 bnt 是 打 第一 劑 莫德納 和 az 都 是 接種 二 劑 不少 人 擔心 接種 第二 劑 的 副作用 恐 更 強 對此 指揮中心 提醒 民眾 打 第二 劑 莫德納 發生 不良反應 的 機 率 與 嚴重 程度 都 會 比 第一 劑 高 提醒 近期 身體狀況 不 穩定 者 可 穩定 後 再 打 另 az 第二 劑 的 副作用 通常 會 比較 輕微 第 12 輪 第一 階段 總計 逾 188萬 人 預約 接種 明起 至 27 日 開放 施打 根據 指揮中心 統計 成年人 接種 bnt 常見 的 副作用 為 注射 部位 疼痛 841 疲倦 629 頭痛 551 肌肉 痛 383 畏 寒 319 關節 痛 236 以及 發燒 142 上述 的 症狀 多 在 數 天內 就 會 消失 莫德納 常見 副作用 則 是 注射 部位 疼痛 92 疲倦 70 頭痛 647 肌肉 痛 615 關節 痛 464 畏 寒 454 與 發燒 155 極 罕見 的 心肌炎 與 心包 膜 炎 較 常 發生 在 第二 劑 或 年輕 男性 身上 打完 疫苗 若 有 持續性 胸 痛 呼吸 急促 或 心悸 請 就醫 且 莫德納 第二 劑 發生 不良反應 的 機 率 與 嚴重 程度 會 比 第一 劑 高 近期 身體 不適 者 建議 可 等 狀況 穩定 後 再 去 接種 與 莫德納 不同 的 是 az 打 第一 劑 的 時候 副作用 較 強 第二 劑 症狀 通常 較 輕微 而 打完 az 常見 的 副作用 是 注射 部位 疼痛 542 疲倦 531 頭痛 526 肌肉 痛 440 畏 寒 319 關節 痛 264 以及 發燒 79</t>
  </si>
  <si>
    <t>新冠肺炎 臺灣 莫德納 指揮中心 未來</t>
  </si>
  <si>
    <t>紐約 郵報 new york post 日前 引 據 nbc 報導 臺灣 在 新冠肺炎 下 的 情景 卻 在 內容 中 描述 臺灣 是 中國 一 省 且 以 專制 囤積 防疫 物資 追蹤 監控 全民 等 用詞 形容 臺灣 防疫 對此 外交部 北美 司 司長 姚金祥 今天 在 例行 記者會 上 譴責 該報 記者 在 沒有 查證 事實 的 情況 下 發佈 報導 姚金祥 強調 除了 國名 之外 紐約 郵報 說 臺灣 是 防疫 專制 國家 這 點 我們 不能 接受 用 這樣 的 字眼 形容 臺灣 我們 覺得 遺憾 臺灣 是 在 防疫 措施 上 最 透明 國家 之一 姚金祥 指出 我們 應用 高科技 防疫 措施 能 達到 這樣 的 防疫 成果 民眾 非常 肯定 也 能 接受 指揮中心 之前 也 已經 就此 回應 過 我們 會 繼續 請 駐 紐約 辦事處 要求 報導 記者 更正 駐 紐約 辦事處 則 是 在 紐約 郵報 臉書 貼 文 反駁 報導 指出 臺灣 不是 中國 的 一 省 我們 有 自己 獨立 且 民主 的 政府 和 疆界 中國 對 我們 沒有 任何 一點 管轄權 臺灣 擁有 世界 上 數一數二 開放 透明 的 政府 手機 通報 僅 用以 通知 曾 與 確診 病 患 接觸 的 人 目的 是 保護 其他人 的 健康 用 專制 來 形容 一個 世界 上 最 優秀 的 民主 國家 之一 這 實在 是 惡意中傷</t>
  </si>
  <si>
    <t>az bnt 接種 免 平臺 指揮中心 今 宣佈 找 醫院 預約 就 可 打</t>
  </si>
  <si>
    <t>昨日 3 31 基隆 市 舉行 新冠肺炎 超前 部署 社區 防疫 演習 疫情 指揮中心 指揮官 陳時中 在 臺上 致詞 時 透露 每 一 名 新冠肺炎 確診 社會 成本高 達 210萬 元 這 還 不 包括 所有 間接成本 他 表示 錢 的 事 小 最怕 的 是 病毒 擴散 出去 變成</t>
  </si>
  <si>
    <t>昨日 3 31 基隆 市 舉行 新冠肺炎 超前 部署 社區 防疫 演習 疫情 指揮中心 指揮官 陳時中 在 臺上 致詞 時 透露 每 一 名 新冠肺炎 確診 社會 成本高 達 210萬 元 這 還 不 包括 所有 間接成本 他 表示 錢 的 事 小 最怕 的 是 病毒 擴散 出去 變成 社區 人 傳人 因此 他 拜 讬 居家 隔離 或 檢疫 的 民眾 真的 不要 出門 到處 亂跑 要 守 住 臺灣 每個 人 都 有 責任 陳時中 表示 社會 成本 算是 小 事情 他 最 擔心 的 是 新冠 病毒 會會 一傳 十十 傳 百 導致 疫情 擴散 所以 他 苦勸 居家 隔離 檢疫 者 真的 不要 趴 趴 走 明知故犯 還 出門 去 超 商 買 咖啡 借 錢 買 蚵 仔 煎 等 會 造成 社會 上 很 大 的 壓力 至 31 日 為止 全台 新冠肺炎 確診 已 累計 322 例 陳時中 說 臺灣 非常 努力 做好 邊境 管制 境內 檢疫 等 然而 要 守 住 臺灣 的 安全 必須 靠 大家 一起 自我管理 做好 自身 的 責任 每個 人 都是小 螺絲釘 我 也 是 一個 小 螺絲釘 拴緊 了 才 有 辦法 面對 這 場 硬仗</t>
  </si>
  <si>
    <t>10 1 降為 一級 指揮中心 鬆口 八大 行業 將 有 條件 開放</t>
  </si>
  <si>
    <t>降 一級 八大 行業 郵輪 解禁 指揮中心</t>
  </si>
  <si>
    <t>青少年 bnt 第二 劑 打 不 打 指揮中心 兩 周後 再議</t>
  </si>
  <si>
    <t>苗栗縣 京元 電子 爆發 嚴重 群 聚 感染 比鄰 的 台中 市 目前 還 未 收治 相關 確診 者 台中市政府 也 表示 目前 已 展開 清查 要 掌握 該 人力 仲 介 公司 是否 在 台中 也 有 移 工 並 清查 哪些 企業 有 用 到 這些 移 工 如果 有 會 要求 這些 公司 自主 篩檢 結果 要 立即 彙報 到 台中 市 衛生 局 京元 電子 群 聚 累計 已 有 77 人 確診 台中 市 身為 中部 醫療 重鎮 先前 已 收治 多 名 北 病 南送 的 確診 者 這次 苗栗 爆發 大型 群 聚 各方 也 擔心 台中 市 的 醫療 量 能 能 不能 負荷 疾 管署 中部 疫情 指揮中心 黃高彬 目前 沒有 收治 任一 名 該案 的 確診 者 但 相關 的 醫療 量 能 目前 還 足夠 台中 市 新聞 局長 黃國 瑋 也 表示 在 爆發 京元 電子 群 聚 案 後 台中 市 也 立即 展開 跨 局 室 會議 要 先 掌握 同一 仲介 公司 是否 有 相關 人員 在 台中 境內 是 分屬 在 那些 公司 一旦 獲知 會 通知 這些 公司 為 員工 自主 篩檢 結果也 要 立即 彙報 給 台中市政府</t>
  </si>
  <si>
    <t>全台 大 停電 指揮中心 漆黑一片 疫情 直播 突 中斷 網 驚 世界末日</t>
  </si>
  <si>
    <t>全台 大 停電 新冠肺炎 臺灣 指揮中心 陳時中</t>
  </si>
  <si>
    <t>疫情 指揮中心 提升 一級 開設 國民黨 肯定</t>
  </si>
  <si>
    <t>行政院長 蘇貞昌 今 早 在 行政院 會 宣佈 中央 疫情 指揮中心 提升 至 一級 開設 國民黨 文傳 會 代理 主委 王育敏 肯定 政府 從善如流 終於 採納 各方 意見 提升 至 一級 開設 也 期盼 在 疫情 嚴峻 的 當前 政府 能 以 開放 正面 態度 看待 各方 建 言 朝</t>
  </si>
  <si>
    <t>新冠肺炎 國民黨 疫情 指揮中心 一級 開設 蘇貞昌</t>
  </si>
  <si>
    <t>新冠肺炎 疫情 持續 延 燒 至 大學校園 繼成 大 政大 清大 及 實踐 之後 台師大 也 出現 確診 個案 疫情 指揮中心 昨日 公佈 新增 16 例 確診 其中 案 322 為 臺灣師範大學 理工科 學生 指揮中心 表示 該 生 在 發病 前 以 學校 校園 宿舍 為</t>
  </si>
  <si>
    <t>新冠 變異 株 omicron 現 蹤 全球 超過 20 個 國家 臺灣 為了 提升 民眾 保護 力 指揮中心 昨 宣佈 開 打 第 三 劑 疫苗 符合 資格 者 共有 4 類人 只要 打完 第二 劑 疫苗 滿 5 個 月 就 可以 至 指定 醫療 院所 預約 接種 第 三 劑 而 中 時 新聞網 也 整理</t>
  </si>
  <si>
    <t>新冠 變異 株 omicron 現 蹤 全球 超過 20 個 國家 臺灣 為了 提升 民眾 保護 力 指揮中心 昨 宣佈 開 打 第 三 劑 疫苗 符合 資格 者 共有 4 類人 只要 打完 第二 劑 疫苗 滿 5 個 月 就 可以 至 指定 醫療 院所 預約 接種 第 三 劑 而 中 時 新聞網 也 整理 出 接種 第 三 劑 需 符合 的 條件 副作用 等 常見 的 4 大 問題 供 民眾 參考 一 誰 可以 優先 打 第 三 劑 可 優先 接種 第 三 劑 的 人 有 4 大類 第一 至 第 三類 的 對象 及 因公 出國者 其中 第一 至 第 三類 對象 包括 醫護人員 防疫 工作人員 第一線 高 感染 風險 工作人員 含 航空 機組員 港埠 工作人員 防疫 旅 宿工作人員 等 上述 這些 人 只要 完整 打完 兩劑 滿 5 個 月 即可 優先 打 第 三 劑 二 何時 可以 輪到 自己 打 根據 指揮中心 現在 的 規定 只要 完整 接種 兩劑 疫苗 滿 5 個 月 即 可 至 指定 醫療 院所 接種 第 三 劑 舉例來說 今天 12 月 3 日 能 打 第 三 劑的 人 第二 劑 疫苗 應 要 在 7 月 3 日 就 打完 民眾 可 由 此 自行 推算 自己 可以 打 第 三 劑 的 時間 三 第 三 劑 的 副作用 為何 指揮中心 發言人 莊人祥 表示 從 過去 的 研究 與 實際 接種 狀況 發現 第二 劑 和 第 三 劑 接種 時間 間隔 5 至 6 個 月 左右 第 三 劑 的 副作用 普遍 會 較 第二 劑 更 低 比較 常見 的 副作用 可能 是 發燒 頭痛 接種 部位 疼痛 腫脹 四 第 三 劑 打 哪 一 款 疫苗 這 波 第 三 劑 疫苗 只 開放 莫德納 給 民眾 打 接種 劑量 為 基礎 劑量 的 一半 五 第 三 劑 可以 選擇 廠 牌 指揮中心 指揮官 陳時 中曾 說 第 三 劑 疫苗 廠 牌 的 選擇 az 混打 mrna 疫苗 可以 但 不 太 贊成 mrna 疫苗 之間 的 混打 也 不 建議 民眾 先 打 mrna 再 混打 az 不過 目前 僅 提供 莫德納 給 民眾 打 未來 是否 有 別的 廠 牌 依 指揮中心 說明 為主</t>
  </si>
  <si>
    <t>衛福 部長 今 27 日 表示 義 大利 近期 covid-19 新冠肺炎 病例 數 及 死亡 病例 快速 增加 鑒於 國人 至 當地 感染 的 風險 提高 指揮中心 宣佈 即日起 提升 義 大利 旅遊 疫情 建議 至 第 三級 警告 warning 提醒 民眾 非必要 勿 前往 此外</t>
  </si>
  <si>
    <t>自 美 返台 的 10 多 歲 少年 遭 彰 化 縣 衛生局 檢驗 出新冠 病毒 陽性反應 中央 疫情 指揮中心 指揮官 陳時中 得知 後 下令 政風 處 調查 引發 軒然大波 對 此前 疾 管局 副 局長 施文 儀 則 表示 啼笑皆非 施文 儀 在 臉書 po 文 采 檢 條件 非 天</t>
  </si>
  <si>
    <t>日本政府 日前 同意 我國 可 派 專機 將 鑽石 公主 號 的 臺灣人 接回 國 目前 還 在 溝通 相關 細節 對於 接回 臺灣 的 乘客 需不需要 再 隔離 駐 日 代表 謝長廷 今 16 天 表示 這 屬於 防疫 專業 如果 防疫 中心 決定 需要 隔離 那 就 是 決策 只要 事先 講 清楚 就 好 鑽石 公主 號 感染 新冠 病毒 肺炎 人數 持續 增加 謝長廷 昨天 透過 臉書 發文 指稱 依 檢疫 相關 規定 如果 是 在 19 日 之前 離開 乘客 回到 自己 國內 仍 須 隔離 如果 過 了 19 日 且 檢查 結果 為 陰性 那麼 他們 在 日本 就 可以 自由行動 搭 公共 運輸工具 了 回 自己 國家 也 沒有 再 隔離 的 道理 引發 爭議 謝長廷 今天 在 臉書 表示 針對 昨晚 的 臉書 網友 回應 很多 可見 大家 對 這個 事情 都 很 關注 我們 駐 日 代表處 的 功能 就 是 執行 國內 決策 全力 和 日本 溝通 並 站 在 第一線 保護國 人 的 權益 反應 船上 國人 的 需求 給予 慰問 以及 精神 支援 他 說 接回 臺灣的 乘客 需不需要 再 隔離 如果 防疫 中心 決定 需要 隔離 那 就 是 決策 只要 事先 講 清楚 就 好 再來 就 是 執行 從 現在 開始 到 包機 回到 臺灣 有 很多 作業 必須 進行 也 有 很多 風險 和 困難 代表處 會 配合 日方 及 防疫 指揮中心 妥善 的 完成 也 會 照顧 好 國人 的 隱私</t>
  </si>
  <si>
    <t>本報 日前 報導 指出 高端 二期 臨床 試驗 排除 19 種 民眾 至少 22 種 病種 卻 未 盡 告知 的 責任 指揮中心 指揮官 陳時中 回 應 說 歐美 其他 疫苗 臨床 試驗 的 時候 也 同樣 排除 那麼 多病 患 但 其實 查詢 莫德納 官網 https clinicaltrials</t>
  </si>
  <si>
    <t>新冠肺炎 本土 個案 連日 破百 例 國民 黨團 今天 表示 疫情 日益 嚴峻 不只 封城 而已 最終 解決之道 是 施打 疫苗 此時 應讓 疫情 指揮中心 指揮官 陳時中 專注 醫療 資源 拉高 防疫 層級 到 總統府 由 副 總統 賴清德 出任 指揮官 協調 調度</t>
  </si>
  <si>
    <t>新冠肺炎 疫情 升溫 高雄市 議會 27 日 宣佈 為 加強 防疫 取消 歲末 聯誼 元宵 與 新春 團拜 等 活動 議長 曾麗燕 和 副 議長 陸淑美 要求 市府 落實 防疫 措施 並 呼籲 市民 加強 春節 防疫 高雄 市 議會 原 訂 2 月 1 日 舉辦 歲末 聯誼 向來 是 議員 與 員工 交流 的 重要 時刻 歷年 從未 因故取消 為 落實 防疫 政策 在 議長 曾麗燕 和 副 議長 陸淑美 研 議 後 決定 取消 一併 取消 的 還有 依 往例 舉行 的 元宵 及 新春 團拜 因 桃園 疫情 牽動 各縣市 防疫 曾麗燕 和 陸淑美 也 要求 市府 做好 春節 防疫 並 呼籲 市民 返鄉 過節 民眾 及 觀光 旅客 遵守 中央 疫情 指揮中心 規定</t>
  </si>
  <si>
    <t>環南 市場 爆發 41 人群 聚 經 統計 確診 者 的 ct 值 分 佈 發現 當中 有 12 人 ct 值 已 達 30 以上 另 有 16 人 介於 15 20 之間 指揮中心 不 排除 近期 會 繼續 檢 出新 個案 呼籲 工作人員 外 包 人員 攤 商 等 先 勿 移動 對於 7 月 12 日 以後 幼稚園</t>
  </si>
  <si>
    <t>環南 市場 爆發 41 人群 聚 經 統計 確診 者 的 ct 值 分 佈 發現 當中 有 12 人 ct 值 已 達 30 以上 另 有 16 人 介於 15 20 之間 指揮中心 不 排除 近期 會 繼續 檢 出新 個案 呼籲 工作人員 外 包 人員 攤 商 等 先 勿 移動 對於 7 月 12 日 以後 幼稚園 安親班 有無 機會 恢復 指揮官 陳時中 表示 還是 要 集中 精神 等 市場 群 聚 告一段落 否則 大家 一定 不會 安心 開 了 也 沒人 敢 行動 陳時中 說 昨日 北市 大型 篩檢 發現 很 多 個案 有 40 例 新 個案 加 1 例 舊案 新 個案 不 包含 在 今日 公佈 個案 中 目前 采 檢 還 在 持續 進行 中 不 排除 繼續 檢 出新 個案 提醒 環南 市場 相關 工作 外 包 人員 攤 商 等 暫 勿 移動 配合 匡列 采 檢 等 安排 由於 市場 是 計畫性 篩檢 陳時中 表示 確診 的 41 人 大部分 都 是 無 症狀 感染者 醫療 應變 組 副 組長 羅一鈞 說 還 不能 給 明確 數字 要 等 疫 調 結果 指揮中心 有針對 ct 值 分 佈 做 表格 30 以上 的 41 人 中 有 12 人 其他 的 都 是 30 以下 其中 15 20 之間 有 16 人 傳染 力 偏 高 的 比例 不是 很 低 針對 市場 的 感染 源 陳時中 表示 還 需要 更 多 證據 才能 判定 目前 已經 指定 醫療 應變 組 副 組長 王必勝 前往 現場 相關 的 疫 調人 員 防疫 醫師 也 會 一起 工作 對於 環南 市場 需 停業 3 天 農委會 已 對外 報告 相關 的 物資 會 有 適當 的 安排 民生 物資 的 供應 仍然 沒有 問題 對於 臺北市 長 柯文哲 採取 第 1 圈 快 篩 第 2 圈 疫苗 第 3 圈 擴大 篩檢 的 做法 陳時中 表示 沒有 絕對 的 對 和 錯 快 是 一 件 很 重要 的 事情 這 也 是 為什麼 要 成立 聯合 前進指揮所 先 快 篩 後 pcr 的 作法 除非 是 在 社區 篩檢 否則 我們 比較 主張 面對 目的 性 的 篩檢 直接 以 大規模 的 pcr 采 檢 篩檢 完 他 也 呼籲 民眾 配合 采 檢 才能 達到 好 的 篩檢 率 把 可能 的 病人 找 出來 聯合 前進指揮所 成立 後 外界 好奇 是 誰 聽 誰 指揮 陳時中 表示 指揮中心 成立 期間 一切 以 中央 指示 為 主 但是 指揮所 以 合作 為主 若 有 歧異 可以 到 指揮中心 決議 陳時中 表示 整體而言 要 把 采 檢 做 確實 昨日 亞東 醫院 北 榮 都 完成 2600 人 以上 的 pcr 采 檢 采 檢 速度 快 能 趕快 把 感染者 找 出 做好 疫 調 隔離 試 著 把 疫情 控制 到 最小 病毒 不 分身 分別 都 要 找 出來 甚至 顧客 也 要 去 找 面對 問題 才 是 重要 的 事 對於 7 月 12 日 以後 幼稚園 安親班 有無 機會 恢復 陳時中 表示 我們 都 在 長期 做 準備 在 一般 的 時候 做 好 管理 包括 人員 的 健康 監測 有 確診 案例 時 的 自主 行動 都 是 要來 做 的 至於 何時 要 開 要 看看 疫情 的 情況 今日 爆出 市場 的 群 聚 事件 還是 要 集中 精神 把 事情 告一段落 否則 大家 一定 不會 安心 開 了 也 沒有 人 敢 行動 會 研 判 疫情 的 情勢 做出 決策 至於 何時 才 會 公佈 餐飲 指引 供 未來 解封 做 準備 陳時中 表示 要 等到 大家 心情 穩定 的 時候 才 做 餐飲 指引 的 公佈 我們 也 準備 的 差不多 了 不過 現在 時機 不對 要 先 面對 疫情 現在 開始 要 把 腳步 加快 把 疫情 匡住</t>
  </si>
  <si>
    <t>溪湖 葡萄 家族 超強 傳播 力 驚 傳 溪湖 某 裡長 確診 縣府 緊急 在 社區 內 宮廟 設置 臨時 快 篩 站 急 尋 篩檢 物件 並 呼籲 曾經 在 當地 宮廟 及 社區活動 中心 活動 過 的 民眾 盡 速 到 快 篩 站 篩檢 從 19 日 開始 上午 8 點 半 開始 一直 到 下午 5 點 分流 請 不同 年齡層 的 民眾 到 此 篩檢 彰 化 縣 新冠肺炎 疫情 急遽 升溫 嚴峻 程度 直 逼 雙北 18 日 縣府 緊急 說明 宣佈 溪湖 葡萄 盤商群 聚 傳播 鏈 再 新增 22 人 確診 溪湖 淪為 重災區 晚間 傳出 某 裡長 也 是 歌唱 班一員 采 檢 確診 目前 已 被 收治 隔離 由於 裡長 十分 熱心 在 社區活動 中心 開辦 多 項 活動 與 服務 衛生局 不敢 大意 直接 派出 篩檢 車 與 采 檢 人員 進駐 活動 中心 設站 19 日 一早 行動 快 篩 站 啟動 急 叩 裡民 前來 采 檢 而 歌友 會 確診 22 人中 多數 ct 值 都 是 在 20 以下 病毒傳播 力 強 歌唱 班 歌友 們 活動 範圍 廣 遍佈 溪湖埔心 永靖 等等 目前 縣府 緊急 進行 全縣 大 消毒 但 可能 為時已晚 就算 現在 緊急 設置 篩檢 站 恐怕 病毒 早 已經 散播 出去 從 彰 化 縣 流行 疫情 指揮中心 公告 來看 急 尋 篩檢 的 物件 包含 曾經 參與 過 該 裡 宮廟 及 到 過 社區活動 中心 的 任何 活動者 篩檢 採取 年齡 分流 方式 上午 8 點 30 至 10 點 30 分 為 60 歲 以上 10 點 30 至 12 點 為 50 至 60 歲 下午 1 點 至 3 點 為 40 至 50 歲 下午 3 點 至 5 點 則 是 40 歲 以下</t>
  </si>
  <si>
    <t>武漢 類 包機 就醫 指揮中心 新冠肺炎</t>
  </si>
  <si>
    <t>總統 蔡英文 在 13 日 深夜 在 臉書 表示 指揮中心 先前 採購 的 500 台 高 流量 氧氣 鼻 導管 全 配系 統 hfnc 已經 有 200 台 到貨 會用 最 快 的 速度 提供 給 醫院 有 網友 在 蔡英文 的 臉書 不滿 表示 真是 巧 藝人 沒 捐 都 沒有 藝人 捐 了</t>
  </si>
  <si>
    <t>總統 蔡英文 在 13 日 深夜 在 臉書 表示 指揮中心 先前 採購 的 500 台 高 流量 氧氣 鼻 導管 全 配系 統 hfnc 已經 有 200 台 到貨 會用 最 快 的 速度 提供 給 醫院 有 網友 在 蔡英文 的 臉書 不滿 表示 真是 巧 藝人 沒 捐 都 沒有 藝人 捐 了 突然 就 到貨 了 媒體 人 指出 蔡英文 大概 做夢 也 想不到 竟 栽 在 賈永婕 手上 藝人 賈永婕 13 日 淩晨 在 臉書 發文 救命 神 器 hfnc 就要 來 了 請 再 等 我 一下 原來 她 透過 友人 輾轉 接到 醫護 界 人士 告知 現在 全台 醫院 都 在 搶 救命 神 器 的 高 流量 氧氣 鼻 導管 全 配系 統 hfnc hfnc 每 台全 配 定價 27萬 她 的 老公 王兆傑 第一時間 就 跳出 來 捐 15 台 共 405萬 她 更 一一 打電話 給 企業界 友人 結果 沒有 一個 人 拒絕 她 于美人 小 s 範瑋琪 也 捐 到 目前為止 我 總共 募集 到 了 252 台 共 6804萬 還 在 持續 增加 中 icu 醫師 陳志 金表 示 一早 起來 看到 藝人 賈永婕 募捐 252 台 救命 神 器 送到 前線 支援 的 消息 讓 他 眼淚 不 停 的 流下來 實在 是 太 感動 了 也 非常感謝 賈永婕 一直 在 為 疫情 努力 付出 總統 蔡英文 13 日 深夜 在 臉書 指出 指揮中心 先前 採購 的 500 台 高 流量 氧氣 鼻 導管 全 配系 統 hfnc 已經 有 200 台 到貨 會用 最 快 的 速度 提供 給 醫院 不過 網友 在 蔡英文 的 臉書 留言 表示 正常人 都 不好意思 再 說嘴 了 超前 部署 一 年 終於 到貨 了 真是 巧 藝人 沒 捐 都 沒有 藝人 捐 了 突然 就 到貨 了 民間 採購 都 很 快 政府採購 都 超 慢 效率 真差 買 了 一 年 多 終於 到貨 了 太 感動 了 不是 超前 部屬 嗎 怎 比不上 民間團體 阿? 也 有 網友 在 其 臉書 文翔 政論 指出 蔡英文 大概 做夢 也 想 不 到 的 是 竟 栽 在 賈永婕 手上</t>
  </si>
  <si>
    <t>國內 covid-19 疫情 連續 10 天 單日 本土 病例 破百 例 指揮中心 指揮官 陳時中 今天 表示 校正 回歸 後 疫情 還 在 高峰期 研議 延長 三級 警戒 專家 預估 這 波 疫情 6 月中 才 可能 下降 台 大公 衛學院 教授 陳秀熙 分析 這 波 本土 疫情 約 在 1</t>
  </si>
  <si>
    <t>疫情 指揮中心 日前 公佈 11 月 將 開放 az 混打 輝瑞 bnt 傳出 不少 第 12 輪 符合 az 第二 劑 預約 的 民眾 想 棄 打 指揮中心 發言人 莊人祥 表示 這 一 輪 若 符合 預約 資格 卻 失約 就 會 被 預約 系統 暫停 一 輪 直 到 下 一 輪 才 有 辦法 預約 自 指揮</t>
  </si>
  <si>
    <t>疫情 指揮中心 日前 公佈 11 月 將 開放 az 混打 輝瑞 bnt 傳出 不少 第 12 輪 符合 az 第二 劑 預約 的 民眾 想 棄 打 指揮中心 發言人 莊人祥 表示 這 一 輪 若 符合 預約 資格 卻 失約 就 會 被 預約 系統 暫停 一 輪 直 到 下 一 輪 才 有 辦法 預約 自 指揮中心 宣佈 11 月 有望 開放 az 混打 bnt 以來 不少 人 關注 混打 計 畫 更 傳出 第 12 輪有 民眾 想 棄 az 第二 劑 預約 針對 此 情形 莊 人 祥 指出 整個 1922 預約 系統 運作 時 雖然 沒有 辦法 直接判斷 民眾 是不是 這 一 輪 未 如期 施打 或是 有 爽約 的 情況 但 通常 這 一 輪有 預約 成功 卻 沒有 去 打 下 一 輪 就 會 被 自動 暫停 一 輪 再 到 下 一 輪 才能 再 預約 莊 人 祥 說 若 第二 階段 沒有 預約 想 混打 的話 也 要 看下 一 輪 疫苗 的 量 有 多少 有 多少 人 符合 預約 資格 才能 決定 至於 何時 開放 疫苗 平臺 混打 意願 登記 莊人祥 回應 目前 1922 預約 平臺 正 在 針對 混打 做 修改 微調 未來 要 開放 的 話 要 看 在 哪 一 輪 開放 就 會 在 該輪 預約 開 打 前 公佈 並 請 符合 資格 上網 意願 登記</t>
  </si>
  <si>
    <t>因應 春節 返鄉 需求 指揮中心 近期 宣佈 於 12 月 14 日 至 2 月 14 日 推動 春節 期間 入境 檢疫 方案 允許 同住者 一起 在 防疫 旅館 集中 檢疫所 檢疫 檢疫 天數 都 是 14 天 但 若 家中 環境 許可 最後 4 天 也 可 返家 檢疫 10 4 方案 宣佈 後 不</t>
  </si>
  <si>
    <t>指揮中心 發佈 境外 確診 個案 返國 2 條件</t>
  </si>
  <si>
    <t>確診 個案 返國 境外 指揮中心 條件</t>
  </si>
  <si>
    <t>花蓮縣 衛生局 接 獲 通報 有 1 名 新冠肺炎 防疫 須 居家 隔離 自 檢 的 荷蘭 人 至 27 日 才能 解除 卻 擅自 離開 簡易 住所 駕車 往 台 8 線 中橫 公路 途經 太 魯 閣 國家公園 要到 花 蓮 警方 今 下午 在 台 8 線 1698 k 稚暉 橋 攔 查 到 他 連同 同行 日本籍 友人 2 人 當場 被 通報 由 花蓮縣 衛生局 處理 目前 花蓮 衛生局 已向 中央 疫情 指揮中心 申請 強制 隔離 並且 依 規定 可 裁處 1 至 15萬 元 不過 衛生局 表示 罰 則 由 南 投 衛生局 決定 裁 罰 目前 已 派 專車 將 2 人 送 往 外縣市 檢疫所 安置 花 蓮 縣 衛生局 表示 接 獲 南 投 通報 有 1 名 荷蘭籍 外籍 遊客 須 居家 檢疫 至 27 日 止 但 疑 似 開車 往 花蓮方 向 行駛 下午 警方 已 在 中橫 攔 查 到 這人 但 身旁 有 一 日本籍 友人 同行 因 此 2 人 都須 實施 居家 檢疫 將 由 南 投 縣 衛生 單位 決定 是否 依 違反 傳染病 防治法 規定 裁 罰 此 罰 則 為 新台幣 1萬 元 以上 15萬 元 以下 罰 鍰 衛生局 表示 目前 已 派 專車 將 2 人 送 往 外縣市 的 檢疫所 進行 安置 太 魯閣 國家公園 管理處 副 處長 張登文 受訪 說 同步 接 獲 通報 後 將 在 辦公廳 舍及 各 管理 站 的 遊客 中心 進行 消毒 請 遊客 安心</t>
  </si>
  <si>
    <t>指揮中心 揭 國內 確診 重症 率 5 背 後藏 這 共同點</t>
  </si>
  <si>
    <t>臺灣 一 夜 新增 3 起 死亡 個案 其中 案 108 為 奧地利 捷克 旅遊 團 的 40 多 歲 男性 領隊 19 日 確診 29 日 晚間 死亡 僅 11 天 該 旅遊團 群 聚 共 4 人 確診 就 有 3 人 屬於 重症 中央 流行 指揮中心 發言人 莊人祥 今天 揭露 國內 確診 個案 的 重症</t>
  </si>
  <si>
    <t>指揮中心 指揮官 陳時中 表示 國光 公司 從 一期 臨床 試驗 結果 無法 決定 最適 劑量 建議 重新 執行 劑量 探索 臨床 試驗 對此 國光 生 科 4142 表示 政府 對 國光 新冠 疫苗 臨床 試驗 的 建議 待 接 獲 正式 公文 通知 後 再 詳細 研究 內容</t>
  </si>
  <si>
    <t>指揮中心 指揮官 陳時中 表示 國光 公司 從 一期 臨床 試驗 結果 無法 決定 最適 劑量 建議 重新 執行 劑量 探索 臨床 試驗 對此 國光 生 科 4142 表示 政府 對 國光 新冠 疫苗 臨床 試驗 的 建議 待 接 獲 正式 公文 通知 後 再 詳細 研究 內容 持續 向 二期 前進 國光 強調 有 無政府 補助款 從來不 影響 國光 新冠 疫苗 開發 計畫 未來 仍 將 持續 進行 國內外 二 三期 臨床 試驗 規劃 國光 全力 開發新冠 疫苗 成功 的 初衷 和 決心 未曾 改變 國光 生 新冠肺炎 疫苗 開發 於 11 月 20 日 送 件 申請 二期 臨床 試驗 但 恐無 法 趕在 12 月底 前 完成 第一 例 收 案 國光 生 指出 一期 臨床 主要 是 安全性 實驗 目前 看起來 安全性 沒 問題 免疫 反應 也 有 產生 抗體 量 沒有 預期 的 高 二期 臨床 就 會 針對 此 部分 進行 調整 整體 時程 不致 重大 影響 有無 補助 都會 做 到底 國光 生 技 認為 12 月底 來不及 進入 二期 希望 1 月 上旬 可 啟動 預計 整體 時程 不會 遞 延 太 久 規劃 二期 臨床 試驗 將 在 臺灣 與 東南亞 某國 同時 進行 海外 臨床 試驗 部分 已 談 妥 但 還 不能 透露 地點 此外 繼 成功 佈局 大陸 歐洲 美國 等 市場 後 國光 生 明年 除 強化 耕耘 臺灣 四 價 流感疫苗 東南亞 四 價 流感疫苗 銷售量 sanofi 專業分工 生產 北半球 大陸 天道 醫藥 專業分工 生產 歐洲 新冠 疫苗 檢驗 試劑 銷售 安特羅 外 還 將 新增 大陸 四 價 流感疫苗 銷售 sanofi 專業分工 生產 南半球 另 與 日本 sumitomo 集團 合作開發 新 一代 流感疫苗 蓄 勢 切入 日本 市場 國際 佈局 更上層樓</t>
  </si>
  <si>
    <t>企業 快 篩 指引 何時 出 指揮中心 待 經濟部 提 計畫 後 審查 擬定</t>
  </si>
  <si>
    <t>國內 新冠 疫情 不斷 升溫 許多 企業 期盼 能 自行 購買 快 篩 試劑 保護 職員 安全 不過 礙於 法規 限制 上 不 可行 疫情 指揮中心 表示 昨 26 日 已 邀集 相關 部會 討論 會後 決議 由 經濟部 提出 計 畫到 指揮中心 審查 再 決定 是否 擬定 指引 中</t>
  </si>
  <si>
    <t>快 篩 指揮中心 經濟部 新冠肺炎 臺灣</t>
  </si>
  <si>
    <t>新 變種 病毒 omicron 步步進逼 已 快速 在 多國 蔓延 衛福部 草屯 療養院 精神 科 醫師 沈政男 警告 omicron 有 可能 把 疫情 打回 去年 三月 從頭開始 而且 對手 的 戰鬥力 比 之前 強上 三 倍 更 指出 omicron 的 傳染 力 有 可能 是 delta 的 5 倍 呼籲 指揮中心 趕快 收回 春節 7 7 檢疫 方案 改 回 14 0 否則 沒守 好 國內 案例 恐怕 會 破 千 沈政男 昨天 在 臉書 表示 新 變種 病毒 omircon 可怕 的 地方 在 於再 感染 與 突破性 感染 由於 它 棘 蛋白 突變 的 地方 有 32 個 連 莫德納 執行長 都 坦言 目前 疫苗 無法 有效 對付 omicorn 是 非常 令 人 憂心 的 局面 與其 現在 再 繼續 推 成人 打 第 三 劑 青少年 打 第二 劑 還 不如 先 趕快 把 春節 7 7 檢疫 方案 收 回來 改 回 14 0 封鎖 國門 要 先 做 再來 才 是 要 大家 打 疫苗 啦 怎麼 反其道 而 行 沈政男 表示 如果 7 7 方案 導致 邊境 沒守 好 omicorn 跑 進 臺灣 確診 案例 有 可能 會 破 千 既然如此 為什麼 還要 做 7 7 難道 是 把 社區 當 成白 老鼠 嗎 沈政男 表示 等到 案例 漏進 社區 再來 調整 防疫 措施 是 一 種 賭博 就 像 先前 爆發 幼稚園 群 聚 感染 仍然 不 取消 內 用 一樣 賭 對了 當然 防疫 鬆綁 就 推 進 一些 但 如果 這次 賭 錯 了 歹 勢 omicron 的 傳染 力 有 可能 是 delta 的 5 倍 因此 這 次 的 賭注 比 先前 都大</t>
  </si>
  <si>
    <t>全球 新冠 肺 疫情 不斷擴大 大量 臺灣 遊客 或 留學生 從 世界 各國 返台 使得 機場 的 入境 檢疫 工作量 激增 疫情 指揮中心 今 20 日 指出 昨日 起 桃園 機場 兩 個 航 廈 各 增 2 個 檢疫 點 合計 有 4 個 檢疫 點 已 支援 8 位 醫師 8 位 護理 師 加入</t>
  </si>
  <si>
    <t>全球 新冠 肺 疫情 不斷擴大 大量 臺灣 遊客 或 留學生 從 世界 各國 返台 使得 機場 的 入境 檢疫 工作量 激增 疫情 指揮中心 今 20 日 指出 昨日 起 桃園 機場 兩 個 航 廈 各 增 2 個 檢疫 點 合計 有 4 個 檢疫 點 已 支援 8 位 醫師 8 位 護理 師 加入 檢疫 工作 此外 目前 歐洲 疫情 嚴重 如果 旅客 有 謊報 歐洲 旅遊 史 的 情形 這 是 屬於 填寫內容 不實 可 依法 裁 罰 1 至 15萬 元 指揮中心 也 請 旅客 不要 以身試法 以免 受罰 更 重要 是 必須 配合 防疫 需要 協助 防堵 疫情 蔓延</t>
  </si>
  <si>
    <t>檢疫 疫情 歐洲 機場 指揮中心</t>
  </si>
  <si>
    <t>交通部 放寬 大眾 運輸 場站 飲食 及 恢復 高鐵 自由 座 站票 19 日 起 客運 轉運站 在 候車 區 可以 飲食 海空運 場站 也 可 飲食 國際航空 站 和 海港 出境 部分 開放 飲食 相關 餐飲業 也 開放 但 國際航空 入境 仍 不 可 飲食 機場 餐飲業者 表示 已經 準備 好 了 交通部長 王國材 18 日 表示 海空運 場站 部分 國內 場站 於 19 日 開放 飲食 國際 場站 出境 開放 飲食 但 入境 旅客 將 嚴格 分流 管制 循 指定 動 線 區域 離開 場站 不得 在 場站 內 飲食 外 其 餘 區域 開放 桃園 國際機場 產業 發展 協會理事 劉右嵩 18 日 下午 在 桃 機 接受 媒體 聯 訪 表示 感謝 政府 在 各 交通 埸 站 設施 有 條件 開放 餐飲 內 用 規定 雖然 目前 每日 出入境 人數 只 有 1000 多 人 但 從業人員 仍 需 工作 和 就業 桃園 機場 員工 有 高 達 956 疫苗 施打 率 出境 旅客 全部 接受 pcr 檢測 而且 和 入境 動 線 完全 隔離 是 國內 相對 最 安全 的 消費 環境 之一 劉右嵩 說 桃園 機場 在 禁止 內 用 飲食 期間 原有 的 餐飲業者 僅剩 三 成 正常 營業 開放 後 預估 可 提升 至 五 成 為了 內 用 解禁 大家 都 忙 著 全面 再 加強 清潔 消毒 工作 並 依 規定 加 裝 塑膠 隔板 機場 商務 貴賓室 也 將 全面 開放 飲食 為了 提供 貴賓 級 的 禮遇 除 採用 一 人 一 座 的 位置 規劃 也 已 設計 好 個人 套餐 方便 民眾 享用 劉右嵩 指出 今年 也 配合 桃園 市政府 購物 節 振興 活動 擴大 促銷 活動 希望 能 引入 活水 12 月份 也 將 舉行 機場 商圈憑 發票 參加 大 摸彩 的 感恩 回 饋 另外 也 呼籲 桃 機 公司 能夠 同步 開放 第二 航 廈 3 樓 的 出境 特 賣 商場 業者 會 在 指揮中心 公佈 的 防疫 安全 規範 下 提供 民眾 舒適 安全 的 消費 環境</t>
  </si>
  <si>
    <t>北市 聯 醫 內科 醫師 姜冠宇 今天上午 在 臉書 發文 指出 臺北 花博 為 因應 民怨 從 上午 8 點 提早 至 7 點 半 開 打 工作人員 至少 6 點 50 分 就要 集合 出發 結果 人 卻 來得 零零落落 不禁 感歎 提 早上 班也 不 會 加薪 戰線 加開 後 也 不 被 珍惜 更 心痛 表示 這樣 是 存心 整 我們 嗎 中央 遊行 疫情 指揮中心 指揮官 陳時中 下午 在 記者會 對此 回應 花博 怎麼樣 做 安排 我 想 是 臨場 第一線 的 人 對 情況 最 瞭解 他 也 透露 自己 昨天 上午 曾 前往 花博 看到 人數 非常 龐大 施打 流程 也 井然有序 陳時中 回顧 當時 花博 開 打 時間 比較 晚 剛好 第一 批 打 的 是 年長者 他們 生理 時鐘 比較 早 就 習慣 來得 比較 早 剛好 又 遇到 下雨 戶外 的 預備 等待 區就 有 一點 混亂 造成 一些 抱怨 後來 相對 年輕 的 族群 來 打 對 預約 時間 比較 準確 而 年長者 都 習慣 早點 來 等 很 久 所以 會 形成 一些 混亂 這些 都 是 很 好 的 經驗 陳時中 表示 未來 一方面 也 要 宣導 大家 儘量 照 預約 時間 前往 太 早 抵達 的 效率 也 不 高 按照 時間 來 秩序 會 最好 另一方面 當時 遇到 下雨 而 昨天 他 實際 參觀 花博 時 預備 等待 區就 沒有 人 裡面 場地 很夠 大 確實 已經 到 了 非常 上軌道 的 情況 當然 相信 將來 會 越做越 好 我們 還是 要 給 他 相當 的 鼓勵</t>
  </si>
  <si>
    <t>新冠 病毒 omicron 變異 株 截至 11 月底 已 入侵 43 個 國家 地區 亞洲 包含 日本 香港 韓國 印度 新加坡 馬來西亞 及 斯里蘭卡 7 國 但 臺灣 仍 有 超過 500萬 人 連 第一 劑 疫苗 都 還 沒 打 民眾黨 團 立 委 賴香伶 和 副總 召 高 虹 安 今日 召開 記者會 呼籲 政府 增加 誘因 鼓勵 民眾 接種 並 有 計 畫 的 規劃 下一階段 的 防疫 戰略 賴香伶 表示 國內 有 近 千萬 人 尚未 接種 第二 劑 疫苗 醫護 長 照 人員 與 年長者 等 高風險 族群 也 有 50萬 人 尚未 接種 第二 劑 資料 顯示 台 東縣 是 全台 疫苗 施打 進度 最 慢 的 縣 市 第一 第二 劑 接種 率 分別 為 690 474 截至 11 月 29 日 花 東 地區 65 歲 以上 長輩 施打 狀況 也 墊 底 賴香伶 指出 不 想 打 疫苗 的 民眾 或許 不 會 因為 施 打點 變 多 就 願意 打 疫苗 部分 地方 政府 因此 祭出 送禮 券 現金 白米 蔬果 或 麵包 等 誘因 指揮中心 也 應 針對 疫苗 接種 率較 低 的 縣 市 提出 明確 且 有效 的 補助 方案 增加 接種 疫苗 的 誘因 尤其 失 聯 移 工 與 逾期 居留 外國人 難以 掌握 有鑒於 過去 有 超過 8 成 非法 居留 移 工 不 願 自行 出面 采 檢 政府 應 要求 仲介 或 雇主 主動 聯絡 疫苗 施打 站 賴香伶 表示 很多 民間 企業 不 願 提供 疫苗 接種 假 導致 勞工 須 自行 承擔 接種 後 的 風險 及 傷害 有 一 位 新竹 民眾 陳情 丈夫 因 公司 沒有 依法 規 提供 疫苗 接種 假 強忍 身體 不適 前往 上班 最後 在 上班 期間 不幸身亡 這些 公司 不合理 的 潛 規則 造成 的 憾事 其實 都能由 政府 事前 充分 宣導 預防 高 虹 安 表示 指揮中心 擬 在 百貨公司 賣 場 設置 接種 站 但 其 通常 位於 人口 密集 的 市中心 原本 就 不乏 醫療 診所 再 設 新 站 未必 能 有效 提升 施打 率 如此 一 國 多 制 一 周 數 變 導致 資源重複 投入 應先 參照 既 有 的 施打 站 地點 進行 更具 計 畫 性 與 針對性 的 拓 點 另外 高虹 安 提出 疑問 已經 啟用 5 個 月 的 疫苗 預約 平臺 目前 的 用量 如 何? 為何 光是 租用 的 委 外 費用 就要 將近 2億 政府 可 曾想 過 平臺 的 進 退場 規劃 民眾黨 團 認為 全台 歷經 三級 警戒 民生 經濟 受 創 至今 還 在 療 傷 接下來 進入 疫情 關鍵期 四大 公 投 春節 返鄉 潮 都 是 可能 的 疫情 破 口 臺灣 禁不起 再一 次 疫情 警戒 升級 政府 應 妥善 分配 防疫 資源 提供 明確 且 有效 的 疫苗 施打 誘因 勿 將 公 帑 浪費 在 防疫 大內 宣 避免 omicron 變異 株 突破 我國 防疫 安全網</t>
  </si>
  <si>
    <t>疫情 指揮中心 昨日 公佈 新增 1 本土 個案 不 過 衛福部 草屯 療養院 醫師 沈政男 表示 該案 是 舊案 對 社區 並 沒有 影響 且 臺灣 實質 上 已 有 34 天 零 確診 接下來 的 疫情 發展 會 跟 去年 下半年 一樣 緩和 並 認為 不用 急 著 搶 打 第二 劑 疫苗</t>
  </si>
  <si>
    <t>疫情 指揮中心 昨日 公佈 新增 1 本土 個案 不 過 衛福部 草屯 療養院 醫師 沈政男 表示 該案 是 舊案 對 社區 並 沒有 影響 且 臺灣 實質 上 已 有 34 天 零 確診 接下來 的 疫情 發展 會 跟 去年 下半年 一樣 緩和 並 認為 不用 急 著 搶 打 第二 劑 疫苗 沈政男 昨 19 日 於 個人 臉書 分析 新增 的 本土 也 是 舊案 因此 臺灣 實質 上 已 有 連續 34 天 沒有 新 增 確診 個案 疫情 緩和 程度 等同於 去年 5 月中 旬 接下來 會 持續 穩定 和 去年 下半年 一樣 既然如此 為什麼 你 要 急 著 預約 打 第二 劑 弄 得 網頁 當 機 疫苗 站 大排長龍 疫苗 一定 打得 到 不必 急 到 連幾 天都 不能 等 沈政男 分享 美國 前 國務卿 鮑爾 年紀 高達 80 多 歲 曾 打過 兩劑 bnt 但 仍 確診 新冠肺炎 算 突破性 感染 且 重症 死亡 美國 在 今年 7 月 的 研究 顯示 打 兩劑 bnt 幾 個 月 後 保護 力 雖然 僅 剩下 42 但 預防 重症 還 是 相當 有效 但 感染 輕 症 的 機會 並 不 低 沈政男 呼籲 若 家中 有 長輩 更 應該 讓 他們 去 打 保護 力 最好 的 疫苗 因為 這 族群 是 突破性 感染 重症 高 危險 群 沈政男 日前 也 在 臉書 分享 疫苗 保護 力 最高 的 組合 依序為 兩劑 莫德納 az 加 莫德納 兩劑 bnt az 加 bnt 最後 才是 兩劑 az 先前 指揮中心 也 說 不 排除 11 月 開放 疫苗 混打 沈政男 認為 若 莫德納 到貨 量 夠 的話 也 應該 開放 莫德納 供 民眾 混打 好 讓 民眾 取得 最好 的 保護 力 因為 選擇 保護 力好 的 疫苗 不僅僅 是 保護 自己 也 是 一 種 社會 責任 的 展現</t>
  </si>
  <si>
    <t>喝 咖啡 咖啡 肺炎 疫情 指揮中心 互動</t>
  </si>
  <si>
    <t>新冠肺炎 疫情 連帶 使得 許多 活動 行程 紛紛 取消 每年 吸引 上萬 人 報名 的 國際 古都 馬 則 宣佈 如期舉行 台南 市政府 指出 臺灣 目前 尚無 社區 群 聚 感染 經 徵詢 衛生 專業 單位 意見 後 3 日 1 日 如期 辦理 古都 馬 鼓勵 全民 走 出 戶外 強身健體 抗 疫 不要 放棄 安全 戶外活動 但 鑒於 仍 有 參賽者 可能 未 能 參賽 2 月 16 日前 受理 退 賽 民眾 全額 退費 申請 古都 國際 半程 馬拉松 為 台南 市 一年一度 的 重要 體育賽事 今年 古都 國際 半程 馬拉松 賽事 共有 2萬119 人 報名 參賽 其中 298 名 為 外籍人士 有 104 名 為 境外 選手 為 落實 阻絕 傳染 風險 於 境外 的 防疫 目標 已 婉 退 所有 境外 中 港澳 籍 及 預計 2 月 15 日後 自 中 港澳 入境 包括 由 各 國家 經中 港澳 轉機 選手 主辦單位 也 密切 留意 中央 疫情 指揮中心 資訊 辦理 各項 防疫 措施 邀請 所有 參賽選手 及 民眾 共同 配合 齊力 打造 安全 運動 賽事 教育局 表示 2 月 5 日 已 通知 所有 選手 填報 自主 健康 調查表 拒絕 須 居家 隔離 居家 檢疫 者 有 被 衛生 單位 健康 追蹤 或 要求 自主 健康 管理 之 民眾 參賽 主辦單位 會 全額 退費 對 2 月 16 日前 已 報名 選手 如果 欲 申請 退 賽 主辦單位 也 會 全額 退費 如果 已 事先 申請 退費 的 選手 大會 將 主動 補 匯 差額 有 參賽 的 選手 參賽 物資 將 在 2 月 17 日 開始 寄送 已 繳費 但 當天 未能 前來 者 主辦單位 也 會 於 賽後 2 周 寄送 完賽 物資 給 當事人 相關 郵寄 費用 由 大會 負擔 教育局 重申 為 落實 防疫 工作 確保 參賽選手 的 健康 當日 活動 現場 將 取消 起跑 前 健康操 改由 選手 自行 暖 身 並於 活動 現場 規 畫 管 制動 線 及 實施 體溫 量 測 手部 清潔 消毒 填寫 健康 聲明 卡 等 防疫 措施 落實 防疫 阻絕 傳染 風險 於 境外 的 目標 同時 對 賽會 工作人員 也 會 強化 防疫 衛教 宣 導 訓練 為 顧及 跑 友健康 及 共同 防疫 主辦單位 已 依 中央 疫情 指揮中心 提供 之 各項 防疫 參考 措施 審慎 規劃 相關 防疫 作為 並 提醒 跑 友及 親屬 若 有 身體 不適 也 請勿 勉強 參賽 敬請 跑 友 共同 回應 配合 主辦單位 後續 將 持續 關注 疫情 發展 相關 賽事 及 退費 等 資訊 請 密切 留意 活動 粉絲 專 頁 台南 古都 國際 半程 馬拉松</t>
  </si>
  <si>
    <t>磐石 艦 海軍 出訪 14 指揮中心</t>
  </si>
  <si>
    <t>旅遊業者 雄獅 2731 股東 常會 通過 配 息 2 元 今 1 日 進行 除息 交易 每股 參考價 76 元 面對 疫情 寒冬 集團 啟動 世代 交替 計畫 力拼 轉型 突圍 今日 股價 開高 穩 揚 最高 上漲 196 至 78 元 填息 率 達 75 盤中 維持 逾 1 漲幅 在 填息 路上 穩健 前行 雄獅 2019 年 合併 營 收 創 3016億 元 新高 年 增 182 惟 遭逢 國際局勢 動盪 航空 業 罷工 等 亂 流 干擾 毛利率 1066 營益 率 044 雙 創 新低 歸屬 母公司 稅 後 淨利 219億 元 年 減 1426 每股 盈 餘 eps 314 元 雙創 近 7 年 低點 面對 新冠肺炎 疫情 自 春節 起 延 燒 全球 重創 觀光 旅遊業 營運 雄獅 2020 年 1 5 月 自 結合 並 營 收 4614億 元 年 減 6308 續創 同期 新低 由於 全球 疫情 未 見 緩和 再度 出現 複 燃 跡象 觀光局 已 4 度 延長 旅行團 出入境 禁令 至 7 月底 嚴峻考驗 公司 持續 經營 能耐 面對 疫情 寒冬 雄獅 率先 成立 防疫 指揮中心 啟動 異地 上班 並 積極 與 供應商 協商 成本 及 費用 條件 配合 政府 紓困 振興 方案 爭取 補助 董事長 王 文傑 認為 今年 將 是 雄獅 上市 以來 最 具 挑戰 也 是 最 有 機會 順勢 轉型 的 一 年 王 文傑 表示 旅遊 產業 預期 最 快 2022 年 甚至 可能 2024 年 才會 復蘇 今年 將 是 雄獅 上市 以來 最 具 挑戰 也 是 最 有 機會 順勢 轉型 的 一 年 集團 將 由 旅遊 產業 轉型 生活 產業 儲備 實力 等待 產業 復蘇 目標 將 集團 每年 內需 市場 營 收自 20億 元 倍 增至 60億 元 而 雄獅 在 交通部 推動 下 攜手 基隆 市府 及 雲頂 遊輪 集團 推出 星夢 遊輪 探索 夢 號 國內 跳 島 4 天 行程 成為 全球 首 艘 複航 的 國際 郵輪 5 航次 行程 昨 30 日 下午 於官 網上 線 後 不 到 2 小時 已 有 6千 人 報名 可望 為 嚴峻 營運 注入 活水 此外 雄獅 也 公告 任職 達 30 年 的 總經理 暨 發言人 裴信右 屆 齡 退休 未來將 專任 公司 董事 總經理 職務 由 王 文傑 暫 代 裴信右 在 集團 內部刊物 中 以 一 粒 芥菜 種子 的 美好 發表 退休 感言 表示 欣 見 壯青 一代 已 準備 就緒 因此 在 此時 主動 提出 退休 裴信右 表示 雖然 目前 黑暗 滿 布 愁雲 環 伺 但 反向 思考 在 力拼 集團 轉型 應戰 之時 也 是 個 讓 新 世代 接 棒 打 美好 一 仗 的 契機 雖然 從 日常 營運 的 職務 退休 但 未來 仍 將 繼續 擔任 公司 董事 參與 董事會 重大 決策 財務 規劃 薪 酬 審計 等 公司 治理 事項 協助 代代相傳</t>
  </si>
  <si>
    <t>桃園 機場 21 日 在 第二 航 廈南 擴 5 樓 設立 疫苗 接種 站 針對 未 施 打過 疫苗 的 機場 第一 線 工作人員 施打 莫德納 moderna 疫苗 桃園 市長 鄭文燦 也 到 桃園 機場 視察 莫德納 疫苗 接種 站 並 感謝 部 立 桃園 醫院 前來 協助 接種 疫苗 的 醫護人員 桃園 機場 21 日 下午 1 時 30 分由 立 桃園 醫院 的 醫護人員 支援 在 第二 航 廈南 擴 5 樓 設立 臨時 疫苗 接種 站 針對 尚未 拖 打過 新冠 疫苗 的 桃 機 第一 線 工作人員 接種 施打 莫德納 moderna 疫苗 將 在 5 日 期間 分批 將 已 登 計 人員 分 梯次 接種 共有 2500 人次 可 施打 鄭文燦 親自 到 桃 機 視察 他 表示 機場 和 民航 業 是 防疫 的 第一線 這次 莫德納 疫苗 爭取 了 5000 劑 給 全國 機場 人員 另 5000 劑 給 航空 業 的 第一線 人員 還有 az 的 第二 劑 鄭文燦 指出 中央 疫情 指揮中心 指定 部 立 桃園 醫院 為 執行 單位 部 立 桃園 醫院 也 組織 團隊 在 機場 負責 機場 和 華航 人員 施打 另外 長 榮 航空 的 部分 會 在 長 榮 總部 施打 松山機場 的 部分 也 會 在 松山機場 內 施打 桃園 機場 施打 疫苗 一 天 最高 可以 打 800 人 希望 用 一個 禮拜 的 時間 將 疫苗 施 打完 另外 會 再 安排 時間 施打 第二 劑 az 疫苗 他 強調 機場 的 施打 範圍 包括 ciqs 和 機場 服務 人員 清潔 人員 免稅店 人員 機場 公司 人員 經 計算 後 發現 疫苗 還是 不 太 夠 希望 能 再 跟 中央 爭取 多 一點 的 疫苗 但 目前 疫苗 有限 按照 風險 高低 分級 來 施打 鄭文燦 說 航空 業 的 疫苗 還是 不 太 夠 華航和 長 榮 的 各個 子公司 也 還 沒 辦法 完全 施打 市府 希望 單位 先 造冊 將 風險 高 的 優先 施打 接 著 在 爭取 第二 輪 的 疫苗 擴大 施打 範圍</t>
  </si>
  <si>
    <t>敦睦 艦隊 磐石 艦 24 人 確診 新冠肺炎 國軍 防疫 疑 出現 漏洞 4 月 15 日 參謀總長 黃曙光 主持 結訓 典禮 隔日 赴 官邸 與 總統 蔡英文 開會 是否 有 疑慮 也 引發 關注 對此 總統府 也 出面 說明 要求 國軍 檢討 疏失 並 務必 配合 指揮中心 規</t>
  </si>
  <si>
    <t>臺灣 累計 10 例 感染 源 不 明 的 本土 個案 其中 1 例案 268 工作室 老闆 今天 結案 目前 還 剩 3 例 追查 中 分別 是 案 322 師 大學生 案 336 高級 社區 女 保全 與 案 379 酒店 女 公關 據 指揮中心 資料 顯示 前 3 人 都有 肺炎 症狀</t>
  </si>
  <si>
    <t>立院 今天上午 朝野 協商 通過 7 天內 在 赴 離 島 的 機場 港口 設置 快 篩 站 入境 離 島 者 均 需 全面 接受 篩檢 但 中央 疫情 指揮中心 下午 公佈 的 辦法 卻是 過去 14 天內 無 症狀 者 可以 直接 登機 導致 離 島 防疫 淪為 做 半 套 防堵 效果 預期 打</t>
  </si>
  <si>
    <t>立院 今天上午 朝野 協商 通過 7 天內 在 赴 離 島 的 機場 港口 設置 快 篩 站 入境 離 島 者 均 需 全面 接受 篩檢 但 中央 疫情 指揮中心 下午 公佈 的 辦法 卻是 過去 14 天內 無 症狀 者 可以 直接 登機 導致 離 島 防疫 淪為 做 半 套 防堵 效果 預期 打折扣 縣府 晚間 緊急 宣佈 明天 起 機場 全面 強制 實 聯 制 同時 現有 快 篩 站 持續 運作 希望 起到 補 破 網 的 防堵 作用 楊 鎮 浯 在 今天下午 的 全縣 災害 應變 中心 會議 中 下令 明天 起 搭 機 抵 金 的 旅客 均 需 全面 強制 實 聯 制 並 協調 金門 民航 站 協助執行 同時 也 要求 民政 警 政 單位 加強 每日 關懷 工作 降低 因 中央 未能 強制 全面 采 檢 可能 出現 防疫 破 口 的 風險 楊 鎮 浯 強調 疫情 持續 嚴峻 連江 澎 湖 2 離 島 縣 相繼 出現 確診 個案 在 金門 地區 尚未 達到 一定 程度 的 疫苗 覆蓋率 之前 中央 地方 單位 應 通力合作 強化 橫向聯繫 防疫 作為 楊 鎮 浯 表示因應 疫情 擴散 的 可能 緊接 將 進行 防疫 編組 讓 各自 任務 更加 明確化 同時 針對 部分 鄉親 關心 疫苗 施打 效率 縣府 也 已 要求 各鄉鎮 衛生所 協助 施打 以 提高 施 打量 能</t>
  </si>
  <si>
    <t>系統 入境者 新冠肺炎 歐洲 指揮中心</t>
  </si>
  <si>
    <t>第 七 輪 az 疫苗 接種 昨 3 日 開 打 昨 單日 疫苗 接種 人次 23萬7233 其中 az 打 了 22萬9189 人次 目前 疫苗 人口 涵蓋 率 4377 劑 次 人口 比 4790 另外 第 七 輪 加開 預約 從 昨天 上午 10 點 開放 至 今天下午 1 點 共有 42萬6718 人 完成 預約 占 符合 資格 人數 的 8165 本次 加開 預約 對象 為 23 至 28 歲 對象 將 在 今天下午 6 點 截止 指揮中心 發言人 莊人祥 昨 透露 第 八 輪 預約 接種 不是 bnt 需 視 下 周 疫苗 到貨 量 再 擬定 外界 相當 好奇 是否 會 輪到 az 或 莫德納 陳時中 今天 表示 還 沒 定案</t>
  </si>
  <si>
    <t>清明連 假 後 疫情 危機 解除 指揮中心 給 答案</t>
  </si>
  <si>
    <t>口罩 藥師 指揮中心 中心 實 名 制</t>
  </si>
  <si>
    <t>疾 管署 記者會 天天 直播 似乎 還 紅 到 國外 去 除了 港 媒 之外 日本 網友 也 將 指揮中心 成員 喻為 防疫 五月 天 陳時中 對 此 回應 每個 人 都 很 重要 也 需要 大家 一起 努力 根據 港 媒 中 評 社 報導 立院 質詢 提到 陳時中 太 辛苦</t>
  </si>
  <si>
    <t>疾 管署 記者會 天天 直播 似乎 還 紅 到 國外 去 除了 港 媒 之外 日本 網友 也 將 指揮中心 成員 喻為 防疫 五月 天 陳時中 對 此 回應 每個 人 都 很 重要 也 需要 大家 一起 努力 根據 港 媒 中 評 社 報導 立院 質詢 提到 陳時中 太 辛苦 是否 需 他人 代班 換 時中 的 議題 大 家 不 買 帳 因為 許多 臺灣 網友 如 追 劇 般的 看 直播 也 讓 固定 列席 的 官員 累積 一 票 小 粉絲 其中 網路 聲 量 最高 的 指揮官 陳時中 近 兩 個 月 的 記者會 從不 缺席 的 鐵人 形象 與 記者 的 機智 應答 讓 網友 給 他 阿中 部長 鐵人 部長 的 代稱 甚至 有 網友 曾在 直播 建議 若 防疫 資金不足 可 販 售 阿中 部長 的 公仔 來 集資 而 執行官 周志浩 監測 應變 官 莊人祥 被 合 稱為 疾 管署 的 浩 角 祥 起 某次 記者會 名單 沒有 列席 莊人祥 時 留言處 甚至 一度 被 刷 屏 祥 祥 怎麼 沒有 來 祥 祥 沒有 椅子 祥 祥 呢 而 昨日 因 新冠肺炎 是否 影響 男性 生殖器 的 問題 被 強遞 麥克風 尷尬 不失 禮貌 的 回答 讓 網友 也 刷 留言 喊 崇 崇 說 的 對 每日 直播 連 手語 翻 譯員 也 獲 讚賞 日前 bbc 全英 提問 手語 翻 譯員 同步 跟上 讓 網友 一路 刷 爆 留言 狂 喊 手語 老師 超強 而 今日 疾 管署 例行 記者會 媒體 提問 臺灣 防疫 成績 引發 外界 讚賞 日本 就 有 網友 將 指揮中心 成員 喻為 防疫 五月 天 陳時中 表示 公衛 專家 防疫 人員 的 貢獻 都大 每個 螺絲 都 很 重要 需要 社會 中所 有 力量 大家 一起 努力</t>
  </si>
  <si>
    <t>總統府 發言人 張惇涵 今天 表示 昨 19 日 下午 總統 官邸 協助 照顧 退役 工作犬 的 一 位 志 工 主動 通知 確診 在 得知 消息 後 總統 醫療 團隊 隨即 啟動 應變 作業 在 第一時間 為 總統 蔡英文 及 相關 人員 進行 核酸 檢測 篩檢 結果 全 為 陰性 總統 健康 安全 無 虞 他 也 頂 計 晚間 6 點 50 分線 上 直播 說明 張惇涵 指出 該 名 志 工 為 今日 指揮中心 公佈 的 確診 案例 經查 上次 進入 官邸 時間 為 5 月 11 日 上午 9 時至 下午 17 時 40 分 期間 與 總統 並 沒有 任何 接觸 動 線 也 沒有 與 總統 重疊 也 未曾 進入 總統 起居 的 寓所 當日 之後 也 未再 進入 官邸 範圍 張惇涵 指出 該 名 志 工 為 今日 指揮中心 公佈 的 確診 案例 經查 上次 進入 官邸 時間 為 5 月 11 日 上午 9 時至 下午 17 時 40 分 期間 與 總統 並 沒有 任何 接觸 動 線 也 沒有 與 總統 重疊 也 未曾 進入 總統 起居 的 寓所 當日 之後 也 未再 進入 官邸 範圍 張惇涵 表示 醫療 團隊 已 組成 專案小組 總統 官邸 也 即刻 進行 全面 消毒 暫時 停止 志 工 支援 作業 醫療 團隊 也 密切 監測 總統 身體狀況 確保 總統 及 周邊 工作人員 健康 安全 張惇涵 于 記者會 中 表示 昨天下午 總統 官邸 有 一 名 協助 照顧 退役 工作犬 志 工 主動 通知 總統府 幕僚 確診 的 消息 得知 消息 之後 總統 醫療 團隊 隨即 應變 第一時間 為 蔡 總統 及 相關 人員 進行 核酸 檢測 的 篩檢 結果 全 為 陰性 總統 健康 請 國人 放心 經過 查證 這 位 志 工 上次 進入 官邸 範圍 的 時間 是 5 月 11 日 上午 9 點 到 傍晚 5 點 40 分 在 這 段 期間 總統 與 這 位 志 工 沒有 任何 互動 與 接觸 相關 動 線 也 沒有 任何 重疊 在 5 月 11 日 之後 這 名 志 工 也 都 沒有 進入 官邸 範圍 也 沒 經過 總統 起居 寓所 請 國人 放心 經過 初步 調查 這 名 志 工 居住 於 新北 市 中 和 區 過去 最近 一段時間 並 無 萬華 足跡 史 而 在 昨天 得知 確診 之後 第一時間 主動 回報 總統府 幕僚 總統 醫療 團隊 也 隨之 啟動 即刻 為 總統 與 維 安 人員 幕僚 與其 他 志 工 進行 核酸 檢測 篩檢 包括 總統 在內 共計 25 名 全部 都為 陰性 醫療 團隊 也 組成 專案小組 總統 官邸 即刻 進行 消毒 已 暫時 停止 志 工 支援 總統 官邸 範圍 內 的 作業 也 會 監控 總統 健康狀況 在 總統府 的 部分 目前 總統府 沒有 確診 個案 目前 有 84 位 同仁 因為 是 確診 者 的 接觸 者 採取 自主 健康 管理 同時 採取 居家 辦公 的 情形 84 位 同仁 當中 居家 辦公 到 520 今天 的 有 78 位 到 521 的 有 一 位 到 525 的 有 一 位 到 5 月 28 日 的 有 四 位 對於 媒體 詢問 總統 副 總統 是否 優先 施打 疫苗 發言人 表示 總統 副 總統 願意 投入 配合 對 防疫 工作 有 正面 相關 的 事情 之前 也 強調 總統 副 總統 願意 在 國產 疫苗 研發 成功 後 施打 支持 國產 疫苗 也 讓 全世界 的 人 對 臺灣國產 疫苗 更 有 信心 目前 計畫沒 改變 總統 起居 寓所 的 工作人員 有 6 位 工作人員 已 施打 疫苗 關於 總統 警衛室 侍衛 室 的 工作人員 有 15 施打 率 我們 的 政策 是 在 開放 八大 類 施打 疫苗 部分 還是 優先 讓 醫護人員 第一線 防疫 人員 施打 疫苗 相關 人員 已經 登記 等待 時間 許可 分 梯次 施打 至於 臺灣 施打 疫苗 在 世界 是 末 段 班 是否 下放 地方 政府 緊急 向外 採購 疫苗 應急 包括 上海 複 星 總代理 這 部分 陳時中 指揮官 已 強調 疫苗 是 中央 統籌 許可權 也 是 整體 防疫 的 一 環 防疫 也 是 國安 層級 由 中央政府 統籌 其他 部分 依照 指揮中心 指引 沒有 評論 對於 有 傳聞 總統 親自 跨國 調 疫苗 半夜 致電 國外 政要 一 事 發言人 說 總統 對於 防疫 各項 工作 都 非常 關切 這 段 時間 除了 召開 國安 高層 會議 以外 也 密集 與 蘇貞昌 院長 指揮官 陳時中 密集 聯絡 不斷 討論 盤整 各項 防疫 措施 包括 疫苗 進度 集中 檢疫所 醫療 院所 篩檢 站 的 開設 這 修都 陸續 就位 當中 再次 強調 外國 疫苗 將 在 6 月底 到貨 國產 疫苗 也 在 7 月底 有 第一 批 供應 這些 疫苗 都 如期 到位 國人 踴躍 施打 提升 疫苗 施打 覆蓋率 增加 社會 防護 這 是 最 重要 的 總統 官邸 所 養 的 犬 貓 是否 安排 篩檢 發言人 回答 剛剛 有 跟 農委會 防 檢 局 確認 目前 沒有 任何 文獻 顯示 病毒 會 在 貓 犬 增殖 而 傳染給 人 也 跟 醫療 團隊 做 過 確認 從 科學 來看 一 目前 臺灣 對 動物 並 無 篩檢 二 目前 這 四 只 退役 工作犬 都 有 定期 洗澡 昨天 也 有 洗澡 與 消毒 犬 舍 也 有 消毒 研 判 安全 無 虞 三 昨天 篩檢 人員 呈現 陰性 無 安全 疑慮 目前 處理 四 只 退休 工作犬 部分 是 住 在 犬 舍 中 暫時 不 會 進入 總統 起居 範圍 也 暫停 志 工 支援 請 大家 放心 志 工 照顧 的 退役 犬 是 樂樂 嗎 發言人 說 四 只 退役 犬 都 有 照顧</t>
  </si>
  <si>
    <t>機組員 打 2 劑 也 要 關? 指揮中心 澄清 照 原 規劃 進行</t>
  </si>
  <si>
    <t>疫情 指揮中心 提升 至 一級 開設</t>
  </si>
  <si>
    <t>陳時中 各部 會 肺炎 提升 疫情 指揮中心</t>
  </si>
  <si>
    <t>新冠肺炎 不斷 升溫 疫情 指揮中心 昨天 宣佈 新 增 2 名 社區 感染 個案 且 其中 1 人 死亡 臺灣 確診 個案 也 增至 20 名 2 名 個案 是 一對 中部 兄弟 61 歲 哥哥 是 白 牌 計程車 司機 從 出現 咳嗽 症狀 到 死亡 僅 20 天 經家人 同意 後 依 傳染病 防治</t>
  </si>
  <si>
    <t>新冠肺炎 不斷 升溫 疫情 指揮中心 昨天 宣佈 新 增 2 名 社區 感染 個案 且 其中 1 人 死亡 臺灣 確診 個案 也 增至 20 名 2 名 個案 是 一對 中部 兄弟 61 歲 哥哥 是 白 牌 計程車 司機 從 出現 咳嗽 症狀 到 死亡 僅 20 天 經家人 同意 後 依 傳染病 防治法 火化 中央 疫情 指揮官 陳時中 表示 是否 為 社區 感染 仍 有待 疫情 調查 目前 已經 鎖定 3 名 陸 港澳 返台 台商 是 接觸 個案 死者 白 牌 運將 鎖定 3 接觸 台商 陳時中 表示 這 名 首例 死亡 個案 不僅 沒有 旅遊 史 也 沒有 確診 個案 的 接觸 史 並 傳染給 同 住 的 50 歲 弟弟 死亡 個案 有 b 型 肝炎 和 糖尿病 病史 1 月 27 日 出現 咳嗽 2 月 3 日 因 呼吸 急促 就醫 診斷 為 肺炎 當日 收治 於 負 壓 加 護 病房 治療 2 月 15 日 晚間 確診 隨即 因 肺炎 合併 敗血症 死亡 為了 安全 起見 遺體 經 家屬 同意 火化 並 保留 部分 檢 體 進一步 檢驗 並 再次 確診 為 陽性 第 20 例 確診 個案 是 第 19 例 的 50 餘 歲 弟弟 采 檢 後 確診 目前 沒有 出現 症狀 收治 於 負 壓 隔離病房 陳時中 強調 第 19 例 確診 的 司機 目前 沒有 旅遊 史也 沒有 接觸 史 不 符合 采 檢 定義 系 發現 新加坡 確診 個案 中 高達 50 都 沒有 旅遊 史 警覺到 原本 以 旅遊 史 判定 恐 有 疏漏 且 美國 與 新加坡 都 擴大 采 檢 因 此 2 月 12 日 指揮中心 決定 回溯到 1 月 31 日 起 全國 醫療 院所 通報 流感 併發 重症 且 檢驗 結果 是 陰性 的 個案 再 采 驗 新冠肺炎 緊急 采 檢 113 接觸 者 醫護 均 陰性 回溯 之後 共 檢驗 113 件 檢 體 當中 只 有 第 19 案 是 陽性 其 餘 皆 是 陰性 陳時中 表示 目前 已經 框 列 第 19 例 死亡 個案 的 密切接觸 者 共 79 名 包含 同 住家 屬 2 名 非 同 住 10 名 醫護 接觸 者 60 名 急診室 接觸 者 7 名 通通 采 檢 結果 醫護 接觸 者 都 是 陰性 家屬 中 僅 其 弟弟是 陽性 另外 6 名 正在 采 驗 中 第一 道 醫護 防線 算是 守 下來 了 陳時中 表示 該 死亡 個案 是 白 牌 計程車 司機 載客 以 陸 港 澳 旅客 為 多 且 多 是 預約 制 客戶 疫 調 將 開始 全面 調查 他 的 通 聯 紀錄 包含 相關 通 聯 者 的 健 保 就醫 資料 並 調閱 監視器 接下來 視 疫 調 狀況 若 有 風險 高 的 地區 不 排除 公佈 確診 個案 社區 住家 待 疫 調 後 不 排除 公佈 個案 住家 2 個 案例 是否 顯示 臺灣 出現 社區 感染 陳時中 強調 社區 感染 必須 要 連續性 人 傳人 但 該 死亡 個案 2 月 3 日 發病 至今 已經 超過 潛伏期 加上 醫護 感染 都 是 陰性 因此 不 符合 世衛 社區 感染 定義 而 目前 指揮中心 調查 發現 該 個案 載 多 名 春節 訪台 台商 其中 3 名 從 陸 港澳 返國 的 台商 皆 在 家 自主 健康 管理 將 鎖定 三 人 采 檢 若 有 人 確診 表示 感染 源 仍 可 掌握 發生 社區 持續性 人 傳 人 的 風險 非常低 他 重申 社區 傳播 的 定義 是 在 社區 裡面 走 就 有 感染 風險 且 符合 4 個 定義 確定 病例 無法 找到 感染 來源 即 第 19 例 的 情況 本土 感染 個案 遠超過 境外 個案 出現 持續性 或 連續性 傳播 鏈 即 一傳 十十 傳 百 廣泛 發生 群 聚 事件 因 後 三者 皆 未 發生 因此 還 不 會 提升 層級 但 會 視 情況 調整 預計 2 到 3 天內 完成 疫 調</t>
  </si>
  <si>
    <t>屏 東 印度 變異 株 delta 疫情 擴大 當地 27 日 確診 的 不明 感染 源 73 歲 果農 基因 定 序 結果 出爐 確定 感染 delta 其 太太 也 在 今日 確診 基因 定 序 仍 在 進行 中 但 疫情 指揮中心 指揮官 陳時中 估計 看起來 應屬 於 delta 群 聚 根據</t>
  </si>
  <si>
    <t>高鐵 開放 自由 座 交通部 鬆口 最 快下 週報 指揮中心</t>
  </si>
  <si>
    <t>海軍 官兵 確診 國軍 臺灣 指揮中心</t>
  </si>
  <si>
    <t>鴻 海 台積電 與 上海 複 星 簽約 1000萬 劑 輝瑞 bnt 疫苗 預計 9 月 供貨 讓 民眾 想 等 到 9 月 再 打 疫苗 然而 前臺 大 醫院 感染 科 醫師 林氏 璧 表示 輝瑞 bnt 要 9 月 才 來 預計 要 有 95 的 完整 保護 力最 快 要到 年底 我 不 想 烏鴉 嘴 但 確定 在 年底 前 不 會 有 第二 波 本土 疫情 嗎 呼籲 有 az 就 先 打 未來 若 開放 混打 bnt 抗體 效果 也 會 增加 昨天 13 日 起至 15 日 下午 5 時 開放 50 歲 以下 可 參加 第 三輪 意願 登記 林氏 璧 昨天 在 臉書 指出 如果 az 莫德納都 不 想 打 想 等 輝瑞 bnt 或是 想 等 國產 高端 聯 亞 疫苗 他 都 建議 大家 不要 等 了 輪到 就 去 打 因為 打 疫苗 是 群體 戰 越 多 人 施打 臺灣 面對 可能 的 下 一 波 疫情 才能 從容 應戰 為何 不要 等 輝瑞 bnt 林氏 璧 解釋 輝瑞 bnt 可能 9 月 才 會 來 來 了 還要 檢驗 封 緘 且 打完 第二 劑 14 天 後 才會 有 臨床 試驗 中 號稱 的 95 保護 力 但 指揮中心 搞不好 又 改 規定 延長 第二 劑 接種 時間 到 10 至 12 周 等到 有 完整 免疫力 都 已經 年底 或 明年初 了 我 不 想 烏鴉 嘴 林 氏 璧 表示 接種 輝瑞 bnt 要 有 完整 保護 力最 快 要到 年底 確定 臺灣 在 年底 前 不 會 有 第二 波 本土 疫情 嗎 反之 現在 打 az 第一 劑 14 天 後 就 有 不錯 的 保護 力 且 延後 施 打的 證據 也 較 完備 是的 輪到 你 打 就 去 打 吧 大家 加油 此外 林氏 璧 也 在 有話好說 節目 上 指出 az 疫苗 對 印度 detla 變異 株 的 防 重症 效果 很 不錯 英國 研究 資料 顯示 az 混打 輝瑞 bnt 目前 看起來 抗體 及 t 細胞 效果 增加 最好 但 順序 要 對 先 打 az 再 打 輝瑞 bnt 直言 若 未來 有 機會 開放 混打 現在 打 az 是 進可攻 退可守 的 選擇</t>
  </si>
  <si>
    <t>11 月 目標 單日 打 35萬 劑 指揮中心 將 派 協助 接種 任務</t>
  </si>
  <si>
    <t>國民黨 今天 舉辦 共 渡 疫情 國土 安居 研討會 邀集 國民黨 15 執政 縣 市 代表 立院 黨團 幹部 智庫 專家學者 等 共同 就 防疫 紓困 振興 方案 瞭解 各地 實 務 需求 縣 市 代表 們 紛紛 抱怨 600億 特別 預算 一塊 錢都 沒到 地方 中央 對 大型活動 沒 一致 標準 不 願 提供 中央 管理 的 廳舍 作為 防疫 旅館 當前 口罩 實 名 製作 法 太 僵化 連江縣 甚至 須由 縣府 收集 公務員 健 保 卡 到 東 莒 鄉 收購 口罩 再 船運 到 南 竿 島 國民 立院 黨團 總 召 林為洲 說 不 排除 修法 授權 縣市政府 可 比照 中央 特別 條例 修訂 自治 條例 增加 行政 作為 彈性 黨團 書記長 蔣 萬安 也 說 會 趕緊 協助 縣市政府 能否 徵用 中央 所屬 廳舍 解決 防疫 旅館 不足 問題 特別 預算 一毛錢 都 沒到 地方 紓困 及 未來 振興 都 很 困難 以及 無 薪 假 的 勞工 能否 補貼 各種 方案 建立 單一 視窗 等 都 要 匯 整 各縣市 意見 後來 協助 解決 上午 會議 開始 黨主席 江啟臣 致詞 說 因應 新冠 疫情 國民黨 在 立 法院 會期 開始 即 提出 紓困 條例 方案 與 建議 執政黨 也 推出 並 通過 行政院 版 的 紓困 條例 條例 內容 與 未來 經費 勢必 落實 在 地方 但 各縣市 的 產業 重點 不同 要 紓困 對象 可能 也 有 很 大 差異 期待 今天 與會代表 都 能 反映 地方 意見 讓 黨中央 智庫 黨團 充分 瞭解 達成 共識 未來 在 法案 政策 監督 提案 都 能 有 方向 中央 與 地方 有 共識 我們 才 能夠 攜手 做事 未來 也 不 排除 其他 類似 研討會 建立 起 討論 機制 新北 市府 顧問 李麗圳 說 新北 居家 檢疫 及 隔離 應 是 全國 取 多 市府 贊成 照顧 防疫 假 落實 給 薪 錢 原本 應發 到 最 需要 的 地方 但 至今 卻 都 沒 下來 防疫 視同 作戰 作戰 就 不應 等待 中央 權及錢 要 下放 地方 此外 口罩 既 足夠 就 應 提高 發放量 別 再 讓 民眾 每 星期 排隊 嘉義 市 副 市長 陳淑慧 提醒 地方 鄰里 長 巡 守隊 因 防疫 工作 頻繁 建議 防疫 物資 應 足額 發放 慢性病 或 感冒 症狀 的 民眾 使用 口罩 數量 較 多 能否 依照 醫師 處方 加開 口罩 她 特別 以 嘉義 市 徵求 80 位 暑假 大學 工讀生 卻 有 上萬 人 報名 為 例 提醒 疫情 導致 無 薪 假 大增 大學 畢業 潮 將 屆 求職 更 難 黨中央 應 要求 政府 提前 部署 在 振興 方案 提出 任用 應屆 畢業生 32 k 的 方案 半 年 到 年底 讓 大學生 出 社會 後 有 工作 機會 連江縣 代表 說 地方 首長 連 調動 一個 口罩 的 權力 都 沒有 地方 一起 開 會 有何意義 連江縣 不 反對 中央 通盤 檢討 或 采 通 案 原則 但 地方 具 特殊性 若 連 一點 彈性 都 沒有 做 不 到 的 地方 就 是 民怨 所在 口罩 采 實 名 制 應 因地制宜 例如 南 竿 鄉 口罩 遠遠 不夠 用 但 莒光 鄉 口罩 每天 剩 很多 兩 島 之間 搭 船 要 一個 半 小時 但 南 竿 鄉 不能 調用 莒光 鄉 的 口罩 縣長 只 叫 秘書 通知 大家 收集 所有 單號 健 保 卡 帶到 莒光 島 輸入 隔日 再 用 船運 回 南 竿 防疫 措施 制度 如此 僵化 希望 4 月 15 日 第二 次 檢討 能 針對 各 縣市政府 彈性 專案 來 談 澎湖縣 代表 表示 所有 航班 者 無法 配合 到 居家 檢疫 最近 有 女 留學生 返台 後 航班 無法 及時 回澎 湖 從 雙北 找 到 台中 各地 防疫 旅館 都 滿 了 最後 縣府 協助 才 找 到 地方 中央 能否 徵用 防疫 旅館 保留 離 島 以免 機票 無法 銜接 彰 化 縣政府 也 表示 為了 找 防疫 旅館 先後 找到 一 處 軍營 一 處 勞動部 的 會館 都有 幾 百 個 房間 但 一 間 中央 都 不 給 地方 使用 台中 市 副 市長 陳子敬 說 中央 至今 自吹自擂 亂 搞 的 是 超前 部署 做 得 慢 的 叫做 步步為營 例如 口罩 實 名 制 除了 自吹 自 雷 加上 有 媒體 歌功 誦 德 事實 是 民眾 還 在 排隊 地方 因 沒 錢 就 是 無奈 只能 天天 在 看 疫情 變化 中央 要 有 魄力 明訂 活動 禁止 標準 例如 大甲 媽祖 繞 境 等 哪 有 叫 地方 政府 道德 勸說 的 道理 南 投 縣政府 也 說 之前 為了 國姓鄉 電 音 派對 問 中央 疫情 指揮中心 多少 人 以上 活動 要 禁止 中央 卻 不 給 答案 也 沒 說 標準 幸好 媒體 問 了 才說 授權 地方 政府</t>
  </si>
  <si>
    <t>澳洲 知名 音樂家 布萊特狄恩 確診 新冠肺炎 由於 他 曾 在 臺灣 逗留 10 天 期間 舉行 過 專訪 記者會 音樂會 接觸 範圍 大 除了 與 他 一同 演奏 的 國家 交響樂團 nso 團員 需 自主 隔離 14 天外 由於 nso 其中 有 3 人 為 東吳大學 音樂 系 兼任教師 東吳 也 緊急 宣佈 音樂 系 停課 14 天 東吳大學 公告 全文如下 3 月 5 日 衛福部 防疫 中心 召開 緊急 記者會 公告 有關 澳 籍 中提琴 作曲家 來 台於 臺北 國家 音樂廳 演出 於 返回 澳洲 後 為 新冠肺炎 確診 本校 音樂 學系 第一時間 立即 採取 下列 防疫 應變 措施 一 立即 瞭解 隔離 名單 有無 本校 師生 學 系主任 立即 親自 查證 衛福部 要求 隔離 觀察 的 名單 瞭解 有無 在 本校 音樂 學系 任教 之 團員 經 查證 隔離 名單 中 有 3 名 團員 在 本校 音樂 學系 兼任 同時 並 已 確認 此 三 位 兼任 老師 開學 至今 均 未 到校 上課 二 調查 音樂 系 學生 與 教師 近日 是否 有 接觸 史 學系 於 3 月 6 日 發佈 緊急 公告 要 求全 系 學生 依 狀況 填寫 東吳大學 音樂 學系 預防 嚴重 特殊 傳染性 肺炎 防疫 調查表 google 表 單 瞭解 全系 學生 一 有無 在 2 22 3 5 與 相關 兼任 老師上課 或 有所 接觸 二 有無 在 2 22 3 5 進入 國家 音樂廳 或 國家 演奏廳 截至 目前為止 計有 233 位 完成 填表 工作 本校 防疫 小組 將 與 音樂 系 密切合作 確實 掌握 狀況 以 維護 全校 師生 安全 三 公告 部分 師生 停課 並 進行 自主 管理 或 居家 隔離 3 月 6 日 音樂 系 進行 停課 公告 依衛福 部 疫情 指揮中心 要求 nso 團員 若 屬 健康 自主 管理者 有 在 學校 教課 14 天內 先行 停課 以免 校園 師生 擔心 據此 為 免除 音樂 學系 師生 疑慮 凡 該系 教師 有 接觸 史之 相關 人員 即日起 至 3 13 止 該 等 老師 均 采 停課 處理 日後 再 進行 相關 補課 以上 為 本校 音樂 學系 因應 澳 籍 中提琴 作曲家 確診 新冠肺炎 所 做 的 之 緊急 應變 防疫 措施 公告 全校 師生 知悉 也 請 全校 師生 放心 東吳大學 防疫 小組 敬上 202003 06</t>
  </si>
  <si>
    <t>臺灣 自 6 月 以來 不斷 傳出 從 臺灣 離境 的 旅客 在 國外 被 驗 出 罹 患 新冠肺炎 本月 22 日 更 一口氣 發生 18 起 類似 案例 對此 國民黨 立 法院 黨團 與 醫 界 專家 昨 共同 呼籲 政府 應 在 旅客 離 台前 進行 篩檢 避免 一再 輸出 病例 影響 臺灣 國際 聲譽 國民 黨團 昨 邀集 專家 召開 記者會 黨團 總 召 林為洲 表示 大量 離 台後 確診 新冠肺炎 的 案例 顯示 臺灣 的 邊境 管理 有 必要 超前 部署 例如 要求 乘客 上機 前 先 篩檢 這樣 做 可以 保護 機上 其他 旅客 也 維護 國家 聲譽 否則 日後 要 與 他國 協商 開放 邊境 時 對方 看到 我們 一 堆 輸出 病例 怎麼 能 放心 中國 醫藥 大學 附設 感染 科 主治醫師 王任賢 也 指出 最近 確診 的 案 510 病例 是 無 症狀 的 菲律賓 移 工 在 臺灣 解除 隔離 前 才 被 驗 出 罹 患 新冠肺炎 問題 是 臺灣 目前 僅 針對 從 菲律賓 入境 的 無 症狀 者 進行 檢驗 對 其他 國家 入境 的 無 症狀者 則 不予 采 檢 他 認為 入境者 相對 風險 較 高 因此 對 所有 入境者 不分 來源國 或有 無 症狀 都應 全面 篩檢 臺灣 預防 醫學 學會 理事長 陳宜民 指出 因應 新冠肺炎 疫情 建立 篩檢 平臺 加快 篩檢 速度 降低 篩檢 價格 都 很 重要 防疫 應該 追求 不 漏掉 任何 病案 陳 宜民 舉例 18 人 從 臺灣 入境 菲律賓 確診 後 指揮中心 卻 只為 每 位 確診 者 匡列 20 位 接觸 者 但 現實 中 有 可能 只 接觸 這麼 少人 嗎 所謂 的 精准 防疫 其實 很 容易 有 漏洞</t>
  </si>
  <si>
    <t>華航 桃園 機場 貨運站 辦公室 傳出 1 人 確認 桃園 市 衛生 局 7 日 早上 前往 進行 疫 調 目前 匡列 200 多 人 疫 調 結果 可能 陸續 匡列 增加 到 近 800 人 為了 防阻 疫情 蔓延 連續 將 在 今 明兩天 針對 華航 貨運 場站 中的 205 名 員工 先 全面 pcr 篩檢 據 瞭解 這次 確診 病例 的 是 華航 貨運站 客 服 小組 員工 先是 在 居家 辦公 的 太太 身體 不適 於是和 先生 2 人 一 走 在 7 月 5 日 快 篩 結果 為 陽性 2 人 於 7 月 6 日 pcr 篩檢 確診 華航 貨運 服務 辦公室 收到 通知 後 也 進行 全面 大 消毒 這次 確診 的 病例 是 華航 貨運站 客 服 小組 員工 辦公室 位於 華航 倉儲 2 樓 與 華儲 並 沒有 直接 業務 關係 該 確診 員工 妻子 亦 為 另 一家 航空 公司 居家 上班 的 員 因為 居家 辦公 的 太太 感到 身體 不適 因 先生 在 桃 機工 作 尚未 施打 疫苗 感到 有 危機 於是 2 人 在 7 月 5 日 快 篩 同時 結果 為 陽性 7 月 6 日 再 進行 pcr 篩檢 結果 確診 桃園 市 衛生局 獲到 後 7 日前 往 瞭解 疫 調 足跡 目前 先 匡列 200 多 人 陸續 依 疫 調 結果 可能 會 匡 列 近 800 人 華儲 表示 雖然 和 確診 病 患 員工 沒有 直接 業務 關係 但 會 先 安排 160 名 員工 在 7 日 下午 先 進行 快 篩 以 確保 工作 環境 安全 另外 在 今 明兩日 華航 貨運 服務 場站 操作 服務 的 205 人 在 華儲 進口 回廊 進行 全面 pcr 檢測 但 實際 情況 以 中央 疫情 指揮中心 公佈 為主 桃園 機場 貨運站 相關 業者 包括 倉儲業 者 報關 行 承攬 業者 及 相關 物流 等 其實 早就 向 桃園 市政府 陳情 希望 能 納入 優先 施打 疫苗 範圍 雖然 市長 鄭文 璨 也 有 承諾 但 至今 因為 疫苗 量 不足 仍 無 法 排 近 施 打 優先 名單 中 業者 私下 表示 臺灣 航空 客運 已經 跌倒 穀底 目前 只能 先 靠 貨運 業務 存活 萬一 因為 桃園 機場 貨運站 大規模 感染 停 擺 對 經濟 層面 可能 造成 巨大 影響 中央 流行 疫情 中心 及 桃園 市政府 應該 對 臺灣 進出口 貨運 經濟 上 影響 的 考量 把 桃園 機場 貨運站 相關 業者 列入 優先 施打 疫苗 對象 也 有 業者 笑 稱 每次 疫苗 進口 抵 台 他們 都 是 第一 線 先 處理 但是 他們 而言 疫苗 看 得 到 摸 得 到 卻是 打 不到</t>
  </si>
  <si>
    <t>接種 az 的 人 第二 劑 打 不 到 莫德納 了 指揮中心 定調 不 混打</t>
  </si>
  <si>
    <t>新冠 疫苗 是否 能夠 混打 各國 都 已 開始 研究 歐盟 甚至 開放 施 打完 第一 劑 az 的 人員 可 接種 其他 品牌 我國 指揮中心 對 此 態度 仍然 保守 今天 仍 建議 兩劑 疫苗 都 施打 同 品牌 除非 第一 劑 接種 後 出現 嚴重 不良反應 指揮中心 專家 諮 詢</t>
  </si>
  <si>
    <t>新冠 疫苗 是否 能夠 混打 各國 都 已 開始 研究 歐盟 甚至 開放 施 打完 第一 劑 az 的 人員 可 接種 其他 品牌 我國 指揮中心 對 此 態度 仍然 保守 今天 仍 建議 兩劑 疫苗 都 施打 同 品牌 除非 第一 劑 接種 後 出現 嚴重 不良反應 指揮中心 專家 諮 詢 小組 召集人 張上淳 今天 說 acip 近日 有 針對 疫苗 混打 一 事 討論 雖然 目前 國際 間 有 幾 篇 報告 但 個案 數 都 不是 很多 且 主要 也 是 以 az 混打 輝瑞 疫苗 為主 但 目前 沒有 任何 資料 顯示 az 混打 莫德納 疫苗 後 的 結果 雖然 莫德納 與 輝瑞 屬 同一 種 性質 但 還是 不 同 廠家 仍然 缺乏 證據 因 此 目前 仍然 考量 暫時 還 不 要 進行 混打 張上淳 也 說 除非 打完 第一 劑 疫苗 後 出現 嚴重 的 過敏 反應 建議 第二 劑 可 施打 不 同 品牌 的 疫苗 否則 第一 劑 打 什麼 第二 劑 就 應該 打 什麼 不過 他 也 建議 國內 可 透過 臨床 試驗 來 證實 例如 第一 劑 先 打 az 第二劑 再 打 莫德納 可以 等 有 具體 資料 後 再來 決定</t>
  </si>
  <si>
    <t>新冠肺炎 疫情 升溫 雙北 淪 重災區 除了 疫情 指揮中心 之外 雙北 幾乎 天天 開 防疫 記者會 直播 期間 也 會 有 一 名手 譯員 在 一旁 打 手語 協助 聽 障 人士 理解 記者會 最新 內容 對此 就 有 民眾 質疑 手語 老師 不 戴 口罩 恐 成 防疫 破 口</t>
  </si>
  <si>
    <t>新冠肺炎 疫情 升溫 雙北 淪 重災區 除了 疫情 指揮中心 之外 雙北 幾乎 天天 開 防疫 記者會 直播 期間 也 會 有 一 名手 譯員 在 一旁 打 手語 協助 聽 障 人士 理解 記者會 最新 內容 對此 就 有 民眾 質疑 手語 老師 不 戴 口罩 恐 成 防疫 破 口 臺北市 副 發言人 林珍羽 在 臉書上 特別 為 此 進行 說明 林 珍 羽 提到 隨 著 疫情 延 燒 無論 是 中央 或 地方 政府 首要 工作 除了 與 病毒 賽跑 也 必須 將 正確 資訊 公開 透明 的 讓 每 一 位 市民 都能 清楚 瞭解 而 目前 相關 疫情 記者會 手語 老師 均 未戴 口罩 的 主要 原因 是因為 手語 老師 除了 說 的 表情 之外 手語 的 抑 揚 頓 挫 及 標點符號 大都 呈現 在 臉上 若 戴 上 口罩 就 會 影響 到 手譯 品質 讓 聽 障 朋友 感覺 像是 機器人 在 說話 甚至 導致 語意 不明 的 情況 產生 林 珍 羽 解釋 試過 使用 大型 透明 隔板 但 在 直播 畫面 會 出現 反光 也 曾想 比照 中央 方式 在 鏡頭 上 開小 框 但 對於 年長 及 視力 不好 的 聽 障 朋友 而言 小 框 無法 清楚 識別 手語 所以 才仍 維持 目前 模式 手語 老師 也 收到 不少 聽 障 朋友 回 饋 認為 目前 的 形式 讓 他們 能 獲得 完整 且 清楚 的 疫情 資訊 最後 林珍羽 補充 說明 市長 記者會 是 采 線 上 直播 的 方式 場內 不但 控制 人數 也 落實 室內 防疫 措施 以 確保 出席 記者會 的 首長 及 手語 老師 的 安全</t>
  </si>
  <si>
    <t>連江 縣長 劉增 應 今 31 日 召開 防疫 會議 會 中 公佈 並 無 新 增 個案 及 居家 隔離 者 全縣 居家 隔離 人數 共 116 人 劉增 應 說 針對 中央 規 畫 於 機場 碼頭 設置 快 篩 站 樂觀其成 但 仍 會 爭取 從 自願 快 篩 提升 到 全面 快 篩 避免 造成 離 島 防疫 破 口 連 線 縣 疫情 指揮中心 公佈 今 31 日 無 新 增 確診 個案 無 新 增 密切接觸 需 居家 隔離 個案 31 日 零 時 解 隔離 5 人 為 在 台 接觸 者 目前 居家 檢疫 5 人 案 5774644164428114 及其 相關 接觸 居家 隔離 共 116 例 pcr 篩檢 皆 為 陰性 足跡 已 消毒 完成 30 日 機場 快 篩 24 名 均 為 陰性 劉增 應 表示 周 遭 有 自 台 返 馬 人員 要 保持 警戒 請 其 接受 快 篩 保護 地區 鄉親 的 健康 快 篩 請 透過 疫情 指揮中心 專線電話 預約 推動 地區 商家 多元 支付 避免 直接 現金 給付 以 減少 接觸 傳播 機會 若 出現 發燒 超過 38 度 嗅 味覺 異常 腹瀉 或有 呼吸道 症狀 立即 佩戴 醫用 口罩 撥 打 1922 或 聯繫 衛生局 且 避免 搭乘 大眾 運輸工具 前往 就醫 時並 應 主動 告知 醫師 為 自我 健康 監測 物件 接觸 史及 身邊 是否 有 其他人 有 類似 的 症狀 如有 任何 防疫 相關 諮 詢 請洽 連江縣 疫情 指揮中心 24 小時 防疫 專線 0963 772 160</t>
  </si>
  <si>
    <t>公費 疫苗 預約 平臺 上有 300 多 萬 人 想 打 莫德納 疫苗 但 指揮中心 昨天 8 日 證實 最後 可能 只 有 不 到 百萬 人 能夠 如願 打到 衛福 部長 陳時中 今天 重申 莫德納 的 分配 戰略 認為 要以 擴大 第一 劑 涵蓋 率 為主 第二 劑 涵蓋 率 非 目前 的 重點 項</t>
  </si>
  <si>
    <t>公費 疫苗 預約 平臺 上有 300 多 萬 人 想 打 莫德納 疫苗 但 指揮中心 昨天 8 日 證實 最後 可能 只 有 不 到 百萬 人 能夠 如願 打到 衛福 部長 陳時中 今天 重申 莫德納 的 分配 戰略 認為 要以 擴大 第一 劑 涵蓋 率 為主 第二 劑 涵蓋 率 非 目前 的 重點項目 我國 疫苗 到貨 量 相當 吃緊 目前 莫德納 僅 到貨 百萬 餘 劑 加上 美國 捐贈 的 250萬 劑 莫德納 等 於 目前 共有 300 多 萬 人 打過 第一 劑 現在 卻 可能 因為 後續 到貨 接 不 上 無法 在 時間 內 完成 第二 劑 接種 陳時中 今天 坦言 若 接種 第一 劑 莫德納 的 民眾 無法 在 時間 內 接種 第二 劑 有 可能 會 造成 疫苗 保護 力 下降 但 還是 比 沒 打 的 人 要 高 很多 他 也 指出 現在 國際 上 仍然 在 搶 疫苗 導致 疫苗 到貨 時間 無法 掌握 若 後續 到貨 情況 理想 當然 能 讓 更 多 人 接種 第二 劑 因 此 現階段 還是 以 擴大 第一 劑 接種 為主 陳時中 說 若 加上 美國 贈送 的 250萬 劑 莫德納 我國 共有 855萬 劑 莫德納 目前 是 規劃 先 讓 400萬 人 接種 第一 劑 剩下 的 留 做 第二 劑 至於 媒體 頻頻 追問 打完 第一 劑 未 打 第二 劑 的 人數 有 多少 若 莫德納 無法 及時 抵 台 是否 會 進一步 延長 第二 劑 接種 時間 陳時 中都 未 回應 不斷 強調 打 第一 劑 已 產生 一定 保護 力 總比 完全 沒 打 的 人 好 現階段 追求 第一 劑 覆蓋率 也 比 提高 第二 劑 覆蓋率 來 的 重要</t>
  </si>
  <si>
    <t>臺灣 本土 疫情 大 爆發 截至 24 日 上午 本島 只 剩下 台東 沒有 確診 個案 其 餘 縣 市 均 淪陷 雙北更 先後 破 千 例 成 了 重災區 疫情 指揮中心 宣佈 全國 升級 三級 警戒 後 民眾 非必要 幾乎 都 不 出門 有 網友 提供 高鐵 列車 上 最新 照片 整</t>
  </si>
  <si>
    <t>今天 新增 的 本土 病例 案 386 為 20 多 歲 男性 是 案 195 的 同 住 室友 案 195 於 3 月 5 日 到 3 月 19 日 在 美國 與 案 137145 同行 3 月 20 出現 咳嗽 喉嚨 痛 當時 因為 居家 檢疫 於 3 月 21 日 通報 其 同 住 友人 案 386 在 今天 確診 是 在 女 室友 發病 後 23 天才 確診 指揮中心 專家 小組 召集人 張上淳 表示 案 386 被 列為 案 195 的 居家 隔離 物件 是因為 解除 居家 隔離 時 有 說 自己 出現 過敏 症狀 因 此 之後 擴大 采 檢 時 將 他 召回 篩檢 並 確診 張上淳 說 過敏 有 很 多種 最 常見 就是 鼻子 流 鼻 水 鼻 塞 等 症狀 一般 人 過敏 如果 本來 有 或是 偶 而有 不用 特別 擔心 可是 如果 和 確診 個案 有 接觸 史 居家 檢疫 和 確診 個案 有 接觸 去 醫院 就 要 把 接觸 狀況 跟 醫師 報告 說明 由 醫師 來 判斷 是 是否 采 檢 至於 這 名 男性 過去 去 的 地方 有 掌握 嗎 陳時中 說 有 再去 掌握 相關 行蹤 因為 是 居家 隔離 行蹤 都 很 保守 因為 有 去 上班 所以 有 針對 同事 匡列 相關 至於 何時 傳染 等於 195 案例 居家 檢疫 時 被 感染 到 的 莊 人 祥 表示 案例 195 在 19 日 回來 是 時 沒有 症狀 到 21 日 才 住院 她 與 案 386 有 兩 小時 聊天 吃飯 沒 辦法 戴 口罩 可能 那段 時間 受到 感染</t>
  </si>
  <si>
    <t>染 新冠肺炎 喪失 味覺 嗅覺 指揮中心 臺灣 有 5 例 了</t>
  </si>
  <si>
    <t>一 分鐘 看 懂 今日 指揮中心 疫情 重點</t>
  </si>
  <si>
    <t>指揮中心 急轉彎 今 宣佈 孕婦 可 任選 az 莫德納 接種</t>
  </si>
  <si>
    <t>新冠肺炎 孕婦 疫苗 指揮中心 公費 接種</t>
  </si>
  <si>
    <t>指揮中心 今 12 日 中午 召開 記者會 針對 昨天 爭議 不斷 的 陸 配子 女 反 台 政策 作出 回應 決定 將 政策 喊 卡 撤回 大陸 籍 子女 入境 規定 指揮 觀 陳時中 霸氣 表示 要為 當初 選擇 國籍 時 負責 消息 一 公佈 台大醫院婦產科 醫師 施</t>
  </si>
  <si>
    <t>指揮中心 今 12 日 中午 召開 記者會 針對 昨天 爭議 不斷 的 陸 配子 女 反 台 政策 作出 回應 決定 將 政策 喊 卡 撤回 大陸 籍 子女 入境 規定 指揮 觀 陳時中 霸氣 表示 要為 當初 選擇 國籍 時 負責 消息 一 公佈 台大醫院婦產科 醫師 施景 中馬 上 大贊 陳時中 以 一 擋 百 之舉 真是 太帥 了 施景中 在 個人 臉書上 指出 昨 11 陸委會 將 開放 陸籍 配偶 及 子女 來 台 的 政策 感到 隱憂 認為 這 政策 在 防疫 焦灼 時期 來得 真不 是 時候 施景中 拿 寶瓶 星號 舉例 指出 有 郵輪 旅客 不 遵守 自主 健康 管理 規定 擅自 下船 到 健身房 游泳池 游泳 害 業者 決定 要 封 館 至 3 月底 施景中 表示 真的 害人不淺 還 不是 單一 案例 面對 國人 自主 居家 檢疫 14 天都 有 許多 人 不守 規定 增加 防疫 困難 此時 又 開放 陸籍 子女 返台 施景中 顯得 相當 擔心 不過 今日 疫情 指揮中心 記者會 陳時中 直接 宣佈 撤回 陸委 會前 一 日 的 政策 取消 大陸 籍 配偶 子女 入境 堅守 國境 以 阻擋 疫情 這 讓 施景中 樂得 表示 clock 部長 太帥 了 以 一 擋 百 謝 謝陳 時 中 部長</t>
  </si>
  <si>
    <t>新冠肺炎 covid-19 俗稱 武漢肺炎 已 讓 全球 人心惶惶 今 21 指揮中心 再度 宣佈 2 新 確診 案例 許多 人 求 口罩 不得 只能 狂 洗手 消毒 來 防疫 卻 有 民眾 還 搞不清楚 狀況 已經 連續 咳嗽 流 鼻 水 一個 多 月 在 醫師 追問 下</t>
  </si>
  <si>
    <t>新冠肺炎 covid-19 俗稱 武漢肺炎 已 讓 全球 人心惶惶 今 21 指揮中心 再度 宣佈 2 新 確診 案例 許多 人 求 口罩 不得 只能 狂 洗手 消毒 來 防疫 卻 有 民眾 還 搞不清楚 狀況 已經 連續 咳嗽 流 鼻 水 一個 多 月 在 醫師 追問 下 才 透露 曾和 居家 檢疫 者 碰面 讓 布農 醫師 田知學 罕見 動怒 布 農 醫師 田知學 在 臉書 布農 doc 田知學 上 斥責 這 是 什麼 狀況 表示 一 名 病 患 聲稱 已經 連續 咳嗽 流 鼻 水 一個 多 月 病情 都未 好轉 才 前來 求 診 在 她 追問 之下 方 承認 在 這 兩 個 禮拜 內 有 幾 天和 香港 返台 的 居家 檢疫 者 碰面 聊天 這 讓 田知學 在 臉書上 爆 氣 政府 媒體 那麼 用力 宣 導 衛教 還 不夠 嗎 田知學 強調 有 旅遊 史 接觸 史 請 做好 做 滿 自主 管理 民眾 一定 要 配合 政府 防疫 措施 才能 一起 守 住 臺灣 不再 讓 新冠肺炎 疫情 繼續 擴散 更 要 記得 身體 若 有 任何 不適 要 出去 給 醫生 看診 讓 專業 的 醫療 人員 來 判斷 篩檢 有 任何 病情 疑慮 隨時 通報 1922 田知學 分享 完 此 案例 後 不少 網友 也 留言 痛 批 太 扯 了 就 是 有 這種 人 衛福部 和 醫護人員 再 怎麼 努力 都會 因為 這些 人 而 產生 防疫 漏洞 有些 人 好像 都 不當 一 回事 總 覺得 一 堆 臺灣人 都 有 僥倖 的 心態 真的 很 不負責任</t>
  </si>
  <si>
    <t>防疫 管制 二級 警戒 新冠肺炎 臺灣 指揮中心</t>
  </si>
  <si>
    <t>蔡英文 總統 今天 表示 臺灣 的 防疫 表現 受到 國際 肯定 過去 我們 組 好 國家隊 現在 要 打入 國際 杯 和 其他 國家 一起 進行 防疫 工作 在 臺灣 行 有 餘 力 的 情況 下 基於 人道 考量 將 會 在 口罩 藥物 技術 等 三 個 方面 協助 國際 社會 與 國際 社會 共度 難關 蔡英文 今天 前往 國家 衛生 指揮中心 首度 戴 上 口罩 聽取 疾病 管制 署 署長 周志浩 說明 covid-19 疫情 現況 及 應處 作為 蔡英文 隨後 致詞 時 表示 從 農曆 新年 疫情 指揮中心 就 開設 了 她 記得 在 除夕 那天 還 一直 用 電話 在 互相 溝通 事情 這 是 她 印象 最深 也 最 忙碌 的 除夕 她 提到 在 現在 每 一 天 疫情 指揮中心 開 記者會 應該 是 收視率 最高 的 時候 一則以喜 一則以憂 憂 的 是因為 疫情 的 關係 讓 大家 比較 警覺 憂心 疫情 失控 所以 每天 都 要 藉 由 疫情 指揮中心 的 報告 瞭解 疫情 是不是 處於 穩定 的 狀態 喜 的 是 整個 社會 對 專業 人員 的 尊敬 及 信任 越來越 深 對 一個 民主 國家 來說 這 是 非常 珍貴 的 資產 整個 社會 對 政府 處理 疫情 的 專業 人員 充分 信賴 及 尊敬 這 是 讓 我們 感到 非常 欣慰 的 事情 也 值得 肯定 蔡英文 透露 她 跟 國人 一樣 都 很 關心 疫情 所以 每天 也 都 會 收看 記者會 疫情 發展 到 現在 陳時中 指揮官 帶 給 全體 臺灣人 平靜 及 受到 照顧 的 感覺 這 段 時間 陳 指揮官 非常 辛苦 記者會 也 很 貼心 的 安排 手語 老師 非常感謝 他們 這 段 時間 的 服務 記者會 不僅 是 大家 團結 的 時刻 對 國人 凝聚 共同 對抗 疫情 的 意志 力 也 非常 重要 她 說 這 段 時間 有時候 她 也 很 害怕 接到 陳時 中的 電話 因為 可能 是 確診 的 人數 比較 多 她 的 心情 也 會 比較 不好 一點 但是 她 又 很 期待 陳 打電話 告訴 她 每 一個 重要 的 發展 她 相信 她 的 心情 跟 其他 國人 是 一樣 的 每天 起起伏伏 但是 心裡 還是 有 穩定 的 感覺 因為 我們 有 一個 很 好 的 團隊 在 照顧 這個 國家 及 每 一個 國人 蔡英文 強調 這 段 時間 由於 我們 的 團結 讓 臺灣 的 防疫 表現 受到 國際 肯定 過去 我們 組 好 了 國家隊 現在 也 要 打入 國際 杯 和 其他 國家 一起 進行 防疫 工作 她 說 病毒 不分 國界 全世界 攜手 合作 才能 有 最 大 能量 來 控制 疫情 幫助 其他 國家 也 是 幫助 臺灣 因 此 昨天 她 也 宣佈 了 在行 有 餘 力 的 情況 下 基於 人道 考量 我們 將 會 在 口罩 藥物 技術 等 三 個 方面 協助 國際 社會 她 相信 只要 大家 團結 一致 一定 能夠 度過 疫情 的 挑戰 近來 有 網友 非常 心疼 陳時中 部長 都 沒有 休息 開玩笑 說 陳 部長 有 雙胞胎 代打 上陣 蔡英文 表示 不僅 是 陳 部長 她 相信 每 一個 人 都 肩負 很 沉重 的 責任 所以 請 大家 務必 要 珍重 照顧 好 自己 的 身體 你們 的 健康 就 是 這個 國家 的 健康 她 也 帶 了 充滿 維他命 c 的 芭 樂 來 慰勞 同仁 請 同仁 們 一定 要 珍重 保護 好 自己 保重 身體這 是 總統 的 請求 也 是 命令</t>
  </si>
  <si>
    <t>中央 疫情 指揮中心 指揮官 衛福 部長 陳時 中的 設計師 兒子 陳彥安 日前 替 wecare 高雄 繪製 一 款 洗手 罷 韓 t恤 網友 回應 都 甚麼 時候 了 根據 中國時報 記者 報導 洗手 罷 韓 t恤 除 印製 內外 夾 弓 大 立 腕 洗手 標準 程式之</t>
  </si>
  <si>
    <t>中央 疫情 指揮中心 指揮官 衛福 部長 陳時 中的 設計師 兒子 陳彥安 日前 替 wecare 高雄 繪製 一 款 洗手 罷 韓 t恤 網友 回應 都 甚麼 時候 了 根據 中國時報 記者 報導 洗手 罷 韓 t恤 除 印製 內外 夾 弓 大 立 腕 洗手 標準 程式 之外 還 多 了 兩 個 蓋 下同 意 投票 的 動作 預計 21 日 在 網路 平臺 及 光復 高雄 總部 上架 販 售 一 件 售價 500 元 陳彥安 本人 也 在 自己 臉書 呼籲 大家 洗手 做 防疫 還 強調 高雄 人手 洗 乾淨 回家 投票 報導 指出 陳彥安 受訪 時 表示 以 防疫 為主 不 希望 分散 防疫 相關 的 新聞 注意力 希望 外界 不要 著 墨在 他 的 身分 上 對此 網友 回應 都 甚麼 時候 了</t>
  </si>
  <si>
    <t>帛 琉 駐 台 大使 歐克麗 今天 證實 帛 琉 總統 惠恕仁 surangel whipps jr 將 訪台 確切 時間 則 視 台 帛 何時 執行 旅遊 泡泡 可能 落於 3 月底 或 4 月初 歐克麗 dilmei l olkeriil 今天 以 電子 郵件 告訴 中央 社 台 帛 正 在 協商 惠恕仁 的 訪台 細節 她 強調 帛 琉 赴 台 的 旅客 應 不必 隔離 畢竟 帛 琉 境內 並 無 2019 冠 狀 病毒 疾病 covid-19 案例 帛 琉 旅客 抵 台時 也 將 交付 covid-19 的 陰性 檢測 報告 她 說 帛 琉 今年 1 月 便 開始 推動 注射 疫苗 計 畫 而 美軍 醫療 小組 也 正 在 帛 琉 協助 當地 落實 這項 計 畫 指揮中心 指揮官 陳時中 今天 說 旅遊 泡泡 涉及 兩 國間 的 協議 先前 雙方 早已 開始 洽談 但因 過年 及 桃園 醫院 事件 讓 討論 進度 延 滯 目前 臺灣 對於 防疫 基本 要求 及 需求 已經 訂 出 將 儘快 和 帛 琉 洽談 只要 雙方 合意 就 能 儘快 實施</t>
  </si>
  <si>
    <t>口罩 解禁 是否 有 時程 指揮中心 指揮官 陳時中 表示 目前 口罩 庫 存量 已 達 滿 水位 也 正 積極 尋找 倉儲 至於 開放 時程 他 表示 仍 需 一定 的 步驟 朝 開放 之 路上 首先 調整 為 定額 徵收 第二 是 讓 戰備 庫 存量 能 滿載 第 三 是 能夠 有力</t>
  </si>
  <si>
    <t>口罩 解禁 是否 有 時程 指揮中心 指揮官 陳時中 表示 目前 口罩 庫 存量 已 達 滿 水位 也 正 積極 尋找 倉儲 至於 開放 時程 他 表示 仍 需 一定 的 步驟 朝 開放 之 路上 首先 調整 為 定額 徵收 第二 是 讓 戰備 庫 存量 能 滿載 第 三 是 能夠 有 力量 援助 其他 國家 這 幾 個 方向 不 變 定額 徵收 或 要 如何 及早 發展 外銷 和 內銷 的 通路 陳時中 表示 經濟部 正在 與 口罩 國家隊 洽談 定額 要 如何 照 比例 徵收 等 正 在 研議 相信 口罩 要 外銷 很快 會 啟動 他 也 強調 口罩 開放 後 未來 政府 仍 有 責任 對於 各 防疫 戰備 物資 徵收 儲存 並 持續 朝 國產 國用 努力</t>
  </si>
  <si>
    <t>臺灣 本土 疫情 升溫 今 傳出 臺北捷運 有 員工 確診 的 消息 但 北 捷 僅 回應 疫情 確診 人數 及 情況 由 指揮中心 公佈 為 准 北 捷 表示 疫情 確診 人數 及 情況 由 疫情 指揮中心 公佈 為 准 因應 疫情 發展 臺北捷運 為 預防 有 人員 確診 隔</t>
  </si>
  <si>
    <t>臺灣 本土 疫情 升溫 今 傳出 臺北捷運 有 員工 確診 的 消息 但 北 捷 僅 回應 疫情 確診 人數 及 情況 由 指揮中心 公佈 為 准 北 捷 表示 疫情 確診 人數 及 情況 由 疫情 指揮中心 公佈 為 准 因應 疫情 發展 臺北捷運 為 預防 有 人員 確診 隔離 及 自主 管理 並且 降低 影響 營運 風險 啟動 行車 站務 及 維修 等 第一 線 人員 分組 執勤 另 北 捷 也 說 行政 人員 則 會 開始 異地 辦公 依照 業務 支援 性質 分散 於 不同 建物 相關 主管 視 訊 設備 均 已 設置 完成 隨時 透過 視 訊 會議 確保 業務 不受 疫情 影響 持續 順利 推動</t>
  </si>
  <si>
    <t>新冠肺炎 疫情 出現 院內 感染 前 衛生 署長 葉 金川 表示 即便 接下來 院內 感染 受 控 仍 可能 出現 病例 由於 無 症 者 具備 傳播 能力 充滿 高度 不 確定性 疫情 高峰 何時 到 仍 難 估算 接下來 大陸 若 疫情 控制 住 便 會 解禁 封城 面對 一時 湧 回 上 千 台商 以 目前 臺灣 的 篩檢 容量 絕對 不夠 應 儘快 擴大 預 作 準備 17 年 前因 sars 封 院 當年 身先士卒 進 和平醫院 指揮 的 葉 金川 說 這次 院內 感染 和 當年 和平醫院 不 一樣 這次 只是 院內 局部 和平醫院 則 已 到 第二 三 層 傳染 由 曹姓 婦人 傳染給 洗衣工 洗衣工 又 傳出去 因應 大 批 台商 湧 回 葉 金川 說 這 幾 天 若 院內 感染 未 再現 新 病例 以 潛伏期 14 天 算 這 波 院內 感染 才 有 機會 告一段落 但 未來 還 會 有 確診 案例 出現 疫情 何時 結束 只 有 上 天知道 臺灣 仍 需 面對 疫情 挑戰 尤其 篩檢 量 能 需 再 提升 葉 金川 表示 目前 國內 一 天 篩檢 600700 人 是 不夠 的 雖然 臺灣 對 選擇 篩檢 物件 較 嚴謹 但 以 日前 寶瓶 星號 為 例 全船 1700 多 名 旅客 只 有 120 多 人 采 檢 送驗 雖然 疫情 指揮中心 合理 設 了 篩檢 條件 包括 有無 發燒 有無 呼吸道 症狀 及 旅遊 史 等 但 在 會 有無 症狀 傳播 者 前提 下 這樣 的 篩檢 太 保守 防疫 要 料 敵 從寬 只要 檢驗 量 能 足以 應付 就 應 儘量 去 找 篩檢 太 少 問題 同樣 反應 在 確診 病例 接觸 者 檢驗 上 葉 金川 說 目前 只 對 確診 病例 親密 接觸 者 采 檢 至於 一般 接觸 者 要 有 症狀 才 采 檢 由於 新冠肺炎 傳染 力 強 先前 也 有 孫女 只 探視 外祖母 就 被 感染 如果 檢驗 量 能 許可 將 一般 接觸 納入 篩檢 也 無妨 接觸 者 采 檢 可 更 多 葉 金川 強調 現在 疫情 指揮中心 已將 一 天 檢驗 量 能 提升 到 2500 件 以上 由於 大陸 一些 因 新冠肺炎 封 城 的 城市 在 不久 的 未來 會 啟封 屆時 每天 有 上千 名 台商 及 小孩 要 回來 疫情 指揮中心 要 自問 這樣 的 檢驗 量 夠 嗎 以 現階段 篩檢 量 能 答案 顯然 是 不夠 將 檢驗 量 能 繼續 提高 是 接下來 要 努力 旳 重要 方向</t>
  </si>
  <si>
    <t>追加 第 3 劑 疫苗 acip 專家 達 共識 指揮中心 明 公佈</t>
  </si>
  <si>
    <t>全球 紛紛 開 打 第 3 劑 covid-19 疫苗 針對 國內 第 3 劑 接種 細節 衛福部 傳染病 防治 諮 詢 會 預防接種 組 acip 今天 開會討論 專家 已 達 共識 將 由 指揮中心 指揮官 陳時中 決議 預計 明天 記者會 公佈 covid-19 2019 冠 狀 病毒 疾病</t>
  </si>
  <si>
    <t>第 3 劑 施打 指揮中心 接種 疫苗</t>
  </si>
  <si>
    <t>指揮中心 最 快 可能 在 11 月 上旬 開放 az 混打 bnt 一度 傳出 第二 劑 az 的 棄 打 潮 對此 前臺 大 感染 科 醫師 林氏 璧 表示 國外 研究 顯示 az 混打 mrna 疫苗 的確 會 有 較 好 的 抗體 表現 但 疫苗 保護 力能 維持 多久 也 很 重要 目前 看來 mrna 疫苗</t>
  </si>
  <si>
    <t>因應 2022 年 1 月 農曆 春節 國人 返台 指揮中心 預估 明年 返台 人數 將 更 勝 2021 年 中央 流行 疫情 疫情 指揮中心 副 指揮官 陳宗彥 1 日 宣佈 在 不 調整 檢疫 14 天 及 7 天 自主 健康 管理 情況 下 推動 春節 期間 新 的 檢疫 措施 陳宗彥 指出 重點</t>
  </si>
  <si>
    <t>因應 2022 年 1 月 農曆 春節 國人 返台 指揮中心 預估 明年 返台 人數 將 更 勝 2021 年 中央 流行 疫情 疫情 指揮中心 副 指揮官 陳宗彥 1 日 宣佈 在 不 調整 檢疫 14 天 及 7 天 自主 健康 管理 情況 下 推動 春節 期間 新 的 檢疫 措施 陳 宗彥 指出 重點 高風險 國家 維持 入住 檢疫 場所 包含 印度 英國 緬甸 3 個 國家 監測 組 跟 邊境 組 會 根據 國際 及 3 個 國家 狀況 更新 調整 其他 國家 入境 的 會 採取 幾 個 部分 包括 第一 前 10 天 可以 入住 防疫 旅 宿 或是 自費 入住 集中 檢疫 場所 在 前 10 天 一樣 依照 檢疫 規範 入境 采 檢 一 次 第 10 天 采 檢 一 次 後面 4 天 如果 采 檢 陰性 之後 可以 搭 防疫 返回 住家 繼續 檢疫 返家 過程 必須 搭 防疫 計程車 回家 後 必須 是 一 人 一 戶 為 原則 進行 後面 4 天 檢疫 措施 如果 要 一 人 一 室 的話 必須 是 同 住 家人 都打滿 兩劑 第二 入境 時候 依照 現行 要 進行一 次 pcr 檢測 在 第 9 或 10 天 增加 一 次 pcr 檢測 檢測 采 檢 陰性 的 且 符合 剛剛 所說 的 要件 就 可以 返家 但 必須 一 人 一 戶 為 原則 一 人 一 室 必須 是 家裡 同 住 家人 都 完成 了 完整 的 兩劑 施打 就 可 以 一 人 一 室 而 在 期滿 期 一 天 也 會 再 做 一 次 pcr 檢測 第 三 入住 防疫 旅館 者 如果 是 同行 的 家人 原則 上 是 以 兩 個 人 同 住 防疫 旅館 一個 房間 的 規定 同時 處理 這個 時間 會 從 12 月 14 日 到 明年 2 月 14 日 為期 兩 個 月 來 推動 很多 已經 預計 在 2021 年 1 月份 返國 的 民眾 可 依 交通部觀光局 也 同時 跟 各縣市 觀光 主管機關 還 有 防疫 旅館業 者 去 調整 也 回 協助 旅客 如果 符合 相關 要件 後 4 天 可以 返回 家裡 做 檢疫 措施 時 就 會 退費 調整 變更 交通部 也 會 協助 各縣市 強化 防疫 計程車 的 量 能 因為 會 增加 防疫 旅館 返家 的 這 一 段 部分 量 能的 安排 交通部 也 會 協調 各縣市 計程車 業者 就 防疫 計程車 的 量 能 去 完備 這 是 有 關春節 部分 的 調整 措施</t>
  </si>
  <si>
    <t>新冠肺炎 衝擊 產業 經濟部 規劃 待 疫情 舒緩 後 推出 酷 碰 券 振興 抵 用 券 刺激 消費 其中 酷 碰 券 需 先 消費 才 享有 折 抵 被 立 委 批評 政策 不 食 人間煙火 傳出 經濟部 有意 調整 方案 是否 有 考慮 改 發現 金或 消費 券 經濟部長 沈榮津 今 表示 酷 碰 券 使用 方式會 傾聽 各界 意見 會 做 整體 考量 現在 還 在 蒐 集資 訊 階段 行政院 今天 召開 行政院 紓困 振興 進度 記者會 行政院長 蘇貞昌 率領 龔明鑫 政委 衛福部 經濟部 勞動部 交通部 財政部 主 計 總 處 等 部會首長 出席 說明 政府 近期 紓困 措施 進度 面對 政府 何時 啟動 振興 經濟 相關 措施 蘇貞昌 說 要 等 疫情 緩 下來 才會 實施 蘇貞昌 表示 不論 酷 碰 券 或 抵 用 券 等 振興 措施 希望 刺激 消費 現在 仍 在 防疫 階段 指揮中心 呼籲 大家 減少 群 聚 如果 這時候 推動 振興 方案 會 產生矛盾 之處 政府 不 該縣 在 鼓勵 民眾 出來 消費 會 視 疫情 發展 超前 部署 至於 酷 碰 券 方案遭 批評 限制 多 除 必須 綁 定 電子 支付 付款 且 民眾 必須 先 掏錢 才能 享有 折扣 刺激 消費 誘因 不足 出現 希望 政府 改 發現 金或 消費 券 的 聲浪 對此 沈榮津 表示 酷 碰 券 問題 各界 都 很 關注 也 提出 非常 多 的 建議 例如 透過 既有 電子 支付 平臺 限制 消費者 使用 通路 經濟部 會 收集 傾聽 各界 意見 後 做為 未來 相關 政策 調整 參考</t>
  </si>
  <si>
    <t>國內 暴 增 206 例 本土 案例 確診 人數 再 創下 單日 新 高 指揮中心 公佈 206 例 當中 新北 市 占 97 例 最 多 以 板橋 區 32 例 最 多 臺北市 為 89 例 其中 58 例 分佈 在 萬華 指揮中心 表示 今日 新增 206 例 本土 病例 為 90 名 為 男性 116 名 女</t>
  </si>
  <si>
    <t>國內 暴 增 206 例 本土 案例 確診 人數 再 創下 單日 新 高 指揮中心 公佈 206 例 當中 新北 市 占 97 例 最 多 以 板橋 區 32 例 最 多 臺北市 為 89 例 其中 58 例 分佈 在 萬華 指揮中心 表示 今日 新增 206 例 本土 病例 為 90 名 為 男性 116 名 女性 年齡 介於 未 滿 5 歲 至 80 多 歲 發病 日 到 采 檢 日 介於 4 月 6 日 到 5 月 15 日 確診 個案 分別 分佈 於 新北 市 97 例 臺北市 89 例 彰 化 縣 9 例 宜蘭 縣 新竹 縣 各 3 例 桃園 市 及 基隆 市 各 2 例 台中 市 1 例 指揮中心 指出 新北 市 97 例 確診 案例 中 以 板橋 32 例 最 多 另外 臺北市 89 例 中 其中 的 58 例 分佈 在 萬華</t>
  </si>
  <si>
    <t>三級 警戒 延長 指揮中心 各縣市 暫停 公祭</t>
  </si>
  <si>
    <t>北部 某 醫院 昨晚 傳出 疑 似 新冠肺炎 感染 事件 引發 民眾 焦慮 由於 指揮中心 尚未 說明 情況 一早 民眾 就 到 被 傳 有 院內 感染 的 醫院 官網 查詢 導致 該 醫院 官網 當 機 直到 今 下午 1 時多 點 進 該 醫院 網站 後 網頁 不僅 一直 轉 圈圈 最</t>
  </si>
  <si>
    <t>網 傳 高雄鳳 山 某 大 樓 29 日 下午 傳出 有 住戶 確診 大批 住戶 緊急 被 召回 采 檢 衛生局 會同 警方 前往 封樓 並 替 住戶 快 篩 衛生局 在 防疫 記者會 上 證實 該 訊息 強調 該 大樓 確實 出現 一 名 陽性 個案 目前 已 清查 並 召回 該 大樓 60 戶 150 多 人 進行 pcr 檢測 晚間 pcr 結果 出爐 會 將 住戶 分送 至 防疫 旅館 衛生局 表示 厘 清 陽性 個案 的 時序 後 發現 一些 關聯 性 的 存在 經 警方 協助 清查 緊急 召回 該 大樓 60 戶 150 多 人 進行 pcr 檢測 檢測 結果 預計 今晚 出爐 住戶 也 將 分送 至 防疫 旅館 衛生局 也 強調 陽性 個案 不 代表 確診 一切 還 是 以 中央 疫情 指揮中心 公佈 的 訊息 為 准 枋山 專案 篩檢 已 采 檢 1033 人 快 篩 及 pcr 結果 均 無 異常</t>
  </si>
  <si>
    <t>依 疫情 指揮中心 公告 第 11 期 covid-19 疫苗 預約 將 於今 起 開放 第一 劑 bnt 預約 明日 起 開放 第二 劑 az 預約 符合 本期 bnt 預約 資格 約 有 118萬 人 az 約 有 101萬 人 本次 特別 於 開放 疫苗 施打 資格 預先 查詢 功能 讓 民眾 能 先 查詢 是</t>
  </si>
  <si>
    <t>依 疫情 指揮中心 公告 第 11 期 covid-19 疫苗 預約 將 於今 起 開放 第一 劑 bnt 預約 明日 起 開放 第二 劑 az 預約 符合 本期 bnt 預約 資格 約 有 118萬 人 az 約 有 101萬 人 本次 特別 於 開放 疫苗 施打 資格 預先 查詢 功能 讓 民眾 能 先 查詢 是否 符合 當 期 資格 若 符合 者 再於 開放 後 上線 預約 節省 大家 寶貴 時間 關貿 網路 表示 本次 於 covid 19 公費 疫苗 預約 平 1922 gov tw 首 頁 增加 資格 查詢 選項 民眾 點選 進入 後 只 需 輸入 身分 證號 及 健 保 卡號 平臺 便 會 帶出 資格 查詢 結果 未 符合 當 期 預約 資格 的 民眾 則 不必 再 浪費時間 上線 等候 排隊 第 11 期 資格 查詢 開放 3 天 就 已經 超過 150萬 人次 查詢 未來 每期 疫苗 開放 預約 前兩天 平臺 都會 開放 資格 查詢 功能 呼籲 民眾 多 加 運用</t>
  </si>
  <si>
    <t>苗栗 禁 移 工 外出 指揮中心 要求 回歸 3 級 警戒 標準 執行</t>
  </si>
  <si>
    <t>因應 春節 返國 隔離 居家 檢疫 民眾 大增 內政 部 政務 次長 陳 宗彥 3 日 視察 台南 市政府 警察局 防疫 電子 圍 籬 系統 工作 情形 希望 警 政 第一線 同仁 在 明年 1 月底 春節 專案 結束 前 多 辛勞 但 也 不 要 造成 民眾 困擾 一起 守護 邊境 社區 安全 讓 大家 平安 過年 陳 宗彥 3 日 視察 電子 圍 籬 系統 工作 情形 局長 方仰寧 率同 副 局長 主任 秘書 及 勤務 單位 主管 出席 報告 陳宗彥 除 感謝 第一線 基層 同仁 投入 防疫 工作 的 辛勞 也 當場 致贈 加菜金 由 勤務 指揮中心 執勤 官郭坤 輝 代表 接受 陳 宗彥 表示 電子 圍 籬 實施 1 年 10 個 月 以來 多數 國人 都 很 遵守 防疫 規範 違規 比率 不 到 千分之 3 民眾 檢疫 隔離 期間 為了 保護 別人 也 保護 自己 的 安全 14 天 1 個 人 關在 房間 確實 很 辛苦 希望 在 民政 和 警 政 關懷 下 一起 度過 隔離 期 陳 宗彥 強調 明年 春節 檢疫 工作 隔離 14 天 沒有 改變 因應 民眾 或 其 家人 已經 施打 疫苗 提供 10 4 或 7 7 專案 從 防疫 旅館 到 住 家中 間 的 轉換 過程 增加 勤務 中心 壓力 大家 要 辛苦 一點 預計 1 月 14 日 是 高峰期 但 勤務 至少 要 執行 到 1 月底 感謝 大家 以 過去 累積下來 的 執行 經驗 在 不 造成 民眾 困擾 下 把 防疫 工作 做好 台南 市 警察局 表示 凡 接 獲 電子 圍 籬 示 警 案件 立即 同步 以 110 系統 派遣 轄區 同仁 前往 查處 電子 圍 籬 啟用 至今 共計 查獲 44 件 44 人 違反 外出 規定 案件 有的是 不 清楚 規定 外出 倒 垃圾 有的是 罔 顧 規定 跨縣 市 去 參加 廟會 活動 均 已 移 請 衛生局 裁 罰</t>
  </si>
  <si>
    <t>根據 疫情 指揮中心 資料 顯示 雙北 的 家戶 傳播 率 大約 在 40 45 台中 也 有 三 分之二 的 確診 者 是因為 家庭 群 聚 所 感染 國泰醫院 感染 科 醫師 崔可忠 建議 依照 風險 高低 來 決定 家中 環境 的 消毒 頻率 如果 幾乎 都 沒 出門 外出 地點</t>
  </si>
  <si>
    <t>根據 疫情 指揮中心 資料 顯示 雙北 的 家戶 傳播 率 大約 在 40 45 台中 也 有 三 分之二 的 確診 者 是因為 家庭 群 聚 所 感染 國泰醫院 感染 科 醫師 崔可忠 建議 依照 風險 高低 來 決定 家中 環境 的 消毒 頻率 如果 幾乎 都 沒 出門 外出 地點 也 沒有 聚集 人潮 可以 大約 每週 消毒 一 次 就 好 將 漂 白水 清水 以 1 比 19 的 比例 混合 擦拭 家中 地板 門把 以及 家人 經常 碰 觸 的 物品 崔可忠 說 如果 經常 出入 高風險 地區 如 醫院 或是 從 傳統 市場 返家 若 能 每次 返家 就 能 全面 消毒 當然 更 好 或是 改 而 針對 重點 區域 如 門口 玄關 消毒 阻絕 病毒 於 家門 之外 家門 之內 也 可以 最好 風險 管 控 尤其 是 其中 一個 家人 出現 症狀 時 只 要 提高 警覺 絕對 有 機會 阻止 家戶 傳播 中國 醫藥 大學 新竹 附設 醫院 感染 科 主任 張凱音 分享 一個 成功 案例 一 位 家 住 新竹 的 男子 有 雙 北 活動 史 為 避免 風險 返家 後 就 先 把 隨身 物品 與 家人 分開 擺放 後來 他 出現 喉嚨 痛 等 疑 似 症狀 除了 在家 也 戴 上 口罩 之外 也 立即 與 家人 分開 飲食 與 妻子 分房 睡覺 後來 男子 果然 確診 但 醫護人員 卻 驚訝 發現 家人 完全 沒 被 傳染 就 連 公司 同 事 也 沒人 中 鏢 可見 做好 防護 措施 絕對 能 發揮 效果 臺北市 長 柯文哲 日前 也 建議 家庭成員 不 要 共 餐 碗筷 不要 共用 浴 廁 分 開始 用 經常 使用 的 物品 多 消毒 從 這些 細節 做起 就 能 降低 家戶 傳播 的 機 率 對於 疫情 未來 走向 張凱音 認為 須有 長期抗戰 的 準備 以 臺灣 目前 來說 病毒 已經 太 深入 每個 社區 角落 了 要 清零 已經 相當 困難 依照 過去 對 抗 病毒 的 經驗 看來 要 做 到 三 件 事 才 可能 終結 疫情 第一 是 大規模 篩檢 疫情 重災區 要 密集 篩檢 低 風險 則 要 精准 篩檢 主要 是 希望 能 搶先一步 控制 住 感染 範圍 其次 是 藥物 但 目前 仍 沒有 特別 有效 的 治療 藥物 最後 則 是 盡 速 施 打 疫苗 目前 日本 捐贈 近 124萬 劑 az 疫苗 已 陸續 配送 開放 疫苗 接種 順序 1 至 7 類 族群 施打 包括 醫護 員警 防疫 社 福人 員 以及 75 歲 以上 長者 截至 6 11 為止 累計 接種 79萬9129 人次 疫苗 接種 率 約 34 更 多 ctwant 報導</t>
  </si>
  <si>
    <t>跨 年 夜 臺北市 桃園 市 靠 天 網 揪 出有 自主 健康 管理者 違反 參加 大型 集會 的 規定 雖 中央 疫情 指揮中心 已 正 名為 電子 圍 籬 20 強調 非 對 全民 監控 但 仍 引發 爭議 對此 宅 神 朱學 恒 表示 還是 支持 把 居家 檢疫 時</t>
  </si>
  <si>
    <t>跨 年 夜 臺北市 桃園 市 靠 天 網 揪 出有 自主 健康 管理者 違反 參加 大型 集會 的 規定 雖 中央 疫情 指揮中心 已 正 名為 電子 圍 籬 20 強調 非 對 全民 監控 但 仍 引發 爭議 對此 宅 神 朱學 恒 表示 還是 支持 把 居家 檢疫 時間 延長 到 21 天 只 要 7 天 自主 健康 管理 還 能 出門 天 網 也 抓 不 乾淨 啦 朱學 恒 今 5 日 在 臉書 引述 紐約時報 中文 網 報導 指出 臺灣 的 觀點 是 隔離 14 天 後 仍 無 症狀 的 病毒 攜帶 者 不太可能 具有 很 強 的 傳染性 不過 衛福 部長 陳時中 也 提到 毫不 懷疑 有 一些 無 症狀 的 病例 從未 被 發現 而 問題 是 他 的 病 沒有 產生 問題 是不是 要 花 很 大 力氣 去 把 這些 不 會 產生 問題 的 人 找 出來 還是 要 集中 精神 去 做 其他 已經 有 問題 的 朱學 恒 直言 只 希望 智 障 側翼 看得懂 陳時中 自己 承認 有 感染者 早就 進入 國門 只 是 不 想 花 資源 去 追蹤 而已 不要 再 拿 什麼臺灣 銅牆鐵壁 的 神話 到處 洗版 你們 的 神 已經 把 你們 的 臉 都 打到 外 太空 去 了 好 了 啦 回家 睡覺 啦 此外 朱學 恒 認為 應 把 居家 檢疫 時間 延長 到 21 天 只 要 7 天 自主 健康 管理 還 能 出門 即使 出動 天 網 也 抓 不 乾淨 網友 問 說 國際 上有 強制 隔離 21 天 的 國家 嗎 朱學 恒 則 回 覆 越南 是 28 天 另 有 網友 也 同意 居家 檢疫 應 拉長 到 21 天 7 天 自主 管理 邏輯 是 很 奇怪 去 演唱會 抓 出來 開 罰 去 上班 或 聚餐 或是 出門 等等 都 沒事 要 做 就 做到 最好 最 嚴厲 並 提到 不 覺得 陳時中 是 個 很 好 的 部長 人選 太軟 了 事 到 關頭 還 在 同 理 心</t>
  </si>
  <si>
    <t>聯 亞 疫苗 eua 審核 結果 未 通過 指揮中心 指揮官 陳時中 指出 是 聯 亞 的 中和 抗體 效力 差 是 未 通過 的 主因 然而 胸腔 暨 重症 醫師 黃軒 表示 不 想 重症 死 掉 需要 的 不 只 是 抗體 而是 t 細胞 的 反應 直言 中和 抗體 檢測 多 好 多 高</t>
  </si>
  <si>
    <t>總統 蔡英文 今天 2 日 在 疫情 指揮中心 指揮官 衛福 部長 陳時中 陪同 下 視察 指揮中心 她 坦言 這 段 時間 有時 很 害怕 接到 陳時 中的 電話 蔡英文 表示 疫情 指揮中心 每天 開 記者會 應該 是 收視率 最高 的 時候 她 可說是 一 喜 一</t>
  </si>
  <si>
    <t>總統 蔡英文 今天 2 日 在 疫情 指揮中心 指揮官 衛福 部長 陳時中 陪同 下 視察 指揮中心 她 坦言 這 段 時間 有時 很 害怕 接到 陳時 中的 電話 蔡英文 表示 疫情 指揮中心 每天 開 記者會 應該 是 收視率 最高 的 時候 她 可說是 一 喜 一 憂 因 憂心 疫情 失控 所以 每天 都 要 看 指揮中心 的 報告 去 瞭解 疫情 是不是 穩定 喜 的 是 整個 社會 對 專業 人員 的 尊敬 和 信任 越來越 深 據 東森 新聞 雲 報導 蔡英文 也 坦言 她 這 段 時間 有時 很 害怕 接到 陳時中 打來 的 電話 因為 可能 確診 的 人數 比較 多 她 的 心情 會 比較 不好 一點 但是 她 也 很 期待 陳時中 打電話 告知 每 一個 重要 發展 她 自己 的 心情 和 國人 是 一樣 的 每天 起起伏伏 但是 心裡 還是 有 穩定 的 感覺 因為 我們 有 一個 很 好 的 團隊 在 照顧 這個 國家 及 每 一個 國人</t>
  </si>
  <si>
    <t>陳時中 衛福 部長 蔡英文 疫情 指揮中心 新冠肺炎</t>
  </si>
  <si>
    <t>新型 非洲 變種 病毒 omicron 來勢洶洶 為 提高 民眾 疫苗 施打 率 屏 東 縣政府 與 縣 內 百貨公司 合作 廣 設施 打 站 加上 屏 東 火車站 及 家樂福 等 增設 疫苗 施打 站 縣府 呼籲 民眾 儘早 接受 疫苗 施打 以 提升 自身 保護 力 首 位 在 屏 東 太平洋百貨 施打 疫苗 的 林小姐 說 自己 第一 劑 打 az 聽 聞 可以 混打 莫德納 便 決定 就近 施打 她 笑 著 說 因為 第一 劑 施打 完畢 身體 不適 副作用 大 加上 別人 說 莫德納 第二 劑 很 恐怖 因此 決定 親身 體驗 感受 兩者 不同 屏 東縣 衛生局 表示 即日起 除了 針對 學生 及 上班族 群 在 屏 東 火車站 設站 外 潮州 火車站 也 在 接洽 安排 中 另外 針對 社區 民眾 與 家樂福 太平洋百貨 環球 百貨 合作 12 月 4 日 星期六 下午 1 點 到 5 點 在 家樂福 新 屏 店 12 月 6 日 星期一 下午 3 點 到 8 點 在 家樂福 仁愛店 12 月 1 日 至 12 月 5 日 下午 5 點 到 8 點 分別 在 環球 百貨及 太平洋百貨 都有 提供 莫德納 疫苗 施打 服務 提醒 民眾 記 得 帶 健 保 卡 第二 劑 要 帶 黃卡 前往 衛生局 施丞貴 局長 表示 非常感謝 屏 東 火車站 家樂福 環球 百貨 及 太平洋百貨 對 縣府 疫苗 政策 的 支持 也 提醒 民眾 新型 非洲 變種 病毒 omicron 國際 間 逐漸 蔓延 在 許多 國家 都 已 出現 確診 個案 國人 切不可 輕忽 雖然 流行 疫情 指揮中心 加強 邊境 管制 但 病毒 仍 可能 潛伏 在 人體 內 未 被 檢 出 呼籲 民眾 儘早 完成 covid-19 疫苗 施打 儘早 產生 抗體 以 提升 保護 力 日常生活 中 時時 做好 防疫 措施 就 能 享有 一個 平安 又 愉快 的 春節假期</t>
  </si>
  <si>
    <t>外籍人士 盼 延 簽 指揮中心 相信 外交部 會 視 情況 准許</t>
  </si>
  <si>
    <t>新冠肺炎 疫情 擴散 出門 戴 口罩 已成 全民 習慣 但 民眾黨 立 委 高虹 安 質疑 對比 1 月底 到 3 月中 的 口罩 總數 與 分配 量 發現 有 7600萬 口罩 不翼而飛 對 此 中央 疫情 指揮中心 指揮官 陳時中 記者會 上 回應 指出 這些 口罩 會用 來 作為 14 天</t>
  </si>
  <si>
    <t>國產 聯 亞 疫苗 沒有 通過 緊急 授權 eua 關於 國內 參加 聯 亞 第二 期 人體 臨床 試驗 的 3800 多 名 受試者 接下來 該 怎麼辦 衛福 部長 陳時中 表示 將 依照 受試者 意願 協助 安排 接種 其他 疫苗 可以 打 其他 廠 牌 也 可以 等 聯 亞 第 三期 臨床 試驗 衛福部 食 藥 署 昨 15 日 召開 專家 會議 審查 聯 亞 疫苗 21 名 專家 中 有 17 人 投下 不 同意 票 4 人 要求 補 件 再議 因此 不予 核准 專案 製造 陳時中 今 16 日 公佈 很 遺憾 聯 亞 疫苗 無法 取得 緊急 授權 eua 指揮中心 指出 參與 聯 亞 臨床 試驗 的 受試者 簽署 受試者 同意書 時 已 充分 告知 試驗 過程 中 可 隨時 退出 試驗 且 不 需 任何理由 臨床 試驗 受試者 於 退出 或 完成 試驗 後 之 後續 疫苗 施打 規劃 將 專案處理 接種 前 應 與 醫師 討論 身體狀況 並經 專業 評估 相關 風險 後 再 接種 疫苗 據 瞭解 聯 亞 疫苗 第二 期 臨床 試驗 收 案 約 3800 人 包括 12 至 18 歲 青少年 19 至 64 歲 的 成人 以及 65 歲 以上 的 長者 陳時中 表示 若 受試者 想 接種 國內 現有 的 疫苗 會 協助 安排 其他 廠 牌 的 疫苗 接種 由於 聯 亞 仍 可 繼續執行 第 三期 人體 臨床 試驗 未來 可循 一般 疫苗 上市 程式 向 食 藥 署 申請 藥 證 如果 受試者 要 等 到 第 三期 臨床 試驗 也 尊重 受試者 意願</t>
  </si>
  <si>
    <t>指揮中心 急 發 8萬 多 則 警示 簡訊 提醒 曾赴 環南 民眾 速 采 檢</t>
  </si>
  <si>
    <t>新冠肺炎 如 sars 嚴重 急性 呼吸道 症候 群 一樣 會 留下 肺部 纖維 化 後遺症 指揮中心 專家 諮 詢 小組 召集人 台大 副 校長 張上淳 昨 表示 目前 國內 第 1 起 案例 有 較 明顯 的 肺炎 症狀 經 電腦 斷層 檢查 發現 肺部 有 一點 纖維 化 出院 時</t>
  </si>
  <si>
    <t>新冠肺炎 如 sars 嚴重 急性 呼吸道 症候 群 一樣 會 留下 肺部 纖維 化 後遺症 指揮中心 專家 諮 詢 小組 召集人 台大 副 校長 張上淳 昨 表示 目前 國內 第 1 起 案例 有 較 明顯 的 肺炎 症狀 經 電腦 斷層 檢查 發現 肺部 有 一點 纖維 化 出院 時 肺 功能 也 還 沒有 完全恢復 跟 sars 及 h 7 n 9 也 會 產生 肺部 纖維 化 有點 類似 張上淳 表示 目前 國內 26 例 新冠肺炎 病例 僅 有 第 1 例 及 最近 找 不 到 感染 源 的 60 多 歲 婦人 狀況 較為 嚴重 其 餘 均 為 輕 症 目前 國內 第 1 例 新冠肺炎 的 50 多 歲 女 台商 已經 出 院 對於 外界 表示 自 浙江 台商 身上 驗 出 的 微 陽性 抗體 可 作為 治療 之用 張上淳 指出 目前 大陸 有 試驗 用 這個 方法 去 治療 病人 但 這 名 台商 身上 驗 出 的 抗體 並 不 高 如果 要以 血漿 抗體 治療 的話 反而 是 我們 先前 出院 的 2 位 病例 的 抗體 較 高 要用 也 是 用 這 2位 的 但 還要 考慮 實際 狀況 及 患者 同意 臺灣 感染症 醫學會 理事長 黃立民 則 表示 肺部 纖維 化 顯示 肺部 曾 被 嚴重破壞 有些 免疫 反應 會 造成 肺部 纖維 化 還有 一些 病毒 像是 sars 及 h 7 n 9 感染 也 已 知會 造成 肺部 纖維 化 他 強調 每個 病毒 會 造成 身體 如何 的 傷害 通常 要 經歷 過 才 知道 依 大陸 及 國內 病例 來看 新冠肺炎 也 會 造成 肺部 纖維 化 如同 在 17 年 前 sars 病 患 有 1 3 均 留 下 肺部 纖維 的 後遺症 不少 病 患 深受 後遺症 之 苦</t>
  </si>
  <si>
    <t>10 天 說明 0 確診 零 確診 指揮中心</t>
  </si>
  <si>
    <t>新冠肺炎 文化部 臺灣 指揮中心 covid-19</t>
  </si>
  <si>
    <t>臺北市 員 警 臉書 po 文 指 上 月底 處理 一起 在家 死亡 案 因 死者 死 前 發高燒 通知 衛生 單位 遭 甩 鍋 衛生局 不 派員 到場 行政 相 驗 推 給 司法 相 驗 引發 檢 改 團體 劍 青 檢 改 質疑 8 日 呼籲 指揮中心 勿 坐 視 檢察官 司法 相 驗 案件</t>
  </si>
  <si>
    <t>全國 防疫 警戒 升至 三級 後 疫情 指揮中心 要求 外出 必須 戴 口罩 否則 最重 可 罰 15萬 元 但 開車 要 不 要 戴 反成 民眾 困擾 由於 各縣市 標準 不一 指揮中心 將 於 今天 召開 的 全國 防疫 會議 中 訂 出 指引 供 外界 遵守 指揮中心 發言</t>
  </si>
  <si>
    <t>快 篩 容易 偽 陽性 指揮中心 采 檢 兩 次 更 精准</t>
  </si>
  <si>
    <t>臺灣 新冠肺炎 目前 共有 26 例 確診 案例 臺北市 長 柯文哲 屢屢 喊話 中央 公佈 確診 者 的 居住 地點 且 稱 不 知道 北市 是否 有 確診 者 有 網友 整理 衛福部 公開 資訊 統計 目前 臺北市 確診 者 共 7 人 是 全台 最 多 這 名 網友 稱 自己 是 台南 的 資訊 人員 在 2015 製作 登革熱 地圖 時就 知道 可以 取得 鄉鎮 市區 層級 的 統計資料 因 病例 數字 激增 且 自己 也 身處 於 病例 數字 最 多 的 台南 北 區 當時 家 人 也 感染 了 登革熱 因此 著 手 人工整理 台南 市政府 衛生局 公開 的 村裡 層級 資料 而後 促成 了 疾 管署 願意 直接 提供 系統化 的 資料 這個 過程 讓 我 覺得 好像 幫 傳染病 資料 的 開放 推進 一個 里程碑 也 加深 了 對 政府 的 信任 這 名 網友 說 自己 很 無法 適應 這次 資訊 揭露 的 倒退 所以 在 取得 資料 之 後 第一時間 選擇 了 公開 它 即使 縣 市 層級 的 資料 其實 還 是 退 了 一小 步 根據 這 名 網友 的 整理 臺北市 共 7 人 新北 3 人 宜蘭 1 人 桃園 1 人 台中 4 人 彰 化 5 人 南 投 2 人 台南 1 人 高雄 2 人 其 餘 縣 市 則 都 是 0 人 衛福 部長 陳時中 昨晚 call in 到 電子媒體 節目表 示 大家 對於 疫情 的 公佈 一直 有 爭論 而 指揮中心 目前為止 至少 兩 次 對於 疫情 公開 有 幾 本 原則 就是 特定 的 能 掌握 的 人員 就 不 公佈 有 不 特定 且 掌握 不 到 的 就 會 公佈 他 說 一直 以來 都 依據 這個 原則 就 像 日前 鑽石 公主 號 因為 沒 辦法 掌握 每個 人 所以 公佈出來 讓 大家 知道 這些 旅客 走過 的 點 有 哪些 在 哪些 時間 去 的 可以 早期 發現 可以 早期 預防 基本上 有助於 防疫 的 我們 才 會 公佈 至於 柯文哲 稱說 不 知道 陳時中 表示 根據 傳染病 防治法 第 四十三 條 地方 主管機關 接 獲 傳染病 或是 疑 似 傳染病 報告 時 應 迅速 檢驗 診斷 調查 來源 並 採行 必要措施 後 報告 中央 主管機關 也就是說 知道 疫情 的 第一手 單位 是 地方 主管機關 地方 政府 是 第一 手 接到 訊 息 的 然後 依法 才是 地方 政府 揭露 訊息 展開 相關 疫情 在 跟 中央 報告 制度 設計 上 是 同時 讓 兩者 都 知道 因為 防疫 很 緊迫 中央 地方 都 要 動 起 來 有 任何 疫情 地方 中央 訊息 都 是 同步 的</t>
  </si>
  <si>
    <t>繼 上周 二 臺灣 出現 首例 出院 後 複 陽 案例 指揮中心 專家 諮 詢 小組 召集人 張上淳 今 再 宣佈 另外 有 3 名 個案 出院 後 又 複 陽 均 是 有 症狀 回診 才 發現 但 他 強調 病毒 到 後期 基本上 不具 傳染 力 呼籲 外界 不 要 將 感染者 標籤 化 張上淳 指</t>
  </si>
  <si>
    <t>繼 上周 二 臺灣 出現 首例 出院 後 複 陽 案例 指揮中心 專家 諮 詢 小組 召集人 張上淳 今 再 宣佈 另外 有 3 名 個案 出院 後 又 複 陽 均 是 有 症狀 回診 才 發現 但 他 強調 病毒 到 後期 基本上 不具 傳染 力 呼籲 外界 不 要 將 感染者 標籤 化 張上淳 指出 另外 有 3 名 個案 出院 以後 又 出現 陽性 但 這些 檢測 基本上 介於 陰陽 之間 目前 國內 對於 新冠肺炎 感染者 的 管理 採取 高標準 必須 要 三 采 陰 才 可以 出院 返家 後 也 必須 進行 七 天 的 自主 健康 管理 確保安全 張上淳 說 近期 有 幾 名 個案 在 返家 後 又 被 驗 出 陽性 多 屬於 病毒 量 很 低 的 狀況 就算 有 傳染 力 也 很 低 大多 也 是 家庭 間 的 感染 並 不容易 出現 在 社區 張上淳 進一步 說明 曾對新冠肺炎 患者 的 每個 階段 進行 病毒 培養 但 發現 到 後期 很 難 將 病毒 培養出來 因 此 目前 專家 一致 認為 個案 解 隔離 後 都 非常 安全 並不 具 傳染給 社區 的能力 外界 不用 過度 擔心 張上淳 表示 根據 韓國 的 資料 顯示 曾有 一百 多 名 患者 解 隔離 後 回 到 社區 有 複 陽 狀況 但 都 沒有 傳染給 社區 因此 民眾 對於 解 隔離 的 患者 不用 太 感到 害怕</t>
  </si>
  <si>
    <t>威士特丹 號 郵輪 遭 5 國 拒絕 靠岸 今 13 日 終於 在 柬埔寨 暫時 落腳 指揮中心 指揮官 陳時中 表示 我方 和 各個 國家 討論 後 初步 決定 該 郵輪 包含 乘客 船員 非本 國籍 者 都 不 得 到 臺灣 入境 轉機 威士特丹 號 郵輪 ms westerdam</t>
  </si>
  <si>
    <t>威士特丹 號 郵輪 遭 5 國 拒絕 靠岸 今 13 日 終於 在 柬埔寨 暫時 落腳 指揮中心 指揮官 陳時中 表示 我方 和 各個 國家 討論 後 初步 決定 該 郵輪 包含 乘客 船員 非本 國籍 者 都 不 得 到 臺灣 入境 轉機 威士特丹 號 郵輪 ms westerdam 海上 漂流 兩 周後 今天 13 日 停靠 柬埔寨 根據 船舶 追蹤 服務 網站 marine traffic 公佈 的 資料 船上 共 搭載 1455 名 乘客 與 802 名 船員 的 威士特丹 號 郵輪 今天 清晨 抵達 柬埔寨 施亞努 港 sihanoukville 停泊點 陳時中 表示 今天 得 到 柬埔寨 的 允許 相關 人員 下船 我方 對此 訊息 及 名單 也 有 掌握 裡面 有 2 個 台籍 人士 之後 回來 要 做 隔離 檢疫 送 到 醫院 做 相關 檢查 確保安全</t>
  </si>
  <si>
    <t>國內 疫情 趨 緩 本土 病例 今 12 日 再度 加 零 指揮中心 昨天 已 宣佈 全國 醫院 慢性病 房 有 條件 開放 探病 隨 著 警戒 措施 逐漸 放寬 外界 好奇 外出 何時 才能 不用 再 戴 口罩 專家 表示 終於 走 到 這 一 天 相信 只要 疫苗 覆蓋率 達 七 成 以</t>
  </si>
  <si>
    <t>雙鐵 解禁 飲食 指揮中心 戴 口罩 新冠肺炎</t>
  </si>
  <si>
    <t>台男 赴 澳門 檢 出 delta 病毒 指揮中心 曝 感染 源 非 近期 感染</t>
  </si>
  <si>
    <t>因應 新冠肺炎 疫情 各地 景點 實施 人流 管制 太 魯 閣 國家公園 即日起 實施 停車場 減半 管制 措施 有 遊客 繞 了 幾 圈 沒 停車位 就 離開 但 多 表示 配合 不覺 得 不 方便 另 縣府 做出 最新 決定 配合 中央 疫情 指揮中心 規定 花蓮東 大</t>
  </si>
  <si>
    <t>高端 第二 劑 接種 計 畫 出爐 指揮中心 9 27 起 施 打</t>
  </si>
  <si>
    <t>蔡 政府 取得 疫苗 牛步 指揮中心 指揮官 陳時中 說 先 專注 完成 鴻 海 台積電 採購 1000萬 劑 bnt 專案 太 多 單位 自 購 會 引發 困擾 藍委 賴士葆 表示 陳 的 說法 彷 佛 欲 幫 國家 取得 戰略物資 疫苗 的 團體 是 來 亂 的 或 博取 名聲 且 和 蔡英</t>
  </si>
  <si>
    <t>蔡 政府 取得 疫苗 牛步 指揮中心 指揮官 陳時中 說 先 專注 完成 鴻 海 台積電 採購 1000萬 劑 bnt 專案 太 多 單位 自 購 會 引發 困擾 藍委 賴士葆 表示 陳 的 說法 彷 佛 欲 幫 國家 取得 戰略物資 疫苗 的 團體 是 來 亂 的 或 博取 名聲 且 和 蔡英文 總統 說 用盡 所有 的 方法 與 管道 拿到 疫苗 的 說法 相互 矛盾 難道 是 蔡和 陳 互唱 黑白 臉 嗎 賴士葆 說 感謝 立陶宛 將 捐助 2萬 劑 az 疫苗 顯然 臺灣 缺乏 疫苗 的 窘境 已經 引起 世界 各國 的 注意 現今 有 將近 500萬 劑 可以 施 打的 疫苗 絕大多數 是 靠 捐贈 而來 包含 來自 美國 的 250萬 劑 日本 的 124萬 劑 政府 自行 採購 的 只 有 110萬 左右 賴士葆 表示 臺灣 的 經貿 實力 在 世界排名 前段 班 如今 疫苗 卻 淪落 到 世界 的 後 段班 主要 需 靠 人 捐贈 情 何以 堪 國人 很 期待 看到 的 畫面 應該 是 如 防疫 前半場 臺灣 送 世界 很多 國家 口罩 的 taiwan can help 而非 現在 疫苗 階段 需 靠 人 捐贈 的 taiwan needs help 賴士葆 指出 很多 國家 準備 的 疫苗 是 人口總數 的 幾 倍 並且 已經 在 儲備 及 採購 明年 的 疫苗 臺灣 目前 連讓 國人 打完 第一 劑 都 很 困難 所以 蔡英文 總統 在 受訪 的 時候 說 用盡 所有 的 方法 跟 管道 希望 拿到 疫苗 任何 廠 牌 都 願意 去 試 但 事實 真 是 如此 嗎 賴士葆 說 基於 愛護 斯土 斯民 幾 個 縣市政府 鴻 海 台積電 佛光山 孫文 學校 總 校長 張亞中 慈濟 等 都 紛紛 表達 想要 發揮 影響力 幫助 取得 疫苗 救命 全民 都樂 見 其成 指揮官 陳時中 卻說 緊急 授權 給 台積電 和 鴻 海 是 特殊 的 採購 專案 如果 多 家 同時 申請 管道 太 多 可能 妨礙 正 進行 中的 採購 專案 賴士葆 認為 陳時 中的 思維 真的 很 讓 人 瞠目結舌 原來 出錢出力 要 幫 國家 取得 戰略物資 的 疫苗 在 指揮中心 的 眼中 竟 成為 干擾 的 因素 好像 是 來 亂 的 或是 來 博取 名聲 的 所以 不 歡迎 陳 這種 說法 除了 突顯 他 官大 學問 大 的 官僚作風 外 顯然 與 蔡英文 的 說法 相互 矛盾 賴士葆 質疑 看來 要 幫 政府 做 事 要 有 唾面自乾 的 本事 政府 僚 氣 的 列出 一 堆 原則 檔 讓 各路人馬 識相 最後 知難而退 這 就 是 現今 的 光景 這 是 蔡英文 和 陳時中 互唱 黑白 臉 嗎</t>
  </si>
  <si>
    <t>針對 磐石 艦 爆發 疫情 蔡英文 總統 今天 表示 國防部 嚴德發 部長 已向 她 自 請 處分 我 告訴 他 目前 最 重要 是 確保 整體 國軍 防疫 與 疫 調 工作 用 最高 標準 盡 速 進行 她 要求 嚴德發 應 持續 調查 厘 清 問題 癥結 並 將 調查 的 階段 結果 隨時 向社會 說明 待 完整 調查 後 進行 相關 人員 的 懲處 蔡英文 今晚 在 臉書 表示 針對 磐石 艦 爆發 疫情 國防部 嚴德發 部長 今天 已向 她 自 請 處分 她 要求 在 當前 台海 情勢 下 國軍 絕不能 因為 本案 影響 國軍 日常 的 戰力 整備 和 國家 安全 的 維護 任務 蔡英文 表示 她 要求 嚴 部長 國防部 應 坦誠 面對 問題 現階段 國軍 更 應該 積極 強化 防疫 作為 在 初步 的 調查 中 國防部 已 整理 出 四大 缺失 部長 也 將 主 責 的 將領 調離 現職 本案 應 持續 調查 厘 清 問題 癥結 並 將 調查 的 階段 結果 隨時 向社會 說明 待 完整 調查 後 進行 相關 人員 的 懲處 我 也 請 行政院 負責 相關 業務 的 羅秉成 政委 繼續 督導 本案 的 進度 她 說 該 坦承 的 絕不 隱匿 該 負責 的 絕不 逃避 勇敢 面對 才是國 軍 本色 調查 和 檢討 只 是 一個 開端 嚴 部長 更 重要 的 任務 是 徹底改變 導致 這次 缺失 的 根本 問題 面對 疫情 擴散 的 風險 她 要求 本案 所 有 相關 人員 務必 配合 疫情 指揮中心 的 疫 調 及 國防部 專案小組 的 調查 不得 有所 隱瞞 對於 接受 疫 調 的 相關 人員 我 也 請 社會 給予 當事人 空間 尊重 他們 的 隱私</t>
  </si>
  <si>
    <t>近日 網路 流傳 日本 捐贈 給 臺灣 的 124萬 劑 az 疫苗 已過期 日本 要 給 臺灣 更 多 但 臺灣 不要 綠 委 劉世芳 羅致 政 黃世傑 今日 召開 記者會 表示 這 是 經過 變 造 的 錯誤 訊息 沒 想到 藍營 的 新竹 縣 副 縣長 陳見賢 竟 惡意 傳遞 將 要求 陳見賢 出面 道歉 而 引用 這些 錯誤 訊息 者 也 會 請 政府 速 查 速辦 速 罰 羅致 政 指出 昨天 在 網路上 出現 日本 要 給 臺灣 不只 124萬 劑 az 疫苗 但 臺灣 說 不 需要 的 訊息 所以 才 給 這麼 少 但 這 完全 是 變 造 過 的 錯誤 訊息 羅致 政 說 陳見賢 昨天 在 line 群 組 中 傳給 國民黨 代表 這 則 訊息 並 引用 日本 外相 在 日本國會 作證 內容 提到 臺灣政府 沒有 想要 很多 疫苗 只 要 6 月 擋 一下 就 好 7 月 就 有 自己 的 疫苗 臺灣 這些 決策者 發國難財 死人 財 必定 絕子絕孫 羅致 政 表示 當 指揮中心 忙於 防疫 時 陳見賢 卻 忙 著 傳 假 訊息 完全 不適 格 而 傳給 黨代表 恐怕 是 有 組織 的 惡意 傳遞 假 訊息 昨日 還有 不少 電視 民 嘴 在 媒體 上 傳遞 這 則 訊息 對 此 要求 陳見賢 應 出來 道歉 而 傳遞 引用 這 則 訊息 者 政府 應速 查 速辦 速 罰 羅致 政 指出 外交部 今日 已 針對 這 則 訊息 出面 澄清 請 民眾 不要 再 轉 傳 否則 恐 有 涉及 違法 問題 羅致 政 強調 影片 內容 是 指 臺灣 可能 7 月 就 有 疫苗 日本 要 提供 救急 疫苗 並未 提到 疫苗 數字 也 沒有 提到 臺灣 官方 要求 多少 請 國民黨 不要 再 泡 制假 訊息 劉世芳 表示 這種 企圖 破壞 台 日 友好 的 假 訊息 是不是 背後 有 正在 認知 作戰 統戰 的 陰謀 這些 訊息 現在 經由 藍營 公眾人物 來 傳遞 請 民眾 不 可以 接受 黃世傑 指出 日本政府 在 6 月 4 日 送 來 124萬 劑 az 疫苗 臺灣 也 表達 感謝 之 意 但 遺憾 有人 在 刻意 操作 錯誤 訊息 指稱 這 批 疫苗 是 5 月份 就 到期 日本 人 不 要 的 這樣 的 訊息 在 網路上 不斷 傳播 黃世傑 說 經查 這 則 消息 所 引用 的 新聞 畫面 日期 是 2021 年 2 月 7 日 散佈者 利用 移花接木 的 方式 將 這次 的 日方 贈送 疫苗 資訊 惡意 連結 並 錯誤 傳遞 導致 民眾 對 預計 本 周 驗證 過 後 就 會 開始 施打 的 這 批 疫苗 產生 信心 動搖 對 推 展 疫苗 施打 是 非常 負面 的 效應 黃世傑 表示 指揮中心 已 說明 這 批 日方 提供 的 疫苗 10 月 才 到期 且 品質 要 經過 食 藥 署 驗證 過 後 才會 放行 民眾 請 放心</t>
  </si>
  <si>
    <t>新北 幼稚園 群 聚 案 延 燒 指揮中心 8 日 公佈 7 例 確診 案 都 是 新北 市 北市 0 臺北市 長 柯文哲 表示 中央 說 新北 幼稚園 跟 機師 的 基因 定 序 不 一樣 證明 delta 已 潛入 社區 且 不只 一 條 線 是 存 在 好幾 條 感染 源 北市 現在 疫 調 小組</t>
  </si>
  <si>
    <t>新北 幼稚園 群 聚 案 延 燒 指揮中心 8 日 公佈 7 例 確診 案 都 是 新北 市 北市 0 臺北市 長 柯文哲 表示 中央 說 新北 幼稚園 跟 機師 的 基因 定 序 不 一樣 證明 delta 已 潛入 社區 且 不只 一 條 線 是 存 在 好幾 條 感染 源 北市 現在 疫 調 小組 要 擴充 人力 12 區都 要 成立 小組 柯說 北市 疫情 看起來 還好 北市 7 日 7 家 醫院 pcr 篩檢 2801 人 陽性 0 因 篩檢 是 采 預約 制 這 應是上 一 波 110萬 細胞 簡訊 效果 目前 3 周 案例 看 起來 很 少 但 這 2 天 北 市府 已 忙 翻 新北 幼稚園 確定 是 delta 中央 還 說 跟 機師 的 基因 定 序 不 一樣 柯說 證明 delta 已 進入 社區 且 不只 一 條 線 是 好幾 條 感染 源 現在 是 雙北 共同 圈 現在 看似 風平浪靜 還 在 觀察 中 他 堅持 有 多少 證據 做 多少 事 未來 幾 天 看 居隔者 有無 問題 再 決定 怎 做 他 本 想 說 記者會 週一 三五 舉辦 的 次數 要 減少 但 現在 有 了 狀況 就 先 重整 delta 問題 及 防疫 系統 柯還 說 疫 調 小組 要 擴充 人力 12 個 行政區 要 各自 獨立 作業 衛生 員警 民政 系統 都 要 進來 人力 也 要 訓練 每個 區都 要 有 疫 調 小組 若 病例 超過 多 少時 隔壁 的 行政區 就要 支援 將來 疫情 發生 不見得 均勻 在 各 區 柯說 依照 過去 4 個 月 的 實戰經驗 由 副 市長 黃珊珊 指揮 防疫 計程車 還 是 主要 的 運輸工具 現有 100 台 要 擴充 至 200 台 防疫 巴士 則 尚不 實用 可 緊急 增 用 防疫 計程車 但 車子 要 改裝 司機 要 訓練 柯說 北市 防疫 專責 病床 有 372 床 每個 醫院 都 要 桌上 演習 接到 北 市府 命令 後 的 第 7 天 要 有 1421 床 每個 醫院 都 要 有 sop 以前 是 強迫 的 急行軍 當時 病房 不夠 至今 則 不 要 讓 空 的 病房 放在 那 有 需要 就 動員 柯說 旅館 分 4 種 一般 防疫 居隔 1 人 1 間 防疫 專責 旅館 北市 有 47 感染者 沒 症狀 大概 有 80 的 人 不用 住院 只是 咳嗽 感冒 而已 現 幫 病人 透過 血 氧 器 防疫 能量 已 比 以前 強大 很多 他 要 跟 市民 講 每個 危機 都 是 轉機 北市 已 比 4 個 月 前 的 防疫 能量 增強 很多</t>
  </si>
  <si>
    <t>口罩 實 名 制 20 第一 波 預購 結束 指揮中心 醫療 應變 組 副 組長 羅一鈞 19 日 表示 共有 1178萬 人 預購 呼籲 預購 民眾 要 在 21 日前 完成 繳費 第二 波 預購 將 接續 於 2526 日 限 時 兩 天 上網 登記 同樣 有 700萬 片 未來 更 將 一 週一 周 執行</t>
  </si>
  <si>
    <t>台中 市 4 日 新增 7 例 本土 確診 個案 3 例 為 梧棲 區 家庭 感染 該 家族 父女 都 在 同 一藥 局 工作 另 2 例 為 清水區 家庭 感染 其 餘 2 例 為 零星 個案 此外 市府 並 已 掌握 1 例 尚未 編號 案例 均 已 匡列 相關 接觸 者 相關 足跡 史也 已 加強 清 消 台中 市 衛生局長 曾 梓 展 4 日 在 中 市 疫情 指揮中心 記者會 上 一一 公佈 確診 個案 及 公共場所 足跡 一一 說明 梧棲 區 71 歲 藥師 案 10466 69 歲 妻子 案 10465 43 歲 在 藥局 工作 的 女兒 案 10360 一家 三 口 確診 最先 發病 的 是 家裡 的 女兒 25 日 出現 症狀 自行 服用 退燒藥 有 緩解 6 月 1 日 又 開始 出現 症狀 2 日 至 醫院 采 檢 後 確診 其 發病 前 5 月 20 日 曾至 梧棲 區 大家 來 大 賣 場 21 日 至 57 自助 洗 車 21 日 及 24 日 曾至 全聯福利中心 梧棲 文昌店 26 日 至 梧棲 區 中央 路一段 7 11 港 中 分店 而 該 名 確診 者 71 歲 藥師 爸爸 5 月 24 日 出現 症狀 69 歲 的 媽媽 5 月 28 日 也 出現 症狀 因 同 住 女兒 6 月 3 日 確診 倆 人 到 醫院 采 檢 後 確診 倆 人 發病 前後 會 至 住家 附近 位於 梧棲 大莊 郵局 對面 鄉村 漢堡 旁 的 菜 車 買 菜 清水區 確診 母女 分別 是 51 歲 案 10467 與 19 歲 女兒 案 10468 媽媽 在 雲林 台塑 廠 工作 經常 拜訪 雲林 大城鄉 台 西村 鄰長 鄰長 5 月 31 日 確診 她 5 月 29 日 出現 症狀 31 日 下午 辦理 離職 搭 公司 交通車 返回 台中 2 日 與 女兒 均 因 身體 不適 一同 前往 醫院 采 檢 後 確診 疫 調 時 發現 51 歲 媽媽 6 月 1 日 曾至 清水 第一 公有 零售 市場 購物 而 19 歲 女兒 因 5 月 12 日 曾 參加 統 測 平時 多 在家 準備 書 審 甚 少 出門 6 月 3 日 確診 大雅 區 35 歲 房仲其 59 歲 母親 經匡列 采 檢 也 在 6 月 4 日 確診 該 女 5 月 13 日 因病 手術 後 鮮 少 出門 還有 一 名 確診 者 是 龍井 區 21 歲 男性 案 10153 是 一大 學建教 生 平日 在 苗栗某 公司 非京 元 電子 實習 因 有 一 名 新北 市 的 同事 確診 全 公司 快 篩 出現 陽性 日前 采 檢 確診</t>
  </si>
  <si>
    <t>第 10 輪 bnt 昨 緊急 加開 對象 開放 在 9 月 29 日前 登記 意願 的 61 至 63 歲 民眾 打 第一 劑 於 今日 限 時 8 小時 預約 打 疫苗 符合 資格 者 可以 在 今天上午 10 點 起至 下午 6 點 登 入 疫苗 平臺 預約 打 疫苗 這 批 民眾 預計 可 在 10 月 10 日 至 10 月 14 日 接種 疫苗 第 10 輪 bnt 先前 僅 開放 64 歲 以上 的 民眾 18 至 63 歲 的 第 九 類 物件 以及 18 至 22 歲 的 年輕人 預約 接種 根據 指揮中心 統計 共約 297萬 人 完成 預約 並且 已經 在 昨天 開 打 但 為了 讓 疫苗 資源 更 有效 的 運用 因此 指揮中心 昨晚 臨時 加開 給 61 至 63 歲 的 民眾 打 第一 劑 指揮中心 也 提醒 今天上午 10 時 開放 的 疫苗 預約 場次 僅 供 加開 物件 進行 預約 符合 資格 者 記 得 要 在 限定 的 時間 內 上網 完成 預約 另 第 10 輪 疫苗 還有 提供 第二 劑 az 與 高端 接種 az 符合 資格 的 對象 是 7 月 22 日前 打過 第一 劑 az 且 間隔 滿 10 周 的 50 至 64 歲 民眾 高端 則 開放 9 月 8 日前 打過 第一 劑 者 可 打 第二 劑 提醒 完成 預約 程式 的 的 民眾 不要 忘 了 在 約 好 的 時間 去 打 疫苗</t>
  </si>
  <si>
    <t>對於 萬華 兩 處 新冠肺炎 快 篩 站 的 陽性率 高 竟 高 達 10 一 事 國民黨 立 委 賴士葆 表示 這樣 的 結果 很 嚇人 而 談到 疫苗 採購 他 感歎 不免 讓 人 痛心疾首 他 也 表示 蘇貞昌 不久 之前 才說 臺灣 沒有 施打 疫苗 的 急迫性 相較 於 如今 的 窘迫 讓 人 無 言 賴士葆 16 日 在 臉書 指出 回想 過去 一 年 多 多少 專家學者 呼籲 要 普 篩 或 快 篩 的 建議 指揮中心 置之不理 原來 大家 追求 每天 0 的 美化 數字 隱藏 在 背後 的 是 沒有 症狀 的 帶 原者 無法 被 揪出來 在 社區 裡面 亂 竄 至 終 紙包不住 火 總是 要 面對現實 賴士葆 談到 疫苗 採購 不免 讓 人 痛心疾首 他 說 政府 多次 嚴重 的 失誤 不 接受 監督 不 檢討 改進 臺灣 達到 群體 免疫 需要 施打 千萬 劑 的 疫苗 至今 只 進來 31萬 劑 蘇貞昌 不久 之前 才說 臺灣 沒有 施打 疫苗 的 急迫性 相較 於 如今 的 窘迫 讓 人 無 言 他 強調 不要 再 細數 過往 防疫 的 政績 也 不必不 停 的 大內 宣 有 政府 會 做事 有 政府 請安 心 確診 的 人數 飆 高 誰 會 安心 最後 他 也 呼籲 在 病毒 面前 我們 只能 謙卑</t>
  </si>
  <si>
    <t>安養 機構 風險 高 指揮中心 醫護 有 呼吸道 症狀 就 采 檢</t>
  </si>
  <si>
    <t>國內 出現 首 宗安養 機構 的 護理人員 確診 事件 該 護理人員 第一 次 就醫 時 並 沒有 采 檢 直到 十 天 後 才采檢 確診 國內 有 專家建議 應對 長 照 機構 工作者 全面 采 檢 指揮中心 指揮官 陳時中 今天 回應 表示 已 著 手 研 擬 將 針對 醫護</t>
  </si>
  <si>
    <t>國內 出現 首 宗安養 機構 的 護理人員 確診 事件 該 護理人員 第一 次 就醫 時 並 沒有 采 檢 直到 十 天 後 才采檢 確診 國內 有 專家建議 應對 長 照 機構 工作者 全面 采 檢 指揮中心 指揮官 陳時中 今天 回應 表示 已 著 手 研 擬 將 針對 醫護人員 再度 放寬 采 檢 標準 研議 若 有 發燒 或 呼吸道 症狀 就 可以 采 檢 該 名 護理人員 第一 次 就診 時 醫師 僅 給 治療 流感 的 克 流感 藥物 但 沒有 采 檢 直到 十 天 後 才采檢 並 確診 陳時中 表示 該 名 護理人員 是 因為 以往 治療 流感 分辨 只有 加強 克 流感 計 畫 免 快 篩 可以 使用 醫生 判斷 傾向 是 流感 會 先 使用 基本 克 流感 藥物 第二 階段 沒有 大幅 改善 才會 做 大 階段 的 采 檢 這 是 醫師 的 專業 判斷 而 第二 擴大 采 檢 則 是 根據 旅遊 史 不過 接下來 有 任何 相關 呼吸道 症狀 就 可以 采 的 擴大 采 檢 方案 當中 一個 醫護 有 相關 症狀 就 可以 采 那個 剛好 是 一個 轉換 期 因此 未來 醫護人員 不管 全身 防護 個人 防護 也 可以 保護 自己 也 可以 保護 受 照顧 的 人 這 方面 會 加強 指揮中心 醫療 整備 官 羅一鈞 表示 指揮中心 已經 研議 放寬 讓 醫護人員 有 症狀 發燒 呼吸道 症狀 就 會 采 檢 應該 最 快 本 周 內 開會 也 是 因為 看到 整個 最近 檢驗 通報 情形 看起來 上周 四五 機場 回國 人數 高峰 過 了 檢驗 量 能 可以 提升 醫護人員 也 不是 機構 這 件 本來 就 又 考慮 由 醫師 懷疑 的 方式 相關 配套 以及 采 檢 物件 整備 組 會議 會 再 討論</t>
  </si>
  <si>
    <t>疫情 指揮中心 將 推 電子 圍 籬 監控 htc deepq line 助攻</t>
  </si>
  <si>
    <t>新冠肺炎 疫情 持續 奇 美 醫療 體系 包括 奇 美 醫學 中心 柳營 奇美醫院 佳裡 奇美醫院 統計 5 月 15 日 至 6 月 30 日 執行 新冠 病毒 核酸 檢驗 超過 3萬1000 件 民眾 接受 新冠 病毒 核酸 檢測 pcr 奇 美 醫學 中心 依 受檢者 屬性 分類 預約 分流 3 處 篩檢 站 分 艙 檢測 避免 采 檢 群 聚 也 節省 檢測時間 為 減輕 需 自費 pcr 民眾 的 負擔 奇 美 醫學 中心 回應 中央 疫情 指揮中心 公告 衛福部 部 立 醫院 自費 新冠 病毒 核酸 檢測 pcr 降低 收費 奇 美 醫學 中心 7 月 1 日 起 自費 pcr 費用 亦 降為 常規 每人 次 3500 元 急件 每人 次 4500 元 計收 奇 美 醫學 中心 指出 不論 商務 出國 住院 就診 陪 病 工作 洽 公 需求 健康 感染 疑慮 等 狀況 愈來愈多 民眾 向 醫院 預約 pcr 檢測 奇 美 醫學 中心 規 畫 3 處 篩檢 站 讓 不同 屬性 需求 族群 分流 預約 在 不同 地點 篩檢 站 分 艙 接受 pcr 檢測 雖然 人力 負擔 加重 不少 但 落實 分流 分地 pcr 采 檢 讓 受檢 民眾 更 安心 避免 排隊 群 聚 也 讓 檢測 的 過程 更 節省時間 奇 美 醫學 中心 除了 前述 落實 分 艙 分流 分地 采 檢 新冠肺炎 核酸 檢驗 外 也 與 工研院 合作 建置 貨櫃 組合 式微負 壓 高通量 全自動 核酸 檢測實驗室 獨立 執行 完整 一 站 式 病毒 檢驗 提升 大 台南 地區 檢驗 量 能 並 確保 醫療 人員 及 受檢者 安全 快速 檢驗 流程</t>
  </si>
  <si>
    <t>蔡英文 總統 今天 宣佈 暫停 520 總統 就職 活動 籌辦 工作 只要 疫情 仍 有 疑慮 520 就職 將 不 會 舉辦 大型 群眾 活動 對此 總統府 也 召開 記者會 表示 為 全力 防控 新冠肺炎 保留 最 大 彈性 來 因應 疫情 的 變化 總統府 發言人 丁允恭 表示 為 全力 投入 新冠肺炎 防疫 首先 總統 指示 暫停 籌辦 就職典禮 工作 保留 最 大 彈性 來 因應 疫情 的 變化 第二 點 在 防疫 還有 疑慮 情形 下 520 就職典禮 就 不 會 辦理 大型 群眾 活動 接下來 總統府 都會 配合 中央 疫情 指揮中心 專業 的 判斷 至於 臺北市 長 柯文哲 爆 料 就職典禮 要 在 北流 舉辦 丁允恭 表示 北流 確實 是 預留 的 選項 但是 當 總統府 跟 北 市府 借 北流 的 同時 也 有 在 公文 中 明確 說明 如 遇 天災 和 疫情 等 不可 抗拒 的 情況 他們 就 會 取消 借用 丁允恭 直言 總統 也 感謝 願意 停辦 繞 境 或 延期 的 宗教團體 他們 也 期待 其他 宗教團體 也 能 配合 中央 疫情 中心 的 指揮 來 規劃 活動 辦理</t>
  </si>
  <si>
    <t>疫情 指揮中心 昨日 表示 第 三 劑 最 快於 1 月 1 日 開 打 對象 以 高 危險 和 高 接觸 風險 族群 優先 一般 民眾 也 可 自行 評估 接種 對此 台 大家 醫科 醫師 何忠右 表示 接種 完整 兩劑 疫苗 6 個 月 後 保護 力 都會 下降 若 前 兩劑 皆 是 打 az 的 族群</t>
  </si>
  <si>
    <t>很 難 想像 媽祖 該不該 照常 繞 境 祈福 能 扯 出 這麼 多 口水 難道 是 繼 還 沒下 戲 的 口罩 之 亂 接 著 上 檔 媽祖 繞 境 戲碼 媽祖 早已 成仙 哪 在乎 是否 繞 境 祈福 關心 的 應是 人間 不要 因 此 而 耽誤 了 防疫 大事 吧 新冠肺炎 的 應對 其實 並 不 複雜 避免 進出 人 多 的 場合 而已 准 此 應對 並 沒有 針對 活動性 質 的 分別 就是 減少 接觸 避免 因 近 距離 互動 而 增加 感染 的 機會 並未 指涉 宗教 活動 合宜 與否 完全 從 現場 局面 來 判斷 因此 防疫 大員 要 扯 上 宗教 活動 媽祖 只能 笑笑 本 不該 有 針對性 地 指涉 媽祖 繞 境 如今 竟 成 防疫 的 熱門話題 只能 歎 是 無妄之災 沒錯 新冠肺炎 疫情 延 燒 至今 未 見 降溫 南韓 因 新 天地 教會 活動 一下 增加數 百 個 確診 病例 香港 則 因 北角 宗教 聚會 也 快速 增加 到 近百 的 病例 還有 南韓 不 確知 的 隱憂 韓航 飛 赴 以色列 朝聖 的 航班 中 1 位 機組員 因而 感染 其後 這 位 機組員 服 勤 飛 赴美 西 讓 接觸 者 的 數位 急速 往 上 攀升 這樣 追本溯源 地 追究 病毒 因 近 距離 接觸 而 感染 其實 是 科學 的 很 遺憾 臺灣 突然 因 媽祖 繞 境 而 掀起 討論 但 值得 欣喜 的 是 民眾 對 人 多 場合 感染 的 風險 有 較 高 的 認知 因而 引發 的 討論 也 非常 客觀 但 政客 介入 後 全然 變調 不但 涉及 藍綠 大選 勝負 甚至 人潮 聚集 也 以 有色眼鏡 看待 可 議 的 是 中央 疫情 指揮中心 本該 清楚 地 定調 該 活動 卻 未聞 所以 反而 是 內政部長 徐國勇 涉 入 徐 部長 有 治安 維護 的 責任 人 多 的 場合 確實 因 近 距離 接觸 的 各項 風險 都 較 高 未 料到 徐國勇 選擇 以 宗教 主管機關 的 角色 介入 要求 大型 宗教 活動 應 考慮 延期 備案 如此 的 認知 徒然 讓 媽祖 繞 境 的 爭議 及 風險 更加 升高 很 難 理解 中央 疫情 指揮中心 內政 部 對 這 可 預見 的 爭議 是 如此 手忙腳亂 農曆 大年初一 國人 廟裡 上香 祈福政治 人物 也 排 了 拜廟 行程 頂禮 賀年 發 紅包 宮廟 周圍 擠 得 不可開交 怎 不 見 宮廟 主管機關 徐國勇 呼籲 應有 延期 備案 之後 走 春 初六 清水 祖師 廟 賽 豬公 接 著 鹽水 蜂炮 炸 寒單 內政 部 也 不 講話 其後 元宵 燈節 更是 熱烈響應 每一項 活動 聚集 的 人群 都 不 比 媽祖 繞 境 少 徐國勇 早 該 講話 媽祖 繞 境 的 人潮 當然 增加 新冠肺炎 擴散 的 風險 內政 部 中央 疫情 中心 早 該 有 好整以暇 的 腹案 應對 不該 是 時間 近 了 匆促 上陣 打 口水 戰 不 客氣 地 說 即便 因 政治 攻防 上陣 打 口 水戰 也 該 以 防疫 知識 為 基 底 迄今 最 大 號 的 超級 傳播 者 是 義 大利 第 1 號 確診 病例 他 是 馬拉松 選手 10 天內 兩 場 馬拉松 深呼吸 深 吐 氣 病毒傳播 能量 無法 估計 說 大白話 病毒 擴散 與 什麼 性質 的 活動 無 太 大 關係 與 病毒 濃度 散播 環境 則 大 有 關係 該 檢討 的 是 民俗 活動 與 防疫 的 關係 南韓 教會 活動讓 新冠肺炎 確診 數飆 升 教會 無 絲毫 檢討 反 與 社會 對 嗆 這 才是 問題 癥結 臺灣 防疫 扯 上 媽祖 繞 境 話題 廟 方有其 一貫 說詞 政治 人物 也 不敢 正面 對 嗆 讓 本 可 藉 此 厘 清 事理 的 活動 繼續 混沌 真是 讓 人 遺憾 作者 為 資深 媒體 人</t>
  </si>
  <si>
    <t>全台 今日 開始 實施 第 12 期 疫苗 施打 不過 指揮中心 擬定 az 混打 bnt 疫苗 的 消息 傳出 後 開始 有 民眾 詢問 醫院 取消 施打 疫苗 對此 新北 市 衛生局長 陳 潤 秋 表示 新北 第 12 期 第一 階段 有 483萬 開出 今 早 每個 地方 施打 率 都 很 高 像</t>
  </si>
  <si>
    <t>全台 今日 開始 實施 第 12 期 疫苗 施打 不過 指揮中心 擬定 az 混打 bnt 疫苗 的 消息 傳出 後 開始 有 民眾 詢問 醫院 取消 施打 疫苗 對此 新北 市 衛生局長 陳 潤 秋 表示 新北 第 12 期 第一 階段 有 483萬 開出 今 早 每個 地方 施打 率 都 很 高 像是 az 疫苗 施打 率 就 達到 97 因此 沒有 看到 上述 這些 狀況 陳 潤 秋 說 在 中央 平 臺上 每個 人 可以 選擇 施 打的 疫苗 地點 尊重 中央 平臺 運作 只要 在 新北 登記 施打 都 會 全力 完成 施打 市府 會 儘量 把 網站 開 出來 滿足 登記 數目</t>
  </si>
  <si>
    <t>新冠肺炎 疫情 升溫 國內 死亡 人數 已 達 149 人 據 昨日 媒體 民 調 有 6 成 不滿 政府 防疫 表現 綠 委 許智傑 今日 表示 政府 從 去年 8 月 就 積極 採購 疫苗 但 當時 臺灣 疫情 不 嚴重 國際 藥廠 都 將 疫苗 先 分給 重災區 希望 民眾 可以 諒解 許智傑 指出 民眾 現在 的 不滿 可以 理解 但 政府 從 去年 起 就 積極 洽談 疫苗 採購 但 藥廠 都 把 疫苗 優先 分給 重災區 希望 國人 能 諒解 現在 美 日 都 已 出手 相助 希望 接下來 國產 跟 國外 疫苗 採購 都 有 好 消息 此外 近日 有 媒體 報導 南韓 大 邱市 自行 採購 bnt 疫苗 但 南韓 中央 禁止 使用 這些 非正規 管道 獲取 的 疫苗 許智傑 說 買 疫苗 不是 買 豆苗 牽涉到 保存 運送 等 問題 因此 國際 藥廠 只 想 跟 中央 接洽 要 感謝 地方 政府 民間 單位 要 説明 買 疫苗 但 很多 時候 不是 中央 卡 疫苗 希望 不要 再 給 地方 扣帽子 針對 在野黨 批評 政府 在 卡 民間 企業 採購 疫苗 許智傑 回應 國際 大廠 都 要 跟 各國 的 中央政府 洽談 包括 韓國 印度 地方 政府 要 談都 被 拒絕 請 國民黨 別 再 抹黑 指揮中心 卡 疫苗 只要 符合規定 原廠 願意 出 貨 指揮中心 都 樂觀其成</t>
  </si>
  <si>
    <t>臺北市 今 2 日 新增 29 例 本土 個案 其 中環 南 市場 群 聚 案 2783 人 檢 出 41 例 陽性 中央 第 三 度 派出 醫療 應變 組 副 組長 王必勝 擔任 聯合 前進指揮所 指揮官 對此 王必勝 坦言 從 過去 經驗 中 本位主義 的 堅持 常讓 防疫 上 出現 困難 惟有 全面 控制 住 疫情 才有解 封 的 可能性 萬 華 環南 市場 爆發 本土 群 聚 中央 攜手 北市 成立 聯合 指揮所 于濱 江 環南 市場 各 設 1 處 以便 中央 地方 交換 情報 這 是 繼 苗 栗 北農 大型 群 聚 事件 後 指揮中心 醫療 應變 組 副 組長 王必勝 第 三 度 擔任 前進指揮所 指揮官 王 必勝 臉書 發文 表示 接到 指揮中心 的 指派 進駐 聯合 前進指揮所 首先 要 將 未 完成 的 篩檢 盡 速 確實 完成 以 厘 清 感染 的 全貌 因 此 已 立即 與 北農 北 榮 及 相關 人員 形成 決議 清出 一塊 場地 將 於明 3 日 早 6 點 開始 由 北 榮 團隊 開始 篩檢 預計 處理 2000 人 下午 報告 就 會 陸續 出來 王 必勝 談到 一個 好 的 篩檢 必須 考慮 目標 族群 的 方便性 才能 有效率 的 達成 目標 其中 包括 就近 的 地點 及 工作 時間 的 配合 像 批發市場 就 有 其 特殊性 另一方面 明早 起 臺北 聯 醫 也 將 于 環南 市場 一 樓 針對 家禽 市場 及 周邊 民眾 進行 篩檢 儘早 厘 清 附近 受 感染 的 狀況 王 必勝 指出 在 多次 處理 疫情 事件 的 經驗 中 發現 明明 在 同一個 受 影響 場 域 卻 常有 這不 是 我們 公司 的 人 這 別 家 的 不關我事 這 是 別縣 市 的 等 堅持 出現 導致 出現 處理 上 的 困難 和 延宕 他 表示 我們 的 國家 就 是 一個 島 同 島 一 命 疫情 沒 控制 好 誰 也 無法 獨善其身 希望 在 抗 疫 上 大家 不要 有 本位主義 資源 共用 守望相助 王 必勝 最後 強調 惟有 全面 性 的 疫情 控制 住 才有解 封 的 可能性 才能 真的 幫到 廣大 受 影響 人民 的 生計 和 生活</t>
  </si>
  <si>
    <t>陳時中 口誤 社 工 支援 口罩 包裝 王婉諭 盼 指揮中心 澄清</t>
  </si>
  <si>
    <t>新冠肺炎 疫情 延 燒 口罩 供給 成為 防疫 重中之重 口罩 實 名 制 上路 讓 各 大 藥局 忙 翻天 中央 疫情 指揮中心 指揮官 衛福 部長 陳時中 提出 研 擬 請 社 工 支援 口罩 包裝 販 售 人力 對此 時代 力量 立 委 王婉諭 昨 18 日 表示</t>
  </si>
  <si>
    <t>國光 生 技 昨日 宣佈 已 成功 產生 候選 疫苗 經小 鼠 動物 實驗 發現 小鼠 抗體 反應 優異 預計 今年 第 三 季能 獲准 開始 第一 期 人體 臨床 試驗 希望 最 快 明年 冬天 就 能 展開 量 產 讓 臺灣 民眾 優先 施打 疫情 指揮中心 對 此 表示 樂觀其成</t>
  </si>
  <si>
    <t>國光 生 技 昨日 宣佈 已 成功 產生 候選 疫苗 經小 鼠 動物 實驗 發現 小鼠 抗體 反應 優異 預計 今年 第 三 季能 獲准 開始 第一 期 人體 臨床 試驗 希望 最 快 明年 冬天 就 能 展開 量 產 讓 臺灣 民眾 優先 施打 疫情 指揮中心 對 此 表示 樂觀其成 表示 未來 若 順利完成 將 會 由 政府 公費 購買 讓 醫護 優先 施打 國光 生 技 指出 新冠肺炎 是 全新 的 疫苗 採用 不 活化 全 病毒 目前 已 成功 產生 出 候選 疫苗 並 與 台大 病毒 實驗室 合作 進行 疫苗 抗體 中和 試驗 結果 在 注射 新冠肺炎 候選 疫苗 的 小鼠 血清 中 發現 小鼠 抗體 反應 優異 且 血清 抗體 經 高度 稀釋 後 證明 仍 足 以 讓 新冠 病毒 失去 感染力 希望 能 以 緊急 使用 授權 方式 及早 進入 人體 臨床實驗 力拼 明年 冬天 讓 全民 有 疫苗 可 接種 有 餘 裕 再 輸出 國外 疫情 指揮中心 專家 小組 召集人 張上淳 表示 國光 生 技 已經 用 他們 開發 的 疫苗 在 做 動物 實驗 這 部分跟 台大醫學院 合作 初步 有 一些 還 不錯 的 結果 不過 疫苗 的 開發 後續 還 是 需要 有 更進一步 厘 清 例如 副作用 毒性 都 還 需要 在 動物 試驗 最後 才 到 臨床 試驗 因此 開發期 程還 需要 一點 時間 指揮官 陳時中 表示 過 兩 天 他 會 去 國光 聽取 簡報 並 瞭 解 可 給予 什麼 協助 國光 生 技 疫苗 未來 若 能 如期 上市 疫情 指揮中心 疫情 監測 組組長 周志浩 示 將 會 以 公費 購買 原則 上會 讓 醫護人員 及 風險 族群 優先 施打 但 需 透過 疫苗 接種 委員會 討論 接種 順序 至於 近期 取得 美國 藥物 食品 管理局 緊急 使用 授權 的 新冠肺炎 治療 藥物 瑞德西韋 所 屬 公司 吉利亞 醫藥 表示 將 以 自願 授權 的 方式 規 畫 至 2022 年 與 多 個 化學廠 藥廠 進行 藥物 生產 的 合作 協商 同時 與 聯合國兒童基金會 藥物 專利 聯盟 等 夥伴 共同 合作 協助 開發 中 國家 順利 取得 藥物</t>
  </si>
  <si>
    <t>國內 新冠肺炎 防疫 再 傳捷報 臺灣 今 28 日 再度 無 新 增 確診 個案 締造 連續 3 天 零 確診 此外 也 達成 國內 連續 16 天 無 本土 確診 成績 不 只 有 指揮中心 送 龜苓膏 慶祝 網上 也 一 片 歡聲雷動 慶祝 嘉玲 0 又 出現 了 同時</t>
  </si>
  <si>
    <t>知名 youtuber 團體 含羞草 日記 的 草 爺 江治緯 被 爆 今 10 日 淩晨 與 鳳梨 吳 泓逸 開 直播 被 線 上 近萬名 網友 發現 草 爺 竟 與 10 多 位 友人 在 室內 喝酒 群 聚 而且 都 沒有 戴 口罩 令 鳳梨 尷尬 退出 直播 稍 早 草 爺 也 在 ig 為 不良 示範 道歉 表示 願意 接受 相關 單位 調查 依法 進行 後續 處理 草 爺 今日 突然 在 ig 發出 道歉 聲明 防疫 當前 我 沒有 藉 口 不論 任何理由 任何人 都 應該 要 落實 並 遵守 防疫 規範 我 身為 公眾人物 更 應當 要 做好 正確 防疫 示範 令 不知情 的 粉絲 看 了 一頭霧水 紛紛 留言 詢問 他 是 怎麼 了 含羞草 @xiucao han 分享 的 貼 文 隨後 更 有 網友 還原 草 爺 與 鳳梨 直播 的 事發 現場 3 位 在 群 聚 現場 包含 草 爺 一 位 在家 的 鳳梨 叔叔 感覺 都 喝 多 了 明明 在 同一個 空間 卻 一直 說 我們 沒有 群 聚 鏡頭 都 照到 後方 超 多 人 的 至少 有 10 多 人 可能 更 多 室內 群 聚 喝酒 吸引 約 9000 多 名 粉絲 觀看 後 來 看 情況 不對 叔叔 趕緊 退出 其他人 之後 也 陸續 退出 草 爺 亦 在 聲明 中 數度 道歉 表示 即使 微 解封 我 也 會要 更 謹慎 地 做好 防疫 工作 配合 指揮中心 的 防疫 指引 避免 發生 類似 的 事件 強調 他 願意 接受 相關 單位 調查 依法 進行 後續 處理 但 草 爺 的 道歉 文仍 遭 部分 網友 吐 槽 指 適度 鬆綁 是 13 號 的 規範 聲明 中 講到 微 解封 不對 吧 中 時 新聞網 關心 您 喝酒 過量 有礙 健康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酒店 女 公關 確診 引起 客人 緊張 中國 醫藥 大學 兒童 醫院 兒童 感染 科 主任 黃高彬 表示 性器官 接觸 不會 傳播 新冠 病毒 但 親吻 擁抱 等 行為 恐 提升 傳染 風險 指揮中心 早期 也 曾說 許多 案例 是 與 家人 親密 接觸 後 傳染 的 北市 知名 酒</t>
  </si>
  <si>
    <t>酒店 女 公關 確診 引起 客人 緊張 中國 醫藥 大學 兒童 醫院 兒童 感染 科 主任 黃高彬 表示 性器官 接觸 不會 傳播 新冠 病毒 但 親吻 擁抱 等 行為 恐 提升 傳染 風險 指揮中心 早期 也 曾說 許多 案例 是 與 家人 親密 接觸 後 傳染 的 北市 知名 酒店 女 公關 確診 相關 人士 指出 該 名 公關 發病 後 仍 去 工作 接觸 客人 恐 逾 50 人 引發 不少 男客 緊張 根據 指揮中心 的 疫 調 該 女 在 4 日 出現 發燒 和 流 鼻 水 的 症狀 目前 匡列 71 位 接觸 者 2 位 采 檢 中 根據 ettoday 報導 黃高彬 表示 單純 性器官 的 接觸 並 不 會 傳播 病毒 但 在 親密 過程 中 親吻 對方 肢體 碰 觸 的 行為 屬於 超 近 距離 的 接觸 恐 會 直接 噴濺 飛 沫 給 對方 造成 傳染 機會 提升 指揮中心 防疫 醫師 詹佩君 也 曾 在 影片 中 提到 檢疫 或 隔離 期間 應該 要 避免 性行為 擁抱 等 親密 行為 莊人祥 也 曾說 新冠肺炎 不是 透過 性行為 傳播 而是 因為和 病 患 親密 長 時間 接觸 而 感染</t>
  </si>
  <si>
    <t>酒店 女 公關 親密 接觸 親吻 指揮中心 新冠肺炎</t>
  </si>
  <si>
    <t>大甲 媽 繞 境 首度 遇上 疫情 攪局 輿論 多 建議 停辦 鎮 瀾 宮臉書 粉絲 頁 也 湧入 網友 留言 一面倒 支持 停辦 媒體 對 此 詢問 顏清標 他 四兩 撥 千金 回應 你們 自己 討論 就 好 了 不要 政治化 媽祖 是 大家 的 不是 董監事 的 不 要 一 竿子 打翻 一 船 人 他 也 大 歎 有的 友宮 已經 繞 境 我們 還 有 24 天 起 駕 還 沒辦 就 被 罵 得 要死 媒體 問到 大甲 媽 取消 三大 慶典 是否 會 降低 信 眾 追隨 意願 顏清標 說 這 是 一定 會 的 因此 我們 將 節省下來 的 3千萬 捐 給 流行 疫情 指揮中心 用於 添 購 防疫 設備 進香 沿路 不 認識 的 人 都會花 大錢 準備 豐盛 餐 食 並 恭 迎 大甲 媽 鑾 轎 這 也 會 被 罵 安全 起見 改為 提供 便當 針對 繞 境 取消 摸 鑾 轎 棱 轎 腳 顏清標 說 這 是 為了 安全 起見 專家 罵 成 這樣 不能 摸 人家 也 會 罵 這不 是 我們 董監事 開會討論 而已 我等 會 也 要 下 南部 向 友宮 陪不是 不是 幾 句 話 講講 這麼 簡單 而已 人 很 難 為 啦 顏清標 強調 進香 繞 境 活動 都 配合 政府 政策 政府 怎麼 指示 我們 怎麼 做 在 疫情 尚未 控制 住 未滅 之前 慢 一點 舉辦 也 沒關係 啊 有的 友宮 已經 繞 境 我們 距離 起 駕 還有 24 天 還 沒 舉辦 就 被 罵 得 要死 了 顏清標 感歎 我們 要 愛惜 自己 也 要 尊重 別人 啦</t>
  </si>
  <si>
    <t>染 新冠後 4 成 5 男性 精蟲 數 大 減 指揮中心 曝 原因</t>
  </si>
  <si>
    <t>武漢 解禁 搭 機 指揮中心 已 有 12 名 台商 返台</t>
  </si>
  <si>
    <t>武漢 返台 搭 機 指揮中心 12 名</t>
  </si>
  <si>
    <t>我國 在 今年 5 月中 旬 爆發 多 起 新冠肺炎 群 聚 案 因為 當時 醫療 量 能 不足 指揮中心 當時 決議 無 症狀 或 輕 症 確診 個案 解除 隔離 治療 後 要 再 進行 數日 的 居家 隔離 但有 不少 勞資雙方 詢問 此 期間 有假 可 請 嗎 或是 要用 自己 的 假 勞</t>
  </si>
  <si>
    <t>我國 在 今年 5 月中 旬 爆發 多 起 新冠肺炎 群 聚 案 因為 當時 醫療 量 能 不足 指揮中心 當時 決議 無 症狀 或 輕 症 確診 個案 解除 隔離 治療 後 要 再 進行 數日 的 居家 隔離 但有 不少 勞資雙方 詢問 此 期間 有假 可 請 嗎 或是 要用 自己 的 假 勞動部 表示 經 詢問 指揮中心 確認 此 段 期間 可 依 嚴重 特殊 傳染性 肺炎 防治 及 紓困 振興 特別 條例 請 防疫 隔離 假 至於 是否 可 請領 津貼 則 由 指揮中心 決定 我國 在 5 月中 旬 時 爆出 多 起 群 聚 案 至今 已 累積 超過 萬 例 確診 個案 為了 減少 醫院 負擔 指揮中心 放寬 解 隔離 標準 但 也 要 求解 隔離 後 應在 家中 居家 隔離 數日 勞動部 條件 司 司長 黃維琛 表示 如果 經 認定 是 職業 上 原因 致 感染 嚴重 特殊 傳染性 肺炎 雇主 應 給予 公傷 病假 並 給付 相當於 原領 工資 之 工資 補償 勞工 如 非 因 職業 上 原因 感染 嚴重 特殊 傳染性 肺炎 隔離 治療 期間 得 請 普通 傷 病假 特別 休假 或 事假 黃維琛 說 但 近期 有 勞工 及 雇主 詢問 解 隔離 後 指揮中心 要求 在家 隔離 此時 可以 請 什麼 假 經 詢問 指揮中心 後 認為 為 特別 條例 中的 防疫 隔離 假 並且 可以 追溯 意 謂 如果 勞工 當時 是 請 病假 事假 或 特別 休假 防疫 隔離 假 防疫 隔離 假 的 給 薪 方式 則 依 勞資 協議 如果 不 給 薪 是否 可 請領 防疫 補償 則 待 指揮中心 決議</t>
  </si>
  <si>
    <t>因應 新冠肺炎 傳播 社區化 並 提升 檢驗 案件數 疫情 指揮中心 規 畫 近日 將 在 各縣市 設立 167 家 采 檢 院所 主要 為 一般 中度 級 急救 及 非 急救 醫院 或 經 地方 衛生局 指定 醫院 或 衛生所 以便 診所 醫師 將 疑 似 病 患 轉至 采 檢 所 進行 進</t>
  </si>
  <si>
    <t>因應 新冠肺炎 傳播 社區化 並 提升 檢驗 案件數 疫情 指揮中心 規 畫 近日 將 在 各縣市 設立 167 家 采 檢 院所 主要 為 一般 中度 級 急救 及 非 急救 醫院 或 經 地方 衛生局 指定 醫院 或 衛生所 以便 診所 醫師 將 疑 似 病 患 轉至 采 檢 所 進行 進一步 的 采 檢 另 民眾 有 國外 旅遊 史 出現 發燒 或 呼吸道 症狀 也 可 自 行前 往 采 檢 目前 新冠肺炎 病毒 檢驗 機構 計有 30 家 疫情 指揮中心社區 防疫 組 副 組長 莊人祥 表示 昨日 新增 預 醫 所 台美醫 事 檢驗 所 新 竹馬 偕 醫院 及 嘉義 基督教 醫院 4 家 指定 檢驗 機構 家數 由 30 家 增加 至 34 家 自 今日 起 國內 檢驗 量 能 將 由 一 天 3000 件 提升 至 3200 件 轉 診 安置 有待 細化 莊 人 祥 指出 新冠肺炎 歐美 疫情 嚴峻 已是 全球 流行 為 因應 傳播 社區化 及 預防 大型 醫院 院內 感染 指揮中心 將 在 各縣市 設立 采 檢 院所 診所 醫師 若 研 判 病 患 為新冠肺炎 疑似病例 可 轉至 采 檢 所 進行 采 檢 以 補強 現有 診所 沒有 快 篩 工具 無法 進行 篩檢 的 問題 另 采 檢 院所 也 開放 讓 民眾 前往 如果 14 天內 有 國外 旅遊 史 且 出現 發燒 或 呼吸道 症狀 民眾 可 逕 至 采 檢 院所 由 采 檢 院所 醫師 研 判 是否 需要 采 檢 南 台科大 生 技 系 講座 教授 蘇 益仁 表示 設立 采 檢 所 牽涉 的 問題 不是 只 有 采 檢 而已 還有 很多 的 環節 包括 診所 所 認定 的 疑似病例 要 在 如何 的 防護 之下 轉至 采 檢 院所 在 等待 采 檢 結果 出來 之前 病 患 要 先 安置 在 哪裡 這 是 個 複雜 體系 的 運作 一定 要 先 演練 過 一 次 不是 只 有 設立 采 檢 地方 就 好 了 高齡 糖尿病 應列 優先 蘇益仁 指出 依 目前 一 天 3000 件 來看 167 家 采 檢 院所 計算 平均 一家 大約 只 能 篩 18 件 左右 這個 量 並不多 國內 約 有 1萬 多 家 診所 每家 轉來 一 位 量 就 爆 了 目前 國內 的 篩檢 量 應 要 再 提升 依 目前 規 畫 的 篩檢 量 來看 無法 完全 應付 診所 轉來 的 疑 似 病 患 篩檢 能量 要 留給 真正 需要 的 人 例如 本身 還有 糖尿病 或是 年齡 高 的 長者 這些 都是新冠肺炎 重症 高 危險 族群 應 考慮 予以 優先 采 檢</t>
  </si>
  <si>
    <t>新冠 病毒 不 斷 變種 讓 各國 急於 提高 疫苗 保護 效力 包括 追 打 第 三 劑 或 混打 不 同 廠 牌 疫苗 精神 科 醫師 沈政男 綜合 各國 研究 及 實驗 結果 揭露 疫苗 保護 力最強 組合 第一 名 是 az 混打 莫德納 第二 名 為 兩劑 莫德納 第 三 名 是 az 混打 bnt 第 四 名 兩 為 劑 bnt 最後 一 名 是 打 兩劑 az 沈政男 在 臉書 發文 指出 自己 打 的 是 az 混打 莫德納 當今 最 強 疫苗 組合 同時 透露 疫苗 保護 力最強 組合 排名 是 az 莫德納 其次 是 兩劑 莫德納 第 三 名 是 az bnt 第 四 名 兩劑 bnt 最後 才是 兩 碗 陽春麵 也 就 是 打 兩劑 az 但 他 也 提醒 民眾 不要 故意 去 混打 醫護 是因為 當時 疫苗 短缺 現在 疫苗 量 已 充足 第一 選擇 還 是 兩劑 莫德納 兩劑 bnt 也 很 好 畢竟 混打 還 沒有 夠 多 的 研究 佐證 證據 效力 比不上 打 兩劑 同 品牌 疫苗 至於 想 等 第 三 劑 再 混打 沈政男 說 只 有 老人家 醫護 有 機會 一般 民眾 有得 等 但 如果 疫苗 夠 多 的話 屆時 愛 怎麼 打 就 怎麼 打 對於 民眾 害怕 打 第二 劑 莫德納 副作用 強 不敢 打 沈政男 怎 表示 當然 要 打 第二 劑 副作用 頂多 手臂 舉 不 起來 幾 天 上年紀 的 人 幾乎 不 會 有 心肌炎 對於 國內 兩劑 疫苗 覆蓋率 僅 22 指揮中心 力拼 年底 達到 6 成 沈政男 表示 必須 很 拼 甚至 永遠 達 不到 因為 臺灣 民眾 施打 意願 太 低 75 歲 以上 至 今 第一 劑 只 有 7 成 1 覆蓋率 遠遠 低於 國外 若 臺灣 能 達到 兩劑 6 成 覆蓋率 與 病毒 共存 也 絕對 不 可行 因為 覆蓋率 太 低 仍舊會 有 許多 新 增 案例 不可能 放任 病毒 載 浮 載 沉 這 就 是 臺灣 的 防疫 大勢</t>
  </si>
  <si>
    <t>陳時中 蔡英文 辦公室 網友 指揮中心</t>
  </si>
  <si>
    <t>歐盟 增列 az 疫苗 極 罕見 副作用 指揮中心 國內 已 有 10 例</t>
  </si>
  <si>
    <t>確診 者 屢 傳 失去 嗅覺 和 味覺 截至 昨日 目前 臺灣 已 有 32 例 個案 有此 症狀 前 和平醫院 急診室 主任 張裕泰 表示 當年 護理 師 感染 sars 康復 後 卻 失去 嗅覺 至今 都未 恢復 指揮中心 也 將 此 症狀 列入 通報 條件 截至 昨日 臺灣 有 32 例 確</t>
  </si>
  <si>
    <t>敦睦 艦隊 磐石 艦 確診 24 名 新冠肺炎 國防部 副 部長 張哲平 今天 在 司法 法制委員會 答詢 時 證實 磐石 艦 有 337 位 軍士 官兵 其中 70 人 看 診 71 次 且 其中 有 5 人 發燒 中央 疫情 指揮中心 下午 記者會 表示 發燒 5 人 中 經過 三 個 實驗室 進行</t>
  </si>
  <si>
    <t>零 確診 指揮中心 臺灣 新冠肺炎 武漢肺炎</t>
  </si>
  <si>
    <t>考量 國內 疫情 已 趨 緩 並且 穩定 控制 經 與 相關 單位 溝通 討論 及 評估 後 疫情 指揮中心 4 日 宣佈 10 月 5 日 至 10 月 18 日 維持 疫情 警戒 標準 為 第 二級 調整 相關 規定 及 原則 說明 如下 一 符合 主管機關 防疫 管理 規定 得 開放 請 遵循 相關</t>
  </si>
  <si>
    <t>金門 縣府 在 尚義 機場 建置 的 快 篩 站 昨天 因 中央 撤銷 快 篩 令 公告 遭到 拆除 但 縣府 今天下午 馬上 架設 全國 機場 首 座 可 自動 對 到站 旅客量 測 額 溫和 全面 性 消 殺 病菌 的 智慧 安全 防疫 門 清 消 門 楊鎮 浯 縣長 強調 防疫 工作 分秒必爭 才能 確保 金門 這 塊 淨土 楊 鎮 浯 下午 勘查 清 消 門 作業 特別感謝 金門 航空站 配合 選址 提供 旅客 多 一 層 的 保障 也 讓 鄉親 更 多 一 層 的 安心 他 強調 臺灣 本島 全部 淪陷 目前 僅 餘 金馬澎 3 離 島 維持 零 確診 在 疫情 天天 有 變化 日益 嚴峻 的 情況 下 縣府 的 態度 很 簡單 只要 對 鄉親 有 幫助 就是 義無反顧 做 就 對了 不但 要 做 而且 一刻 也 不能 等 至於 昨天 遭 拆除 的 快 篩 站 楊鎮 浯 也 表示 他 接到 很多 鄉親 的 關心 電話 都 認為 無論 從 地方 制度 法 精神 或 傳染病 防治法 甚至 憲法 的 保障 均 有 商討 的 空間 可 積極 尋求 法律 程式 救濟 但 縣府 將 防疫 擺在 第一 把握 時間 檢 視 改善 才 是 當務之急 目前 尚未 採取 法律 救濟 程式 縣府 昨天 已 再度 行文 中央 疫情 指揮中心 申設 快 篩 站 並 在 今天上午 全國 防疫 會議 中 提議 希望 仍 在 機場 設置 若 中央 堅持 不准 也 可 改在 縣府 可 主導 的 地方 設置 但 全案 仍 待 中央 疫情 指揮中心 回應 縣府 強調 目前 已 與 金門縣 醫師公會 對接 獲得 醫護 人力 的 支援 防疫 旅 管 集中 檢疫所 也 有 完整 配套 縣府 觀光 處 表示 在 縣府 陸續 限制 來 金門 旅遊 人流量 並 建議 中央 鼓勵 旅行社 延期 出 團 暫停 公務 赴 台 與 呼籲 鄉親 返 金 做 好 14 日 健康 監測 等 措施 同時 協調 航空 公司 大幅 減班 後 24 日 單日 到站 人數 已 減至 235 人次 離 站 也 僅 有 154 人次 來回 均 已 減少 9 成 以上 人次 多 為 鄉親 往返 基本 需求 楊 鎮 浯 感謝 第一線 防疫 人員 的 辛勞 強調 無論 中央 或 地 防 不分彼此 一起 抗 疫 防疫 隨 著 疫情 變化 工作量 持續 增加 大家 同心協力 打 贏 金門 保衛 戰</t>
  </si>
  <si>
    <t>如果 老人 不 想 打 疫苗 就 不要 擋路 請 指揮中心 儘快 開放 讓 年輕人 打 北市 聯 醫 忠孝 院區 主治醫師 陳昶宇 罕見 說出 重話 坦言 目前 國內 疫苗 施打 速度 太 慢 不少 人 對 疫苗 的 心態 又 在 挑三揀四 這 讓 陳昶宇 忍不住 直 呼 病毒 可不</t>
  </si>
  <si>
    <t>如果 老人 不 想 打 疫苗 就 不要 擋路 請 指揮中心 儘快 開放 讓 年輕人 打 北市 聯 醫 忠孝 院區 主治醫師 陳昶宇 罕見 說出 重話 坦言 目前 國內 疫苗 施打 速度 太 慢 不少 人 對 疫苗 的 心態 又 在 挑三揀四 這 讓 陳昶宇 忍不住 直 呼 病毒 可 不 會 等 人 老人 不 想 打 就 給 年輕人 打 吧 陳 昶 宇 今 9 日 在 臉書上 直言 很 少 說 重話 但 真的 是 被 氣 到 要 講 難聽 的 話 了 他 表示 目前 臺灣 疫苗 到貨 總計 702 萬 只 打 掉 290 萬 劑 接種 年齡 分佈 為 75 歲 以上 長者 557 65 74 歲 131 依照 目前 施打 速度 要 超過 30 天才 打得 完 陳 昶 宇 進一步 指出 由於 網路上 一 堆 汙名 化 az 的 謠言 莫德納 打完 換 az 施打 速度 還 會 更慢 甚至 還有 人 連 莫德納都 不要 想 等 bnt 的 陳 昶 宇 說 這種 挑三揀四 選 疫苗 心態 還 來 談 什麼 解封 我 也 是 笑 了 老人 不 想 打 就 給 年輕人 打 吧 人 可以等 疫苗 但 病毒 可 不 會 等 人 都說 了 這麼 多 az 的 好處 講 殘酷 點 最終 還 是 得 交給 自然法則 來 做 族群 淘汰 陳 昶 宇 公佈 7 月 8 日 covid-19 疫苗 接種 資料 當日 施打 208564 人次 其中 az 疫苗 接種 5814 人次 moderna 莫德納 疫苗 接種 202750 人次 截至 目前為止 國內 累計 接種 3121081 人次 az 接種 1986497 人次 moderna 接種 1134584 人次 人口 疫苗 覆蓋率 約 1303</t>
  </si>
  <si>
    <t>新冠肺炎 疫情 延 燒 臺灣 出現 首例 死亡 病例 臺北市 長 柯文哲 17 日 表示 即使 是 社區 感染 也 有 程度 的 不同 他 提醒 大家 社區 感染 遲早 會 發生 但 重點 是 就算 發生 要 維持 在 零星 個案 這 是 上策 臺灣 出現 新冠肺炎 死亡 首例 中央 疫情 指揮中心 認為 只是 零星 個案 還 沒到 社區 感染 柯文哲 今 出席 錦州 社會 住宅 新建 工程 開工典禮 時 對 此 指出 第一 點 這 是 不是 社區 感染 還 不 一定 因為 該 死亡 司機 載 過 中 港澳 乘客 所以 還 要 確定 第二 點 社區 感染 分 很 多種 有 零星 案例 還是 群 聚 或 散開 來 了 所以 即使 是 社區 感染 也 有 程度 的 不同 要 依照 不同 程度 制定 不同 應對 方案 不過 柯文哲 提醒 大家 社區 感染 遲早 會 發生 不要 認為 臺北市 一定 不 會 發生 社區 感染 但 重點 是 就算 發生 要 維持 在 零星 案例 這 是 上策 不要 像是 武漢 那種 失控 局面 大概 政府 的 處理 目標 是 這 樣子</t>
  </si>
  <si>
    <t>行政院 副 院長 陳其邁 晚間 在 臉書 分享 口罩 下 周起 單日 產 增 將 達 千萬 片 以上 他 也 與 政務委員 唐 鳳研議 口罩 實 名 制 20 政策 讓 民眾 更 方便 買到 口罩 陳其邁 表示 截至 昨天 口罩 單日 生產 960萬 片 3 月 9 日 新增 的 60 台 機組 都 到位 後 就 能 單日 生產 達 1000萬 片 4 月初 再 增加 30 台 機組 還 可以 再 提升 到 每日 1300萬 片 以上 口罩 產量 持續 提升 所以 除 了 今天 起 買 實 名 制 成人 兒童 口罩 都 多 一 片 外 他 也 和 唐鳳 討論 口罩 實 名 制 20 政策 思考 口罩 實 名 制 再 精進 的 方法 讓 有 需要 的 國人 取得 口罩 更 方便 陳其邁 說 面對 疫情 今日 院會 中 也 提出 幾 項 政策 及 建議 包括 清明節 祭祖 返鄉 人潮 分流 更 需 提前 做好 準備 校園 開始 上課 傳染 途徑 除 飛 沫 感染 還有 接觸 感染 地方 學校 要 多 宣 導 洗手 重要性 學童 勤洗手 效果 會 比 用 酒精 幹 洗手 更加 徹底另外 居家 檢疫 隔離 的 國人 為了 防疫 被 限 縮 行動 自由 並非 自願 我們 也 要 多 給 他們 一些 支援 鼓勵 但 違反 防疫 規定 趴 趴 走 的 民眾 除了 地方 政府 應從 重開 罰 外 疫情 指揮中心 也 將 訂 定 裁 罰 指引 中央 地方 攜手 合作 院 會後 他 與 衛福 部長 陳時中 繼續 討論 強化 基層 診所 藥師 投入 防疫 的 能量 並 再 與 相關 單位 開會 督促 情形 持續 加速 快 篩 試劑 生產 疫情 漸 趨 嚴峻 感謝 每 位 臺灣人 在 自己 位置 盡心盡力 才能 讓 臺灣 展現 實力 成為 近期 國際 矚目 防疫 範例</t>
  </si>
  <si>
    <t>國內 新冠 疫苗 擴大 施 打中 不少 人 關心 疫苗 混打 可能性 疫情 指揮中心 指揮官 陳時中 表示 目前 還是 以 az 混打 mrna 的 疫苗 莫德納 及 輝瑞 bnt 為主 其他 的 可能性 也 會 持續 討論 中 但 仍要 看 疫苗 的 進貨 情況 才能 決定 他 也 鬆口</t>
  </si>
  <si>
    <t>國內 新冠 疫苗 擴大 施 打中 不少 人 關心 疫苗 混打 可能性 疫情 指揮中心 指揮官 陳時中 表示 目前 還是 以 az 混打 mrna 的 疫苗 莫德納 及 輝瑞 bnt 為主 其他 的 可能性 也 會 持續 討論 中 但 仍要 看 疫苗 的 進貨 情況 才能 決定 他 也 鬆口 11 月 混 打的 可能性 增高 針對 近期 不少 專家 學者 提出 的 混打 呼籲 陳時中 指出 相關 意見 都 會 尊重 不 過 許多 名 嘴 專家 引述 的 資料 不 一定 有 可 比較性 還是 要 請 專家 再 研 議 目前 國內 也 已 開放 az 可 混打 mrna 的 疫苗 也 就 是 可 適度 混打 莫德納 或 bnt 陳時中 強調 國內 大規模 進行 疫苗 混打 還是 要 取決 於 疫苗 進貨 的 情形 目前 專家 也 在 討論 中 11 月 最 有 可能 進行 開放 至於 國外 研究 指出 打完 兩劑 bnt 過 半 年 後 保護 力 大幅 下降 陳時中 則 回應 這些 國外經驗 指揮中心 都會 參考 對於 開放 第 三 劑 接種 仍 需要 持續 觀察 因 此 目前 還 沒有 定案 不過 已 做 好 萬 全 準備 第 三 劑 的 疫苗 已經 先 買 起來</t>
  </si>
  <si>
    <t>歐美 機場 無 罩 作業 機師 盼 指揮中心 采 奧運 模式 稽核 外 站 防疫</t>
  </si>
  <si>
    <t>新冠 疫情 今天 再 升高 副 總統 賴清德 今 喊 出 全力 保護 積極 照顧 他 表示 面對 疫情 恐慌 害怕 是 人之常情 除了 儘快 取得 疫苗 進行 施打 疫情 指揮中心 陳時中 指揮官 偕同 許多 專家 正 密切 監控 每天 的 狀況 也 強化 防疫 作為</t>
  </si>
  <si>
    <t>新冠 疫情 今天 再 升高 副 總統 賴清德 今 喊 出 全力 保護 積極 照顧 他 表示 面對 疫情 恐慌 害怕 是 人之常情 除了 儘快 取得 疫苗 進行 施打 疫情 指揮中心 陳時中 指揮官 偕同 許多 專家 正 密切 監控 每天 的 狀況 也 強化 防疫 作為 從 預防 及 治療 方面 著 手 希望 能 達到 盡 速 降低 確診 致死 率 他 強調 地方 緊急 醫療網 必須 注意 民眾 從 篩檢 到 分級 收治 的 每個 環節 避免 遺憾 再度 發生 賴清德 今 在 臉書 指出 這 波 本土 疫情 發生 以來 發生 很多 不幸 以及 生命 的 逝去 都讓人 非常 非常 難過 失去 摯愛 的 親人 家屬 更是 令 人 痛心 不 舍 他 也 提出 四 點 呼籲 一 儘早 診斷 儘早 治療 他 說 為了 加速 找 出 潛 在 感染者 阻絕 病毒 在 社區 擴散 指揮中心 補助 鼓勵 各 地方 政府 廣 設置 社區 篩檢 站 針對 具有 確診 個案 相關 接觸 史 活動 史 的 無 症狀 民眾 作為 主要 篩檢 對象 將 這些 可能 存在 的 風險 患者 趕快 找 出來 阻斷 傳播 也 及早 治療 他 說 二 加強版 集中 檢疫所 及 防疫 旅館 健康 監控 措施 他 指出 目前 采 分類 分級 分流 收治 確診 患者 加強版 集中 檢疫所 及 防疫 旅館 多 收治 輕 症 為了 避免 輕 症 轉 重症 檢疫所 內 24 小時 由 護理人員 進駐 透過 電話 與 視 訊 評估 病 患 讓 進駐 的 確診 患 者 有 妥 適 的 健康 監控 同時 醫師公會 全 聯會 亦 號召 醫師 投入 社區 醫療 並 可 協助 集中 檢疫所 及 防疫 旅館 的 醫療 照顧 防止 輕 症 患者 有 病情 急遽 變 壞 的 狀況 發生 他 說 三 單株 抗體 及 瑞德西韋 等 藥物 加強 治療 他 指出 為了 要 降低 輕 症變 重症 的 情況 發生 指揮中心 將 購買 對抗 病毒 的 單株 抗體 藥物 提供 給 符合條件 的 的 輕 症 患者 使用 同時 把 瑞德西韋 藥物 直接 給 收治 中 重症 病人 的 醫療 院所 有效 治療 病人 他 說 四 老人 安養 機構 啟動 預防措施 他 指出 這 波 死亡 個案 多 為 有 慢性病 的 長者 去年 已 針對 長照 機構 做 防疫 演練 最近 指揮中心 也 請 機構 遵照 防疫 指引 嚴格執行 並 減少 機構 探望 降低 院內 及 院外 的 接觸 將 機構 長者 感染 風險 降 至 最低 也 已 列為 疫苗 優先 施打 對象 他 表示 提醒 家中 如果 有 高風險 的 慢性病 患 免疫 疾病 的 長者 要 特別 留意 加強 他們 的 居家 健康 監測 及 自我 防護 機制 避免 與 確診 者 接觸 或 前往 感染 熱區 才能 降低 感染 風險 一旦 有 疑慮 可以 儘快 前往 鄰近 的 篩檢 站 登記 篩檢 及早 發現 和 治療 治癒 機會 相對 高</t>
  </si>
  <si>
    <t>不少 民眾 仍 在 苦 等 第二 劑 莫德納 疫苗 今 傳出 網路上 有 民眾 以 一 劑 6000 元 的 價格 兜售 莫德納 施打 地點 在 臺北 萬 華區 某 診所 對此 北市 衛生局 表示 正在 進行 調查 預計 下午 說明 調查結果 有 民眾 發現 網友 在 社 群 平臺 發文 聲稱 可以 提供 莫德納 疫苗 無論是 第一 劑 或是 打 滿 10 周 要 接種 第二 劑 的 人 都 可以 向 他 聯繫 還 傳出 對 方有 說出 是 萬 華區 的 某 家 診所 對此 北市 衛生局 疾 管科 科長 張惠美 表示 已 處理 調查 厘 清 目前 有些 片段 資料 但要 依照 事實 判定 瞭解 為 診所 或 是 該 名 網友 違反規定 再 進行 裁 罰 預計 下午 說明 調查結果 媒體 人 黃揚 明於 臉書 表示 他 9 月 10 日 就 曾在 政論 節目 上 預警 過 臺北市 有 不肖 診所 出價 兜售 莫德納 疫苗 前 幾 天 還為 此 被 臺北市衛生局 發 函 約 談到 案 約 談時 提及 傳染病 防治法 嚴重 特殊 傳染性 肺炎 防治 及 紓困 振興 特別 條例 散佈 假消息 的 相關 規定 認為 他 散佈 假消息 要 移送 偵 辦 他 指出 過去 近 2 個 月 莫德納 疫苗 奇貨可居 診所 若 被 分配 疫苗 時 自然 可用 殘 劑 做 人情 甚至 牟暴利 他 的 一 位 師長 稱 去 打 疫苗 時 針劑 是 事先 抽 好 從 大 冰櫃 中 拿 出來 的 並非 當場 從小 瓶 抽出 施打 的 是否 可能 有 診所 在 早期 配 獲 疫苗 時 預先 每 瓶 先 抽出 一 劑 冷藏 保存 當 殘 劑 運用 黃揚明 認為 殺頭 生意 有人 做 如果 賺 錢 是 人性 而 診所 負責人 就 可以 擁有 誰 可以 登記 殘 劑 的 權力 時 自然 就 會 發生 此類 惡質 牟利 事件 黃揚明 表示 今天 又 有 百萬 莫德納 到貨 近日 就要 分配 我 建議 登記量 大 到貨 量 不足 的 熱門 疫苗 莫德納 指揮中心 應 自即日起 改變 配發 策略 只 送 大 醫院 和 集中 接種 站 不該 讓 診所 利用 制度 漏洞 繼續 牟利</t>
  </si>
  <si>
    <t>新冠肺炎 疫情 延 燒 之際 日前 的 清明連 假 卻 出現 大批 出遊 潮 這 讓 不少 醫師 感到 擔憂 指揮中心 今日 也 稱 這 周日 將 會 是 關鍵 家 醫科 醫師 吳承羲 則 透露 其實 從 進 醫院 開始 我 就 沒 喜歡 過 連 假 因為 伴隨 而來 的 是 塞 爆 急診 與</t>
  </si>
  <si>
    <t>新冠肺炎 疫情 延 燒 之際 日前 的 清明連 假 卻 出現 大批 出遊 潮 這 讓 不少 醫師 感到 擔憂 指揮中心 今日 也 稱 這 周日 將 會 是 關鍵 家 醫科 醫師 吳承羲 則 透露 其實 從 進 醫院 開始 我 就 沒 喜歡 過 連 假 因為 伴隨 而來 的 是 塞 爆 急診 與 吃緊 的 人 力 吳 承羲 在 臉書 東村誠 醫師 的 診療室 -dr 吳承羲 上 發文 指出 他 從 進 醫院 開始 就 沒 喜歡 過 連 假 一方面 因為 輪班 的 關係 很多 時候 看 的 到 休 不到 另一方面 是 連 假 伴隨 而來 的 會 是 塞 爆 的 急診 吃緊 的 人 力 由於 這次 清明連 假 適逢 新冠肺炎 疫情 各 大 景點 出現 大批 人潮 使得 指揮中心 不得不 發佈 簡訊 警示 民眾 加以 管制 吳承羲 也 認為 不 加以 管制 就 很 有 可能 成為 破 口 雖然 來得 晚 但 還是 有 其 必要 吳 承羲 表示 接下來 要 做 的 是 亡羊補牢 預防 下 一 次 連 假 的 到來 五一 因為 剛好 卡 到 星期五 要 取消 是 不太可能 不過 可以 建議 公司 用 排 休 輪休 方式 提前 或 延後 放 端午節 的話 視 情況 取消 彈性 放假 也 可以 另外 吳承羲 也 提出 一些 可行 的 補助 措施 他 說明 例如 國營 人潮 眾多 的 景點 例假日 可 實施 總量 管制 預先 實 名 制 登記制 該 措施 也 于 武陵農場 的 櫻花季 使用 過 一方面 可 控制 人潮 二來 也 可 追朔 旅遊 史 當然 若是 疫情 嚴重 就 要 考慮 直接 關閉 最後 吳承羲 坦言 這 場 戰役 可能 很 長 可能 短 時間 內 看不到 終點 但是 現在 放棄 沈不住氣 的 話 就 是 全盤皆輸 了</t>
  </si>
  <si>
    <t>菲律賓 臺灣 個案 誰 傳 誰 指揮中心 兩 人 都 在 菲國 暴露 同 感染 源</t>
  </si>
  <si>
    <t>新冠肺炎 疫情 延 燒 中央 防疫 指揮中心 建議 各級 民 代 不要 跑 攤 獲 台南 市 議會 集體 回應 議長 郭信良 3 日 率 不分 党代 議員 宣佈 即日起 將 配合 民 代 不 跑 攤 拱手 不 握手 勤洗手 等 中央 防疫 作為 請 市民 朋友 們 體諒 民</t>
  </si>
  <si>
    <t>新冠肺炎 臺灣 注 記 鍾 小 平 指揮中心</t>
  </si>
  <si>
    <t>蘇貞昌 夜 探 指揮中心 葉元之 痛 批 還 有空 去 作 秀</t>
  </si>
  <si>
    <t>作 秀 指揮中心 葉元之 新冠肺炎 蘇貞昌</t>
  </si>
  <si>
    <t>台中 市府 疫情 指揮中心 13 日 公佈 擔任 家教 的 30 歲 男性 確診 者 案 15386 由於 曾 到 台中 參加 豪 宅 派對 疫 調 足跡 到 過 臺北 萬華 中正區 以及 信義 區 等 多 處 地點 目前 相關 接觸 者 已 有 4 人 確診 不 排除 家教 男 為 感染 源 憂心 足跡 擴</t>
  </si>
  <si>
    <t>delta 印度 變異 株 進入 屏東社區 自 秘魯 返台 的 祖孫 遭 質疑 將 變種 病毒 帶回 台 不過 家屬 卻 表示 當初 持有 3 天 前 陰性 pcr 證明 且 在 秘魯 機場 也 有 和 家人 擁抱 送機 至今 未 傳出 身體 不適 抵達 台後 便 回到 屏 東 居家 檢疫 期間 足不出戶 令 人 不免 擔憂 感染 源 究竟 在 哪 據 瞭解 這 對 祖孫 6 月 6 日 自 秘魯 返台 途中 至 台南 關 廟 休息 站 短暫 休息 後 就 一路 南向 至 屏 東 枋山 居家 檢疫 外傳 期間 曾為 倒 垃圾 與 鄰居 打招呼 導致 鄰居 也 染上 delta 病毒 對此 屏 東 縣長 潘孟安 則 表示 秘魯 嬤 並非 走 出來 倒 垃圾 而是 將 垃圾 放置 門口 鄰居 曾 好意 詢問 是否 需要 協助 秘魯 嬤 則 以 有 專人 會 處理 回應 期間 足不出戶 也 未 與 鄰居 有 寒暄 直到 6 月 14 日 縣府 人員 透過 居家 關懷 系統 慰問 秘魯 嬤 透露 自己 有 症狀 才 通報 救護車 協助 送醫 第一時間 未 得 知 是 確診 上 救護車 前 曾 與 鄰居 短暫 交談 是否 因此 造成 傳播 仍 有待 厘 清 據 三 立 新聞 報導 秘魯 嬤 兒子 表示 每年 母親 都會 帶 著 他 的 孩子 返回 臺灣 住 一段時間 此次 返回 臺灣 是 由 哥哥 親自 開 車載 他們 到 秘魯 機場 也 依照 規定 持 著 3 天 前 陰性 pcr 證明 上機 前 雙方 互相 擁抱 才 離開 他們 從 秘魯 飛至 土耳其 轉機 再 返台 秘魯 嬤 兒子 說 若 在 秘魯 已 感染 送 母親 去 機場 並 擁抱 道別 的 哥哥 也 會 有 症狀 但 至今 身體健康 都 正常 對此 屏 東 縣政府 則 回應 於 機場 擁抱 的 家人 可能 都還 在 潛伏期 詳細 還是 要 諮 詢 指揮中心 或 專業 醫師 目前 縣府 仍以 防堵 病毒 為 首要 工作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針對 苗栗縣 內 京元 電子 股份有限公司 爆發 移 工 群 聚 感染 指揮中心 今日 上午 召開 本 起 事件 之 疫情 因應 措施 包含 協助 苗栗縣 衛生局 疫 調 通譯 及 協助 疫 調 表 翻譯 移 工 母語 勞動部 立即 督 管京元 電子 及 其 仲 介 管制 宿舍 移 工 不得 任意 外出</t>
  </si>
  <si>
    <t>移 工 勞動部 京元 電子 指揮中心 新冠肺炎</t>
  </si>
  <si>
    <t>指揮中心 今 撥 出 十五萬 劑 的 az 疫苗 但 高雄市 沒有 疫情 卻 分配 到 兩萬一千 劑 比 疫情 重災區 新北 市 還要 多 對此 衛福 部長 陳時中 表示 這 與 高雄市 之前 的 施打 率 有關 同時 在 分配 上 也 會 根據 這 幾 類 符合 施 打的 人員 數 以及 以往 施</t>
  </si>
  <si>
    <t>指揮中心 今 撥 出 十五萬 劑 的 az 疫苗 但 高雄市 沒有 疫情 卻 分配 到 兩萬一千 劑 比 疫情 重災區 新北 市 還要 多 對此 衛福 部長 陳時中 表示 這 與 高雄市 之前 的 施打 率 有關 同時 在 分配 上 也 會 根據 這 幾 類 符合 施 打的 人員 數 以及 以往 施打 的 經驗 與 需求 進行 分配 陳時中 今天 表示 撥 送下去 的 疫苗 以 臺北市 獲得 兩萬兩千兩百 劑 最 多 其次 依 序 為 高雄市 兩萬一千 劑 新北 市 一萬八千 劑 桃園 市 一萬八千 劑 台中 市 一萬七千五百 劑 台 南市 一萬三千 劑 外界 質疑 高雄市 非 重災區 為何 可以 分得 比 新北 市 還要 多 的 疫苗 指揮中心 發言人 莊人祥 表示 如果 是 雙北 以外 是 用 未 施 注 第一 類 人員 數 的 六 成 來 估算 但 雙北 就是 用 一二 三類 未 施 注 人員 的 六 成 來 估算 所以 才會 有 這樣 的 數字 落差</t>
  </si>
  <si>
    <t>指揮中心 昨 25 日 宣佈 全國 3 級 警戒 全國 停課 皆 延長 至 6 月 14 日 台 大公 衛學院 教授 陳秀熙 表示 目前 國內 非 藥物 公 衛 措施 npi 的 落實 程度 只 有 75 若 多數 公司 停 班 降低 平均 病例 有效 再生 數 rt 值 的 效果 可 達 27 外界 好</t>
  </si>
  <si>
    <t>臺灣 新冠肺炎 疫情 嚴峻 全台 三級 警戒 持續 並 希望 民眾 減少 不必要 的 外出 且 端午 連 假 將 至 指揮中心 跟 各地 政府 都 繃緊神經 全力 呼籲 眾人 不要 返鄉 以免 因 移動 而 讓 疫情 擴散 藝人 junior 韓宜邦 今 淩晨 po 文 表示 有些 話</t>
  </si>
  <si>
    <t>臺北市 今 舉辦 防疫 記者會 市長 柯文哲 指出 北市 有 14 天 沒有 不明 感染 源 接近 降到 一級 標準 剩下 就 是 最 快 速度 把 疫苗 覆蓋率 打 起來 柯文哲 指出 中央 公佈 本土 案例 1 例 境外 7 例 臺灣 疫情 趨 緩 但 世界 蠻 嚴重 每天 有 40萬 到 60萬 案例 北市 從 每個 禮拜 確診 18 人 11 人 10 人 到 現在 這周 是 0 大概 已經 有 五 個 禮拜 時間 確診 數 少於 5 人 柯 表示 其實 比 確診 數 更 重要 是 不明 感染 源 回溯到 上 一個 差不多 是 14 天 前 雖有 確診 數 但是 找 得 到 感染 源 狀況 好 一點 七 家 醫院 篩檢 昨天 做 1200 個 當然 是 沒有 確診 從新 北 幼稚園 群 聚 感染 當時 匡 到 1500 個 現在 居家 隔離 昨天 只 剩下 150 個 數量 已經 降到 新低 柯文哲 提到 這麼 長 的 時間 都 是 零零星星 確診 到底 降級 要 怎麼 處理 事實上 一 開始 在 中央 疫情 指揮中心 有 分 四級 只要 出現 感染 源 不明 本土 案例 就 是 第 二級 北市 有 14 天 沒有 不明 感染 源 接近 降到 一級 標準 柯接著 說 但 畢竟 首都 生活 圈 高鐵 一 日 生活 圈 重點 不是 臺北市 而是 整個 臺灣 狀況 不明 感染 源 就算 全 臺灣 來 算 已經 非常低 達到 降到 一級 標準 剩下 問題 是 有 沒有 可能 反撲 答案 是 有 可能 他 認為 解決 問題 方法 是 疫苗 覆蓋率 結論 是 這樣 北市 五月 到 現在 把 感染 壓到 最低 剩下 就 是 最 快 速度 把 疫苗 覆蓋率 打 起來 柯也 說 過去 兩 天 北市 在 高中 打 了 1萬3325 多 劑 身體 不適 有 131 人 大部分 算是 輕 症</t>
  </si>
  <si>
    <t>新冠肺炎 臺灣 三級 警戒 指揮中心 陳時中</t>
  </si>
  <si>
    <t>北市 知名 診所 爆 未 依 分類 打 az 指揮中心 違者 重罰 200萬</t>
  </si>
  <si>
    <t>臺北市 好 心肝 診所 昨日 傳出 深夜 施打新冠肺炎 疫苗 不少 民眾 拿 著 健 保 卡 排隊 接種 對此 指揮中心 回應 現階段 新冠肺炎 開放 公費 接種 對象 都需 依照 指揮中心 公佈 順序 施打 違者 可 處 30萬 至 200萬 罰 鍰 已 請 北市 衛生 局 進行</t>
  </si>
  <si>
    <t>臺北市 好 心肝 診所 昨日 傳出 深夜 施打新冠肺炎 疫苗 不少 民眾 拿 著 健 保 卡 排隊 接種 對此 指揮中心 回應 現階段 新冠肺炎 開放 公費 接種 對象 都需 依照 指揮中心 公佈 順序 施打 違者 可 處 30萬 至 200萬 罰 鍰 已 請 北市 衛生 局 進行 瞭解 及 處理 另外 好 心肝 則 表示 昨晚 施打 az 疫苗 的 是 醫療 相關 人員 的 志 工 沒有 針對 一般 民眾 施打 前 立 委 醫師 林靜儀 昨 8 日 在 臉書 質疑 淩晨 12 點 多 為什麼 臺北市 某 診所 依然 燈火通明 某 醫院 據說 打 不 完 的 疫苗 難道 由 診所 幫忙 消耗 嗎 更 傳出 施打 對象 根本 不 符合 指揮中心 公佈 的 第一 類 至 第 三類 人 引發 網友 熱烈 討論 黃珊珊 則 回應 有 配發 疫苗 到 合約 診所 若 施 打 對象 非 第一 類 至 第 三類 人員 將 會 依法 開 罰 指揮中心 也 重申 新冠肺炎 疫苗 現階段 開放 的 公費 接種 對象 以 雙北 地區 屬 於 第一 類 至 第 三類 未曾 接種 第一劑 疫苗 的 醫 事 防疫 人員 及 高 接觸 風險 者 為 優先 接種 對象 雙北 以外 之 縣 市 則 以 未曾 接種 疫苗 的 第一 類 醫 事 人員 為 接種 對象 指揮中心 表示 已 請 北市 衛生局 瞭解 及 處理 如 經 查 執行 其 接種 作業 有違 指揮中心 相關 接種 政策 或 實施 對象 者 可 依 傳染病 防治法 第 29 條 處以 30萬 至 200萬 罰 鍰 也 再次 強調 中央 與 地方 標準 一致 做法 一致 腳步 一致 防疫 原則 並 請 各 地方 政府 及 醫療 院所 依據 指揮中心 所 訂 新冠肺炎 疫苗 接種 順序 進行 施 打 對此 好 心肝 門診 人員 今日 受訪 時 表示 昨晚 確實 有 打 但是 給 門診 醫療 相關 人員 的 志 工 施打新冠肺炎 疫苗 且 很多 都有 符合 醫 事 人員 強調 是 醫療 人員 的 相關 志 工 好 心肝 門診 人員 說 目前 沒有 針對 一般 民眾 施打 昨天晚上 門口 大排長龍 是 醫療 相關 人員 的 志 工 在 施打 不 知道 為何 媒體 報 成 這樣 好 心肝 表示 其 餘 很多 民眾 是 打 肺炎 鏈球菌 疫苗 志 工 是 打 新冠肺炎 疫苗 是 相關 志 工 的 診所 沒有 開放 一般 民眾 施打 並說 自己 是 合約 醫療 院所 由於 外傳 好 心肝 門診 的 新冠肺炎 疫苗 來源 是 台大醫院 對此 台大醫院 也 發 嚴正 聲明 本院 絕 無 將 covid-19 疫苗 轉移 至 任何 其他 機構 目前 仍 持續 進行 醫療 人員 施打 作業</t>
  </si>
  <si>
    <t>指揮中心 診所 施打 新冠肺炎 疫苗 接種</t>
  </si>
  <si>
    <t>陸委會 今 19 日 下午 召開 記者會 媒體 問到 滯留 湖北 臺灣人 何時 可以 返台 陸委會 發言人 邱垂正 表示 仍然 維持 須 包機 返台 集中 檢疫 的 政策 不 變 媒體 問到 滯留 湖北 臺灣人 的 注 記 可否 取消 可否 從 武漢 離開 可否 入境 法 源 依據 陸委會 發言人 邱垂正 指出 陸委會 是 依據 中央 疫情 指揮中心 2 月 25 日 發佈 的 措施 要 點 為 依據 仍然 維持 必須 使用 包 專 機 返台 集中 檢疫 至於 滯留 湖北 臺灣人 可否 個別 返台 邱垂正 表示 目前 湖北 還是 封城 離開 當地 需要 健康 證明 以及 外省 目的地 接收 許可 風險 還 是 很 高 因此 仍 維持 之前 的 決定</t>
  </si>
  <si>
    <t>全國 疫情 未 見 降溫 三級 警戒 是否 二 度 延長 至 6 月 28 日 成為 各界 關注 話題 不過 下 周 端午 連 假 就要 來 了 為 防堵 病毒 流動 各界 紛紛 呼籲 異鄉 遊子耐 住 思鄉 之 情 別 衝動 回老家 連 中央 流行 指揮中心 今 6 日 下午 都 出面</t>
  </si>
  <si>
    <t>立 法院 社會福利 及 衛生 環境 委員會 安排 3 月 16 日 週一 考察 北部 地區 醫療 院所 防疫 整備 狀況 引發 爭議 衛環 委員會 召 委 邱 泰源 辦公室 發聲明 表示 安排 過程 十分 用心 謹慎 不但 徵求 相關 單位 的 意見 也 皆 先 與 拜訪 醫療 院所 之 負責 主管 充分 溝通 並 獲得 同意 聲明 指出 對於 武漢肺炎 疫情 防治 臺灣 在 政府 卓越 領導 醫療 防疫 人員 努力 及 全民 支持 下 防疫 成果 世界 各國 稱羨 而 政府 不斷 超前 部署 鞏固 防疫 成果 吾人 理應 全力 持續 支持 本次 考察 安排 的 主要 目的 包括 1 立 法院 同仁 關懷 鼓勵 各級 抗 疫 醫療 院所 及 人員 2 瞭解 各級 醫療 院所 抗 疫 過程 的 需求 並 協助 解決困難 聲明 指出 安排 過程 十分 用心 謹慎 不但 徵求 相關 單位 的 意見 也 皆 先 與 拜訪 醫療 院所 之 負責 主管 充分 溝通 並 獲得 同意 且 因 考察 的 檢疫 裝備 都 在 醫院 外面 絕 不 影響 院內 醫療 作業 而 主管機關 隨同 考察 部分則 建議 以 副 主管 參與 即可 並 特別 限制 出席 人數 以 減少 行政 機關 人力 支援 陪同 人員 遠 低於 委員會 開會 官員 須 出席 之 人數 聲明 指出 立 法院 安排 之 議程 一定 以 防疫 工作 為 最 優先 此為 朝野 立 委 所 共識 而 一切 疫情 訊息 則 以 中央 疫情 指揮中心 所 發佈 為 准 聲明 表示 各縣市 醫師公會 更是 從 一月 初 即 整合 啟動 醫 界 所有 力量 全力 配合 政府 協助 抗 疫 至 今 全國 近 兩萬 家 診所 更 是 一 開始 即 置 之 險境 在 社區 守 住 防疫 第一線 奠定 防疫 成效 的 基石</t>
  </si>
  <si>
    <t>中央 疫情 指揮中心 15 日公 佈 嘉義 縣 新增 1 確診 個案 嘉義 縣長 翁章梁 今天下午 召開 疫情 線 上 記者會 表示 案 13302 是 42 歲 女性 在 東石鄉 永 屯 村 便利 超 商當 店員 13 日 因 發燒 不適 就醫 采 檢 14 日 確診 目前 匡列 的 接觸 者 采 檢 皆 為 陰</t>
  </si>
  <si>
    <t>中央 疫情 指揮中心 15 日公 佈 嘉義 縣 新增 1 確診 個案 嘉義 縣長 翁章梁 今天下午 召開 疫情 線 上 記者會 表示 案 13302 是 42 歲 女性 在 東石鄉 永 屯 村 便利 超 商當 店員 13 日 因 發燒 不適 就醫 采 檢 14 日 確診 目前 匡列 的 接觸 者 采 檢 皆 為 陰性 感染 源 仍 在 厘 清中 縣長 翁章梁 表示 案 13302 為 便利 超 商 店員 衛生局 即刻 請 超 商 暫停營業 2 天 並 進行 清 消 作業 全案 匡列 家庭 接觸 者 10 人 職 場 接觸 者 14 位 20 人 pcr 檢驗 為 陰性 4 人 采 檢 中 另 也 依 書面 實 聯 制 電話 訪視 340 名 顧客 1 人 有 症狀 轉 介 篩檢 為 陰性 疾 管家 qr code 資料 1218 筆 以 簡訊 通知 自我 健康 監測 衛生局長 趙紋華 指出 案 13302 居住 于 東石鄉 與 父母 同 住 有 慢性 病史 生活 單純 服用 過敏 免疫 風濕科 的 藥物 13 日 感覺 疲 累 晚間 出現 喉嚨 痛 及 發燒 症狀 由 父親 開車 至 醫院 就醫 采 檢 後 返家 6 月 14 日 采 檢 結果 為 陽性 由 119 救護車 後 送至 醫院 住院 趙紋華 說 該 名 個案 在 便利 超 商上 日班 除 上班時間 在 超 商 下班 就 返家 追 劇 料理 等 6 月 11 日 曾 到 快樂 超市 停留 約 10 分鐘 至於 該案 感染 源 為何 翁章梁 說 目前 感染 源 仍 在 厘 清中 針對 兩 個 方向 持續 追蹤 一 是 物流 司機 另外 則 是 超 商 的 外地 客人 另 是否 比照 先前 個案 開啟 擴大 篩檢 專案 翁章梁 表示 目前 還 在 觀察 中 因 除 確診 者 外 其他 接觸 者 皆 采 檢 陰性 居家 隔離 中 因此 是否 有 社區 感染 疑慮 還 在 研 判 必要 時 才 會 啟動 擴大 篩檢</t>
  </si>
  <si>
    <t>美國 捐贈 的 250萬 劑 莫德納 疫苗 將 在 傍晚 抵 台 外界 關心 這 250萬 劑 莫德納 任務 很 急促 可否 解釋 接洽 過程 以及 莫德納 跟 az 疫苗 能否 混打 對此 指揮中心 指揮官 陳時中 表示 非常 謝謝 ait 努力 把 臺灣 的 情況 傳回 美國 我們 真的 很</t>
  </si>
  <si>
    <t>美國 捐贈 的 250萬 劑 莫德納 疫苗 將 在 傍晚 抵 台 外界 關心 這 250萬 劑 莫德納 任務 很 急促 可否 解釋 接洽 過程 以及 莫德納 跟 az 疫苗 能否 混打 對此 指揮中心 指揮官 陳時中 表示 非常 謝謝 ait 努力 把 臺灣 的 情況 傳回 美國 我們 真的 很 感謝 關於 疫苗 混打 可能 還 在 密切注意 中 陳時中 表示 整體 溝通 方面 不管 外交部 駐 美 辦事處 都 非常 努力 天天 都 在 跟 他們 相關 單位 在 溝通 聯繫 也 非常 謝謝 ait 儷 英傑 處長 努力 把 臺灣 的 情況 分析 並 不 斷 的 傳回 美國 讓 他們 瞭 解 我們 在 疫苗 取得 上 的 急迫性 在 這 要 強調 非常 謝謝 美國 他們 以前 講 說 台美 是 真 朋友 我們 是 真的 很 感謝 另外 至於 疫苗 是否 有 混 打的 可能 有些 國家 已經 有 這 方面 的 想法 我們 會 持續 密切注意 相關 發展</t>
  </si>
  <si>
    <t>臺灣 今天 一口氣 再度 新增 206 例 本土 個案 其中 48 例 感染 源 不明 究竟 現在 有 多少 醫護 被 感染 且 聯合醫院 還 傳出 不少 院區 都 有 收到 確診 者 導致 有 醫護 被 匡 例 其中 包含 忠孝 院區 對此 指揮中心 不 願 證實 並 強調 不會 針對 特</t>
  </si>
  <si>
    <t>日前 臺北市 長 柯文哲 不滿 北部 確診 婦人 至今 感染 源 未 明 也 不 知 在 哪 縣 市 但 遭 疫情 指揮中心 指揮官 陳時中 怒斥 要 把 責任 扛起來 不能 說 不 知道 中央 地方 要 合作 今日 日本 北海道 旭川 市 一 名 新冠肺炎 確診 患者 本身</t>
  </si>
  <si>
    <t>日前 臺北市 長 柯文哲 不滿 北部 確診 婦人 至今 感染 源 未 明 也 不 知 在 哪 縣 市 但 遭 疫情 指揮中心 指揮官 陳時中 怒斥 要 把 責任 扛起來 不能 說 不 知道 中央 地方 要 合作 今日 日本 北海道 旭川 市 一 名 新冠肺炎 確診 患者 本身 經營 炸 豬排 店 為 讓 消費者 瞭解 讓 旭川 市政府 罕見 公佈 店名 此 例 可 供 臺灣 參考 據 中央 社 引述 日 媒 報導 北海道 旭川 市政府 22 日 公佈 住 在 市內 確診 新冠肺炎 男性 經營 的 餐飲 店名 是 當地 有 幾 家 店 面 的 知名 炸 豬排 店 井 泉 炸 豬排 tonkatu-isen 這 名 確診 患者 說 希望 讓 顧客 得知 正確 資訊 以免 心 生疑 慮 基於 男性 這樣 的 想法 旭川 市政府 罕見 公佈 店名 這 患者 16 日 出現 咳嗽 等 症狀 雖然 一直 在 家 療養 但 22 日 確診 感染 後 住 進 市內 醫療機構 他 從 4 日 以後 就 沒有 到 過 店面 目前 員工 都 沒有 出現 症狀 該 炸 豬排 幾 家 分店 已 暫停營業 進行 消毒</t>
  </si>
  <si>
    <t>新冠肺炎 疫情 疫情 指揮中心 急診 醫護人員</t>
  </si>
  <si>
    <t>國內 新冠 疫情 升溫 引發 國人 高度 擔心 要求 普 篩 的 呼聲 再起 但 疫情 指揮官 陳時中 仍然 認為 時候未到 甚至 認為 連 針對 醫護人員 進行 普 篩 都 沒有 必要 目前 疫情 指揮中心 仍以 隔離 為 主要 的 防疫 對策 陳時中 還 強調 目前 並未 針</t>
  </si>
  <si>
    <t>國內 新冠 疫情 升溫 引發 國人 高度 擔心 要求 普 篩 的 呼聲 再起 但 疫情 指揮官 陳時中 仍然 認為 時候未到 甚至 認為 連 針對 醫護人員 進行 普 篩 都 沒有 必要 目前 疫情 指揮中心 仍以 隔離 為 主要 的 防疫 對策 陳時中 還 強調 目前 並未 針對 部 桃 醫院 進行 封院 臺灣 也 沒有 社區 感染 民眾 不 需 過度 恐慌 不過 由於 之前 經常出現 其他 國家 驗 出 由 臺灣 出發 的 旅客 為 新冠 陽性 再 加上 國內 一直 沒有 實施 普 篩 不少 國人 對 臺灣 是否 已經 出現 指揮中心 所 未查 覺 的 社區 感染 其實 懷有 相當 的 疑慮 從 衛福部 所 發佈 的 相關 統計資料 來看 國內 是否 有 隱 而 未 現 的 新冠肺炎 患者 確實 值得 關注 2020 年 國人 肺炎 及 流感 的 死亡 人數 為 21427 人 2019 年 死於 肺炎 者 為 15185 人 死於 流感 者 為 318 人 兩者 相加 為 15503 人 因此 2020 年 因 肺炎 及 流感 死亡 的 人數 相較 2019 年 大 增 5924 人 2018 年 死於 肺炎 者 為 13421 人 2017 年 為 12480 人 而 每年 流感 的 死亡 人數 在 300 人 上 下 比較 2019 年 2018 年 和 2017 年 的 數字 可以 發現 臺灣 每年 死於 肺炎 和 流感 的 人數 較之 前 一 年 大約 會 增加 1000 人 左右 如此 看來 2020 年 比 2019 年 大增 近 6000 人 增加 的 幅度 實在太 不 尋常 了 不得不 令 人 懷疑 其中 有 沒有 可能 是 因為 國內 未 做 普 篩 而 將 死於 新冠肺炎 者 誤 列為 死於 一般 肺炎 或 流感 以致於 讓 2020 年 出現 了 近年來 超高 的 肺炎 及 流感 死亡 人數 衛福部 必須 進行 深入 的 瞭解 並 給 國人 一個 清楚 的 說明 別 為了 要 讓 新冠 防疫 成績 好看 就 忽略 了 疫情 可能 已 在 社區 流行 甚至 造成 大量 死亡 的 疫情 實況 而 疏於防範 置 國人 健康 安全 於 高度 風險 中</t>
  </si>
  <si>
    <t>由 外交部 等 單位 協調 的 華航 專機 從 印度 搭載 129 名 旅客 其中 包括 114 名 國人 及 在 台 工作 的 15 名 外籍人士 今天 淩晨 返台 其中 9 人 因 過去 14 天 曾有 輕微 咳嗽 等 症狀 在 機場 進行 采 檢 隨後 全數 搭乘 遊覽車 至 檢疫所 集中 檢疫 14 天 指揮中心 進一步 指出 昨日 晚間 自 印度 搭乘 專機 之 129 人 其中 9 名 有 症狀 者 經采檢 後 已 與 其他人 一起 送往 集中 檢疫所 隔離 有關 4 月 20 日 第 三 班 定點 返台 專案 航班 共 231 名 湖北 返台 民眾 截至 目前 1 人 就醫 治療 中 1 人 陪同 就醫 其 餘 均 已 監測 期滿 解除 隔離 今日 返家 自主 健康 管理 第 四 班 定點 返台 專案 航班 共 229 人 持續 于 集中 檢疫所 預計 明日 解除 隔離</t>
  </si>
  <si>
    <t>指揮中心 今天 宣佈 擴大 az 疫苗 第二 劑 接種 9 月 29 日 開 打 接種 資格 為 7 月 22 日前 已 接種 第一 劑 az 且 間隔 滿 10 周 以上 的 52 歲 以上 即 1969 年 12 月 31 日 含 前 出生 的 民眾 目前 可 配送 的 第二 劑 az 疫苗 量 約 111萬 劑 中央 流行 疫苗 指</t>
  </si>
  <si>
    <t>指揮中心 今天 宣佈 擴大 az 疫苗 第二 劑 接種 9 月 29 日 開 打 接種 資格 為 7 月 22 日前 已 接種 第一 劑 az 且 間隔 滿 10 周 以上 的 52 歲 以上 即 1969 年 12 月 31 日 含 前 出生 的 民眾 目前 可 配送 的 第二 劑 az 疫苗 量 約 111萬 劑 中央 流行 疫苗 指揮中心 今 26 日 表示 為 盡 速 提升 國內 第二 劑 covid-19 疫苗 涵蓋 率 將 自 9 月 29 日 起 陸續 配送 astrazeneca covid-19 疫苗 以下 簡稱 az 疫苗 預計 開放 7 月 22 日前 已 接種 第一 劑 az 疫苗 且 間隔 滿 10 周 以上 之 52 歲 含 以上 即 1969 年 12 月 31 日 含 前 出生 民眾 由 縣市政府 安排 通知 接種 第二 劑 az 疫苗 並 可視 疫苗 庫存 到貨 與 接種 情形 依 年齡層 逐 序 向 下 開放 與 第一 劑 az 疫苗 接種 間隔 滿 10 周之 民眾 接種 第二 劑 指揮中心 說明 本 2021 年 7 月 22 日前接種 az 疫苗 之 民眾 至 9 月 30 日間 隔 將 滿 10 周 以上 考量 年齡 較 大 者 感染 covid-19 疫苗 後 重症 風險 較 高 為 使 年紀 較 長 之 民眾 獲得 足夠 免疫 保護 力 故 目前 可 配送 之 az 疫苗 量 約 111萬 劑 將 優先 提供 52 歲 以上 民眾 接種 將 自 9 月 29 日 起 陸續 配送 地方 政府 衛生局 可 依 現有 疫苗 庫存 及 後續 配送 時間 規劃 指定 合約 院所 或 接種 點 提供 接種 服務 並 可視 接種 量 能 與 疫苗 可 調 度量 調整 開始 接種 日期 另 自 10 月 1 日 起 亦 開始 接種 流感疫苗 指揮中心 提醒 依 我國 衛生 福利 部 傳染病 防治 諮 詢 會 預防接種 組 acip 建議 接種 流感疫苗 應 與 covid-19 疫苗 間隔 至少 7 天 請 民眾 於 接種 各項 疫苗 前 應 攜帶 covid-19 疫苗 接種 紀錄 卡 及 健 保 卡 並於 接種 前 評估 時 應 說明 過往 疫苗 接種 史 以利 醫生 評估 完成 接種 後 建議 於 接種處 或 附近 至少 留 觀 15 分鐘 自我 密切 觀察 15 分鐘 先前 曾因 接種 疫苗 或 任何 注射 治療 後 發生 急性 過敏 反應 的 民眾 建議 留 觀 至少 30 分鐘 以利 即時 處置 該類 急性 過敏 反應 另 接種 az 疫苗 後 28 天內 若 出現 嚴重 不適 症狀 應盡 速 就醫 並 告知 疫苗 接種 史 以利 醫師 及早 厘 清 病因 並 給予 適當 臨床 處置</t>
  </si>
  <si>
    <t>竹縣 1 失 聯 移 工 打 疫苗 卻 被捕 朋友 斥 跟 指揮中心 講 的 不 一樣</t>
  </si>
  <si>
    <t>開放 更 多 兩岸 貨運 航班 指揮中心 尚未 收到 業者 申請</t>
  </si>
  <si>
    <t>申請 兩岸 航點 開放 指揮中心</t>
  </si>
  <si>
    <t>京元 電子 爆發 群 聚 指揮中心 要求 勞動部 應 做 好 全台 勞工 體檢 對此 勞動部 政務 次長 王安邦 表示 首先 會 針對 100 人 以上 的 移 工 宿舍 與 地方 政府 聯合 訪視 第二 個 則 會 針對 聘 雇 500 人 以上 的 企業 進行 訪視 及 查核 輔導 確認 落實 防</t>
  </si>
  <si>
    <t>京元 電子 爆發 群 聚 指揮中心 要求 勞動部 應 做 好 全台 勞工 體檢 對此 勞動部 政務 次長 王安邦 表示 首先 會 針對 100 人 以上 的 移 工 宿舍 與 地方 政府 聯合 訪視 第二 個 則 會 針對 聘 雇 500 人 以上 的 企業 進行 訪視 及 查核 輔導 確認 落實 防疫 上月 17 日 起 職 安 署 有 針對 高風險 行業 如 高科技 外籍 移 工 51 人 以上 企業 進行 查核 輔導 針對 分流 是否 有 遵 造 聘 雇 指引 執行 除了 苗栗 的 部分 配合 前進指揮所 要求 個案 處理 外 全台 會 配合 地方 政府 及 職 安 署 針對 移 工 加強 查核 訪視 及 輔導</t>
  </si>
  <si>
    <t>新冠肺炎 本土 疫情 嚴峻 指揮中心 鼓勵 各 地方 政府 設置 社區 篩檢 站 並 宣佈 開放 企業 快 篩 臺北市 長 柯文哲 認為 不要 因 病例 多 就 自 亂 陣腳 熱區 做 快 篩 站 才 有意義 中央 應 要 標準 不能 一 急 就 亂 撒 錢 亂弄 柯文哲 表示 昨天</t>
  </si>
  <si>
    <t>新冠肺炎 本土 疫情 嚴峻 指揮中心 鼓勵 各 地方 政府 設置 社區 篩檢 站 並 宣佈 開放 企業 快 篩 臺北市 長 柯文哲 認為 不要 因 病例 多 就 自 亂 陣腳 熱區 做 快 篩 站 才 有意義 中央 應 要 標準 不能 一 急 就 亂 撒 錢 亂弄 柯文哲 表示 昨天 中央 突然 宣佈 允許 企業 設 快 篩 站 但 他 認為 做 任何 事情 都需 科學 基礎 一 年 前 說 要 設 快 篩 站 時 拼死 不 做 現在 卻 突然 說 要 做 前後矛盾 柯文哲 指出 不要 因 病例 多 就 自 亂 陣腳 若 該 地區 的 盛行 率 很 高 病例 百分比 夠 高 設置 快 篩 站 才 有意義 若 在 澎 湖 金門 台東 等 病例 較 少 的 地方 設 快 篩 站 就 沒有 意義 柯文哲 認為 中央 應有 統計數字 熱區 可以 做 快 篩 站 若 該 地區 感染 率 到 了 多少 百分比 這樣 設置 快 篩 站 才 有意義 若 該 地區 感染 率 僅 01 做 快 篩 站 就 無 意義 柯文哲 直言 坦白說 要 有 科學 根據 不能 一 急 就 亂 撒 錢 亂弄該 設 的 就 設 不該 設 的 若 設置 就 會 出現 一 堆 偽 陽性 反而 會 亂掉 因此 可以 設 快 篩 站 但 需要 有 科學 基礎</t>
  </si>
  <si>
    <t>國內 新冠肺炎 疫情 持續 延 燒 不少 餐飲業者 大型 百貨 調整 營業時間 稍 早 林口 三井 outlet 在 臉書 公告 因應 新北 市 疫情 確診 數 不斷 增加 今 起至 25 日 將 自主 停業 3 日 進行 內部 大 清 消 並 表示 此 決定 與 指揮中心 並 無 關係 林</t>
  </si>
  <si>
    <t>指揮中心 搭 公車 須戴 口罩 中 市 配合 實施</t>
  </si>
  <si>
    <t>中央 疫情 指揮中心 日 宣佈 搭乘 大眾 運輸工具 應 全程 戴 口罩 未戴 者 將 先 勸導 勸導 不 聽 者 將 開 罰 3000 元 至 1萬5000 元 台中市政府 配合 中央 政策 民眾 即日起 在 台中 市 搭乘 公車 應 全程 佩戴 口罩 並 禁止 于 車內 飲食 呼籲 民眾 配</t>
  </si>
  <si>
    <t>疫情 指揮中心 指揮官 陳時中 今日 表示 采 檢 的 民眾 在 等待 通知 期間 無論是 等待 多久 都先 待在家裡 不要 亂跑 現在 也 會 拉進 健 保 的 健康 存摺 系統 想 辦法 把 篩檢 陰性 報告 及時 通知 讓 大家 查得 到 日前 疫情 指揮中心 向采檢 的 民</t>
  </si>
  <si>
    <t>疫情 指揮中心 指揮官 陳時中 今日 表示 采 檢 的 民眾 在 等待 通知 期間 無論是 等待 多久 都先 待在家裡 不要 亂跑 現在 也 會 拉進 健 保 的 健康 存摺 系統 想 辦法 把 篩檢 陰性 報告 及時 通知 讓 大家 查得 到 日前 疫情 指揮中心 向采檢 的 民眾 衛教 要求 等待 通知 的 時間 就 先 在 家中 自主 隔離 3 天 如今 時間差 還 在 縮短 有 媒體 問到 是否 要 提醒 民眾 不管 要 等 幾 天 都先 待在家裡 不要 亂跑 陳時中 回應 是的 陳時中 說 現在 會 努力 把 及時 通知 民眾 篩檢 陰性 報告 拉到 健 保 系統 讓 大家 可以 在 健康 存摺 上 查 到</t>
  </si>
  <si>
    <t>航空 業 有 4 名 包括 機師 及 空服 員 確診 其 為 高風險 公共 服務業 外界 質疑 指揮中心 只 公 佈 病例 數 及 曾 到 美國 工作 資訊 不透明 疫情 指揮中心 指揮官 陳時中 表示 如果 無法 確定 其 足跡 才會公 佈 至於 航空 業 等 高風險 共 公 服務業</t>
  </si>
  <si>
    <t>航空 業 有 4 名 包括 機師 及 空服 員 確診 其 為 高風險 公共 服務業 外界 質疑 指揮中心 只 公 佈 病例 數 及 曾 到 美國 工作 資訊 不透明 疫情 指揮中心 指揮官 陳時中 表示 如果 無法 確定 其 足跡 才會公 佈 至於 航空 業 等 高風險 共 公 服務業 確診 案例 未來 會 再 研 議 是否 針對 其 航班 等 資訊 再 做 進一步 的 說明</t>
  </si>
  <si>
    <t>臺灣 抗 疫 今天 是 第一 百 天 中央 流行 指揮中心 今天 暢談 一百 多 天 來 的 新路 歷程 其中 專家 小組 召集人 張上淳 表示 這次 民眾 表現 以及 媒體 精准 報導 和 當年 sars 相比 進步 很多 也 謝謝 居家 檢疫 與 隔離 的 民眾 配合 疾 管署 署長 周</t>
  </si>
  <si>
    <t>臺灣 抗 疫 今天 是 第一 百 天 中央 流行 指揮中心 今天 暢談 一百 多 天 來 的 新路 歷程 其中 專家 小組 召集人 張上淳 表示 這次 民眾 表現 以及 媒體 精准 報導 和 當年 sars 相比 進步 很多 也 謝謝 居家 檢疫 與 隔離 的 民眾 配合 疾 管署 署長 周志浩 表示 這 一百 天 天天 有 驚喜 覺得 我們 國人 大家 都 很 沈穩 一 關 一 關得 很 平穩 的 度過 感動 的 是 臺灣 是 個 團結 的 社會 對 國家 更 有 信心 發言人 莊人祥 說 想 謝謝 民眾 每天 固定 這個 時間 收看 直播 說 名 讓 阿中 部長 一 戰 成名 也 謝謝 媒體 報導 未來 希望 很快 可以 結束 這 場 戰役 張上淳 表示 過去 一百 天 除了 指揮中心 成立 一百 天 但 我們 開始 動作 是 12 月 31 日 開始 當中 很 謝 謝阿中 部長 帶領 的 防疫 團隊 與 跨 部 會合 作 讓 國家 維持 這樣 的 狀態 是 世界 的 典範 背 後 要 感謝 的 很多 包含 cdc 同事 長久 工作 在 一起 真的 很 辛勞 一路 下來 不眠不休 超過 百 天 的 努力 工作 好多 次 除了 cdc 防疫 團隊 醫療 工作 同仁 也 包含 地方 政府 很多 的 衛生 單位 人員 的 一起 參與 疫 調 工作 其次 是 警覺 開始 偵 測到 病人 這些 病人 分散 在 醫療 體系 許多 醫 院中 工作 同仁 包含 通報 采 檢 等 都 很 辛苦 隨 著 新病毒 全世界 疫情 狀況 專家 團隊 一直 改變 通報 定義 第一線 工作者 非常 辛苦 在 醫院 系統 都還沒 改好 下一版 又 出來 他們 幾乎 追不上 一 開始 他們 也 抱怨 中央 一 改 再 改 有點 覺得 不容易 理解 但 也 知道 我們 為何 需要 這樣 但 也 讓 臺灣 疫情 可以 密切 追蹤 監視 到 現在 張上淳 也 強調 當然 也 謝謝 所有 民眾 水準 很 高 在 先前 跟 sars 年代 完全 不同 衛生習慣 的 養成 和 改變 都 是 這次 能 順利 控制 疫情 順利 大家 可以 知道 我們 偶 而 會 說 要 居家 檢疫 隔離 啪 啪 走 者 其實 加 起來 所有 的 數字 很 可觀 當中 只 有 少數 個案 沒有 遵照 規定 決 大部分 都 是 遵守 規定 真的 很不簡單 背後 當然 是 部會 一起 設計 的 支援 監測 系統 他 指出 居家 檢疫 目前 有 11萬 人 居家 隔離 有 9千2百 多 人 這樣 數字 只 有 少數 沒有 遵守 規定 決 大部分 都 是 遵守 要求 的 因此 真的 很 感謝 民眾 的 配合 讓 其他人 可以 更 安全 零零 總 總 加 起來 過去 超過 一百 天 跟 大家 一起 工作 讓 我們 國家 可以 更 領先 全球 的 成果 真的 很 感動 張上淳 最後 也 提到 他 曾經 在 電視節目 說 媒體 朋友 比起 當年 sars 也 進步 很多 當年 有 說 媒體 是 亂源 之一 這次 媒體 精准 的 報導 沒有 製造 恐慌 也 很 謝謝 媒體 做出 正確 精准 的 報導 很 謝謝 媒體 幫忙 國家 一起 做 防疫</t>
  </si>
  <si>
    <t>該不該 開 罰 周玉蔻 網 投票 一面倒 指揮中心 裝 死機 率 高</t>
  </si>
  <si>
    <t>國內 今天 新增 1 例 本土 個案 為 桃園 20 多 歲 女性 指揮中心 表示 該 確診 女性 ct 值 147 日 快 篩 陰性 8 日 當作 發病 日 6 月初 打過 一 劑 az 疫苗 目前 確認 感染 delta 感染 源 不明 是 桃園 機場 機艙 清潔 人員 將 從 該 女 的 清潔 航班 上</t>
  </si>
  <si>
    <t>臺灣 本土 確診 數 今日 新增 321 例 校正 回歸 400 例 指揮中心 公佈 的 新名詞 校正 回歸 引發 網友 討論 不少 人 聽 了 霧 煞 煞 更 在 ptt 詢問 這個 詞 的 意思 就 有 網友 用 吃 早餐 的 方式神 比喻 讓 不少 人 笑 翻 許多 網友 對於 疫情 指揮 中</t>
  </si>
  <si>
    <t>臺灣 本土 確診 數 今日 新增 321 例 校正 回歸 400 例 指揮中心 公佈 的 新名詞 校正 回歸 引發 網友 討論 不少 人 聽 了 霧 煞 煞 更 在 ptt 詢問 這個 詞 的 意思 就 有 網友 用 吃 早餐 的 方式神 比喻 讓 不少 人 笑 翻 許多 網友 對於 疫情 指揮中心 公佈 的 新詞 校正 回歸 非常 不解 因此 紛紛 在 網路上 詢問 其 意思 一 名 網友 便 以 吃 早餐 比喻 在 ptt 寫 下 一 日 他 早上 睡醒 後 發現 肚子 非常 餓 於是花 了 721 元 買 早餐 但 吃 飽 以後 才 想到 自己 花太 多 錢 了 而且 自己 又 有 記帳 的 習慣 因此 決定 將 其中 的 400 元 算 在 上 禮拜 的 花費 更 直 呼 這樣 記 好像 安心 了 一點 文章 po 出 後 讓 不少 網友 笑 翻 表示 這樣 感覺 省 400 元 就 是 前 幾 天 沒 做 完 的 今天 一起 做 完公 佈 了 給 過 是 說 我 今天 多 吃 了 400 卡 熱量 我 校正 回歸 其實 是 上 禮拜 多 吃 的 我 今天 就 不 會 胖 了 感覺 可以 我 以後 也 要 這樣 記帳 今年 政府 好像 舉債 太 多 了 決定 校正 回歸 前 幾 年 各 加 幾 百億 這樣 今年 數字 比較 好看 刷 卡 先 欠 著 的 概念</t>
  </si>
  <si>
    <t>本土 疫情 持續 擴散 全國 進入 第 三級 警戒 指揮中心 指揮官 陳時中 拜 讬 民眾 假日 待 在 家中 未 料 有些 人 轉 往 郊區 活動 陽明山 停車場 甚至 出現 爆滿 情形 有 純度 最高 主 播 之 稱 的 房業涵 不禁 在 播報 時 脫 口 真 的 不 知道 在 想 什</t>
  </si>
  <si>
    <t>日前 臺灣 出現 第一 例 無法 確定 感染 源 的 白 牌 車 司機 染 新冠肺炎 且 是 首例 死亡 疫情 指揮中心 一 開始 認為 新冠肺炎 已 進入 社區 傳播 後來 又 以 感染 源 仍 在 確認 為 由 收回 才過 幾 天 又 出現 第二 例 無 感染 源 病例 指揮中心 仍 不 願 鬆口</t>
  </si>
  <si>
    <t>日前 臺灣 出現 第一 例 無法 確定 感染 源 的 白 牌 車 司機 染 新冠肺炎 且 是 首例 死亡 疫情 指揮中心 一 開始 認為 新冠肺炎 已 進入 社區 傳播 後來 又 以 感染 源 仍 在 確認 為 由 收回 才過 幾 天 又 出現 第二 例 無 感染 源 病例 指揮中心 仍 不 願 鬆口 是 社區 傳播 政府 死守 社區 傳播 不 願 說 出口 只是 鴕鳥 心態 不僅 白白 錯失 防疫 時間 民眾 摸 不 著 頭緒 會 更 慌 鄰近 大陸 新冠肺炎 主要 疫區 臺灣 防疫 一 開始 即 高 規格 對待 才能 有 今天 的 防疫 成績 也 延緩 社區 出現 感染 病例 但 此後 臺灣 的 防疫 步調 似乎 走 得 有些 尷尬 明明 有 了 社區 感染 案例 疫情 中心 僅 定調 為 零星 的 社區 感染 而非 社區 傳播 事實上 無論是 社區 傳播 還 是 社區 感染 重點 在於 社區 二 字 即 由 境外 感染 案例 進入 找 不 到 源頭 的 本土 感染 如果 政府 只是 執著 零 社區 大可不必 17 年前 sars 剛 發生 時 臺灣 曾因 保持三零 即 零 社區 零 死亡 零 輸出 自滿 但 沒多久 即 破 功 之後 歷經 和平 封 院 等 慘痛教訓 殷鑒不遠 已 出現 新冠肺炎 社區 傳播 的 新加坡 表示 如果 感染 人數 持續 增加 政府 將 鼓勵 新冠肺炎 輕 症 去 看 家庭 醫師 醫院 則 收治 隔離 重症 病 患 顯示 星國 政府 對 輕 症 病 患 不再 隔離 圍堵 專家 認為 新冠肺炎 可能 如 流感 一般 冬天 就 來 報到 民眾 應以 面對 流感 心態 因應 新冠肺炎 更 要 教導 民眾 如何 平常心 看待 新冠肺炎 由於 新冠肺炎 多 是 輕 症 加上 無 症狀 即 會 傳染 臺灣 進入 社區 傳播 是 無可避免 的 重要 的 是 如何 銜接 進入 下 一 波 防疫 政府 應清楚 向 民眾 說明 做 了 哪 準備 尤其 是 如何 守 住 醫療 院所 不要 發生 院內 感染 民眾 要 如何 配合 全民 都 在 等 政府 帶領 面對 即將 或是 已經 到來 的 社區 感染 傳播</t>
  </si>
  <si>
    <t>繼 嗅 味覺 異常 後 國際 上 又 出現 腳 指出 現 水 泡 的 新冠肺炎 疑 似 症狀 中央 流行 指揮中心 專家 諮 詢 小組 召集人 張上淳 今 證實 國內 確實 有 感染 個案 出現 水泡 症狀 只 是 目前 還 不 確定 是否 也 同樣 位 在 腳趾 張上淳 表示 因為 病人 一</t>
  </si>
  <si>
    <t>繼 嗅 味覺 異常 後 國際 上 又 出現 腳 指出 現 水 泡 的 新冠肺炎 疑 似 症狀 中央 流行 指揮中心 專家 諮 詢 小組 召集人 張上淳 今 證實 國內 確實 有 感染 個案 出現 水泡 症狀 只 是 目前 還 不 確定 是否 也 同樣 位 在 腳趾 張上淳 表示 因為 病人 一般 都 被 關在 負 壓 隔離病房 中 所以 若非 主動 回報 通常 不會 特別 觀察 到 病 患 是否 出現 水泡 這種 異常 狀況 但 在 國際 上有 報告 陸續 出現 後 也 特別 提醒 第一線 人員 多 加 注意 確實 有 發現 部分 患者 有 水 泡 的 症狀 但 並 不 確定 是否 都長 在 腳 上 先前 也 有 國外 研究 指出 新冠肺炎 也 會 造成 結膜炎 的 症狀 張上淳 解釋 由於 國內 還 沒有 確診 個案 出現 結膜炎 症狀 因 此 目前 還 沒 做 相關 的 分泌物 病毒 培養 測試 至於 國外 曾進行 測試 的 國家 有些 報告 指出 結膜 分泌物 有 病毒 但 有些 則 沒有 因此 仍 有待 厘 清 至於 唾液 能 不能 拿 來 當作 檢 體 進行 新冠 病毒 的 篩檢 張上淳 指出 臺灣 在 sars 期間 就 已 驗證 過 用 漱 口水 採集 喉嚨 分泌物 這樣 的 方式 的 確 可 做 pcr 目前 也 有 部分 醫院 採用 但 單用 唾液 檢驗 靈敏度 則 有待 驗證 事實上 台大醫院 收治 全國 第 2 例 新冠肺炎 確診 者 的 時候 就 曾用 漱 口水 進行 檢驗 讓 確診 者 含 著 生理 食鹽水 漱口 並 觸及 後 半 喉嚨 部位 採集 分泌物 的確 得到 陽性 結果 張上淳 解釋 之所以 採用 漱口 水法 是 由於 喉嚨 鼻 咽 試紙 採集 方式 可能 會 造成 受檢者 咳嗽 或 幹嘔 有 一定 的 機會 造 成飛 沫 因此 發出 通知 讓 醫院 可用 漱口 水法 作為 替代 的 檢驗 方式 不過 單用 唾液 檢驗 的 方式 可不 可行 張上淳 強調 漱口 水法 的 檢 體 中 除了 喉嚨 分泌物 外 一定 會 包含 大量 唾液 單用 唾液 也 是 個 方式 但是 敏感度 還 需要 驗證</t>
  </si>
  <si>
    <t>網友 解析 指揮中心 組合 陳時中 贊 爆</t>
  </si>
  <si>
    <t>日前 因 新北 幼稚園 為 delta 感染 臺北市 9 月 8 日 起 緊急 取消 長 照 機構 探視 近日 疫情 趨 緩 對於 何時 恢復 訪 客 探視 北市 衛生局 今 表示 中央 有 公文 提到 北 北 基 桃 從 10 月 1 日 開始 可 開放 訪 客 探視 衛生局 專 委 歐佳齡 表示 中央 指揮中心 評估 北市 處於 中 風險 縣 市 中央 有 公文 提到 北 北 基 桃 從 10 月 1 日 開始 可以 開放 訪 客 探視 但 可能 是 因為 假日 關係 還 沒 收到 正式 公文 週一 會 將 公文 轉給 醫療機構 作為 遵循 至於 八大 行業 解 封 歐 指出 八大 行業 主要 是 經濟部 主管 北市 會 參考 經濟部 指引 訂 定 北市 相關 指引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指揮中心 延長 疫情 開放 疫苗</t>
  </si>
  <si>
    <t>台中 市長 盧秀燕 5 日 在 市 議會 進行 施政 總 報告 逐步 完善 各項 重大 建設 要 給 市民 更 好 的 生活 盧秀燕 說 市府 積極 推動 各項政策 包括 市民 期盼 已久 的 水 湳 國際會展中心 台中 綠 美 圖 捷 運 綠 線 將 於 今年底 通車 營運 等 今年 pm 25 濃度 及 空 品 不良 天數 雙雙 呈現 改善 趨勢 等 展現 階段性 成果 市府 致力 打造 富 市 台中 新 好 生活 台中 市 議會 今日 召開 第 3 屆 第 3 次 定期 會 第 2 次 會議 盧秀燕 指出 今年 是 嚴峻 且 備受 挑戰 的 1 年 隨 著 新冠肺炎 疫情 擴散 檢驗 市府 平時 的 防疫 整備 秉 持 防疫 工作 超前 部署 的 決心 台中 市 率 全國 之 先 將 疫情 應變 指揮中心 由 3 級 提升 為 2 級 今年 2 月 更 將 防疫 中心 提升 為 一級 開設 每日 召開 疫情 會報 掌握 疫情 做 最 嚴謹 準備 盧秀燕 表示 台中 要 積極 展現 執行 力 符合 市民 期待 除了 防疫 工作 積極 應變 市政 工作 也 不 停歇 市府持續 以 8 大 核心 價值 及 12 大 發展 策略 啟動 台中 變革 逐步 落實 富 市 台中 新 好 生活 的 城市 願 景 盧秀燕 說 重大 建設 方面 繼 去年 開工 的 水 湳 國際會展中心 及 台中 綠 美 圖 之後 市府 成功 推動 大 智路 貫通 計 畫 將 於 今年 8 月 完工 通車 貫通 大 台中 火車站 前後 站 其他 包括 水 湳 新 地標 科 湳 愛 琴 橋 通車 長春 運動 中心 完工 南山 截 水溝 工程施工 等 逐步 完善 重大 建設 交通運輸 發展 上 市民 期待已久 的 捷 運 綠 線 工程進度 已 達 9104 年底 將 通車 營運 未來 會 繼續 延伸 捷 運 綠 線 興建 捷 運 藍線 及 橘 線 完善 軌道 路網 加上 結合 市政路 開闢 東豐 快速道路 復工 等 道路 工程 各 大 轉運 中心 的 建置 以及 公車 綿密 路網 智慧 交通 等 運輸系統 的 整合 為 城市 打造 交通 任意 門 盧秀燕 說 市府 落實 前 店 後 廠 自由港 的 台中 富 市 3 經濟 發展 策略 為 台中 經濟 注入 活水 包括 豐富 運動 產業園區 及 潭子 聚興 產業 園區 開工 台中 巨蛋 位址 所在 的 14 期 重劃 區 完工 等 吸引 更 多 業 界 投資 台中 目前 民間 投資 台中 金額 達 4430億 元 包含 麗 寶 樂園 outlet 二期 東區 lalaport 購物 中心 costco 北 台中 店 動工 等 約 可 創造 7500 個 就業機會 在 空 品 改善 上 盧秀燕 指 強調 市府 透過 藍天白雲 行動 計 畫 落實 24 項 精進 對策 包括 要求 中火 減 煤 減 碳 推動 燃煤 工業鍋爐 111 年 全面 退場 電動 公車 倍增 等 已 展現 成果 台中 市 去年 pm 25 平均 濃度 為 每 立方米 177 微 克 相較 107 年 改善 11 微 克 另外 去年 空 品 不良 發生 天數 為 44 天 相較 於 107 年 減少 16 天 雙雙 呈現 改善 趨勢 社會福利 政策 上 盧秀燕 說 除 去年 7 月 提前 恢復 老人 健 保 補助 讓 全市 超過 25萬 名 長輩 享有 福利 並 布建 1257 處 社區 照顧 服務 據點 9 家 失 智共 照 中心 及 32 家 失 智 社區 據點 落實 長 照 服務 為 推動 友善 育 兒 環境 市府 落實 公 托 公 幼 倍增 計 畫 公 托 倍增 方面 去年 先後 開辦 東區 梧棲 及 北 區 3 家 社區 公共 托 育 家園 今年初 更 開辦 大裡 托 嬰 中心 公幼 倍增 方面 109 學年度 中 市 公共 化 幼稚園 規劃 增設 88 班 以上 增班數 歷年 最 多</t>
  </si>
  <si>
    <t>中 時 新聞網 精選 5 件 不可不 知 的 國際 大事 帶 讀者 掌握 今 11 日 的 國際 新聞 重點 1 who 指 台電 郵 裡 未 寫 人 傳人 指揮中心 反駁 世界衛生組織 who 世衛 表示 去年 12 月 31 日 收到 臺灣 所 發電 郵 內容 提及 媒體 報導 指</t>
  </si>
  <si>
    <t>彰 化 縣 衛生局 17 日 主動 采 驗 由 美 返台 的 少年 意外 發現 無 症狀 確診 新冠肺炎 個案 衛福 部長 陳時中 下令 彰 化 縣政府 政風 處 介入 調查 引發 爭議 對此 陳時中 今天 親 上 廣播節目 一 次 講 清楚 為何 要 由 政風 處 來 調查 的 原因 陳時中 今天 上 網路 廣播節目 周玉蔻 嗆 新聞 接受 周玉蔻 採訪 對於 近來 因為 下令 政風 處 調查 彰 化 縣 的 爭議 議題 陳時中 也 在 節目 上 說明 陳時中 直言 目前 最 大 的 爭議 就是 政風 處 需不需要 查? 因為 以 指揮中心 的 職責 他們 必須 要 掌握 所有 的 狀況 如果 所有 的 狀況 沒有 辦法 掌握 清楚 那 指揮中心 就 沒 辦法 做出 正確 的 判斷 陳時中更 表示 所謂 的 查 是 因為 這 跟 程式 不符 譬如說 發現 一個 無 症狀 者 那彰 化 縣 是 用 什麼 方法 這個 無 症狀 者 是 如何 被 找 出來 的 這 對 指揮中心 後續 如何 找尋 無 症狀 感染者 可以 提供 參考 但是 首先 要 先 厘 清 手續 和 政策 是否 合 規 合 矩 這 是 需要 厘 清 的 方向 只 是 大家 爭議 的 是 為 何是 政風 處 陳時中 直言 政風 處 有 一點 被 汙名 化 了 因為 政風 跟 他們 是 不同 體系 是 一 條 鞭 的 他們 的 管理 和 人員 都 不是 他們 派 的 所以 相對 和 他們 沒有 直接 關係 因此 公正性 會 比較 好 其次 陳時中 更 強調 政風 還 有 在 查 行政 違 常 的 部分 有時候 相關 的 主管 單位 如果 關係 很 親密 就 不容易 把 事實 弄清 楚 這時 就 會 請 政風 去 瞭解 一下 彰 化 的 情形 也 是 一樣 因為 如果 由 他們 去 查 容易 被 影 涉 恐 有 吃 案 爭議 發生 如果 這時 請 政風 協助 雖然 會 造成 較 大 的 壓力 但是 他 和 同仁 討論 過後 認為 重要 的 事實 會 清清楚楚 展現 出來 社會 自然 就 有 個 公平 陳時中 坦言 這 新聞 一 出來 是 有 一個 居家 檢疫 的 無 症狀 者 被 驗 出來 是 陽性 他 就 注意 到 居家 檢疫 者 是 不能 任意 外出 檢疫 者 能 外出 就是 覺得 自己 身體 不 舒服 有 就醫 的 必要 時 候 就 須打 1922 跟 衛生 相關 單位 聯繫 由 他們 來 安排 就醫 既然 是 無 症狀 怎 會 打 1922 或是 通知 衛生局 來 安排 就醫 陳時中更 表示 這個 病人 並 沒有 違法 以 目前 情形 來看 是 彰 化 縣 衛生局 可能 有 個 計畫 如果 居家 檢疫 者 願意 的話 就 安排 采 檢 但 這 過程 就 會 產生 很多 問題 他 之所以 啟動 政風 調查 是因為 事後 當 防疫 單位 去 尋問 來龍去脈 結果 病人 指 該 確診 少年 有 回憶 起來 兩 天 前 有 咳嗽 陳時中 說 這 句 話 是 蠻 嚴重 的 但 這 位 病人 所言 到底 是 不是 事實 這 會 牽扯 到 究竟 是 無 症狀 還是 有 症狀 的 感染 這 部分 都 還要 再 深入 瞭解 陳時中 強調 這 會 讓 他 聯想 到 之前 第一 波 的 疫 調 的 時候 都說 是 無 症狀 那 等到 好像 覺得 程式 有 問題 的 時候 又 開始 說 可能 是 有 症狀 這種 事情 是 會 沒完沒了 所以 他 必須 要 讓 事實 呈現 清楚 至於 何時 能 查清 楚 政風 說 5 天 但 他 希望 能 更 快</t>
  </si>
  <si>
    <t>陳時中 政風 處 新冠肺炎 彰 化 縣 指揮中心</t>
  </si>
  <si>
    <t>雙北 確診 數 破百 還 不封 城 指揮中心 回應</t>
  </si>
  <si>
    <t>200萬 劑 輝瑞 bnt 即將 抵 台 疫情 指揮中心 宣佈 將 提供 給 12 至 17 歲 學生 以及 18 歲 以上 有 重大 傷病 的 第 九 類 民眾 施打 另外 也 開放 29 歲 以上 民眾 今 起 預約 az 疫苗 消息 一 出 引爆 1819 歲 族群 怒火 痛駡 任何 廠 牌 疫苗 都 登記</t>
  </si>
  <si>
    <t>200萬 劑 輝瑞 bnt 即將 抵 台 疫情 指揮中心 宣佈 將 提供 給 12 至 17 歲 學生 以及 18 歲 以上 有 重大 傷病 的 第 九 類 民眾 施打 另外 也 開放 29 歲 以上 民眾 今 起 預約 az 疫苗 消息 一 出 引爆 1819 歲 族群 怒火 痛駡 任何 廠 牌 疫苗 都 登記 了 卻 什麼 都 打 不到 連 高端 都 只能 20 歲 以上 生肖 屬 蛇 馬 羊 的 年輕人 慘 淪 疫苗 孤兒 群起 留言 灌 爆 衛福部 臉書 實際 到 衛福部 臉書 粉 專 發現 不少 網友 憤怒 地 在 貼 文 底下 留言 請問 19 歲 什麼 時候 可以 打到 疫苗 高端 開放 20 歲 以上 az 莫德納 及 這次 的 bnt 都 是 以 年紀 大 往 下 開放 請問 我們 19 歲 是 孤兒 嗎 為什麼 1819 歲 打 不到 說好 的 長幼有序 為什麼 到 1918 歲 的 就 又 變成 12 至 17 歲 基本上 就是 蛇 馬 羊 這 3 個 生肖 的 人 沒 疫苗 啦 19 歲 真的 是 疫苗 孤兒 什麼 都 登記 了 但 永遠 打 不到 留言 中 更 有 家長 表示 12 至 17 歲 的 學生 造冊 打 bnt 後 請 將 剩 餘 的 疫苗 留給 18 至 19 歲 的 孩子 這 群 孩子 活該 天生 就 那麼 倒 楣 嗎 從頭到尾 都 是 疫苗 孤兒 永遠 排在 最 後面 還 是 你們 這些 高官 家裡 沒有 這些 年齡層 的 孩子 所以 沒 感覺 指揮官 陳時中 昨 在 疫情 記者會 中 回應 18 至 19 歲 的 民眾 可以 打 az 或 莫德納 只 是 現在 還 沒排 到 做 這樣 的 安排 非常 痛苦 因為 每個 年齡層 都 有 不同 需要 高 年齡層 的 風險 較 高 一般 國家 都會 從 高風險 族群 往 下 打 陳時中 說 年輕 族群 在 學校 裡面 有 群 聚 風險 有些 是 為了 需要 生活 努力 在 工作 的 人 有 接觸 較 多 人 的 風險 所以 折衷 犧牲 打 第二 劑 的 人 希望 儘量 把 人口 涵蓋 做 完整 一點 以 這樣 的 方向 做 努力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臺灣 疫苗 短缺 民間團體 欲 捐 疫苗 但 指揮中心 態度 謹慎 引發 外界 質疑 是否 在 阻擋 疫苗 進來 而 華錦 顧問 董事長 鍾 瑩瑩 又 被稱作 錦 鯉 女王 近日 在 臉書上 分享 自己 平日 交易 的 流程 以 大白話 來 解釋 疫苗 採購 可能 遇到 的 難</t>
  </si>
  <si>
    <t>臺灣 疫苗 短缺 民間團體 欲 捐 疫苗 但 指揮中心 態度 謹慎 引發 外界 質疑 是否 在 阻擋 疫苗 進來 而 華錦 顧問 董事長 鍾 瑩瑩 又 被稱作 錦 鯉 女王 近日 在 臉書上 分享 自己 平日 交易 的 流程 以 大白話 來 解釋 疫苗 採購 可能 遇到 的 難題 貼 文 曝光 後 吸引 了 22萬 人 關注 底下 網友 意見 不同 全戰 翻 鍾 瑩瑩 日前 在 臉書 發文 分享 很多 人 在 臉書 私 訊 她 其中 的 內容 多 是 我 有 很多 錢 我 想買 錦 鯉 願望 清單 一 份 請 給 我 報價 以及 什麼 時候 可以 寄 給 我 她 看到 之後 通常 會 回 覆 說 麻煩 提供 給 我 資料 我 好 給 報價單 鍾 瑩瑩 表示 而 欲 購買 的 客戶 需 提供 的 資料 包括 進口 國際機場 及 代號 本國 營業執照 影本 進口 核准 函 影本 隔離 檢疫 飼養 環境 的 照片 門 店 銷售 環境 照片 google maps 定位 以及 目前 已 採購 的 錦 鯉 照片 鍾 瑩瑩 指出 收到 她 的 訊息 後 通常 有 80 的 人 已 讀不 回 20 的 人 會 繼續 溝通 接 著 她 就 會 追問 詳細 的 航班 資訊 是否 有 營業執照 有 沒有 進口 核准 函 隔離 設備 環境 以及 門店 的 狀況 如何 等 細節 更進一步 的 討論 鍾 瑩瑩 說 她 這樣 做 並 不是 為了 想要 刁難 買家 只 是 需要 瞭解 對方 的 採購 條件 運輸 條件 飼養 條件 銷售 條件 專業 經驗 等 她 才 能夠 放心 的 將 產品 賣 給 他 因為 她 不 希望 出 狀況 的 時候 千 錯 萬 錯 都 是 賣方 的 錯 而 透過 這樣一來 一往 的 溝通 有些 人 成為 她 長期 合作 的 客戶 有些 是 同行 想 看 報價單 有些 則 是 詐騙 集團 來 亂 的 她 最後 也 說 買 一 只 魚都 這麼 麻煩 了 以此類推 買 戰略物資 疫苗 應該 更 難 才對 貼 文 引發 討論 吸引 22萬 人 朝聖 長 知識 了 同 理 在 其他 產業 也 是 合理 的 這樣 舉例 就 懂 了 一 堆 不 懂 的 人 在 罵 政府 刁難 很 精闢 的 說明 但 也 有 網友 認為 魚 不 買 可以 買 別的 疫苗 不 買 會死 人 兩者 怎麼 可以 拿 來 比較 如果 買方 都 能 滿足 您 的 要求 但 買方 政府 要求 您 提供 原廠 授權 書 呢 而 鍾 瑩瑩 也 在 留言處 回應 她 只 是 分享 自身 經驗 而已 只能 說 有些 是 並 不容易 但 希望 好人 都 一生 平安 立意 良善 都 值得 肯定 也 歡迎 大家 理性 討論 交流 彼此 的 資訊</t>
  </si>
  <si>
    <t>指揮中心 今天 公佈 第 13 輪 公費 疫苗 提供 bnt az 第一 劑 及 第二 劑 接種 明天 起 開放 預約 首先 是 明早 10 點 先 開放 bnt 疫苗 預約 下午 2 點 開放 az 預約 截止 時間 皆 在 4 日 中午 12 點 5 日 開 打 指揮中心 表示 本輪 共 開放 4 種 族群 預約 az</t>
  </si>
  <si>
    <t>新北 60 多 歲 男 感染 源 不明 指揮中心 揭 ct 值</t>
  </si>
  <si>
    <t>新冠 疫情 肆虐 至今 已 2 年 各國 疫苗 覆蓋率 逐漸 上升 疫情 也 逐步 趨 緩 不少 臺灣 民眾 期盼 何時 可 鬆綁 邊境 管制 出國 旅遊 回來 不用 隔離 14 天 對此 台大前 感染 科 醫師 林氏 璧 推測 臺灣 疫苗 覆蓋率 未 達 兩劑 8 成 之前 指揮中心 應</t>
  </si>
  <si>
    <t>新冠 疫情 肆虐 至今 已 2 年 各國 疫苗 覆蓋率 逐漸 上升 疫情 也 逐步 趨 緩 不少 臺灣 民眾 期盼 何時 可 鬆綁 邊境 管制 出國 旅遊 回來 不用 隔離 14 天 對此 台大前 感染 科 醫師 林氏 璧 推測 臺灣 疫苗 覆蓋率 未 達 兩劑 8 成 之前 指揮中心 應 不 會 貿然 鬆綁 邊境 管制 政策 因此 返台 免 隔離 的 規定 最 快 應 要 等到 明年 第二 季 4 至 6 月 後 才有 可能 林 氏 璧 今天 在 臉書 發文 表示 隨 著 各國 delta 疫情 趨 緩 疫苗 覆蓋率 逐漸 提高 美國 日本 新加坡 印尼 泰國 和 馬來西亞 等 國家 都在計 畫 放寬 邊境 管理 措施 包括 對於 完整 接種 過 2 劑 疫苗 的 旅客 鬆綁 限制 希望 可以 在 疫情 與 經濟 之間 取得 平衡 林 氏 璧 指出 這些 邊境 管制 的 細節 各國 都 不 太 一樣 每個 國家 認同 的 疫苗 名單 也 不同 臺灣 因為 守 得 很 好 所以 將 delta 擋 在 外面 因此 指揮中心 在 疫苗 打到 一定 的 覆蓋率 之前 應該 不會鬆綁 邊境 管制 措施 估計 至少 國內 要 打到 兩劑 8 成 甚至 更 高才 有 可能 林 氏 璧 推測 出國 返台 隔離 14 天 的 防疫 政策 應該 要 等到 明年 第二 季 以後 才 有 可能 鬆綁 這個 冬天 只好 繼續 宅 在家 裡 看 日劇 了 林 氏 璧 也 說 臺灣 距離 開放 國門 還有 一段時間 在 世界 各國 打開 國門 的 時候 我們 可以 好好 觀察 其實 真的 不用 擔心 打 哪些 疫苗 不能 去 哪些 國家 這些 政策 各國 都會 滾 動式 調整 還 需要 再多 加 觀察</t>
  </si>
  <si>
    <t>中央 此 波 撥 配 莫德納 疫苗 南 投 縣 將 獲 配 撥 2萬3800 劑 南 投 縣 疫情 指揮中心 今天 表示 將 於 7 月 3 日 至 10 日 開放 74 歲 至 85 歲 長者 原住民 64 歲 至 75 歲 者 接種 接種 地點 為 8 家 醫院 5 大 接種 站 13 鄉鎮 市 衛生所 及 3 處 衛星 接種 站</t>
  </si>
  <si>
    <t>中央 此 波 撥 配 莫德納 疫苗 南 投 縣 將 獲 配 撥 2萬3800 劑 南 投 縣 疫情 指揮中心 今天 表示 將 於 7 月 3 日 至 10 日 開放 74 歲 至 85 歲 長者 原住民 64 歲 至 75 歲 者 接種 接種 地點 為 8 家 醫院 5 大 接種 站 13 鄉鎮 市 衛生所 及 3 處 衛星 接種 站 場次 地點 及 時間 將 在 29 日 公佈 南 投 縣 疫情 指揮中心 指出 此次 第 四 批 疫苗 配 撥 將 采 兩 次 配送 7 月 1 日 配送 分配 量 為 1萬4000 劑 7 月 8 日 配送 9800 劑 此次 施打采 造冊 由 各鄉鎮 市 戶政 事務所 造冊 列印 接種 通知單 各 公所 通知 村裡 鄰長 即時 發放 符合 接種 民眾 須 攜帶 健 保 卡 身分 證 及 接種 通知單 依 通知 時間 到 指定 地點 接種 接種 地點 在 8 家 醫院 5 大 接種 站 13 鄉鎮 市 衛生所 及 3 處 衛星 接種 站 至於 接種 場次 地點 及時 間 預計 在 6 月 29 日 公佈 原 86 歲 以上 長者 及 原住民 76 歲 以上 者 若 前次 接 獲 通知單 未 前往 接種 尚有 意願 接種 者 請於 7 月 9 日前 向 所轄 裡 鄰長 登記 將 再 列入 下 批次 依 序 通知 南 投 縣 疫情 指揮中心 表示 南 投 縣 疫苗 累積 獲 配送 疫苗 為 4萬600 劑 接種 人數 3萬5795 人 完成率 882 占 全縣 18 歲 以上 人口比例 85 昨天 第 6 類 75 歲 以上 長者 接種 38 人 累計 接種 數 1萬3766 人 但 並 無 孕期 婦女 接種 孕婦 累計 接種 數 41 人 因 竹山鎮 近期 出現 確診 個案 南 投 縣 衛生局 於 6 月 25 日 26 日 續 辦 2 場次 竹山鎮 新冠肺炎 社區 篩檢 站 快 篩 總計 篩檢 522 人 快 篩 陽性 1 人 再經 核酸 pcr 檢測 後 結果 陽性 1 人</t>
  </si>
  <si>
    <t>新冠肺炎 臺灣 接種 南 投 縣 疫情 指揮中心</t>
  </si>
  <si>
    <t>本土 疫情 35 人 到 院前 死亡 指揮中心 驚 爆 主要 原因</t>
  </si>
  <si>
    <t>新冠肺炎 疫情 已 趨 緩和 新竹 縣府 交 旅 處 日前 召開 觀光 景點 暨 商 圈 防疫 分流 管制 解除 會議 決議 六 福 村 小叮噹 主題樂園 遵照 中央 疫情 指揮中心 及 觀光局 指示 6 月 7 日後 解除 人潮 分流 管制 內 灣 老 街 北埔 老 街 及 湖口 老 街 商 圈 則</t>
  </si>
  <si>
    <t>新冠肺炎 疫情 已 趨 緩和 新竹 縣府 交 旅 處 日前 召開 觀光 景點 暨 商 圈 防疫 分流 管制 解除 會議 決議 六 福 村 小叮噹 主題樂園 遵照 中央 疫情 指揮中心 及 觀光局 指示 6 月 7 日後 解除 人潮 分流 管制 內 灣 老 街 北埔 老 街 及 湖口 老 街 商 圈 則 自 6 月 1 日 起 提前 解除 人潮 分流 管制 中央 疫情 指揮中心 為 防範 新冠肺炎 疫情 出現 社區 感染 對 風景區 進行 人潮 分流 管制 讓 原本 已 受 疫情 影響 的 遊樂區 更加 雪上加霜 像 全國 知名 的 六 福 村 主題樂園 假日 入 園 旅客 平均 減少 了 8 成 內 灣 北埔 及 湖口 老 街 商 圈 除了 一般 親 子 家庭 遊客 外 生意 多 靠 遊覽車 為主 的 阿公 阿 嬤 團 因 疫情 影響 國內 旅遊 幾乎 全斷 業者 都 很 樂見 6 月 1 日 解除 人潮 分流 管制 縣長 楊文科 表示 新冠肺炎 疫情 趨 緩 民眾 可以 多 出 門 到 戶外 走走 歡迎 大家 到 新竹 縣 熱鬧 的 商圈 消費 但 還是 要 做好自身 防疫 措施 落實 防疫 新 生活 運動 及 防疫 安心 旅遊 共同 提升 生活品質 促進 經濟 發展 交 旅 處長 游志祥 表示 目前 新冠肺炎 疫情 趨 緩 中央 疫情 指揮中心 推動 防疫 新 生活 運動 交通部 則 推動 防疫 安心 旅遊 鼓勵 民眾 在 落實 個人 衛生防護 下 也 可 多 前往 配合 防疫 措施 的 店家 消費 使 民眾 生活 及 產業 經濟 能 在 一定 安全 條件 下 逐步 恢復正常</t>
  </si>
  <si>
    <t>人潮 肺炎 中央 疫情 指揮中心 分流 疫情</t>
  </si>
  <si>
    <t>行政院長 蘇貞昌 今日 召開 擴大 防疫 會議 指揮中心 建議 12 17 歲 青少年 應續 接種 第 2 劑 bnt 疫苗 並 建議 已 完成 2 劑 基礎 劑 者 在 完成 第 2 劑 疫苗 接種 的 6 個 月 後 依序 接種 追加 之 第 3 劑 蘇 裁 示 相關 規劃 請 指揮中心 於 適當 時機 對</t>
  </si>
  <si>
    <t>行政院長 蘇貞昌 今日 召開 擴大 防疫 會議 指揮中心 建議 12 17 歲 青少年 應續 接種 第 2 劑 bnt 疫苗 並 建議 已 完成 2 劑 基礎 劑 者 在 完成 第 2 劑 疫苗 接種 的 6 個 月 後 依序 接種 追加 之 第 3 劑 蘇 裁 示 相關 規劃 請 指揮中心 於 適當 時機 對外 公佈 指揮中心 指出 目前 已 連續 24 日 沒有 本土 病例 而 國內 疫苗 接種 人口 涵蓋 率 第 1 劑 為 7768 第 2 劑 為 5424 劑 次 人口 比為 13193 劑 每百人 目前 共 已 施打約 30889萬 人次 預估 接種 涵蓋 率 到 了 12 月中 第 1 劑 可 接近 8 成 第 2 劑 可 超過 6 成 指揮中心 表示 有關 各 地方 政府 即將 舉辦 之 歲末 或 跨 年 大型活動 為 因應 國際 間 新 變異 株 omicron 主辦單位 除 應 遵守 地方 政府 大型活動 相關 防疫 規定 外 亦 應 遵守 指揮中心 所 公告 之 相關 指引 規範 指揮中心 指出 有關 春節 返鄉 專案 部分 為 因應 新型omicron 變種 病毒 已將 南非 波 劄 那 納米比亞 賴索托 史瓦帝 尼 及 辛巴威 等 6 國 列為 重點 高風險 國家 加強 入境 檢疫 隔離 措施 蘇貞昌 說 有關 地方 政府 所 舉辦 的 大型 歲末 跨 年 活動 請 指揮中心 盡 速 告知 防疫 指引 而 學生 接種 第 2 劑 疫苗 及第 3 劑 疫苗 接種 時間 也 請 指揮中心 於 適當 時機 對外 公佈</t>
  </si>
  <si>
    <t>新冠肺炎 臺灣 指揮中心 第 3 劑 適當 時機</t>
  </si>
  <si>
    <t>新 一 批 az 疫苗 明 後天 抵 台? 指揮中心 澄清 並非 事實</t>
  </si>
  <si>
    <t>雖然 新冠 疫情 即將 進入 冬天 戰場 但 隨 著 農曆 年節 即將 到來 許多 民眾 仍 有 出國 需求 必須 到 醫院 進行 新冠肺炎 自費 篩檢 不少 民眾 看到 將近 7000 元 的 檢驗 費用 不禁 直 呼 好 貴 尤其 香港 從 12 月 起 大幅 調 降 新冠肺炎 檢測 費用 從 原本 大約 1500 元 港幣 約 新 台幣 5000 多元 降 至 240 元 港幣 約 新 台幣 890 元 而 中國 大陸 檢測費 更加 便宜 但 每個 區域 檢測費 不同 最 便宜 僅 需 人民幣 120 元 約 新 台幣 510 元 最貴 的 則 需 1200 多元 而 南韓 的 檢驗 費用 約 台幣 4000 元 左右 雖然 價錢 相差 甚 多 但 所 做 的 檢測 卻 都 是 pcr 核酸 檢驗 以 臺灣 7000 元 跟 大陸 510 元 相比 足足 差 了 13 倍 為什麼 檢驗 費用 差 這麼 多 根據 檢驗 廠商 私下 透露 一般來說 檢測 費用 中 有 40 為 成本費用 主要 是 人力 成本 和 運輸成本 防護 成本 包括 醫護人員 費用 全套 防護衣 費用 每 做 一個 人次 就 必須 換 一 套 衣服 光是 整套 防護衣 成本 就 要 將近 2000 元 指揮中心 表示 新冠肺炎 的 自費 檢驗 費用 是 依 醫療法 第 21 條 規定 醫療機構 收取 醫療 費用 之 標準 由 直轄市 縣 市 主管機關 核定 之 其中 非 屬 健 保 給付 專案 直轄市 縣 市 主管機關 應 衡 酌 醫用 者 意見 參考 醫院 提供 之 醫療 設施 水準 成本 分析 與 市場行情 等 資料 依 審查 程式據 以 核定 目前 全國 84 家 自費 檢驗 指定 醫院 檢驗 費用 約 5000 到 7000 元 另 有 37 家 提供 快速 檢驗 服務 民眾 可於 當日 就醫 采 檢 及 取得 報告 快速 檢驗 費用 以 7000 元 居多數 指揮中心 指出 依據 駐外 單位 提供 資料 美國 自費 檢驗 費用 約 為 美 金 250 元 折合 新 台幣 約 7100 元 以下 英國 自費 檢驗 費用 約 為 英鎊 130 至 200 元 不等 折合 新 台幣 約 5000 至 7600 元 日本 自費 檢驗 費用 約 為 日 幣 25000 至 50000 元 不等 折合 新 台幣 約 7000 至 14000 元 更 多 ctwant 報導</t>
  </si>
  <si>
    <t>防堵 新冠肺炎 南非 新 變異 株 b 11529 疫情 疫情 指揮中心 26 日 公佈 29 日 起 南非 波 劄 那 納米比亞 賴索托 史瓦帝 尼 及 辛巴威 等 六 國 提升 為 重點 高風險 國家 只要 抵 台前 14 天 曾至 上述 國家 包含 轉機 在內 返台 後</t>
  </si>
  <si>
    <t>指揮中心 今 公佈 新增 2 例 本土 確定 病例 其中 案 1153 本 國籍 30 多 歲 男性 是 華航 航空 機師 指揮中心 公佈 其 足跡 4 月 29 日 淩晨 出入 臺北市 松山區 homies soft bar 飛 鏢 運動 酒吧 當日 晚間 6 點 至 8 點 半 到 海真 私房 菜 民生 店 用餐</t>
  </si>
  <si>
    <t>指揮中心 今 公佈 新增 2 例 本土 確定 病例 其中 案 1153 本 國籍 30 多 歲 男性 是 華航 航空 機師 指揮中心 公佈 其 足跡 4 月 29 日 淩晨 出入 臺北市 松山區 homies soft bar 飛 鏢 運動 酒吧 當日 晚間 6 點 至 8 點 半 到 海真 私房 菜 民生 店 用餐 已 初步 掌握 個案 接觸 者 15 人 其中 13 人 列 居家 隔離 2 人 列 自我 健康 監測 案 1153 為 本 國籍 30 多 歲 男性 為 某 航空 公司 機師 4 月 16 日 至 4 月 18 日 曾 執勤 至 美國 返台 後於 住家 檢疫 至 4 月 21 日 檢疫 期滿 前 采 檢 結果 為 陰性 4 月 25 日 進行 機師 專案 采 檢 核酸 檢測 及 血清 抗體 皆 為 陰性 5 月 1 日 出現 發燒 咳嗽 流 鼻 水 等 症狀 向 公司 通報 同 日經 衛生 單位 安排 就醫 采 檢 於 今日 確診 ct 值 13 病毒 量 高 傳染 力 強 感染 源 待 厘 清 指揮中心 公佈 其 足跡 4 月 29 日 淩晨 出入 臺北市 松山區 homies soft bar 飛 鏢 運動 酒吧 當日 晚間 6 點 至 8 點 半 到 海真 私房 菜 民生 店 吃 晚餐 目前 已 初步 掌握 個案 接觸 者 15 人 其中 13 人 列 居家 隔離 2 人 列 自我 健康 監測</t>
  </si>
  <si>
    <t>繼 日本 女 留學生 泰國 移 工 後 蘋果日報 報導 中部 今天 又 傳出 一起 外籍 疑似病例 一 名 在 中部 從事 離岸 風 電 產業 的 外籍 工程師 沒有 任何 症狀 但因 近日 要 返回 歐洲 依照 原 母國 需 先 取得 在 台 篩檢 陰性 證明 但 卻 傳出 第一 次 采 檢 疑 似 感染 新冠肺炎 目前 還 待 進一步 確認 對此 中央 疫情 指揮中心 發言人 莊人祥 表示 不會 針對 疑 似 個案 有 任何 進一步 說明 若 有 確診 統一 在 8 月 1 日 明日 開 記者會 說明 對於 該 個案 是否 已經 有 先采 檢 結 為 一 采 陽性 莊人祥 強調 不 會 對 疑 似 個案 做 說明</t>
  </si>
  <si>
    <t>莊人祥 指揮中心 外籍 勞工 新冠肺炎 中部</t>
  </si>
  <si>
    <t>蘇 內閣 防疫 連 在野黨 立 委 在 立法 院 都 多次 稱讚 行政院 副 院長 陳其邁 昨 深夜 在 臉書 表示 今年 1 月底 過年 時 行政院 成立 了 防疫 大 資料 小組 我們 用 智慧 科技 廣泛 地 應用 在 防疫 工作 連 歐美 都 想 取經 陳其邁 說 身 為 一個 醫師 畢業 於台 大公 衛所 如同 大家 知道 他 有 一個 亦 師 亦 友 的 夥伴 從 學校 到 政治 工作 到 sars 到 今天 的 新冠肺炎 陳建仁 可說是 奮鬥不息 陳建仁 當然 教學 嚴格 雖然 看起來 和藹可親 讓 他 不但 能 從 臨床 工作 轉換 到 流行病 學 的 領域 也 能 瞭 解 各種 資料 分析 及 複雜 的 統計 時代 在 轉變 隨 著 電腦 通訊 各種 新 技術 的 發達 已經 比 他 研究所 時代 突飛猛進 大 資料 分析 人工智慧 中的 機器 學習 也 已 讓 過去 不可能 的 任務 可以 在 短 時間 完成 開啟 了 防疫 工作 前所未有 的 新 視野 陳其邁 表示 二月 初 他 邀請 杜奕瑾 及 ai labs 的 工作 夥伴 一起 協助 政府 防疫這 陣子 相關 的 工作 會議 來來回回 已 開 了 好幾 次 他們 不僅 放下 手邊 的 工作 也 因此 讓 利用 科技 大 資料 分析 協助 防疫 的 臺灣 模式 獲 許多 國家 詢問 包括 歐盟 美國 等等 也 都想 向 臺灣 取經 想 深入 瞭解 ai 大 資料 在 防疫 上 的 應用 他 說 下午 ethan 打電話 告訴 他 他們 想到 好 方法 了 急 著 與 他 分享 討論 因 此 晚上 討論 了 包括 1 運用 人工智慧 協助 臨床 醫師 在 新冠肺炎 診斷 以 大 資料 整合 包括 疫情 調查 臨床 實驗室 檢驗 病毒 分析 做 流行病 學 的 預測 分析 2 運用 人工智慧 輔助 防疫 追蹤 系統 落實 居家 檢疫 管理 包含 居家 治療 及 居家 檢疫 雙向 提供 資訊 與 疫情 指揮中心 連線 包括 更 多 的 衛教 健康 資訊 3 老 藥 新用 平臺 已 初步 透過 ai 篩選 出 有效 藥物 現在 持續 針對 更 多 藥物 與 實驗室 深入 進行 精確 比對 超前 部署 需要 大家 brainstorming 集思廣益 想 出 更 好 的 方法 解決 問題 更 是 一個 團隊 的 信念 無私 的 分享 彼此 的 知識 感謝 健 保 署 李伯璋 署長 衛福部 資訊 處 龐一鳴 處長 行政院 資 安處簡 宏偉 處長 在 防疫 結合 科技 用盡 心思 就 像 今天 晚上 燈火通明</t>
  </si>
  <si>
    <t>機組員 憂 成 防疫 破 口 指揮中心 排 班 間隔 5 天 以上</t>
  </si>
  <si>
    <t>新冠肺炎 本土 確診 疫情 升溫 兼任 民眾党 主席 的 臺北市 長 柯文哲 昨 出席 民眾黨 國家 治理 學院 國政 班結業 式 前 受訪 表示 解決 疫情 擴散 終究 還是 要 靠 施打 疫苗 在 疫苗 施打前 的 半 年 空 檔 他 主張 臺灣 應 要 有 一定 程度 鎖國 不然 每天 境外 進到 臺灣 的 人 這麼 多 時間 久 了 醫療 體系 會 被 穿透 新冠肺炎 疫情 升溫 柯文哲 日前 談及 疫情 恐 等 8 月 才 會 停歇 面對 各國 都 要 力爭 的 疫苗 他 表示 疫苗 掌握 在 先進 國家 手中 等 到 3 月 其他 國家 開始 施打 我們 這邊 就 有 壓力 了 他 更 預 言說 預料 大陸 將 出 招 讓 政壇 掀 疫苗 大戰 如果 臺灣 買不到 疫苗 大陸 卻說 要 免費送 疫苗 給 臺灣 屆時 臺灣 將 會 陷入 焦慮 柯文哲 說 對於 是否 接受 大陸 疫苗 臺灣 內部 勢必 再 掀 一 波 論戰 甚至 演變成 政治 攻防 焦點 意識形態 之 爭 隨 著 部 立 桃園 醫院 疫情 感染 潮 未 歇 昨天 再度 出現 本土 確診 案例 柯文哲 昨 進一步 表示 變種 病毒 活性 強 傳染 速度 快 而且 已經 社區 感染 呼籲 指揮中心 修正 sop 同時 擴大 居家 檢疫 避免 疫情 擴散 柯文哲 強調 要 解決 疫情 擴散 終究 還是 要 靠 施打 疫苗 問題 是 在 疫苗 施打前 還 有 半 年 的 空 檔 他 建議 某種程度 鎖國 不然 不斷 有 境外 確診 案例 移入 久 了 醫療 體系 會 被 穿透 昨 應 民眾黨 邀 約 演講 的 前 副 總統 呂秀蓮 則 稱讚 柯文哲 說 柯文哲 是 學醫 出生 如果 疫情 在 柯 領導 下 應該 很 輕鬆</t>
  </si>
  <si>
    <t>複 陽 防疫 新冠肺炎 指揮中心 開放</t>
  </si>
  <si>
    <t>鴻海集團 創辦 人 郭台銘 日前 透過 永齡 基金會 向 食 藥 署 遞 件 盼 能 引進 500萬 劑 輝瑞 bnt 疫苗 剛 開始 指揮官 陳時 中指 申請 文件 缺 原廠 授權 書 且 必須 由 政府 簽約 前天 終於 鬆口 只要 藥廠 出具 原廠 資料 民間 可 自行 簽約 今天 陳時中 再度 透露 新 進度 指 郭台銘 方面 已 來函 討論 相關 的 法律 檔 鴻 海 方面 盼 能 保留 一部分 疫苗 供 員工 使用 但 重點 還是 要 先 取得 原廠 供貨 證明 其他 都 可以 討論 郭台銘 上月 對外 表示 願意 協助 中央 購買 500萬 劑 的 輝瑞 bnt 疫苗 也 依照 指揮中心 所 需 的 8 大 申請 文件 遞 件 但 指揮中心 收 件 後 卻 以 缺少 原廠 授權 書 為由 卡 關 並 堅持 由 政府 簽約 引發 中央 有意 刁難 的 爭議 陳時中 於 12 日 的 記者會 鬆口 同意 附 條件 專案 進口 bnt 疫苗 只要 藥廠 願意 提供 原廠 資料 政府 就 准 疫苗 輸入 且 只要 郭台銘 簽約 即可 陳時中 今天 再度 透露 雙方 的最新 進度 指 郭台銘 方面 已 來函 討論 相關 法律 檔 鴻 海 盼 能 保留 一部分 疫苗 供 員工 使用 但 重點 還是 要 先 取得 原廠 供貨 證明 其他 都 可以 討論</t>
  </si>
  <si>
    <t>隨國 內 疫情 越來越 穩定 及 疫苗 覆蓋率 提升 勞動部 經 指揮中心 同意 開放 辦理 移 工 專案 引進 為了 回應 政府 政策 國泰 產險 積極參與 開發 移 工 防疫 保險 商品 金管會 保險局 也 加速 審查 作業 於 今天 19 日 核准 國泰 產險 移 工 嚴重</t>
  </si>
  <si>
    <t>海軍 疫情 感染 擴大 這 讓 網友 不 非常 不能 接受 灌 爆 國防部 臉書 痛 批 國防部 怎 能 在 這時 後 出 這 大包 若 防疫 視同 作戰 國防部 已 陣亡 了 個 有 網友 認為 國防部 處理 新冠肺炎 的 作為 有 可能 成為 罷免 高雄 市長 韓國瑜 的 變數 對於 海軍 竟 成 防疫 破 口 國防部 19 日 在 臉書 國防部 發言人 表示 將 編成 專案 調查 小組 由 軍政 副 部長 任組長 納 編 總 督察 長 室 軍醫 局 政 戰局 法律 司 及 海軍 相關 部門 配合 疫情 指揮中心 強調 公開 透明 信任 專業 最高 原則 厘 清敦睦 支隊 任務 執行 全程 各項 防疫 作為 誠實 面對 絕不 隱瞞 但 國防部 的 說法 網友 絲毫 不領情 要 國防部 說 清楚 為何 在 疫情 蔓延 時 還要 去 帛 琉 敦睦 艦隊 更 有 網友 痛 批 如果 防疫 視同 作戰 國防部 已 陣亡 了 更 有 網友 注意 到 國防部 這個 破 口 有 可能 成為 罷 韓 的 變數 網友 ctc 0115 於 批 踢踢 發文 表示 原本 以為 新冠 病毒救 了 韓國瑜 但 連續 兩 日 的 0 確診 目前 推算 到 6 6 號 疫情 若 真的 降到 低點 到 那時 剛好 是 大家 集體 踴躍 出來 投 罷免 票 的 時候 那 韓國 瑜 的 得票率 或許 會 再創新高 真的 可憐 哪 原本 心得 是 要 這樣 打的 但 國防 布 這麼 會 說謊 看來 韓國瑜 的 罷免案 還有 變數 對此 底下 網友 認為 所以 你 關心 的 不是 疫情 是 新冠肺炎 會 不 會 影 養 罷 韓大業 各 基層單位 捫心自問 弟兄 有 症狀 連長 敢 上報 嗎 兩者 都 關心 放假 前 說 自己 不 舒服 要 檢測 這 會 被 幹 飛 吧</t>
  </si>
  <si>
    <t>國內 自 上月 起 爆發 一 波 新冠肺炎 疫情 行政院 也 宣佈 全國 進入 三級 警戒 至 6 月 14 日 行政院長 蘇貞昌 今日 表示 在 審 酌 各部 會 意見 後 已 裁 示 全國 三級 警戒 延長 至 6 月 28 日 蘇貞昌 指出 全國 各級 學校 將 配合 停止 到校 上課 到 暑假 相關 措施 將 會 由 疫情 指揮中心 指揮官 陳時中 在 今日 下午 的 記者會 宣佈 另外 也 指示 教育部 做好 大學 指 考 等 相關 防疫 規劃 蘇貞昌 說 日本 上周 捐贈 的 124萬 劑 az 疫苗 本 周 完成 檢驗 封 緘 後 就 能 開始 配 撥 施打 而 這 批 疫苗 將 優先 提供 給 75 歲 以上 長者 養護 機構 及 洗 腎 患者 苗栗 一家 電子 廠 移 工 在 上周 出現 群 聚 感染 導致 7千 多 名 員工 受 影響 195 人 確診 蘇貞昌 表示 已 請 勞動部 和 內政 部 協助 各縣市 做 篩檢 作業 處理 移 工 居住 環境 管理 健康 檢測 也 已 安排 翻譯人員 協助 卻 者 及 隔離 移 工 關懷 照顧</t>
  </si>
  <si>
    <t>新冠肺炎 疫情 持續 升溫 大甲 媽 繞 境 續 辦 與否 成熱 議 話題 對此 淡江大學 蘭 陽 校園 教授 兼 全球 發展 學院院長 包 正 豪 認為 因為 防疫 可以 禁止 台商 包機 返國 禁止 醫 事 人員 出國 為什麼 不 可以 因為 防疫 禁止 媽祖 繞 境 活動 他 說 衛福 部長 中央 疫情 指揮中心 指揮官 陳時中 已經 有 過 經驗 現在 卻 退縮 實在 很 難 理解 包 正 豪 在 臉書 指出 因為 防疫 可以 禁止 台商 包機 返國 因為 防疫 可以 禁止 醫 事 人員 出國 為什麼 不 可以 因為 防疫 禁止 媽祖 繞 境 活動 他 認為 這個 時候 就 開始 泛 道德 勸說 不 需要 順時鐘 了 開始 矛頭 指向 大甲鎮 瀾 宮 董事長 顏清標 影射 顏清標 為 個人 私利 所以 不 取消 繞 境 然後 顏清標 被 形容 成 媽祖 代言人 他 直 呼 不 太 懂 他 認為 媽祖 不是 顏清 標的 顏清標 也 不 等於 媽祖 把 媽祖 和 顏清標 畫 上 等號 會 不 會 太 抬舉 了 簡直 是 媽祖 界 的 教宗 包 正 豪 也 提及 在 已經有 其他 市長 帶頭 繞 境 的 前提 下 為什麼 陳時中 不 下令 禁止 就 像 他 以前 禁止 包機 返國 醫 事 人員 出國 一樣 以 防疫 這個 至高無上 的 崇高 理由 陳時中 應該 可以 挾 民意 而 不受 制約 地 做 任何 他 想要 做 的 事 有 了 權力 更 有 繞 境 可能 造成 疫情 失控 的 理由 他 說 陳時中 已經 有 過 經驗 現在 卻 退縮 實在 很 難 理解</t>
  </si>
  <si>
    <t>美國政府 捐贈 的 疫苗 抵達 臺灣 美國在台協會 今天 表示 美國 深知 臺灣 此時此刻 迫切需要 疫苗 的 援助 本次 疫苗 捐贈 展現 了 美國 對 臺灣 的 承諾 臺灣 是 可信賴 的 朋友 也 是 重要 的 安全 夥伴 美 台 關係 長久以來 奠基 於 雙邊 人民 之間 穩固 的 情誼 而 今天 所 做 的 宣佈 也 體現 了 美 台 對抗 全球 疫情 的 共同 承諾 美國 捐贈 的 250萬 劑 莫德納 疫苗 今天下午 4 時 30 分 左右 運 抵 桃園 國際機場 美國在台協會 ait 處長 酈英傑 與 疫情 指揮中心 指揮官 陳時 中都 到場 接 機 ait 表示 很 高興 能夠 促成 並 宣佈 美國政府 捐贈 的 250萬 劑 莫德納 疫苗 順利 抵達 臺灣 如同 印太 地區 的 許多 地方 臺灣 近來 也 面臨 新冠 疫情 急遽 升溫 的 狀況 美國 深知 臺灣 此時此刻 迫切需要 疫苗 的 援助 ait 指出 本次 疫苗 捐贈 展現 了 美國 對 臺灣 的 承諾 臺灣 是 可信賴 的 朋友 也 是 重要 的 安全 夥伴 臺灣 應對 全球 疫情 的 策略 體現 了 民主 價值 和 民主 治理 程式 的 韌性 臺灣 在 世界各地 慷慨 捐贈 醫療 資源 也 彰 顯 了 其 協助 全球 社會 解決 全球 挑戰 的 角色 ait 強調 美國 不 會 忘記 臺灣 先前 的 醫療 援助 拯救 了 多少 美國 人 的 性命 今天 抵 台 的 疫苗 數量 包括 美國 參議員 達克 沃絲 蘇利文 及 昆斯 6 月 6 日 訪台 期間 所 宣佈 的 75萬 劑 疫苗 再 加上 額外 捐贈 的 175萬 劑 疫苗 總計 250萬 劑 有鑒於 全球 疫苗 持續 短缺 ait 表示 拜登 總統 于 6 月 10 日 宣佈 除了 日前 承諾 提供 給 臺灣 等 全球 夥伴 的 8千萬 劑 疫苗 之外 美國 也 將 另外 捐贈 中低收入 國家 5億 劑 疫苗 美 台 關係 長久以來 奠基 於 雙邊 人民 之間 穩固 的 情誼 而 今天 所 做 的 宣佈 也 體現 了 美 台 對抗 全球 疫情 的 共同 承諾 正如 拜登 總統 曾說 我們 不 會用 我們 自己 的 疫苗 來 要求 其他 國家 做出 回報 反之 我們 分享 這些 疫苗 的 目的 在於 協助 終結 全球各地 的 疫情</t>
  </si>
  <si>
    <t>為 防止 新冠肺炎 疫情 擴散 疫情 中心 要求 展開 各項 防疫 作為 外交部 發言人 歐 江安 今天 表示 目前 外交部 及 駐外 館 處 均 已 完成 規劃 異地 遠 距 分組 辦公 的 不同 方案 與 配套措施 外交部 配合 疫情 指揮中心 的 指示 辦理 並 試 疫情 發</t>
  </si>
  <si>
    <t>為 防止 新冠肺炎 疫情 擴散 疫情 中心 要求 展開 各項 防疫 作為 外交部 發言人 歐 江安 今天 表示 目前 外交部 及 駐外 館 處 均 已 完成 規劃 異地 遠 距 分組 辦公 的 不同 方案 與 配套措施 外交部 配合 疫情 指揮中心 的 指示 辦理 並 試 疫情 發展 的 需要 啟動 歐 江安 指出 有關 異地 辦公 遠 距 辦公 所 使用 的 視 訊 軟 體 為 因應 武漢肺炎 疫情 的 蔓延 外交部 已 超前 部署 進行 包括 異地 辦公 等 防疫 措施 的 各項 準備 她 說 在 選擇 遠 距 辦公 所 需 視 訊 軟 體 時 自 將 資 安 議題 列為 主要 考量 根據 外交部 瞭 解 zoom 視 訊 軟 體 因 使用 部分 中國 產 制 的 軟 硬體 及 服務 為 維護 資 安 外交部 並未 使用 外交部 所 使用 的 相關 視 訊 軟 體 已 完成 各項 註冊 登錄 作業 而且 經過 多次 測試 其 效能 及 資 安均 可 符合標準 需求</t>
  </si>
  <si>
    <t>彰 化 婦 到 萬華 賣 葡萄 指揮中心 發病 日 比 基隆 賣 茶 女 更 早</t>
  </si>
  <si>
    <t>臺灣 疫情 如 遍地 烽火 光是 昨日 就 暴 增 180 例 本土 其中 6 例 住 在 彰 化 到 臺北 萬華 賣 葡萄 的 一家人 指揮中心 表示 經 疫 調 後 發現 賣 葡萄 的 婦人 案 1424 發病 日 為 4 月 23 日 較 5 月 2 日 出現 不適 症狀 的 基隆 婦女 案 1217 還要 更</t>
  </si>
  <si>
    <t>臺灣 疫情 如 遍地 烽火 光是 昨日 就 暴 增 180 例 本土 其中 6 例 住 在 彰 化 到 臺北 萬華 賣 葡萄 的 一家人 指揮中心 表示 經 疫 調 後 發現 賣 葡萄 的 婦人 案 1424 發病 日 為 4 月 23 日 較 5 月 2 日 出現 不適 症狀 的 基隆 婦女 案 1217 還要 更 早 令 人 憂心 病毒 早已 散播 在 社區 許久 指揮中心 發言人 莊人祥 於 昨日 記者會 指出 彰 化 確診 賣 葡萄 的 一家 6 口 經 疫 調 結果 發現 賣 葡萄 的 婦人 案 1424 在 北市 萬 華 擺攤 賣 水果 因此 所有 活動 史都 與 萬華 相關 莊人祥 進一步 說 該 婦人 的 發病 日 為 4 月 23 日 比 5 月 2 日 出現 不適 症狀 的 基隆 婦女 發病 日 還要 更 早 基隆 婦女 到 萬華 賣 茶 5 月 2 日 開始 出現 發燒 咳嗽 及 呼吸道 等 相關 症狀 本 以為 該案 是 萬華群 聚 事件 中 最 早 發病 的 個案 如今 發現 彰 化 賣 葡萄 婦人 才是 最 早 發病 不免 讓 人 擔憂 病毒 早已 在 社區 內 傳播 感染 科 權威 台大 兒童 醫院院長 黃立民 日前 接受 媒體 採訪 時 表示 萬華 當地 有 很多 人 被 感染 感覺 在 醞釀 什麼 東西 問題 很 大 應 針對 萬 華區 進行 大規模 血清 篩檢 其他 醫院 也 應 提高 警覺</t>
  </si>
  <si>
    <t>新冠肺炎 臺灣 萬華 確診 指揮中心</t>
  </si>
  <si>
    <t>臺灣 醫 界 聯盟 基金會 執行長 林 世嘉 表示 新冠肺炎 疫情 推動 知識 快速 進展 帶來 產業 發展 的 新 契機 應 給予 合數 位 科技 為 抗 疫 下 半 場 進行 超前 佈署 由 醫 界 聯盟 基金會 與 衛生 福利 部 辦理 數位 醫療 防疫 專家 會議 登場 首場 是 數位 科技 防疫 最 前線 衛福部 次長 石崇良 認為 新冠肺炎 疫情 將 帶來 新 常態 new normal 包含 知識 爆炸 照 護 標準 之 制定 standard of care 深度 學習 遠 距 照 護 技術 的 導入 等 因此 各界 需 跨 領域 合作 因應 技術 發展 實際 應用 法規 與 給付 等 帶來 的 挑戰 為 抗 疫 下 半 場 進行 超前 部署 石 祟 良 認為 我國 八大 防 防疫 關鍵 成功 因素 sars 經驗 流行 疫情 指揮中心 資訊 公開 透明 良好 資源 分配 及時 邊境 管制 智慧 社區 防疫 先進 醫療 科技 與 優質 國民 等 其中 有 五 個 因素 皆 使用 到 數位 科技 因此 數位 科技 的 運用 於 防疫 過程 中 扮演 極為重要的 角色 林 世嘉 表示 此次 疫情 推動 知識 快速 進展 帶來 產業 發展 的 新 契機 如 全球 遠 距 醫療 商機 大幅 成長 並以 美國 大廠 微軟 與 甲骨文 利用 區塊 鏈 技術 打造 數位 憑證 開發 計畫 為 例 說明 該 技術 協助 企業 與 國家 辨識 擁有 免疫力 的 族群 並 透過 其 不可 竄改 的 特性 加強 保護 個人隱私 資訊 因此 在 全世界 如此 快速 的 發展 下 臺灣 數位 防疫 產業 更 需要 動 起 來 為 臺灣 也 為 全球 對抗 疫情 工業 局局長 呂正 華表 示 新冠肺炎 疫情 加速 醫療 與 科技 結合 多樣化 應用 臺灣 亦 應 強化 我國 防疫 產業鏈 發揮 我國 在 全球 之 關鍵性 力量 因此 經濟部 以 科 專 委 辦 輔導 產業 特 案 補助 與 智慧 城鄉 計 畫作 為 產業 發展 策略 思維 成功 輔導 我國 多 家 廠商 數位 防疫 科技 的 產業化 轉譯 且為 推動 後 疫情 時代 產業 升級 經濟部 現 正 推動 生 技 新藥 產業 發展 條例 展 延 10 年 納入 數位 醫療 再生 醫療 與 精准 醫療 等 新 科技 與 多 項 獎勵 措施 臺北醫學大學 附設 醫院 陳瑞傑 顧問 醫師 指出 以北 醫 發展 智慧 醫院 為 例 如 零 接觸 智慧 防疫 自助 機 itpass 快速 通關 新冠肺炎 胸部 影像 ai 警示 系統 零 接觸 防疫 科技 平臺 與 bi 風險 地圖 等 說明 新冠肺炎 疫情 將 為 健康 照 護 體系 帶來 新 發展 機會 協助 我國 因應 人口老化 加速 日益嚴重 的 非 傳染性 疾病 負擔 醫護人員 不足 等 挑戰 而 在後 疫 時代 院內 與 院外 的 界限 將 會 越 趨 模糊 因此 未來 醫療 照 護 將 以 虛實 整合 為主 並且 跨越 醫療 院所 的 界線 達成 今日 防疫 明日 長 照 之 願 景 中國 醫藥 大學 附設 醫院 黃高彬 副 院長 說明 零 接觸式 防疫 為 科技 智慧 醫療 的 重點 可 進行 遠 端 監測 臨床 照 護 掌 控 病情 最終 達成 醫療 效果 及 目標 他 認為 遠 距 護理 中心 未來 將 會 成為 常態 遠 距 醫療 產業 商機亦 不可 小覷</t>
  </si>
  <si>
    <t>新冠肺炎 疫情 尚未 解除警報 高雄市 又 面臨 漢 他 病毒 威脅 衛生局 今 28 日 公佈 新增 1 例 漢 他 出血熱 確診 個案 30 多 歲 居住 在 鹽埕區 的 男性 出現 發燒 等 症狀 日前 已 康復 出院 27 日經 疾 管署 研 判 確診 衛生 單位 針對 工作地 展開 疫 調 並 無 其他 人 有 疑 似 症狀 但 這 波 疫情 將 持續 監控 至 6 月 29 日 衛生局 統計 統計 截至 27 日 以 確診 日 計 高市 累計 4 例 確診 個案 該 名 新增 的 個案 為 飯店 餐廳 外場 人員 4 月 6 日 開始 出現 發燒 全身 酸痛 頭痛 黃疸 等 症狀 至 醫院 就醫 並 收治 住院 10 日 醫院 通報 疑 似 漢 他 病毒 出血熱 13 日 一 采 結果 為 igm 陰性 igg 陰性 25 日 二 采 結果 為 igm igg 皆 陽性 衛生局 指出 該案 27 日經 疾 管署 研 判 確診 經查 18 日 已 康復 出院 衛生 單位 第一時間 獲 報 立即 展開 疫情 調查 個案 主要 活動 地 以 住家 工作地 為 主 並 針對工作地 擴大 疫 調 120 人 員工 及 同 住 家人 無疑 似 症狀 防疫 團隊 自 14 日 起 針對 個案 居住地 佈 置 鼠 籠 及 家戶 衛教 宣 導 並 在 工作地 周邊 及 鄰近 市場 周邊 進行 鼠 只 密度 監測 總計 捕獲 9 只 老鼠 防疫 團隊 昨日 接 獲 個案 確診 通知 後 28 日 旋即 召開 前進 指揮 會議 由 衛生局 環保局 民政局 教育局 經發局 工務局 鹽埕區 及 新興 區級 指揮中心 等 跨 局 處 防疫 團隊 加強 執行 社區 環境 消毒 投藥 滅鼠 鼠 只 監測 水溝 清 疏 髒亂 點 清除 家戶 衛教 宣 導 及 警戒 範圍 內 社區 學校 及 公園 等 場 域 環境 整頓 及 消毒 工作 此 波 疫情 預計 監控 至 6 月 29 日</t>
  </si>
  <si>
    <t>新北 市 公佈 今 7 日 確診 案例 其中 案 16153 於 9 月 3 日 的 19 00 至 19 15 和 9 月 4 日 的 17 00 至 17 15 曾至 板橋 區 民生 路 的 全聯 長 江店 全聯福利中心 回應 針對 政府 公佈 確診 者 到 過 的 門市 皆 會 使用 高 規格 專業 食 安級清 消 作業 即 清 消 sop 中 第 2 道 增 用 紫外 燈 室內 殺菌 第 3 道 用 漂白 水 進行 賣 場 擦拭 采 高 規格 防疫 措施 另 門市 平常 消毒 也 會 因應 人流 提升 頻率 平均 每 2 小時 就 消毒 一 次 包含 收銀 區 手推車 提籃 等 全聯依 循 中央 疫情 指揮中心 指示 採取 高 規格 防疫 措施 請 消費者 安心 購物 全聯 板橋 長江 店 於 今天 收到 通知 於 晚上 6 點 閉店清 消 明天 恢復 營業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3 19 15 13 更新 今天 指揮中心 宣佈 因為 案 59 北市 高中生 的 同班同學 確診 該校 確診 人數 達 2 例 因此 宣佈 自 3 月 20 日 至 3 月 27 日 全校學生 停課 7 天 昨天 指揮中心 公佈 了 一 名 北市 高中生 游 希臘 確診 新冠肺炎 全班 停課 14 天</t>
  </si>
  <si>
    <t>3 19 15 13 更新 今天 指揮中心 宣佈 因為 案 59 北市 高中生 的 同班同學 確診 該校 確診 人數 達 2 例 因此 宣佈 自 3 月 20 日 至 3 月 27 日 全校學生 停課 7 天 昨天 指揮中心 公佈 了 一 名 北市 高中生 游 希臘 確診 新冠肺炎 全班 停課 14 天 引起 許多 同 校 家長 們 恐慌 狂 打電話 問 學校 是否 還 要 上課 對此 校方 表示 只要 沒接 獲 停課 通知 的 學生 都可 到校 上課 學校 運作 一切正常 案 59 是 一 名 北市 高中 生於 3 月 5 日 返台 13 日 出現 咳嗽 等 症狀 15 日 確診 教育部 國教 署 表示 該 生 所 就讀 的 班級 已 達 停課 標準 是 全台 第一 起 確診 而 該 班 停課 的 案例 校內 也 已 完成 消毒 但 緊張 的 是 案 59 高中生 回國 後 正常 到校 上課 引發 該校 家長 恐慌 消息 傳開 後 許多 家長 打電話 到 學校 問 自己 的 小孩 還 需要 照常上課 嗎 對此 校方 回應 如果 沒收 到 停課 通知 都 可以 回來 上課 一切正常</t>
  </si>
  <si>
    <t>342萬 人 想 打 bnt 再 等等 指揮中心 曝 第 八 輪 不是 bnt</t>
  </si>
  <si>
    <t>愛 傳媒 黃珊珊 專欄 每天 的 日常 早上 七 點 半 晨 會 八 點 與 中央 指揮中心 視 訊 會議 九 點 臺北市 指揮中心 會議 中午 出去 看看 防疫 旅館 與 快 篩 站 下午 兩 點 半 工作 討論會 三 點 半 臺北市政府 記者會 四 點 到 六 點 處理 其他 公文</t>
  </si>
  <si>
    <t>愛 傳媒 黃珊珊 專欄 每天 的 日常 早上 七 點 半 晨 會 八 點 與 中央 指揮中心 視 訊 會議 九 點 臺北市 指揮中心 會議 中午 出去 看看 防疫 旅館 與 快 篩 站 下午 兩 點 半 工作 討論會 三 點 半 臺北市政府 記者會 四 點 到 六 點 處理 其他 公文 七 點 到 九 點 處理 明日 議程 與 積案 每天 都 有 新 變化 每天 都 在 挑戰 極限 5 月 24 日 晚上 有 一家 大型 旅館 終於 答應 轉為 防疫 專責 旅館 了 短 時間 內 醫護 人力 可以 上線 的 話 我們 就 可以 把 暫留 在 家中 的 確診 患者 接到 專責 旅館 了 醫院 的 專責 病房 又 多 開 很多 後勤 戰線 跟上來 第一線 的 人 更 無 後顧之憂 很多 人 很 好奇 為什麼 確診 者 在 家裡 等 因為 中央 的 集中 檢疫所 已經 被 前 幾 波 累積 的 確診 者 占滿 了 臺北市 的 防疫 專責 旅館 開設 後 要 收 住 快 篩 站 的 陽性 病 患 每天 約 百 例 還有 還 在 家中 未 住院 的 確診 病 患 每天 還 會 新增 百 例 以上 我們 每天 新增 的 防疫 專責 旅館 房 數 是 150 左右 沒 辦法 跟上 新增 快 篩 陽性 病例 與 累積 確診 病例 的 數量 所以 才 每天 都在拜 讬 旅館 轉為 防疫 專責 旅館 我 這輩子 都 不 會 忘記 每天晚上 的 那種 煎熬 每 一個 數字 都 是 一個 人 我們 也 想 趕快 從 家裡 接 走 他們 但 就算 有空 房間 也 沒用 還 需要 勇敢 的 房務 人員 與 醫護人員 進駐 才行 我們 每天 都 跟 時間 賽跑 也 跟 病毒 賽跑 但 我們 一定 要 跑 更 快 現在 社區 已經 停止 活動 已經 有 九百 位 快 篩 陽性 都 在 專責 防疫 旅館 了 大部分 傳染 鏈 被 斷 掉 大家 不要 動 快 篩 與 隔離 加快速度 我們 一定 可以 跑 更 快 的 作者 為 臺北市 副 市長 照片 來源 作者 臉書 截 圖 更 多 文章 見 作者 臉書 經 授權 刊載 專欄 文章 不 代表 i-media 愛 傳媒 立場</t>
  </si>
  <si>
    <t>國內 新冠肺炎 確診 人數 日益 增多 因此 從 國外 回到 臺灣 的 旅客 都 要 進行 隔離 檢疫 而 在 機場 工作 的 人 也 無不 小心翼翼 但 今 28 日 傳出 觀光局 桃園 機場 旅客 服務 中心 的 一 名 男員工 因 身體 不適 就醫 後 確診 為 新冠肺炎 病例 根據 ettoday 報導 交通部 觀光 觀光局 桃園 機場 旅客 服務 中心 的 一 名 男員工 因 身體 不適 就醫 後 確診 為 新冠肺炎 病例 不過 該 員工 並 沒有 出國 歷史 因此 推斷 為 因為 接觸 確診 旅客 而 被 感染 觀光局 副 局長 張錫聰 也 證實 此 消息 表示 這 名 員工 的 工作 內容 為 接待 旅客 提供 旅 各 相關 資訊 等 而 也 有 知情 人士 透露 這 名 員工 平常 主要 是 接待 貴賓 有時 會 在 一二 航 廈 之間 走動 但 生活 方面 相當 單純 不是 待 在家 就是 在 辦公室 而 觀光局 也 立即 作出反應 桃園 機場 中心 已 全面 啟動 消毒 並且 中心 的 3 位 同仁 已經 返家 進行 14 天 的 字 主管 力 觀光局 也 準備 好 了 異地 上班 及 準備 機制 並 會 配合 中央 疫情 流行 指揮中心 的 相關 檢疫 作業 更 多 ctwant 報導</t>
  </si>
  <si>
    <t>全台 首例 三峽 恩 主公 醫院 因 醫療 作業 疏失 將 未 稀釋 的 原液 疫苗 bnt 誤認 是 殘 劑 疫苗 原本 可 供 150 人 施 打的 疫苗 變成 25 人 施打 新北市衛生局 獲 報 後 對 醫院 做出 即 起 暫停 疫苗 施打 一 周 的 懲處 恩 主公 醫院 今 表示 因 部分 散裝 疫苗 瓶蓋 掉落 工作人員 誤以為 是 已 稀釋 完成 的 疫苗 就 替 民眾 施打 對於 醫院 訓練 不足 坦承 疏失 並 向 民眾 道歉 恩 主公 醫院 27 日 負責 在 鶯歌 區 永 福宮 接種 站 進行 bnt 疫苗 接種 作業 時 因 作業 疏失 造成 25 位 民眾 遭 施打 未經 稀釋 的 疫苗 原液 恩 主公 醫院 副 院長 王炯呈 表示 27 日 現場 工作人員 於 中午 清點 施打 數量 時 發現異常 經 詢問 值班 藥師 護理 師 後 發現 此次 配發 疫苗 包含 散裝 25 瓶 因 有 部分 散裝 疫苗 瓶蓋 掉落 造成 工作人員 誤以為 是 已 稀釋 完成 的 疫苗 未 經過 再次 確認 即 進行 施 打 事件 發生 後 本院 立即 進行 檢討 與 改善 對於 現場 人員 警覺性 不夠 交班 資訊 落差 及 未再 確認 疫苗 狀況 就 進行 施打 造成 25 名 民眾 施打未 稀釋 的 原液 疫苗 一 事 致 上 最深 的 歉意 恩 主公 醫院 指出 25 名 民眾 接種 原液 包含 11 位 男性 14 位 女性 年齡 分佈 18 到 65 歲 間 其中 20 名 已 回 門診 進行 相關 檢查 有 9 位 民眾 同意 住院 觀察 目前 檢查 均 正常 未 入院 者 將 由 專人 聯繫 追蹤 若 有 身體 不適 立即 協助 就醫 診療 請 民眾 回診 院方 已 成立 專案 緊急 應變 小組 由 心臟 內科 小兒 心臟 科 主治醫師 護理 團隊 醫 事 人員 醫療 團隊 並 對 25 名 民眾 進行 相關 預防 性 醫療 措施 包括 心電圖 心臟 超 音波 x- 光 及 血液 檢查 生化 檢查 及 d-dimer 及 尿 液 檢查 目前 有 住院 民眾 接受 留 院 觀察 3 天 出院 後 預計 每週 回診 一 次 並 安排 心電圖 心臟 酵素 檢查 第 四周 將 安排 心電圖 心臟 酵素 心臟 超 音波 血液 檢查 生化 檢查等 無法 留 院 觀察 者 安排 門診 回診 及 每日 專人 電話 追蹤 健康狀況 為主 目前 除 2 位 民眾 于施 打 處 有 打完 疫苗 常見 的 紅腫 外 其他 檢查 結果 一切正常 相關 監測 將 會 持續 追蹤 一個 月 醫院 昨 已於 第一時間 通報 中央 疫情 流行 指揮中心 及 新北 衛生局 王炯呈 說 指揮中心 聽 聞後 感到 震驚 要 醫院 深切 檢討 院內 會 深刻 檢討 事件 發生 始末 並 立即 改善 作業 流程 加強 教育 訓練 避免 類似 錯誤 再次發生 此次 事件 給予 醫院 全體 上下 深刻 的 學習 未來 我們 會 更 謹慎 仔細 盡 最 大 努力 給與 病人 最好 的 照 護</t>
  </si>
  <si>
    <t>新冠肺炎 擴散 全球 臺灣 在 指揮中心 的 全力 防堵 下 交出 亮 眼 成績單 更 做起 口罩 外交 贈送 大量 口罩 給 重災區 未 料 不論是 日本 或是 歐盟 第一 波 解禁 名單 卻 都 沒 臺灣 引起 網友 熱 議 就 有人 表示 若 臺灣 一直 沒 被 解封</t>
  </si>
  <si>
    <t>新冠肺炎 擴散 全球 臺灣 在 指揮中心 的 全力 防堵 下 交出 亮 眼 成績單 更 做起 口罩 外交 贈送 大量 口罩 給 重災區 未 料 不論是 日本 或是 歐盟 第一 波 解禁 名單 卻 都 沒 臺灣 引起 網友 熱 議 就 有人 表示 若 臺灣 一直 沒 被 解封 恐怕 taiwan can help 要 變成 taiwan need help 了 歐盟 宣佈 將 在 7 月 1 日 重開 邊境 首 波 名單 除了 加拿大 紐西蘭 澳洲 等 10 餘 國外 對 大陸 也 將 有 條件 開放 表示 若 大陸 願意 開放 歐盟 國家 旅客 們 入境 那就會 列入 安全 清單 中 然而 對 臺灣 卻 隻字未提 此事 也 引起 ptt 網友 熱 議 不少 人 紛紛 大 歎 taiwan can help 結果 口罩 外交 事實證明 人家 拿 了 後 就 懶得 理 你 收 我們 一 堆 口罩 結果 翻臉不認人 臺灣 就 小島 而已 又 沒 邦交 誰 理 你 阿 國際 只 跟 你 講 現實 跟 利益 誰 跟 你 講 人情 熱 臉 貼 人 冷 屁股 覺 青 要 出征 歐盟 了 嗎 更 有 人 發問 如果 到時候 全世界 都 已經 陸續 向 其他 國家 解封 結果 一直 沒 臺灣 是不是 要 把 口號 改 成 taiwan need help</t>
  </si>
  <si>
    <t>冷鍊 國家隊 只能 存 44萬 劑 疫苗 他 歎 難怪 指揮中心 打槍 南 投</t>
  </si>
  <si>
    <t>指揮中心 昨 宣佈 降 二級 的 相關 指引 包括 開放 餐廳 內 用 的 規定 但 雙北 仍舊 宣佈 不 鬆綁 餐飲 內 用 的 規定 讓 不少 民眾 好奇 到底 啥 時 才能 歡樂 聚餐 醫師 姜冠宇 則 回應 說 如果 是 以 感染 英國 變異 株 為主 的 前提 第一 劑 疫苗 覆蓋率 須</t>
  </si>
  <si>
    <t>連 6 天 0 台南 後壁 阿嬤 包 2000 顆 粽子 送 指揮中心</t>
  </si>
  <si>
    <t>解封 大規模 7 月 指揮中心 說明</t>
  </si>
  <si>
    <t>本土 疫情 數日 來 每天 都 超過 200 例 傳出 衛福部 立 臺北 醫院 有 護理 師 確診 院方 緊急 匡列 8 人 隔離 采 檢 初步 結果 均 為 陰性 院方 表示 該 名 護理 師 有 萬 華 活動 史 研 判為 社區 感染 非 院內 感染 目前 等待 指揮中心 通知 二 采 據 了</t>
  </si>
  <si>
    <t>本土 疫情 數日 來 每天 都 超過 200 例 傳出 衛福部 立 臺北 醫院 有 護理 師 確診 院方 緊急 匡列 8 人 隔離 采 檢 初步 結果 均 為 陰性 院方 表示 該 名 護理 師 有 萬 華 活動 史 研 判為 社區 感染 非 院內 感染 目前 等待 指揮中心 通知 二 采 據 瞭解 臺北 醫院 外科病房 一 名 病 患 疑 似 確診 後 醫院 針對 病房 護理 師 全面 篩檢 其中 3 人 因 有 接觸 史 被 匡列 住 進 防疫 旅館 隔離 中 沒 想到 檢驗 報告 出爐 反而 是 1 名 沒有 接觸 病人 的 護理人員 采 檢 陽性 臺北 醫院 說明 5 月 18 日 一 名 病 患 一 采 弱 陽性 經二次 檢測 確定 為 陰性 至於 確診 的 護理 師 有 萬 華 社區活動 史 5 月 17 日 自覺 喉嚨 癢 無 其他 症狀 院方 對 護理 站 人員 及 病人 做 pcr 檢測 均 為 陰性 疫 調 醫師 判斷 非 院內 感染 為 社區 感染</t>
  </si>
  <si>
    <t>今 起 接種 完整 兩劑 疫苗 者 且 相隔 14 天 的 民眾 可 選擇 7 7 方案 入境 為此 臺北 副 市長 黃珊珊 今 淩晨 在 臉書 有感而發 說 天 佑 臺灣 而 根據 指揮中心 統計 春節 專案 開放 首日 入境 總 人數 為 826 人 其中 就 有 557 人 選擇 7 7 專</t>
  </si>
  <si>
    <t>全台 本土 疫情 連續 10 天都 破百 例 近日 更 出現 死亡 案例 其中 還 有 猝死 在家 的 個案 重症 醫師 黃軒 對 此 表示 其實 在 國外 確診 者 猝死 的 案例 很 常見 國外 媒體 替 這種 現象 取名為 快樂 缺氧 happy hypoxia 疫情 指揮中心 專</t>
  </si>
  <si>
    <t>全台 本土 疫情 連續 10 天都 破百 例 近日 更 出現 死亡 案例 其中 還 有 猝死 在家 的 個案 重症 醫師 黃軒 對 此 表示 其實 在 國外 確診 者 猝死 的 案例 很 常見 國外 媒體 替 這種 現象 取名為 快樂 缺氧 happy hypoxia 疫情 指揮中心 專家 諮 詢 小組 召集人 張上淳 指出 這 波 猛烈 疫情 造成 的 死亡 案例 有 許多 都是中 高齡 長者 且 有 不少 人 都有 慢性 病史 黃軒 在 臉書 發文 提到 新冠 病毒 會 影響 人類 肺部 功能 國外 則 建議 這些 輕 症 或 無 症狀 感染者 在 沒有 明顯 症狀 出現 時 待 在 家中 自我 隔離 當 有些 患者 想 就醫 時就遲 了 因此 在 家中 不幸 死亡 黃軒 指出 很多 輕 症 或 無 症狀 感染者 若是 合併 成 隱形 缺氧 症狀 通常 都 會 讓 醫師 感到 很 驚訝 由於 這些 輕 症 或 無 症狀 感染者 初期 心臟 功能 仍 有 將 血液 輸送到 身體 末梢 的 能力 但 隨 著 新冠 病毒 入侵 會 讓 身體 慢慢 缺氧 患者 初期 不 會 感到 呼吸困難 直 到 部分 患者 逐漸 感到 胸 悶 和 難以 呼吸 後 就 已是 隱形 缺氧 silent hypoxia 病情 就 會 迅速 惡化 至於 隱形 缺氧 如何 形成 黃軒 解釋 附 著 在 細胞膜 表面 的 受體 蛋白 ace 2 上 入侵 細胞 而 肺臟 和 肺泡 上有 非常 多 的 ace 2 一旦 covid-19 病毒 侵犯 細胞 達到 一定 數量 人體 免疫 反應 和 病毒 之間 的 大戰 就 會 造成 許多 肺泡 破壞 這 可能 會 阻礙 氧氣 從 肺泡 進入 血液 的 通道 如果 病人 體力 很 好 心臟 夠 強 可以 用 肌肉 多 作 幾 次 的 呼吸 急促 代 償 可以 多 吸 一點 氧分子 二氧化碳 也 可以 較 快 從 血液 進入 肺臟 排 出 體 外 因此 較 不受 影響 隱形 缺氧 正在 發生 時 也 就 難以 察覺 黃軒 進一步 解釋 新冠肺炎 會 讓 人類 肺部 氧氣 移動 與 血流 不 協調 v q mismatch 通常 血管 會 收縮 讓 血液 儘量 流入 肺臟 中 充滿 氣體 的 部位 載運 氧氣 減少 缺氧 部位 的 血流但 新冠 患者 這 套 保衛 機制 可能 會 失常 使得 更 多 血液 流向 肺臟 受損 的 部位 反而 較 少 血液 流經 健康 部位 所以 隱形 缺氧 發生 難以 察覺 換言之 很多 病者 本身 是 自己 根本 沒有 能力 判斷 自己 是 不是 要 去 看 醫生 的 一直 吸 不到 氣 昏迷 臉色 變 黑 這些 會 造成 很 多 在家 突然 猝死 的 病例 一直 在 上升 有些 是 死 後 才 知道 原來 這些 都 是 covid-19 病毒 造成 的 但 一切 往往 都 來不及 了 有時候 有些 人 只 是 正在 快樂 缺氧 happy hypoxia 而 這 一切 只是 死神 的 慣用手法 連 病人 本身 也 不 知道 他 快要 死 了 更何況 沒有 受訓 重症 醫療 訓練 過 的 家人 呢 更 多 ctwant 報導</t>
  </si>
  <si>
    <t>新冠 疫情 全國 蔓延 台中 市 19 日 爆發 朝陽 夜 唱 團 首例 確診 個案 連日來 已 有 朝陽 科大 中國醫大 兩 校 學生 及 家人 14 人 及 2 名 ktv 工作人員 確診 26 日 新增 鄰近 包廂 中科 大 1 名 22 歲 女 學生 確診 為 斬斷 該 傳播 鏈 市府 積極 將 5 月 1314 日 同一 場 域工作人員 及 消費者 匡列采 檢 其中 13 名 消費者 實 聯 制 黑白 填 台中 市長 盧秀燕 26 日 在 中 市 疫情 指揮中心 記者會 說 重話 強調 會 依法 裁 罰 從 臺灣 爆發 社區 感染 後 美 樂蒂 夜 唱 團 是 台中 目前 最 大一 查不到 來源 的 傳播 鏈 最 開始 是 一 名 19 歲 的 朝陽 科大 女 學生 確診 因 同 團 共 20 人 有 多 人 發燒 台中市政府 還 立即 到 朝陽 科大 設置 前進指揮所 安排 仍 在 住校 的 1400 名 師生 進行 采 檢 最後 疫情 發展 指向 位 東 協 廣 場內 的 美 樂蒂 ktv 為 群 聚 感染 源 當時 朝陽 科大 夜 唱 團 有 20 人 鄰近 包廂 中國醫大 則 有 11 人 而 相鄰 的 中 科大 包廂 也 有 6 名 學生 當時 同一 場 域 同時 段 超過 300 人 市府 為 掌握 相關 人 進行 采 檢 發現 13 人 一度 失 聯 經 警方 戒 入 才 發現 他們 實 聯 制 黑白 寫 記載 不實 也 決定 依法 對 這 13 人 裁 罰 3000 到 15000 元 罰 鍰</t>
  </si>
  <si>
    <t>台南 景點 警示 最 多 黃偉哲 不爽 指揮中心 應該 感到高興</t>
  </si>
  <si>
    <t>指揮中心 景點 人潮 應該 台南 景點</t>
  </si>
  <si>
    <t>衛福 部長 陳時中 今 23 日 表示 口罩 實 名 制 20 將 於 3 月 25 日 本 週三 起 進行 第二 輪 線 上 預購 歡迎 有 需求 的 民眾 上網 訂購 指揮中心 指出 第二 輪 預購 流程 與 第一 輪 相同 期 程 縮短 使 民眾 可 儘早 取得 口罩 將 從 25 日 周</t>
  </si>
  <si>
    <t>衛福 部長 陳時中 今 23 日 表示 口罩 實 名 制 20 將 於 3 月 25 日 本 週三 起 進行 第二 輪 線 上 預購 歡迎 有 需求 的 民眾 上網 訂購 指揮中心 指出 第二 輪 預購 流程 與 第一 輪 相同 期 程 縮短 使 民眾 可 儘早 取得 口罩 將 從 25 日 週三 上午 8 時至 27 日 週五 晚上 8 時 使用 健 保 卡 自然人 憑證 或 健 保 快易通 app 進行 認證 預購 指揮中心 說 成功 預購 者 必須 在 28 日 週六 上午 8 時至 30 日 週一 晚上 8 時 期間 以 atm 轉 帳 信用卡 方式 完成 付款 交易 成功 後 3 月 31 日 週二 至 4 月 1 日 週三 以 簡訊 發送 取 貨 序號 接 著 民眾 可於 4 月 2 日 週四 至 4 月 8 日 週三 持 序號 及 訂購人 證件 身分 證 健 保 卡 或 駕照 至 指定 取 貨 超 商 的 kiosk 服務 機台 如 ibon famiport life-et ok go 輸入 取 貨 序號 及 身分 證 字型大小 後 列印 取 貨單 小 白單 至 超 商 櫃檯 領取 口罩</t>
  </si>
  <si>
    <t>國內 疫情 趨 緩 兒童樂園 已經 開放 但 公園 的 遊樂 設施 卻 還 不能 用 家長 難以 認同 指揮中心 指揮官 陳時中 今天 表示 並未 禁止 公園 的 遊樂 設施 不能 開放 因 此 將 跟 地方 政府 反映 只要 防疫 做得好 開放 沒 問題 對於 是否 將 雙北</t>
  </si>
  <si>
    <t>國內 疫情 趨 緩 兒童樂園 已經 開放 但 公園 的 遊樂 設施 卻 還 不能 用 家長 難以 認同 指揮中心 指揮官 陳時中 今天 表示 並未 禁止 公園 的 遊樂 設施 不能 開放 因 此 將 跟 地方 政府 反映 只要 防疫 做得好 開放 沒 問題 對於 是否 將 雙北 從 中 高風險 區 降為 中度 風險區 陳時中 說 要 大幅 降低 疫情 警戒 需要 考慮 到 疫苗 的 供應 國際 疫情 狀況 及 是否 爆發 本土 疫情 等 雙北 現在 每天 出現 的 都 是 零星 確診 個案 因 此 將 在 維持 疫情 二級 警戒 下 讓 民眾 的 生活 儘量 正常 此外 9 月 1 日 中小學 開學 但 負責 營養 午餐 的 團 膳 業 的 成員 卻 還 沒 打 疫苗 他們 希望 指揮中心 安排 讓 3000 個 團 膳 業 的 成員 可以 專案 施打 疫苗 陳時中 表示 將 會 和 教育部 協商 看 要 怎麼 處理 有 家長 反應 開學 後 小朋友 在 吃 午餐 學校 要求 自備 隔板 但 現在 市場 上 根本 買不到 怎麼辦 陳時中 說 對於 學校 的 規定 家長 若 有能力 可以 儘量 配合 若 辦不到 就 由 學校 幫 大家 準備 來 解決 問題</t>
  </si>
  <si>
    <t>新冠肺炎 疫情 肆虐 臺灣 民眾 也 爭先恐後 搶購 口罩 隨 著 開學日 即將 到來 不少 家長 也 擔心 孩子 沒有 口罩 可用 不過 彰 化 一 所 學校 則 表示 完全 不 用 擔心 因為 他們 已經 備 妥 1萬5000 個 口罩 網友 也 大贊 校長 根本 先知 應該 也 加入 指揮中心 作戰 寒假 即將 結束 為了 防疫 彰 化 員林 國小 備 妥 15萬 個 口罩 準備 發放 校長 蕭勝斌 受訪 時 表示 員林 國小 全校 師生 大約 2000 人 左右 本來 就 備 妥 5 倍 約 9000 個 口罩 的 庫存 量 春節 前 看 到 新聞 就 驚 覺 事情 可能 不妙 又 緊急 現金 加 購 6000 個 口罩 以備不時 之 需 總數 15萬 個 口罩 如今 也 成為 庫 存量 最 多 的 學校 不少 網友 也 大贊 校長 先知 啊 這 校長 有眼光 學生 有 福 了 這 可以 加入 防疫 中心 作戰 了 xd 校長 完勝 行政院 嗎 還有 人 打趣 保全 要 緊張 了 半夜 會 不 會 有人 進來 偷 口罩</t>
  </si>
  <si>
    <t>何時 有望 鬆綁 邊境 指揮中心 回應 了</t>
  </si>
  <si>
    <t>臺灣 本土 確診 數 昨 在 升回 三 位數 指揮中心 宣佈 延長 三級 警戒 至 7 12 對此 中山醫學 大學 附設 醫院 兒童 急診科 主任 謝 宗學 表示 真 的 不 意外 因為 臺灣 目前 沒有 可 解 封 的 條件 各地 仍 有 許多 感染 源 不 明 的 案例 若 在 此刻 鬆懈</t>
  </si>
  <si>
    <t>臺灣 本土 確診 數 昨 在 升回 三 位數 指揮中心 宣佈 延長 三級 警戒 至 7 12 對此 中山醫學 大學 附設 醫院 兒童 急診科 主任 謝 宗學 表示 真 的 不 意外 因為 臺灣 目前 沒有 可 解 封 的 條件 各地 仍 有 許多 感染 源 不 明 的 案例 若 在 此刻 鬆懈 先前 的 努力 恐 功虧一簣 引起 網友 討論 感覺 沒 清零 或 達成 集體 免疫 生活 都 是 威脅 謝 宗學 昨 在 臉書 發文 表示 前 幾 天 確診 數字 不斷 下降 可惜 23 日 的 確診 病例 數字 再度 破百 例 上升 至 104 例 且 雙北 以外 地區 的 確診 人數 明顯 增加 這 波 是否 跟 端午 連 假 返鄉 有關 還要 等 疫 調 結果 出爐 才能 知道 謝 宗學 透露 他 其實 不意 外 全國 三級 疫情 警戒 會 延長 至 7 12 因為 目前 臺灣 真的 沒有 可 以 解封 的 條件 各地 仍然 有 許多 感染 源 不 明 的 本土 確診 病例 如果 在 這 時候 就 開始 鬆懈 那麼 之前 的 努力 可能 就 功虧一簣 了 謝 宗學 指出 他 早就把 暑假 預約 的 住宿 全部 取消 即使 7 12 真的 三級 解 封 了 他 在 暑假 期間 也 不敢 帶 孩子 出門 遊玩 因為 隨時 可能 再度 爆發 大規模 社區 疫情 他 並 感謝 立陶宛 贈送 臺灣 2萬 劑 的 疫苗 這 波 捐贈 將 有 1萬 名 臺灣人 可以 受惠 貼 文 引起 熱 議 不少 網友 表示 臺灣人 鬆懈 了 現在 真的 沒有 解封 的 條件 竹東 長 照 10 幾 天 了 還 止不住 每天 不斷 聽到 救護車 的 聲音 真的 好 恐慌 不 意外 好像 飯店 都滿 了 有 很多 人 忙 到 昏天暗地 也 有 很多 人 只 想 著 玩 照 這樣 看 沒 清零 或 沒 達到 集體 免疫 的 條件 下 生活 都 是 威脅</t>
  </si>
  <si>
    <t>臺灣 出現 新冠肺炎 首例 死亡 病例 抗 煞 專家 前 疾 管 局長 蘇益仁 也 直言 大陸 疫情 已經 蔓延 兩 個 月 臺灣 期待 沒有 社區 感染 不切實際 呼籲 指揮中心 不要 排除 社區 感染 該 用 社區 感染 的 措施 去 做 臺北市 長 柯文哲 表示 即使 是 社</t>
  </si>
  <si>
    <t>臺灣 出現 新冠肺炎 首例 死亡 病例 抗 煞 專家 前 疾 管 局長 蘇益仁 也 直言 大陸 疫情 已經 蔓延 兩 個 月 臺灣 期待 沒有 社區 感染 不切實際 呼籲 指揮中心 不要 排除 社區 感染 該 用 社區 感染 的 措施 去 做 臺北市 長 柯文哲 表示 即使 是 社區 感染 也 有 程度 的 不同 他 提醒 社區 感染 遲早 會 發生 不要 認為 臺北市 一定 不 會 發生 社區 感染 但 重點 是 就算 發生 也 要 維持 在 零星 個案 不要 像 武漢 那種 失控 局面 蘇益仁 說 大陸 疫情 已經 蔓延 兩 個 月 如果 再 拖 半 年 生活會 受到 什麼 影響 經濟 會 受到 什麼 影響 臺灣 怎麼 可能 期待 在 這樣 的 情形 之下 沒有 社區 感染 這 期待 不切實際 何況 兩岸 密切 往來 目前 還有 5 條 航線 的 台商 來來往往 他 認為 不該 再 爭議 社區 感染 的 定義 否則 只 會 模糊 接下來 的 防疫 作為 呼籲 指揮中心 不要 排除 社區 感染 該 用 社區 感染 的 措施 去 做 臺灣 出現 首例 新冠肺炎 死亡 病例 又 是 第一 起疑 似 社區 感染 衛福 部長 陳時中 說法 一 夕 數 變 看到 這樣 的 情勢 發展 蘇益仁 憂心忡忡 直言 好像 又 嗅到 2003 年 sars 初期 的 氛圍 當年 國內 同樣 自豪 於 創下 零 死亡 零 輸出 零 社區 感染 的 三零 紀錄 沾沾自喜 於 表現 優於 日本 韓國 等 後果 就 是 大家 不會 特別 重視 隨後 和平醫院 就 爆出 了 第一 例 案例 蘇益仁 說 以 新冠肺炎 的 這 第 19 例 來說 原本 被 當作 流感 治療 還 傳給 兄弟 可說 疑 似 社區 感染 此刻 不要 再 爭議 社區 感染 的 定義 否則 只 會 模糊 接下來 的 防疫 作為 他 強調 不要 排除 社區 感染 該 用 社區 感染 的 措施 去 做 否則 還 會 有 多少 人 會 依照 指揮中心 說 的 去 做 導致 喪失 公 信 力 他 說 目前 宣佈 加強 篩檢 用藥 只能 這樣 做 也 不能 再多 了 至於 口罩 政策 要 不 要 改 他 認為 該 回頭 問 的 是 防範 流感 同樣 也 是 這樣 做 流感 也 會 重症 也 會 死亡 大家 為什麼 不 怕 關鍵 就 在於 知道 流感 怎麼 傳播 有 藥 可用 而 我們 目前 對 新冠肺炎 的 瞭解 已經 增加 加上 98 都 是 輕 症 該 調整 心態 習慣 新冠肺炎 會 常態 化 存在 出現 第一 起 新冠肺炎 死亡 病例 柯文哲 則 認為 第 一點 這 是 不是 社區 感染 還 不 一定 因為 死者 載 過 陸 港澳 乘客 所以 要 再 確定 第二 點 社區 感染 分 很 多種 有 零星 案例 還是 群 聚 或 散 開來 即使 是 社區 感染 也 有 程度 的 不同 要 依照 不同 程度 制定 不同 應對 方案</t>
  </si>
  <si>
    <t>疫情 5 月 風暴 遊 盈 隆 指揮中心 無人 口頭 請 辭 實在 匪夷所思</t>
  </si>
  <si>
    <t>臺灣 民意 基金會 董事長 游盈隆 今 表示 疫情 5 月 風暴 民怨 已經 沖天 11 天 確診 案例 破 五千 大關 四 天 奪 29 條 人命 這種 情況 若 發生 在 國民黨 主政 時期 早就 天翻地覆 了 而 指揮中心 相關 決策者 竟 無 人 表示 願 負起 應 負 責任 連 禮貌性</t>
  </si>
  <si>
    <t>指揮中心 最新 說明 0 確診 新冠肺炎 武漢肺炎</t>
  </si>
  <si>
    <t>衛福 部長 陳時中 今 2 日 公佈 國內 出現 第 41 例 covid-19 新冠肺炎 病例 為 案 34 的 女兒 20 多 歲 近期 無 旅遊 史 除 自身 有 過敏 體質 外 無 任何 不適 症狀 然而 這 位 第 41 例 確診 者 於 2 月 15 26 日間 曾多次 至 病房 陪伴 她 的 母親 案 34 並且 協助 盥洗 2 月 28 日經 衛生 單位 安排 接觸 者 采 檢 及 住院 隔離 一 采 陰性 但 二 采 呈現 陽性 於 今日 確診 指揮中心 表示 因應 本 起 群 聚 已於 2 月 28 日 至 3 月 1 日 陸續 完成 醫院 急診 案 34 確診 前 住院 病房 之 清潔 消毒 經 再次 采 驗 環境 檢 體 結果 均 為 陰性 另 針對 本 起 群 聚 截至 目前 已 掌握 接觸 者 共 289 人 並 采 檢 231 人 其中 5 人 確診 197 人 陰性 其 餘 檢驗 中 將 密切 追蹤 這些 接觸 者 之 健康 情形 指揮中心 統計 國際 間 累計 8233 例 確診 病例 分佈 65 個 國家 地區 病例 數 以 韓國 3736 例 義 大利 1577 例 伊朗 978 例 日本 鑽石 公主 號 687 例 含 本 國籍 5 例 及 日本 253 例 為 多 病例 中 126 例 死亡 其中 伊朗 54 例 義 大利 34 例 韓國 18 例 鑽石 公主 號 6 例 日本 6 例 香港 2 例 法國 2 例 澳洲 1 例 菲律賓 1 例 泰國 1 例 美國 1 例</t>
  </si>
  <si>
    <t>新冠肺炎 covid-19 疫情 在 國際 強勢 升溫 目前 日本 境內 確診 人數 達 242 例 死亡 5 例 韓國 每日 確診 數 更是 瘋狂 竄升 至今 已 累計 3500 人 確診 死亡 17 例 看似 2 國 的 疫情 都 相當嚴重 但 不少 民眾 仍 對 指揮中心 定調 的 疫情 旅遊</t>
  </si>
  <si>
    <t>新冠肺炎 covid-19 疫情 在 國際 強勢 升溫 目前 日本 境內 確診 人數 達 242 例 死亡 5 例 韓國 每日 確診 數 更是 瘋狂 竄升 至今 已 累計 3500 人 確診 死亡 17 例 看似 2 國 的 疫情 都 相當嚴重 但 不少 民眾 仍 對 指揮中心 定調 的 疫情 旅遊 建議 霧 煞 煞 到底 從 疫區 回來 要 居家 檢疫 還是 自主 健康 管理 網路 溫度計 一 張 圖 看 了 秒 懂 如何 分辨 目前 疾 管署 公佈 的 地區 疫情 資訊 有 2 種 一 種 為 旅遊 警示 地區 一 種 為 流行 地區 分級 流行 地區 主要 是 提供 給 醫護人員 作為 辨別 法定 傳染病 是否 要 通報 的 依據 目前 新冠肺炎 一級 流行 區 有 大陸 湖北省 廣東省 浙江省 河南省 二級 流行 地區 則 是 大陸 全境 及 香港 澳門 旅遊 警示 則 是 提供 給 欲 出國 民眾 的 安排 行程 的 參考 旅遊 警示 分為 三級 級數 越 高 代表 風險 越 高 三級 地區 警告 warning 目前 有 大陸 香港 澳門 韓國 義 大利 伊朗 民眾 避免 至 當地 所有 非必要 旅遊 二級 地區 警示 alert 有 日本 新加坡 民眾 至 當地 應 採取 加強 防護 措施 一級 地區 注意 watch 則 有 泰國 民眾 應 遵守 當地 的 一般 預防措施 至於 從 旅遊 疫情 建議 地區 返台 要 做 居家 檢疫 居家 隔離 或 自主 健康 管理 疾 管署 最新 3 月 1 日 規定 如下 三級 地區 警告 返國 民眾 必須 做 居家 檢疫 14 日 自 3 月 2 日 起 伊朗 也 需 開始 實施 二級 及 三級 地區 返台 民眾 則 需 自主 健康 管理 14 天 所以 目前 日本 屬於 二級 警示 赴 日 民眾 反 台需 自主 健康 管理 14 天 南韓 屬於 三級 警告 赴 韓 返台 民眾 需 居家 檢疫 14 日 依 旅遊 疫情 建議 來 判斷 最 準確</t>
  </si>
  <si>
    <t>敦睦 艦隊 傳出 同寢室 3 人 確診 新冠肺炎 海軍 緊急 召回 3 艘 軍艦 官兵 及 學生 700 多 人 進行 采 檢 其中 15 人 已 回到 澎 湖 馬公 今 19 日 一 采 結果 出爐 這 15 人 皆 為 陰性 澎湖縣 流行 疫情 指揮中心 表示 縣府 衛生局 18 日 晚間 接 獲 中</t>
  </si>
  <si>
    <t>敦睦 艦隊 傳出 同寢室 3 人 確診 新冠肺炎 海軍 緊急 召回 3 艘 軍艦 官兵 及 學生 700 多 人 進行 采 檢 其中 15 人 已 回到 澎 湖 馬公 今 19 日 一 采 結果 出爐 這 15 人 皆 為 陰性 澎湖縣 流行 疫情 指揮中心 表示 縣府 衛生局 18 日 晚間 接 獲 中央 疫情 指揮中心 通知 馬公 海軍基地 有 15 位 官兵 為 海軍 敦睦 艦隊 3 位 確診 者 的 接觸 對 象 三 總 澎 湖 醫院 立即 至 軍中 采 檢 衛生局 配合 展開 疫 調 檢 體 在 18 日 晚間 10 時 送至 衛福部 臺北 昆陽 實驗室 19 日 早上 檢驗 報告 出爐 15 人 皆 為 陰性</t>
  </si>
  <si>
    <t>疫情 指揮中心 日前 宣佈 可 開放 混打 不少 人 仍 猶豫 第二 劑 該 選 輝瑞 bnt 或 莫德納 衛福部 草屯 療養院 醫師 沈政男 表示 若 擔心 心肌炎 副作用 混打 就 選 bnt 如果 是 追求 保護 力 就 選 莫德納 沈政男 昨 22 日 於 個人 臉書 分析</t>
  </si>
  <si>
    <t>日前 有 民眾 反映 口罩 變 薄 但 疫情 指揮中心 已經 解釋 過 其實 這類 口罩 一樣 具有 防疫 功能 只是 差 了 一 層 可防 血液 潑 濺 有 一 名 網友 在 臉書上 貼出 一 張 口罩 照片 並 發文 表示 女友 在 新竹 的 藥局 排隊 領 了 口罩 但 口罩 卻 非常</t>
  </si>
  <si>
    <t>日前 有 民眾 反映 口罩 變 薄 但 疫情 指揮中心 已經 解釋 過 其實 這類 口罩 一樣 具有 防疫 功能 只是 差 了 一 層 可防 血液 潑 濺 有 一 名 網友 在 臉書上 貼出 一 張 口罩 照片 並 發文 表示 女友 在 新竹 的 藥局 排隊 領 了 口罩 但 口罩 卻 非常 薄 讓 他 有 不小 的 疑慮 原 po 在 臉書 社團 爆 怨 公社 貼出 一 張 口罩 照片 內文 提到 他 沒有 要 怪 藥局 或 政府 單純 抒發 且 上網 查過 新聞 有人 也 跟 他 一樣 拿到 輕薄 透光 的 口罩 同時 原 po 也 秀 出 藥局 號碼牌 證明 自己 是 在 藥局 購入 絕非 造假 照片 一 出 引來 網友 熱 議 部分 網友 在 底下 秀 出 自己 買到 的 口罩 並 認為 原 po 的 口罩 是 瑕疵品 對此 一 名 網友 就 跳出 來 解釋 疫情 指揮中心 之前 已 在 記者會 上 清楚 說明 過 有 分 一般 醫用 與 外科手術 用 口罩 兩 種 都有 阻絕 病毒 的 效果 外科 用 的 多 了 防 血液 潑 濺 效果 同時 這 位 網友 也 po 出 友人 剪 開 輕薄 口罩 的 照片 他 說明 其實 裡面 依然 是 三 層 口罩 在 防護 使用 上 並 沒有 疑慮</t>
  </si>
  <si>
    <t>5 天 說明 疫情 零 確診 指揮中心</t>
  </si>
  <si>
    <t>20 12 更新 中秋 連 假 將 屆 而 中秋 相聚 民眾 最愛 烤肉 賞月 但 受到 國籍 航空 3 名 機師 發生 突破性 感染 且 還是 傳染 力 最高 的 delta 變異 病毒 加上 新北 板橋 幼稚園 爆發 15 人 大規模 群 聚 讓 各 地方 政府 神經 緊 繃 目前 新北 市 桃園 市 台中 市 等 16 縣 市 已 宣佈 禁止 戶外 烤肉 活動 只 允 民眾 在家 烤肉 中 時 新聞網 整理 全台 各地 針對 中秋 烤肉 的 相關 規定 其中 禁止 戶外 烤肉 的 有 16 縣 市 5 縣 市 暫不 停 辨 或 視 疫情 滾 動 調整 臺北市 則 預定 下週一 13 日 公佈 中秋節 活動 防疫 指引 以下 為 全台 各地 規定 臺北市 下週一 13 日 公佈 中秋節 活動 防疫 指引 新北 市 不 開放 新北 市 河濱公園 烤肉 與 烤肉 相關 公共 活動 一律 禁止 自行 在家 烤肉 則 不 限制 基隆 市 7 日 起 所有 戶外 公共 場 域 禁止 烤肉 家裡 烤肉 則 以 同 住家 人為 限 桃園 市 中秋節 所有 活動 一律 取消 市府 所屬 虎頭 山 風景區 公園 河濱公園 不 開放 烤肉 民眾 可 居家 烤肉 但 應 避免 大規模 群 聚 新竹 縣 中秋節 不 開放 包括 任何 戶外 公共場所 社區 烤肉 以及 相關 活動 僅 同 住 家人 可 居家 烤肉 新竹 市 中秋節 不 開放 包括 任何 公共場所 烤肉 以及 相關 活動 僅 同 住 家人 可 居家 烤肉 苗栗縣 中秋 活動 暫無 影響 中秋 活動 暫無 影響 停辦 銅鑼鄉 五 福廟 普度 法會 苑裡 鬼門關 夜市 台中 市 7 日 起 所有 戶外 公共 場 域 禁止 烤肉 包含 公園 河濱 社區 中庭 自家 門前 騎 樓 公寓 社區 頂樓 等 場 域 皆 禁止 烤肉 家裡 烤肉 則 以 同 住家 人為 限 彰 化 縣 不 建議 不 鼓勵 不 補助 辦理 社區 烤肉 活動 禁止 于 社區活動 中心 宮廟 廣場 公園 風景區 停車場 等 公共場所 或 政府 機關 場所 辦理 烤肉 活動 烤肉 物件 以 同 住 家人 于 家戶 進行 為 宜 南 投 縣 戶外 公共 場 域 一律 禁止 烤肉 活動 不 鼓勵 辦理 家戶 烤肉 活動 雲 林縣 中秋 連 假 僅 開放 同 住 家人 在 自家 庭院 或 空地 進行 烤肉 賞月 活動 並 請 社區 社團 停辦 非 家人 的 群 聚 活動 嘉義 縣 9 月 18 日 到 9 月 21 日 期間 不 開放 戶外 公共 場 域 烤肉 僅 開放 同 住 家人 自家 烤肉 嘉義 市 9 月 18 日 至 9 月 21 日 社團 社區 中秋 活動 禁止 例如 烤肉 集會 唱歌 聯歡 等 家人 烤肉 不 限制 台南 市 針對 中秋 活動 市長 黃偉哲 表示 原則 上 禁止 大型 戶外 社區 烤肉 能 不 辦 就 不 要辦 如果 要辦 的 話 一定 要 拉開 安全 距離 疫情 更 嚴峻 的 話 我們 會 採取 斷然措施 另外 停辦 2021 台南 古都 國際 半程 馬拉松 高雄市 中秋節 禁止 各類 團體 在 各類 公共場所 及 騎 樓 烤肉 民眾 只能 在 家中 烤肉 但 僅 限 同 住 家人 另外 高雄市 鳳 山區 誠 義 裡 千 人 中秋 烤肉 活動 停辦 屏 東縣 中秋 活動 暫無 影響 將 視 疫情 發展 情況 調整 宜蘭 縣 風景區 河濱公園 中山公園 與 市民 之 森 中秋 連 假期 間 全面禁止 烤肉 違者 將 依照 傳染病 防治法 處理 花蓮縣 即 起 到 中秋 連 假 為止 停辦 社團 及 社區 中秋 活動 禁止 戶外 公共 場 域 烤肉 同 住 家人 可 烤肉 台 東縣 不 開放 公共場所 烤肉 禁止 大型 集中 烤肉 活動 民眾 可於 自家 烤肉 澎湖縣 不 禁止 中秋 烤肉 金門縣 依 中央 疫情 指揮中心 規範 後續 視 疫情 變化 隨時 滾 動式 調整 連江縣 中秋 活動 暫無 影響</t>
  </si>
  <si>
    <t>從 昨晚 傳出 北部 某 醫院 出現 緊急事件 到 指揮中心 公佈 今 12 日 有 本土 2 確診 臺灣 民眾 一直 關注 此 消息 現在 得知 發生 首例 醫生 感染 大家 都 很 緊張 對此 精神 科 醫師 沈政男 認為 醫師 照顧 病 患 時 被 感染 沒人 會 怪罪 他們</t>
  </si>
  <si>
    <t>抽樣 社區 莊人祥 無 症狀 感染者 指揮中心</t>
  </si>
  <si>
    <t>臺灣 因應 新冠肺炎 疫情 全球 延 燒 日前 限制 外籍人士 入境 但 針對 外籍 配偶 釋出 簽證 自動 展 延 30 天 的 政策 不過 仍 有 在 台 停留 總 天數 不得 逾 180 天 的 規定 而 此 讓 不少 人 質疑 為 防疫 破 口 潮州 邱姓 越 婿 就 怕 已 2 度 延 簽 的 新婚 妻子 為 回 母國 換 簽證 而 暴露 在 感染 高風險 中 邱姓 越 婿 指出 他 的 妻子 在 去年 11 月 2 日 嫁到 臺灣 領 的 是 觀察 期間 不得 改辦 居留 的 停留 簽 可 停留 60 天 但 得以 延簽 2 次 1 次 2 個 月 所以 太太 的 簽證 實際 到期日 是 4 月 30 日 總共 可 在 台 停留 180 天 不料 遇上 肺炎 疫情 擴散 而 政府 雖 祭出 簽證 自動 展 延 但 仍 有 總 留 天數 限制 太太 根本 受惠 不 到 非常 時期 還有 天數 限制 非常 不合理 他 說 此時 到底 是 安全 重要 還是 換 簽證 重要 難道真 的 要 讓 太太 為了 1 張 紙本 簽證 冒 風險 飛 回 母國 他 無奈 地 說 其實 先前 已 訂好 回 越南 的 機票 但 後來 都 停 飛 加上 疫情 愈趨 嚴重 真 的 不敢 讓 太太 上 飛機 他 苦 歎 這 段 時間 他 積極 尋求 管道 協助 打 遍 外交部 移民署 的 電話 甚至 寫 衛福部 部長 信箱 向陳 時 中 求救 但 得到 的 回應 都 是 我們 只能 遵守 法規 他 無助 表示 臺灣 絕對 不 只 有 他 太太 面臨 2 度 延 簽 的 問題 因為 與 他 同日 面試 通過 的 越 婿 就 有 56 個 所以 希望 政府 正視 該 問題 他 強調 連 防疫 指揮中心 都說 現階段 搭 飛機 很 危險 那 為何 還要 強迫 外 配 返國 且 還是 為 了 1 張 紙本 簽證 政府 若 真的 無視 該 問題 這 絕對 是 臺灣 的 防疫 破 口 對此 移民署 屏 東 站 指出 一切 以 防疫 指揮中心 調度 為主 若 中心 釋 出新 政策 他們 絕對 跟進 處理 但 目前 也 只 能 依法辦理 不過 外 配 若 是 因 無 班機 回 母國 而 造成 簽證 逾期 者 凡 持 停 飛 證明 都 不予 簽證 逾期 處分</t>
  </si>
  <si>
    <t>133 名 確診 已 住 進 集中 檢疫所 指揮中心 暫不 考慮 建 方 艙</t>
  </si>
  <si>
    <t>鑽石 公主 號 郵輪 的 台籍 旅客 今 解除 隔離 同船 魔術師 陳日升 分享 近 1 個 月 的 隔離 生活 結束 真得 很 開心 現在 最 想 做 的 就 是 和 家人 聚餐 並 呼籲 大家 防疫 大家 一起 努力 鑽石 公主 號 爆出 疫情 後 臺灣政府 采 包機 方式 將 船上 19 名 台 籍 旅客 接回 臺灣 送至 集中 檢疫所 再 隔離 14 天 經過 約 1 個 月 的 隔離 時間 昨 指揮中心 宣佈 19 名 旅客 三 采 陰 今晨 將 解除 隔離 終於 可以 回家 根據 中央 社 報導 同船 遭 隔離 的 魔術師 陳日升 接受 電話 訪問 時說 很 開心 將近 1 個 月 的 隔離 生活 可以 結束 了 很 感謝 隔離 期間 防疫 人員 細心 貼心 的 照顧 並 提到 檢疫所 的 環境 餐 食 很 不錯 並 大力 讚賞 政府 此次 的 防疫 工作 做 得 很 好 值得 被 鼓勵 此外 該 陳日升 也 表示 隔離 期間 很 少 與 人 接觸 只能 透過 電話 來 聯繫 因此 離開 檢疫所 後 最 想 做 的 事 是 與 家人 聚餐 並 呼籲 大家 疫情 仍 持續 蔓延 中 希望 每個 人 都 可以 一起 努力 防疫 昨晚 也 有 許多 家屬 到 現場 接送 解除 隔離 的 人 而 指揮中心 指揮官 陳時中 昨晚 也 赴 現場 關心 大家 都 很 高興 感謝 防疫 人員 的 全力 協助 也 開心 所有 的 人 都有 受到 很 好 的 照顧</t>
  </si>
  <si>
    <t>新冠肺炎 疫情 蔓延 全球 歐美 已經 成為 重災區 臺灣 至 今 67 例 確診 病 患 社區 傳染 並未 大面積 爆發 令 西方 輿論 刮目相看 臺灣 公衛 團隊 的 專業 高效 行政 措施 的 果斷 有力 防疫 資訊 的 及時 透明 以及 全社會 的 廣泛 配合 都 是 臺灣 防疫 成效 良好 的 主要 原因 其中 一個 最 具 影響力 的 因素 是 中央 疫情 指揮中心 第一時間 就 採取 決戰 境外 戰略 從嚴 禁止 大陸 與 港澳 民眾 入境 國人 自 陸 港澳 返台 也 要 接受 14 天 居家 檢疫 有效 阻絕 病毒 從 大陸 地區 輸入 的 壓力 同 時間 也 穩妥 處置 了 滯留 日本 鑽石 公主 號 並 接回 部分 滯留 武漢 台人 返國 等 截至 目前 中央 疫情 指揮中心 對外 發佈 的 最高級 紅色旅遊 警示 包含 30 餘 個 主要 國家 和 地區 近期 新增 的 大部分 均 為 歐洲 國家 次級 的 橙色 旅遊 警示 除 繼續 納入 日本 外 又 增加 了 美國 加州 華盛頓州 和 紐約州 政府 需要 對 疫情 在 近期 出現 的 新 變化 高度 警惕 隨 著 大陸 以外 日 新增 病例 首次 破 萬 海外 各國 累計 確診 數 超過 大陸 病毒傳播 目前 的 主 舞臺 已經 以 歐洲 為 中心 向 北美 南美 中亞 和 非洲 四散 這 也 意味著 臺灣 決戰 境外 的 主陣地 也 從 12 月 分 的 大陸 地區 轉移 至 歐美各國 臺灣 最新 確診 病例 大多 有 歐洲 北非 旅遊 史 就 充分證明 了 這 一點 上述 情勢 的 最新 變化 並非 只 有 臺灣 需要 面對 也 是 許多 大陸 周邊國家 地區 共同 因應 需要 及時 調整 的 重大 課題 例如 全球 第 一個 監測 到 湖北 輸入 病例 的 泰國 在 大陸 嚴格控制 人員 外流 後 今年 2 月 分 疫情 看似 有所 緩解 但 15 日 驟然 增加 32 例 其中 不少 口岸 移民 官員 說明 泰國 原本 自信 的 防疫 體系 出現 破 口 嘗到了 對 西方 不設防 的 苦果 再 如 早 在 1 月初 就 啟動 防疫 工作 的 香港 對 深圳 封關 後 亦 一度 延緩 病例 增長勢頭 但 近期 新增 病例 以 歐美 背景 為主 同樣 證明 當前 疫情最 嚴重 的 反而 是 歐美 還 記得 大陸 湖北 地區 疫情 大 爆發 之 初 不少 西方 學者 都 透過 收集 分析 海外 的 湖北 輸入 性 病例 推算 大陸 內部 的 真實 感染 人數 成為 許多 歐美 主流 輿論 渲染 大陸 崩潰 論 的 素材 和 藉 口 但 如今 當 臺灣 香港 泰國 新加坡 等 地 不斷 遭到 疑 似 歐美 感染 病例 倒灌 時 當初 最 積極 推算 感染 人數 的 西方 機構 和 媒體 此時 都 不約而同 地 顧左右而言他 最 具 代表 的 就 是 英國 高級 專家 老神在在 地 鼓吹 群體 免疫 被 廣為 詬病 美國 cdc 檢測 遲緩 也 被 批評 為重 蹈 武漢 覆轍 一 場 瘟疫 戳穿 了 西方 的 雙重標準 當初 歐美國家 嘲笑 大陸 的 一 幕 幕 此時 正 在 他們 自己 的 土地 重演 同 理 這樣 的 教訓 必然 不能 在 臺灣 身上 重現 所以 我們 要 大聲 呼籲 政府 呼籲 中央 疫情 指揮中心 不要 在 入 出境 限制 上 搞 雙重標準 否則 一定 會 讓 臺灣 自 以為 傲 的 防疫 體系 出現 破 口 令 臺灣 陷入二 次 爆發 的 境地 事實上 早 在 日本 出現 一定 規模 社區 感染 南韓 大 邱 淪陷 以後 不少 民眾 都 建議 政府 比照 禁 行 陸 港澳 一樣 果斷 對 日 韓 等 類似 地區 採取措施 縮減 航班 往來 停止 民眾 旅行 加強 入境 檢疫 16 日 臺灣 新增 病例 創紀錄 以後 官方 輿論 似乎 在 引導 網 民 首要 檢討 對 像是 民眾 出國 旅遊 太 自私 而 不是 檢討 修正 現行 入 出境 管制 政策 這 顯然 是 搞 錯 了 方向 也 是 搞 政治化 雙重標準 新北 市 宣佈 高中職 以下 所有 師生 一律 禁止 出國 桃園 市 也 跟進 並 加碼 宣佈 8 月 前 各 校 出國 計畫 暫停 國泰人壽 也 禁止 員工 出國 不分 藍 綠 地方 政府 與 企業 守土 盡責 防堵 疫情 第二 波 爆發 務實 態度 值得 肯定 這 反而 襯 出 中央政府 的 不作為 如果 中央 疫情 指揮中心 再 對 歐美 限 行 遲緩 怠慢 很 可能 讓 過去 兩 個 月 的 嚴防死守 前功盡棄 如何 摒棄 雙重標準 因應 當前 疫情 全球 傳播 的 新 變化 一方面 美國 已 全國 進入 緊急狀態 至少 將 第 二級 橙色 旅遊 警示 覆蓋 至 美國 全境 並且 將 美國 疫情 較 嚴重 地區 交通樞紐 城市 的 警示 升至 紅色 另一方面 隨 著 陸 港 澳 地區 疫情 逐步 緩解 政府 應 密切 關注 相關 動態 如 澳門 在 近 1 個 多 月 內 只 有 1 宗 新增 境外 輸入 病例 若 澳門 一段時間 內 保持良好 狀態 就 應對 澳門 率先 解禁</t>
  </si>
  <si>
    <t>敦睦 艦隊 群 聚 事件 集中 檢疫 的 官兵 將 於 5 月 3 日 解 隔離 疫情 指揮中心 指揮官 陳時中 表示 向 磐石 鑒 官兵 致歉 雖 磐石 艦 對 社區 影響 非常 小 但因 是 群 聚 事件 所以 解 隔離 前 需 再 采 檢 恐 要 多 留 1 至 3 天 陳時中 在 記者會 上 表示</t>
  </si>
  <si>
    <t>敦睦 艦隊 群 聚 事件 集中 檢疫 的 官兵 將 於 5 月 3 日 解 隔離 疫情 指揮中心 指揮官 陳時中 表示 向 磐石 鑒 官兵 致歉 雖 磐石 艦 對 社區 影響 非常 小 但因 是 群 聚 事件 所以 解 隔離 前 需 再 采 檢 恐 要 多 留 1 至 3 天 陳時中 在 記者會 上 表示 敦睦 艦隊 集中 檢疫 的 官兵 將 在 5 月 3 日 解除 隔離 雖然 磐石 鑒 對 社區 造成 的 影響 很小 從 最初 發病 確診 的 3 人 增加 到 31 個人 但 整體 疫情 是 穩定 的 但 由於 這 是 起 群 聚 事件 集中 檢疫 14 天 後 還要 再 采 一 次 若 全部都是 陰性 那麼 就 會 解 隔離 若 不是 就要 多 留 1 天 再 采 檢 陰性 的 解除 隔離 為此 陳時中 也 特別 向 軍艦 的 官兵 表達 歉意 因為 他們 會 比 一般 集中 檢疫 者 還要 多 留 1 至 3 天 但 希望 第一 次 采 檢 完 都 陰性 讓 全部 人 都 可以 回家 當然 回家 後 還 是 要 做 健康 管理 陳時中 表示 由於 敦睦群 聚 案 比較 特殊 社會 也 很 關注 還 是 希望 可以 做到 盡善盡美 有 比較 完美 的 句 點</t>
  </si>
  <si>
    <t>在 臺灣 新冠 疫情 嚴峻 之際 和 世界衛生組織 who 共同 運作 covax 疫苗 分配 計畫 的 全球 疫苗 與 預防注射 聯盟 gavi alliance 今 17 日 表示 預期 臺灣 最 慢 6 月底 前 就 能 獲得 所 分配 的 az 新冠 疫苗 路透社 報導 在 臺灣 社區 傳播 疫情 上升 之際 全球 疫苗 與 預防注射 聯盟 今日 表示 預期 臺灣 最 慢 6 月底 前 就 能 獲得 所 分配 的 az 新冠 疫苗 全球 疫苗 與 預防注射 聯盟 指出 目標 是 2 月 至 6 月 間 配送 7600萬 劑 az 疫苗 以 供應 多 達 80 個 國家 我們 預期 很快 向 臺灣 交付 下 一 批 疫苗 全球 疫苗 與 預防注射 聯盟 與 世界衛生組織 共同 運作 疫苗 分配 計畫 對 取得 疫苗 困難 的 國家 提供 新冠 疫苗 疫情 指揮中心 4 月 時 表示 covax 一共 將 提供 臺灣 476萬 劑 疫苗 當中 102萬 劑 為 az 疫苗 目前 covax 第一 波 已 分配 臺灣 1992萬 劑 az 疫苗 臺灣 目前 一共 向國際 洽 購 2000萬 劑 疫苗 包括 向 阿斯特 捷利康 astrazeneca 直 購 1000萬 劑 az 疫苗 向 莫德納 moderna 購買 505萬 劑 另外 也 從 covax 平臺 分配 476萬 劑 目前 向 國際 取得 的 疫苗 中 199萬 劑 來自 於 covax 另外 117萬 劑 屬於 直 購 的 az 疫苗 此外 政府 也 預計 向 國內 2 家 進入 二期 臨床 試驗 的 疫苗 廠商 採購 1000萬 劑 疫苗</t>
  </si>
  <si>
    <t>指揮中心 今天 公佈 自 歐 土耳其 埃及 返台 的 國人 過去 14 天 約 16萬 人 也 預告 之後 的 確診 病例 有 暴 增 的 趨勢 讓 網友 害怕 現在 菜價 油價 低 感覺 這 波 我們 未 必然 擋得住 但 守 住 的 機會 非常 大 畢竟 歪 國人 不能 來 那小</t>
  </si>
  <si>
    <t>新冠肺炎 疫情 延 燒 拉長 戰線 不僅 考驗 當局 防疫 應變能力 也 考驗 各 方面 對 疫情 時 的 平衡 關係 日前 有 記者 在 中央 疫情 指揮中心 記者會 上 提出 社區 傳播 疑慮 的 問題 恰好 首度 直播 開放 網友 聊天 室 討論 當下 引發 論戰 事 後</t>
  </si>
  <si>
    <t>新冠肺炎 疫情 延 燒 拉長 戰線 不僅 考驗 當局 防疫 應變能力 也 考驗 各 方面 對 疫情 時 的 平衡 關係 日前 有 記者 在 中央 疫情 指揮中心 記者會 上 提出 社區 傳播 疑慮 的 問題 恰好 首度 直播 開放 網友 聊天 室 討論 當下 引發 論戰 事後 各方 一連串 作為 也 產生 連鎖反應 導致 相關 當事人 互 咬 混戰 的 失控 景況 對此 名 嘴 羅友志 除 捍衛 新聞自由 外 今 又 發文 直 指 在 醫護 記者 忙 翻 天時 破壞 和諧 信任 的 正是 官 日前 的 疫情 記者會 上 提出 社區 傳播 疑慮 的 記者 遭 網友 罵 爆 事後 該 名記者 遭 肉 搜 壓力 破 表 其 主管 事 後 在 指揮中心 新聞 群 組 中 呼籲 官方 導正 視聽 沒 想到 對話 遭 截 圖 流出 行政院 副 院長 辦公室 主任 李 懷仁 還 在 指揮中心 直播 時 留言 表示 cdc 辛苦 了 被 中 時 記者 要求 一直 貼 文 呼籲 大家 不要 攻擊 記者 被 質疑 是 在 帶 風向 引發 另 一 波 網路 筆戰 此 事件 越 演 越 烈 各家媒體 紛紛 出聲 名 嘴 羅友志 今 也 在 臉書 粉 專 轉貼 相關 報導 發表 個人 想法 表示 現在 的 臺灣 防疫 處境 是 第一線 的 醫療 人員 忙 翻天 醫藥 線 記者 努力 監督 提問 而 正當 眾人 努力 過 正常 生活 辛勤工作 的 現在 是 誰 破壞 和諧 破壞 互相 信任 羅 友志 給出 答案 直言 處心積慮 的 都 是 官</t>
  </si>
  <si>
    <t>羅友志 李 懷仁 中央 疫情 指揮中心 記者會 1922</t>
  </si>
  <si>
    <t>春節 返台 檢疫 措施 提前 12 月 14 日 上路 但 不少 旅 外國人 最近 規劃 回台 時 卻 發現 已經 訂 不 到 防疫 旅館 衛福 部長 陳時中 今天 在 立 法院 接受 質詢 時 表示 春節 期間 4萬 人 返台 應該 是 低估 了 他 也 透露 昨天 疫情 指揮中心 已 簽 核 外</t>
  </si>
  <si>
    <t>對於 幼稚園 負責人 結束 居家 隔離 後 自主 健康 管理 期間 才 發病 新北 市 衛生局長 陳 潤 秋 今 在 疫情 說明會 表示 案件 發生 後 有 跟 中央 反應 針對 此 狀況 也 會 跟 中央 討論 陳 潤 秋 說 7 天 的 自主 健康 管理 期間 有 要求 不 舒服 就要 安排 去 看病 采 檢 這 段 時間 內 也 不能 大眾 聚餐 等 自主 健康 管理 規範 而 幼稚園 負責人 的 家人 pcr 采 檢 是 陰性 但因 該 負責人 現 已 鮮 少 管理 幼稚園 有待 後續 疫 調 厘 清其 感染 源 新北 市 副 市長 劉和然 補充 在 此次 匡列 過程 中 發現 此 特殊 個案 新北 市 昨 第一時間 已 確保 確診 者 的 接觸 者 不要 再有 往 外擴散 疑慮 相關 議題 會 回到 疫情 指揮中心 中央 也 知道 須 回到 專家 會議 做 詳細 討論</t>
  </si>
  <si>
    <t>臺灣 新冠肺炎 疫情 趨 緩 但 國際 卻 越來越 嚴峻 台 大公 衛 學院院長 詹 長 權 昨 指出 只要 沒有 疫苗 就 很 難 終結 新冠肺炎 但 臺灣 疫苗 沒有 國家隊 只有 國際隊 遺憾 臺灣 在 這塊 缺席 他 強調 臺灣 要 與 國際 有 連結 不可能 一直 沿用 嚴格 的 邊境 管制 但要 做好 控管 才能 顧好 經濟 並 保護 人民 健康 詹 長 權 強調 疫苗 是 終結 新冠肺炎 疫情 的 唯一 武器 各國 研發 單位 預估 至少 要 打 2 劑 才 達到 效果 但 從 現實 與 國際 觀點 來說 沒有 單一 國家 可 完成 疫苗 開發 疫苗 研發 需要 組 國際隊 政府 要 清楚 這 無法 像 口罩 一樣 組 國家隊 他 呼籲 臺灣 不 要 繼續 沉溺在 誰 的 實驗室 有 什麼 突破 好像 我們 也 可以 做 疫苗 實際上 國際 都 組成 疫苗 研發 聯盟 臺灣 一定 要 跟 國際 接軌 也 要 提早 思考 若無 法 取得 疫苗 該 怎麼 做 臺灣 疫苗 推動 協會 理事長 李秉穎 表示 國內 目前 有 3 個 疫苗 廠 的 研發 到 了 動物實驗 階段 但 他 坦言 進度 落後 其他 國家 很多 時效 上 可能 會 來不及 趕上 年底 秋冬 或 明年初 第二 波 流行 尤其 未來 能 不能 做 到 第 三 階段 的 人體實驗 以 證明 其 有效性 都 是 非常 困難 的 事情 不過 疫苗 國家隊 還是 須 加以 輔導 這 是 國內 疫苗 發展 的 契機 因此 還是 要 進行 研發 建議 業者 要 有 備案 一旦 研發 成果 不好 要 取得 國際 合作 讓 國外 藥廠 能夠 技 轉 或 合作 加速 國內 疫苗 的 供應 指揮中心 發言人 莊人祥 也 表示 對於 疫苗 研發 一直 都 在 尋求 國際 合作 應該 在 明年 有 機會 研發 出來</t>
  </si>
  <si>
    <t>第 12 期 公費 疫苗 預約 亂象 叢生 許多 民眾 無法 預約 第二 劑 莫德納 疫苗 指揮中心 昨天 傍晚 臨時 加開 兩萬 多 個 名額 再次 引發 民怨 衛福 部長 陳時中 今天 解釋 這 是 因為 有 原先 被 造冊 接種 的 11萬 人 跑 去 平臺 預約 因此 占去 約 2萬 多</t>
  </si>
  <si>
    <t>實在太 扯 了 自 孟加拉 返台 夫妻 前天 確診 新冠肺炎 後 昨 先 爆出 兩 人 搭 機 根本 未 穿 防護衣 後 孟加拉 臺灣 商會會長 又 爆 料 兩 人 並非 商會 成員 基於 好心 協助 回台 但 這 對 夫妻 完全 沒 說 在 孟加拉 當地 有 感染 新冠肺炎 讓 整團 成員 現在 都 很 緊張 他 自己 也 不敢 進 辦公室 工作 指揮中心 15 日 公佈 赴 孟加拉 工作 返台 的 夫婦 曾 在 當地 確診 返國 後 再 複 陽 其中 太太 案 445 解釋 沒 二 采 陰 證明 就 搭 機 是 因 當地 病 患 太 多 而 被迫 出院 無法 再次 采 檢 指揮中心 原 考量 兩 人 聲稱 搭 機時 全程 戴 口罩 穿 防護衣 入境 也 主動 通報 傳染給 他人 的 風險 大幅 降低 因此 暫不 開 罰 但 指揮中心 卻 接 獲 民眾 爆 料 兩 位 確診 者 似乎 沒有 像 外傳 的 穿 防護衣 上 飛機 經 調閱 錄 影帶 及 照片 發現 確診 夫婦 有 戴 口罩 但 沒有 穿 防護衣 對此 指揮中心 發言人 莊人祥 表示 若 真 涉及 不實記載 可 開 罰 6萬 到 30萬 元 另 根據 tvbs 報導 同行 的 孟加拉 臺灣 商會會長 透露 兩 人 並非 商會 成員 好心 讓 他們 搭機回 台 卻 都 沒 告知 曾 確診 的 事情 害 整團 成員 現在 都 很 緊張 連 他 自己 也 很 毛 這 幾 天都 沒 辦法 去 上班 按照 臺灣 目前 的 規定 海外 確診 國人 若要 返台 需 符合 兩 條件 一 是從 發病 到 登機 間隔 2 個 月 且 症狀 已 緩解 一 是 必須 二 采 陰 針對 確診 者 雖不 要求 全程 穿 防護衣 但 最好 能 先 告知 航空 公司 才好 安排 座位 讓 機組人員 防範 但 這 兩 人 沒 告知 航空 公司 所幸 機組人員 都 有 穿 隔離 衣</t>
  </si>
  <si>
    <t>國內 新冠 死亡 人數 破 五百 例 至今 還 未 對 任何 一 例 死亡 個案 執行 病理解剖 厘 清 死亡 原因 指揮中心 專家 諮 詢 小組 召集人 張上淳 今天 坦言 過去 sars 時 國內 透過 解剖 的 方式 來 更進一步 瞭解 疾病 死因 這次 因 病 患 發病 太 快 且 散播</t>
  </si>
  <si>
    <t>國內 新冠 死亡 人數 破 五百 例 至今 還 未 對 任何 一 例 死亡 個案 執行 病理解剖 厘 清 死亡 原因 指揮中心 專家 諮 詢 小組 召集人 張上淳 今天 坦言 過去 sars 時 國內 透過 解剖 的 方式 來 更進一步 瞭解 疾病 死因 這次 因 病 患 發病 太 快 且 散播 地點 太 廣 導致 無法 提前 取得 家屬 同意 進行 解剖 瞭解 病情 只能 透過 過去 的 就醫 紀錄 來 推想 張上淳 指出 當年 sars 發生 時 的 第一 例 個案 是 住 在 自己 服務 的 醫院 他 在 病人 的 同意 下 進行 活 體 切片 從 切片 組織 中 找到 病原體 由於 當時 已 經傳 廣東 還有 香港 都有 類似 病人 因此 從 該 切片 中 得到 相當 多 的 治療 資訊 張上淳 表示 這次 雖然 已經 知道 許多 病 患 的 主要 死因 是 新冠肺炎 造成 但 死亡 後 除 感染 外 是否 還 有 其他 問題 最好 還是 要 有 死 後 的 病理切片 或 病理解剖 透過 肉眼 直觀 方式 來 瞭解 病理變化 這 對 直接 死因 的 判斷 很 有 幫助 張上淳 說 這樣 做 要 在 病人 家屬 的 同意 下 才能 進行 初期 病 患 死 得 很 突然 因為 在 不同 醫院 不同 地方 所以 沒 辦法 事先 取得 家屬 同意 來 進行 解剖 特別 是 很多 都 已經 火化 了 所以 現在 能 看到 的 都 是 不 完整 的 資料 很 難 判斷 確切 死因 但 我們 有 去 蒐集 死者 過去 的 就醫 紀錄 可 透過 某種程度 猜想 真正 死亡 原因</t>
  </si>
  <si>
    <t>有關 防疫 交通車 中央 流行 指揮中心 今天 表示 從 明天 起 居家 檢疫 通知書 會 明確 說明 檢疫 者 優先 由 親友 接送 或 自行 駕車 其他 只限 防疫 車隊 方式 如果 違反 搭乘 大眾 運輸 開 罰 10萬 至 100萬 元 罰 額 交通部 次長 祁文中 表示</t>
  </si>
  <si>
    <t>有關 防疫 交通車 中央 流行 指揮中心 今天 表示 從 明天 起 居家 檢疫 通知書 會 明確 說明 檢疫 者 優先 由 親友 接送 或 自行 駕車 其他 只限 防疫 車隊 方式 如果 違反 搭乘 大眾 運輸 開 罰 10萬 至 100萬 元 罰 額 交通部 次長 祁文中 表示 居家 檢疫 者 從 機場 返家 的 交通 方案 已 從 3 月 4 日 開始 實施 由 防疫 車隊 提供 服務 從 明天 起 居家 簡易 通知書 會 明確 說明 檢疫 者 優先 由 親友 接送 或 自行 駕車 其他 只限 搭乘 防疫 車隊 或 自行安排 小 客車 希望 要求 及 戶 如 違反者 有 搭乘 大眾 運輸 情形 會 罰 10萬 元 以上 100萬 元 以下 罰 額 祁 文中說 如果 居家 檢疫 書上 所 陳述 的 返鄉 方式跟 實際 內容 不符 將 罰 1萬 元 以上 15萬 元 以下 罰 鍰 返鄉 方式若 臨時 變更 可去 防疫 車隊 做 變更 登記 返鄉 過程 中 若 有 用餐 需要 各 國際機場 大廳 都有 輕 食 或 簡 餐 檢疫 車隊 服務處 也 有 希望 檢疫 者 能 搭乘 直接 回家 做 居家 檢疫 指揮中心 指揮官 陳時中 表示 居家 檢疫 回家 的 路 交通部 設計 一 套 回家 的 方法 自 11 起 沒 根據 規定 走 會 開 罰</t>
  </si>
  <si>
    <t>國民黨 立 委 林思銘 今天 表示 他 一早 就 接 獲 基層 員 警 反映 中央 疫情 指揮中心 5 月 15 日 宣佈 暫停 預約 接種 新冠肺炎 疫苗 消防 隊員 明明 要 負責 載 送 確診 病 患 屬 一線 防疫 人員 儘管 名列 公費 接種 對象 第二 順位元 但 跑遍 縣 內 各 醫療</t>
  </si>
  <si>
    <t>全國 三級 警戒 至 7 月 12 日 由於 近日 確診 數趨 緩 民眾 預期 解封 日 即將 倒數 臺北 街頭 比起 剛 宣佈 三級 警戒 時 人潮 明顯 變 多 有 網友 po 出 今 30 日 下午 臺北捷運 車廂 滿座 的 照片 驚呼 捷 運 人潮 是不是 已經 自動 解 封 了 照片 曝光 讓 一 堆 人 嚇 傻 怕 爆 指揮中心 上個月 剛 宣佈 全國 三級 警戒 時 包括 信義 商 圈 臺北捷運 等 原本 人來人往 的 公共場所 瞬間 人潮 銳減 宛如 空 城 不料 大家 被 關了 一個 多 月 後 漸漸 鬆懈 加上 近日 確診 數 都 降到 2 位數 且 續創 新低 臺北捷運 人潮 逐漸 回籠 有 網友 在 網路 論壇 ptt 轉貼 一 張 聲稱 是 朋友 今天 拍到 的 照片 詢問 臺北捷運 平日 下午 兩 點 這人 潮 算 多 嗎 指出 這個 時段 應該 算 離 峰 吧 但 根據 朋友 轉述 車上 位置 幾乎 都 坐 滿 很多 人 只 能 站 著 讓 他 好奇 臺北捷運 人潮 是不是 已經 自動 解 封 了 從 照片 中 可見 雖然 車廂 中 乘客 都戴 了 口罩 還有 人 戴 了 護目鏡 或 防護 面罩 不過 確實 兩 排座位 都 被 坐 滿 還有 不少 人 站 著 沒 位子 坐 一眼 望 去 整節 車廂 幾乎 全滿 相較 於 前 幾 周 人煙稀少 的 情景 已 大不相同 照片 曝光 後 讓 眾人 驚訝 網友 紛紛 回應 年輕人 鬆懈 了 就是 二級 日常 解 封穩 了 比 沒 冷氣 的 高雄多 很多 還有 網友 擔心 說 東京 解 封後 確診 又 爬上來 不過 也 有 網友 分析 應該 是 跟 部分 已經 恢復 上班 有關 而且 因為 離 峰 班次 會 變 少 所以 顯得 人 變 多 了 但 也 有人 認為 前一陣子 人 還 很 少 這 星期 真 的 有 明顯 變 多</t>
  </si>
  <si>
    <t>全球 全台 全國 陳時中 指揮中心</t>
  </si>
  <si>
    <t>連三天 說明 維持 0 指揮中心</t>
  </si>
  <si>
    <t>疫情 指揮中心 強調 防疫 新 生活 運動 指揮官 陳時中 今 6 日 表示 中職 可以 從 本月 8 日 週五 起 要 開放 球迷 進場 目前 以 1000 名 球迷 做為 初步 的 規 畫 不過 中職 必須 滿足 指揮中心 規定 的 購票 資訊 實 名 制 進 出動 線 安全</t>
  </si>
  <si>
    <t>臺灣 新冠肺炎 疫情 越來越 嚴峻 影響 層面 擴 及 政治 經濟 觀光 等 幾乎 衝擊 所有 產業 抗 煞 專家 蘇益仁 指出 大陸 全面 佈 局 從 封城 蓋 醫院 等 都 是 為了 儘快 復蘇 做 準備 一旦 四月 疫情 受到 控制 禁令 解除 所有 台商 陸 生就 會 大舉 回來 屆時 恐怕 許多 人 是 輕 症 或是 無 症狀 者 臺灣 為 那天 做 準備 了 嗎 他 認為 兩岸 經貿關係 密切 只 靠 一個 衛福部 就 要 管全國 是 不可能 的 事 防疫 必須 提高 到 國安 層級 才能 減緩 傷害 抗 煞 專家 前 疾 管 局長 蘇益仁 接受 本報 訪問 表示 現在 必須 設 想到 未來 幾 個 月 假設 如 大陸 病毒 專家 鐘南山 所說 預計 廣蓋 更 多 方 艙 醫院 火 神 山 醫院 把 所有 發燒 可疑 病人 隔離 起來 目標 就是 盼 疫情 四月 可以 受到 控制 讓 世界衛生組織 儘快 對 其 取消 旅遊 禁令 接 著 就 能 取消 旅遊 警示 區和 封 城 並 讓 產業 復工 然而 蘇益仁 指出 大陸 目前 對 新冠肺炎 的 管控 採取 的 是 抗 煞 的 經驗 僅 對 有 發燒 有 症狀 者 隔離 但 目前 所知 新冠肺炎 有 需 多 是 輕 症 甚至 是 無 症狀 感染 就算 通通 隔離 也 是 會 有 漏網之魚 當 大陸 解禁 來 台時 屆時 兩岸 來往 的 人 更 多 包含 許久 沒 回來 的 台商 一定 一 解禁 就 急 著 回來 到時 臺灣 是 要 維持 境外 阻絕 政策 嗎 現在 防疫 單位 衛福部 還是 以 保持 零 社區 的 思維 然而 未來 是 全面 政治 經濟 問題 這麼 大 的 格局 不是 防疫 人員 有 辦法 思考 的 蘇益仁 指出 就 像 日前 陸 配子 女 能 不能 回台 陸委會 和 指揮中心 不 同調 政策 一 日 四 變 以及 昨晚 發生 陳時中 先 說 是 社區 感染 後來 又 改口 這種 情形 一再 發生 到底 是 誰 在 主導 顯然 衛福部 的 層級 是 不夠 去 評估 的 若 每次 都 是 後 不 同調 民眾 到底 要 相信 誰 蘇益仁 建議 整體 防疫 應該 提高 到 國安 層級 可以 參考 美國 在 h 1 n 1 流感 大 流行 時 的 經驗 由 美國 cdc 提供 疫情 資訊 給 白宮 再 由 白宮 國安 專家 整體 評估 做出 各項 管控 措施</t>
  </si>
  <si>
    <t>指揮中心 證實 台 駐法 人員 確診 新冠肺炎</t>
  </si>
  <si>
    <t>今 確診 的 案 393 是 案 384 的 家人 但 卻 傳出 案 393 返 台前 航空 公司 完全 不知情 患者 已 被 注 記 被 質疑 有 隱匿 通報 的 嫌疑 指揮中心 今天 回應 案 393 返台 之所以 航空 公司 事前 不知情 是因為 個案 臨時 更改 返台 班機 過程 指揮中心 均</t>
  </si>
  <si>
    <t>案 393 案 384 旅美 夫婦 腹瀉 指揮中心</t>
  </si>
  <si>
    <t>疫情 指揮中心 日前 宣佈 已 接種 高端者 若 有 緊急 出國 需求 可加 打 國際 認可 疫苗 不過 一 名 男子 表示 年初 打 2 劑 高端 後 10 月 又 施打 1 劑 輝瑞 bnt 當時 他 還 高興 地 喊 我 可能 是 全台 灣 甚至 是 全世界 第 一個 打完 2 劑 高端 再</t>
  </si>
  <si>
    <t>昨天 3 29 指揮中心 宣佈 新 增 8 例 新冠肺炎 確診 1 例 本土 7 例 境外 有 7 縣 市 確診 人數 增加 六都 確診 接 增加 其中 新北 市 新增 2 例 最 多 臺北市 桃園 市 台中 市 台 南市 與 高雄市 各 1 例 此外 還 有 新竹 市 增加 1 例 全台 共 累計 30</t>
  </si>
  <si>
    <t>昨天 3 29 指揮中心 宣佈 新 增 8 例 新冠肺炎 確診 1 例 本土 7 例 境外 有 7 縣 市 確診 人數 增加 六都 確診 接 增加 其中 新北 市 新增 2 例 最 多 臺北市 桃園 市 台中 市 台 南市 與 高雄市 各 1 例 此外 還 有 新竹 市 增加 1 例 全台 共 累計 306 例 據 衛福部 疾 管署 公佈 最新 的 確診 案例 地圖 臺北市 最 多 共 84 例 新北 市 72 例 台中 市 33 例 桃園 市 31 例 高雄市 25 例 彰 化 縣 14 例 台 南市 13 例 新竹 市 7 例 屏 東縣 6 例 新竹 縣 和 雲 林縣 4 例 苗栗縣 嘉義 市 與 基隆 市 3 例 南 投 縣 2 例 該 圖 顯示 整個 西 半 部 僅剩 嘉 義縣 一塊 淨土 目前 僅 剩下 6 縣 市 保持 零 確診 分別 是 嘉 義縣 花蓮縣 台 東縣 澎湖縣 金門縣 和 連江縣</t>
  </si>
  <si>
    <t>臺灣 企盼 已久 的 首 批 新冠 疫苗 終於 到手 了 今日 上午 自 韓國 運送 抵 台 的 20萬 劑 astrazeneca 疫苗 按照 疫情 指揮中心 預定 的 時程 將 在 一 周 內 開 打 az 到底 是 何種 類型 的 疫苗 接種 後會 產生 哪些 副作用 第一 二 劑 須 間隔 多久 施</t>
  </si>
  <si>
    <t>因應 武漢肺炎 衝擊 產業 紓困 經濟部 擬提 出 20億 元 的 酷 碰 折扣 抵 用 券 行政院 發言人 kolas 說 抵 用 券 絕對 不是 人人 都 有 的 消費 券 ptt 網友 稱 只 有 817 能 超過 765 時空 背景 不同 啦 行政院 會 今天 討論 因應 武漢肺炎 衝擊 產業 的 紓困 措施 其中 經濟 部 對 內需 型 產業 推出 上 百億 的 紓困 方案 包括 疫情 結束 後 推出 新 台幣 20億 元 的 酷 碰 折扣 抵 用 券 刺激 消費 行政院 發言人 kolas yotaka 谷辣斯 尤 達卡 解釋 抵 用 券 不是 消費 券 而是 民眾 要 搭配 交通部 陸續 推出 的 國民 旅遊 方案 使用 日前 的 夜市 券 就 是 一 種 例子 必須 要能 同時 刺激 住宿 運輸 餐 旅業 的 夜市 商圈 餐廳 抵 用 券 至於 抵 用 券 推出 的 規模 時機 如何 使用 王美花 說 抵 用 券 原先 是 提 20億 元 的 規模 但 因為 整體 特別 預算 才 600億 元 所以 抵 用 券 的 部分 要 細 談後 才 知道 會 提 多少 王美 花 指出 行政院長 蘇貞昌 同意 抵 用 券 的 規劃 會 在 商圈 夜市 餐廳 做 抵 用 券 等到 疫情 緩和 後 推出 由於 目前 還 在 防疫 階段 經濟部 將 會 配合 指揮中心 看 什麼 時機 推出 抵 用 券 讓 民眾 出來 多 消費 王 美 花 也 解釋 抵 用 券 是 消費者 消費 政府 幫 你 折價 的 概念 要 消費 才有 抵 用 方向 是 刺激 未來 更 多 的 消費 等 疫情 緩和 時 政府 將 大力 推動 抵 用 券 王 美 花 進一步 解釋 抵 用 券 不是 面額 的 概念 她 舉例 抵 用 券 比較 像 消費者 去 餐廳 消費 花 了 1000 元 可以 折 抵 100 元或 200 元 折 抵 的 部分 由 政府 負擔 這 是 初步 想法 至於 抵 用 券 是否 會 採取 數位 方式 藉 此 提升 行動 支付 普及 王美花 說 抵 用 券 規劃設計 過程 中 也 有 提出 要 不 要 推廣 綁 定 電子 支付 不過 仍要 考慮 中小型 企業 夜市 商家 的 現實狀況 目前 經濟部 都 還 在 規劃 中 ptt 網友 稱 只 有 817 能 超過 765 時空 背景 不同 啦 馬 蔡 本來 就 差不多 蔡英文 消費 券 是 煙火 政策 那 當初 是 在 罵 幾 點 的 馬英九 不行 英皇 可以 煙粉 又 吃 了 一 記 悶棍 煙粉 表示 真香 吾 媓 萬歲萬 萬歲</t>
  </si>
  <si>
    <t>全國 疫情 指揮中心 副 指揮官 陳宗彥 今天 證實 今天 會 有 一 批 疫苗 抵達 這 批 疫苗 約 24萬 劑 因為 還 在 飛行 途中 預計 下午 4 點 左右 抵 台 這 批 疫苗 效期 是 今年 12 月 15 日 目前 傳出 先 有 24萬 劑 的 莫德納 就 在 今天下午 會 抵達 臺灣</t>
  </si>
  <si>
    <t>全國 疫情 指揮中心 副 指揮官 陳宗彥 今天 證實 今天 會 有 一 批 疫苗 抵達 這 批 疫苗 約 24萬 劑 因為 還 在 飛行 途中 預計 下午 4 點 左右 抵 台 這 批 疫苗 效期 是 今年 12 月 15 日 目前 傳出 先 有 24萬 劑 的 莫德納 就 在 今天下午 會 抵達 臺灣 且 下 一 批 41萬 劑 而 美國 捐贈 的 75萬 劑 疫苗 也 是 莫德納 可望 在 月底 前 送達 因此 未來 兩 周內 陸續 將 再 有 140萬 劑 疫苗 抵 台</t>
  </si>
  <si>
    <t>指揮中心 指出 傳統 市場 恐是 最 大 的 防疫 破 口 嘉義 市 基隆 市 高雄市 呼籲 民眾 采 身分 證 字型大小 單 雙號 分流 購物 對於 新北 市 是否 跟進 市長 侯友宜 今 受訪 表示 每個 市場 動 線 經營方式 場 域 都 不 一樣 不管 是 身分 證 門牌號碼</t>
  </si>
  <si>
    <t>指揮中心 指出 傳統 市場 恐是 最 大 的 防疫 破 口 嘉義 市 基隆 市 高雄市 呼籲 民眾 采 身分 證 字型大小 單 雙號 分流 購物 對於 新北 市 是否 跟進 市長 侯友宜 今 受訪 表示 每個 市場 動 線 經營方式 場 域 都 不 一樣 不管 是 身分 證 門牌號碼 還 是 其他 方式 能夠 落實 才是 最 重要 的 侯友宜 說 新北 市 168 個 傳統 市場 均 由 自治 會 訂 定 各 別的 管制 作業 方式 如果 沒有 辦法 做 到 就 停業 用 任何 方式 分流管 控 都是好 方法 大家 一起 來 就 現場 狀況 做 最好 的 分流 管制 做 不好 就 停業</t>
  </si>
  <si>
    <t>臺灣 新冠 疫情 延 燒 立 法院 預定 5 月 31 日 針對 紓困 條例 進行 修法 審查 如果 順利 通過 第一 波 紓困 資金 在 6 月 4 日 就 可以 緊急 入 帳 其中 企業 薪資 補貼 2萬 為 上限 做 補助 對此 綠 委 陳明文 加碼 呼籲 政府 針對 受 薪 階級 與 勞工 每人 每月 發放 1萬 元 連續 發放 3 個 月 減緩 疫情 對 民間 的 衝擊 陳明文 昨 27 日 在 臉書 發文 表示 他 希望 政府 直接 發放 現金 幫助 人民 度過 這 一 次 的 疫情 新冠肺炎 肆虐 全國 的 疫情 越來越 嚴重 自己 的 服務處 接到 很多 鄉親 的 陳情 包括 勞工 朋友 小吃店 攤 商 餐飲業者 遊覽車 司機 受 創 產業 員工 等 各行各業 他們 表示 目前 的 三級 防疫 狀態 已經 讓 他們 的 生活 遇到困難 為了 協助 民眾 度過 幾乎 沒有 收入 的 狀態 陳明文 呼籲 行政院 趕快 啟動 紓困 補助 機制 針對 受 薪 階級 與 勞工 每人 每月 發放 1萬 元 連續 發放 3 個 月 減緩 疫情 對 民間 的 衝擊 讓 大家可以 安心 在家 配合 政府 的 防疫 工作 最後 陳明文 呼籲 嘉義 鄉親 沒事 少 出門 出門 工作 務必 要 戴 口罩 遵守 指揮中心 的 防疫 規範 一起 度過 這 一 波 的 疫情 因應 疫情 嚴峻 國發 會 昨 于 行政院 會 報告 紓困 40 初步 原則 及 方向 行政院長 蘇貞昌 拍板 補助 3 大原 則 包括 個人 加快 產業 加強 貸款 加碼 除 受 影響 產業 營業 減免 企業 薪資 補貼 2萬 元 勞工 紓困 貸款 最高 10萬 元 外 比照 去年 針對 個人 紓困 措施 自營 工作者 3萬 元 中低收入 戶 加碼 4500 元 國發 會 主委 龔明鑫 表示 若 在 31 日 完成 三 讀 部分 相關 補助 及 津貼 最 快 可望 在 6 月 4 日 起 發放</t>
  </si>
  <si>
    <t>臺灣 新冠肺炎 疫情 趨 緩 疫情 指揮中心 擬 在 6 月 7 日 擴大 解禁 不少 境外 生 關注 何時 也 能 解禁 進入 臺灣 教育部長 潘文忠 今天 表示 最 快 這周 就 會 由 行政院 召開 跨 部會 會議 做出 評估 目前 教育部 提出 境外 生 回台 相關 規 畫 對於 國外</t>
  </si>
  <si>
    <t>臺灣 新冠肺炎 疫情 趨 緩 疫情 指揮中心 擬 在 6 月 7 日 擴大 解禁 不少 境外 生 關注 何時 也 能 解禁 進入 臺灣 教育部長 潘文忠 今天 表示 最 快 這周 就 會 由 行政院 召開 跨 部會 會議 做出 評估 目前 教育部 提出 境外 生 回台 相關 規 畫 對於 國外 疫情 做 評估 後續 境外 生 入 台 時程 采 分批 安排 但 仍 待 跨 部會 討論 後 作 最後 決定 潘文忠 指出 目前 境外 生 共計 13萬 人 接 獲 有 學校 反映 應屆 畢業生 回 不 回 等 問題 但 他 強調 臺灣 防疫 陣線 做 得 相當 謹慎 所以 才能 守 住 這個 成果 各國 疫情 及 防疫 作為 不同 目前 全球 多國 仍 處於 疫情 高峰 我們 必須 需 戰戰兢兢 小心 因應 他 說 疫情 發生 後 就 啟動 安心 就學 給予 境外 生 最 大 彈性 接下來 何時 解禁 預計 這周 就 會 針對 全球 疫情 研 判 進一步 做出 討論 至於 今年 香港 因為 反 送 中 通過 國安法 政治 因素 申請 到 臺灣 讀書 同 學 成 長 6 成 教育部 目前 會 請 各 大學 支持 外加 名額 也 會 評估 各 校 需求 從 原有 的 1 提高 支持 願意 到 臺灣 求學 的 學生</t>
  </si>
  <si>
    <t>疫情 指揮中心 日前 證實 國內 有 3 個 批號 共 7萬 劑 的 莫德納 疫苗 即將 在 8 月 6 日 到期 又 以北 市 1萬 多 劑 最 多 如 各縣 市政府 尚未 安排 接種 計 畫 將 在 本月 28 日前 收回 提供 教師 等 第 7 類 專案 物件 接種 陳時中 今天 強調 經過 一 天和</t>
  </si>
  <si>
    <t>疫情 指揮中心 日前 證實 國內 有 3 個 批號 共 7萬 劑 的 莫德納 疫苗 即將 在 8 月 6 日 到期 又 以北 市 1萬 多 劑 最 多 如 各縣 市政府 尚未 安排 接種 計 畫 將 在 本月 28 日前 收回 提供 教師 等 第 7 類 專案 物件 接種 陳時中 今天 強調 經過 一 天和 地方 政府 確認 都 掛 保證 一定 會 在 效期 內 用 完 因此 不 會 隨意 介入 回收 等 地方 真的 打 不 完 再來 啟動 備案 剩下 七萬 默德納 疫苗 日前 指揮中心 發言人 莊人祥 表示 指揮中心 預計 在 7 月 28 日前 將 各縣市 尚未 安排 施打計 畫 的 量 收回 至 中央 供 教師 等 第 7 類 專案 物件 接種 屆時 收回 多少 即期 疫苗 就 會 再 配送 相同 分量 的 新 疫苗 提供 地方 政府 為 公費 物件 及 第二 劑 接種 使用 今天 包含 診所 醫師 林應然 在內 呼籲 不要 再 回收 因為 疫苗 運送 過程 中 恐怕 會 壞 掉 建議 直接 讓 醫護人員 可以 混打 或是 比照 一 到 三類 人員 間隔 28 天 就 接種 來 解 套 陳時中 今天 表示 讓 剩 餘 的 疫苗 放到 過期 是 不 被 允許 的 需要 有 完整 規劃 以防萬一 因 此 昨天 一 天和 地方 政府 再三 確認 地方 都 回報 說 一定 會 積極 催促 接種 且 保證 會 在 效期 把 原本 納入計畫 中的 物件 都 打完 陳時中 說 地方 政府 都 有 完整 計畫 我們 也 再三 確認 也 確認 超過 一 周 大家 都 可以 在 比較 近 的 時間 算 比較清楚 在 可以 打得 完 的 情況 下 不用 啟動 備用 計 畫 但 我們 還 是 每天 都 會 維持 密切 聯繫 一 但 計 畫 和 他們 計畫 不同 需要 中央 來 消化 使用 以免 過期 我們 就 會 啟動 備用 計 畫 至於 備案 是 什麼 陳時中 說 就 是 一直 問 天天 問 隨時 盤點 地方 是否 有 按照 計畫 進行 他 也 坦言 疫苗 不會 無緣無故 收回 也 要 避免 移動 疫苗 才 不 會 報銷 所以 需要 中央 地方 合作 每天 問 看 需要 什麼 幫忙</t>
  </si>
  <si>
    <t>指揮中心 日前 宣佈 明年 1 月 1 日 起 全國 26 種 從業人員 須 完成 兩劑 疫苗 接種 遭 民眾 反應 政策 太 倉促 指揮中心 發言人 莊人祥 表示 本次 規範 的 類別 都 是 我國 自 三級 降為 二級 時就 有 訂 出 的 複業 指引 當初 就 有 規範 第一 劑 疫苗 接</t>
  </si>
  <si>
    <t>指揮中心 日前 宣佈 明年 1 月 1 日 起 全國 26 種 從業人員 須 完成 兩劑 疫苗 接種 遭 民眾 反應 政策 太 倉促 指揮中心 發言人 莊人祥 表示 本次 規範 的 類別 都 是 我國 自 三級 降為 二級 時就 有 訂 出 的 複業 指引 當初 就 有 規範 第一 劑 疫苗 接種 須達 六 至 八成 認為 在 一定 基礎 上 要 達標 較為 容易 而非 倉促 拍板 莊 人 祥 表示 目前 全國 疫苗 接種 覆蓋率 第二 劑 已 突破 六 成 加上 先前 開放 的 24 類人 員 都 是從 三級 降到 二級 準備 複業 時 就 有 提出 指引 要求 至少 接種 一 劑 疫苗 達 6 至 8 成 才能 復工 若 沒有 則 必須 每 3 到 7 天 進行 一 次 采 檢 因此 有 一定 的 基礎 所以 才 決定 要 在 元旦 來 實施 莊 人 祥 說 而 昨天 新增 的 一二三七 類 以及 殯葬 監所 的 部分 這類 人員 的 第一 劑 與 第二 劑 涵蓋 率 都 非常 高 超過 九 成 也 是 目前 認為 在 現有 基礎 上 比較 容易 達標 的 族群 才會選擇 來 實施 並非 倉促 實施</t>
  </si>
  <si>
    <t>中央 疫情 流行 指揮中心 24 日 公佈 國內 新增 新冠肺炎 本土 確診 病例 校正 回歸 部分 苗栗縣 出現 2 例 確 症 其中 案 4905 住 在 三灣鄉 近期 並 無 出 國史 5 月 20 日 發現 身體 不適 連續 3 日 都 未 外出 23 日 確診 案 4906 則 住 在 造橋 是 一 名</t>
  </si>
  <si>
    <t>中央 疫情 流行 指揮中心 24 日 公佈 國內 新增 新冠肺炎 本土 確診 病例 校正 回歸 部分 苗栗縣 出現 2 例 確 症 其中 案 4905 住 在 三灣鄉 近期 並 無 出 國史 5 月 20 日 發現 身體 不適 連續 3 日 都 未 外出 23 日 確診 案 4906 則 住 在 造橋 是 一 名 業務員 有 萬 華 活動 史 曾 自行 開車 前往 桃園 宜蘭 等 地 拜訪 客戶 21 日 就醫 急診 後 23 日 確診 衛生局 已 匡列 接觸 者 共 14 人 實施 居家 隔離 中 中央 疫情 流行 指揮中心 24 日 所 公佈 本土 確診 病例 校正 回歸 中 苗 栗 新增 2 例 案 4905 是 53 歲 男性 家 住 三 灣 同 住 有 10 名 家人 目前 縣府 衛生局 所 公佈 的 疫 調 足跡 非當 簡單 僅指 他 於 5 月 17 日 至 19 日間 除 上班 外 未 外出 5 月 20 日 至 22 日 因 身體 不適 未 外出 23 日 上午 10 點 至 1 點 30 分 曾赴永 和 山 水庫 散步 全程 都有 配戴 口罩 案 4906 則 是 63 歲 男性 4 名 家人 同 住 從 5 月 18 日 起至 20 日 止 曾 自行 開車 分別 至 桃園 南 崁 桃園 觀音 宜蘭 冬山 等 3 地 拜訪 客戶 21 日 因 身體 不適 赴 苗栗某 醫院 急診 22 日 在家 未 門 23 日 確診 衛生局 獲 報 立即 啟動 疫 調 采 檢 及 清 消 等 防疫 工作 並 安排 確診 者 進入 醫院 負 壓 病房 收治 中 目前 已 掌握 同 住 接觸 者 共 14 人 都予 居家 隔離 及 采 檢 中 其 餘 接觸 者 及 足跡 正 擴大 調查 中</t>
  </si>
  <si>
    <t>新冠肺炎 疫情 於 全球 延 燒 針對 即 將 陸續 召開 的 公司 股東會 金管會 指示 集 保 結算 所 制訂 開會 防疫 指引 集 保 調查 指引 公告 後 召開 股東 常會 或 臨時 會 的 公司 均 未 出現 發燒 股東 親自 出席 多數 股東 均 采 電子 投票 表達意見 對 此 呼籲 加強 宣導 股東 以 電子 投票 行使 參與 權 防疫 指引 規定 若 發現 體溫 過 高 股東 股東會 現場 應 設置 隔離 區 讓 發燒 股東 可 在 隔離 區內 行使 發言 及 表決權 不過 因應 疫情 持續 嚴峻 指揮中心 呼籲 管制 措施 趨 嚴 據 瞭解 集 保 已 對此 進行 滾 動式 檢討 向 金管會 討論 是否 調整 指引 相關 措施 但 目前 尚未 定案 據 證 交 法規 定 目前 約 1950 家 上市 上櫃 及 興 櫃 公司 需 在 6 月底 前 召開 股東 常會 為 降低 群 聚 感染 風險 集 保 3 月 4 日 邀集 股 務 協會 股 務 代理 機構 上市 公司 代表 及 證券 周邊 單位 等 共同 研議 制定 因應 防疫 召開 股東會 之 作業 指引並於 3 月 16 日 公告 集 保 統計 上述 防疫 指引 公告 後 在 3 月底 前 已 召開 股東 常會 或 臨時 會 的 公司 均 配合 防疫 政策 量 測 現場 出席 股東 體溫 並 請 股東 全程 配戴 口罩 等 措施 多數 股東 均 采 電子 投票 表達意見 僅 零星 少數 股東 親自 出席 且 未 遇到 發燒 股東 親自 出席 情形 發生 集 保以 3 月 下旬 某 上市 公司 租借 飯店 召開 股東 常會 為 例 指出 親自 出席 股東 需 由 飯店 人員 量 測體溫 消毒 手部 才能 進場 報到 前 由 公司 人員 再次 量 測體溫 為 有效 控制 室內 座位 距離 至少 保持 1 公尺 不 超過 100 人 以上 集會 會場 座位 采 梅花座 排列 及 設置 備用 會場 因應 隨 著 股東會 旺季 來臨 56 月 將 有 越來越 多 公司 召開 股東 常會 集 保 表示 將 持續 透過 不同 管道 向 投資 大眾 宣 導 採用 電子 投票 出席 不 親臨現場 也 能 表達意見 保障 股東 權利 且 避免 被 感染 風險 是 防範 疫情 並 維護 股東 參與 會議 權利 的 最佳 方式</t>
  </si>
  <si>
    <t>春節 國人 返台 檢疫 規範 有望 再 放寬 衛福 部長 陳時中 今天 透露 由於 防疫 旅館 數量 不足 等 多重 因素 擬將 10 4 的 檢疫 方案 改 為 7 7 最 快 本 周 就 會 宣佈 否則 會 來不及 由於 春節 期間 返台 人數 眾多 指揮中心 估計 今年 返台 人數 將</t>
  </si>
  <si>
    <t>春節 國人 返台 檢疫 規範 有望 再 放寬 衛福 部長 陳時中 今天 透露 由於 防疫 旅館 數量 不足 等 多重 因素 擬將 10 4 的 檢疫 方案 改 為 7 7 最 快 本 周 就 會 宣佈 否則 會 來不及 由於 春節 期間 返台 人數 眾多 指揮中心 估計 今年 返台 人數 將 超過 4萬 人 但 防疫 旅館 數量 仍然 跟不上 按照 陳時中 估算 目前 加上 集中 檢疫所 最 多 只 能開 出 3萬5000 間 的 量 能 遠遠 不及 有 需求 的 民眾 為 因應 龐大 的 返台 人潮 指揮中心 日前 宣佈 可讓 國人 改 采 10 4 的 居家 檢疫 模式 入住 防疫 旅館 第 10 天 若 采 檢 結果 為 陰性 即可 返家 但 效果 不 彰 引發 地方 抱怨 執行 面 窒礙難行 今 陳時中 則 再 透露 考慮 改 為 7 7 但 相關 配套 還 再 討論 目前 尚未 定案 至於 何時 會 宣佈 陳時中 說 本週一 定會 說明 否則 再 晚 也 來不及 指揮中心 的 原則 是 14 天 檢疫 不能 鬆綁 但 地點 上 可以 來 討論 因此 研議 7 7 的檢疫 方案 陳時中 補充 7 7 的 檢疫 還有 一些 配套措施 待 討論 因此 確定 今天下午 不 會 宣佈 只是 證實 現在 有 這 一些 討論</t>
  </si>
  <si>
    <t>臺北市 長 柯文哲 與 中央 疫情 指揮中心 指揮官 陳時中 為了 是否 公佈 病例 地點 屢次 隔 空 交火 柯還 曾 酸 現在 都 要 順 時 中 別 逆 時 中 如今 北市 的 防疫 旅館 地點 卻 不 公開 柯 4 日 受訪 表示 這不 是 只有 我們 片面 決定 這個 就 真 的 只</t>
  </si>
  <si>
    <t>臺北市 長 柯文哲 與 中央 疫情 指揮中心 指揮官 陳時中 為了 是否 公佈 病例 地點 屢次 隔 空 交火 柯還 曾 酸 現在 都 要 順 時 中 別 逆 時 中 如今 北市 的 防疫 旅館 地點 卻 不 公開 柯 4 日 受訪 表示 這不 是 只有 我們 片面 決定 這個 就 真的 只好 順 時 中 了 柯文哲 表示 防疫 旅館 是 中央 的 計畫 北市 是 承辦 單位 北市 還 是 資源 比較豐富 所以 會 先 做 出來 寫 sop 據 他 所知 有 9 個 縣 市 都 跟進 所以 這 是 整個 臺灣 的 計畫 北市 只 是 一個 承辦 單位 負責 寫 sop 然後 全 臺灣 有 9 個 縣 市 跟進 這 就 不是 只 有 他 片面 決定 這個 就 真的 只好 順 時中 了 柯 強調 系統 要 嘛 就 一致 要 嘛 就 全部 公開 要 嘛 就 不要 現在 已 有 9 個 縣 市 依照 這個 速度 應該 全 臺灣 都會 建立 總 不能 北市 公開 其他 都 不 公開 像 這種 事情 就要 全部 一致 按照 中央 的 規定 處理 媒體 詢問 那陽明 山 防疫 所 是否 公開 柯說 其實 他 從頭到尾 都 主張 公開 但 如果 到 現在 為止 中央 的 政策 是 不 想 那麼 透明 那 這樣 他 就 不 要 自己 搞 自己</t>
  </si>
  <si>
    <t>新冠肺炎 疫情 延 燒 中 前 國民黨 副 秘書長 蔡正元 上午 在 臉書 發文 指 臺北市政府 最 應在 全台 防疫 工作 發揮 領導 作用 急診 醫師 出身 的 臺北市 長 柯文哲 也 應比 牙醫 出身 的 疫情 指揮中心 指揮官 陳時中 更 懂 如何 準備 卻 連 演練 都 不</t>
  </si>
  <si>
    <t>台語金 曲 歌後 李愛綺 與 外籍 老公 duke 結婚 13 年 育 有 1 子 1 女 近年來 她 與 從事 健身運動 事業 的 老公 一同 合 開 複合式 健身房 豈料 受到 疫情 影響 損失 嚴重 加上 昨 雙 北市 宣佈 防疫 警戒 提升 至 第 3 級 健身房 遊藝場 所 等 休閒 娛樂場所 應 關閉 李愛綺 緊急通知 上課 的 學員 們 健身房 已 暫停營業 不要 到場 撲空 李愛綺 表示 健身房 將 暫停營業 至 28 日 至於 後續 開業 狀況 她 說 一切 依照 指揮中心 配合 政府 法令 規定 她 與 老公 已 熬 過 去年 疫情 難關 希望 今年 順利 度過 憶起 去年 受到 疫情 影響 3 個 月 慘 賠 3百萬 元 十分 無奈 對於 今年 的 損失 她 語 帶 保留 說 目前 剛 開始 損失 還 無法 估計 但 他們 健身房 去年 因 疫情 影響 1 個 月 約 損失 1百萬 現在 健身房 先 暫停 2 周 粗估 損失 50萬 元 李愛綺 與 老公 用心 經營 健身房 業績 穩定 卻 因為 疫情 減少 許多 客流量 她 呼籲 希望 政府 之 後 可以 有 紓困 振興 或 補助 方案 協助 運動 產業 度過難關</t>
  </si>
  <si>
    <t>新冠肺炎 若 進入 社區 傳播 如何 找 出 輕 症 或 無 症狀 患者 將 決定 疫情 傳播 速度 專家學者 表示 目前 國內 尚無 快 篩 無法 進行 全面 普 篩 但 可 重點 區域 防護 如 進入 總統府 或 進 醫院 的 人 可先 做 pcr 聚合 酶 連鎖反應 等 兩 天 拿到 結果 後 才可 進出 另 有 醫師 建議 醫院 篩檢 量 能 若 足夠 可 考慮 開放 自費 篩檢 讓 自覺 有 疑慮 但 又 不符 通報 篩檢 民眾 自費 篩檢 藉 此 多 找 出 輕 症 病 患 消弭 民眾 憂心 染病 恐慌 三 總 內科 部 主治醫師 張峰義 指出 最近 海外 臺灣人 都 擠 回來 有人 可能 旅途 勞累 出現 不適 症狀 有些 人 很 擔心 陸續 到 醫院 想 自費 篩檢 但 相關 單位 對 這 部分 無 進一步 規定 如 自費 要 多少 錢 可 刷 健 保卡 收 診察費 嗎 各 醫院 無所適從 做法 差異 很 大 目前 醫院 篩檢 量 能 若 足夠 建議 開放 自費 篩檢 除 可 消弭 心理 恐慌 也 可 多 找 出 一些 輕 症 專家建議 重點 區域防護 台 大 麻醉 科 教授 王明钜 表示 現在 對 國外 回來 的 民眾 還 可用 旅遊 史 做 篩檢 判別 條件 但 14 天 後 入境者 變 很 少 居家 檢疫 民眾 也 可 出來 活動 屆時 拿 什麼 做為 篩檢 初 判 條件 要 將 輕 症 篩選 出來 快 篩 是 重要 工具 但 目前 國內 尚無 屆時 還 是 只 能 做 pcr 王明钜 說 在 篩檢 量 能 有限 前提 下 可以 將 篩檢 放在 重點 區域 上 例如 總統府 很 重要 進出 的 人 都 要 先 做 篩檢 等 拿到 報告 後 再 進入 醫院 也 是 這樣 就 可 避免 院內 感染 的 事 發生 疫情 中心 回應 暫不 考慮 對 現階段 是否 開放 自費 篩檢 疫情 指揮中心 疫情 監測 組組長 周志浩 表示 目前 國內 一 天 最 多 可 篩檢 3200 件 檢 體 昨日 單日 篩檢 了 1400 個人 雖然 檢驗 量 能 還有 餘 但 仍 在 擴充 篩檢 物件 中 有些 人 1 人 需 采 檢 2 次 有些 則 采 檢 1 次 現階段 資源 仍 應 留給 風險 高者 暫 未 考慮 開放 自費 采 檢</t>
  </si>
  <si>
    <t>臺灣 14 日 暴 增 180 例 本土 病例 指揮中心 緊急 宣佈 雙北 地區 升到 第 3 級 警戒 不少 名人 也 呼籲 大家 戴好 口罩 沒事 少 出門 不過 仍 有人 不 遵守 讓 網 紅 潔 哥 相當 憤怒 提出 一新 政策 防堵 那些 仍 不 戴 口罩 的 人 讓 網友 都贊 爆 潔</t>
  </si>
  <si>
    <t>臺灣 14 日 暴 增 180 例 本土 病例 指揮中心 緊急 宣佈 雙北 地區 升到 第 3 級 警戒 不少 名人 也 呼籲 大家 戴好 口罩 沒事 少 出門 不過 仍 有人 不 遵守 讓 網 紅 潔 哥 相當 憤怒 提出 一新 政策 防堵 那些 仍 不 戴 口罩 的 人 讓 網友 都贊 爆 潔 哥 先是 在 臉書 曬 出 戴著 口罩 的 自拍照 接 著 開始 抱怨 還是 有 許多 路人 不 戴 口罩 讓 她 忍不住 建議 接下來 我 希望 政府 可以 推行 一個 政策 只要 是 走 在 路上 看到 有人 沒 戴 口罩 任何 路人 都 可以 拿 拖鞋 往 他們 頭上 貓 打 下去 然後 說 幹 防疫 啦 這樣 她 相信 這 一些 白 目的 人 被 多 貓 打 幾 次 口罩 就 會 戴好 戴滿 了 此話 一 出 立刻 引起 上萬 網友 按 贊 表示 認同 與 支持 真的 還 一 堆 人 不 戴 口罩 出門 看 了 很 生氣 這個 提議 好 欸 磨拳擦掌 中 每次 看到 真的 超想 貓 下去 太 實用 的 政策 還有 那些 口罩 外層 都 已經 起 毛 球 還 不 丟 的 潔 哥 也 補充 說明 有些 人 罰 錢 可能 還 不怕 直接 打下 去 可能 成效 比較 佳 網 紅 鬼 才 阿水 也 附和 我 今天 早 上回 新竹 家 才 遇到 我們 社區 的 長輩 完全 不 戴 口罩 也 不 把 疫情 當一回事 語氣 相當 無奈 雙 北 目前 規定 外出 全程 戴 口罩 新北 市長 侯友宜 也 表示 若 有 民眾 違反 相關 規定 他 相信 中央會 公佈 相關 罰 則 希望 民眾 自發 配合 他 也 會 不斷 派 人 稽查 若 規勸 不 聽 該 罰 救 罰</t>
  </si>
  <si>
    <t>日本 贈送 的 124萬 劑 az astrazeneca 疫苗 日前 開 打 連日來 已 傳出 多 例 接種 後 死亡 事件 國民黨 立 委 陳以信 指出 這 五 天 累計 死亡 通報 數 是 65 例 除 下來 發現 最近 五 天 打 az 後 的 死亡 通報 率 高達 百 萬分 之 105 已經 突破 萬分 之一 這麼 高 的 長者 死亡率 cdc 指揮中心 還 要 繼續 鼓吹 長者 打 az 嗎 陳 以 信 表示 現在 美國 贈送 250萬 劑 莫德納 疫苗 我們 非常感謝 美國 的 愛心 對 臺灣 太 有 幫助 但是 現在 長者 施打 az 疫苗 死亡 通報 率 這麼 高 cdc 應該 認真 考慮 長者 是否 應即 停 打 az 和 孕婦 產婦 一樣 改 打 莫德納 疫苗 陳 以 信 建議 az 留給 年輕人 來 打 這樣 才能 增加 國人 存活率 不是 嗎 陳 以 信 指出 從 6 月 15 日 開 打的 az 疫苗 到 昨天 6 月 19 日 為止 施打 人數 是 470951 人 四 天內 的 死亡 通報 數 是 47 例 死亡 通報 率 是 百 萬分 之 99 點 7 幾乎 達到 萬分 之一 今天 下午 兩 點 所 公佈 最新 資料 昨天 確診 者 有 11 例 死亡 打 az 疫苗 後 卻 新增 18 例 死亡 通報 沒 想到 打 疫苗 後 死亡 的 人數 竟 比 確診 後 死亡 的 人數 還要 多 陳 以 信 直言 人命關天 請 cdc 根據 真實 資料 結果 儘快 調整 施打 疫苗 順序 才能 挽救 更 多 長者 寶貴 性命</t>
  </si>
  <si>
    <t>臺北市 某 診所 遭 爆 8 日 深夜 違規 替 不符 資格 者 施打 az 疫苗 北 市政府 昨 9 對 診所 重罰 200萬 元 並 終止 合約 市長 柯文哲 坦言 管控 有 問題 在 記者會 現場 認錯 並 將 案件 送 政風 處 調查 此事 也 引發 綠 營 群起 撻 伐 藥師 林士峰 認為 此事 凸顯 了 政府 疫苗 採購 不力 與 政治 操作 兩 大關 鍵 在 大 動作 攻擊 政敵 的 同時 都 不怕 火燒 到 自己 林 士 峰 昨日 在 臉書 發文 表示 他 看到 臺北市 診所 偷打 疫苗 新聞 的 時候 其實 他 還 滿佩服 民進黨團 的 操作 畢竟 享 特權 的確 一向 讓 人 深惡痛絕 特別 是 現在 大部分 民眾 對 疫苗 抱 持 引 頸 期盼 的 態度 才 會 出現 是不是 有人 偷打 疫苗 的 質疑 對此 林士峰 指出 兩 大關 鍵 第一 這個 消息 不 就 是 突顯 了 臺灣 疫苗 嚴重不足 的 問題 嗎 買 疫苗 在 世界 各國 都 是 國家 的 事 追根 究 柢 是 政府 疫苗 採購 不力 才會 衍生 出 這些 亂象 結果 我們 執政黨 不 好好 檢討 就 算了 還 從 這 件 事情 衍生 出 的 問題 大 動作 去 攻擊 政敵 做 政治 操作 都 不怕 火燒 到 自己 第二 派發 疫苗 到 臺北市 的 診所 指揮中心 就 有 資料 如果 診所 敢 未 依 指示 只 打 前 三類 的 人員 施打 肯定 會 受罰 的 在 事件 還 沒 明朗 前 新聞 倒是 鬧 得 挺 大 的 此文 一 出 引發 網路 熱 議 留言 數 高達 近 300 則 網友 紛紛 回應 綠 營 想 轉移 注意力 結果 最後 結論 又 回到 疫苗 不足 可以 轉移 執政黨 防疫 不力 焦點 當然 集 全黨 之 力 往 死 裡 打 囉 如果 疫苗 充足 現在 就 沒有 偷 打的 顧慮 了 看 到 現在 真的 覺得 心 累 原本 以為 臺灣 的 環境 再 糟 也 就 這些 年 的 穀底 最壞 也 就 這樣 這 一 次 的 疫情 讓 我 覺得 有能力 還 是 自我 求生 吧</t>
  </si>
  <si>
    <t>中央 疫情 指揮中心 今天 公佈 國內 323 例 新冠肺炎 確診 病例 另 有 400 例 本土 個案 為 校正 回歸 上周 各 日 個案 藍委 陳玉珍 痛 批 真的 是 有 政府 會 作 帳 人民 將 對 政府 公佈 資料 的 公信力 失去 信心 國民黨 文傳 會 副 主委 鄭照新 開 酸 這</t>
  </si>
  <si>
    <t>打完 莫德納 後 竟 重度 中風 新北 市 一 名 66 歲 李姓 男子 7 月 14 日 接種 莫德納 疫苗 後 臉色 發白 頭暈 隔 天 出現 心絞痛 瞳孔 放大 緊急 送醫 李男 妻子 表示 醫師 診斷 先生 已經 是 重度 中風 狀態 一個 月 過去 後 情況 仍未 好轉 癱瘓 在 床 每個 月 看護 費近 10萬 元 過去 先生 身體 一直 很 健康 希望 厘 清 病因 據 東森 新聞 報導 李男 妻子 表示 66 歲 的 先生 7 月 14 日 接種 莫德納 當天 出現 頭暈 臉色 發白 的 症狀 15 日 狀況 持續 惡化 開始 心絞痛 瞳孔 放大 嚇 得 趕緊 將 先生 送醫 並 緊急 開刀 住 進 加 護 病房 1 個 月 過去 後 先生 病情 仍未 好轉 全身 接近 癱瘓 醫師 也 判定 是 重度 中風 讓 李男 妻子 懷疑 跟 接種 莫德納 有關 李男 妻子 表示 先生 一直 以來 身體 都 很 健康 只有 輕微 高血壓 曾經 小 中風 住院 但 恢復 良好 每天 到 公園 散步 40 分鐘 如今 先生 癱瘓 後 每天 看護 費 2700 元 一個 月 費用 近 10萬 元 長期 下來 負擔 很 重 不是 我 負擔 不 起 是 很多 人 都 負擔 不 起 將 去 申請 預防接種 受害 救濟 並 厘 清 病因 根據 指揮中心 統計 國內 疫苗 不良反應 通報 資料 顯示 截至 8 月 25 日 止 共 接 獲 51 件 疑 似 tts 血栓 合併 血小板 低下 通報 案件 有 48 件 是 接種 az 疫苗 3 件 是 接種 莫德納 其中 22 名 男性 29 名 女性 年齡 介於 22 到 95 歲 之間 發病 時間 是 接種 疫苗 後 1 天 至 51 天 其中 有 7 例 死亡</t>
  </si>
  <si>
    <t>教育部 為 因應 嚴重 特殊 傳染性 肺炎 疫情 統一 配發 一般 醫用 口罩 予 各縣市 供 短期 補習班 及 課 照 中心 使用 台中 市 目前 獲 配發 2660 盒 一般 醫用 口罩 並 將 依 教育部 所 定 發放 原則 一 班一 盒 進行 發放 台中市政府 教育局 與 疫情 指揮中心</t>
  </si>
  <si>
    <t>教育部 為 因應 嚴重 特殊 傳染性 肺炎 疫情 統一 配發 一般 醫用 口罩 予 各縣市 供 短期 補習班 及 課 照 中心 使用 台中 市 目前 獲 配發 2660 盒 一般 醫用 口罩 並 將 依 教育部 所 定 發放 原則 一 班一 盒 進行 發放 台中市政府 教育局 與 疫情 指揮中心 提醒 各 補習班 及 課 照 中心 妥善 運用 防疫 物資 台中市政府 表示 全市 補習班 及 課 照 中心 家數 3000 餘 家 依 目前 獲 配 數量 仍 不足 每家 一 盒 依 教育部 配發 原則 以 招收 物件 為 國小 國中 高中學生 的 補習班 為 優先 發放 對象 並於 20 日 于陽明 大樓 5 樓 大禮堂 進行 第一 階段 的 發放 相關 內容 已 公告 於 教育局 https www tc edu tw 及 短期 補習班 資訊 管理 系統 網站 台中 市 政府 相關 公告 https bsb kh edu tw 教育局 指出 為 能 即時 周延 與 順利 將 物資 發放 給 補習班 課 照 中心 日前 已 邀集 台中 市 補習教育 暨 品 保 協會 理事長 楊佳睿 台中 市 補習班 品 保 協會 理事長 陳協鴻 及 台中 市 輔助 教育 協會 理事長 林育椿 等 商談 細節 3 位 理事長 表 持續 支持 並 提醒 各 補習班 及 課 照 中心 妥善 運用 防疫 物資 教育局 強調 本次 配發 的 防疫 備用 口罩 系 屬 緊急 支援 之 防疫 備用 物資 其 運用 以 提供 臨時性 發現 學生 出現 發燒 咳嗽 喉嚨 痛 呼吸 急促 等 不適 或 緊急狀況 者 配戴 並 應 請 學生 就醫 返家 休息 並 請 各 補習班 及 課 照 中心 持續 配合 進行 防疫 作業</t>
  </si>
  <si>
    <t>總統 蔡英文 打 高端 無法 赴美 指揮中心 回應 了</t>
  </si>
  <si>
    <t>美國 規定 11 月 18 日 起 未 接種 美國 認定 的 疫苗 品牌 將 無法 入境 新 規 是否 會 讓 已 接種 高端 的 總統 蔡英文 副 總統 賴清德 無法 赴美 指揮中心 發言人 莊人祥 表示 外界 不必 擔心 因為 外交部 已 開始 協調 確保 接種 高端 的 政府 官員 赴</t>
  </si>
  <si>
    <t>在 美國 也 遭 新冠肺炎 重 擊 後 事態 的 走向 悄悄 回歸 到 中 美 兩 強 的 結構性 對抗 近期 中 美 爭論 誰 是 病毒 起源地 就是 鮮明 例子 而 臺灣 也 陷入 兩 強 結構 的 盤算 在 本 就 應該 專業 至上 的 防疫 決策 中 屢屢 採用 雙重標準 處處 著 墨 親 美 抗 中 美國 早 在 1 月 31 日 就 宣佈 過去 14 天內 曾 到訪 大陸 的 外國人 暫時 禁止 入境 開 了 全球 對 陸 航班 禁令 的 第一 槍 如今 疫情 在 歐美 擴散 大陸 采 一 省 援 一 國 方式 派 醫療隊 分赴 義 大利 伊朗 巴基斯坦 等 國 救援 習近平 14 日 也 致電 南韓 義 大利 伊朗 總統 慰問 並 致電 歐洲理事會 主席 蜜雪兒 歐盟 執委會 主席 馮德萊恩 就 近期 歐盟 出現 新冠肺炎 疫情 向 歐盟 及 各 成員國 人民 表示 誠摯 慰問 但 無論 是 口頭 慰問 或 派 人 援助 都 獨 缺 美國 澳門 病例 少 仍 列 隔離 在 臺灣 陳時中 說 考量 美國 地廣 人 稠 僅 將 華盛頓 紐約 加州 三 地 提升 為旅遊 第二 級 警示 然而 早 在 2 月 11 日 指揮中心 就 斷然 把 大陸 香港 澳門 全數 列為 旅遊 警示 最高 的 第 三級 之後 中斷 兩岸 多數 航班 只 留 京 滬蓉 廈 四 地 中 美 同樣 都 是 地廣 人 稠 的 大國 這不 是 雙重標準 是 什麼 尤其 是 澳門 從 2 月初 至 3 月中 已 一個 半 月 無 新 增 確診 病例 累計 確診 數 也 一直 停留 在 10 例 卻 被 一 竿子 打翻 至今 往返 澳門 回台 仍要 接受 14 天 隔離 相較 於 大陸 多 個 疫情 嚴重 城市 已 采 封 城 方式 嚴防 疫情 輸出 美國 的 管控 卻 差 太 多 如果 在 華盛頓 紐約 的 人 跑 到 美國 其他 城市 再 飛 回 臺灣 根本 就 無法 杜絕 疫情 傳入 臺灣 政治 盤算 屢 見 雙重標準 號稱 新聞自由 的 美 台 媒體 在 報導 新冠肺炎 疫情 時 擺 明是 雙重標準 像 紐約時報 報導 武漢 封城 是 造成 個人 自由 巨大損失 義 大利 封 城 則 是 冒著 風險 保全 歐洲 臺灣 媒體 報導 武漢 居民 在 陽臺 唱歌 呐喊 抒發 情緒 是 淒厲 嘶吼 宛如 大型 煉獄 而 義 大利 封 城 後 當地人 在 陽臺 唱歌 則 是 發揮 義大利人 的 浪漫 讓 蕭瑟 的 空 蕩 街道 增添 了 一 絲 溫暖 與 小 確 幸 所以 說 病毒 才 是 人類 共同 的 敵人 台裔 美籍 的 籃球 明星 林書豪 幾 天 前 再次 譴責 種族歧視 呼籲 少 一些 仇恨 多 一些 同 理 心 臺灣 的 防疫 成果 有目共睹 若 能 少 一些 政治 盤算 回歸 人道主義 那 就 更臻 完美 了</t>
  </si>
  <si>
    <t>行政院 今日 召開 擴大 防疫 會議 行政院長 蘇貞昌 表示 臺灣 在 5 月 爆發 疫情 後 在 70 多 天內 就 將 疫情 控制 住 被 外 媒 稱為 第 2 次 奇跡 疫情 指揮中心 指揮官 陳時中 則 表示 國內 仍 有 社區 隱形 傳播 鏈 風險 建議 繼續 維持 二級 警戒 疫</t>
  </si>
  <si>
    <t>新北 市 禁 高中職 以下 師生 出國 宜蘭 縣政府 並未 跟進 縣府 表示 縣府 所轄 的 各 校 出國 計畫 已經 暫停 6 月 前 也 禁止 各項 出國 計畫 學校 教職員 如有 出國 計畫 是 依據 中央 疫情 指揮中心 政策 禁止 前往 第 3 警示 地區 縣府 表示 所</t>
  </si>
  <si>
    <t>新北 市 禁 高中職 以下 師生 出國 宜蘭 縣政府 並未 跟進 縣府 表示 縣府 所轄 的 各 校 出國 計畫 已經 暫停 6 月 前 也 禁止 各項 出國 計畫 學校 教職員 如有 出國 計畫 是 依據 中央 疫情 指揮中心 政策 禁止 前往 第 3 警示 地區 縣府 表示 所轄 各 校 師生 如 前往 非 第 3 及 警示 地區 的 國家 會 采 柔性 勸導 避免 出國 相關 作為 縣府 會 是 疫情 變化 彈性 調整</t>
  </si>
  <si>
    <t>臺灣 也 將 有 輝瑞 bnt 疫苗 根據 衛福部 疾 管署 近期 公告 新冠 疫苗 冷鏈 倉儲 採購 需求 我 將 採購 攝氏 負 70 度 冷鏈 技術 50萬 劑 由於 僅 有 輝瑞 bnt 疫苗 需要 在 零下 70 度 的 保存 條件 因此 估算 我國 應可 從 covax 配 貨 50萬 劑量 不過 指揮中心 強調 數量 暫時 未定 我國 自 covax 平臺 共 購買 476萬 劑 疫苗 目前 az 疫苗 已經 到貨 199萬 劑 由於 我國 花 了 較 多 的 金額 可 獲得 選擇 疫苗 的 權利 因 此 目前 選擇 品牌 包含 az 輝瑞 bnt 與 賽諾菲 根據 招標 公告 倉儲 溫度 包含 70 10 約 50萬 劑 20 5 約 100萬 劑 及 2 至 8 約 270萬 劑 第一 項 的 保存 條件 應是 指 輝瑞 bnt 疫苗 20 5 則 是 莫德納 的 保存 條件 至於 2 至 8 約 270萬 劑 則 是 az 疫苗 從 公告 招標 的 攝氏 負 70 度 冷鏈 技術 50萬 劑 應是 為了 從 covax 購得 的 輝瑞 bnt 疫苗 而 準備 指揮中心 今天上午 則 表示 covid-19 疫苗 14083萬 劑 倉儲 物流 與 配送 採購 案 包含 covid-19 astrazeneca az 廠 牌 疫苗 9883萬 劑 倉儲 溫度 2 8 及 covax 平臺 供應 420萬 劑 倉儲 溫度 包含 70 10 20 5 及 2 至 8 之 國際 運輸 及 國內 配送 等 採購 作業 以利 疫苗 運送 保管 過程 符合 原廠 冷鏈 與 國內 藥品 實施 優良 運銷 規範 gdp 等 相關 規範 確保 疫苗 品質 及 接種 效益 指揮中心 表示 由於 covax 平臺 之 候選 疫苗 種類 多 現階段 尚 無法 獲知 實際 供應 廠 牌 及 數量 然 為 利 廠商 投標 時 評估所 需 冷鏈 設備 及 投標 金額 爰 以 該 三 項 溫 層 及 粗估 數量 提供 估算 采 開口 合約 視 未來 實際 供應 之 倉儲 溫度 專案 數量 及 執行 專案 結算 並以 決 標 契約 價金 為 上限 不受 預估 數量 限制</t>
  </si>
  <si>
    <t>孟加拉 確診 夫妻 返台 遭 爆 沒穿 防護衣 指揮中心 證實</t>
  </si>
  <si>
    <t>孟加拉 確診 夫妻 防護衣 莊人祥 指揮中心</t>
  </si>
  <si>
    <t>疫情 指揮中心 日前 開放 符合 資格 的 民眾 至 covid-19 疫苗 預約 平臺 預約 接種 意願 今 發送 第一 輪 開放 預約 的 簡訊 沒 想到 收到 簡訊 的 民眾 瞬間 湧入 1922 網站 及 健 保 快易通 app 造成 掛點 網友 怨聲 連連 事實上 除了 上</t>
  </si>
  <si>
    <t>疫情 指揮中心 日前 開放 符合 資格 的 民眾 至 covid-19 疫苗 預約 平臺 預約 接種 意願 今 發送 第一 輪 開放 預約 的 簡訊 沒 想到 收到 簡訊 的 民眾 瞬間 湧入 1922 網站 及 健 保 快易通 app 造成 掛點 網友 怨聲 連連 事實上 除了 上述 2 種 方式外 還 可 至 超 商 藥局 及 附近 衛生所 插入 健 保 卡 預約 指揮中心 日前 開放 第 910 類人 登記 接種 意願 資格 為 18 至 64 歲 有 重大 疾病 病 患 及 50 至 64 歲 成人 並于 今 早 陸續 發送 符合 資格 第一 梯次 預約 簡訊 大批 民眾 湧入 1922 網站 及 健 保 快易通 app 登記 接種 時間 及 地點 造成 系統 大當 機 事實上 民眾 除了 至 1922 gov tw 網站 及 健 保 快易通 進行 預約 外 也 可 持 個人 健 保 卡 至 超 商 事務 機 藥局 衛生所 插卡 預約 亦 能 選擇 施打 地點 及 時段 而 第一 梯次 收到 簡訊 的 民眾 最 快於 7 月 16 日 就 可 打到 az 疫苗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指揮中心 成 謊言 中心 她 勸 小英 把 陳時中 這 絆腳石 搬開</t>
  </si>
  <si>
    <t>3600 間 集中 檢疫所 何時 開放 預約 指揮中心 今天 表示 17 日 週三 上午 10 點 開放 民眾 上網 預約 不過 民眾 無法 選擇 檢疫所 位置 指揮中心 上周 宣佈 將 釋出 3600 間 集中 檢疫所 供 民眾 預約 進行 7 7 的 檢疫 指揮中心 發言人 莊</t>
  </si>
  <si>
    <t>3600 間 集中 檢疫所 何時 開放 預約 指揮中心 今天 表示 17 日 週三 上午 10 點 開放 民眾 上網 預約 不過 民眾 無法 選擇 檢疫所 位置 指揮中心 上周 宣佈 將 釋出 3600 間 集中 檢疫所 供 民眾 預約 進行 7 7 的 檢疫 指揮中心 發言人 莊人祥 表示 將 收 6 梯次 每 梯次 檢疫 7 天 每晚 價格 為 新 台幣 1500 元 不過 指揮中心 發言人 莊人祥 指出 集中 檢疫所 開放 預訂 後 恕 無法 提供 民眾 選擇 地點 目前 暫定 週三 上午 10 點 開放 預約 明天 將 進一步 說明 細節</t>
  </si>
  <si>
    <t>集中 檢疫所 指揮中心 莊人祥 春節 7 7</t>
  </si>
  <si>
    <t>疫情 指揮中心 即日起 地方 政府 提供 采 檢 民眾 關懷 電話</t>
  </si>
  <si>
    <t>疫情 指揮中心 副 指揮官 陳宗彥 今日 表示 從今天起 地方 政府 會 開始 提供 采 檢 民眾 關懷 電話 這 部分 是從 衛 政 以外 的 人力 去 調度 來 做 協助 主要 是 以 雙 北市 為主 媒體 問到 陳宗彥 在 上午 記者會 提到 民眾 采 檢 後 在 校正 回歸</t>
  </si>
  <si>
    <t>疫情 指揮中心 副 指揮官 陳宗彥 今日 表示 從今天起 地方 政府 會 開始 提供 采 檢 民眾 關懷 電話 這 部分 是從 衛 政 以外 的 人力 去 調度 來 做 協助 主要 是 以 雙 北市 為主 媒體 問到 陳宗彥 在 上午 記者會 提到 民眾 采 檢 後 在 校正 回歸 中的 空 窗 期 會 提供 地方 政府 的 關懷 電話 是從 何時 開始 提供 這樣 的 服務 陳 宗彥 表示 在 上午 的 會議 中 地方 政府 有 提出 這樣 的 想法 主要 是 雙 北市 為主 因為 采 檢 完 正 在 等候 結果 以及 確診 人數 都是雙 北 民眾 居多 因 此 中央 同意 讓 地方 縣市政府 從 今天 開始 會 做 這樣 的 處理 地方 會 調度 除了 衛政 以外 的 人力 做 協助</t>
  </si>
  <si>
    <t>國 高中生 接種 bnt 意願 書 今天 截止 收 件 究竟 要 不 要 讓 12 到 17 歲 的 學生 打 bnt 疫苗 讓 許多 家長 苦惱 對此 精神 科 名醫 沈政男 表示 英國 疫苗 委員會 不 建議 12 15 歲 健康 族群 打 新冠 疫苗 並 指出 疫苗 打 在 身上 影響 的 是 自己 的 健康 該 怎麼 做 就 自己 想 清楚 吧 疫情 指揮中心 開放 全台 125萬 名 國高生 從 23 日 接種 bnt 疫苗 今天 是 繳 交 施打 意願 書 截止日 但因 年輕 族群 打 bnt 恐 有 心肌炎 的 罕見 副作用 因此 要 不 要 讓 孩子 接種 bnt 讓 不少 父母 猶豫 沈政男 在 臉書 發文 指出 英國 疫苗 委員會 已 說 不 建議 12 15 歲 健康 族群 打 疫苗 叫 大家 打 疫苗 是 防疫 政策 但 疫苗 打 在 身上 卻是 自己 的 健康 直言 該 怎麼 做 就 自己 想 清楚 吧 沈政男 強調 新冠 疫苗 不是 麻疹 疫苗 沒 辦法 完美 保護 接種 者 打 七 八成 人口 然後 過 正常 生活 已經 是 不可能 以 清零 為 目標 把 病毒 壓到 最低 才能 減少 搶 打 疫苗 的 壓力 近期 新英格蘭 期刊 又 有 一 篇 混打 免疫 生成 效果 大於 兩劑 az 的 文章 沈政男 建議 家中 若 有 要 打 第二 劑 的 老人家 可以 看看 要 不 要 等 混打 bnt 將 會 周周 到來 現在 也 已 開放 長者 第一 劑 登記 應該 混打 不 會 等 太 久 對此 網友 紛紛 留言 疫苗 不要 挑 儘量 打 是 政策 針 打下 去 人 抬出去 的 風險 自負 沈 醫師 這 篇 的 各項 結論 很 正確 兒少 不要 打 疫苗 打 了 萬一 傷 身 是 一輩子 的 問題 12 15 歲 應該 很多 家長會 等 別人 的 孩子 先 打打 看 觀望 一下 吧 還有 人 表示 我 打 了 兩劑 莫德納都 覺得 副作用 有點 怪怪的 了 何況 發育 中的 孩子</t>
  </si>
  <si>
    <t>針對 衛福部 撤銷 金門 機場 快 篩 站 公告 一 事 楊鎮 浯 縣長 今天 在 給 鄉親 的 一 封 信 中 說明 縣府 1721 日 兩 度 發 函 中央 疫情 指揮中心 但 中央 均 已 讀 不 回 讓 人 十分 遺憾 希望 委 讬 合法 廠商 進口 疫苗 中央 依 程式 儘快 審核 通過 莫</t>
  </si>
  <si>
    <t>針對 衛福部 撤銷 金門 機場 快 篩 站 公告 一 事 楊鎮 浯 縣長 今天 在 給 鄉親 的 一 封 信 中 說明 縣府 1721 日 兩 度 發 函 中央 疫情 指揮中心 但 中央 均 已 讀 不 回 讓 人 十分 遺憾 希望 委 讬 合法 廠商 進口 疫苗 中央 依 程式 儘快 審核 通過 莫 再以 任何理由 阻擋 楊 鎮 浯 說明 縣府 在 5 月 17 日 發 函 中央 疫情 指揮中心 請求 在 各 國內 機場 設置 快 篩 站 並 表達 這 是 金馬澎 3 離 島 的 共同 想法 如 無法 執行 建 請 同意 在 尚義 機場 設置 快 篩 站 但 未獲 中央 任何 回應 縣府 於 5 月 21 日 再度 函文 但 中央 依舊 已 讀 不 回 針對 媒體 報導 中央 疫情 指揮中心 指 縣府 並未 正式 告知 並 提出 書面 申請 即 逕行 公告 楊鎮 浯 強調 這 是 錯誤 的 誤導 希望 事實 可以 獲得 澄清 他 也 決不會 放棄 以 高 強度 高密度 的 政策 作為 積極 保護 金門 免受 疫情 入侵 與 威脅 將 持續 再次 發 函 與 中央 溝通 直至 中央 同意 為止 楊 鎮 浯 並 表示 縣府 會 在 最 快 的 時間 之內 透過 合法 的 廠商 向 cdc 衛生 署 疾病 管制 署 提出 進口 合法 疫苗 的 申請 此事 關係 金門 鄉親 的 健康 和 安全 也 是 縣府 為 鄉親 把關 的 最後 一 步 希望 cdc 不要 再有 任何 的 理由 來 阻擋 楊 鎮 浯 在 信 中 也 特別 拜 讬 旅 台 鄉親 和 近期 擬 往返 金門 的 朋友 為了 個人 健康 安全 也 為了 金門 好 在 5 28 疫情 高峰 前 暫停 往返 台金 之間</t>
  </si>
  <si>
    <t>鴻 海 創辦 人 郭台銘 向 疾 管署 申請 bnt 疫苗 進口 指揮中心 指揮官 陳時中 昨 表示 檔 算 齊全 獨 缺 一 紙 原廠 授權 書 前 國民黨 青年團 總 團長 呂 謦 煒 質疑 藥 事 法 要求 檢 附 的 4 項 資料 中 並 沒有 要求 一定 要 出具 原廠 授權 書</t>
  </si>
  <si>
    <t>臺灣 在 去年 12 月 曾去函 世界衛生組織 who 表示 新冠肺炎 恐 有 人 傳人 現象 但 遭 who 否認 陳時中 更 因此 火大 公佈 電 郵 全文 反擊 不過 外界 好奇 指揮中心 的 資訊 究竟 從 哪 來 對此 指揮中心 發言人 莊人祥 今天 15 日 防疫 記者會</t>
  </si>
  <si>
    <t>臺灣 在 去年 12 月 曾去函 世界衛生組織 who 表示 新冠肺炎 恐 有 人 傳人 現象 但 遭 who 否認 陳時中 更 因此 火大 公佈 電 郵 全文 反擊 不過 外界 好奇 指揮中心 的 資訊 究竟 從 哪 來 對此 指揮中心 發言人 莊人祥 今天 15 日 防疫 記者會 上 表示 是 在 ptt 發現 的 該 篇文章 也 吸引 大批 鄉民 朝聖 如今 原 po 本人 也 出面 回應 低調 表示 不用 啦 功 成 不 只 在 我 更何況 大局 還 沒 結束 去年 12 月 31 日 淩晨 2 點 多 一 名 網友 nomorepipe 在 八卦 版 po 出 問 卦 文 武漢 疑 爆發 非典型肺炎 冠 狀 病毒 群 聚 感染 莊人祥 指出 當時 疾 管署 副 署長 羅一鈞 淩晨 5 點 多 睡 不 著 因此 流覽 ptt 時 發現 此文 瞭解 情形 後 便 立即 回報 工作 群 組 著 手 準備 防範 疫情 這 篇 被 視為 臺灣 吹 哨 文 的 護 國 神 文 如今 被 挖 出 也 吸引 大批 鄉民 朝聖 甚至 有人 提議 該 把 po 文 的 nomorepipe 列入 ptt 名人 堂 不久 後 nomorepipe 本人 也 在 底 下回 文 表示 不用 啦 功 成 不 只 在 我 更何況 大局 還 沒 結束 也 讓 鄉民 興奮不已 直說 神 串 留名 本人 出現 啦 朝聖 推 我 媽 問 我 為何 跪 著 看 ptt</t>
  </si>
  <si>
    <t>羅一鈞 ptt who 指揮中心 who</t>
  </si>
  <si>
    <t>國內 爆發 首例 院內 感染 第 34 例 患者 後續 衍生 出 院內 群 聚 感染 但 誰 是 感染 源 疫情 指揮中心 還 無法 判斷 陳時中 指出 無 症狀 者 是 可能 存在 的 大家 只 能 提高 警覺 有 專家 懷疑 臺灣 是 不是 已經 出現 了 超級 傳播 者 針對 此案</t>
  </si>
  <si>
    <t>國內 爆發 首例 院內 感染 第 34 例 患者 後續 衍生 出 院內 群 聚 感染 但 誰 是 感染 源 疫情 指揮中心 還 無法 判斷 陳時中 指出 無 症狀 者 是 可能 存在 的 大家 只 能 提高 警覺 有 專家 懷疑 臺灣 是 不是 已經 出現 了 超級 傳播 者 針對 此案 媒體 詢 及 無 症狀 可人 傳人 臺灣 兒童 感染症 醫學會 理事長 李秉穎 表示 他 擔心 很 容易 出現 防疫 漏洞 案 34 例 是 退休 婦人 從 2 月 14 日 因 低血糖 全身 倦怠 情形 掛 急診 並 收治 住院 當時 沒有 呼吸道 症狀 直 21 日 起 才 出現 咳嗽 發燒 症狀 隨後 醫院 通報 送驗 後 確診 第 34 例 患者 成為 關鍵 注意 個案 是因為 之後 新增 的 四 例 案 34 是 在 醫院 的 接觸 者 包括 1 名 清潔工 案 35 及 3 名 護理人員 案 36 至 38 外界 擔心 這 是否 代表 案 34 無 症狀 的 一個 禮拜 恐怕 傳染給 清潔工 跟 3 位 護理 師 有 醫師 認為 這 是 國內 首度 證實 沒有 症狀 也 會 人 傳 人 的 案例 但 誰 是 感染 源 目前 仍 須要 再 追查 更 有 專家 持 不同 看法 是 萬一 是 清潔工 案 35 傳染給 案 34 與 護理 師 的 感染 途徑 的話 可能 問題 更 大 這 代表 恐怕 早 有 院內 感染 媒體 詢 及 新冠肺炎 疫情 是否 無 症狀 時 也 可能 會 人 傳人 臺灣 兒童 感染症 醫學會 理事長 李秉穎 則 說 這個 病毒 因為 重症 比例 不是 那麼 高 無 症狀 跟 輕 症 的 病人 都 可能 會 把 病毒 傳染給 別人 很 難 掌 控 它 也 很 容易 出現 防疫 漏洞 出現 我們 沒有 預期 內 的 社區 感染 它 的 管控 沒有 辦法 像 sars 很 容易 辨識 病人 的確 是 值得 憂慮 的 地方 雖然 陳時中 進一步 表示 案 34 例 還 沒有 辦法 說 她 是 院內 感染 目前 推測 她 是 在 社區 裡面 得到 2 14 入院 2 21 出現 呼吸道 狀況 這樣 看起來 院外 感染 的 可能性 高 目前 還 是 維持 瞭解 中 有待 厘 清 指揮中心 會 再 把 疫 調 做 得 更 清楚 再 向 國人 報告 但他 也 說 如果 真如 專家 所言 那麼 醫院 內 其他 案例 早就 爆發 了 院內 感染 是 全世界 都 害怕 因此 要 做好 準備 措施</t>
  </si>
  <si>
    <t>新冠肺炎 導致 重症 與 死亡 的 程度 慢性病 是 關鍵 國健署 昨天 引用 刊登 於 大陸 流行病 學 雜誌 上 的 近期 研究 指出 慢性病 會 增加 致命 風險 其中 又 以 心血管 疾病 居 冠 指揮中心 則 指出 患者 若 出現 肺炎 是 最難 治療 的 提醒 高 血</t>
  </si>
  <si>
    <t>衛福 部長 陳時中 今 11 日 表示 第 2 次 武漢 台商 返台 專機 由 臺灣 中華 航空 與 中國 大陸 東方航空 分別 執行 共有 361 位 於 昨日 深夜 抵 台 已 全數 入住 集中 檢疫所 陳時中 也 已經 分別 前往 三 個 檢疫所 關心 安置 情況 陳時中 說 過程 中 有 部分 旅客 沒 報到 或 拒絕 檢疫 由於 沒有 親自 詢問 無法 得知 他們 心中 的 想法 至於 大陸 湖北 台辦 指稱 臺灣 拒絕 30 多 位 候補 旅客 上機 陳時中 對 此 強調 臺灣 強調 要 事前 掌握 名單 瞭解 其 背景 情況 才能 做 最適 切 安排 對於 陸方 想 臨時 安插 人員 上機 我方 實在 不 放心 針對 此次 包機 陳時中 說明 臺灣 安排 13 位 醫護人員 4 位 醫師 及 9 位 護理 師 前往 以 確保 登機 飛 航 期間 之 防 檢疫 作業 與 人員 照料 工作 嚴謹 周全 此外 也 安排 救護車 10 輛 遊覽車 22 輛 於 桃園 機場 待命 協助 返台 旅客 就醫 後 或 載往 集中 檢疫所 指揮中心 說明 登機 前 分別 由 我方 華航 及 陸方 東航 人員 以 發燒 或 具 嚴重 呼吸道 症狀 者 無法 上機 原則 執行 檢疫 其中 華航 共載 送 169 人 東方航空 共載 送 192 人 旅客 抵 台 下機 後 經 醫師 進行 健康 評估 均 無須 後 送 故 統一 由 交通 車載 送 國內 3 處 集中 檢疫所 進行 14 天 隔離 檢疫 此次 機場 檢疫 及 工作人員 共 356 人均 著 安全 防護 裝備 民眾 行李 也 統一 消毒 處理 指揮中心 指出 這 361 名 返台 旅客 將 於 48 小時 內 完成 采 檢 並以 一 人 一 室 為 原則 完成 14 天 隔離 檢疫 每日 需 監測 兩 次 體溫 如 發現 發燒 呼吸道 症狀 或 身體 不 適時 立即 依 規定 後 送 就醫 檢疫所 也 會 提供 口罩 等 相關 防護 裝備 供 檢疫 者 及 工作 同仁 使用 集中 檢疫 者 不能 外出 且 活動 範圍 以 檢疫 房間 為主 與 附近 居民 不 會 有 接觸 請 民眾 放心</t>
  </si>
  <si>
    <t>新冠肺炎 疫情 臺灣 逐漸 升溫 今 傳出 新北 某 私立 大學生 赴 日本 旅遊 後 返台 卻 沒 進行 自主 管理 且 向周 遭 友人 隱瞞 旅遊 史 對此 經 詢問 校方 由 秘書長 回應 確實 有 一 位 同學 赴 日 旅遊 但 校方 在 事情 傳開 後 已 請 系上 緊急 調查 瞭解 聯繫 到 該 生 並 要求 其 在家 進行 自主 管理 勿 到校 上課 和 進行 後續 密切 追蹤 某 私立 大學 臉書 粉 專 17 日 深夜 爆 料 傳出 該校 財經 相 關係 所 某 男 研究生 與 友人 非 該校 學生 3 月 9 號 赴 日本 旅遊 當 周 13 號 回來 沒有 自主 管理 且 向 友人 隱瞞 旅遊 史 事情 傳開 引起 校內 師生 一陣 恐慌 經 記者 致電 詢問 校方 校 秘書長 回應 稱 請 系 所 瞭解 後 確實 有 一 位 男 研究生 赴 日本 旅遊 校方 已 在 今天 請 系 所 緊急 協助 處理 因 該 生 赴 日 時 日本 並未 成為 紅色 出入境 警示 系 3 月 17 日 才 由 中央 疫情 指揮中心 提升 為 第 三級 警告 warning 非必要 勿 前往 校方 強調 目前 已 連絡上 該 名 學生 瞭解 他 沒有 接觸 可疑 症狀 人士 現在 也 未 出現 任何 症狀 已 要求 他 勿 到校 儘量 不 要 外出 並 自主 健康 管理 學校 也 備有 體溫計 提供 早晚 量 測 有 狀況 將 請 學生 聯絡 教官 或 校 安 中心 學生 同意 並 配合 學校 政策 校方 會 對 該 生 後續 情況 做 進一步 追蹤 和 防範 請 師生 勿 過度 擔憂</t>
  </si>
  <si>
    <t>國內 新冠肺炎 疫情 持續 延 燒 醫療 量 能 緊 繃 臺北市 長 柯文哲 今 26 日 上午 在 北市 防疫 會議 上 指出 如果 要 等 到 8 月 打 疫苗 且 是 國產 疫苗 這 等 於 把 國運 賭 在 一個 不可 知 的 期望 上面 若要 撐到 8 月 恐 撐不下去 會 死傷 慘重 而今 下午 柯文哲 在 北市 疫情 例行 記者會 中 談 到 地方 政府 自行 採購 疫苗 問題 他 說 若 被 逼到 不行 再 等 不 到 疫苗 臺北市 只好 自謀生路 今日 指揮中心 公佈 國內 新增 302 例 本土 個案 另 有 校正 回歸 本土 個案 331 例 總計 635 例 確診 個案 中 新增 11 例 死亡 其中 臺北市 有 87 例 本土 確診 校正 回歸 221 例 柯文哲 在 記者會 中將 針對 疫情 進行 最新 說明 柯文哲 表示 根據 指揮中心 的 資料 校正 回歸 比 當日 公佈 的 確診 多 已經 失去 實質 意義 還是 要 看 整體 趨勢 比較 重要 他 說 5 月 16 到 20 日 這周 萬華 確診 病例 還 是 最 多 但有 踩 煞車 其他11 個 行政區 多多少少 都 有 上升 所以 萬華 疫情 趨 緩 不過 其他 行政區 都 有 相當程度 的 病例 因此 不 要 誤以為 在 臺北市 只 有 萬 華是 疫區 在 其他 地方 還 是 有 感染 的 可能 甚至 中南部 也 會 有 小型 群 聚 的 現象 他 並 提到 昨日 萬華 三 個 篩檢 站 篩檢 800 多 人 結果 陽性率 為 74 柯文哲 也 提到 中央 預計 配發 2200萬 劑 疫苗 給 臺北市政府 原則 按照 優先 順序 施打 除 發給 各 專責 醫院 處理 其他 則 會 入 冊 處理 對於 救護車 被 擋 在 醫院 外 的 情況 柯文哲 說 今日 雖有 所 緩減 但 還是 有 發生 且 急診室 病床 也 是 滿 床 他 強調 醫療 量 能 仍 相當 緊 繃 柯文哲 說 三級 警戒 短期 內 無法 結束 除非 硬性 封 城 另外 則 是 打 疫苗 才是 最終 解決 方法 而 疫苗 還是 有 種類 和 數量 的 問題 呼籲 中央 慎重處理 柯也 批 過去 大官 都 說 幾 月 疫苗 要來 蘇貞昌 說 什麼 時候 疫苗 會 來 現在 幾 月 了 蔡 總統 剛剛 也 說 疫苗 買 了 3000 多 劑 但 重點 是 疫苗 到底 什麼 時候 會 來 有 答案 才能 充分準備</t>
  </si>
  <si>
    <t>疫苗 確診 柯文哲 新冠肺炎 指揮中心</t>
  </si>
  <si>
    <t>中央 疫情 指揮中心 指揮官 陳時中 上午 宣佈 臺北市 新北 市 進入 三級 警戒 雙北 民眾 人心惶惶 擔心 下 一 步 就 是 封城 紛紛 趕往 大 賣 場 補充 民生 物資 以 新北 市 板橋 區 的 家樂福 大 賣 場 為 例 宣佈 三級 警戒 才 1 個 多 小時 中午 採買 民</t>
  </si>
  <si>
    <t>中央 疫情 指揮中心 指揮官 陳時中 上午 宣佈 臺北市 新北 市 進入 三級 警戒 雙北 民眾 人心惶惶 擔心 下 一 步 就 是 封城 紛紛 趕往 大 賣 場 補充 民生 物資 以 新北 市 板橋 區 的 家樂福 大 賣 場 為 例 宣佈 三級 警戒 才 1 個 多 小時 中午 採買 民眾 就 已 爆滿 入口處 管制 進入 引起 部分 民眾 不滿 現場 客服 人員 表示 這 幾 天人 潮 本來 就 比較 多 但 今天上午 10 時許 宣佈 雙北 進入 三級 警戒 後 人潮 明顯 瞬間 暴 增 都 是 搶購 泡 面 白米 罐頭 衛生紙 等 民生 物資 不僅如此 在 中午 12 時 賣 場 更 時 直接 將 入口 鐵門 降下 一半 現場 人員 在 入口處 宣佈 因 賣 場內 走道 已經 擠滿 人 所以 暫時 管制 進入 由於 賣 場 實施 實 聯 制 必須 填寫 資料 才能 進入 本 就 已 有 排隊 人龍 有 民眾 不滿 久候 又 被 告知 管制 進入 當場 發 飆 賣 場 人員 不斷 道歉 安撫 賣 場 宣佈 暫時 管制 進入 後 不少 排隊 民眾 決定 離開 吳先生 說 現在 不 知道 要 等 多久 才能 進去 進去 後 也 不 一定 買 得 到 想買 的 東西 所以 他 決定 趕到 其他 賣 場 試試 運氣</t>
  </si>
  <si>
    <t>合 庫 銀行 總行 於 今日 接 獲 城東 分行 通報 該 分行 實習生 經 檢疫 後 確診 新冠肺炎 分行 立即 於 同日 晚間 請 專業 清潔 廠商 進行 全面 消毒 作業 並 規劃 全體同仁 進行 快 篩 及 加強 自我 健康 監測 據 該 分行 通報 該 實習生 工作 以定 存 業務 為主 工作 時均 配戴 口罩 合 庫 配合 中央 疫情 指揮中心 宣佈 第 三級 警戒 於 5 月 18 日 通知 各 營業 單位 該 日 起 暫停 產 學 合作 實習 故 該 實習生 自此 未 進入 分行 辦公 後 於 6 月 25 日 至 分行 辦理 移交 作業 約莫 30 分鐘 未 與 客戶 接觸 城東 分行 於 6 月 30 日 17 時 20 分 接 獲 實習生 確診 消息 立即 通報 總行 安排 專業 清潔 廠商 進行 全面 消毒 作業 提供 同仁 與 客戶 安心 的 營業廳 環境 另 規劃 分行 全體同仁 進行 快 篩 作業 安排 與 實習生 辦理 移交 作業 接觸 的 同仁 自 明日 起 實施 居家 辦公 合 庫 將 持續 以 高 強度 防疫 作為 確保 員工 健康 及 工作 環境 與 營運 場地 安全 攜手 同仁 及 社會 大眾 共同 守護 健康 戰勝 病毒 一起 度過 這次 疫情 嚴峻 的 考驗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北部 1 名 高中生 確診 新冠肺炎 全班 停課 新北 市 開出 第一 槍 禁止 高中職 以下 師生 出國 防疫 經常 依 中央 指示 掛 嘴上 的 基隆 市長 林右昌 下午 再 補 一 槍 跟進 北 北 桃 逆 時鐘 更 加碼 基隆 至 7 月 14 日前 都 禁止 零 確診 的 花蓮縣 則 配合 中央 指示 新北 市長 侯友宜 今 早 率先 宣佈 6 月底 前 高中職 以下 各級 學校 師生 禁止 出國 北市 桃園 也 隨後 跟進 基隆 市長 林右昌 則 在 下午 宣佈 7 月 14 日 之前 基隆 市 各級 學校 出國 計畫 一律 暫停 若 有 特殊 狀況 及 原因 需 呈報 各 校 與 教育處 專案 核准 基隆 市府 教育處 將 發 函 請 各 私立 學校 配合 範圍 包括 基 市 轄內 公私 立 幼稚園 國小 國中 以及 高中職 所有 師生 一律 禁止 出國 也 不准 出國 假 林右昌 也 宣佈 五月 份 母親節 的 模範 母親 表揚 活動 考慮 疫情 狀況 屆時 將 委 由 區裡 長 代 贈禮 與 表揚 對於 是否 要 禁 師生 出國 各縣市 莫衷一是 疫情 相對 穩定 的 東台 灣 花蓮 縣政府 表示 目前 暫不 跟進 縣府 教育 處長 李裕仁 說 師生 禁 出國 規定 將 等待 中央 疫情 指揮中心 指示 中央 單位 有 明確 建議 地方 後 縣府 才 會 再 行規 畫 李 裕 仁 說 教育 人員 也 是 公務人員 如果 縣府 有 要 限制 公務員 出國 就 會 對 教職人員 有 進一步 的 做法 至於 學生 部分 他 認為 應 限制 家長 而 不是 限制 學生 目前 沒有 進一步 的 相關 措施 及 研議 將 會 再 視 疫情 發展 等待 並 配合 中央 指示</t>
  </si>
  <si>
    <t>中研院 確診 足跡 指揮中心 新冠肺炎 武漢肺炎</t>
  </si>
  <si>
    <t>行政院長 蘇貞昌 今 在 臉書 表示 為了 確實 阻斷 疫情 傳播 鏈 在 專家 會議 建議 下 疫情 指揮中心 各部 會 會商 後 防疫 指揮中心 今天下午 宣佈 全國 第 三級 警戒 及 各級 學校 停止 到校 上課 的 措施 延長 到 6 月 14 日 原定 6 月 5 日 至 6 日 舉</t>
  </si>
  <si>
    <t>行政院長 蘇貞昌 今 在 臉書 表示 為了 確實 阻斷 疫情 傳播 鏈 在 專家 會議 建議 下 疫情 指揮中心 各部 會 會商 後 防疫 指揮中心 今天下午 宣佈 全國 第 三級 警戒 及 各級 學校 停止 到校 上課 的 措施 延長 到 6 月 14 日 原定 6 月 5 日 至 6 日 舉行 的 國中 會考 補考 及 後續 分發 維持 辦理 高中 以下 學校 畢業典禮 則 會 停辦 或 采 線 上 轉播 蘇貞昌 表示 這 一個 禮拜 過來 臺灣 人民 展現 無比 的 團結 與 韌性 密切 配合 政府 的 防疫 措施 市面上 的 民生 防疫 物資 也 呈現 正常 供給 因為 大家 的 努力 跟 體諒 我們 才能 在 互相 扶持 中 應對 挑戰 蘇貞昌 說 為了 確實 阻斷 疫情 傳播 鏈 在 專家 會議 建議 下 疫情 指揮中心 各部 會 會商 後 防疫 指揮中心 今天下午 宣佈 將 現有 的 全國 第 三級 疫情 警戒 各級 學校 停止 到校 上課 的 措施 延長 到 6 月 14 日 端午節 假期 結束 為止 至於 原定 6 月 5 日 至 6 日 舉行 的 國中會考 補考 及 後續 分發 維持 辦理 高中 以下 學校 畢業典禮 則 會 停辦 或 采 線 上 轉播 各 校 的 畢業考 將 采 多元 方式 評量 教育部 會 繼續 整合 提供 更 多 線 上 教學資源 維護 學生 的 受教 權 也 減輕 家長 負擔 蘇貞昌 強調 當此 疫情 險峻 之時 請 大家 保持 鎮定 配合 防疫 措施 只要 大家 都能 繼續 做好 防疫 我們 就 可以 更 快回到 正常 的 生活 只要 團結 我們 就 能 度過難關</t>
  </si>
  <si>
    <t>案 39 中東 移入 指揮中心 陳時中</t>
  </si>
  <si>
    <t>delta 印度 變異 株 來勢洶洶 目前 已 入侵 臺灣 本土 造成 3 起 群 聚 事件 分別 為 屏 東 枋山 案 桃園 機師 案 以及 新北 板橋 幼稚園 案 不過 對照 枋山 群 聚 這次 delta 病毒 並 沒有 造成 新北 幼稚園 個案 出現 重症 對此 指揮中心 專家 小</t>
  </si>
  <si>
    <t>我國 今天 新增 4 例 確診 其中 有 一 例 為 印度籍 船員 案 764 今年 10 月 21 日 就 來 台 工作 檢疫 期滿 後 由 仲介 安排 登 船工 作 指揮中心 目前 研 判 是 在 印度 感染 的 機 率 較 高 但 擔心 其成 防疫 破 口 因 此 目前 正 匡 列 相關 接觸 者 厘 清是</t>
  </si>
  <si>
    <t>我國 今天 新增 4 例 確診 其中 有 一 例 為 印度籍 船員 案 764 今年 10 月 21 日 就 來 台 工作 檢疫 期滿 後 由 仲介 安排 登 船工 作 指揮中心 目前 研 判 是 在 印度 感染 的 機 率 較 高 但 擔心 其成 防疫 破 口 因 此 目前 正 匡 列 相關 接觸 者 厘 清 是否 會 造成 國內 感染 案 764 為 印度籍 30 多 歲 男性 船員 今年 10 月 21 日 來 台 工作 持有 登機 前 3 日內 核酸 檢驗 陰性 報告 入境 後 至 防疫 旅館 檢疫 迄今 無 症狀 船員 11 月 5 日 檢疫 期滿 後 由 仲介 安排 等待 登 船工 作 因 對 臺灣 不熟 這 段 時間 都 待 在 飯店 三 餐 也 都 在 飯店 內 解決 沒有 外出 該 名 個案 於 11 月 26 日後 皆 在 船上 工作 並未 返 港 近日 因 欲 出境 返國 在 12 月 16 日 由 公司 安排 自費 采 檢 於 今日 確診 總 抗體 陽性 ct 值 31 左右 現 正 住院 隔離 治療 中 而 衛生 單位 已 掌握 接觸 者 共 47 人 其中 21 人 列 居家 隔離 目前 已 采 檢 21 人 其中 20 人 核酸 檢測 陰性 1 人 檢驗 中 血清 抗體 也 還 在 檢驗 中 另 有 26 人 列 自主 健康 管理 還要 厘 清 是否 會 造成 國內 感染 不過 指揮中心 目前 認為 該案 在 印度 感染 的 機 率 高 至於 是否 可能 在 船上 感染 指揮中心 發言人 莊人祥 則 表示 這 部分 要 看 其他 21 位 在 船上 的 人 的 情況 一定 要 有 至少 1 人 的 血清 檢驗 為 陽性 才有 可能 是 在 船上 感染 但 就 目前 的 核酸 檢測 看來 還 沒有 在 船上 造成 流行 需要 進一步 確認</t>
  </si>
  <si>
    <t>陳時中 連 咳 5 聲 說不出 話 這 一 幕 指揮中心 5 人 怕 爆</t>
  </si>
  <si>
    <t>藍營 傳 有 四 縣 市 擬 比照 鴻 海 台積電 模式 向 中央 申請 自行 採購 疫苗 指揮中心 今天 表示 相關 檔 已經 收到 目前 食 藥 署 認為 有 一些 資料 不 全 以及 需要 厘 清 的 部分 今天 傍晚 會 發 函 給 各縣市 要求 補 件 至於 鴻 海 台積電 採購 疫苗</t>
  </si>
  <si>
    <t>藍營 傳 有 四 縣 市 擬 比照 鴻 海 台積電 模式 向 中央 申請 自行 採購 疫苗 指揮中心 今天 表示 相關 檔 已經 收到 目前 食 藥 署 認為 有 一些 資料 不 全 以及 需要 厘 清 的 部分 今天 傍晚 會 發 函 給 各縣市 要求 補 件 至於 鴻 海 台積電 採購 疫苗 的 進度 如 何? 陳時中 今天 說 相關 談判 仍然 維持 一貫 態度 不要 給 太 多 干擾 目前 就是 全力 促成 讓 疫苗 採購 順利進行 最 要緊 陳時中 也 指出 我國 日前 也 向 covax 平臺 詢問 採購 novavax 疫苗 的 可能 但 目前 尚未 獲得 回應 沒有 辦法 有 一個 很 明確 的 答案 不過 除 covax 外 目前 也 預定 要 與 novavax 來 展開 直 購 的 談判</t>
  </si>
  <si>
    <t>降級 指引 開放 場所 戴 口罩 指揮中心 臺灣</t>
  </si>
  <si>
    <t>新北 幼稚園 群 聚 1 負責人 就醫 確診 指揮中心 回應 了</t>
  </si>
  <si>
    <t>確診 看護 接觸 者 不明 指揮中心 將 公佈 2 16 2 24 院外 足跡</t>
  </si>
  <si>
    <t>中央 疫情 指揮中心 宮廟 媽祖 繞 境 生活 臺灣</t>
  </si>
  <si>
    <t>連江縣 今 3 日 計有 28 位 旅客 從 臺北 松山機場 搭 機 入境 馬祖南 竿 機場 除 1 名 剛滿 月 的 嬰兒 外 全數 完成 篩檢 結果 均 為 陰性 其中 10 位 在 松機 快 篩 陰性 後 登機 17 位 抵達 南 竿 機場 後 在 連江縣 疫情 指揮中心 人員 強力 勸說 下 都已</t>
  </si>
  <si>
    <t>連江縣 今 3 日 計有 28 位 旅客 從 臺北 松山機場 搭 機 入境 馬祖南 竿 機場 除 1 名 剛滿 月 的 嬰兒 外 全數 完成 篩檢 結果 均 為 陰性 其中 10 位 在 松機 快 篩 陰性 後 登機 17 位 抵達 南 竿 機場 後 在 連江縣 疫情 指揮中心 人員 強力 勸說 下 都 已 完成 快 篩 連 江 縣長 劉增 應 表示 對 入境 旅客 的 配合 表示感謝 及 肯定 並 強調 臺灣 本島 疫情 並 無 減緩 跡象 離 島 必須 嚴格 做好 入境 篩檢 為 加強 並 落實 離 島 防疫 對 入境 旅客 進行 全面 快 篩 仍然 是 防疫 的 最佳 方案 縣 疫情 指揮中心 持續 爭取 中央 指揮中心 同意 劉增 應 指出 對於 不 接受 入境 快 篩 者 將 派 員警 時時 關切 其 自主 健康 監測 的 情形 並 通知 相關 單位 禁止 拒 篩 者 搭乘 縣 內 所 有 海 陸 公共 運輸工具 包括 公車 及 離 島 間 海運 客輪 連江縣 疫情 指揮中心 呼籲 入境 馬祖 旅客 請 踴躍 接受 篩檢 機場 碼頭 快 篩 方便 快速 保護自己 及 家人 健康</t>
  </si>
  <si>
    <t>16萬 人 打完 2 劑 疫苗 又 收 預約 簡訊 指揮中心 回應 了</t>
  </si>
  <si>
    <t>中 鏢 威士特丹 號 曾 停 高雄 指揮中心 恐 發 防疫 簡訊</t>
  </si>
  <si>
    <t>總統 蔡英文 及 副 總統 賴清德 今天上午 接種 第二 劑 高端 由於 高端 尚未 有 保護 力 資料 加上 指揮中心 開放 自費 驗 抗體 外界 好奇 總統 是否 會 在 完整 接種 2 劑 高端 後 自 驗 抗體 並 公佈 資料 為 國產 疫苗 增加 信心 對此 指揮中心 指揮官 陳</t>
  </si>
  <si>
    <t>校園 接連 傳出 疫情 許多 學校 臨時 通知 學生 及 家長 停課 造成 困擾 教育部 表示 目前 維持 1 班有 1 位 師生 確診 該 班 停課 1 校 有 2 位 以上 師生 確診 則 該校 停課 但 地方 政府 得 視 疫情 狀況 讓 學校 進行 預防 性 停課 對於 學校 不斷 爆出 疫情 教育部 提醒 師生 自我 留意 並 互相 關懷 如 出現 發燒 咳嗽 等 疑 似 症狀 應在 家 休息 避免 到校 上課 班 並 盡 速 就醫 禁止 搭乘 大眾 運輸工具 在校 期間 應 落實 量 測體溫 勤洗手 且 除 用餐 及 飲水 外 應 全程 佩戴 口罩 學校 及 幼稚園 應 加強 學習 場 域 及 相關 設施 設備 清 消 有關 校園 因 疫情 停課 標準 目前 仍 依 教育部 校園 因應 嚴重 特殊 傳染性 肺炎 疫情 停課 標準 進行 1 班有 1 位 師生 列為 確定 病例 該 班 停課 1 校 有 2 位 以上 師生 列為 確定 病例 該校 停課 教育部 說 學校 師生 出現 確診 個案 時 應依 疫情 指揮中心 及 衛生機關 疫情 調查結果 決定 是否 停課 並即時 進行 全校 園 清潔 消毒 包括 各 教學 區域 之 窗簾 圍 簾 等 均 應 拆卸 清洗 同時 針對 該 確診 者 曾 接觸 過 的 空間 加強 清潔 消毒 經 衛生 主管機關 同意 後 方可 重新 上課 教育部 進一步 指出 地方 政府 得 依 各 地區 疫情 狀況 及其 需要 請 各 校 加強 相關 防疫 措施 地方 政府 亦 得 視 需要 訂 定 預防 性 停課 相關 規定 教育部 將 持續 與 衛生 單位 保持 密切 聯繫 持續 追蹤 師生 健康 情形 教育部 說 幼稚園 若 有 出現 疑 似 感染 風險 者 得 採取 預防 性 停課 並 應 通報 主管機關 備查 各 教育 主管機關 得 視 疫情 需要 訂 定 預防 性 停課 措施 例如 園內 若 有 幼兒 或 其 家長 經 衛生 單位 匡 列為 居家 隔離 者 幼稚園 得 報 地方 政府 或 依 主管機關 規定 啟動 預防 性 停課 數 天</t>
  </si>
  <si>
    <t>開學日 在即 全國 學校 忙 著 備戰 防疫 措施 新北 市長 侯友宜 今 19 上午 至 蘆洲 仁愛 國小 視察 校園 防疫 演練 時 表示 學校 的 空間 是 有限 的 能夠 把 距離 拉開 就 儘量 拉開 更 重要 的 是 保持 通風 所以 學校 的 門窗 儘量 全部 打開 至於 萬一 校園 內 出現 確診 該 停課 我們 一定 就 會 停 侯友宜 指出 若 校園 開學典禮 大型活動 是 在 室內 一律 不 建議 舉行 室外 只要 是 空曠 通風 良好 的 都 不 會 去 禁止 原則 上 不讓 學校 用 室內 的 大型 集會 場所 進行 開學典禮 另 對於 疫情 持續 擴大 有 專家建議 開學日 再 延期 侯友宜 說 目前 還是 朝著 2 25 開學 做 好 萬 全 的 準備 若 中央 及 教育部 認為 要 延後 地方 也 都 全力 的 配合 這 由 中央 疫情 指揮中心 的 專家學者 們 來 做 好 一個 判斷</t>
  </si>
  <si>
    <t>陳時中 禁 足 令 連 假 出遊 國內 旅遊 指揮中心</t>
  </si>
  <si>
    <t>新增 8 例 境外移入 指揮中心 14 00 說明</t>
  </si>
  <si>
    <t>新冠肺炎 境外移入 指揮中心</t>
  </si>
  <si>
    <t>增 2 例 境外移入 陳時中 14 10 說明</t>
  </si>
  <si>
    <t>指揮中心 境外移入 新冠肺炎 確認 臺灣 輸出</t>
  </si>
  <si>
    <t>近日 國內 新冠肺炎 境外移入 確診 每天 都 120 例 全台 僅剩 花 東 嘉義 及 外島 沒有 案例 長庚醫院 毒物 實驗室 在 已故 俠 醫 林 傑 梁 的 臉書 分享 了 10 種 一般 民眾 預防 感染 增強 抵抗力 的 最好 方法 連 臺灣人 最愛 的 試 吃 也 列</t>
  </si>
  <si>
    <t>本土 病例 埃及 爸 哥哥 境外移入 近期 感染</t>
  </si>
  <si>
    <t>境外移入 增 3 例 英國 現 變種 病毒 陳時中 台英 管制 加 嚴</t>
  </si>
  <si>
    <t>國內 今天 新增 3 例 新冠肺炎 境外移入 個案 加上 近期 傳出 英國 出現 變種 新冠 病毒 倫敦 20 日 緊急 封城 世界 各國 也 中斷 英國 航班 引發 臺灣 民眾 恐慌 衛福 部長 疫情 中心 指揮官 陳時中 表示 台英 往來 管制 加 嚴 下午 一點 半 記者</t>
  </si>
  <si>
    <t>北市 公佈 1 境外移入 者 足跡 遍及 大 賣 場 咖啡 廳</t>
  </si>
  <si>
    <t>境外移入 新冠肺炎 臺灣 臺北市 足跡</t>
  </si>
  <si>
    <t>機場 檢疫 壓力 超大 醫 揭 防 境外移入 困難 點</t>
  </si>
  <si>
    <t>臺灣 今 起 管制 外國人 入境 入境 國人 若 有 症狀 也 將 進行 采 檢 並 居家 檢疫 14 天 交通部 預估 今 有 8千 餘 人 入境 機場 檢疫 將 面臨 極大 壓力 小兒 急診 醫師 吳昌騰 表示 面對 第二 戰場 境外移入 真 的 要 認真 應戰 他 指出 有 5 個 因</t>
  </si>
  <si>
    <t>臺灣 今 起 管制 外國人 入境 入境 國人 若 有 症狀 也 將 進行 采 檢 並 居家 檢疫 14 天 交通部 預估 今 有 8千 餘 人 入境 機場 檢疫 將 面臨 極大 壓力 小兒 急診 醫師 吳昌騰 表示 面對 第二 戰場 境外移入 真 的 要 認真 應戰 他 指出 有 5 個 因素 會 造成 機場 入境 篩查 很 難 阻止 新冠 病毒傳播 國內 新冠肺炎 疫情 急速 飆 升 連日 公佈 的 確診 案例 多 為 境外移入 能否 第一時間 在 機場 抓 出 確診 者 或 疑似病例 將 考驗 第一線 檢疫 人員 中央 疫情 中心 指揮官 陳時中 昨 坦言 未來 機場 壓力 大 希望 守 住 第一 道 防線 吳 昌騰 在 臉書上 引述 科學 雜誌 一 篇文章 為何 機場 檢測 難以 阻止 病毒傳播 他指 出新冠肺炎 無 症狀 患者 潛伏期 患者 體溫 檢測 設備 假 陰性 和 假 陽性 隱瞞 病情 等 原因 會 造成 機場 入境 篩查 很 難 阻止 新冠 病毒傳播 吳 昌騰 說 這些 種種 也 正 考驗 著 我們 對 境外移入 的 防疫 效果 因為 目前 新冠肺炎 無 症狀 感染者 規模 尚不 清楚 有些 專家 認為 其 傳染性 較 小 但 現實 中 確有 無 症狀 患者 導致 的 人際 傳播 現象</t>
  </si>
  <si>
    <t>新冠肺炎 疫情 全球 肆虐 中央 疫情 指揮中心 今 21 日 公佈 國內 新增 18 起 境外移入 病例 目前 累積 153 名 臺灣 醫護人員 站上 第一 線 防疫 之 餘 也 挺身而出 告誡 國人 非必要 暫時 不 要 出國 台東 一 名 護理 師 更 分享 自己 褪下 隔</t>
  </si>
  <si>
    <t>新冠肺炎 疫情 全球 肆虐 中央 疫情 指揮中心 今 21 日 公佈 國內 新增 18 起 境外移入 病例 目前 累積 153 名 臺灣 醫護人員 站上 第一 線 防疫 之 餘 也 挺身而出 告誡 國人 非必要 暫時 不 要 出國 台 東一名 護理 師 更 分享 自己 褪下 隔離 衣 及 手套 後 雙手 呈現 毫無 血色 佈 滿 皺褶 的 照片 網友 看 了 備感 心疼 紛紛 留言 直 呼 讓 人 太 心疼 了 看到 照片 覺得 鼻頭 酸酸的 隨 著 境外 確診 案例 不斷 攀升 臺灣 醫護人員 紛紛 高舉 為了 你 我 堅守崗位 為了 我 請 你 堅守 在家 的 標語 呼籲 民眾 減少 外出 避免 感染 新冠肺炎 暖 心 宣導 引來 無數 網友 回應 台 東一名 在 醫院 工作 的 護理 師 日前 也 在 臉書 po 出 她 穿 上 隔離 衣 戴 上 口罩 護目鏡 全副武裝 的 身影 尤其 是 手套 下 還 藏 著 一 雙 毫無 血色 被 汗水 浸濕 而 佈 滿 皺褶 的 灰色 手掌 照片 曝光 後 讓 網友 心疼 不已 紛紛 留言 直 呼 看到 照片 覺得 鼻頭酸酸的 感謝 辛苦 防守 在 第一線 的 您 們 辛苦 了 感謝 白衣天使 感恩 有 你們 向 你們 致敬 辛苦 了 所有 的 醫護人員 們 感恩不盡 希望 大家 都能 配合 防疫 一起 共 體 時艱 臺灣 人民 感謝您</t>
  </si>
  <si>
    <t>新冠肺炎 散播 的 震央 目前 從 大陸 轉移 到 歐洲 由於 歐洲 國家 如 英國 和 瑞典 採取 和 wto 不同 的 防疫 模式 群體 免疫 概念 浮 上 檯面 儘管 在 反彈 下 緊急 採取措施 彌補 但 可能 為時已晚 歐美 嚴防 亞洲 的 局面 出現 倒轉 如果 防疫 不力 交叉 感染 將 不可避免 因此 整個 防疫 措施 也 應該 進入 一個 新 的 階段 大陸 公佈 的 疫情 顯示 新冠肺炎 病例 已經 從 頂峰 降下 目前 發現 的 病例 除 武漢 外 大都 是 境外移入 病例 而 在 臺灣 近 幾 天 的 病例 全都 集中 在 境外移入 接下來 可能 要 集中精力 擺在 恢復 經濟 和 社會 正常 運轉 以及 防止 境外 病例 移入 導致 大規模 感染 避免 原先 採取 的 極端 措施 又 將 重來 一 次 不過 防疫 卻 碰到 令人不安 的 新 情況 原因 在於 英國 和 瑞典 等 國家 深感 若要 完成 應查盡 查 的 要求 醫療 體系 無法 負荷 因此 乾脆 提出 了 一個 群體 免疫 的 說法 其 結果 就 是 病源 永遠 不 斷 而 在 全球化 之下 人類 被迫 必須 學會 和 新冠 病毒 共 舞 不光 在 歐洲 新冠 病毒 在 美國 也 有 蔓延 的 跡象 由於 美國 人口 超過 三億 但 至今 檢測 的 例子 不 到 萬 例 加上 全美 已經 有 49 州 淪陷 合理 推論 美國 的 病例 數 遠遠 超過 公佈 數字 而且 可能 會 呈現 突發 井噴 期 川普 先前 新冠 類似 流感 的 說法 和 群體 免疫 的 概念 不謀而合 可以 想見 為了 連任 川普 必然 意圖 低調 致力 不讓 美國 民眾 恐慌 因此 儘管 全額 補助 檢測 在 法律 層面 已經 通過 但 大規模 檢測 在 可見 的 未來 仍然 不 可得 不光 歐美 中東 南亞 東南亞 其實 都 蘊藏 危機 新冠 病毒 快速 蔓延 又 因 部分 國家 提出 群體 免疫 概念 不作為 而 得以 繼續 擴散 在 病毒 根源 始終 無法 斷絕 下 防疫 將 比 第 一個 階段 更加 困難 任何 國家 都 可能 在 恢復正常 後 再度 爆發 新 一 波 疫情 直到 全世界 群體 免疫 完成 為止</t>
  </si>
  <si>
    <t>雲 林縣 12 日 再 增 1 名 本土 確診 案 案 12838 為 雲 林縣 麥寮 鄉 台塑 六 輕工業 區 員工 本月 5 日 出現 身體 不適 9 日 回 高雄 住處 11 日 就醫 確診 目前 工業區 已 有 5 名 員工 確診 縣府 已 展開 調查 其 關聯 性 避免 疫情 持續 擴大 案 12838 為 42 歲 男性 在 六 輕工業 區 上班 平日 住 在 工業 區內 宿舍 本月 5 日 出現 腹瀉 偏 頭痛 關節 酸痛 等 症狀 7 日 曾 前往 工業區 福利 大樓 醫務室 就診 9 日 回 高雄 住家 11 日 出現 發燒 症狀 到 醫院 快 篩 為 陽性 pcr 檢驗 結果 為 陽性 ct 值 22 目前 於 醫院 治療 中 案 12838 本月 5 日 至 9 日 都 在 工業區 上班 下班 就 回 宿舍 其間 曾 到 麥寮 鄉 仁德西路 2 段 凱撒 one 咖啡 烘焙 坊 7 11六 輕 門市 晚餐 均 到 員工 餐廳 外帶 此案 匡列 10 人 雲 林縣 衛生局長 曾春美 表示 六 輕工業 區 確診 個案 至今 有 5 案 案 12838 與 本月 5日 的 案 10653 住 在 同 1 棟 宿舍 但 不同 樓層 案 10653 與 案 10467 為 夫妻 同是 台中 市 案 本月 11 日 案 12389 與 案 12586 是 同寢室 同事 目前 正 在 厘 清其 關聯 性 曾春美 說 目前 雲 林縣 累計 本土 確診 個案 19 例 外縣市 確診 者 足跡 24 例 境外移入 1 例 縣 內 醫療 院所 專責 病床 共 64 床 已 收 20 名 確診 個案 人 1 名 疑 似 個案 服務 量 能 還算 足夠 另外 縣府 11 日 起 在 虎尾 高 鐵站 鬥六 與 鬥南 火車站 設置 快 篩 站 分別 篩檢 514439 人 加上 其他 各鄉鎮 快 篩 站 已 篩檢 3556 人 全部 為 陰性 雲 林縣 政府 指出 雲 林縣 獲 配 24萬 劑 日本 捐贈 的 az 疫苗 11萬 劑 疫苗 將 分配 給 醫 事 與 防疫 人員 等 前 5 類人 員 13萬 劑 供 85 歲 以上 長者 若 有 剩 餘 再 依 年齡 遞補 所有 疫苗 將 於 15 日 統一 施打</t>
  </si>
  <si>
    <t>新冠肺炎 本土 疫情 延 燒 國內 昨 新增 472 名 本土 案例 其中 339 例 新增 133 例 校正 回歸 個案 全台 本土 案例 累計 9248 例 加上 境外移入 共 1萬446 例 突破 1萬 大關 且 再 新增 21 名 死亡 個案 追 平 單日 最高 紀錄 雙北 疫情 持續 延 燒</t>
  </si>
  <si>
    <t>新冠肺炎 肆虐 全球 臺灣 確診 病例 近日 也 快速 增加 不過 比對 後 發現 臺灣 確診 病例 仍以 境外移入 為 大多數 本土 案例 相對 較 少 瑞士 時報 甚至 讚賞 臺灣 是 這 波 疫情 中 受 影響 最小 的 地方 之一 並 向 世界衛生組織 who 分析</t>
  </si>
  <si>
    <t>新冠肺炎 肆虐 全球 臺灣 確診 病例 近日 也 快速 增加 不過 比對 後 發現 臺灣 確診 病例 仍以 境外移入 為 大多數 本土 案例 相對 較 少 瑞士 時報 甚至 讚賞 臺灣 是 這 波 疫情 中 受 影響 最小 的 地方 之一 並 向 世界衛生組織 who 分析 鄰近 大陸 的 臺灣 為何 能守 住 疫情 解方 在 臺北 瑞士 時報 報導 臺灣 與 大陸 關係 密切 還 有 數 十萬 人 在 大陸 工作 但 卻 在 這 波 疫情 中 影響 最小 關鍵在於 臺灣 早 在 去年底 就 發出 新冠肺炎 病毒 人 傳 人 的 警示 甚至 比 who 及 北京政府 還 早 了 3 周 而且 衛福 部長 陳時中 每天 坐鎮 臺北 召開 記者會 向全民 報告 最新 疫情 認為 who 當初 若 能 聆聽 臺灣 的 意見 或許 可為 全球 爭取 寶貴 的 防疫 時間 瑞士 時 報 讚賞 臺灣 聽進 了 武漢 吹 哨 人 醫師 的 聲音 隨即 對 大陸 採取 管制 措施 並 呼籲 自 2016 年 起 就 幾乎 與 臺灣 斷絕 聯繫 的 who 想 遏止 全球 疫情 擴散 替國際 尋求 解方 應 關注 的 是 臺北 好好 傾聽 臺灣 的 聲音</t>
  </si>
  <si>
    <t>world gym 解封 健身房 停業 境外移入</t>
  </si>
  <si>
    <t>臺灣 境外移入 個案 大 爆發 今 16 日 公佈 新增 8 例 加上 15 日 的 6 例 14 例 全 為 境外 感染 引發 外界 討論 女星 隋棠 看到 新聞 也 罕見 動怒 開 轟 非常 時期 硬 要 出 國 的 人 荒唐 又 自私 隋棠 在 臉書 分享 衛服部 16 日 新增 病例 的 公告 寫 下</t>
  </si>
  <si>
    <t>臺灣 境外移入 個案 大 爆發 今 16 日 公佈 新增 8 例 加上 15 日 的 6 例 14 例 全 為 境外 感染 引發 外界 討論 女星 隋棠 看到 新聞 也 罕見 動怒 開 轟 非常 時期 硬 要 出 國 的 人 荒唐 又 自私 隋棠 在 臉書 分享 衛服部 16 日 新增 病例 的 公告 寫下 國家 如此 辛辛苦苦 守 著 防疫 大門 自私 的 人 到底 如何 視而不見 聽而不聞 的 語氣 間 盡是 憤怒 和 無奈 同時 隋棠 也 不 忘 呼籲 請 大家 正視 政府 的 辛勞 正視 檢疫 人員 醫護人員 的 安全 正視 全民 的 健康 更 斥責 現在 是 出國 玩 的 時候 嗎 荒唐 難得 動怒 引發 許多 共鳴 網友 紛紛 留言 真 的 一點 危機意識 都 沒有 我們 在 國內 堅持 的 這麼 辛苦 是 在 心酸 什麼的 完全 同感 超級 荒唐 真 的 要 重罰 才行</t>
  </si>
  <si>
    <t>有鑒於 境外移入 的 新冠肺炎 確診 案例 數 快速 增加 今 17 日 更 一口氣 爆 增 10 例 確診 衛福 部長 陳時中 表示 新冠肺炎 正 在 全球 大 流行 為 避免 民眾 赴 國外 旅遊 不幸 染病 造成 國內 社區 防疫 壓力 將 往 回 追溯 3 月 3 14 日 期間 所</t>
  </si>
  <si>
    <t>有鑒於 境外移入 的 新冠肺炎 確診 案例 數 快速 增加 今 17 日 更 一口氣 爆 增 10 例 確診 衛福 部長 陳時中 表示 新冠肺炎 正 在 全球 大 流行 為 避免 民眾 赴 國外 旅遊 不幸 染病 造成 國內 社區 防疫 壓力 將 往 回 追溯 3 月 3 14 日 期間 所 有 自 歐洲 入境者 並 針對 其中 可能 之 對象 進行 covid-19 新冠肺炎 病毒 之 檢驗 指揮中心 進一步 表示 將 依據 3 月 3 14 日間 之 入境 健康 聲明 卡 含 線 上 填報 系統 蒐集 所有 自 歐洲 入境者 資料 及 聯絡 方式 指揮中心 已 主動 勾稽 健 保 系統 調查 這 段 期間 曾 就醫 並 有 肺炎 或 上呼吸道 症狀 者 將 透過 簡訊 通知 上述 民眾 配合 相關 采 檢 措施 針對 所有 入境者 後續 將 安排 call center 進行 電話 關懷 提醒 有 症狀 要 戴 上 口罩 盡 速 就醫 並 應 說明 旅遊 史 指揮中心 呼籲 3 月 3 14 日間 自 歐洲 入境者 返國 後 務必 落實 14 天 自主 健康 管理 若 仍 在學 建議 暫時 不 要 上課 工作 人士 建議 暫時 在家 上班</t>
  </si>
  <si>
    <t>新增 1 境外移入 波蘭 留學生 欲 再度 出境 確診</t>
  </si>
  <si>
    <t>境外移入 疫苗 新冠肺炎 指揮中心 莊人祥</t>
  </si>
  <si>
    <t>繼 日前 加 茂 kamo 貨輪 船長 確診 身亡 後 台 中港 再 傳 靠 泊 碼頭 的 諾曼賈爾 離岸 風 電 工作 船 菲律賓籍 船員 確診 案 16098 由於 該 船 8 月 14 日 已 抵 台 中港 個案 在 28 日 采 檢 才 確診 消息 傳出 後 引發 台 中港 周 遭 民眾 恐慌 不過 台中 市 衛生局 向疾 管署 查證 個案 未曾 下船 該 船 日前 全船 檢疫 全船 41 人 采 檢 pcr 僅 發現 個案 為 陽性 其 餘 40 人 皆 陰性 諾曼賈爾 的 離岸 風 電 工作 船 8 月 14 日 抵 台 中港 疾 管署 中區 管制中心 日前 依 規定 上 船 對 全船 船員 41 人 采 檢 發現 該 名 菲律賓籍 水手 pcr 陽性 ct 值 3486 目前 無 症狀 5 月 4 日 於由 鹿特丹 上 船 作業 期間 皆 於 船上 未 與 外界 接觸 在 采 檢 結果 出爐 後 隨即 由 119 送至 醫院 隔離 治療 中 另 中央 疫情 指揮中心 昨 公佈 最新 疫情 國內 昨 新增 4 例 新冠肺炎 確定 病例 為 3 例 本土 及 1 例 境外移入 個案 確診 個案 中 新增 1 死 截至 目前 國內 共 累計 1萬5995 例 確診 其中 835 人 死亡 昨 新增 的 3 例 本土 個案 介於 30 多 歲 至 60 多 歲 為 新北 市 2 例 臺北市 1 例 3 人 中 有 2 人 關聯 不明 1 例 疫 調 中 新北 2 例 個案 分佈 在 中和 及 五 股 確診 者 足跡 包括 全聯 千 葉 火鍋 都 中標 新北 市長 侯友宜 指出 五 股 確診 個案 感染 原因 目前 疫 調 中 推測 可能 是 朋友 感染 另 1 例 為 中和 個案 於 8 月 30 日 陪同 兒子 至 醫院 就診 采 檢 為 陽性 ct 值 3678 研 判為 舊案 應 不具 傳染 力</t>
  </si>
  <si>
    <t>新北 爆 4 例 delta 病毒 皆 境外移入 侯友宜 勿 忘 諾 富特 破 口 事件</t>
  </si>
  <si>
    <t>印度 變種 病毒 delta 來勢洶洶 新北 市長 侯友宜 今 在 疫情 說明 會上 表示 7 月 1 日 起 新北 市 境外移入 確診 有 23 例 其中 delta 病毒 有 4 例 來自 緬甸 3 人 泰國 1 人 呼籲 防疫 旅館 一定 要 落實 防疫 侯友宜 提醒 勿 忘 上次 諾 富特 旅館 造</t>
  </si>
  <si>
    <t>印度 變種 病毒 delta 來勢洶洶 新北 市長 侯友宜 今 在 疫情 說明 會上 表示 7 月 1 日 起 新北 市 境外移入 確診 有 23 例 其中 delta 病毒 有 4 例 來自 緬甸 3 人 泰國 1 人 呼籲 防疫 旅館 一定 要 落實 防疫 侯友宜 提醒 勿 忘 上次 諾 富特 旅館 造成 的 破 口 事件 所以 防疫 旅館 的 防範 絕對 不可等閒視之 新北 市 防疫 旅館 一定 要 做好 入境 普 篩 雖然 做 了 但 防疫 旅館 的 防疫 落實 如果 沒 做 好 如有 確診 個案 稍有不慎 就 易 造成 防疫 破 口 就 不 可 收 十 侯友宜 說 全球 案例 中 有 清潔工 不當 接觸 後 造成 破 口 防疫 旅館 入住 非常 重要 新北 有 21 家 防疫 旅館 2418 個 房間 入住 率 6 成 所以 防疫 旅館 的 入住 管理 及 消毒 流程 都 要 嚴謹 面對 侯友宜 表示 入住 前 要 至 前進 櫃檯 完成 入住 者 全身 及 身 物品 消毒 公共 區域 每天 消毒 3 次 退 房後 客房 靜 置 1 日 再 進場 消毒 如 出現 確診 案例 客房 靜 置 3 天 後 再 進場 清 消 侯友宜 表示 新北 28 個 漁港 也 要 嚴防 走私 除 機場 防疫 港口 防疫 也 很 重要 慎防 不當 接觸 造成 防疫 漏洞 以 阻擋 delta 入 社區 讓 疫情 往下走</t>
  </si>
  <si>
    <t>政府 昨 宣佈 713 微 解封 今天 9 日 新增 36 例 covid-19 確定 病例 分別 為 32 例 本土 及 4 例 境外移入 其中 臺北市 19 例 最 多 其次 為 新北 市 11 例 桃園 市 2 例 新北 市 確診 從 昨日 的 5 到 今日 又 跳 回 雙位 數 的 11 是否 代表 疫情 並未</t>
  </si>
  <si>
    <t>政府 昨 宣佈 713 微 解封 今天 9 日 新增 36 例 covid-19 確定 病例 分別 為 32 例 本土 及 4 例 境外移入 其中 臺北市 19 例 最 多 其次 為 新北 市 11 例 桃園 市 2 例 新北 市 確診 從 昨日 的 5 到 今日 又 跳 回 雙位 數 的 11 是否 代表 疫情 並未 停歇 市長 侯友宜 記者會 發表 最新 說明 昨日 中央 宣佈 13 日 起 開放 餐廳 百貨公司 美食街 可 依 指引 內 用 此外 包括 電影院 表演 場館 國家 風景區 遊樂園 駕訓 班 健身房 等 也 適度 鬆綁 但 新北 市長 侯友宜 上午 卻 宣佈 餐廳 持續 禁止 內 用 其他 只要 影響 到 疫情 的 場所 新北 市 都會 嚴肅 面對 一律 採取 不 開放 為 原則 針對 詳細 管制 措施 侯友宜 記者會 上 表示 新北 今日 新增 11 例 有關 臺北 的 確診 者 大多 感 然源 來自 北農 環南 市場 和 職 場 至於 新北 市 3 名 確診 者 中 有 2 例 軌跡 仍 在 厘 清 另 侯友宜 提到 新北 市 社區 篩檢 從 5 月 開始 就 不 停歇 連續 好幾 日 篩檢 出 的 陽性 患者 數量 約 0 3 人 相信 只要 雙北 持續 擴大 篩檢 量 疫情 定能 越來越 穩定 又 針對 微 解封 議題 侯友宜 分析 中央 指引 後 認為 該 政策 對 地方 政府 和 業者 來說 執行 面 都 相當 困難 因此 新北 市 決定 一致性 處理 避免 社區 感染 再 出現 隱形 傳播 鏈 或 破 口 加上 北農 環南 目前 每日 都有 新 增 個案 新北 還 是 得 謹慎 面對 放寬政策 加上 疫苗 還是 不夠 就 全台 來看 新北 依舊 屬於 臺灣 疫情 重災區 絕不能 掉以輕心 不能 冒進 所以 接下來 新北 市 會 將 三級 警戒 當作 原則 放寬 視為 例外 場館 持續 關閉 包括 圖書館 電影院 藝 文中心 學校 操場 國民 運動 中 心 與 公有 運動 場館 會 持續 關閉 當初 最先 關閉 的 會 最後 開放 公有 場館 原則 都 不 開放 局部 要 開放 的 部分 也 是 很小 部分 博物館 藝 文 園區 室內 不 開放 戶外 容留 人數 降 載 40 景區 實施 人流 降 載 未來 視 疫情 做 滾 動式 檢討 與 調整 侯友宜 也 提到 雙北 都 是 疫情 重災區 重災區 採取 策略 跟 方式 當然 會 跟 其他 縣 市 不 一樣 新北 還是 以 警戒 三級 為 原則 開放 才是 例外 會 更 嚴謹 落實 防疫 步步為營 另 侯友宜 強調 所有 作為 會 轉 知 給 臺北市 知道 希望 兩 市 還 是 以 區域 聯防 防疫 為 最 主要 的 優先 大家 同心 齊力 把 防疫 作好 才是 現階段 最 重要 的 方向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增 3 例 境外移入 均 來自 印尼 一 人 檢疫 期滿 才 確診</t>
  </si>
  <si>
    <t>境外移入 檢疫 期滿 確診 新冠肺炎 印尼</t>
  </si>
  <si>
    <t>新冠肺炎 全球 發 威 然 多虧 臺灣 相關 部門 的 超前 佈 署 防堵 疫情 嚴密 程度 有目共睹 然 人禍 難 防 這 兩 天 暴 增 14 起 境外移入 確診 案例 引發 民怨 名主 播 張雅琴 也 在 節目 上 透露 臉書 被 憤怒 網友 灌 爆 請 她 呼籲 眾人 防疫 為重</t>
  </si>
  <si>
    <t>新冠肺炎 全球 發 威 然 多虧 臺灣 相關 部門 的 超前 佈 署 防堵 疫情 嚴密 程度 有目共睹 然 人禍 難 防 這 兩 天 暴 增 14 起 境外移入 確診 案例 引發 民怨 名主 播 張雅琴 也 在 節目 上 透露 臉書 被 憤怒 網友 灌 爆 請 她 呼籲 眾人 防疫 為重 不宜 出國 她 則 是 暴怒 狂 轟 要 那些 硬 要 出 國 的 人 你 不要 回來 了 並 曝光 陳時中 開 防疫 記者會 時 的 真實 心聲 張雅琴 昨 在 年代 晚報 主 播 臺上 大動肝火 表示 自己 跟 灌 爆 她 臉書 的 民眾 一樣 憤怒 對 那些 堅持 出國 的 民眾 喊話 表示 如今 不是 怕 有 人 出國 人家 怕 你在 外面 爽 了 一下 就 把 病 帶回 臺灣 有 沒有 公德心 啊 也 說 陳時中 昨天 在 宣佈 臺灣 添 8 起 境外移入 案例 時 感受 到 他 的 哀怨 張雅琴 解析 陳時中 部長 真實 心聲 不 要 讓 全 臺灣 的 人 做 白工 嘛 至於 境外移入 案例 暴 增 政府 公佈 新 措施 將來 執意 前往 三級 旅遊 警示 疫區 返台 後 確診 者 不得 領 每日 一千 元 的 居家 檢疫 補助 需 自負 醫療 費用 且 還要 公佈 姓名 張雅琴 大贊 此舉 痛快 看看 是 誰 沒有 辦法 出去玩 就 受不了 還要 帶病 回來 還 加碼 放 送 你 可以 出國 你 不要 回來 了</t>
  </si>
  <si>
    <t>張雅琴 陳時中 確診 境外移入 三級</t>
  </si>
  <si>
    <t>新冠肺炎 持續 延 燒 但 清明連 假 不少 景點 卻 湧入 大批 人潮 振興 醫院 急診 重症 醫學 部 主治醫生 蔡賢龍 撰文 指出 現在 臺灣 確診 的 狀況 看來 前 三大 症狀 為 發燒 咳嗽 以及 喉嚨 癢 痛 此外 初步 發燒 表現 比例 只有 低 到 3663 需要 特別注意 同時 他 提醒 清明連 假 後 2 周內 是 關鍵時刻 蔡賢龍 在 臉書 網站 急症 最 前線 投資 現金 流 上 表示 目前 臺灣 因為 圍堵 策略 初步 奏效 各種 防疫 物資 準備 適當 確診 人數 雖 多 暫時 仍以 境外移入 為主 症狀 方面 發燒 咳嗽 與 喉嚨 痛 為 前 3 大 症狀 跟 各國 不同 比例 都 偏 低 此外 初步 為 發燒 表現 的 比例 低 到 只 有 3663 這 需要 特別注意 蔡賢龍 說明 一 開始 就 發燒 的 比例 只 占 3636 統計 明顯 比 較 少 有 可能 是 因為 能夠 監控 症狀 傳播 提早 篩檢 相關 接觸 者 早期 診斷 而非 疾病 中後期 才 發現 重新 證明 發燒 只 能夠 篩檢 出 部分 的 病 患 蔡賢龍提到 若 把 臺灣 本土 病例 單獨 拉出 來看 這 段 時間 增加 的 人數 少 但 清明連 假 後 2 周是 主要 觀察期 看看 本土 病例 是否 有 上升 他 也 提醒 臺灣 初步 取得 防疫 成績 後 更須 避免 警戒 心 喪失 導致 大量 增加 社區 感染 可能</t>
  </si>
  <si>
    <t>新增 6 境外移入 自 荷蘭 印尼 及 烏茲別克 入境</t>
  </si>
  <si>
    <t>境外移入 確診 新冠肺炎</t>
  </si>
  <si>
    <t>大陸 國家 衛健 委 19 日 公佈 18 日 大陸 共 新增 新冠肺炎 確診 118 例 數量 較 上 一 日 小幅 增長 且 106 例 為 本土 案例 主要 分佈 在 東北 京冀 地區 本土 病例 中 吉林 43 例 河北 35 例 黑龍江 27 例 北京 1 例 總計 破百 例 較 上 一 日 的 93 例 小幅 增加 境外移入 病例 數量 18 日 新增 12 例 其中 上海 4 例 浙江 3 例 廣東 3 例 山西 1 例 陝西 1 例 河北省 35 例 均 位於 石家莊市 且 有 多 名 兒童 確診 而 黑龍江省 27 例 確診 中 有 23 例 在 綏化市 望奎縣 望奎縣 19 日 發佈公告 要求 全縣 居民 一律 禁止 離開 家門 暫定 一 周 吉林 方面 通化市 自 18 日 23 時起 將 通化市 東昌區 全域 調整 為 中 風險 地區</t>
  </si>
  <si>
    <t>境外移入 指揮中心 移 工 新冠肺炎</t>
  </si>
  <si>
    <t>境外移入 16 例 確診 無 新 增 死亡</t>
  </si>
  <si>
    <t>境外移入 個案 召開 臨時 記者會 說明 新 增</t>
  </si>
  <si>
    <t>教育部 今 21 日 公佈 最新 全國 確診 學生 人數 已 連續 3 天 沒有 新 增 案例 累計 全國 學生 確診 個案 維持 在 754 人 根據 教育部 最新 統計 自 4 月 20 日 到 9 月 20 日 下午 5 點 半 共有 754 名 學生 確診 新冠肺炎 其中 721 名 是 本土 案例 33 名 境外移入 資料 與 9 月 17 日 人數 一樣 沒有 新增 案例 依照 教育部 資料 顯示 以 各 教育 階段 區分 大專 校院 共 242 名 案例 高中 119 名 國中 114 名 國小 190 名 幼稚園 89 名 至於 行政院 孩童 家庭 防疫 補貼 方面 國小 以下 孩童 及 國中 高中 五專 前 3 年 身心 障礙 學生 的 父母 監護人 或 實際 照顧 者 可以 進行 申領 教育部 也 在 中秋 連 假 前夕 完成 最新 統計 截至 9 月 17 日 成功 申領 人數 比率 約 9702</t>
  </si>
  <si>
    <t>新增 2 境外移入 指揮中心 下午 2 點 說明</t>
  </si>
  <si>
    <t>境外移入 新冠肺炎 指揮中心 確診 說明</t>
  </si>
  <si>
    <t>國內 新冠肺炎 在 連續 6 天 無 新 增 個案 後 破 功 一 次 增加 3 名 境外移入 確診 其中 案 431432 是 一對 夫婦 從 西非 到 法國 轉機 返台 機 上空 服 員 爆 料 兩 人 早 在 上機 前 就 告知 喉嚨 痛 機上 更是 狂 吃 喉 糖 試圖 止咳 減緩 喉嚨 不適 案 43</t>
  </si>
  <si>
    <t>國內 新冠肺炎 在 連續 6 天 無 新 增 個案 後 破 功 一 次 增加 3 名 境外移入 確診 其中 案 431432 是 一對 夫婦 從 西非 到 法國 轉機 返台 機 上空 服 員 爆 料 兩 人 早 在 上機 前 就 告知 喉嚨 痛 機上 更是 狂 吃 喉 糖 試圖 止咳 減緩 喉嚨 不適 案 431 與 432 為 一對 夫婦 2 月 11 日 至 塞內加爾 工作 陸續 於 4 月 26 日 27 日 出現 全身 倦怠 及 咳嗽 等 症狀 兩 人 5 月 1 日 返國 入境 時因仍 有 咳嗽 症狀 由 機場 檢疫 人員 采 檢 通報 確診 tvbs 報導 這 對 夫妻 其實 還 帶 著 2 個 小孩 回台 在 上機 前 就 先 說 有 喉嚨 痛 在 從 巴黎 返台 的 班機 上 更是 一直 吃 喉 糖 想 止咳 舒緩 喉嚨 痛 一旁 的 商務 艙 乘客 嚇 得 只 能 把 自己 包 緊緊 之後 飛機 落地 不 到 半天 該 班機 的 空服 員 立刻 收到 居家 隔離 14 天 簡訊 包括 乘客 機組人員 在內 匡列 了 11 名 接觸 者</t>
  </si>
  <si>
    <t>新增 2 境外移入 9 天 累計 22 例 確診 指揮中心 14 30 說明</t>
  </si>
  <si>
    <t>新冠肺炎 境外移入 確診 指揮中心 說明</t>
  </si>
  <si>
    <t>臺北市 今 無 本土 病例 北市 衛生局 說明 新增 4 例 境外移入 從 美國 烏克蘭 菲律賓 入境 衛生局 也 提醒 學生 沒有 在 校園 接種 也 未 1922 預約 平臺 登記 的 學生 聯合醫院 仁愛 院區 10 月 16 日 上午 加開 bnt 門診 可以 前往 接種 有</t>
  </si>
  <si>
    <t>臺北市 今 無 本土 病例 北市 衛生局 說明 新增 4 例 境外移入 從 美國 烏克蘭 菲律賓 入境 衛生局 也 提醒 學生 沒有 在 校園 接種 也 未 1922 預約 平臺 登記 的 學生 聯合醫院 仁愛 院區 10 月 16 日 上午 加開 bnt 門診 可以 前往 接種 有關 校園 bnt 疫苗 接種 歐佳齡 說 147 所 學校 14萬3千 多 人 皆 種 已 全數 完成 但 還有 3千 多 名 學生 沒有 在 學校 接種 提醒 學生 若 有 在 1922 登記 可 在 10 月 15 日 至 18 日 到 預約 院所 接種 若 學校 沒有 接種 預約 平臺 也 沒有 登記 到 有請 聯 醫 仁愛 院區 16 日 上午 加開 學生 bnt 門診 歐佳齡 指出 國高中 的 學生 有 給 他們 一 張 小 叮嚀 有 教育局 也 有 名冊 給 醫院 只要 符合 學生 身份 確認 沒有 在 學校 施打 即 可 在 仁愛 院區 施打 對於 花博 疫苗 接種 站 亂象 針對 哪些地方 改善 歐佳齡 表示 每天 接種 完 後會 檢討 改進 昨天 有 民眾 提出 需求 今 各局 處加派 150 人力 去 維持秩序 提供 長輩 協助 同時 運用 場內 跟 場外 調配 不 會 讓 他們 久候 或 淋雨 今天 比 昨天 相較 起來 獲得 大幅 改善</t>
  </si>
  <si>
    <t>臺灣 境外移入 個案 驗 出 首例 哥倫比亞 變異 株 北市 副 市長 黃珊珊 證實 個案 於 昨天 13 日 在 臺北 劍潭 安心 檢疫所 驗 出 將 謹慎 看待 此 新興 變異 株 針對 哥倫比亞 變異 株 現身 臺灣 毒理 權威 招 名 威 教授 分析 該 病毒 與 英國 南非</t>
  </si>
  <si>
    <t>臺灣 境外移入 個案 驗 出 首例 哥倫比亞 變異 株 北市 副 市長 黃珊珊 證實 個案 於 昨天 13 日 在 臺北 劍潭 安心 檢疫所 驗 出 將 謹慎 看待 此 新興 變異 株 針對 哥倫比亞 變異 株 現身 臺灣 毒理 權威 招 名 威 教授 分析 該 病毒 與 英國 南非 變種 病毒 出自 同一 門 傳播 力和 致死 率 雖然 不能 太 早 下 定論 但 確實 不 容小覷 面對 delta 變異 株 肆虐 全球 哥倫比亞 變異 株 也 漸漸 竄 起 並 在 昨天 於 我國 境外 被 驗 出 招名威 表示 該 病毒 於 今年 1 月 在 哥倫比亞 首度 被 驗 出 5 月 被 who 列入 變異 株 名單 目前 在 至少 28 國曾 被 檢驗 出 美國 則 有 2 確診 者 染上 哥倫比亞 變異 株 推 估 傳播 途徑 是從 南美洲 往 美國 少數 歐洲 國家 擴散 根據 文獻 招名威 指出 不 像 alpha delta 變異 株 哥倫比亞 變異 株 尚無 希臘字母 歸屬 目前 只能 用 b 1621 代稱 從 病株 的 突變 位點 可 得知 它 是從 英國 南非變異 株 衍 伸 出來 的 至於 傳播 力 從 哥倫比亞 當地 疫情 分析 b 1621 可以 以 一傳 五 的 速度 傳播 出去 近日 比利時 安養院 就 傳出 有 7 名 打完 疫苗 的 老人 仍 集體 感染 到 哥倫比亞 變異 株 的 案例 招 名 威 指出 目前 還 沒有 研究 指出 哥倫比亞 變異 株 會 特別 增加 傳染 力 或 致死 率 的 報告 儘管 安養院 本身 就 屬於 有 高度 感染 風險 的 區域 再 加上 對象 又 是 老年人 但 b 1621 確實 不 容小覷 畢竟 它 還 是 與 南非 及 英國 變異 株系 出 同門 招 名 威 坦言 現在 對 哥倫比亞 變異 株 下 定論 還 太 早 儘管 只 多 了 一個 突變 點 但 delta 也 只不過 多 變異 了 一兩 個位 點 而已 就 造成 全球 肆虐 他 強調 是否 一定 會 對 臺灣 造成 影響 這 倒 未必 邊境 守 好 才 是 關鍵 指揮中心 指揮官 陳時中 也 表示 邊境 管制 會 持續 用 現在 的 強度 來 做 管理</t>
  </si>
  <si>
    <t>臺灣 這 波 疫情 5 月中 旬 爆發 時 澳洲 西澳 大學 流行病 學 專家 zo hyde 在 推特 評論 臺灣 曾是 防疫 成功 案例 但因 太 過 自滿 導致 社區 大規模 感染 時隔 2 個 多 月 zo hyde 於 8 月 7 日 再度 發文 提及 臺灣 改口 大贊 臺灣 幾 個 月 前 面臨 大規模 爆發 但 從未 放棄 零 確診 目標 zo hyde 5 月 30 日 曾於 個人 推特 指出 臺灣 曾經 是 新冠肺炎 防疫 成功 的 案例 但 現在 正 面臨 大規模 社區 感染 最 不幸 的 是 這個 國家 過去 因 防疫 有成 而 變 得 自滿 將 機組員 的 隔離 天數 縮短 甚至 停止 篩檢 因為 他們 認為 自己 是 安全 的 不過 隨 著 臺灣 近日 疫情 獲得 控制 zo hyde 也 在 8 月 7 日 再度 於 推特 分享 臺灣 近日 本土 疫情 走勢 圖 表示 幾 個 月 前 臺灣 曾 面臨 大規模 爆發 但 他們 從未 放棄 清零 目標 8 月 7 日 僅 增加 6 例 本土 及 4 例 境外移入 該 貼 文 引發 不少 網友 回應 其中 一 名 網友 認為 臺灣 防疫 做 得 不錯 雖然 臺灣 流行 的 病毒 是 alpha 變異 株 而非 棘手 的 delta 變異 株 對此 zo hyde 也 回 覆 該 網友 留 言說 臺灣 社區 中 主要 盛行 的 的確 是 alpha 變異 株 但 臺灣 是 世界 上 人口 最 稠密 的 國家 之一 所以 仍 是 一 項 非常 了不起 的 成就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再 增 1 例 境外移入 指揮中心 14 00 說明</t>
  </si>
  <si>
    <t>境外移入 新冠肺炎 指揮中心</t>
  </si>
  <si>
    <t>新增 8 境外移入 5 例 都 來自 這個 國家</t>
  </si>
  <si>
    <t>國內 今日 新冠肺炎 本土 死亡 個案 都 0 新增 8 例 境外移入 確定 病例 其中 6 人 突破性 感染 接種 廠 牌 為 莫德納 bnt 及 az 今日 新增 8 例 境外移入 個案 為 5 男 3 女 年齡 介於 10 多 歲 至 40 多 歲 分別 自 印尼 5 例 案 16713 案 16716</t>
  </si>
  <si>
    <t>國內 今日 新冠肺炎 本土 死亡 個案 都 0 新增 8 例 境外移入 確定 病例 其中 6 人 突破性 感染 接種 廠 牌 為 莫德納 bnt 及 az 今日 新增 8 例 境外移入 個案 為 5 男 3 女 年齡 介於 10 多 歲 至 40 多 歲 分別 自 印尼 5 例 案 16713 案 16716 16718 案 16720 加拿大 案 16714 美國 案 16715 及 柬埔寨 案 16719 入境 入境 日 介 於今 2021 年 11 月 17 日 至 11 月 29 日 皆 持有 搭 機 前 3 日內 檢驗 陰性 報告 其中 6 人 突破性 感染 接種 廠 牌 為 莫德納 bnt 及 az 截至 目前 國內 累計 1萬6609 例 確診 分別 為 1965 例 境外移入 1萬4590 例 本土 病例 36 例 敦睦 艦隊 3 例 航空器 感染 1 例 不 明及 14 例 調查 中 無 新 增 空號 病例 累計 111 例 移除 為 空號 2020 年 起 累計 848 例 死亡 病例 其中 836 例 本土 個案 居住 縣 市 分佈 為 新北市 412 例 臺北市 321 例 基隆 市 29 例 桃園 市 27 例 彰 化 縣 15 例 新竹 縣 13 例 台中 市 5 例 苗栗縣 3 例 宜蘭 縣 及 花蓮縣 各 2 例 新竹 市 南 投 縣 雲 林縣 台 南市 高雄市 屏 東縣 及 台 東縣 各 1 例 另 12 例 為 境外移入 指揮中心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台中 28 日本 土 零 確診 境外移入 1 例 案 15726 為 一 名 64 歲 的 印尼 台商 在 印尼 確診 後 搭 醫療 專機 返台 治療 目前 收治 在 北部 一家 負 壓 隔離病房 市長 盧秀燕 表示 統計 至 今日 上午 全市 施打 第一 劑 人數 已 正式 突破 80萬 大關</t>
  </si>
  <si>
    <t>台中 28 日本 土 零 確診 境外移入 1 例 案 15726 為 一 名 64 歲 的 印尼 台商 在 印尼 確診 後 搭 醫療 專機 返台 治療 目前 收治 在 北部 一家 負 壓 隔離病房 市長 盧秀燕 表示 統計 至 今日 上午 全市 施打 第一 劑 人數 已 正式 突破 80萬 大關 而 台中 疫苗 總 剩 餘 率 1554 衛生局長 曾 梓 展 表示 該 名 境外移入 個案 是 一 名 長期 于 印尼 工作 的 台商 屬 境外 即 確診 7 月 16 于 印尼 當地 確診 陽性 因 當地 醫療 量 能 負載 治療 不易 經 衛生 福利 部 疾病 管制 署 7 月 26 日 依 境外 確診 嚴重 特殊 傳染性 肺炎 covid-19 國人 專案 返國 就醫 作業 原則 核 可 後 搭 醫療 專機 於 27 日 入境 再 搭乘 救護車 直接 入 住 位於 臺北 的 醫院 負 壓 隔離病房 治療 個案 搭乘 醫療 專機 返台 就醫 無 台中 市 公共 場 域 足跡 相關 人員 皆 有 適當 防護 設備 無須 匡列 密切接觸 者 盧秀燕 也 在 台中 市 疫情 指揮中心線 上 記者會 公佈 全市 施打 第一 劑 有 80萬172 人 已 正式 突破 80萬 大關 換算 下來 18 歲 以上 的 全年 應施 打 率 是 3411 全市 總人口 施打 率 是 2837 另外 從 中央 提供 的 資料 也 發現 台中 市 的 疫苗 總 剩 餘 率 1554 是 六都 最低</t>
  </si>
  <si>
    <t>新增 2 境外移入 搭 機 前 采 檢 居檢 都 無效 菲 女 出關 11 天才 確診</t>
  </si>
  <si>
    <t>帛 琉 境外移入 指揮中心 新冠肺炎</t>
  </si>
  <si>
    <t>新增 1 境外移入 指揮中心 下午 2 點 記者會</t>
  </si>
  <si>
    <t>境外移入 新冠肺炎 指揮中心 記者會</t>
  </si>
  <si>
    <t>新冠肺炎 疫情 延 燒 近 2 年 疫情 中心 指揮官 陳時中 昨 回顧 抗 疫 經過 坦言 在 部 立 桃園 醫院 諾 富特 飯店 造成 的 社區 傳播 時 跌 了 一跤 短 時間 內 確診 數 破 萬 但 靠 著 醫護人員 的 努力 守 下 近期 疫情 趨 緩 昨 國內 本土 再度 0 確診 新增 2 名 境外移入 個案 另 前天 被 列為 本土 個案 的 印尼 女子 昨 經檢測 研 判為 偽 陽性 排除 感染 改 列 空號 陳時中昨 出席 醫師 節 頒獎典禮 時 表示 過去 2 年 疫情 嚴峻 醫 界 義無反顧 把 全體 能量 拿 出來 防疫 穩定 民心 並 創造 連續 252 天 0 本土 奇跡 但 後來 部 桃 諾 富特 飯店 造成 的 社區 傳播 我們 跌 了 一跤 並 在 短 時間 內 出現 1萬4000 多 名 確診 靠 著 醫護人員 努力 才能 清零 守 下 接下 年底 及 過年 前 還有 一 波 挑戰 等 著 大家 面對 疫情 趨 緩 陳時中 表示 大家 都 非常高興 出席 活動 前 他 看到 飯店 大廳 滿滿 是 人 我 很 高興 也 有 點 害怕 接下來 邊境 開放 要 靠 醫生 找 出 個案 篩檢 出 病人 萬一 出現 疫情 指揮中心 也 參考 今年 5 月 的 經驗 擬訂 急速 動員 應變 救援 轉 診 等 計畫 都有 在 安排 至於 國內 疫情 部分 昨 本土 再度 0 確診 新增 2 名 境外移入 個案 分別 自 美國 印尼 入境 前天 國內 新增 的 1 例 印尼 籍 本土 個案 雖 曾檢 出 陽性 但 ct 值 達 40 且 接種 過 疫苗 經 二三 采 都 是 陰性 7 接觸 者 采 檢 也 是 陰性 疫情 中心 發言人 莊人祥 宣佈 印尼 女子 個案 排除 感染 列 空號 接觸 者 可 解除 隔離 截至 目前為止 國內 共 累計 1萬6438 例 確診 病例 847 例 死亡</t>
  </si>
  <si>
    <t>新冠肺炎 今 新增 2 例 境外移入 分別 為 案 381 及 案 382 其中 案 381 為 1 名 20 多 歲月 性 其 亦 於 3 月 30 日 同 搭 已 確診 10 例 的 華航 班機 目前 這 班華 航班機 已 有 11 位 確診 另 1 名 案 382 為 於 2 月 16 日 至 3 月 29 日 與 案 378 妻子 一同 至 印尼 探</t>
  </si>
  <si>
    <t>新冠肺炎 今 新增 2 例 境外移入 分別 為 案 381 及 案 382 其中 案 381 為 1 名 20 多 歲月 性 其 亦 於 3 月 30 日 同 搭 已 確診 10 例 的 華航 班機 目前 這 班華 航班機 已 有 11 位 確診 另 1 名 案 382 為 於 2 月 16 日 至 3 月 29 日 與 案 378 妻子 一同 至 印尼 探親 返國 後 進行 居家 檢疫 因 妻子 確診 改 列為 接觸 者 居家 隔離 案 382 返國 至今 無 症狀 4 月 7 日 衛生 單位 安排 接觸 者 采 檢 於 今日 確診 目前 國內 確診 人數 達 382 人 另 新冠肺炎 今 亦 新 1 例 死亡 目前 已 累計 6 人 死亡 其 為 案 101 為 70 多 歲 男生 為 埃及 團員 有 慢性 病史 其 於 3 月 17 日 確診 3 月 26 日 惡化 於 4 月 9 日 死亡 現場 媒體 提問 為何 案 101 怎麼 會 從輕 症 轉 重症 最後 死亡 中央 疫情 指揮中心 疫情 監測 組長 周志浩 表示 3 17 起 他 就 身體 不 舒服 如同 我們 已 知 的 病程 在 5 天 左右 呼吸 功能 變 差 就 開始 插 呼吸器 後來 又 用 葉克 膜 仍 不幸 過世 目前 知道 該 名 患者 並 沒有 使用 抗 病毒 藥物</t>
  </si>
  <si>
    <t>國內 疫情 趨 緩 本土 病例 今 12 日 再度 加 零 指揮中心 昨天 已 宣佈 全國 醫院 慢性病 房 有 條件 開放 探病 隨 著 警戒 措施 逐漸 放寬 外界 好奇 外出 何時 才能 不用 再 戴 口罩 專家 表示 終於 走 到 這 一 天 相信 只要 疫苗 覆蓋率 達 七 成 以上 外出 不 用 戴 口罩 這 件 事 應該 就 指日可待 了 毒理 專家 招名威 今天 在 臉書 指出 看到 探病 政策 終於 開放 心中 真的 感到 開心 直 呼 我們 終於 走 到 這 一 天 了 他 回想 這 段 時間 因為 疫情 關係 許多 人 在 生死關頭 和 性命 垂危時 親人 朋友 無法 陪伴 更 別 想 說 握 著 手 親吻 臉頰 甚至 有 很多 人 根本 是 連 透過 視 訊 都 無法 和 親人 見 上 最後 一面 這 真的 是 比 悲傷 更 悲傷 的 事 招 名 威 表示 環顧 全世界 即使 很多 國家 開放 出入境 旅遊 的 限制 但 卻 沒有 幾 個 國家 可以 這樣 大幅度 放寬 醫院 探病 制度 而 被 疫情 衝擊 到 根本 就 還 無法 重整 醫療 制度 的 國家 更 是 不在少數 他 認為 臺灣 的 醫療 講求 制度 與 公平 可以 走 在 世界 的 前面 真的 很棒 但 招名威 也 坦承 病毒 仍 在 我們 周圍 npi 非 藥物 介入 措施 是 必須 的 還有 包括 境外移入 舊案 陰轉陽 疫苗 突破性 感染 第二 劑 疫苗 覆蓋率 不足 等 問題 仍 需注意 他 相信 再過 一段時間 當 疫苗 覆蓋率 達到 七 成 以上 外出 不 用 戴 口罩 這 件 事 應該 就 指日可待 了 指揮中心 指揮官 陳時 中 日 前 曾 表示 預估 10 月底 第一 劑 疫苗 覆蓋率 達 七 成 至於 疫情 警戒 何時 降到 一級 陳時中 今天 在 立 法院 表示 要 視 不明 感染 源 個案 數 醫療 應變能力 民眾 遵從 度 及 國際 疫情 變化 而 定</t>
  </si>
  <si>
    <t>破 功 今 增 1 境外移入 確診 為 俄羅斯 返台 國人</t>
  </si>
  <si>
    <t>境外移入 確診 菲律賓 指揮中心 莊人祥</t>
  </si>
  <si>
    <t>新冠肺炎 全球 擴散 臺灣 目前 因為 防疫 動作 確實 且 超前 部屬 仍 尚未 出現 社區 傳播 的 狀況 但是 近日 多 起因 境外移入 而 出現 的 感染者 造成 國人 人心惶惶 對此 中 時 新聞網 發起 網路 投票 徵詢 網友 們 對於 臺灣 是否 應 跟進 外國</t>
  </si>
  <si>
    <t>新冠肺炎 全球 擴散 臺灣 目前 因為 防疫 動作 確實 且 超前 部屬 仍 尚未 出現 社區 傳播 的 狀況 但是 近日 多 起因 境外移入 而 出現 的 感染者 造成 國人 人心惶惶 對此 中 時 新聞網 發起 網路 投票 徵詢 網友 們 對於 臺灣 是否 應 跟進 外國 進行 鎖國 禁止 非 公民 入境 的 看法 投票 共有 2314 人 參與 共有 2057 人 認為 應該 進行 鎖國 防止 境外移入 的 病例 占總 投票 數 的 8889 有 240 人 表示 進行 鎖國 並 不 恰當 占總 投票 數 的 1037 另外 有 17 人 對 這個 議題 表示 無 意見 投票 結果顯示 大多數 的 網友 對於 鎖國 一 事 相當 支持 認為 強硬 的 手段 才 有 辦法 防止 疫情 的 近 一 步 擴散 而 在 今天 早上 疫情 指揮官 陳時中 與 外交部長 吳釗燮 也 正式 宣佈 19 日 開始 所有 入境 臺灣 的 本 國籍 以及 外籍人士 都 需要 進行 隔離 檢疫 14 天 並 禁止 大多數 非必要 的 外籍人士 入境</t>
  </si>
  <si>
    <t>口罩 實 名 制 20 第一 波 預購 結束 指揮中心 醫療 應變 組 副 組長 羅一鈞 19 日 表示 共有 1178萬 人 預購 呼籲 預購 民眾 要 在 21 日前 完成 繳費 第二 波 預購 將 接續 於 2526 日 限 時 兩 天 上網 登記 同樣 有 700萬 片 未來 更 將 一 週一 周 執行 至於 網路 瘋 傳 雙 北 地區 準備 封城 疫情 指揮中心 指揮官 陳時中 說 這 是 謠言 將 交給 法律 單位 徹 查 重罰 陳時中 19 日 宣佈 國內 再 新增 八 例 新冠肺炎 確診 總數 達 108 例 其中 78 例 境外移入 30 例 本土 病例 而 案 103 與 案 59 為 北部 一 所 高中 同班 男 同學 確診 且 座位 鄰近 由於 同班 已 有 兩 人 確診 該校 20 27 日 將 全校 停課 衛生局 也 將 針對 座位 周圍 同學 擴大 采 檢 國內 新冠肺炎 確診 數飆 升 破 百18 日 開始 就 引發 民眾 購物 潮 各 大 賣 場 都 湧入 大量 人潮 搶 買 對此 陳時中 認為 臺灣 民生 物資 不會 缺乏 世界 貨運 沒有 中斷 臺灣 沒有 國外 的 大批 旅遊團 進來 人口 沒有 大量 增加 過度 存 糧 搶購 沒 必要 囤積 是 於法 不容 相 搶 就 不夠 相讓 就 有 剩 臺灣 從 19 日 起 所有 入境者 均 須 居家 檢疫 14 天 因應 湧現 桃園 機場 的 大批 返國 民眾 交 長 林佳龍 說 已 啟動 擴大 防疫 專車 應變計 畫 備 妥 400 輛 排 班 計程車 200 輛 租賃 車 及 50 輛 遊覽車 接 駁 總計 每天 可 以 載運 3400 趟 次</t>
  </si>
  <si>
    <t>今 新增 7 例 確診 6 境外移入 1 本土</t>
  </si>
  <si>
    <t>確診 指揮中心 境外移入 本土 破 口</t>
  </si>
  <si>
    <t>衛福部 桃園 醫院 爆發 群 聚 感染 精神 科 醫師 蘇偉碩 先前 就 建議 疫情 指揮官 陳時中 應 考慮 下令 鎖國 一 周 如今 影響 持續 擴大 昨 24 日 更 緊急 下令 5000 人 強制 居家 隔離 加上 南非 與 美國 又 有 境外移入 病例 對此 蘇偉碩 再次 諫</t>
  </si>
  <si>
    <t>新冠肺炎 持續 攀 高 全國 增加 到 322 例 彰 化 縣 也 一連 再 添 兩 例 第 15 例 20 多 歲 男性 留 美 返台 追蹤 接觸 人數 多 達 11 人 采 居家 檢疫 第 16 例 30 多 歲 英國 留學生 同 住 家人 接觸 6 人 彰 化 縣 居家 檢疫 隔離 人數 累計 也 飆 到 2961 人 結案 1415 人 追蹤 中 1546 人 彰 化 縣 衛生局 表示 第 15 例 是 20 多 歲 男性 美國 留學 畢業 後 留 美 工作 3 月 16 返台 屬於 自主 健康 管理 個案 自行 在家 單人房 檢疫 返國 後 皆 無 國內 就醫 紀錄 3 月 28 全身 酸痛 流 鼻 水 及 發燒 送醫 采 檢 經 中央 公佈 為 確定 個案 同 戶 家屬 及 其他 成員 共 11 人 采 檢 居家 隔離 第 16 例 30 多 歲 女性 英國 留學生 3 月 17 在 英國 時已 出現 咳嗽 流 鼻 水 3 月 29 返台 機場 采 檢 後 回家 單人房 居家 檢疫 經 中央 公佈 為 確診 病例 同 住 家人 接觸 者 6 人 采 檢 居家 隔離 彰 化 縣 衛生局長 葉 彥 伯 表示 這 波 歐美 亞洲 疫情 來 襲 彰 化 縣 自 3 月 18 日 至 4 月 1 日 12 天 期間 已 出現 11 例 境外移入 個案 其中 9 名 為 留學生 包括 歐洲 3 位 英美各 4 位 累計 有 33 名 彰 化 縣 同 住 家屬 接觸 者 接觸 人數 增多 居家 檢疫 人數 也 益 增加 大家 出門 都 帶起 口罩 了</t>
  </si>
  <si>
    <t>境外移入 登革熱 台南 今年 累計 4 例</t>
  </si>
  <si>
    <t>新冠肺炎 疫情 持續 升溫 但 不只 新冠肺炎 值得 擔心 台南 市政府 衛生局 11 日 宣佈 新 增 1 例 境外移入 登革熱 病例 截至 目前 已 累計 4 例 4 例 均 為 本國 人士 到 東南亞 旅遊 工作 後 返國 發病 衛生局 呼籲 民眾 務必 要 落實 環境 孳 清 避</t>
  </si>
  <si>
    <t>新冠肺炎 疫情 持續 升溫 但 不只 新冠肺炎 值得 擔心 台南 市政府 衛生局 11 日 宣佈 新 增 1 例 境外移入 登革熱 病例 截至 目前 已 累計 4 例 4 例 均 為 本國 人士 到 東南亞 旅遊 工作 後 返國 發病 衛生局 呼籲 民眾 務必 要 落實 環境 孳 清 避免 登革熱 疫情 一觸即發 今年 開春 面對 新冠肺炎 來勢洶洶 境外移入 登革熱 今年以來 累計 4 例 衛生局 指出 去年 東南亞 登革熱 疫情 嚴峻 連帶 臺灣 境外移入 病例 創下 10 年 新高 去年 台南 同期 有 10 例 今年 4 例 鑒於 去年 本土 登革熱 一度 拉 警報 衛生局 呼籲 居家 環境 孳 清 巡 倒 清 刷 不能 有 絲毫 鬆懈 今年 境外移入 首例 是 1 月 8 日 的 下營 20 餘 歲 女性 該 民眾 到 印尼 旅遊 被 蚊子 叮 咬 回國 後 發病 第 2 例 是 鹽水 區 30 多 歲 男性 赴 柬埔寨 旅遊 後 發病 第 3 例 是 永康區 20 餘 歲 男性 派駐 菲律賓 工作 1 月 24 日 出現 發燒 頭痛 等 症狀於 菲律賓 當地 就醫 服 藥 後 未 改善 仍 持續 出現 眼窩 痛 肌肉 關節 痛 等 症狀 入境 臺灣 無 發燒 直接 至 北 榮 桃園 分院 急診 目前 3 人 都已 康復 新增 第 4 例 為 佳裡 區 20 餘 歲 女性 個案 1 月 15 日 至 斯里蘭卡 工作 24 日 出現 發燒 頭痛 等 症狀 於 斯里蘭卡 當地 醫院 就醫 施 打點滴 治療 2 月 7 日 返台 後 因 眼疾 問題 于永康 奇美醫院 就醫 11 日 確診 因 病毒血症 期 已 過 並 配合 居家 隔離 無須 進行 戶 內外 化學防治 會 加強 居住地 孳 清</t>
  </si>
  <si>
    <t>境外移入 登革熱 工作 女性 肺炎 餘 歲</t>
  </si>
  <si>
    <t>新聞 早班車 境外移入 確診 產 子 醫護 如臨大敵</t>
  </si>
  <si>
    <t>境外移入 指揮中心 最新 說明 國內 新冠肺炎</t>
  </si>
  <si>
    <t>國內 今 29 日 新增 486 例 本土 病例 確診 個案 中 新增 21 死 再創 單日 新 高 面對 疫情 嚴峻 許多 人 嚇到 不敢 出門 但 不少 大 賣 場 還 是 出現 搶 買 人潮 各 地 也 陸續 被 檢舉 有 室內 打 麻將 等 5 人 以上 聚會 毒理學 專家 招名威 警告 近來 確診 病例 年齡層 有 逐漸 下降 的 趨勢 且 已 有 3 個 44 歲 以下 的 死亡 案例 呼籲 年輕人 千萬 不能 掉以輕心 不要 以為 少去 公共場合 就 沒事 其實 最 危險 的 是 群 聚 不是 出門 招 名 威 今天 在 臉書 表示 疫情 剛 開始 時 感染 年齡層 以 老年人 居多 但 根據 指揮中心 公佈 的 資料 近來 確診 年齡 逐漸 下滑 昨天 還有 36 歲 的 確診 者 過世 他 以 感染 英國 病毒 為主 的 英格蘭 為 例 無論 確診 者 是否 在 確診 前 已 帶有 疾病 44 歲 以下 的 死亡率 是 05 意思 是 每 200 個 死亡 案例 中 就 會 出現 一個 1 個 44 歲 以下 年輕人 招 名 威 指出 英國 的 狀況 有 下列 3 點 跟 臺灣 很 像 值得 我們 參考 第一 都 是 海島型 國家 不 會 有 太 多 的 境外移入 外在 影響 少 第二 疫情 若 不幸 失控 短 時間 造成 疫情 快速 擴散 的 可能 會 是 同一 種 病毒 第 三 年輕人 到處 趴 趴 走 誤以為 年長者 才 是 高 危險 群 招 名 威 說 很多 年輕人 都以為 新冠 病毒 就 像 感冒 就算 被 感染 隔離 一下 就 好 了 但 他 估計 這 波 疫情 的 嚴重 程度 已經 不能 與 去年 第一 波 相提並論 特別 是 年輕人 身體 反應 較 好 產生 抗體 的 速度 快 反應 就越 強 引發 免疫 風暴 的 機 率 就 比較 高 最終 導致 人體 承 受不了 而 猝死 全國 三級 警戒 已 延長 至 6 月 14 日 不過 招名威 表示 擔心 再 關 幾 天 大家 就 會 開始 沒 耐性 加上 年輕人 誤 信 之前 的 資料 覺得 自己 身體 好 不 用 怕 就 會 開始 趴 趴 走 雖然 指揮中心 不斷 呼籲 減少 不必要 的 外出 與 群 聚 但 各 大 賣 場 仍 不時 出現 購買 人潮 尤其 假日更為 明顯 還有 朋友 相聚 打 麻將 八大 行業 偷偷 營業 等等 招 名 威 警告 現在 才剛 開始 而已 大家 覺得 少去 公共場合 就 沒事 但 其實 最 危險 的 是 群 聚 不是 出門 包括 去 朋友家 喝茶 打牌 看 電影 人 與 人 的 連結 等等 這些 才是 感染 風險 最 大 也 是 最難 控制 的 不定 數</t>
  </si>
  <si>
    <t>交通部觀光局 駐 桃園 機場 旅遊 服務 中心 基層 員工 案 269 因 接待 觀光局 主 秘 小孩 案 277 不幸 感染 新冠肺炎 這 場 因 上級指示 的 接 機 任務 演變 至今 案 269 今 首度 對外 發表 聲明 澄清 絕非 如 外界 所言 主動 接 機 也 不 認識 主 秘 兒子 更 無所謂 叔侄 關係 對此 陳時中 今天 坦言 自己 第一時間 說 他們 是 叔侄 關係 因為 訊息 接收 不 正確 至於 相關 罰 則 是否 收回 277 的 防疫 補償 金 陳時中 說 必須 再 看 當時 的 監視 錄 影 再來 厘 清 問題 交通部觀光局 駐 桃 機 員工 因 接待 觀光局 主 秘之子 確診 新冠肺炎 其 5 歲 兒子 案 299 也 因此 確診 本 起 群 聚 截至 目前 共 掌握 接觸 者 24 人 該 名 員工 269 案 今天 首度 發聲明 表示 看到 家中 5 歲 幼兒 抽血 與 各項 檢查 時 驚恐 的 表情 與 絕望 的 哭喊聲 就讓 他 感到 十分 不 舍 陳時中 今天 表示 自己 在 第一 時 間接 受到 的 訊息 不 正確 我 以為 這 三 人 是 277 269 與其 爸爸 有 三 個 人 喝 咖啡 當天 主要 要 厘 清 269 是 本土 案例 事實上 是 境外移入 結果 後 來 才 知道 有 另 一 位 陳時中 表示 自己 當初 說 去 接 是 因為 有 很熟 的 叔侄 被 的 關係 我 以為 的 是 爸爸 結果 是 另 一個 爸爸 的 朋友 大家 以 為 269 我 那天 確實 以為 是 這樣 我 以為 是 另 一個 人 他 強調 整體 和 行政 單位 相關 錄 影帶 會 再 報告 至於 該 名 五 歲 男童 除 了 一 開始 有 症狀 目前 都 沒有 症狀 病情 穩定 而 該 名 官員 的 小孩 案 277 防疫 補償 金 是否 還 能 領取 陳時中 說 要 看 整體 有 沒有 違背 相關 規定 是否 作出 處分 先 把 政體 情況 做 更 多 的 厘 清 脈絡 都 弄 清楚 免得 大家 有 更 多 誤解 陳時中 也 說 未來 在 機場 能 不能 喝 咖啡 還是 喝 其他 會 進一步 來 規範</t>
  </si>
  <si>
    <t>新冠肺炎 全球 發燒 已經 確診 60363 例 死亡 1369 例 今年 1 月 25 日 彰 化 首例 的 妻子 感染 給 先生 經 中部 某 大型 治療 後 都 已經 穩定 到 目前為止 沒有 發現 遭 這 對 夫婦 傳染 的 其他 病例 該院 也 將 發現 接觸 感染 和 治療 的 過程 發表 論文 刊登 在 國際 頂尖 期刊 新英格蘭 雜誌 彰 化 縣 衛生局長 葉 彥 伯 表示 這 是 臺灣 第一 篇 新冠肺炎 論文 代表 臺灣 對 國際 新冠肺炎 防治 的 參與 和 共用 彰 化 縣 衛生局 追蹤 這 對 夫妻 接觸 69 人 都 沒有 感染 論文 也 記錄 這個 醫療 的 過程 院方 表示 僅 供 醫學 研究 和 對 疫情 作出貢獻 防治 之用 這 篇 論文 是 由 該院 急診 醫學 部 多 位 醫師 共同 發表 論文 內容 1 月 25 日 一 名 具有 第 2 型 糖尿病 病史 的 52 歲 女性 在 臺灣 中部 的 急診科 出現 發燒 懷疑 與 新冠肺炎 有關 她 於 1 月 20 日 乘 飛機 從 武漢 回到 臺灣 當天 在 該 航班 上 從另 一 名 乘客 那裡 采 檢 了 咽喉 拭 子 是 臺灣 第一 例 已經 感染 病例 這 位 女士 從 武漢 回到 臺灣 後 的 5 天 出現 發燒 和 肌 痛 胸部 x 光 片 顯示 雙 側 下 肺 瀰 漫 性 浸潤 1 月 27 日經 即時 反 轉錄 聚合 酶 鏈 反應 rt-pcr 分析 證實 是 第 5 宗 確診 的 境外移入 在 住院 的 第一 天 接受 支持 療法 第 三 天 加入 了 奧 司 他 韋和 左 氧 氟 沙 星 作為 經驗 療法 第 5 天 開始 出現 咳嗽 鼻 水 和 咽喉 痛 胸部 x 光 顯示 雙 側 肺 門旁 區域 和 下 肺 中 更為 混濁 她 繼續 接受 奧 司 他 韋和 左 氧 氟 沙 星 的 支持 療法 但 未 接受 氧氣 療法 截至 2 月 11 日 她 仍然 住院 但 生命體 征 穩定 沒有 接受 氧氣 治療 該 患者 的 50 歲 丈夫 主要 在 臺灣 的 家裡 工作 與 從 該 區域 返回 的 其他人 都 沒有 接觸 1 月 21 日 當 妻子 返回 臺灣 時 在 家裡 共 用 一 間 臥室 和 共 食 1 月 25 日 丈夫 與 妻子 同時 就醫 他 只 出現 鼻 水 並 沒有 發燒 咳嗽 呼吸困難 胸 痛 或 腹瀉 經全 血細胞 計數 和 胸部 x 線 檢查 未 顯示 任何 異常 於 1 月 28 日 檢測 新冠 病毒 接受 了 支持 療法 沒有 任何 抗病 毒藥 或 抗生素 截至 2 月 11 日 他 仍然 住院 但 生命體 征 穩定 未 接受 氧氣 治療</t>
  </si>
  <si>
    <t>新北 市 幼稚園 群 聚 持續 延 燒 新北 市長 侯友宜 今天 表示 截至 目前 共 采 檢 785 人 除了 先前 的 陽性 個案 今日 上午 又 驗 出 一 名 非 住戶 裝修 工人 pcr 陽性 也 是 在 b 棟 不同 樓層 感染 源 跟 本案 有無 關係 仍 在 追查 中 是 今日 早上 驗 出 的 結果 其它 檢驗 都 是 陰性 另外 還有 2 名 家屬 居隔 期間 陰轉陽 屬 境外移入 個案 侯友宜 指出 為了 阻斷 傳播 鏈 整個 社區 大樓 連夜 清 空 做好 篩檢 現有 住戶 已 篩 785 人 全數 陰性 至於 裝修 工人 的 感染 源 持續 調查 中 侯友宜 說 幼稚園 全案 另 有 951 人 居家 隔離 中 我們 都會 不斷 做 pcr 5 天 以後 會 再 做 一 次 采 檢 目前 採取 擴大 匡列 采 檢 同時 也 把 住戶 工作人員 及 大樓 職 場 有 關係 的 采 檢 確保 沒有 疏漏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輝瑞 bnt 突破性 感染 境外移入 個案 新冠肺炎 新冠 疫苗</t>
  </si>
  <si>
    <t>新增 1 境外移入 20 多 歲 女 在 法 發病 回台 確診 新冠</t>
  </si>
  <si>
    <t>海軍 敦睦 艦隊 傳出 3 人 確診 新冠肺炎 驚動 全台 中央 疫情 指揮官 陳時中 在 說明 會上 判斷 為 境外移入 個案 懷疑 帛 琉 為 感染 源 對此 長期 提供 帛 琉 醫療 協助 的 新光 醫院 副 院長 洪子仁 受訪 時 指出 帛 琉 政府 對此 感到 不解 由於</t>
  </si>
  <si>
    <t>海軍 敦睦 艦隊 傳出 3 人 確診 新冠肺炎 驚動 全台 中央 疫情 指揮官 陳時中 在 說明 會上 判斷 為 境外移入 個案 懷疑 帛 琉 為 感染 源 對此 長期 提供 帛 琉 醫療 協助 的 新光 醫院 副 院長 洪子仁 受訪 時 指出 帛 琉 政府 對此 感到 不解 由於 敦睦 艦隊 曾 於 上月 12 至 15 日 停靠 帛 琉 3 天 陳時中 表示 帛 琉 檢驗能力 有限 先前 更 有 一 名 美籍 醫師 出現 症狀 還 是 由 臺灣 遠 端 示範 後 檢 體 送回 臺灣 確認 陰性 高度 懷疑 當地 有 潛藏 病例 存在 根據 ettoday 報導 洪子仁 表示 聯繫 過後 帛 琉 政府 對 此 回應 感到 不解 除了 日前 檢驗 全 陰性 外 敦睦 艦隊 更是 早 在 3 月 15 就 離開 照理說 應該 月底 就 會 發病 卻 到 4 月初 後 才 出現 症狀 至今 才 確診 應該 等待 更 多 訊息 再 下 判斷 帛 琉 政府 也 表示 已經 展開 調查 針對 軍艦 官兵 曾 到訪 的 地方 以及 可能 接觸 者 進行 采 檢</t>
  </si>
  <si>
    <t>新增 3 例 本土 全在 新北 5 境外移入 無 人 死亡</t>
  </si>
  <si>
    <t>本土 3 2 死亡 7 月 至 今 境外移入 突破性 感染 12 例</t>
  </si>
  <si>
    <t>新冠肺炎 疫情 趨 緩 國內 昨 新增 7 例 確定 病例 分別 為 3 例 本土 及 4 例 境外移入 本土 個案 均 來自 雙北 而 確診 個案 則 新增 2 例 死亡 近來 國際 間 突破性 感染 頻 傳 根據 統計 7 月初 以來 全台 累計 的 145 名 境外移入 個案 中 有 40 人 接種</t>
  </si>
  <si>
    <t>境外移入 個案 疫苗 累計 國際 間 例 境外移入</t>
  </si>
  <si>
    <t>指揮中心 新冠肺炎 境外移入 疫情</t>
  </si>
  <si>
    <t>臺灣 境外移入 爆 風成長 8 例 讓 漂 浪 島嶼 --munch 也 在 臉書 發聲 防疫 部 應該 只是 參考性 質 應該 要 有 強制力 來 遏止 鑽 法 白目 也 呼籲 大家 別 讓 阿中 部長 輸 在 龜兔賽跑 的 最後 一 哩 路 臉書 粉 專 漂 浪 島嶼 --munch 貼 文 指出</t>
  </si>
  <si>
    <t>臺灣 境外移入 爆 風成長 8 例 讓 漂 浪 島嶼 --munch 也 在 臉書 發聲 防疫 部 應該 只是 參考性 質 應該 要 有 強制力 來 遏止 鑽 法 白目 也 呼籲 大家 別 讓 阿中 部長 輸 在 龜兔賽跑 的 最後 一 哩 路 臉書 粉 專 漂 浪 島嶼 --munch 貼 文 指出 臺灣 因 為 第一時間 就 對 大陸 發佈 旅遊 警示 因此 成功 守 住 第一 波 但 對 歐美 和 他國 卻 僅 有 旅遊 警示 未 禁止 入團 出 團 使得 防疫 破 口 顯現 確診 數 激增 讓 人 擔心 社區 傳染 發生 漂 浪 島嶼 --munch 表示 防疫 應 具 法治 力 而非 只 具 參考性 質 的 旅遊 警示 的 而已 也 不該 只是 出國 警告 的 道德 勸說 讓 人民 無 法 可循 出現 鑽 法 白目 前期 防疫 嚴密 切 勿 在 後期 破 功 政府 必須 徹底 授權 該 嚴禁 往來 的 就 不分 國別 一切 以 防疫 為重 漂 浪 島嶼 --munch 也 說 別 讓 陳時中 眉頭 深 鎖 在 防疫 的 龜兔賽跑 中 輸 在 最後 一 哩 路上 甚至 折 損 一 位 大將</t>
  </si>
  <si>
    <t>境外移入 本土 新冠肺炎</t>
  </si>
  <si>
    <t>新冠肺炎 疫情 快速 升溫 雲 林縣 政府 再 超前 部署 19 日 首次 以 視 訊 舉行 防疫 擴大 專案 縣 務 會報 並 在 雲林 國 中 鬥六 國 中 尋覓 場地 佈置 臨時 縣府 辦公 中心 因應 萬一 必須 移 地 辦公 之 需 每月 固定 召開 一 次 的 縣 務 會報 20 鄉鎮 市 首長 必須 到 縣府 與 縣長 面對面 開會 19 日 首次 改以 視 訊 舉行 縣長 張麗善 透過 電腦 螢 幕 一一 問 早 點名 這項 做法 也 是 率 全國 各縣市 之 先 張麗善 表示 透過 視 訊 會議 的 作法 避免 舟車勞頓 人群 聚集 讓 各鄉鎮 市公所 練習 用 視 訊 的 方式 溝通 由 縣 政府 和 鄉鎮 市公所 首長 做 示範 也 是 雲林 成為 智慧 城市 的 開端 張麗善 說 雲 林縣 已 有 確診 案例 希望 大家 嚴陣以待 縣政府 鄉鎮 公所 村裡 長 都 要 緊密 連結 在 一起 地方 只要 有 任何 風吹草動 有 從 國外 回國 的 人 任何 個案 都 要 去 瞭解 關心 希望 大家 通力合作 絕對 不 能夠 有 輕忽 的 態度 她 表示 原本 沒有 確診 的 案例 民眾 可能 認為 雲 林縣 是 一個 農業 大縣 場地 空曠 不會 那麼 危險 但 面對 旅遊 帶來 的 境外移入 案例 務必 上緊 發條 她 呼籲 室內 活動 儘量 不 要 超過 100 人 中央標準 是 300 人 以上 室外 活動 應該 低於 500 人 中央標準 是 1000 人 學校 場地 目前 禁止 民眾 進入 活動</t>
  </si>
  <si>
    <t>新增 4 例 境外移入 3 臺灣人 自 英美德 返台 確診</t>
  </si>
  <si>
    <t>指揮中心 變種 病毒 莊人祥 新冠肺炎 境外移入</t>
  </si>
  <si>
    <t>境外移入 再 1 50 多 歲 男 從 南非 返台 探親 確診</t>
  </si>
  <si>
    <t>境外移入 個案 2 點 臨時 記者會 新增 破 功</t>
  </si>
  <si>
    <t>新增 1 境外移入 20 多 歲 女 赴 菲律賓 工作 返台 確診</t>
  </si>
  <si>
    <t>新冠肺炎 確診 境外移入 馬來西亞 疫情 指揮中心</t>
  </si>
  <si>
    <t>大陸 這 波 的 新冠 疫情 仍 在 持續 江蘇省 原本 的 重災區 南京 8 日 病例 零 新增 但 揚州 連續 7 天 新增 本土 病例 超過 30 例 一 省 之內 猶如 冰火 兩 重 天 不過 南京市 衛健 委 副 主任 丁小平 提醒 零 新增 並不等於 零風險 由於 揚州市 的 疫情 居高不下 昨日 起 展開 主城區 的 第 五 輪 大規模 核酸 普 篩 管控 也 再次 升級 封閉 社區 管理 嚴格 實行 足不出戶 每戶 每 3 至 5 天 限 一 人 外出 採購 疫情 中 高風險 區 216 個 根據 大陸 國家 衛健 委 9 日 通報 大陸 8 日 新增 確診 病例 125 例 其中 本土 病例 94 例 其中 河南 41 例 江蘇 38 例 湖南 12 例 湖北 3 例 境外移入 病例 31 例 包括 上海 8 例 廣東 8 例 雲南 8 例 北京 3 例 內蒙古 1 例 浙江 1 例 四川 1 例 陝西 1 例 疫情 中 高風險 地區 216 個 南京市政府 新聞 辦公室 9 日 舉行 第 20 場 南京 新冠 疫情 防控 新聞 發佈會 南京市 衛健 委 副 主任 丁小平 表示 南京 8 日 無 新 增 本土 新冠肺炎 確診 病例 2 個中 風險 地區 降為 低 風險 但 他 也 強調 零 新增 並不等於 零風險 當前 疫情 形勢 依然 嚴峻 複雜 防控 不能 放鬆 南京 新冠 病例 零 新增 後 市民 們 關心 健康 碼 如何 從 示 警 的 黃色 轉為 安全 的 綠色 丁小平 表示 黃 碼 轉 綠 有 2 條件 一 是 居家 健康 監測 滿 14 天 自 碼 變 黃 之日 開始 計算 二 是 近 7 日內 三 次 核酸 檢測 陰性 絕大多數 人 滿足 這 2 個 條件 時 黃 碼 都 會 自動 轉成 綠 碼 南京市 疫情 成功 壓制 下來 但 揚州市 疫情 仍 處於 高峰 揚州 8 日 新增 38 例 確診 病例 中 4 例 為 輕型 33 例 為 普通型 1 例 為 重型 7 月 20 日 至今 江蘇省 累計 報告 本土 確診 病例 592 例 其中 南京市 231 例 揚州市 346 例 宿遷市 3 例 與 淮安市 12 例 揚州 成為 新 的 疫情 風暴 中心 累計 確診 病例 比 南京 與 湖南 張家界 的 總和 還多 每戶 一 人 3 至 5 天 外出 採買 由於 揚州 新增 確診 病例 持續 大量 增加 為 迅速 查清 並 阻斷 新冠肺炎 病毒傳播 鏈 揚州市 9 日 上午 6 時 30 分起 展開 主城區 第 五 輪 大規模 核酸 檢測 揚州 此 輪 檢測 的 範圍 包括 邗江區 廣陵區 經濟技術開發區 生態 科技 新城 蜀 岡 瘦西湖 風景 名勝區 範圍 內 全部 居民 包含 外地 在 揚 人員 江都區 參照 主城區 同步 開展 大規模 核酸 檢測 揚州 防疫 管 控 於 8 日 下午 再次 升級 實施 範圍 除 主城區 外 又 增加 江都區 封閉 管理 社區 嚴格 實行 足不出戶 封 控 管理 社區 每戶 每 3 至 5 天 限 一 人 憑 出入證 和 蘇康 碼 核酸 檢測 陰性 證明 等 經 測量體溫 後 外出 採購 生活 必需品 有 大陸 專家 就 直言 揚州 疫情 可說是 大陸 二 三線 城市 面對 delta 疫情 時 力不從心 的 縮影 與 一線 城市 相比 小 城市 疫 調 水準 不 高 病毒傳播 鏈 難以 精准 回溯 且 小 城市 主要 以 老人 與 小孩 為主 除了 疫 調 難 也 增加 治療 難度</t>
  </si>
  <si>
    <t>臺灣 新增 6 境外移入 醫 開炮 一 句 網 憤怒 了</t>
  </si>
  <si>
    <t>截至 15 日 下午 4 時 臺灣 新增 6 例 境外移入 新冠肺炎 病例 從 案 54 到案 59 指揮官 陳時中 表示 這次 一口氣 確診 6 位 創下 國內 單日 最高 紀錄 對此 婦產科 名醫 蘇怡寧 在 臉書上 怒 轟 我 真心 不 理解 這個 時候 出國 旅遊 的 概念 是</t>
  </si>
  <si>
    <t>境外移入 6 確診 高中生 確診 案 59 案 54</t>
  </si>
  <si>
    <t>指揮中心 國內 境外移入 暴 增 新冠肺炎</t>
  </si>
  <si>
    <t>今 增 2 境外移入 指揮中心 14 00 說明</t>
  </si>
  <si>
    <t>國內 再 增 2 例 境外移入 國際 間 新冠肺炎 疫情 不斷 升溫 指揮中心 發言人 莊人祥 今 20 日 下午 2 時 舉行 記者會 說明 今天 再 增 2 例 確診 指揮中心 統計 國內 累計 611 例 確診 分別 為 519 例 境外移入 55 例 本土 病例 36 例 敦睦 艦隊</t>
  </si>
  <si>
    <t>新冠肺炎 1 13 境外移入 4 來自 印度 印尼</t>
  </si>
  <si>
    <t>衛福 部長 陳時中 13 日 公佈 國內 新增 4 例 境外移入 covid-19 確定 病例 分別 自 印度 1 例 印尼 3 例 入境 指揮中心 表示 案 840 為 印度籍 30 多 歲 男性 去 2020 年 12 月 18 日 來 台 工作 持有 搭 機 前 三 日內 檢驗 陰性 報告 入境</t>
  </si>
  <si>
    <t>衛福 部長 陳時中 13 日 公佈 國內 新增 4 例 境外移入 covid-19 確定 病例 分別 自 印度 1 例 印尼 3 例 入境 指揮中心 表示 案 840 為 印度籍 30 多 歲 男性 去 2020 年 12 月 18 日 來 台 工作 持有 搭 機 前 三 日內 檢驗 陰性 報告 入境 後 至 防疫 旅館 居家 檢疫 迄今 無 症狀 個案 今 2021 年 1 月 2 日 檢疫 期滿 後 於 住處 自主 健康 管理 至 1 月 8 日 因 公司 要求 1 月 11 日 至 醫院 自費 采 檢 於 今日 確診 已 掌握 個案 接觸 者 共 一 人 列 居家 隔離 案 841 案 842 案 843 均 為 印尼 籍 男性 漁 工 年齡 介於 20 多 歲 至 30 多 歲 分別 於 去年 12 月 27 日 及 12 月 30 日 來 台 工作 皆 持有 搭 機 前 三 日內 檢驗 陰性 報告 入境 後 分別 至 防疫 旅館 與 集中 檢疫所 檢疫 迄今 均 無 症狀 其中 案 841 及 842 於 今年 1 月 11 日 檢疫 期滿 後 搭乘 專車 至 醫院 自費 采 檢 案 843 則 於 1 月 12 日 進行 檢疫 期滿 前 采 檢 三 人均 於 今日 確診 已 掌握 案 841 及 842 之 同 車 接觸 者 共五 人 因 有 適當 防護 列 自主 健康 管理 案 843 因 無 症狀 且 檢疫 期間 未 與 他人 接觸 故 無 匡列 接觸 者</t>
  </si>
  <si>
    <t>因應 新冠肺炎 疫情 升高 臺灣 陷入 第二 波 歐美 境外移入 案例 的 危機 彰 化 縣 衛生局 超前 部署 率先 全國 宣佈 19 日 起 全縣 住宿 式 長 照 日間 照 護 身 障 機構 等 102 家 機構 全面禁止 探視 避免 疫病 傳播 風險 提供 視 訊 讓 親友 相見 彰</t>
  </si>
  <si>
    <t>新冠肺炎 本土 疫情 未 歇 國內 繼 連 2 日 低於 百 例 後 今日 再 新增 104 名 本土 個案 無 境外移入 確診 個案 中 新增 24 例 死亡 指揮官 陳時中 說 今日 病例 數 比 前 2 天 多 但是 整體 的 趨勢 往 好 的 地方 走 今日 新增 的 104 例 本土 病例 為 45</t>
  </si>
  <si>
    <t>新冠肺炎 本土 疫情 未 歇 國內 繼 連 2 日 低於 百 例 後 今日 再 新增 104 名 本土 個案 無 境外移入 確診 個案 中 新增 24 例 死亡 指揮官 陳時中 說 今日 病例 數 比 前 2 天 多 但是 整體 的 趨勢 往 好 的 地方 走 今日 新增 的 104 例 本土 病例 為 45 例 男性 59 例 女性 年齡 介於 未 滿 5 歲 至 80 多 歲 發病 日 介於 今年 6 月 10 日 至 6 月 22 日 個案 分 佈 以 新北 市 45 例 最 多 其次 為 臺北市 22 例 高雄市 及 新竹 縣 各 9 例 桃園 市 7 例 苗栗縣 4 例 基隆 市 3 例 宜蘭 縣 2 例 彰 化 縣 南 投 縣 及 屏 東縣 各 1 例 其中 雙北 地區 以 外縣市 37 例 中 28 例 為 已 知 感染 源 5 例 關聯 不明 4 例 疫 調 中 相關 疫情 調查 持續 進行 中 至於 今日 新增 的 24 例 死亡 個案 為 男性 15 位 女性 9 位 年齡 介於 40 多 歲 至 80 多 歲 發病 日 介於 4 月 11 日 至 6 月 14 日 確診 日 介於 4 月 13 日 至 6 月 16 日 死亡 日 介於 6 月 13 日 至 6 月 21 日 這 波 本土 疫情 5 月 11 日 至 6 月 21 日 共 累計 公佈 1萬2879 名 確診 個案 當中 已 有 9041 人 解除 隔離 解 隔離 人數 達 確診 人數 702 去年 至今 國內 共 累計 1萬4260 例 確診 個案 分別 為 1166 例 境外移入 1萬3041 例 本土 病例 36 例 敦睦 艦隊 2 例 航空器 感染 1 例 不 明及 14 例 調查 中 新增 1 例 空號 病例 案 14228 累計 101 例 移除 為 空號 自 國內 至今 累計 599 例 死亡 病例 其中 591 例 本土 個案 居住 縣 市 分佈 為 新北 市 301 例 臺北市 235 例 基隆 市 19 例 桃園 市 15 例 彰 化 縣 9 例 台中 市 4 例 宜蘭 縣 及 新竹 縣 各 2 例 台 東縣 雲 林縣 高雄市 及 花蓮縣 各 1 例 另 8 例 為 境外移入 指揮中心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 對於 今日 本土 個案 再次 破百 陳時中 表示 和 端午節 大型 流動 產生 的 後遺症 關係 相對 低 和 群 聚 事件 關係 比較 大 不過 還是 要 多 做 研 判</t>
  </si>
  <si>
    <t>國際 社會 群 聚 感染 境外移入 南韓 新冠肺炎 新增 確診 數 升高</t>
  </si>
  <si>
    <t>南韓 新冠肺炎 新增 確診 病例 數 再度 升高 韓國 疾病 管理 本部 週二 宣佈 新 冠狀病毒感染 病例 新增 125 人 較 前 一 日 的 78 人 大幅 增加 主要 因 群 聚 感染 與 境外移入 病例 持續 升高 目前 累計 確診 病例 達 9786 例 南韓 新冠肺炎 死亡 病例 新</t>
  </si>
  <si>
    <t>南韓 新冠肺炎 新增 確診 病例 數 再度 升高 韓國 疾病 管理 本部 週二 宣佈 新 冠狀病毒感染 病例 新增 125 人 較 前 一 日 的 78 人 大幅 增加 主要 因 群 聚 感染 與 境外移入 病例 持續 升高 目前 累計 確診 病例 達 9786 例 南韓 新冠肺炎 死亡 病例 新增 4 人 累計 死亡 病例 達 162 人 在 新增 的 125 個 病例 中 60 例 發生 在 大 邱 因 一家 醫院 出現 大 規模 院內 感染 首都 首 爾市 新增 24 例 境外移入 新 增 15 例 累計 達 518 例 為了 加強 防控 境外移入 病例 南韓 將 自 週三 起 不分 國籍 對 所有 入境者 實施 為期 兩 周 的 強制 隔離 措施</t>
  </si>
  <si>
    <t>教育部 今天 公佈 最新 統計 4 月 20 日 至 6 月 4 日 傍晚 各級 學校 合計 405 名 學生 確診 武漢肺炎 比 昨天 同一時間 公佈 的 統計 377 人 增加 28 人 教育部 校 安 中心 今天上午 更新 武漢肺炎 2019 冠 狀 病毒 疾病 covid-19 各級 學校 學生 確診 案例 統計 4 月 20 日 至 6 月 4 日 傍晚 5 時 30 分 學生 確診 數 合計 405 名 395 例 本土 個案 10 例 境外移入 以 教育 階段 區分 大專 校院 確診 人數 146 名 最 多 高中為 65 名 國中 56 名 國小 94 名 幼稚園 44 名 行政院 本月 3 日 通過 紓困 40 特別 預算案 教育部 方案 共 新 台幣 2785億 元 其中 孩童 家庭 防疫 補貼 國小 以下 及 身 障 生 每人 1萬 元 大專生 若 經濟 受 影響 也 可 申請 紓困 金 及 租金 補貼 編輯 陳政偉 1100605</t>
  </si>
  <si>
    <t>高雄 市長 韓國瑜 今 26 日 早上 主持 防疫 記者會 他 提到 敦睦 艦隊 事件 確診 累計 14 例 自主 隔離 有 255 位 自主 健康 管理 3929 位 昨 新增 1 例 確診 個案 市府 卻 未 對 外 公佈 足跡 衛生局長 林立人 解釋 這 位 確診 個案 的 活動 史 其實 就 是 在 先前 公佈 的 39 處 地點 之中 相關 密集 接觸 者 也 已 匡列 居家 隔離 衛生局 簡任 技正 潘 照 穎 指出 新增 確診 的 這 例 敦睦 艦隊 實習生 在 4 月 18 日 入住 檢疫所 當時 呈現 核酸 檢驗 呈現 陰性 事 後 有 返 陽 經 第二 次 采 檢 4 月 25 日 確診 這 也 是 高市第 14 位 敦睦 艦隊 官兵 生員 確診 案例 同時 是 高市 境外移入 的 第 44 例 林立人 提到 過去 市府 針對 敦睦 艦隊 330 位居 住 高雄 官兵 做 過 疫 調 已經 匡列 自主 健康 管理物件 這次 新增 的 確診 個案 經 追查 行跡 與 前 幾 波 公佈 的 39 處 地點 有 重複 日前 也 已 清 消 完畢 因此 沒有 必要 再 重複 處理 而 個案 相關 接觸 者 本來 在 還 沒 確定 個案 前 已 自主 健康 管理 後來 也 轉成 密切接觸 者 需 居家 隔離 14 天 林立人 指出 軍艦 特殊 疫情 群 聚 雖然 18 日 被 集中 隔離 檢疫 但 依照 傳統 傳染病 防治 需 觀察 兩 波 潛伏期 第一 階段 最 危險 是 往後 推 14 天 至 5 月 2 日前 民眾 必須 多 加 留意 防範 而 最 保險 的 是 觀察 至 5 月 16 日 止 針對 平安 演習 綠 營 酸 言 酸 語 一下 瞎扯 饑寒 起 盜 心 或是 誣 指 韓國瑜 說 市民 是 強盜 等 莫須有 指控 韓國瑜 強調 平安 演習 目標 清楚 就是 市民 安居樂業 希望 疫情 影響 經濟 疲弱 下 繼續 維持 良好 治安 因此 有些 人 說 法 都 是 他們 的 偏見 但 這些 故意 扭曲 說法 對 投入 的 警力 民力 而言 是 不 公平 的 另外 針對 51 連 假 防疫 措施 潘照穎 指出 各局 處 將 針對 51 連 假 高風險 場 域 提出 必要 討論 預計 明日 防疫 會後 公佈 相關 管制 計畫 韓國瑜 也 指示 觀光局 提早 規 畫 因應 希望 風景區 不要 有 過度 擁擠 情況</t>
  </si>
  <si>
    <t>新冠肺炎 疫情 擴 及 全球 臺灣 不少 旅居海外 的 民眾 紛紛 掀起 一 波 返國 潮 且 臺灣 近日 新增 的 確診 案例 也 幾乎 都 是 境外移入 其中 案 393 與 案 384 是 一對 夫妻 兩 人 旅居 美國 30 年 期間 久久 才 回來 一 次 臺灣 現在 卻 爆出 兩 人 返國 前 均</t>
  </si>
  <si>
    <t>新冠肺炎 疫情 擴 及 全球 臺灣 不少 旅居海外 的 民眾 紛紛 掀起 一 波 返國 潮 且 臺灣 近日 新增 的 確診 案例 也 幾乎 都 是 境外移入 其中 案 393 與 案 384 是 一對 夫妻 兩 人 旅居 美國 30 年 期間 久久 才 回來 一 次 臺灣 現在 卻 爆出 兩 人 返國 前 均 已 出現 症狀 仍 執意 搭 機 返台 讓 同機 乘客 暴露 在 高風險 之中 引發 爭議 更 有 不少 網友 好奇 30 年 前 的 臺灣 是 什麼 樣子 對此 就 有 旅遊 粉 專 整理 出 7 大 要點 神 還原 當時 的 狀況 指揮中心 昨 13 日 公佈 境內 新冠肺炎 新增 5 例 確診 其中 案 384393 為 一對 長住 美國 的 夫妻 兩 人 相隔 1 天 搭 機 返台 且 男子 在 4 月 3 日 就 已 出現 病症 妻子 則 是 自稱 拉肚子 症狀 是 喝牛奶 導致 消息 一 出 引爆 網友 們 的 怒氣 外界 質疑 兩 人 長年 旅居 國外 一 回台 就 有 症狀 對此 指揮中心 發言人 莊人祥 強調 此案 並非 長年 旅居 國外 但 回國 後 確診 的 唯一 個案 並 澄清 回台 後 確診 的 隔離 費用 並非 健 保 支應 依法 是 由 政府 支應 其 餘 醫療 費用 是 自費 或 健 保 除了 確診 費用 究竟 由 誰 埋 單 引爆 話題 之外 網友 也 紛紛 好奇 個案 離開 臺灣 30 年 究竟 1989 年 12 月 31 日 以前 的 臺灣 是 什麼 樣子 的 對此 旅遊 粉 專 愛 出國 i-fly tw 整理 出 7 大 要點 直言 案 393 於 1990 年 到 美國 的 時候 正值 青春年華 跟 現在 大部分 網友 差不多 年紀 1 總統 是 李登輝 2 出國 要 向 內政 部 入 出境 管理局 申請 許可 3 美元 台幣 匯率 沖到 1 26 左右 4 股市 12000 點 5 還 沒有 全民 健 保 1995 年 3 月 才 實施 6 電腦 不 普及 還 停留 在 倚 天 dos 系統 單色 螢 幕 7 電視 只有 華視 中視 台 視 三 個 頻道</t>
  </si>
  <si>
    <t>新冠肺炎 疫情 全球 肆虐 但 臺灣 此前 控制 得 不錯 直到 近日 境外移入 確診 數 不斷 增加 引發 民眾 警覺 各地 又 掀 口罩 搶購潮 資深 媒體 人 狄志為 今天 因緣 巧合 下 加入 戰局 po 文 透露 睡 少少 起 大早 去 知名 連鎖 超市 搶購 口罩 被 眼前</t>
  </si>
  <si>
    <t>新冠肺炎 疫情 全球 肆虐 但 臺灣 此前 控制 得 不錯 直到 近日 境外移入 確診 數 不斷 增加 引發 民眾 警覺 各地 又 掀 口罩 搶購潮 資深 媒體 人 狄志為 今天 因緣 巧合 下 加入 戰局 po 文 透露 睡 少少 起 大早 去 知名 連鎖 超市 搶購 口罩 被 眼前 的 景象 驚 呆 狄志 為 今 8 13 一早 在 臉書 po 文 表示 知名 連鎖 超 商美廉 社 今 起 開放 預購 口罩 全台 共 700 多 家 店 搶 5萬 盒 一 盒 259 元 一 人 限 購 5 盒 而 他 本 無意 加入 搶購潮 只是 我 三 點 半 睡 六 點 起床 叫 老大 上學 想想 不如 來 排排 看 會 不 會 太 瘋狂 嘴上 說 著 瘋 了 狄志為 卻 乾脆 加碼 挖 老婆 起來 一起 沖 夫妻倆 趕到 店面 前 不 過 清晨 6 點 半 眼前 景象 讓 他們 直 呼 omg 因為 算 一 算 排隊 人數 已經 來到 40 多 人 狄志為 表示 昨天 有 問 了 一下 店員 店員 說 這 是 全台 同時 開放 搶購 機器 刷 得 過 就 買 得 到 刷 不過 就是 沒了 讓 他 不禁 幻想 先前 中 了 彩捲 發票 又 抽 到 動 滋 卷 的 狄家 三 口 是否 能 延續 運氣 也 搶到 口罩 狄志 為 想起 前 副 總統 陳建仁 的 提醒 接下來 1 家 一個 人 至少 得 準備 三 個 月 的 口罩 讓 全台 民眾 再 陷入 搶購 口罩 的 輪回 也 堅定 了 自己 的 搶購 決心 但 結果 相當 可惜 排 了 半天 這次 運氣 不好 白跑 趟 媽咪 的 叻 差 三 個人 一問之下 才 知 頭 香 4 點 就 來 排 了 還有 人 專業 到 帶 小椅子 來 排 讓 他 大 歎 我 怎麼 也 會 跟風 來 排 呢</t>
  </si>
  <si>
    <t>omicron 變異 株 蔓延 世界 各國 國內 也 有 3 例 境外移入 個案 而 英國 即使 疫苗 覆蓋率 高 omicron 感染 數 仍然 突破 3000 人 且 出現 全球 首例 死亡 病例 目前 對於 omicron 的 科學 證據 仍 不足 國內 專家 分析 應該 不至於 變成 大 魔王</t>
  </si>
  <si>
    <t>防堵 新冠肺炎 南非 新 變異 株 b 11529 疫情 疫情 指揮中心 26 日 公佈 29 日 起 南非 波 劄 那 納米比亞 賴索托 史瓦帝 尼 及 辛巴威 等 六 國 提升 為 重點 高風險 國家 只要 抵 台前 14 天 曾至 上述 國家 包含 轉機 在內 返台 後 須 入住 集中 檢疫所 14 天 並 配合 專案 采 檢 且 不 適用 春節 返台 專案 醫療 應變 組 副 組長 羅一鈞 說 南非 新 變異 株 學 名為 b 11529 11 月 中旬 在 波 劄 那 發現 目前 還 沒有 希臘字母 正式 的 命名 預估 可能 成為 當地 新 一 波 疫情 主流 但 南非 新 變異 株 與 delta 基因 定 序 明顯 不同 因此 不 用 擔心 先前 我國 境外移入 的 南非 個案 有 潛藏 可能 羅一鈞 指出 目前 亞洲 僅 香港 偵 測到 二 例 臺灣 尚未 發現 南非 目前 病例 數 至少 77 例 指揮官 陳時中 也 表示 我國 沒有 直 飛 的 航班 直接 威脅 較 小 但是 目前 仍 先 採取 完整 的 阻絕 再 視 後續 情況 調整 從重點 高風險 國家 返台 的 民眾 除了 要 在 集中 檢疫所 進行 14 天 的 檢疫 外 還要 配合 專案 采 檢 在 到 集中 檢疫所 及 檢疫 期滿 時 做 pcr 采 檢 並 在 自主 健康 管理 期間 做 一 次 家用 快 篩 若為 國籍 航空 公司 機組員 則 是 入住 防疫 旅 宿或 符合規定 的 公司 宿舍 檢疫 14 天 且 仍 需 配合 pcr 檢測 及 7 天 自主 健康 管理 原本 指揮中心 預定 26 日 公佈 跨 年 鬆綁 指引 卻 未 公佈 外界 推測 是否 因 南非 新 變異 株 而延 後 公佈 陳時中 回應 雖然 保留 因 疫情 變化 滾 動 檢討 的 空間 但 跨 年 鬆綁 指引 延 後 與 新 變異 株 無關 目前 大方向 已 擬定 僅 是 部分 細節 還 未 定案 仍 持續 討論 中 要 等 整體 確定 才會 對 外 公佈</t>
  </si>
  <si>
    <t>國民黨 前 立 委 陳學聖 昨日 7 指出 日前 印尼 移 工 境外移入 確診 個案 激增 20 位 而 近日 引發 熱 議 的 移 工 宿舍 感染 問題 也 都 在 桃園 想必 桃園 市 市長 鄭文燦 壓力 一定 很 大 陳 強調 多數 移 工 都 從 桃園 機場 入境 等待 體檢 那 幾 天會</t>
  </si>
  <si>
    <t>國民黨 前 立 委 陳學聖 昨日 7 指出 日前 印尼 移 工 境外移入 確診 個案 激增 20 位 而 近日 引發 熱 議 的 移 工 宿舍 感染 問題 也 都 在 桃園 想必 桃園 市 市長 鄭文燦 壓力 一定 很 大 陳 強調 多數 移 工 都 從 桃園 機場 入境 等待 體檢 那 幾 天會 先 暫住 桃園 不少 小 仲介 為 省 錢就 四處 塞 人 讓 防疫 出現 破 口 他 曾 提出 活化 閒置 軍營 作 移 工 入境 檢查 暫 居 宿舍 並 由 仲介 業者 繳 交 相關 費用 但 過去 沒人 當一回事 如今 事情 真的 大 條 了 盼 鄭 能 好好 留在 桃園 處理 問題 若 成效 良好 說不定 可能 就 升 官 了 陳 學聖 昨日 在 臉書 發文 表示 自從 印尼 移 工 境外移入 確診 個案 激增 20 位 而 近日 引發 熱 議 的 移 工 宿舍 感染 問題 也 都 在 桃園 想必 鄭文燦 壓力 一定 很 大 難怪 鄭 比起 過去 明顯 安靜 了 許多 料想 最近 鄭文燦 不敢 再 四處 趴 趴 走 了 陳 學聖 直言 桃園 會 發生 這些 問題 其實 一點 都 不 意外 因為 絕大多數 移 工 都 是從 桃園 機場 入境 他們 都 必須 完成 體檢 後 雇主 才會來 接 走 故 等待 體檢 那 幾 天 多 會 暫住 桃園 不少 小規模 仲 介 為了 省錢 就 四處 塞 人 甚至 有 些小 旅館 還 專 接 這種 生意 一 間 小 房間 擠滿 了 人 就 像是 個 難民營 針對 這個 狀況 陳學聖 指出 過去 有 仲 介 業者 向 他 建議 不 要 讓 移 工 一 進入 臺灣 就 留下 壞 印象 所以 希望 政府 能 活化 閒置 軍營 提供 作為 移 工 入境 檢查 的 暫 居 宿舍 並 由 仲介 業者 繳 交 相關 費用 支應 但 這個 構想 石沉大海 許久 過去 都 沒有 人 把 它 當一回事 如今 果然 爆發 移 工 入境 待 檢 期間 群 聚 感染 案件 陳 學聖 表示 桃園 爆出 移 工 入境 群 聚 感染 案件 正好 是 證明 政府 大 有為 的 時候 尤其 前段時間 鄭文燦 顯得 一派 輕鬆 太閑 了 本島 離 島 到處跑 還 跟 關島 連 線 甚至 大清早 到 臺北 鳴槍 路 跑 又 到 高雄和 陳其邁 會師 一 副就要 換 閣 揆 似的 如今 事情 大 條 了 移 工 不可能 不 進來 但 一個 移 工 確診 國家 的 負擔 就 是 百萬 計 所以 拜 讬 鄭 不要 再 趴 趴 走 好好 留在 桃園 專心 把 移 工 宿舍 問題 趕快 處理 好 若 成效 良好 真 的 有 可能 就 會升 官 了</t>
  </si>
  <si>
    <t>隨國 內 疫情 越來越 穩定 及 疫苗 覆蓋率 提升 勞動部 經 指揮中心 同意 開放 辦理 移 工 專案 引進 為了 回應 政府 政策 國泰 產險 積極參與 開發 移 工 防疫 保險 商品 金管會 保險局 也 加速 審查 作業 於 今天 19 日 核准 國泰 產險 移 工 嚴重 特殊 傳染性 肺炎 covid-19 住院 醫療 費用 健康 保險 及 移 工 特殊 傳染性 肺炎 covid-19 住院 醫療 費用 團體 健康 保險 預計 於 12 月 1 日前 正式 推出 相關 商品 過去 移 工 入境 後 如 確診 嚴重 特殊 傳染性 肺炎 covid-19 時 相關 住院 醫療 費用 皆 為 疾病 管制 署 全數 負擔 現行 移 工 確診 所 致 的 住院 醫療 費用 將 改由 移 工 的 雇主 全數 負擔 為 避免 因 移 工 確診 造成 雇主 負擔 龐大 住院 醫療 費用 的 經濟 壓力 現 國泰 產險 配合 金管會 及 勞動部 的 政策 開發 移 工 嚴重 特殊 傳染性 肺炎 covid-19 住院 醫療 費用 健康 保險 及 移 工 特殊 傳染性 肺炎 covid-19 住院 醫療 費用 團體 健康 保險 獲准 協助 雇主 分擔 風險 未來 雇主 可于 移 工 入境 前 取得 移 工 的 授權 同意 後 雇主 可 協助 為 其 投保 移 工 嚴重 特殊 傳染性 肺炎 covid-19 住院 醫療 費用 健康 保險 或 移 工 特殊 傳染性 肺炎 covid-19 住院 醫療 費用 團體 健康 保險 前述 商品 雇主 可 依照 引進 移 工 的 人數 作 選擇 人數 未 滿 5 人 時 僅 可 投保 移 工 特殊 傳染性 肺炎 covid-19 住院 醫療 費用 健康 保險 每人 保險費 1051 元 滿 5 人 可 選擇 投保 移 工 嚴重 特殊 傳染性 肺炎 covid-19 住院 醫療 費用 團體 健康 保險 每人 保險費 1036 元 投保 後 的 移 工 於 入境 日 起 30 日內 經 確診 嚴重 特殊 傳染性 肺炎 covid-19 且 列為 境外移入 案例 者 將 提供 最高 保險金額 50萬 元 的 實支 實 付 住院 醫療 費用 保障 針對實際 住院 醫療 費用 經 取得 移 工 授權 同意 後 可 由 國泰 產險 直接 給 付給 醫療機構 減少 雇主 經濟 上 及 作業 上 的 負擔 移 工 來 台 工作 更 安心</t>
  </si>
  <si>
    <t>突破性 感染 頻 傳 甚至 有 境外移入 個案 混打 3 劑 疫苗 仍 確診 精神 科 醫師 沈政男 表示 疫苗 不是 金鐘罩 打完 疫苗 也 無法 恢復正常 生活 突破性 感染 得 重症 的 機 率 是 沒 打 疫苗 者 的 75 只能 說 疫苗 保護 力 與非 疫苗 防護 手段 有關</t>
  </si>
  <si>
    <t>14 50 更新 國內 今日 新增 2 名 新冠肺炎 境外移入 個案 為 30 多 歲 本 國籍 男性 案 605 及 50 多 歲 本 國籍 男性 案 606 分別 自 緬甸 印尼 入境 其中 案 605 曾 在 緬甸 確診 且 在 當地 和 案 501 及 案 505 一起 吃飯 研 判為 案 501 及 案 505 的</t>
  </si>
  <si>
    <t>境外移入 指揮中心 莊人祥 新冠肺炎</t>
  </si>
  <si>
    <t>昨天 3 22 疾 管署 宣佈 新 增 16 例 新冠肺炎 確診 分別 為 桃園 市 新增 5 例 最 多 臺北市 新北 市 台中 市 各 3 例 台 南市 彰 化 縣 各 1 例 昨天 3 22 國內 新增 16 例 確診 13 例 境外 3 例 本土 有 1 老師 1 長 照 機構 護理 師 中 鏢 從 疾 管署 官 網 的 全台 確診 分佈圖 可 知道 桃園 昨天 一 天 暴 增 5 例 確診 數 僅次於 雙北 全台 只 剩 7 縣 市 守 住 零 確診 雙北 案例 最 多 皆 為 43 例 疾 管署 公佈 新冠肺炎 本土 病例 及 境外移入 病例 分佈圖 目前 國內 新冠肺炎 累計 169 例 六都 人口 較 多 確診 數 相對 比 其他 縣 市 高 北市 和 新北 昨天 皆 為 43 例 台中 21 例 桃園 21 例 高雄 11 例 台南 9 例 該 圖 顯示 全台 22 縣 市 只有 嘉 義縣 嘉義 市 澎 湖 花蓮 台東 金門 連江縣 沒有 確診 案例 六都 以 外縣市 以 彰 化 縣 7 例 最 多 新竹 市 4 例 次之 其 餘 雲林 3 例 南投 2 例 屏 東 宜蘭 苗栗 新竹 縣 基隆 市 各 1 例</t>
  </si>
  <si>
    <t>彰 化 縣 16 日 添 1 例 確診 鄉親 失望 沒有 打破 連續 4 天 零 確診 的 紀錄 但是 確診 在 匡列 範圍 病毒 沒有 外 擴 的 危險 衛福 部長 陳時中 表示 今天 本土 新增 29 病例 3 例 境外移入 4 人 死亡 彰 化 縣 在 連續 嘉玲 之後 10 日 主動 篩檢 出 1</t>
  </si>
  <si>
    <t>彰 化 縣 16 日 添 1 例 確診 鄉親 失望 沒有 打破 連續 4 天 零 確診 的 紀錄 但是 確診 在 匡列 範圍 病毒 沒有 外 擴 的 危險 衛福 部長 陳時中 表示 今天 本土 新增 29 病例 3 例 境外移入 4 人 死亡 彰 化 縣 在 連續 嘉玲 之後 10 日 主動 篩檢 出 1 例 確診 為 年輕 男子 衛生局 疫 調 發現 男子 有 特殊 社交活動 還 跨越 了 3 縣 市 透過 警方 協助 才匡列 社交圈 10 名 成員 7 人 在 台中 已經 兩 人 發病 3 人 在 彰 化 居家 隔離 又 增添 一起 發病 個案 了 彰 化 縣 衛葉 局長 表示 為了 不 造成 破 口 還是 持續 主動 監測 以防 有 任何 隱形 的 傳染 鏈 目前 主動 監測 已 累積 77570 人次 希望 能 維持 一 天 1000 人 的 量 能 用 主動 監測 的 方式 將 疑 似的 症狀 轉 診 做 采 檢 早期 發現 隱藏 的 感染 鏈 早期 圍堵</t>
  </si>
  <si>
    <t>湖北 解封 台商 返台 潮 醫 憂 境外移入 下 一 波 挑戰</t>
  </si>
  <si>
    <t>新冠肺炎 境外移入 病例 再度 引起 恐慌 民眾 又 開始 瘋 搶 口罩 尤其 特殊 色 特別 搶手 不過 專家 提醒 口罩 別 只 挑 顏色 或 品牌 最 重要 的 其實 是 壓條 鼻樑 壓條 長短 不但 影響 隔絕 效果 還 攸 關 製造 成本 一 名醫 材 商 在 臉書 社團 口</t>
  </si>
  <si>
    <t>新冠肺炎 境外移入 病例 再度 引起 恐慌 民眾 又 開始 瘋 搶 口罩 尤其 特殊 色 特別 搶手 不過 專家 提醒 口罩 別 只 挑 顏色 或 品牌 最 重要 的 其實 是 壓條 鼻樑 壓條 長短 不但 影響 隔絕 效果 還 攸 關 製造 成本 一 名醫 材 商 在 臉書 社團 口罩 現貨 資訊 臺灣 製造 mit 口罩 交流 口罩 神 社 發文 指出 仔細 比較 各家 口罩 會 發現 鼻樑 壓條 的 長短不一 由於 衛福部 沒有 規定 壓條 長度 因此 部分 業者 為了 節省成本 越做越 短 醫 材 商 透露 其實 鼻樑 壓條 越 長 隔絕 效果 越 好 而且 較 能 適應 不同 臉型 鼻樑 壓條 需 完全 貼 合 臉部 才能 達到 較 好 的 隔絕 效果 他 以 9 公分 的 壓條 為 例 約 只能 蓋 到 鼻翼 兩旁 相較 於 1112 公分 長 的 壓條 就 略顯 不足 貼 文 曝光 後 讓 不少 網友 震驚 紛紛 回應 長 知識 了 好 專業 13 公分 真的 掛 起來 比較 貼 合 臉型 還有 內行 網友 指出 由於 西方人 五官 輪廓 較 立體 有 注意 到 老 外 的 口罩 壓條 幾乎 與 口罩 一樣 長 而 東方人 只要 不 短 於 9 公分 都 有 包 覆 效果 也 有人 說 要 看 銷售市場 銷 歐美 的 壓條 一定 會 比 較 長</t>
  </si>
  <si>
    <t>新增 1 境外移入 台 女 11 月底 壓 線 返台 今 確診</t>
  </si>
  <si>
    <t>新冠肺炎 境外移入 確診 指揮中心</t>
  </si>
  <si>
    <t>民眾黨 立 委 賴香伶 昨晚 於臉書 發文 表示 新冠肺炎 疫情 在 世界各地 爆發 後 政府 規定 入境者 須進行 14 天 居家 隔離 政府 應 結合 機場 單一 視窗 讓 防疫 車隊 和 防疫 旅館 結合 做好 防疫 一條龍 賴香伶 說 臺灣 現在 的 境外移入 確</t>
  </si>
  <si>
    <t>民眾黨 立 委 賴香伶 昨晚 於臉書 發文 表示 新冠肺炎 疫情 在 世界各地 爆發 後 政府 規定 入境者 須進行 14 天 居家 隔離 政府 應 結合 機場 單一 視窗 讓 防疫 車隊 和 防疫 旅館 結合 做好 防疫 一條龍 賴香伶 說 臺灣 現在 的 境外移入 確診 人數 暴 增 而 大量 回 國 人口 也 已 衍生 很多 問題 比方說 家庭環境 沒有 妥當 的 隔離 空間 等等 為 便利 回國 民眾 尋求 協助 政府 應該 建立 單一 視窗 讓 國人 可以 安心 歸國 家人 鄰居 也 能 放心</t>
  </si>
  <si>
    <t>境外移入 增 7 例 本土 病例 0</t>
  </si>
  <si>
    <t>又 增 1 境外移入 印尼 移 工 無 症狀 確診</t>
  </si>
  <si>
    <t>新冠肺炎 流感疫苗 境外移入 指揮中心 臺灣</t>
  </si>
  <si>
    <t>國內 新冠 確診 近 1萬6000 人 含 境外移入 不少 人 併發 嚴重 後遺症 卻 有 一 名 確診 者 不 記得 老婆 是 誰 檢查 發現 他 連 大腦 都 遭到 病毒 攻擊 這 起 個案 今年 67 歲 今年 5 月 因 有 萬 華 茶室 活動 史 送往 集中 檢疫所 隔離 確診 後 緊</t>
  </si>
  <si>
    <t>境外移入 陳時中 新冠肺炎 印尼 移 工</t>
  </si>
  <si>
    <t>每 5 人 就 有 1 人 突破性 感染 指揮中心 曝 7 至 9 月 境外移入 實況</t>
  </si>
  <si>
    <t>境外移入 突破性 感染 新冠肺炎 臺灣 指揮中心</t>
  </si>
  <si>
    <t>臺北市 長 柯文哲 曾 主張 打 2 劑 疫苗 可以 不 用 戴 口罩 中央 宣佈 明天 起 戶外運動 可不 戴 口罩 但 目前 第 2 劑 覆蓋率 還 很 低 恐怕 成為 破 口 柯 18 日 表示 臺灣 境內 沒有 什麼 感染 狀況 只要 邊境 管制 好 其實 是 不必 管 那麼 嚴 但要 逐步 微 解封 不要 突然 降 太 多 柯文哲 過去 曾 主張 打完 2 劑 就 可以 不 用 戴 口罩 而 中央 宣佈 在 戶外運動 可不 戴 口罩 但 目前 疫苗 第 2 劑 覆蓋率 還 很 低 外界 認為 鬆綁 後 恐 造成 疫情 破 口 柯文哲 主持 防疫 記者會 時 回應 從 實際 數字 來看 全 臺灣 將近 2 周 沒有 不明 感染 源 案例 有 確診 案例 都 是 境外移入 在 防疫 旅館 被 攔 下來 用 數字 來 做 政策 決定 只要 邊境 管制 好 國內 可 更 鬆綁 但 前 題 是 要 做好 不要 出現 3 11 破 口 他 表示 既然 臺灣 境內 沒有 什麼 感染 狀況 其實 是 不必 管 那麼 嚴 但 主張 參考 其他 國家 經驗 逐步 微 解封 不要 突然 降太 多 否則 可能 造成 疫情 反撲 此外 衛福 部長 陳時中 透漏 最 快 11 月 有望 降到 1 級 柯文哲 說 臺灣 降級 從 過去 幾 個 月 當中 很 清楚 日本 4 次 宣佈 緊急 事態 宣言 每次 病例 太 多 就 提高 警戒 一陣子 經濟 受不了 就 放開 一 放開 就 反撲 柯文哲 認為 過去 幾 個 月 臺灣 降級 是 連續性 微 解封 政策 是 對 的 表面 上 叫 二級 但 室外運動 或 室內 拍照 都 不 用 戴 口罩 代表 二級 也 不是 二級 過去 幾 個 月 都 相當 成功 就 維持 這樣 政策 連續性 微 解封 也 比較 好 控制 至於 下月 可能 開放 疫苗 混打 柯文哲 說 開放 混打 疫苗 要 講 清楚 你 讓 老百姓 預期 要 開放 混打 一 開始 讓 民眾 在 不同 疫苗 當中 有 不同 喜好 若要 開放 想 打 az 的 民眾 百分比 就 會 下降 要買 什麼 疫苗 中央 政策 想 好 就 好</t>
  </si>
  <si>
    <t>境外移入 案例 增加 盧秀燕 籲 入境 全面 普 篩</t>
  </si>
  <si>
    <t>新冠肺炎 境外移入 案例 持續 增加 中 造成 民眾 恐慌 再現 口罩 搶購潮 台中 市長 盧秀燕 上午 在後 裡 受訪 時 建議 中 央 境外 旅客 入境 除 目前 14 天 隔離 外 應 一律 再 加上 普 篩 雙管齊下 才能 確保 臺灣 2300萬 人 的 安全 盧秀燕 提到 大</t>
  </si>
  <si>
    <t>新冠肺炎 境外移入 案例 持續 增加 中 造成 民眾 恐慌 再現 口罩 搶購潮 台中 市長 盧秀燕 上午 在後 裡 受訪 時 建議 中 央 境外 旅客 入境 除 目前 14 天 隔離 外 應 一律 再 加上 普 篩 雙管齊下 才能 確保 臺灣 2300萬 人 的 安全 盧秀燕 提到 大家 看 到 比利時 工程師 案例 他 也 居家 檢疫 14 天 可是 入境 以後 有 染病 這 兩 個 月 當中 在 臺灣 趴 趴 走 像 日本 學生 也 都 有 這種 情形 換句話說 光是 居家 檢疫 隔離 14 天 對於 入境者 或 從 國外 入境 的 臺灣人 來講 她 覺得 可能 不夠 盧秀燕 強調 為了 維護 2300萬 人 的 安全 並 確保 過去 半 年 防疫 成果 是不是 對 入境者 從 國外 進到 臺灣 者 應該 要 雙管齊下 除了 要求 隔離 檢疫 14 天外 應該 要 一律 篩檢 讓 國人 安心 盧秀燕 說 這 段 時間 看到 大家 都戴 起 口罩 又 在 搶購 口罩 造成 人 心 不安 她 也 拜 讬 中央 能夠 再 想 想</t>
  </si>
  <si>
    <t>雲林 新增 1 境外移入 確診 個案 縣府 全面 加強 校園 防疫 準備</t>
  </si>
  <si>
    <t>雲 林縣 政府 30 日 公佈 新增 境外移入 確診 個案 1 例 案 16101 為 本 國籍 19 歲 男性 長年 居住 在 印尼 本月 27 日 返台 就學 入境 持有 3 日內 pcr 檢驗 陰性 報告 入境 時無 症狀 於 外縣市 集中 檢疫所 居家 檢疫 期間 無 不適 症狀 29 日 采 檢 結</t>
  </si>
  <si>
    <t>雲 林縣 政府 30 日 公佈 新增 境外移入 確診 個案 1 例 案 16101 為 本 國籍 19 歲 男性 長年 居住 在 印尼 本月 27 日 返台 就學 入境 持有 3 日內 pcr 檢驗 陰性 報告 入境 時無 症狀 於 外縣市 集中 檢疫所 居家 檢疫 期間 無 不適 症狀 29 日 采 檢 結果 pcr 陽性 目前 在外 縣 市 醫院 治療 雲 林縣 長 張麗善 表示 案 16101 並未 回到 雲 林縣 所以 沒有 相關 足跡 也 沒有 進行 匡列 請 縣民 不 要 過於 擔心 但 平日 還是 要 做好 個人 防疫 措施 張麗善 說 因應 大專院校 將 於 9 月 陸續 開學 目前 雲 林縣 配合 中央 規範 滾 動式 調整 訂 定 雲 林縣 9 月 1 日 開學 防疫 指引 包括 學校 教職員工 及 工作人員 應 符合 完成 疫苗 第 1 劑 接種 且 滿 14 日 的 入校 條件 疫苗 第 1 劑 接種 未 滿 14 日 或 未 接種 者 首次 進入 校園 前 應 提供 3 日內 抗原 快 篩 或 pcr 檢測 陰性 證明 之後 每 7 日 進行 1 次 抗原 快 篩 或 pcr 檢驗 為 原則 張麗善 說 考量 縣 內 教職員 快 篩 需求 縣府 30 日 啟動 110 學年 高中職 以下 教職員工 開學 快 篩 專案 3031 日 於各 醫院 提供 縣 教育處 造冊 的 教職員 快 篩 服務 請 務必 依 學校 通知 時間 及 地點 前往</t>
  </si>
  <si>
    <t>新增 2 例 境外移入 指揮中心 14 00 說明</t>
  </si>
  <si>
    <t>李 17 日 出席 董氏 基金會 2020 戒煙 就 贏 比賽 活動 開跑 記者會 並 撂 兄弟 許碩文 一起 加入 戒煙 行列 正值 新冠肺炎 疫情 肆虐 他 也 藉 機 呼籲 如果 身體 好 的 話 病毒 就算 靠近 但 最後 可以 打敗 如果 是 老 煙槍 心 肺 功能 差 病毒 一旦 找 上 你 你 可以 贏 它 嗎 戒煙 後 你 至少 有 一點 跟 別人 不 一樣 就是 免疫力 比 別人 強 大家 一起 來 戒煙 增強 免疫力 最近 全民 積極 防疫 但 17 日 又 新增 10 例 全都 是 境外移入 連續 3 天 已 新增 24 例 全都 是 境外移入 李 呼籲 這時候 大家 就 是 要 共 體 時艱 不 玩 不會 死 但 你 玩 了 可能 會 死 那 幹什麼 玩 呢 就算 自己 無所謂 也 要 替 家人 國人 想 吧 防疫 暫時 莫 出國 他 說 朋友 中 也 有人 從 國外 做 生意 回台 都 乖乖 居家 檢疫 14 天 身邊 朋友 也 不 會 在 這時 出國 他 自己 原本 有些 必須 出國 的 短程 工作 計畫 就 先 取消 不然 就 是 用 視 訊 取代 不用 堅持 出國 為何 一定 要 找 死 呢 李 說 自己 曾是 煙齡 27 年 每天 2 包煙 的 老 煙槍 10 年前 上 張小燕 主持 的 百萬 小 學堂 時 她 勸 他 戒煙 並以 10萬 為 賭金 激勵 後來 他 戒煙 成功 張小燕 真的 拿 了 一 張 10萬 支票 給 他 我 拿 也 不是 不 拿 也 不是 後來 我 又 貼 了 10萬 一共 20萬 捐 給 董氏 基金會 他 說 戒煙 後 身體 變 得 更 好 以前 起床 就 要 抽煙 才能 回魂 現在 一起 床 就 很 有 精神 現在 覺得 比較 硬 朗 老婆 有 覺得 差異 他 說 這 要 問 她 我 是 覺得 我 還 不錯 啦 戒煙 後身 上 沒 煙 味 小孩 更 喜歡 抱 我</t>
  </si>
  <si>
    <t>繼 臺北市 傳出 多 起 去 美國 打 疫苗 回國 民眾 在 檢疫 期間 驗 出新冠肺炎 病毒 案例 雲 林縣 今天 3 日 也 有 一起 下午 3 點 雲林 縣府 將 舉行 線 上 記者會 說明 據 瞭解 雲 林縣 今天下午 將 宣佈 一起 境外移入 確診 病例 該 患者 到 國外 打完</t>
  </si>
  <si>
    <t>繼 臺北市 傳出 多 起 去 美國 打 疫苗 回國 民眾 在 檢疫 期間 驗 出新冠肺炎 病毒 案例 雲 林縣 今天 3 日 也 有 一起 下午 3 點 雲林 縣府 將 舉行 線 上 記者會 說明 據 瞭解 雲 林縣 今天下午 將 宣佈 一起 境外移入 確診 病例 該 患者 到 國外 打完 2 劑 疫苗 回國 隔離 時 pcr 檢測 是 陽性 ct 值 32 但 未 回 雲林</t>
  </si>
  <si>
    <t>又 新增 2 境外移入 病例 指揮中心 14 00 說明</t>
  </si>
  <si>
    <t>境外移入 病例 指揮中心 1400 臨時 記者會 新冠肺炎</t>
  </si>
  <si>
    <t>新冠肺炎 境外移入 指揮中心 疫情</t>
  </si>
  <si>
    <t>陳時中 境外移入 社區 傳播 宣佈 防疫</t>
  </si>
  <si>
    <t>臺北市 中正區 防疫 旅館 接連 兩 例 確診 分別 是 案 16859 及 擴大 采 檢 發現 的 案 16870 臺北市 副 市長 黃珊珊 今 召開 記者會 說明 個案 在 美國 回來 第二 天 12 月 6 日 就 不 舒服 有 發燒 採取 通訊 診療 用藥 之後 緩解 到 12 月 14 日 采 檢 案 16859 可能 接觸 者 才 確診 但 他 在 12 月 5 日 已經 采 檢 結果 是 陰性 12 月 6 日 並 沒有 再 采 檢 黃珊珊 表示 中央 判定 16859 屬於 境外移入 但 這 位 民眾 經過 14 天 檢疫 結束 離開 檢疫所 後 發病 確診 北 市政府 不敢 大意 希望 進一步 確認 感染 源 在 防疫 旅館 及 相關 接觸 者 加以 擴大 匡列 隔離 采 檢 黃珊珊 指出 案 16859 在 11 月 26 日 入境 到 中正區 防疫 旅館 入住 到 12 月 10 日 離開 前 采 檢 後 也 是 陰性 回 到 他 的 家 後 在 12 月 13 日 出現 喉嚨 痛 自主 管理 期間 快 篩檢驗 陽性 到 醫院 采 檢 確診 ct 12 已 接種 兩劑 疫苗 黃珊珊 指出 北市 接 獲 通報 後 在 12 月 14 日 立刻 進到 防疫 旅館 進行 疫 調 匡列 清 消 全面 采 檢 結果 發現 案 16870 在 12 月 14 日 確診 12 月 5 日 從 美國 回來 檢疫 期 到 12 月 19 日 但 他 在 美國 回來 第二 天 12 月 6 日 就 不 舒服 在 防疫 旅館 表示 有 發燒 採取 通訊 診療 用藥 之後 緩解 後來 一直 待 在 防疫 旅館 到 12 月 14 日 采 檢 案 16859 可能 接觸 者 才 確定 他 是 ct 值 31 這時候 已經 沒有 症狀 對於 16870 個案 12 月 6 日 不 舒服 當下 沒有 篩檢 到 14 日 才 采 檢 出來 是否 有 疏失 黃珊珊 說明 個案 不 舒服 會 通報 衛生局 會 安排 通訊 診療 他 在 12 月 5 日 已經 采 檢 當時 是 陰性 12 月 6 日 因為 前 一 天才 采 檢 就 先 瞭解 症狀 做 投藥 沒有 采 檢 主要 是 因為 前 一 天 剛 剛才 采 檢</t>
  </si>
  <si>
    <t>衛福 部長 陳時中 18 日 宣佈 說 今天 一口氣 新增 23 例 全國 新冠肺炎 確診 人數 累計 達到 100 例 其中 本土 案例 新增 有 一 例 沒有 旅遊 史 正 對 他 進行 疫情 調查 其 餘 人 則 是 來 自 先前 被 查出 確診 的 埃及 團 土耳其 團 陳時中 強調 這 幾 天將 是 高峰期 機場 這 兩 天 壓力 會 很 大 指揮中心 統計 目前 100 例 確診 中 分別 為 71 例 境外移入 及 29 例 本土 病例 確診 個案 中 維持 1 名 死亡 22 名 解除 隔離 其 餘 個案 病況 穩定 持續 住院 隔離 中 指揮中心 指出 全球 累計 193748 例 確診 分佈 於 145 個 國家 地區 病例 數 以 中國 大陸 80881 例 義 大利 27980 例 伊朗 14991 例 西班牙 9191 例 及 韓國 8236 例 為 多 病例 中 7086 例 死亡 以 中國 大陸 3226 例 義 大利 2158 例 伊朗 853 例 西班牙 309 例 及 法國 148 例 為 多</t>
  </si>
  <si>
    <t>台新冠肺炎 最近 新增 不少 境外移入 案例 還有 外籍 駐 台 工程師 找 不 到 感染 源 對照 近來 的 爆炸性 出遊 潮 防疫 是否 會 有 破 口 令人擔憂 台 南市 因 觀光 人潮 多 為 防堵 疫情 決定 提前 備戰 明天 4 日 起 將 要求 室內 場所 若 未 能 保持</t>
  </si>
  <si>
    <t>新冠肺炎 疫情 持續 延 燒 屏 東縣 出現 首例 確診 案例 疾 管署 各縣市 確診 地圖 原本 確診 數 為 0 的 屏 東縣 增為 1 例 確診 為 境外移入 個案 目前 收治 於 縣 內 負 壓 隔離病房 治療 中 縣府 21 日 下午 也 召開 屏 東縣 疫情 指揮中心 會議</t>
  </si>
  <si>
    <t>新冠肺炎 疫情 持續 延 燒 屏 東縣 出現 首例 確診 案例 疾 管署 各縣市 確診 地圖 原本 確診 數 為 0 的 屏 東縣 增為 1 例 確診 為 境外移入 個案 目前 收治 於 縣 內 負 壓 隔離病房 治療 中 縣府 21 日 下午 也 召開 屏 東縣 疫情 指揮中心 會議 縣長 潘孟安 指示 縣府 24 小時 待命 防疫 屏 東縣 出現 首例 確診 個案 在 屏 東 的 地方 網路 社 群 上 引發 一陣 騷動 哀嚎 屏 東縣 也 淪陷 了 縣府 衛生局 表示 該 案例 無 社區活動 史 接觸 史 相對 單純 目前 縣 內 各項 防護 措施 都 已 啟動 呼籲 民眾 不 需 過度 恐慌 截至 22 日 上午 屏 東縣 居家 檢疫 有 656 人 縣府 表示 防疫 旅館 已 整備 待命 提供 居家 檢疫 者 家屬 居住 讓 需要 居家 檢疫 的 家庭 有 更 多 的 選擇 縣府 21 日 再次 召開 屏 東縣 疫情 指揮中心 會議 由 縣長 潘孟安 主持 指示 縣府 24 小時 待命 防疫 為了 擴大 醫療 服務 及 防疫 量 能 縣府 於 屏 北 屏 中 及 屏 南 地區 共 指定 14 家 急救 責任 醫院 擔任 社區 采 檢點 進行 篩檢 任務 避免 個案 集中 大 醫院 造成 醫療 量 能 壅 塞 及 院內 感染 風險 增加 另外 為 提升 疑 似 病 患 就醫 分流 機制 及 輕 症 病人 就地 治療 急救 責任 醫院 將 進行 專責 病房 開設 及 相關 整備 作業 縣府 也 呼籲 居家 檢疫 或 居家 隔離 民眾 都應 確實 遵守 各項規定 切 勿 心存僥倖 擅 離 處所 以免 觸 法 受罰 也 感謝 配合 居家 檢疫 居家 隔離 民眾 與 政府 共同努力 為 疫情 設下 防線</t>
  </si>
  <si>
    <t>新冠肺炎 屏 東 確診 境外移入 負 壓 隔離病房</t>
  </si>
  <si>
    <t>境外移入 暴 增 名醫 怒 嗆 出國 一時 爽 全國 火葬場</t>
  </si>
  <si>
    <t>出國 火葬場 境外移入 新冠肺炎 武漢肺炎</t>
  </si>
  <si>
    <t>指揮中心 新冠肺炎 境外移入 確診</t>
  </si>
  <si>
    <t>近來 本土 疫情 增 溫 教育部 今 11 日 公佈 最新 全國 學生 確診 人數 統計 截至 10 日 下午 5 點 半 新增 本土 和 境外 各 1 名 學生 確診 總 人數 增至 746 人 其中 本土 確診 學生 720 人 境外移入 26 人 教育部 校 安 中心 統計 4 月 20 日 至 9 月 10 日</t>
  </si>
  <si>
    <t>近來 本土 疫情 增 溫 教育部 今 11 日 公佈 最新 全國 學生 確診 人數 統計 截至 10 日 下午 5 點 半 新增 本土 和 境外 各 1 名 學生 確診 總 人數 增至 746 人 其中 本土 確診 學生 720 人 境外移入 26 人 教育部 校 安 中心 統計 4 月 20 日 至 9 月 10 日 下午 5 點 半 學生 確診 人數 本土 確診 學生 人數 有 720 人 以 大專 校院 211 人 最 多 高中 119 人 國中 113 人 國小 189 人 幼稚園 88 人 根據 教育部 資料 顯示 另 有 26 名 確診 學生 是 境外移入 其中 24 人 是 大專生 1 名 國 中生 及 1 名 國 小生 教育部 也 公佈 行政院 孩童 家庭 防疫 補貼 網 最新 統計 資訊 目前 已 領到 孩童 家庭 防疫 補貼 的 人數 比率 約 9691 合計 共 230萬9813 人 符合 領取 資格</t>
  </si>
  <si>
    <t>台中 市 清水區 一 處 社區 6 日 晚間 傳出 有 住戶 確診 covid-19 被 安置 到 醫院 隔離 治療 對此 台中 市 衛生局 指出 是 5 名 孟加拉 籍 船員 租 屋 在 此 已 解 隔離 後 要 再 登 船 做 pcr 篩檢 未 料 5 人 中 有 1 人 為 陽性 令 人 憂心 的 是 其中 1 人 10 月 29 日 入境 解 隔離 後 已 入 住 該 社區 超過 半 個 月 另 4 人 11 月 18 日 入境 也 在 上周 解 隔離 入住 該社 區 還 在 自主 健康 管理 中 台中 清水社區 6 日 晚間 傳出 有 民眾 確診 晚間 救護車 進進出出 將 住戶 隔離 安置 台中 市 衛生局 證實 為 境外移入 個案 是 5 名 孟加拉 籍 船員 入境 檢疫 期滿 要 再 登 船 做 pcr 檢驗 其中 1 人 呈現 陽性 衛生局 不敢 輕忽 已 立即 隔離 安置 並 重新 采 檢 送驗 衛生局 表示 新增 境外移入 陽性 個案 為 新加坡 入境 孟加拉 籍 船員 其中 4 名 個案 曾 施 打過 1 2 劑 新冠 疫苗 這 5 人 有 1人 是 10 月 29 日 入境 另 4 人 11 月 18 日 入境 自 桃園 機場 入境 入境 時都持 3 日內 陰性 報告 自 新加坡 來 台 入境 唾液 檢驗 及 檢疫 期滿 前 鼻 咽 采 檢 皆 為 陰性 檢疫 期滿 後 入住 公司 租 屋 處 其中 1 人 11 月中 就 已 入 住 該 社區 另 4 人 上周 入住 還 在 自主 健康 管理 中 對於 該 群 聚 確診 是否 整個 社區 民眾 都有 被 傳染 之 虞 台中 市 衛生局 指稱 5 人 中 有 4 人 還 在 自主 健康 管理 中 經 調查 個案 外出 皆 有 佩戴 口罩 出門時 無 于 社區 大樓 逗留 因 語言不通 無 與其 他 住戶 接觸 目前 尚 待 疾 管署 檢驗 血清 等 厘 清 感染 源</t>
  </si>
  <si>
    <t>新冠肺炎 疫情 攻 入 南半球 澳洲 和 紐西蘭 19 日 皆 宣佈 將 自 20 日 晚間 起 全面禁止 外國人 入境 因為 確診 病例 以 境外移入 為主 不過 一 場 婚禮 讓 澳洲 gg 了 確診 病例 一下子 暴 增 35 例 而且 全是 境內 感染 新冠肺炎 疫情 嚴峻 敏感 期</t>
  </si>
  <si>
    <t>新冠肺炎 疫情 攻 入 南半球 澳洲 和 紐西蘭 19 日 皆 宣佈 將 自 20 日 晚間 起 全面禁止 外國人 入境 因為 確診 病例 以 境外移入 為主 不過 一 場 婚禮 讓 澳洲 gg 了 確診 病例 一下子 暴 增 35 例 而且 全是 境內 感染 新冠肺炎 疫情 嚴峻 敏感 期間 該 辦 婚禮 嗎 澳洲 南 威爾斯 一對 新人 沒 想到 自己 一 場 喜事 竟然 會 造成 群 聚 感染 該省 衛生局 下令 所有 參與 3 月 6 日 在 雪梨 以南 海灘 小鎮 這 場 婚禮 的 人士 都 必須 在 家 隔離 14 天 直到 3 月 20 日 據 報導 已 知 31 名 與會者 受到 感染 確診 繼而 再 傳染給 另外 4 人 其中 一 位 確診 者 是 聯邦 參議員 佈雷格 andrew bragg 佈雷格 推 文 表示 自己 之前 出現 流感 症狀 遵循 指示 接受 篩檢 結果 為 陽性 他 會 按 規定 居家 隔離 14 天 澳洲 當局 宣佈 自 20 日 晚間 起 禁止 外籍人士 入境 並 呼籲 所有 海外 國人 返國 但 返國 後 必須 自主 隔離 14 天 根據 最新 資料 澳洲 確診 人數 已 超過 700 人 死亡 人數 累計 至 7 人</t>
  </si>
  <si>
    <t>5 天 16 例 今 又 增 5 境外移入 確診 指揮中心 14 00 說明</t>
  </si>
  <si>
    <t>國際 新冠肺炎 疫情 再 爆發 我國 自 11 月 8 日 起至 今 以 連續 5 天 出現 確診 個案 指揮中心 今 宣佈 我國 再 增 5 例 境外移入 發言人 莊人祥 今 12 日 下午 2 時 舉行 記者會 說明 今天 再 增 5 例 確診 指揮中心 統計 國 其中 589 例 確診 分</t>
  </si>
  <si>
    <t>指揮中心 境外移入 新冠肺炎</t>
  </si>
  <si>
    <t>衛福 部長 陳時中 24 日 到 桃園 參加 桃園 市政府 的 防疫 會議 盛讚 桃園 很多 措施 都 已 到位 但 提到 公佈 確診 個案 戶籍地 他 直言 慢慢 的 每個 縣 市 都 會 有 也 不 認為 疫情 都會 集中 在 北部 反問 還 沒 完全 結案 誰 又 知道 呢 重點 在 避免 醫療 體系 崩 盤 面對 個案 戶籍 地圖 上線 陳時中 也 澄清 其實 法定 傳染病 確定 病例 數 地理 分佈圖 一直 都 在 登革熱 時期 甚至 公佈 到 裡 這次 全國 嚴重 特殊 傳染性 肺炎 本土 病例 及 境外移入 病例 地理 分 佈 把 裡 拿 掉 他 解釋 日前 有人 透過 傳染病 統計資料 查詢 系統 公佈 疫情 資訊 疾 管署 覺得 很 緊張 就 撤 除了 我 是 覺得 沒 必要 本來 有 的 資訊 就 留在 這個 地方 陳時中 強調 他 沒有 刻意 點名 哪個 縣 市 就是 要 避免 引發 恐慌 強調 資訊 公開 是 要 對 防疫 有 幫助 的 而 不是 引發 恐慌 他 也 不 諱言 從 國外 的 例子 可以 看到 其實 慢慢 每個 縣 市 都 會 有 重點 是 要 避免 醫療 體系 崩掉 每 一個 地方 會 崩掉 都 是從 醫療 體系 先 崩 盤 以前 sars 的 經驗 就 是 這樣 他 也 不 認為 目前 北部 紅通通 一 片 是 疫情 重中之重 強調 還 沒 完全 結案 都 很難說 誰 會 知道 像 遠 在 歐洲 一兩 天 就 多 逾 百 個 確診 病例 要 盡力而為 陳時中 也 提到 鑽石 公主 號 從 日本 回來 的 乘客 都 經過 二 采 陰 目前 在 集中 檢疫所 安置 完成 大家 的 心情 看起來 都 還好 他 也 鼓勵 再 忍耐 不 到 14 天 對 他們 和 社會 都 好 他 坦言 鑽石 公主 號 乘客 包機 返台 的 檢驗 規格 比較 高 雙采 陰 是因為 公主 號 裡面 有 很多 沒有 辦法 掌握 的 情況 所以 格外 把 規格 拉高 一點 讓 他們 自己 也 安心 社會 也 安心 也 辛苦 他們 了 陳時中 表示 看到 桃園 市政府 積極 作為 感到 很 心安 很多 中央 希望 地方 做 的 事情 都 已 到位 希望 中央 跟 地方 能夠 合作 更 密切 防疫 工作 才有 可能 做好 呼籲 大家 居家 檢疫居家 隔離 甚或 是 病人 都 不是 我們 的 敵人 我們 的 敵人 不是 人 我們 的 敵人 是 病毒 唯有 合作 才會 成功 對立 就 會 失敗 陳時中 也 贊 桃園 跟 民間團體 合作 動員 守望相助 隊 幫忙 藥局 坦言 實 名 制 讓 民眾 無法 充分 自由 購買 引發 壓力 大家 都 在 承擔 藥局 是 第 一線 呼籲 多 體諒 他 也 笑 言 桃園 三包 健康 強健 食 補 包 居家 安心 消毒包 以及 減壓 紓 食 包 很 貼心 不過 零食 包 要 撙節 使用 不然 會 像 市長 一樣 越來越 胖</t>
  </si>
  <si>
    <t>新冠肺炎 疫情 境外移入 指揮中心</t>
  </si>
  <si>
    <t>新冠肺炎 疫情 蔓延 全球 目前 國內 確診 病例 仍以 境外移入 為主 相對 於 大陸 日本 韓國 臺灣 疫情 控制 備受 肯定 根據 近日 公佈 的 一 份 國際 榜單 臺灣 在 最 安全 國家 中排 行 第 五 名 至於 全球 最 安全 國家 第一 名 是 位 於中東 地</t>
  </si>
  <si>
    <t>新冠肺炎 疫情 蔓延 全球 目前 國內 確診 病例 仍以 境外移入 為主 相對 於 大陸 日本 韓國 臺灣 疫情 控制 備受 肯定 根據 近日 公佈 的 一 份 國際 榜單 臺灣 在 最 安全 國家 中排 行 第 五 名 至於 全球 最 安全 國家 第一 名 是 位於 中東 地區 的 以色列 最 令 人 意外 的 是 鄰近 國家 都 是 這次 新冠肺炎 的 重創 區域 根據 deep knowledge group 網站 近日 公佈 的 榜單 目前 全球 最 安全 國家 前 五 名 依序是 以色列 新加坡 紐西蘭 香港 及 臺灣 雖然 中東 地區 是 這次 新冠肺炎 的 重災區 但 相對 于 周圍 鄰國 災情 以色列 透過 手機 app 應用程式 警示 活動 範圍 與 新冠肺炎 病 患 重疊 的 用戶 有效 控管 疫情 大 流行 排名 第 五 的 臺灣 防疫 在 國際 上 備受 肯定 不少 國家 都 公開 讚揚 包括 美國 微軟 創辦 人 比爾蓋茲 美國 資深 藝人 芭芭拉史 翠珊 都曾 公開 讚美 臺灣 的 超前 部署 who 也 發表 聲明 正面 回應 臺灣參與 案 並 表示 將 臺灣 衛生 當局 的 最佳 做法 分享 給 全球 至於 全球 安全 風險 黑名單 依序是 美國 義 大利 印度 西班牙 及 伊拉克 世界 強國 美國 因 確診 數 居 冠 成為 黑名單 榜首 緊跟 在後 的 則 是 死亡 人數 最 多 醫療系統 幾乎 崩潰 的 義 大利</t>
  </si>
  <si>
    <t>臺灣 才 連續 四 天 確診 數 抱 零 繼 昨天 新增 3 名 磐石 軍艦 確診 者 今 19 日 一口氣 增加 22 名 病例 中央 流行 疫情 中心 指揮官 陳時中 表示 新增 21 例 都 是 在 磐石 軍艦 上 確診 另外 一 例 為 境外移入 陳時中 表示 磐石 艦 官兵 774 人 分 四 個</t>
  </si>
  <si>
    <t>臺灣 才 連續 四 天 確診 數 抱 零 繼 昨天 新增 3 名 磐石 軍艦 確診 者 今 19 日 一口氣 增加 22 名 病例 中央 流行 疫情 中心 指揮官 陳時中 表示 新增 21 例 都 是 在 磐石 軍艦 上 確診 另外 一 例 為 境外移入 陳時中 表示 磐石 艦 官兵 774 人 分 四 個 檢疫所 經過 一 晚 徹夜 采 檢 全數 采 檢 完畢 昨天 也 發出 關懷 簡訊 今天 針對 接觸 者 也 會 發 簡訊 希望 有 症狀 者 也 要 提高 警覺 希望 第二 波 傳染 可以 建立 防線 這 幾 天 的 足跡 也 會 儘量 處理 對於 沒 掌握 到 的 會 發 簡訊 請 他們 要 特別注意 相關 事項 對於 相關 確診 者 在 特別 的 足跡 停留時間 超過 一定 時間 會 公佈 地點 至於 詳細 足跡 則 會 交給 地方 政府 請 他們 做 清潔 消毒 與 疫情 調查 陳時中 表示 因為 牽涉 的 人 很多 要 感謝 檢驗 人員 徹夜 都 沒 睡 700 多 件檢 體 一 夜 就 全部 檢驗 完成</t>
  </si>
  <si>
    <t>臺北市 新增 3 例 境外移入 新冠肺炎 確診 病例 分別 自 尼加拉瓜 日本 及 泰國 入境 在 入境 采 檢 及 檢疫 期滿 前 檢驗 陽性 確診 另外 北市 119 校 完成 bnt 疫苗 接種 剩下 的 28 校 所 需 疫苗 也 已 備 妥 北市 衛生局 表示 9 月 22 至 10 月 1 日 計 1</t>
  </si>
  <si>
    <t>臺北市 新增 3 例 境外移入 新冠肺炎 確診 病例 分別 自 尼加拉瓜 日本 及 泰國 入境 在 入境 采 檢 及 檢疫 期滿 前 檢驗 陽性 確診 另外 北市 119 校 完成 bnt 疫苗 接種 剩下 的 28 校 所 需 疫苗 也 已 備 妥 北市 衛生局 表示 9 月 22 至 10 月 1 日 計 119 所 學校 共 12萬1453 人 完成 bnt 疫苗 接種 8 天內 累計 1828 人 接種 後 感到 不適 多數 已 無 大礙 僅 1 人 因 胸 痛 症狀 住院 觀察 中 日前 中央 因 疫苗 短缺 原定 10 月 56 日 接種 的 學校 受到 影響 經 北市 努力 調度 疫苗 後 校園 所 需 bnt 疫苗 已 備 妥 10 月 4 至 6 日 共 28 所 學校 近 2萬 人 將 如期 接種 疫苗 此外 公費 流感疫苗 開 打 首日 北市 31 個 社區 接種 站 同步 服務 65 歲 以上 長者 共 4540 人 完成 流感疫苗 接種 另 有 198 位 長者 同時 接種 肺炎 鏈球菌 疫苗 北市 衛生局 表示 今年 于 社區 設置 418 場流感疫苗 接種 站 65 歲 以上 長者 可 多 加 利用 設站 服務 資訊 可 洽 詢 裡 辦公 處 轄區 健康 服務 中心 詢問 北市 衛生局 提醒 流感 高峰期 通常 於 11 月 至 隔 年 春節 前 達到 流行 高峰 疫苗 接種 後 至少 2 周 才能 產生 保護 力 北市 有 316 家 流感疫苗 合約 院所 提供 接種 服務 請 民眾 儘早 接種 疫苗 以 獲得 保護 力 相關 疫苗 接種 訊息 可撥打 防疫 專線 02 2375 3782 及 1999 市民 熱線 詢問</t>
  </si>
  <si>
    <t>印尼 境外 生 來 台 念書 確診 境外移入</t>
  </si>
  <si>
    <t>新冠肺炎 肆虐 全球 歐美 近期 淪為 重災區 旅居 歐美 臺灣人 大量 返國 各界 憂 成為 防疫 破 口 台 大公 衛學院 副 院長 陳秀熙 今天 在 廣播節目 上 表示 這 一 波 境外移入 最 多 增加 確診 500 例 但是 只要 不 要 造成 社區 感染 臺灣 都能 應付</t>
  </si>
  <si>
    <t>新冠肺炎 肆虐 全球 歐美 近期 淪為 重災區 旅居 歐美 臺灣人 大量 返國 各界 憂 成為 防疫 破 口 台 大公 衛學院 副 院長 陳秀熙 今天 在 廣播節目 上 表示 這 一 波 境外移入 最 多 增加 確診 500 例 但是 只要 不 要 造成 社區 感染 臺灣 都能 應付 陳 秀 熙 說 最近 幾 天 總 病例 雖然 增加 但 大多 是 境外移入 不是 本土 發生 而以 最近 一 波 1萬6千 人 自 歐美高 病毒 區 歸國 來看 5 的 陽性 比率 最 多 也 不過 就 是 增加 500 例 這 也 要 看 他們 在 海外 期間 有 沒有 確實 做好 防護 措施 陳 秀 熙 又 說 指揮中心 有 在 估計 我們 在 學界 推 估 做 參考 不過 也 要 看 接觸 史 包含 一些 不 確定 因素 現在 談 這 數字 意義 不 大 他 指出 目前 臺灣 防疫 還 是 100 分 但 我們 還是 要 居安思危 比如說 假設 應該 要 隔離 的 人 趴 趴 走 傳染 別人 可能 會 造成 小型 社區 流行 可能 會 再 增加 30 例</t>
  </si>
  <si>
    <t>新冠肺炎 台 大公 衛學院 陳秀熙 境外移入 社區 感染</t>
  </si>
  <si>
    <t>今 增 4 境外移入 印度 返台 專機 累計 5 人 確診</t>
  </si>
  <si>
    <t>境外移入 新冠肺炎 印度</t>
  </si>
  <si>
    <t>新冠肺炎 疫情 延 燒 境外移入 個案 近日 暴 增 新北 市長 侯友宜 17 日 在 新北 環狀 線 形象 廣告 發佈 會後 指出 全世界 都 在 鎖國 我們 不 要 隨隨便便 把 疫情 帶 回來 有 可能 今天 是 一級 警示 明天 會 變成 三級 呼籲 這 段 時間 沒有 必要</t>
  </si>
  <si>
    <t>新冠肺炎 疫情 延 燒 境外移入 個案 近日 暴 增 新北 市長 侯友宜 17 日 在 新北 環狀 線 形象 廣告 發佈 會後 指出 全世界 都 在 鎖國 我們 不 要 隨隨便便 把 疫情 帶 回來 有 可能 今天 是 一級 警示 明天 會 變成 三級 呼籲 這 段 時間 沒有 必要 不要 出國 不是 只 有 學生 所有 市民 非必要 不要 出國 侯友宜 指出 防疫 只 有 過 沒有 不及 現階段 防疫 策略 是 要 阻絕 於 境外 管控 於 境內 對 最 容易 群 聚 的 校園 更 是 要 嚴格 標準 來 看 侯友宜 說 擋住 了 第一 波 的 中 港澳 攻擊 能 不能 擋住 第二 波 全球化 攻擊 是 現在 最 大 的 考驗 大家 要 互相 包容 體諒 昨天 一下子 暴 增 8 個 若 擴散 出去 是 會 呈現 倍數 成長 必須 要 堵住 國門 這 關 國門 賭 不住 再 怎麼 管控 是 效果 有限 的 侯友宜 說 沒有 必要 就 不要 出國 不管 是 疫情 二級 三級 要 有 作戰 觀念 不要 出去 就 沒事 嘛 去 疫情 高張 國家 趴 趴 走 不管 是 列為 一級二級 很 有 可能 就 變 三級 他 給 國人 呼籲 也 給 新北 市民 呼籲 儘量 要求 自己 非必要 不要 出國 阻絕 於 境外 才 是 最 重要 的</t>
  </si>
  <si>
    <t>新增 5 境外移入 印尼 菲律賓 移 工期 滿 采 檢 確診</t>
  </si>
  <si>
    <t>國內 今日 新增 5 名 新冠肺炎 境外移入 個案 其中 3 人 為 印尼 移 工 2 人 為 菲律賓 移 工 均 是 期滿 前 采 檢 確診 截至 目前 國內 共 累積 623 名 確診 案例 案 620 至 622 都 是 印尼 籍 女性 介於 30 多 歲 到 40 多 歲 之間 11 月 10 日 來 台 工作 入境</t>
  </si>
  <si>
    <t>國內 今日 新增 5 名 新冠肺炎 境外移入 個案 其中 3 人 為 印尼 移 工 2 人 為 菲律賓 移 工 均 是 期滿 前 采 檢 確診 截至 目前 國內 共 累積 623 名 確診 案例 案 620 至 622 都 是 印尼 籍 女性 介於 30 多 歲 到 40 多 歲 之間 11 月 10 日 來 台 工作 入境 後 進行 集中 檢疫 但 至今 都 沒有 出現 症狀 11 月 23 日 期滿 采 檢 於 今日 確診 新冠肺炎 因 未 接觸 他人 因此 皆 無 匡列 接觸 者 案 623524 為 菲律賓 20 多 歲 女性 及 30 多 歲 男性 11 月 10 日 11 日 來 台 工作 入境 後 進行 集中 檢疫 但 未 出現 症狀 11 月 2324 日 進行 期滿 采 檢 後 今日 確診 新冠肺炎 由於 未 與 他人 接觸 也 無 匡列 接觸 者 截至 目前 國內 共 累計 623 名 個案 分別 為 531 例 境外移入 55 例 本土 個案 36 例 敦睦 艦隊 及 1 名 比利時 工程師</t>
  </si>
  <si>
    <t>境外移入 新冠肺炎 賽諾菲 疫苗 不適 症狀</t>
  </si>
  <si>
    <t>新增 2 例 境外移入 赴 菲律賓 工作 返台 確診</t>
  </si>
  <si>
    <t>教育部 今天 最新 公告 到 23 日 下午 5 時 30 分 止 共有 118 位 學生 確診 其中 大專生 60 人 最 多 而 淡江大學 今天 也 在 學校 網站 公告 有 4 位 師生 確診 學校 已 進行 全面 消毒 教育部 統計 共有 118 位 學生 確診 較 前 1 天 106 人 增加 12 人 確診 學生 中 包括 大專生 60 人 含 50 個 本土 案例 10 個 境外移入 案例 高中生 17 人 國 中生 12 人 國 小生 19 人 及 幼稚園 生 10 人 同時 淡江大學 今天 也 在 學校 官網 公告 有 1 位 兼任教師 及 3 位 學生 共 4 人 確診 均 已 完成 全面 疫 調 並 已 通知 相關 師生 注意 自主 健康 管理 校內 所 有 可能 接觸 的 場 域 均 已 進行 全面 消毒</t>
  </si>
  <si>
    <t>又 增 1 例 境外移入 赴 尼泊爾 返台 確診</t>
  </si>
  <si>
    <t>繼 一 位 到 高雄遊 學 4 個 月 的 日本 女 學生 于 上月 24 日 返國 在 日本 機場 被 驗 出新 冠 核酸 陽性 並 被 日本 官方 登錄 為由 臺灣 境外移入 的 案例 後 本月 27 日 又 有 一 位 在 桃園 工作 兩 年 的 泰國 移 工 返國 時 被 泰國 官方 驗 出 核酸 確診 不 排除</t>
  </si>
  <si>
    <t>境外移入 8 例 無 新 增 死亡</t>
  </si>
  <si>
    <t>香港 新加坡 境外移入 釀 本土 流行 臺灣 挺 住 了</t>
  </si>
  <si>
    <t>臺灣 防疫 獲 外 媒 認證 專家 諮 詢 中心 召集人 張上淳 表示 紐約時報 日前 報導 以 圖表 方式 來 分析 臺灣 香港 及 新加坡 3 地 疫情 演進 2 月 到 3 月 上旬 每日 新增 還 是 個 位數 確診 之後 歐美 境外移入 個案 大幅 增加 造成 香港 境外移入 讓</t>
  </si>
  <si>
    <t>臺灣 防疫 獲 外 媒 認證 專家 諮 詢 中心 召集人 張上淳 表示 紐約時報 日前 報導 以 圖表 方式 來 分析 臺灣 香港 及 新加坡 3 地 疫情 演進 2 月 到 3 月 上旬 每日 新增 還 是 個 位數 確診 之後 歐美 境外移入 個案 大幅 增加 造成 香港 境外移入 讓 本土 流行 新加坡 亦 然 短 時間 內 確診 突破 百 例 然而 臺灣 一直 控制 得 很 好 因此 外界 對 臺灣 防疫 十分 肯定 為了 防疫 第一線 醫 事 人員 的 健康 指揮中心 自 3 月 30 起 擴大 篩檢 各 大 醫療 院所 的 醫 事 人員 截至 4 月 15 日 統計 以 篩檢 醫師 225 人 護理 師 767 人 其他 醫 事 人員 222 人 其他 非醫 事 人員 253 人 照 護 機構 人員 385 人 共計 1852 人</t>
  </si>
  <si>
    <t>臺灣 境外移入 臺灣 防疫 確診 新加坡</t>
  </si>
  <si>
    <t>新增 6 境外移入 案例 創 新高 醫 急 吐 10 字</t>
  </si>
  <si>
    <t>大 聯大 3702 今日 舉行 法 說 會 第一 季 營運 守 穩 每股 賺 099 元 展望 第二 季 看好 後 疫情 時代 居家 辦公 遠距教學 5 g 相關 基地 台 等 商機仍 樂觀 智慧 倉儲 的 布建 也 依舊會 是 未來 幾 年 的 重點 經營 也 會 是 資本 支出 的 核心 大</t>
  </si>
  <si>
    <t>大 聯大 3702 今日 舉行 法 說 會 第一 季 營運 守 穩 每股 賺 099 元 展望 第二 季 看好 後 疫情 時代 居家 辦公 遠距教學 5 g 相關 基地 台 等 商機仍 樂觀 智慧 倉儲 的 布建 也 依舊會 是 未來 幾 年 的 重點 經營 也 會 是 資本 支出 的 核心 大 聯大 第一 季營 收 131044億 元 年成 長 172 延續 去年 第 四季 的 年 增 雙 位數 成長 並 創 歷年 第一 季新高 單季 營業毛利 為 5272億 元 營業 淨利 為 2191億 營業 利益 率 為 167 淨利 歸屬 母公司 業主 1658億 元 年增率 2715 單季 每股 獲利 為 099 元 毛利率 402 財務 長 袁興文 表示 大 聯大 第一 季在新冠肺炎 疫情 帶動 記憶體 價格 走 揚 近期 居家 辦公 及 遠距教學 需求 帶 動筆 電 pc 及 網路 通訊 周邊設備 伺服器 以及 5 g 相關 零 組件 出 貨 等 挹注 下 相較 去年同期 有 著 兩位數 成長 也 展現 大 聯大 對 疫情 有 著 一定 的 掌握 度各 產品 表現 上 除 車用 電子 略為 下降 其 餘 均 維持 穩定 成長 展望 後市 袁興文 指出 目前 上下游 客戶 還是 有 不 確定 因素 故 對 第二 季 下半年 不 發佈 預測性 數字 但 走 向後 疫情 時代 居家 辦公 遠距教學 的 商 機會 持續 5 g 相關 基地 台 手機 等 業務 還有 各國 政府 加碼 的 基礎 建設 都 有助於 刺激 需求 大 聯大 也 持續 在 進行 積極 佈局 且 針對 內部 數位 轉型 也 會 持續 目前 客戶 上線 已經 有 20 在 數位 倉儲 上 去年 完成 香港 部分 後續 會 針對 客戶 密集 的 廣州 接 著 還有 臺灣 東南亞 會 配合 客戶 地區 做 調整 預計 會 一直 延續 到 2022 2023 年 發揮 大 聯大 的 通路 優勢 在 未來 資本 支出 上 大 聯大 今年 砸 下 655億 元 購買 南港 廠辦 未來 陸續 會 將 營運 都 集中 在 新 廠辦 這 屬於 一次性 的 支出 未來 幾 年 大 聯大 的 支出 主要 還 是 集中 在 智慧 倉儲 的 建構 另外 目前 全球 半導體 產業 的 交易 主要 幣 別 還是 以 美元 為主 在 聯 准會 持續 寬鬆 貨幣政策 下 預估 利率 再 下降 趨勢 持續 因此 預估 財務 支出 占比營 收 應該 會 持續 下降 大 聯大 董事會 日前 也 通過 每股 擬 配發 現金 股利 24 元 預計 在 6 月 24 日 召開 股東會</t>
  </si>
  <si>
    <t>大 聯大 新冠肺炎 居家 辦公 遠距教學 南港</t>
  </si>
  <si>
    <t>隨 著 全球 大 多數 國家 疫情 舒緩 義隆 2458 下半年 新機 效應 可期 客戶 拉 貨 力 道 可望 一路 看到 年底 義隆 繼 昨天 漲 停 作 收 後 今 股價 再度 走 高 大 漲逾 4 最高 達 115 元 創下 2000 年 11 月 以來 新高 價 今年 上半年 nb 市場 因為 新冠肺炎 疫情 帶動 一 波 居家 上班 遠距教學 的 趨勢 也 使得 義隆 第二 季nb 相關 出 貨 動能 強勁 惟 出 貨機 款 普遍 為 舊 機 款 但 隨 著 第 三 季 全球 疫情 緩 義隆 看好 下半年 新機 效應 可期 加上 客戶 端 因 目前 庫存 偏 低 會 有 補 庫存 的 動作 且 動能 有 機會 一路 延伸 到 年底 法人 也 樂觀 看好 義隆 營運 將 逐 季 成 長 到 第 三 季 且 創 高 可期 義 隆 觸 控 板 在 消費型 筆 電 機種 市 占率高 加上 陸續 導入 商務 機種 且 因為 競爭對手 投入 資源 減少 使得 義隆電 市 占率 逐步 攀升 法人 預估 義隆 2020 年 出貨量 上 看 8800萬 顆 年 增加 8 而 隨 觸控 板 大 尺寸 化 帶動 單價 提升 有助於 營運 擴 增 另外 義隆 在業 界 率先 導入 帶筆 功能 隨 微軟 主動 筆 協定 由 mpp 15 轉 進 20 因 功能 複雜 度 提升 單價 將 提升 30 對 義隆 毛利率 也 將 幫助 至 nb 搭載 指紋 辨識 滲透 率 約 20 晶 片 供應商 為 新 思 與 義隆 隨 指紋 辨識 注重 安全性 兩 公司 亦 推出 加密 晶 片</t>
  </si>
  <si>
    <t>新冠肺炎 疫情 持續 延 燒 至 大學校園 繼成 大 政大 清大 及 實踐 之後 台師大 也 出現 確診 個案 疫情 指揮中心 昨日 公佈 新增 16 例 確診 其中 案 322 為 臺灣師範大學 理工科 學生 指揮中心 表示 該 生 在 發病 前 以 學校 校園 宿舍 為 主要 活動 區域 交通 多 是 搭 校 車 已 要求 實驗室 及 同 宿舍 同學 進行 隔離 也 建議 該 生 有 上課 的 班級 停課 目前 該 生為 感染 源 不 明 的 本土 個案 若無 法 掌握 其 過去 行蹤 不 排除 公佈 足跡 14 境外 2 本土 322 確診 5 死 疫情 指揮中心 指揮官 陳時中 表示 新增 的 16 例 分別 為 14 例 境外移入 及 2 例 本土 病例 目前 累計 322 人 確診 39 人 解除 隔離 及 5 人 死亡 逾 3300 人 居家 隔離 中 居家 檢疫 則 逾 4萬8000 人 疫情 指揮中心 發言人 莊人祥 表示 2 例 本土 個案 分別 為 307 的 70 多 歲 男性 近期 無 出 國史 經 疫 調 曾 與 土耳其 境外移入 確診 案 122 聚餐 3 月 25 日 發病 昨日 確診 初步 掌握 接觸 者 共 46 人 該 生 相關 課程 采 遠距教學 另 一 名 本土 個案 為 案 322 台 師 大學生 其 於 3 月 26 日 出現 發燒 咳嗽 嘔吐 及 全身 倦怠 等 症狀 至 診所 就醫 因 症狀 持續 於 3 月 29 日 至 醫院 就醫 診斷 有 肺炎 情形 收治 住院 30 日 由 醫院 采 檢 通報 於 昨 確診 經 初步 調查 案 322 接觸 者 共 13 人 將 持續 調查 是否 有 其他 高風險 暴露 史 以 厘 清 感染 源 台 師 大學 務 長 林玫君 表示 學校 接 獲 通知 後 30 日 即 由 學校 安排 同寢室 同學 移出 宿舍 進行 自主 健康 管理 該 名 學生 生活 單純 規律 也 無 跨 校 選課 為 達 最 大 保護 原則 校方 緊急通知 相關 課程 立即 啟動 遠距教學 以 避免 衍生 任何 可能 接觸 並 安排 于清明 連 假期 間 全校 大 消毒 後續 再 依 疫 調 結果 辦理 至於 新增 的 14 例 境外移入 個案 為 7 男 7 女 年齡 20 多 歲 至 60 多 歲 入境 日 介於 3 月 16 日 至 29 日 發病 日 介於 3 月 1 日 至 3 月 27 日 個案 發病 前 活動 地 為 美國 英國 冰島 法國 瑞士 泰國 及 菲律賓 出國 的 目的 多 為 工作 或是 就學</t>
  </si>
  <si>
    <t>臺灣 新冠肺炎 疫情 17 日 一口氣 新增 10 例 國內 累積 達 77 例 其中 到 德國 拜訪 教授 8 日 返台 的 第 75 例 南部 某 國立 大學 大 四 男 大生 自動 向 校方 報告 旅遊 史後 在 家 自主 健康 管理 13 日 嗅覺 喪失 曾 3 度 到 診所 就醫 校方 17 日 晚間 於臉書 粉 專 主動 且 公開 防疫 紀實 寫下 該 名 學生 出國 回國 後 防疫 篩檢 時間 軸 還用 標籤 hashtag 寫 出 來 一 波 守 一 波 po 文 一 出來 後 讓 網友 暴動 了 4 小時 之內 立刻 吸引 近 4千 人 按 贊 近 8百 人 分享 中央 疫情 指揮中心 17 日 指出 案 75 為 南部 20 多 歲 男性 之後 傳出 該案 為 南部 某 國立 大學 因 傳出 因 校內 發生 疑似病例 校方 17 日 淩晨 發出 簡訊 請 部分 學生 自 17 日 起 勿 到 學校 上課 課程 改由 同步 非 同步 線 上 學習 受 影響 學生 約 超過 500 名 學生 改線 上 教學 勿 到校 上課 根據 這 所 大學 的 臉書 官方 粉絲 專 頁 上 的 po 文 校方 主動 揭露 學生 篩檢 至 確診 時間 軸 防疫 紀實 該校 指出 某 系 一 名 學生 2 23 3 8 陪同 到 德國 交換 學生 一起 至 德國 3 8 回台 後 先 回家 3 10 回到 台南 租 屋 處 同時 致電 該系 辦公室 詢問 是否 須進行 自主 健康 管理 經系 辦 詳盡 告知 隨即 在 租 屋 處 進行 自主 健康 管理 至今 完全 未 進入 校園 該校 說 該 同學 于 3 11 因 有 鼻 部 症狀 曾於 私人 診所 看 診 因 症狀 未有 改善 乃 於 3 16 至 大 醫院 掛號 因 有 旅遊 史 直接 將 其 轉至 篩檢 站 進行 篩檢 發現 有 肺炎 跡象 立即 收 至 負 壓 隔離病房 於 16 日 深夜 確診 校方 經 比對 各項 刷 卡門 禁 及 課程 上課 相關 資料 確認 學生 回到 台南 以來 遵守 自主 健康 管理 不曾 進入 校園 不過 該 個案 在 自主 健康 管理 期間 曾 與 2 名 同班同學 同桌 共 餐 因此 校方 緊急通知 2 生 進行 居家 隔離 同時 也 立即 調出 兩 生 所 修習之 課程 共 7 門 課 約 570 多 名 學生 為 提前 部署 以 達 最 大 保護 原則 校方 於 昨日 深夜 先行 通知 將 相關 課程 改為 遠 距 線 上 教學 以 避免 衍生 任何 可能 接觸 17 日 上午 再經 正式 疫 調 後 確認 兩 位 同學 在 接觸 確診 個案 後 僅 到校 上過 兩門課 總計 約 110 人 今日 中午 再 發出 通知 請 一起 上課 之 110 名 學生 進行 自主 健康 監測 所涉 課程 則 采 線 上 教學 至於 進行 居家 隔離 2 生 該校 表示 已 送 到 大 醫院 篩檢 待 篩檢 結果 出爐 再 進行 後續 處理 唯 2 生 目前 胸部 x 光 檢查 均 正常 若 經 3 次 采 檢 均 為 陰性 將 解除 列管 該校 表示 考量 防疫 需求 已 完成 遠距教學設備 添 購 及 建置 未來 將 視 疫情 發展 佐 以 完整 的 建築 與 健康 管理 資料 再 適時 彈性 或 全面實施 以 維持 大學 教育 的 最 大 可能 最後 校方 還用 標籤 hashtag 寫 出 來 一 波 守 一 波 提前 部署校方 主動 揭露 處理過程 也 讓 許多 網友 超 驚訝 紛紛 留言 資訊 公開 且 透明 是 最 棒 的 做法 祝願 一切 平安 公開 反而 更 放心 自主 健康 管理 還 敢 約 同學 共 餐 還有 人 敲 碗 說 想要 知道 更 多 資訊 公開 聚餐 的 地點 時間 才能 保護 更 多 人 聚餐 時間 跟 地點 是否 應該 公告 一下 比較 安全 呢 租 屋 處在 哪 也 需 公 佈 一下 可以 知道 是 那家 診所 嗎 身為 南部 人 感覺 怕 可以 曝光 行蹤 路線 嗎</t>
  </si>
  <si>
    <t>中華 電 2412 轉投資 是 方 6561 1 月 營 收 23億 元 年 增 1511 創下 歷史 新高 全球 雲端 趨勢 未來 幾 年 持續 穩 成長 是 方 營運 動能 樂觀 法人 也 看好 是 方 今年 營利 將 挑戰 2 位 數 成長 是 方 2020 年 在 新冠肺炎 衝擊 全球 影響 帶動 宅 經濟 居家 辦公 以及 遠距教學 等 需求 大增 加上 香港 問題 更 使得 國際 雲端 大廠 在 臺灣 業務量 飆 升 持續 帶動 是 方 雲端 應用服務 的 營運 動能 是 方 去年 前 三 季 稅 後 盈 餘 445億 元 年 增 1069 每股 盈 餘 達 63 元 是 方 總經理 劉耀元 表示 去年 雲端 事業 出現 高成長 主要 受惠 疫情 帶動 加上 遠 距離 上班 視 訊 等 需求 帶動 雲端 總機 資 安 等 需求 進入 今年 後 疫情 時代 預估 業績 持續 成長 此外 是 方可 提供 亞馬遜 微軟 谷歌 ibm 阿裡巴巴 等 五大 公有 雲 網路 直 連 服務 滿足 企業 混和 雲 應用 需求 是 方 去年 前 三 季 每股 盈 餘 63 元 是 方 預期 今年 成長 動能 可能 和 過去 2 3 年 相似 法人 也 預估 是 方 今年 營 收成 長 6 8 獲利 預估 會 有 兩位數 成長 不僅如此 是 方 日前 跨 足 健康 照 護 領域 推出 是 方 i 健康 app 長期 也 將 看好 成為 營運 新 動能</t>
  </si>
  <si>
    <t>新冠肺炎 疫情 在 全球 各地 蔓延 在家 遠 距 工作 及 遠距教學 成為 市場 新 顯 學 並 推動 雲端 運算 及 資料 中心 需求 快速 成長 伺服器 及 筆 電 出 貨 轉 強 統一 可 延伸 韌 體 介面 uefi bios 供應商 系 微 6231 因 擴大 在 伺服器 筆 電 物 聯</t>
  </si>
  <si>
    <t>新冠肺炎 疫情 在 全球 各地 蔓延 在家 遠 距 工作 及 遠距教學 成為 市場 新 顯 學 並 推動 雲端 運算 及 資料 中心 需求 快速 成長 伺服器 及 筆 電 出 貨 轉 強 統一 可 延伸 韌 體 介面 uefi bios 供應商 系 微 6231 因 擴大 在 伺服器 筆 電 物聯網 及 雲端 等 市場佔有率 伺服器 及 筆 電 出 貨 暢 旺 將 同步 帶動 系 微 bios 出 貨 放 量 系 微 去年 擴大 在 伺服器 個人 電腦 的 bios 市場佔有率 加上 大陸 oem 廠 去 美化 帶動 轉 單 效益 去年 合併 營 收 959億 元 與 前年 相較 成 長 130 歸屬 母公司 稅 後 淨利 達 8834萬 元 與 前年 相較 成 長 332 每股 淨利 232 元 系 微 董事會 決議 每 普通股 擬 配發 2 元 現金 股利 股息 配發 率 高達 86 系 微 先前 受到 大陸 新冠肺炎 影響 導致 odm oem 廠 停工 2 月 合併 營 收 月 減 237 達 7131萬 元 與 去年同期 相較 仍 大幅 成長 62 前 2 個 月 合併 營 收 達 165億 元 年成 長 251 優於 預期 隨 著 大陸 工廠 復工 速度 加快 法人 預估 3 月 起 營 收 重 十 成長 動能 新冠肺炎 疫情 蔓延 持續 影響 全球 市場 隨 著 歐美各國 開始 實施 封鎖 邊境 及 封城 在家 遠 距 工作 及 遠距教學 成為 新 顯 學 帶動 雲端 運算 及 超大規模 資料 中心 強勁 需求 進一步 帶動 伺服器 及 筆 電 銷售 動能 系 微 受惠 於 伺服器 及 筆 電 bios 出 貨 放 量 第二 季 訂單 能見度 大幅提高 下半年 營運 持續 看 旺 系 微 bios 近年來 在 伺服器 市場佔有率 快速 提升 包括 華為 新 華三 浪潮 等 大陸 伺服器 大廠 選用 系 微 insydeh 2 o 韌 體 除了 可 支援 英特爾 xeon 可 擴充 式 處理器 開發 機架式 伺服器 及 超 微 epyc 伺服器 處理器 平臺 系 微 bmc 韌 體 supervyse 系統管理 軟 體 解決 方案 亦 獲得 各 大 廠 採用 再者 系 微 bios 去年 持續 獲得 oem 大廠 筆 電 導入 與 英特爾 及 超 微 均 有 密切合作</t>
  </si>
  <si>
    <t>經營 兒童 美語 教材 出版 30 餘 載 的 高雄 大學 校友 李宗銘 靠 著 獨特 的 生意 眼光 在 sara 期間 闖 出 一 片 天 這 波 新冠肺炎 疫情 他 也 透過 送 課 幫助 同行 與 留住 學生 讓 遠距教學 產業 不受 影響 獲選 國立 高雄 大學 第 4 屆 傑出 校友 的 李</t>
  </si>
  <si>
    <t>經營 兒童 美語 教材 出版 30 餘 載 的 高雄 大學 校友 李宗銘 靠 著 獨特 的 生意 眼光 在 sara 期間 闖 出 一 片 天 這 波 新冠肺炎 疫情 他 也 透過 送 課 幫助 同行 與 留住 學生 讓 遠距教學 產業 不受 影響 獲選 國立 高雄 大學 第 4 屆 傑出 校友 的 李宗銘 說 需求 即 商機 激發 他 1987 年 創立 美 樂蒂 文教 科技 興 業 股份有限公司 歷年 下來 進口 改編 自 編 各種 兒 美 教材 出版 品 打出 市場 口碑 李 宗銘 說 公司 開發 遠距教學 已 超過 10 餘 年 源自 2003 年 sars 疫情 波及 臺灣 提供 國小 學童 線 上 學習 資源 後來 將 此 經驗 技術 帶往 大陸 發展 雖然 經歷 過 許多 風風雨雨 但 也 成就 今日 的 美 樂蒂 李 宗銘 於 2008 年 陷入 經營 瓶頸 當時 覺得 景氣 愈來愈 差 多 做 不 會 多 賺 因此 報考 高雄 大學 高階 經營 管理 碩士 在職 專 班 emba 經過 課堂 洗禮 李宗銘 對 做 生意 有 了 不同 的 見解 來自 不同 產業 的 同窗 不吝 分享 都為 他 公司 數位化 轉型 添加 動能 他 認為 做 生意 很 難 得 自我 突破 除 按部就班 之外 腳 墊 高點 手 伸長 些 就 摸到 了 去年 新冠肺炎 席捲 全球 也 影響 李宗銘 在 大陸 的 生意 財務 吃緊 瀕臨 倒閉 邊緣 後來 他 與 幹部 開會 決議 推出 送 課 方案 意 即 美 樂蒂 供給 客戶 加盟 補習班 遠距教學 課程 盼 留住 學員 李 宗銘 回想 當時 決策 考量 他 分析 送 課 並 不容易 除 諸多 成本 得 由 總公司 吸收 外 但 也 能 體現 平時 練兵 成果 也 為 加盟 夥伴 送暖 補血 成就 共 好</t>
  </si>
  <si>
    <t>在 歐美 疫情 延 燒 下 帶動 居家 辦公 遠距教學 等 趨勢 正旺 nb 網通 tv 等 晶 片 需求 旺 帶動 ic 設計 族群 第 三 季多檔 個股 營 收 登頂 且 第 四季 也 持續 看好 也 讓 族群 股價 順勢 反映 利多 瑞昱 2379 今 大 漲逾 4 重新 登 上 400 元大</t>
  </si>
  <si>
    <t>在 歐美 疫情 延 燒 下 帶動 居家 辦公 遠距教學 等 趨勢 正旺 nb 網通 tv 等 晶 片 需求 旺 帶動 ic 設計 族群 第 三 季多檔 個股 營 收 登頂 且 第 四季 也 持續 看好 也 讓 族群 股價 順勢 反映 利多 瑞昱 2379 今 大 漲逾 4 重新 登 上 400 元 大關 最高 達 4015 元 義隆 2458 漲幅 近 3 聯 詠 3034 漲幅 一度 約達 15 新冠肺炎 在 歐美 掀起 第二 波 疫情 且 嚴重 程度 恐 更 盛首波 所以 居家 辦公 遠距教學 等 趨勢 正旺 且 不僅 會 延續 到 第 四季 甚至 會 到 明年 上半年 包括 google 已經 宣佈 將 居家 辦公 的 計畫 將 延長 至 2021 年 7 月 先是 遠 端的 趨勢 並 短線 效應 相關 網通 nb 等 需求 動能 將 一路 延續 到 明年 瑞 昱 各 產品 線 暢 旺 包括 筆 電 tws 等 晶 片 需求 加上 數位 電視 數位 機上 盒 被動式 光纖 網路 pon 等 晶 片 出 貨 進入 旺季 9 月 合併 營 收 8173億 元 月增加 12 年 增加 385 連續 4 個 月 創下 單月 營 收 歷史 新高 也 帶動 第 三 季 合併 營 收 22409億 元 季成長 292 同步 創下 季度 營 收 歷史 新高 第 四季 預計 在 新冠肺炎 疫情 帶動 的 遠 距 商機 下 將 延續 淡季 不 淡 聯 詠 9 月 合併 營 收 7974億 元 月 成 長 95 年成 長 42 創下 歷史 單月 新高 也 推動 第 三 季 合併 營 收 22001億 元 季成長 182 同創 單季 歷史 新高 累計 前 9 月 合併 營 收 為 57503億 元 年 增 202 第 四季 預計 在 nb 需求 強勁 和 更 高 的 tddi 出貨量 以及 均 價 提 高下 營運 熱度 延 燒 義 隆 9 月 營 收 172億 元 月 增加 128 年 增加 695 單月 營 收 沖 上 歷史 新高 累計 前 9 月 營 收 105億 元 年 增加 543 亦 創下 歷史 新 高 義 隆 第 三 季營 收 為 4707億 元 達 陣 先前 財 測 預估 的 46 48億 元 也 相較 第二 季的 3539億 元 成長達 33 續創 歷史 新高 展望 第 四季 義隆 除了 nb 需求 持續 暢旺 之下 chromebook 訂單 成長 優於 nb 以 研 調 機構 預估 的 資料 來看 目前 上 修約 1000萬 台 需求量 然 因 目前 power ic 及 driver ic 等 關鍵零 元件 缺貨 致 義 隆 電 僅 能 滿足 70 80 的 需求量 法人 預估 在 chromebook 需求 推 升 下 使得 原本 進入 傳統 淡季 的 季節 營運 將 與 第 三 季 持平</t>
  </si>
  <si>
    <t>文化 大學 傳出 大 倫 館 宿舍 4 名 住宿 學生 確診 新冠肺炎 文化 大學 教務長 方 元沂 今 2 日 回應 宿舍 為 4 人 一 室 雅 房 校方 擔憂 衛浴 共用 恐 有 疑慮 因此 校方 今日 目標 完成 館內 345 名 同學 快 篩 而 快 篩 陽性 學生 則 依 規定 隔離 與 治療 文化 大學 大 倫 館 4 名 確診 學生 並非 同寢室 室友 根據 學校 掌握 首位 個案 是 在 5 月 29 日 確診 的 臺灣 學生 該 生 因 遠距教學 而 回到 台中 住家 後 確診 並 由 台中 市 衛生局 通知 回溯 5 月 30 日 則 再 新增 1 名 馬來西亞 僑 生 為 校內 工讀生 當時 他 發現自己 出現 感冒 症狀 嗅覺 有 問題 校方 請 他 檢測 而 確診 5 月 31 日 晚上 再 增加 2 名 港 生 確診 其中 1 人 是 聽說 宿舍 友人 感染 因為 擔心 而 自行 采 檢 便 發現 確診 另 1 名 港 生 則 將 返回 香港 采 檢 後 發現 確診 文 大 表示 4 名 確診 學生 都 是 主動 告知 校方 仍 在 宿舍 的 3 名 確診 學生 文大 校方 已 隔離 不過 其中 2 名 港 生為 無 症狀 感染 恐 存在 隱形 傳播 鍊 因此 請 臺北市政府 協助 臺北市 聯 醫 昨 已 赴 文 大場 勘 一 天 完成 校內 快 篩 200 名 學生 其 餘 學生 則 由 北 市府 派出 4 輛 專車 送至 萬 華 剝 皮 寮 篩檢 站 篩檢 方 元沂 指出 學校 到 學 期末 已 全面 啟動 遠距教學 今日 將 安排 住宿生 進行 快 篩 和 pcr 核酸 檢測 而 快 篩 陽性者 會 先 另外 安置 陰性 者 先 回 寢室 待 晚上 pcr 結果 出爐 如 pcr 檢驗 為 陽性 北 市府 將 安排 送至 醫院 或 防疫 旅館 並且 大 倫 館 也 會 重新 消毒 再 讓 學生 入 住</t>
  </si>
  <si>
    <t>國內 疫情 持續 擴大 延 燒 全台 大專 校院 紛 改 采 線 上 遠距教學 國立 台南 護專 目前 仍 維持 實體 授課 學生 為此 罵 翻天 在 臉書 黑 特 南 護 直指 學校 不要 再賭 了 好 嗎 校長 黃 美智 今 表示 考量 市府 未 宣佈 停 班 停課 在 兼顧 防疫</t>
  </si>
  <si>
    <t>國內 疫情 持續 擴大 延 燒 全台 大專 校院 紛 改 采 線 上 遠距教學 國立 台南 護專 目前 仍 維持 實體 授課 學生 為此 罵 翻天 在 臉書 黑 特 南 護 直指 學校 不要 再賭 了 好 嗎 校長 黃 美智 今 表示 考量 市府 未 宣佈 停 班 停課 在 兼顧 防疫 和 學生 受教 權 採取 不 影響 學業成績 與 上課時數 的 防疫 假 目前 約 300 多 位 學生 請假 占 全校 約 16 後續 將 視 疫情 演變 若 有 需要 就 會 調整 為 線 上 授課 國立 台南 護專 校長 黃 美智 前日 前 發給 全校 師生 一 封 公開信 提到 雙北 學生 可 采 非 同步 線 上 上課 不便 返校 者 也 可 請 防疫 假 不過 根據 目前 台 南市 政府 宣佈 疫情 警戒 尚未 進入 全面 採取 線 上 授課 階段 宣佈 正常 上課 由於 目前 全台 各 大專 校院 幾乎 都 停課 南護 學生 認為 學校 並非 都 是 南部 學生 不 停課 太 輕率 也 有 學生 批評 在 校內 看見 校長 不 戴 口罩 有違 醫護 專業 黃 美智 說 應該 是 誤解 之前 疫情 不 嚴峻 時 空曠 處 可能 未 全天候 戴 口罩 但 上周 開始 疫情 嚴峻 一直 都戴 著 口罩 但 面對 學生 的 批評 她 虛心 檢討 認為 大家 都 有 防疫 意識 是 好事 校方 指出 目前 南護約 2000 名 學生 以 護理系 占 大宗 約 1200 位 其中 250 位 本來 在 醫院 實習 也 因應 疫情 都 已經 先 暫停 實習 返校 改 為 在 校內 實 作 場 域 維持 學習 不 中斷 南護 學生 控訴 實體 授課 造成 防疫 危機 引起 兩 派 學生 論戰 學生 傾向 放假 者 認為 改 成 線 上 授課 比較 安全 也 有人 認為 不是 說 可以 請 防疫 假 了 嗎 到底 在 吵 什麼 校方 則 強調 尊重 學生 聲音 但有 不少 學生 比較 弱勢 目前 也 是 爭取時間 全面 建置 線 上 遠距教學 相關 事宜 以備不時 之 需</t>
  </si>
  <si>
    <t>新冠肺炎 在 歐美 持續 升溫 帶動 居家 辦公 遠距教學 等 需求 大增 nb 市場 大好 一路 暢旺 到 年底 義隆 2458 也 看好 在 此 熱潮 下 第 三 季營 收 逐月 成長 今 股價 掀起 反彈 開高 走 高 漲幅 一度 逾 2 站 回 5 日 線 周線 受到 疫情</t>
  </si>
  <si>
    <t>新冠肺炎 在 歐美 持續 升溫 帶動 居家 辦公 遠距教學 等 需求 大增 nb 市場 大好 一路 暢旺 到 年底 義隆 2458 也 看好 在 此 熱潮 下 第 三 季營 收 逐月 成長 今 股價 掀起 反彈 開高 走 高 漲幅 一度 逾 2 站 回 5 日 線 周線 受到 疫情 衝擊 居家 工作 遠距教學 帶動 一 波 nb 拉 貨 需求 且 由於 疫情 持續 不 見 尾聲 故此 波 需求 也 持續 延伸 到 至少 年底 且 以 教育 市場 標 案 為 主要 成長 動力 其中 又 屬 chromebook 需求 最熱 主要 原因 是 chromebook 尺寸 跟 機構 和 一般 的 nb 入門 款 相同 義隆 的 市 占 率 逾 90 以上 搶 搭 這 波 順 風車 義隆 目前 也 因為 市場需求 太 熱 因素 幾乎 沒 庫存 相較 以往 1 15 個 月 來說 營運 動能 確實 位居 高峰 義 隆 第 2 季營 收 為 3539億 元 季 增加 604 年 增加 623 營 收 創下 歷史 新高 單季 淨利 為 88億 元 年 增加 1075 更 相較 第 1 季 大幅 成長 19 倍 單季 每股 獲利 315 元 單季 毛利率 為 476 展望 第 3 季 義隆 看好 營 收 可望 再 成長 逾 3 成 將 續 創新 高</t>
  </si>
  <si>
    <t>測試 大廠 京元 電 2449 受惠 於新冠肺炎 疫情 帶動 的 伺服器 筆 電 及 平板 等 相關 晶 片 需求 湧現 醫療 相關 晶 片 測試 急 單 大增 加上 中國 5 g 基地 台及 wifi 6 等 新 基建 相關 晶 片 測試 訂單 續 強 帶動 4 月 合併 營 收 沖 上 2585億 元 連續 兩 個 月 創下 單月 營 收 歷史 新 高 法人 看好 京元電 第二 季營 收 將 逐月 創下 新高 季度 營 收 及 獲利 可望 同步 改寫 新高 紀錄 京元 電 公告 4 月 合併 營 收 月 增 38 達 2585億 元 創下 單月 營 收 歷史 新高 與 去年同期 相較 成 長 346 累計 前 四 個 月 合併 營 收 達 9586億 元 較 去年同期 成 長 335 為 歷年 同期 歷史 新高 表現 優於 市場 預期 新冠肺炎 疫情 帶動 在家 遠 距 工作 及 遠距教學 雲端 運算 及 資料 中心 需求 強勁 帶動 伺服器 筆 電 及 平板 遊戲機 wifi 裝置 等 銷售 動能 優於 預期 其中 包括 wifi 5 6 無線 網路 晶片 高速 乙太 網路 晶 片 可 程式 邏輯 閘 陣列 fpga 及 高效能 運算 hpc 處理器 高速傳輸 介面 控制 ic 等 出 貨 暢 旺 京元電 第二 季 測試 接 單續強 另外 疫情 帶動 醫療 相關 微控制器 mcu 出 貨 飆 升 京元電 承接 測試 代工 直接 受惠 新冠肺炎 疫情 雖 影響 智慧 型 手機 出 貨 但 蘋果 推出 的 低價 iphone se 銷售 動能 優於 預期 搭載 的 英特爾 4 g 資料機 晶 片 由 京元電 代 工 測試 此外 包括 高通 聯發 科 華為 海思 等 的 5 g 資料機 或 系統 單晶 片 soc 出 貨 持續 拉升 測試 時間 較 4 g 手機 晶 片 拉長 兩 三 倍 有助於 京元 電 營 收 及 毛利率 成長 中國 全力 建置 5 g 網路 華為 及 中興 擴大 5 g 基地 台出 貨 相關 晶 片 測試 訂單 對 京元電 營運 有 明顯 助益 而 美國 有意 增加 對 華為 海思 的 貿易 限制 華為 海思 第二 季 擴大 對 晶圓 代工廠 及 封 測 廠 釋出 代 工 訂單 京元電 是 華為 海思 最 大 的 測試 代工廠 亦 是 推 升 4 月 營 收 續創 歷史 新 高 的 主因 之一 法人 表示 全球 新冠肺炎 疫情 蔓延 對 下半年 的 半導體 市場需求 可能 造成 影響 市場 能見度 不 高 但 第二 季 半導體 生產 鏈 仍 正常 運作 京元電 未 看到 客戶 有 砍 單 動作 反而 因 疫情 蔓延 而 有加 單 情況 法人 預估 京元 電 第二 季營 收 可望 逐月 成長 季度 合併 營 收 將 站上 75億 元 並 創下 歷史 新 高 京元電 不 評論 法人 預估 財務 數字</t>
  </si>
  <si>
    <t>台大 100 人 以上 課程 4 6 起 遠距教學</t>
  </si>
  <si>
    <t>大專 校院 首例 中原大學 16 日 緊急 宣佈 下 週二 24 日 起 全校 含 研究所 都 採取 類 非 同步 遠距教學 且 取消 期中 期末 考 台大 也 宣佈 4 月 6 日 起 百 人 以上 課程 遠距教學 中原大學 下 週二 起 含 研究所 全部 課程 改 采 類似 非 同步</t>
  </si>
  <si>
    <t>大專 校院 首例 中原大學 16 日 緊急 宣佈 下 週二 24 日 起 全校 含 研究所 都 採取 類 非 同步 遠距教學 且 取消 期中 期末 考 台大 也 宣佈 4 月 6 日 起 百 人 以上 課程 遠距教學 中原大學 下 週二 起 含 研究所 全部 課程 改 采 類似 非 同步 遠距教學 的 彈性 授課 取消 期中 期末 考 改以 報告 作業 討論 線 上 考試 等 方式 取代 體育課 授課 內容 統一 改為 維護 疫情 間 之 體能 健康 以 學生 到 自訂 健康 目標 或 報告 來 打分 據 瞭解 所謂 類似 非 同步 遠距教學 是 老師 先用 錄 影 錄下 上課 內容 或 將 各項 教材 數位化 另 台大 表示 因應 全球 疫情 發展 4 月 6 日 起 百 人 以上 課程 采 遠距教學 除了 錄製 課程內容 上傳 台 大 網路 教學 平臺 ntu cool 外 教務處 將 提供 各 授課 教師 訊 連 科技 簡報 軟 體 u webinar 和 u meeting 的 平臺 帳 號 俾 益 所有 老師 可以 同步 遠 距 討論 台大並 強調 未來 將 視 疫情 發展 若 有 需要 不 排除 所有 課程 均 遠距教學 台 大 教務處 數位 學習 中心 此前 已 開設 數位 ta 訓練課 程 邀請 所有 100 人 以上 課程 的 助教 在 3 月 20 日前 上 完 課 台大並 強調 為 確保 學生 學習 權益 大家 應充 份 利用 數位 資源 無論 疫情 如何 發展 學習 都 不 會 中斷</t>
  </si>
  <si>
    <t>資 策 會 產業 情報研究所 mic 表示 由於 新冠肺炎 疫情 帶動 換 機 潮 提前 預估 今年 全球 筆 電 出 貨 將 達 17億 台 成長達 6 其中 臺灣 筆 電 出 貨 估成 長 達 79 雙創 近 5 年 新 高 不過 由於 換 機 潮 提前 預估 明年 全球 筆 電 出 貨 將 衰退 43 臺灣 出 貨 亦 將 小幅 衰退 伺服器 方面 資 策 會 mic 指出 5 g 與 遠 距 應用 成為 2 大 成長 動能 資料 傳輸 加大 將 促使 企業 使用者 與 資料 中心 升級 隨 著 遠 距 成為 常態 全球 伺服器 今年 出 貨 估成 長 29 其中 臺灣 受惠 疫情 帶動 產能 擴大 出 貨 估成 長 54 表現 優於 去年 展望 明年 資 策 會 mic 預期 在 英特爾 intel 新品 換 機 潮 成長 5 g 滲透 率 提高 對 資料 中心 運算 與 儲存 需求 皆 有利於 臺灣 伺服器 出 貨 不過 遠 距 辦公 趨勢 造成 桌 機 市場需求 衰弱 預估 明年 臺灣 桌 機 出 貨 將 小幅 衰退 04 資 策 會 mic 資深 產業 顧問 楊中傑 表示 資訊 硬體 產品 市場 的 發展 重點 在於 滿足 人類 工作 與 學習型 態 的 改變 在 疫情 尚未 緩解 遠 距 辦公 與 遠距教學 持續 發展 下 筆 電 仍 有 成長 空間 將 有利於 商用 教育 筆 電 廠商 商用 桌 機 市場 相較 起來 則 受 較 大 衝擊 生產 供應 鏈轉移 趨勢 方面 資 策 會 mic 指出 供應 鏈 遷移 將 是 未來 10 年 資訊 產業 最 重要 的 趨勢 議題 之一 依據 產業 發展 特性 思考 2030 年 資訊 系統 產品 區域化 供應 鏈 的 樣 貌 不僅 產 能 以 供應 所在區域 市場 為 主 長期 而言 關鍵零 元件 廠 亦 將 跟隨 組裝廠 遷移 資 策 會 mic 預期 筆 電 供應 鏈 的 組裝廠 將 持續 移出 中國 大陸 雖然 2030 年 中國 大陸 仍 是 筆記型電腦 製造 重鎮 但 比重 將 下滑 至 40 而 關鍵零 元件 移 往 東南亞 機會 高 預估 2030 年 東南亞 組裝 比重 達 50 臺灣 維持 以 研發 為主 組裝 約 占 5 資 策 會 mic 認為 桌 機 供應 鏈 在 中國 大陸 組裝 比重 將 逐漸 減低 預估 2030 年 將 僅 保留 組裝廠 與 零 元件 廠 約 2 成 產能 組裝 將 以 東南亞 為 重心 在 泰國 越南 與 印度 等 地 形成 聚落 美洲 有望 成長至 3 成 歐洲 捷克 與 波蘭 2 成 關鍵零 元件 仍以 中國 大陸 約 4 成為 主要 基地 伺服器 方面 資 策 會 mic 預期 2030 年 北美 仍 是 最 大 市場 臺灣 將 配合 北美 資料 中心 與 品牌 廠 擴建 研發 中心 中國 大陸 亦 將 投入 伺服器 架構 研發 組裝 將 以 北美 為 重心 中國 大陸 保留 部 份 組裝廠 占比約 3 成 東南亞 與 臺灣 則 預估 可 成長至 2 成 而 隨 著 臺灣 持續 擴建 組裝廠 資 策 會 mic 預期 關鍵零 元件 有望 因 組裝廠 規模 擴大 而 返台 關鍵零 元件 部分 中國 大陸 仍 占 6 成 為 主要 生產 基地 東南亞 將 成為 供應 其他 地區 的 主力 臺灣 則 約 占 1 成 楊 中傑 指出 廠商 可 及早 思考 10 年 後 的 供應 鏈 佈局 但 之間 仍 存在 許多挑戰 除了 即將 到來 的 美國 總統大選 中國 大陸政府 是否 會 製造 資金 流動 障礙 或 推出 優惠 留 才 政策 都會 對 供應 鏈 去留 造成 關鍵 影響 楊 中傑 進一步 指出 面對 紅色 供應 鏈 崛起 台廠 被 取代 威脅 不斷 遷移 耗資 龐大 品牌 廠 補貼 少也 成為 遷移 阻力 包含 新 地 點 的 基礎 建設 與 人力 素質 不 佳 等 因素 都會 為 供應 鏈 遷移 增添 難度 與 變數</t>
  </si>
  <si>
    <t>譜 瑞 -ky 4966 去年 受惠 疫情 帶動 的 居家 辦公 遠距教學 pc nb 等 需求 大好 全年 每股 大 賺 4486 元 展望 第一 季 也 預計 將 淡季 不 淡 董事長 趙捷 表示 目前 需求 均 維持 在 高檔 但 晶圓 產能 確實 很 吃緊 會 是 譜 瑞 -ky 的 挑戰</t>
  </si>
  <si>
    <t>譜 瑞 -ky 4966 去年 受惠 疫情 帶動 的 居家 辦公 遠距教學 pc nb 等 需求 大好 全年 每股 大 賺 4486 元 展望 第一 季 也 預計 將 淡季 不 淡 董事長 趙捷 表示 目前 需求 均 維持 在 高檔 但 晶圓 產能 確實 很 吃緊 會 是 譜 瑞 -ky 的 挑戰 譜 瑞 -ky 去年 第 四季 合併 營 收 為 美 金 148億 元 季 減少 124 年 增加 5418 單季 營業毛利 為 美 金 6456萬 元 季 減少 229 年 增加 5276 單季 稅 後 淨利 為 美 金 3329萬 元 每股 稅 後 盈 餘 美金 042 元 折合 新 台幣 1212 元 譜 瑞 -ky 累計 2020 年 合併 營 收 為 美 金 518億 元 年 增加 3567 營業毛利 為 美 金 228億 元 營業 利益 則 為 美 金 125億 元 全年 稅 後 淨利 為 美 金 118億 元 每股 稅 後 盈 餘 為 美 金 152 元 折合 新 台幣 4486 元 趙捷 表示 因為 疫情 關係 現在 看到 居家 辦公 遠距 教學 等 應用 持續 強勁 帶動 pc nb 以及 平板 需求 維持 高檔 現階段 市場需求 維持 健康 面對 目前 晶圓 產能 吃緊 趙捷 表示 現階段 目前 產能 確實 吃緊 譜 瑞 -ky 會 和 客戶 一起 解決 問題 面對 產能 不足 供給 吃緊 問題 如何 滿足 供應商 會 是 譜 瑞 -ky 的 挑戰 以 譜 瑞 -ky 第一 季財 測 來說 預估 單季 合併 營 收 美金 139 153億 元 季 減 6 至 季增 34 呈現 淡季 不 淡 單季 合併 毛利率 415 445 合併 營業費用 為 美 金 2800 2900萬</t>
  </si>
  <si>
    <t>市場 擔心 新冠肺炎 疫情 加劇 與 2021 年初 喬治亞州 參議員 選舉 不 確定性 恐 讓 年底 的 耶誕 行情 落空 不過 分析 師 看好 特斯拉 tesla 在內 的 三 檔 個股 預料 仍 有 強勁 漲勢 即便 2020 年 美 股 沒有 出現 耶誕 行情 仍 有 三 檔 個股 不受 影響 分別 是 特斯拉 輝 達 nvidia 與 農具 製造商 迪 爾 deere 2020 年 迄今 特斯拉 股票 累計 狂 飆 672 zacks consensus 預估 特斯拉本季 與 2021 年 的 獲利 成長率 可望 分別 勁 升 86 與 589 創新 技術 讓 特斯拉比 同業 更具 優勢 該 公司 預料 持續 主導 電動車 市場 將 能 協助 股價 持續 上攻 疫情 促成 的 遠 端 工作 和 遠距教學 趨勢 帶動 輝 達 業績 鑒於 疫情 仍未 有 止息 跡象 進入 新 的 一 年 輝 達 將 持續 受益 此外 遊戲 市場 人工智慧 和 自 駕車 的 潛 在 成長 機會 為 輝 達 帶來 亮麗 前景 最後 一 檔 是 迪 爾 大環境 並未 對 迪 爾 造成 衝擊 2020 年 迄今 該 公司 股價 累計 上漲 546 拜 美國 農業 林業 和 營建業 前景 好轉 2021 年 迪 爾 將 持續 維持 強勁 表現 美 股 在 12 月 最後 5 個 交易日 與 次年 1 月 頭 的 兩 個 交易日 間 表現 往往 相當 亮麗 這 段 期間 的 的 漲勢 被 稱為 耶誕 行情 2020 年 的 耶誕 行情 於 12 月 24 日 開始 根據 cfra research 資料 自 1945 年 迄今 美 股 在 74 年 間 出現 共 出現 55 次 耶誕 行情 另 據 股票 交易員 年鑒 stock trader&amp;apos s almanac 顯示 自 1969 年 來 耶誕 行情 平均 為 標 普 500 指數 帶來 13 的 漲幅 然而 變種 新冠肺炎 病毒 與 喬治亞州 參議員 選舉 皆 成為 耶誕 行情 隱憂 喬治亞州 參議員 決 選 將 在 2021 年 1 月 5 日 登場 若是 民主黨 掌 控 參議院 可能 推行 被 投資人 視為 對 市場 不 友善 的 法案 例如 調高 稅 標 普 500 指數 已 較 12 月 17日 的 紀錄 高點 下滑 07</t>
  </si>
  <si>
    <t>新冠肺炎 疫情 引爆 家 遠 距 工作 及 遠距教學 強勁 需求 進一步 帶動 伺服器 筆 電 及 平板 wifi 網通 設備 等 銷售 大幅 增加 也 推 升 4 月 dram 合約 價 出現 續漲 行情 其中 標準型 dram 合約 價 大 漲逾 10 伺服器 dram 合約 價 大 漲 15 20</t>
  </si>
  <si>
    <t>新冠肺炎 疫情 引爆 家 遠 距 工作 及 遠距教學 強勁 需求 進一步 帶動 伺服器 筆 電 及 平板 wifi 網通 設備 等 銷售 大幅 增加 也 推 升 4 月 dram 合約 價 出現 續漲 行情 其中 標準型 dram 合約 價 大 漲逾 10 伺服器 dram 合約 價 大 漲 15 20 利基 型 dram 合約 價 也 出現 3 5 漲幅 法人 看好 南亞 科 威剛 十 銓 等 概念 股 4 月 營 收 及 獲利 表現 新冠肺炎 疫情 不僅 沒有 對 dram 市場 造成 影響 在家 遠 距 工作 或 遠距教學 推 升 伺服器 筆 電 及 平板 wifi 設備 等 產品銷售 而且 每 單一 系統 的 dram 搭載 容量 明顯 增加 例如 筆 電 平均 搭載 容量 由 8 gb 提升 至 16 gb 每 台 伺服器 平均 搭載 容量 提升 至 128 gb 起跳 反而 帶動 dram 市場需求 提升 且 供不應求 帶動 4 月 合約 價 出現 明顯 漲幅 根據 集 邦 科技 統計 標準型 8 gb ddr 4 模 組 的 4 月 合約 均 價 大 漲 11 達 283 美元 換算 每 顆 8 gb ddr 4 顆粒 平均價格 達 329 美元 為 去年 7 月 以來 的 十 個 月 新 高 利基 型 dram 的 4 月 合約 價 平均 漲幅 達 3 5 其中 8 gb ddr 4 x 16 顆粒 均 價 達 380 美元 亦 創 十 個 月 來 新 高 至於 伺服器 dram 的 第二 季 合約 價 大 漲 三大 廠 的 64 gb ddr 4 rdimm 模 組合 約 價 已 站上 320 美元 漲幅 高 達 15 20 模 組 業者 表示 標準型 dram 第一 季 合約 價 漲幅 約達 4 5 但 4 月 合約 價 漲幅 已 明顯 大於 第一 季 整季 漲幅 對 dram 廠 及 模 組 廠 而言 雖然 新冠肺炎 疫情 尚未 獲得 明顯 控制 但 4 月 合約 價格上漲 仍 有助於 營 收 及 獲利 回溫 第二 季 營運 表現 不 看淡 模 組 業者 指出 新冠肺炎 疫情 帶動 遠 端 服務 需求 應 可 延續 到 第二 季底 5 月 之後 的 伺服器 及 筆 電 的 銷售 動能 續 強 但 上游 dram 廠 第二 季 沒有 新增 產 能開 出 反而 因為 制程 向 1 y 1 z 奈 米 微 縮 導致 實際 月 產 能 出現 自然 縮減 現階段 預期 dram 市場 仍 供給 吃緊 5 月 標準型 伺服器 利基 型 dram 合約 價 仍 有 續漲 空間 行動 式 dram 則 因 智慧 型 手機 銷售 減弱 而 出現 易 跌 難 漲 局面 南亞 科 總經理 李培瑛 日前 於法 說 會 中 表示 歐美新冠 肺 疫情 嚴峻 未來 恐 影響 全球 經濟 將 持續 密切 觀察 全球 疫情 後續 發展 並 採取 必要措施 以 確保 整體 營運 穩定 對於 第二 季 智慧 型 手機 dram 需求 減少 但 伺服器 筆 電 及 平板 等 dram 需求 增加 整體 來看 疫情 仍 導致 許多 不 確定性 南亞 科 位 元 出 貨 與 上 季 持平 但 價格 可望 好轉 且 漲勢 可望 延續 到 第 三 季</t>
  </si>
  <si>
    <t>韓國 瑜 啟動 遠距教學 測試 研 擬 異地 上班</t>
  </si>
  <si>
    <t>針對 新冠肺炎 疫情 衝擊 高雄 市長 韓國瑜 9 日 主持 完 防疫 會議 後 表示 將 指定 市 區 及 郊區 各 1 所 學校 立刻 測試 遠距教學 另 也 研議 異地 上班 可能 已 請 人事處 研討會 立刻 研究 將 找 一個 單位 作 測試 壓力 另外 也 通過 校園 新</t>
  </si>
  <si>
    <t>針對 新冠肺炎 疫情 衝擊 高雄 市長 韓國瑜 9 日 主持 完 防疫 會議 後 表示 將 指定 市 區 及 郊區 各 1 所 學校 立刻 測試 遠距教學 另 也 研議 異地 上班 可能 已 請 人事處 研討會 立刻 研究 將 找 一個 單位 作 測試 壓力 另外 也 通過 校園 新 禮貌 運動 人 與 人 之間 保持 1 公尺 左右 距離 韓國 瑜 表示 今天 是 第 11 次 防疫 會議 會 中 決定 將 立刻 測試 遠距教學 檢 視 師生 設備 準備 好了沒 將 在 市區 郊區 各 找 1 間 學校 立刻 實施 遠距教學 從 測試 過程 檢討 有無 需要 改善 之處 韓國 瑜 也 提到 針對 異地 上班 及 居家 上班 也 請 人事處 研討會 立刻 開始 研究 要 做 1 場 測試 壓力 找 1 個 單位 實施 異地 上班 居家 上班 但 當中 恐怕 出現 很多 問題 包括 上班 品質 會 不 會 改變 上班 打 卡 上下班 的 時數 以及 長官 部屬 橫向聯繫 之間 有 沒有 辦法 準備 完善 將 一一 檢討 改善 韓國 瑜 表示 今 也 通過 新 禮貌 運動 希望 人 與 人 之間 保持 1 公尺 左右 距離 小朋友 下課 之後 也 會 請 學校 多 鼓勵 小朋友 到 操場 多 走 一 走 多 曬太陽 不要 再 繼續 窩 在 教室 裡 衛生局長 林立人 指出 辦公 模式 應變 機制 已 做 檢討 各局 處 開始 盤點 會議 模式 哪些 核心 會議 必須 進行 哪 一些 可以 暫緩 而 未來 若 隨 著 疫情 發展 社區 傳播 到達 一定 規模 將 提早 部屬 做 準備 啟動 各級 視 訊 或 雲端 會議 因應</t>
  </si>
  <si>
    <t>韓國 瑜 遠距教學 異地 上班 高雄市 新冠肺炎</t>
  </si>
  <si>
    <t>美國有線電視新聞網 cnn 報導 曾 角逐 民主黨 黨內 總統 初選 的 台裔 第二 代 企業家 楊安澤 13 日 正式 宣佈 已 完成 填表 登記 將 競選 紐約 市長 身 為 臺灣 移民 之 子 擁有 長春 藤 名校 學歷 的 楊安澤 若 成功 當選 將 會 紐約市 首位 亞裔 市長 楊 安澤 在 推特 上 表示 25 年前 搬 來 紐約 長於 斯 戀愛 於斯 還 在 這裡 成為 父親 當 看到 紐約市 有 如此 多 創痛 令 他 心痛 不已 讓 我們 一同 為 紐約市 的 未來 奮鬥 好 讓 我們 可為 此 感到 驕傲 i moved to new york city 25 years ago i came of age fell in love and became a father here seeing our city in so much pain breaks my heart let s fight for a future new york city that we can be proud of together join us at https t cotgnxwubihb pic twitter com n 9 zxpybgbh cnn 指出 目前 宣佈 出馬 角逐 紐約市 長 的 人 紛紛 聚焦 於 紐約市 因 大 流行 而 產生 的 問題 包含 失業率 直線 上升 貧困 與 饑餓 人口 增加 而 預算 的 緊縮 更 可能 讓 下 一 任 市長 大幅 削減 公共部門 的 工作 機會 因此 楊安澤 政見 聚焦 於 基本 收入 的 提升 以及 更 容易 取得 的 醫療 體系 服務 甚至 其 表示 將 執行 美國 有史以來 最 大 規模 的 現金 紓困 以 助 紐約 一 臂 走 出 大 流行 的 陰影 楊 安澤 2020 年 爭取民主黨 黨內 總統 提名 不過 最終 于 同年 2 月 宣佈 退出 選舉 僅管 在 紐約市 住 將近 25 年 但 當時 他 仍 表態 無意 競選 紐約 市長 然而 隨 著 新冠肺炎 蹂躪 紐約市 每天 都 有 上百人 死於 大 流行 中 讓 他 決定 在 危急存亡 時刻 挺身而出 他 表示 在 大 流行 期間 父母 仍要 工作 但 小孩 卻 在 家裡 上 著 遠距教學 綜觀 2020 年 這 已成普遍現象 並 引起 家長 的 不滿 民主黨 黨內 初選 將 於 6 月 22 日 舉行 由 民主黨 登記 選民 選出 代表 民主黨 參選 的 候選人 而 紐約市 長 選舉 將 於 11 月 2 日 正式 登場 目前 表態 參選者 已 有 10 多 人 包括 前 花旗集團 高 管 麥奎爾 ray mcguire 布魯克 林區 區長 亞當斯 eric adams 紐約市 審計長 史 特林格 scott stringer 與 曾任 白思豪 律師 的 民權 律師 懷禮 maya wiley</t>
  </si>
  <si>
    <t>2020 年 全球 受到 新冠肺炎 疫情 衝擊 在 工廠 停工 與 學校 停課 的 情況 下 帶動 視 訊 開會 遠 距 上班 遠距教學 等 需求 快速 暴 增 但 也 讓 全球 駭 客 有機可乘 根據 以色列 資 安 大廠 check point 發佈 的 訊息 顯示 全球 與 新冠肺炎 相關 的</t>
  </si>
  <si>
    <t>2020 年 全球 受到 新冠肺炎 疫情 衝擊 在 工廠 停工 與 學校 停課 的 情況 下 帶動 視 訊 開會 遠 距 上班 遠距教學 等 需求 快速 暴 增 但 也 讓 全球 駭 客 有機可乘 根據 以色列 資 安 大廠 check point 發佈 的 訊息 顯示 全球 與 新冠肺炎 相關 的 網路 攻擊 在 2 月 分時 每週 尚 低於 5000 起 但 4 月 下旬 已 激增 至 單周 超過 20萬 次 check point 近期 發佈 網路 攻擊 趨勢 2020 年 中 報告 揭露 犯罪 政治 和 以 國家 為 目標 的 網路 攻擊 分子 如何 趁虛而入 利用 新冠肺炎 疫情 及其 相關 主題 發起 針對 包括 政府 工業 醫療 服務供應商 關鍵 基礎 設施 和 消費者 等 部門 的 攻擊 舉例來說 隨 著 疫情 加劇 各國 積極 搜集 疫情 相關 情報 或 破壞 競爭對手 的 防疫 工作 全球 的 國家級 的 網路 攻擊 強度 加劇 甚至 擴展 到 了 醫療 和 人道主義 組織 其中 針對 世衛組織 攻擊 的 數量 就 暴 增 五 倍 此外 疫情 期間 企業 將 資料 快速 遷移 至 公有 雲 導致 針對 敏感 雲端 工作 負載 和 資料 下手 的 攻擊 增加 駭 客 也 利用 雲端 基礎 設施 來 儲存 惡意 軟 體 攻擊 中 使用 的 惡意 負載 1 月 間 check point 研究 人員 在 微軟 公有 雲 microsoft azure 中 發現 了 業 界 首 個 嚴重 漏洞 讓 駭 客 有 機會 破壞 其他 azure 使用者 的 資料 和 應用程式 顯示 公有 雲 並非 完全 安全 報告 指出 隨 著 各國 56兩 個 月 逐漸 鬆綁 防疫 規定 駭 客 進一步 擴大 新冠肺炎 疫情 相關 的 攻擊 與 3 月 和 4 月 相比 6 月底 全球 所 有 類型 的 網路 攻擊 增加 了 34 另 一 分 報告 也 指出 疫情 帶動 遠 距 辦公 連帶 也 讓 資 安 挑戰 增加 超過 86 受訪 企業 表示 公司 轉向 大規模 居家 辦公 模式 是 疫情 期間 最 大 的 it 挑戰 其中 最 大 的 安全 問題 則 是 維護 員工 vpn 輸送量 並 確保 遠 端 存取 安全 隨 著 全球 封鎖 禁令 逐漸 解除 企業 工作 的 方式 也 正 在 轉向 新 常態 例如 75 的 受訪者 表示 雖然 封城 令 放寬 但 全球 員工 平均 每週 仍 有 四 天 要 居家 辦公 僅 有 29 的 公司 會 在 員工 的 家用電腦 上 部署 終端 安全 防護 更 只 有 不 到 四 成 的 公司 有 執行 合 規 檢查 顯示 居家 辦公 仍 存在 許多 資 安 死角 威脅 面對 此 一 趨勢 資 安業 者 建議 後 疫情 時代 企業 需要 使用 全面 端 到 端的 安全 架構 才能 確保 員工 家用電腦 和 行動 裝置 到 企業 資料 中心 的 連線 安全 無 虞 並 有效 防止 網路 攻擊 造成 的 大規模 損失</t>
  </si>
  <si>
    <t>高市 高中 以下 學校 若 停課 將 啟動 遠距教學</t>
  </si>
  <si>
    <t>因應 新冠肺炎 疫情 高雄 市府 今 2 日 召開 防疫 會議 後 決議 一旦 達到 停課 標準 將 針對 高中 以下 學校 啟動 遠距教學 另 也 將 推出 防疫 計程車 最 快 這周 上路 而 高市現 有 近 千 位 居家 檢疫 及 居家 隔離 者 市府 將 準備 2 3000</t>
  </si>
  <si>
    <t>因應 新冠肺炎 疫情 高雄 市府 今 2 日 召開 防疫 會議 後 決議 一旦 達到 停課 標準 將 針對 高中 以下 學校 啟動 遠距教學 另 也 將 推出 防疫 計程車 最 快 這周 上路 而 高市現 有 近 千 位 居家 檢疫 及 居家 隔離 者 市府 將 準備 23000 份 居家 隔離 包 高雄 市長 韓國瑜 表示 如果 疫情 持續 擴散 教育局 相關 所屬 的 每 一個 學生 受教 權 不 能夠 受到 影響 因此 請 教育局 立刻 規 畫 高中 以下 的 學生 遠距教學 欠缺 不足 的 部分 未來 若 碰到 颱風 等 重要 災害 就 可以 實施 遠距教學 教育局長 吳榕峰 指出 除 盤點 現有 的 教材 外 目前 已 與 3 家 出版社 接觸 其中 1 家 已 談 妥 另 兩 家 正在 接洽 所用 教材 可 供 上網 學習 再者 是 網路 部分 也 與 中華電信 洽談 中 目前 35萬 名 高中 以下 的 學生 中 有 27萬 人 沒有 網路 可用 市府 將 排除萬難 提供 學習 資源 給 學生 衛生局長 林立人 表示 目前 已 請 交通局 協助 招募 防疫 計程車 未來 協助 居家 檢疫 或 居家 隔離 物件 假設 除了 發燒 或有 呼吸道 症狀 以外 等 身體狀況 需要 到 院 將 提供 防疫 計程車 載 送 初步 需要 個位 數 的 車輛 最 快 這周 可以 啟動 民政局長 曹桓榮 則 指出 高市 各類 活動 特別 是 宗教 若 在 室內 100 人 以上 室外 1000 人 以上 會 建議 暫緩 能 延期 就 延期 能夠 暫停 就 暫停 若 不得已 必須 辦理 希望 配合 衛生局 給 大家 的 8 項 防疫 措施 另 針對 宗教團體 的 平安 宴 羅漢 餐 或者 大鍋飯 必須 共同 餐 食 的 部分 希望 改為 提供 個人 便當 或 個人 餐飲 避免 群 聚 感染 的 可能</t>
  </si>
  <si>
    <t>無法 返校 開學 花 蓮 16陸 港澳 生 遠距教學</t>
  </si>
  <si>
    <t>受 新冠肺炎 疫情 影響 國內 多 所 大學 將 在 明天 開學 花蓮慈 濟 大學 共有 16 名 大陸 港澳 學生 因 過年 返鄉 無法 返台 上課 校方 開學 前 啟動 安心 就學 方案 透過 網路 遠距教學 讓 大陸 港澳 學生 開學 上課時 一個 學生 也 不能 少 確保</t>
  </si>
  <si>
    <t>受 新冠肺炎 疫情 影響 國內 多 所 大學 將 在 明天 開學 花蓮慈 濟 大學 共有 16 名 大陸 港澳 學生 因 過年 返鄉 無法 返台 上課 校方 開學 前 啟動 安心 就學 方案 透過 網路 遠距教學 讓 大陸 港澳 學生 開學 上課時 一個 學生 也 不能 少 確保 學習 不 中斷 慈 大 教 資 中心 劉哲文 主任 表示 大家 都 以為 線 上 教學 門檻 很 高 其實 只 要 一 台 手機 就 可以 他 還 親自 示範 如 何在 ppt 裡 錄音 提供 給 授課 老師 參考 上課 前 護理系 老師 江錦玲 也 將 影片 簡報 掛 上網 讓 同學 可以 事先 預習 並用 臉書 與 在 香港 學生 連線 開學 前 慈大 數位 教學組 與 大陸 港澳 不同 地區 的 同學 約 測試 瞭解 同學 所在地 的 網路 品質 沒 問題 以及 可 使用 軟 體 像是 臺灣 一般 常用 的 臉書 facebook 通訊 軟 體 line 在 大陸 地區 無法 使用 必須 改 利用 we chat 等 透過 視 訊 同步 討論 上課 內容 未來 內外科 護 理學 每週 上課 將 利用 手機 以 臉書 私 密 社團 直播 班上 7 位 同學 自願 輪流 協助 錄 影 港 生 曹曉穎 說 感謝 學校 的 安排 照顧 到 回不來 的 學生 現在 一 星期 只能 出門 一兩 次 但 因為 有 線 上 教學 就 好像 在 臺灣 和 同學 上課 一樣 家 住 在 福建 的 生 科系 學生 鄭琪萱 表示 這 幾 天 已經 可以 外出 活動 了 但 還 是 很 渴望 能 回到 規律 的 生活 大一 有 很多 必修課 學校 這邊 一直 與 她 聯繫 協助 她 選課 並 安排 遠距教學 也 希望 這 波 疫情 趕快 結束 大家 一起 加油 恢復 原來 的 生活</t>
  </si>
  <si>
    <t>目前 新冠肺炎 在 歐洲 擴散 歐洲 疾病 預防 管制中心 ecdc 示 警 疫情 正 朝向 社區性 傳播 發展 確診 案例 也 不斷 攀升 若 持 疫情 持續 惡化 擔憂 其他 國家 也 會 出現 類似 像 義 大利 與 中國 大 爆發 的 情形 應立即 採取 相對 防疫 措施 保護 最 脆弱 的 人群 據 中央 社 報導 歐洲 疾病 預防 管制中心 表示 針對 歐洲 對抗 防疫 措施 預期 病例 將 會 持續 增長 重要 的 是 透過 減少 傳播 機會 與 加強 醫療衛生 系統 來 保護 免疫力 差 容易 感染 的 人群 免於 受到 嚴重 的 疾病 和 致命 傷害 歐洲 疾病 預防 管制中心 公佈 2019 年 新冠肺炎 最新 疫情報告 包括 歐盟 eu 27 國 英國 及 冰島 挪威 等 國全 出現 疫情 累計 確診 2萬2105 例 死亡 943 例 其中 義 大利 最為 嚴重 病例 計 1萬2462 例 死亡 827 例 德國總理 梅克爾 angela merkel 11 日 表示 在 病毒傳播 同時 免疫力 較 差 的 人們 較易 感染 再 加上 沒有 治療 方法 下 大約 會 有 6 成 到 7 成 人口 染病 重點 放在 減緩 傳播 速度 德國 也 建議 取消 聚集 人數 在 1000 人 以上 的 聚會 包含 足球賽 商展 等 大型活動 比利時政府 也 同樣 建議 禁止 超過 1000 人 的 室內 大型 集會 義 大利 全境 封鎖 後 又 進一步 下令 除了 食品 與 藥 局外 全國 商 家 全部 關閉 奧地利 則 宣佈 禁止 義 大利 航班 與 火車 入境 斯洛維尼亞 也 將 在 與 義 大利 邊境 實施 控管 措施 荷蘭 表示 只要 有 感冒 咳嗽 喉嚨 痛 或 發燒 症狀 者 都應 待 在 家中 取消 100 人 以上 的 活動 包括 博物館 音樂廳 及 體育競賽 等 公共場所 及 所有 大專院校 提供 遠距教學 課程 更 多 ctwant 報導</t>
  </si>
  <si>
    <t>疫情 升溫 國教 盟 嚴重 地區 各級 學校 應 暫停 上課 或 采 遠距教學</t>
  </si>
  <si>
    <t>國內 疫情 升溫 多數 大專院校 均 已 停 掉 實體 課程 改為 線 上 教學 但 中小學生 卻 仍要 到校 上課 引發 擔心 國教 行動 聯盟 今天 發出 聲明 要求 位於 疫情 嚴重 地區 的 各級 學校 應 暫停 上課 或 采 遠距教學 國教 行動 聯盟 表示 新冠 疫情 持</t>
  </si>
  <si>
    <t>新冠肺炎 臺灣 國教 盟 遠距教學 地區</t>
  </si>
  <si>
    <t>瑞昱 2379 第二 季 受惠 新冠肺炎 疫情 衝擊 pc 網通 相關 出 貨 湧現 急 單 預計 第二 季 獲利 表現 不 淡 展望 第 三 季 由於 疫情 延 燒 居家 辦公 遠 端 教學 等 趨勢 將 延續 加上 tws 新品 加 持 第 三 季 可望 不 淡 另外 瑞昱 長線 耕耘 乙太 車用 網路 據悉 有 機會 打入 特斯拉 也 將 扮演 長線 營運 動能 之一 今 股價 沖 上 新 歷史 新高 一度 飛越 400 元 大關 最高 達 401 元 午 盤也 維持 逾 45 的 漲幅 瑞 昱 第二 季營 收 17338億 元 季 增加 885 寫 下單 季 歷史 新 高 紀錄 累計 上半年 總 營 收 33266億 元 年 增 1874 瑞 昱 第二 季因新冠肺炎 衝擊 帶動 pc 周邊 網通 需求 大增 加上 全球 疫情 恐 掀 第二 波 遠距教學 居家 上班 等 需求 延續 整體 需求 有 機會 延伸 到 第 三 季 另外 瑞昱 第 三 季 還有 tws 無線 藍芽 耳機 新品 入列 預計 將 導入 anc 自動 降 噪 功能 毛利率 更 勝 先前 產品 瑞昱 tws 在 非蘋 陣營 中 占 比高 達 80 下半年 tws 將 成 重要 動能 之一 另外 瑞昱 長線 耕耘 乙太 車用 網路 據悉 有 機會 和 電動車 大廠 特斯拉 合作 車用 市場 毛利率 高 且 產品 週期長 中長線 具有 想像 空間 瑞 昱 6 月 營 收 也 傳捷報 單月 營 收 首度 超越 60億 元 關卡 達 6078億 元 月 增加 616 年 增加 加 2156 瑞 昱 將 在 本 週三 8 月 5 日 舉辦 法人 說明會 屆時 除 公佈 第二 季財報 外 也 將 針對 第 三 季 營運 做出 明確 說明</t>
  </si>
  <si>
    <t>國內 兩 天 暴 增 386 本土 個案 雙北 今天 早上 宣佈 高中 以下 包括 幼稚園 補習班 全部 停課 2 周 多 所 大學 也 開始 遠距教學 既然 不用 到校 學生 也 整理 行李 準備 返鄉 但 醫護 粉 專 美 的 好 朋友 疾呼 拜 讬 遠 端 工作 及 停課 者 這 兩 種</t>
  </si>
  <si>
    <t>東吳大學 遠距教學 至 期末 畢業典禮 改線 上 舉行</t>
  </si>
  <si>
    <t>新冠肺炎 疫情 嚴峻 全國 防疫 升為 三級 警戒 為 避免 群 聚 疑慮 東吳大學 今 19 日 宣佈 全校 遠距教學 由 原 預定 的 兩 周延長 為 全 學期 至 6 月 26 日 止 期末 考 原則 上 采 線 上 考試 或 繳 交 書面報告 取代 至於 實驗 課 音樂 展演 等 其</t>
  </si>
  <si>
    <t>新冠肺炎 疫情 嚴峻 全國 防疫 升為 三級 警戒 為 避免 群 聚 疑慮 東吳大學 今 19 日 宣佈 全校 遠距教學 由 原 預定 的 兩 周延長 為 全 學期 至 6 月 26 日 止 期末 考 原則 上 采 線 上 考試 或 繳 交 書面報告 取代 至於 實驗 課 音樂 展演 等 其他 課程 學生 必須 到校 考試者 東吳大學 表示 得 先向 教務處 申請 並 拉大 考試 座位 間距 注意 教室 通風 符合 防疫 規定 東吳大學 提到 6 月 即將 登場 的 畢業 季 因 疫情 關係 決議 取消 全校 性 的 畢業典禮 改為 線 上 舉行 至於 各系 的 畢業 或 撥 穗 活動 校方 也 決定 全面 取消 為了 防堵 病毒 入侵 守護 師生 健康 東吳大學 指出 也 已 在 5 月 15 日 以及 5 月 16 日 分別 完成 城中 校 區和 外 雙溪校 區 的 大規模 消毒 工作 學校 鼓勵 住宿 同學 返家 進行 遠 距 學習 宿舍 內 同學 避免 在 校外活動 有關 教務 學務 國際交流 的 詳細 配套 請 參考 東吳大學 官方網站 另外 東吳大學 並 指出推廣部 部 份 課程 已 采 遠距教學 其他 課程 順延 或 停課 等 公告 請 以 推廣部 官方網站 手機 簡訊 或 email 通知 為主</t>
  </si>
  <si>
    <t>鈺 太 6679 今年 因 疫情 帶動 nb 需求 大好 整體 營運 大 彈升 法人 預估 全年 每股 有 機會 挑戰 大 賺 7 元 目前 因 疫情 再 掀 變種 危機 筆 電廠 積極 拉 貨 鈺 太 第 四季 營運 預計 更 勝 第 三 季 鈺 太 今 股價 抗跌 上漲 逾 1 全球 疫情 再 掀 波瀾 變種 病毒 衝擊 歐洲 預計 居家 辦公 遠距教學 的 需求 恐 比 先前 預期 來 的 更 大 且 時間 更 長 預計 鈺 太 受惠 筆 電廠 積極 拉 貨 下 營運 動能 將 一路 延伸 到 明年 整體 來說 第 四季 會 比 第 三 季 好 下半年 會 比 上半年 好 至於 明年 第一 季 由於 農曆年 使得 工作 天數 減少 鈺 太 明年 第一 季有 機會 力拼 和 今年 第 四季 持平 鈺 太 今年 主要 營 收成 長 仍 是 nb 其中 的 主要 動能 來自 chromebook 因 廣達 2382 在 chromebook 有 60 70 市 占率 鈺 太 原來 就 是 廣達 供應商 另外 其他 營 收成 長 動能 來自 tws ps 5 tv 穿戴 裝置 智慧 音箱 等 鈺 太 今年 受到 疫情 所 帶來 的 商機 營運 大幅 彈升 法人 樂觀 預期 鈺 太 2020 年 營 收有 機會 成長 逾 30 每股 獲利 甚至 有 機會 挑戰 7 元 大關</t>
  </si>
  <si>
    <t>全國 各級 學校 因 疫情 從 5 月 下旬 便 停課 至今 疫情 期間 實體 課程 改為 線 上 遠距教學 上課 方式 新穎 新奇 此舉 意外 吸引 中輟 生 參與 桃園 的 國 中小 中輟 生 有 50 人 回歸 學習 桃園 市 國 中小 中輟 生 原有 103 位 每 位 中輟 生 有 不同 的 狀</t>
  </si>
  <si>
    <t>全國 各級 學校 因 疫情 從 5 月 下旬 便 停課 至今 疫情 期間 實體 課程 改為 線 上 遠距教學 上課 方式 新穎 新奇 此舉 意外 吸引 中輟 生 參與 桃園 的 國 中小 中輟 生 有 50 人 回歸 學習 桃園 市 國 中小 中輟 生 原有 103 位 每 位 中輟 生 有 不同 的 狀況 包括 抗拒 到校 不 願 離開 家中 情緒 困擾 有 焦慮 狀 等 教育局 學 輔 校 安 室主任 鄭淑玲 指出 這次 因 疫情 改為 線 上 教學 有 50 位 中輟 生 穩定 接受 線 上 學習 從中 輟 生 名單 上 結案 目前 桃園 市 國 中小 中輟 生 僅剩 53 位 教育局 統計 大崗 國 中 原有 8 位 中輟 生 現有 1 位 八 德國 中原 有 6 位 中輟 生 現有 4 位 桃園 國 中 原有 6 位 現 剩下 2 位 鄭淑 玲 分析 相較 傳統 授課 模式 線 上 教學 時間 彈性 對 學生 來說 更為 新奇 學習 意願 提高 若 開學 後 若 中輟 生 想 繼續 使用 線 上 教學 也 可以 會 提供 學生 多元 管道 學習 鄭淑玲 表示 線 上 學習 讓 學生 有 新鮮感 且 藉 由 線 上 學習 減少 人際關係 或 肢體 誤會 的 干擾 讓 學生 更 能 勇於 發言 增加 學習 效能 而 老師 也 能 在 線 上 學習 的 視 訊 中 瞭解 學生 狀況 並 進一步 評估 後續 輔導 措施 協助 學生 持續 穩定 就學 大崗 國 中 校長 徐如君 說 學校 一直 以來 都 有 持續 追蹤 中輟 生 去向 大多數 是 家庭 問題 學校 都會 扮演 協調者 協助 孩子 與 家長 修復 關係 由於 中輟 生 輟學 時間 都 在 使用 電腦 手機 這次 線 上 教學 多少 也 會 增加 其 學習 意願 詢問 中輟 生 們 願不願意 改為 線 上 上課 多數 都 答應 桃園 市 中輟 複學 措施 有 2 種 包括 高 關懷 課程 及 適 性 化 課程 高 關懷 課程 是 針對 中輟 生 可能 中輟 的 學生 去 規 畫 推出 烹飪 烘焙 騎 腳踏車 走繩 等 課程 現有 59 校 國 中 申請 中輟 線 上 學習 計畫 希望 以 多 元 彈性 課程 吸引 中輟 學生 返回 校園 穩定 就學</t>
  </si>
  <si>
    <t>教育部 建議 中秋 前 采 遠距教學 台 大 清大 台師大 延 後 實體 上課</t>
  </si>
  <si>
    <t>近日 疫情 再起 大專 校院 即將 在 下禮拜 陸續 開學 教育部長 潘文忠 今 8 日 表示 大學 可 按照 既定 時程 開學 但 建議 在 中秋節 9 月 21 日 前 先采 行 遠 距 或 線 上 教學 臺灣大學 清華大學 與 臺灣師範大學 晚間 發佈 消息 皆 延後 實體 上課時 程 潘文忠 提到 如果 大學 是 在 9 月中 旬 開學 建議 中秋節 前 均 采 遠 距 或 線 上 教學 用 更 多 的 時間 來 進行 防疫 準備 以 因應 學生 因為 中秋節 連續 假期 南北移動 後 回校 可能 產生 的 狀況 中秋節 過後 再 恢復 實體 課程 台 大 表示 9 月 22 日 開學 後 的 前 三 周 都 全部 采 遠距教學 清華大學 在 官方 臉書 公佈 將 依 教育部 建議 9 月 13 日 開學 後 一直 到 21 日 都 采 線 上 授課 等到 中秋 假期 結束 後 再 視 疫情 狀況 看看 是否 可 恢復 實體 上課 臺灣師範大學 則 宣佈 今日 下午 決議 為 因應 加強 防疫 工作 配合 加 退選 時間 並 避開 雙十連 假人 潮 流動 開學 前 三周 9 22 10 12 將 全面 線 上 授課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遠距教學 實體 授課 開學 大學 中秋節</t>
  </si>
  <si>
    <t>中部 校園 疫情 嚴峻 朝陽 科大 19 日 有 1 名 女 住宿生 確診 7 名 密切接觸 學生 居家 隔離 自主 健康 管理 68 人 朝陽 科大 表示 已 早 在 17 日 全面 課程 實施 外 全校 教職員 將 於 20 日 及 21 日 兩 天 實施 遠 距 上班 下 周起 則 采 分流 上班 朝陽 科大 表示 18 日 晚間 8 時 30 分 接 獲 台中 市 衛生局 通知 1 名 女 住宿 學生 確診 經 救護車 接送 就醫 外 同 住 室友 等 密切接觸 者 7 人 安排 進 住 防疫 旅館 進行 居家 隔離 同 層 樓 住宿生 68 人 進行 快 篩檢測 並 送至 學校 自主 健康 管理 寢室 進行 自主 健康 管理 14 天 朝陽 科大 指出 該 學生宿舍 大樓 已 全部 清 空 並 啟動 校園 全面 性 消毒 作業 校方 針對 確診 個案 近期 接觸 的 環境 及 師生 名單 進行 疫 調 確保 全體師生 的 健康 及 維護 校園 的 安全 朝陽 科大 表示 為 降低 群 聚 感染 風險 學校 已 在 17 日 起 所有 課程 實施 遠距教學 並 將 延長 至 6 月 8 日 全校 教職員 將 於 20 日 21 日 兩 天 實施 遠 距 上班 且 自 下 周起 則 采 分流 上班</t>
  </si>
  <si>
    <t>臺北市 長 柯文哲 在 10 點 30 分 宣佈 公私 立 高中職 國 中小 補習班 安親班 課後 照顧 中心 今日 起 到 28 號 停課 採取 線 上 教學 線 上 教學系統 儘量 選擇 酷 課 雲 進行 教學 及 評量 以 班級 為 單位 進行 教學 與 連結 教育局長 表示 臺北市 受到 影響 285 間 學校 33萬4243 位 學生 公托 與 私 托 影響 約 1萬2千 餘 人 請 學生 與 生長 們 放 輕鬆 學習 酷 課 雲 是 透過 1萬1千 位 老師 所 拍攝 出來 的 教學 影片 這項 線 上 教學系統 已經 在 第二 級 警戒 時 已 要求 老師 與 家長 學習 教學 目前 酷 課 雲 已經 準備 好 請 大家 善用 教職員工 仍 須要 上班 但 可 采 居家 辦公 與 遠距教學方式 執行 雙 薪 家庭 若 遇有 需要 照顧 小孩 可 申請 家庭 照顧 假 若 孩子 無法 照顧 者 依 規定 申請 照顧 依 個別 需求 學校 幼稚園 用 專案 協助 勞工 局長 則 呼籲 家中 有 12 歲 以下 孩子 或 身心 障礙 的 家長 可 請 家庭 照顧 假 雇主 要 依 規定 給予 家庭 照顧 假 期間 不 給 薪 也 不 列入 考績 評量 若 雇主 不 准假 可 罰 2萬 到 30萬</t>
  </si>
  <si>
    <t>新冠肺炎 在 農曆 年前 蔓延 開來 全球 各地 確診 和 死亡 人數 居高不下 疫情 高峰期 一再 後延 讓 經濟 景氣 蒙上 一 層 陰影 投資 消費 進出口 或 經濟 成長 資料 的 表現 各項 資料 下 修 壓力 極大 反映 最 直接 的當 屬 股票市場 快速 走跌 的 同時 與 防疫 題材 有關 的 個股 異軍突起 鋒芒 壓過 權 王台積 電 股王 大 立 光 許多 個股 都 設法 找 題材 紡織 股 從 原料 著 手 轉投資 公司 生產 除 菌棒 的 台 塑化 都想 搖身一變 化身為 類 防疫 概念 股 既 可 避免 在 此 波 股市 走跌 時 遭受 波及 話題 熱 的 話 還 可以 吸引 短線 資金 的 關注 也 有些 個股 時來運轉 股價 走 揚全 不 費工夫 例如 印刷 類 股 中的 花王 連續 多 日 出現 漲 停板 行情 但 此 花王 非 彼 花王 等到 大多數 人 搞 清楚 狀況 花王 也 上 重 訊 提醒 大家 投資 前 要 驗明 正身 股價 則 以 暴跌 回應 之前 因 每股 淨值 快要 跌破 2 元 面臨 下市 命運 的 富 邦 vix 同樣 在 此 波 股市 修正中 得到 喘息 的 機會 台股 一向 標榜 殖 利率 在 全球股市 中 數一數二 爭取 投資人 的 認同 但 此 波 修正 過程 基本 面 表現 好壞 並非 重點 副業 投資 的 神 來 一 筆 可以 吸引 資金 的 目光 只要 取 個 好 名字 比 辛苦 經營 的 成果 在 股價 上 的 反應 更 直接 讓 人 無話可說 這 就 是 臺灣 投資 的 現況 資本 市場 在 驚恐 之 餘 的 表現 令人 莞爾一笑 但 還是 要 嚴肅 面對 這樣 的 現實 尤其 正 在 汲汲營營 的 爭取 資金 回台 要 推出 媲美 星港 財富 管理 新 方案 的 金管會 必須 理解 臺灣 市場 的 非專業 投資人 理財 決策 衝動 且 草率 必須 打造 一個 相對 適應 這樣 投資 性格 的 市場 重要性 更 勝於 找 了 多少 資金 回台 投資 更進一步 說 臺灣 市場 的 商品 不 缺 話題 性 缺 的 是 穩定 且 扎實 的 報酬 長期 的 低 利率 環境 確實 把 許多 人 逼到 資本 市場 上 這些 人 無法忍受 過 低 的 報酬 但 對於 股市 的 風險 也 是 敬謝不敏 折衷 的 方案 就是 以 金融 股 為主 的 存 股 風氣 大 盛 臺灣 50 這種 一 籃子 權 值 股 的 etf 受到 青睞 隨 著 高齡 化 社會 到來 如何 讓 不 想 一 夜 致富 手 握 大筆 財富 但 缺乏 豐富 理財 知識 與 判斷力 的 投資人 可以 有 更 多 容易 入手 報酬 合理 的 類 固定 報酬 商品 這 比 正 在 股市 上 點燃 討論 的 類 防疫 概念 股 重要 多 了</t>
  </si>
  <si>
    <t>新冠肺炎 疾 情 來勢 凶凶 臺灣 16 日 出現 首 宗 死亡 案例 讓 人 怵目驚心 這 場 中國 確診 突破 7萬 人 的 疫情 全球 主要 股市 卻 多 出現 先 跌 後 漲 走勢 17 日 陸 股 更 大 漲逾 2 回 補 新冠 缺口 投資人 納悶 這 波 疫情 是 在 哈 囉 嗎 有人 認為 股市 漲 在 疫情 蔓延 時 將 跌 於 疫情 結束 後 也就是說 一旦 疫情 煙消雲散 全球股市 可能 就 要 面臨 回檔 壓力 因此 臺灣 16 日 陷入 社區 感染 疑慮 下 投資人 的 恐慌 情緒 邁入 最高點 但 股市 單日 跌幅 044 利 空 不跌 的 走勢 耐人尋味 市場 擔心 受到 新冠 疫情 影響 恐 將 下 修 全球 2020 年 gdp 但 業者 認為 5 g 於 2020 年 邁入 起飛 年 對 電子 零 元件 需求 相當 大 這 一 波 疫情 造成 電子 零 元件 斷 鏈 及 缺 工 的 減幅 遠大 於 市場需求 下滑 速度 短期 內 不用 擔心 全球 消費 力 減弱 的 問題 此外 受到 疫情 影響 中 美 二 地 大舉 寬鬆 資金 大陸 人行 祭出 約 新 台幣 13 兆 元 新 融資 利多 美 股 因為 總統 川普 獎勵 小額 投資 減稅 資金 行情 持續 成為 全球股市 屹立不搖 的 重要 因素 近 二十 年 來 台股 自 2001 年 911 事件 起 曆 經過 2003 年 sars 2008 年 金融 海嘯 甚至 2019 年 中 美 貿易 對峙 等 重大 情事 勇敢 於 股市 重 挫 時 進場 承接 的 投資人 無不 獲利 滿滿 危機 入市 逢 低 承接 成為 股市 最 重要 教戰 手則 這次 的 新冠肺炎 在 疫情 高原期 美 股 屢 創 歷史 新高 滬 深 指數 也 回補 了 新冠 缺口 台股 雖有 數 百 點 缺口 待補 然逾 300 檔 上市 櫃 個股 的 股價 已 突破 金 豬年 封關 價 抱 股 過年 並 忍 著 不 賣 股 的 投資人 並非 個個 是 輸家 擦鞋童 理論 一向 是 股市 多空 風向 的 指標 當 擦鞋童 都 在 討論 股票投資 的 時候 就是 股市 交易 達到 最高峰 之時 之後 股市 就 會 下跌 換言之 當 所有人 覺得 新冠肺炎 疫情 嚴重 股市 就 在 同 時間 止 跌 伺機 反彈 然 跌 深 必定 反彈 的 定律 並非 牢不可破 投資人 未來 要 提防 的 是 當 恐懼 不再 是 恐懼 時 危機 入 市 的 定論 將 會 被 推翻 下 一 次 危機 來臨 時 股市 可能 出現 一反常態 向 下走 跌 應 提高 警覺 就 消息 面 而言 現階段 新冠肺炎 疫情 沒有 降溫 口罩 荒 也 沒有 紓 解 投資人 在 感性 及 理性 不斷 糾結 如何 在 股 海 揚帆 要 注意 幾 個 觀察 重點 1 中國 及 全球 確診 人數 是否 下滑 一旦 獲得 控制 疫情 擴散 風暴 將 獲得 控制 2 上游 缺 料 下游 缺 工 的 雙 缺 效應 下 下游 組裝 如 鴻 海及 和 碩 若是 復工 速度 越 快 對 零 組件 需求 就 會 越 強勁 35 g 產業 對 電子 零 元件 的 需求 較 4 g 呈 倍數 成長 未來 成長 動能 可 觀察 4 避開 觀光 航空 等 疫情 受 創 股 大陸 內需 股 也 要 多 加 留意 5 口罩 為 本 次大陸 廠商 復工 重要 條件 口罩 由 戰略物資 的 地位 提升 至 生產線 重要 物資 各廠商 將 爭相 擴充 產 線 以 自給自足 口罩 供需 失衡 現象 可望 逐步 解決 日前 大 漲 的 防疫 概念 股 不宜 追 高</t>
  </si>
  <si>
    <t>隨 著 疫苗 施打 後 的 陸續 解封 美國 經濟 資料 樂觀 市場 靜 待 2 日 發佈 的 非農 就業 報告 美 股 四大 指數 漲 多 跌 少 僅 費城 半 導體 指數 收 黑 s&amp;p 50 指數 連續 第 6 天創 高 日 韓 股 同步 走 高 電子 股 量 能 依舊 低迷 盤面 由 塑膠 鋼鐵 油 電 燃氣 以及 航運 等 傳 產 類 股 穩 軍心 台股 今 開高 3175 點 報 在 1774569 點 指數 一度 出 沖高 至 17795 點 惟 再戰 17800 近 關 情怯 約 9 50 指數 翻 黑 呈現 高檔 震盪 整理 指數 一度 壓低 到 17701 驚險 守 住 17700 點 目前 台股 各期 均線 呈 多頭 排列 向上 走 揚 中期 均線 月 季線亦 處 多方 格局 分別 在 17316 點 及 16985 點 此 系 台股 現階段 中期 下檔 重要 支撐 在 現階段 類 股 多頭 持續 下 多方 格局 延續 電子 股 今 持續 難 逃 低 量 成交 比重 不 到 2 成 台積電 2330 adr 下跌 約 15 今 開低 震盪 下跌 06 鴻 海 2317 震盪 于 平盤 附近 大 立 光 3008 開低 走弱 盤中 震盪 于 平盤 附近 聯發 科 2454 小漲 04 航運 股利 多 頻 傳 早 盤 航運 股 成交 比重 一度 達 6 成之多 貨櫃 三 雄 今 遭 賣 單調 節 長 榮 2603 今 解封 恢復正常 交易 有法 人 將 目標價 上調 到 339 元 今 儘管 股價 開高 再度 創 高 其後 隨即 陷入 震盪 震盪 于 平盤 附近 陽明 2609 開高 後 隨即 翻 黑 下跌 逾 15 萬海 2615 股價 也 呈現 震盪 台航 2617 台 驊 2636 四 維 航 5608 早 盤也 一度 創 今年 新高 漲幅 一度 達 4 35 3 慧 洋 -ky 2637 亦 上漲 逾 2 opec 石油 出口國 組織 與 盟友 將 產量 決策 會議 推遲 至 週五 後 油價 上漲 推動 能源 股 漲勢 塑化 股 今 漲勢 凶 猛 塑化 類 股 指數 漲幅 達 3 指標 股 台塑 四 寶中 與 油價 關聯 最為 直接 的 台 塑化 6506 一度 大 強 漲逾 5 台塑 1301 台 化 1326 分別 上漲 約 35 25 南亞 1303 漲幅 也 達 15 台聚 家族 台聚 1304 亞 聚 1308 台 達 化 1309 早 盤 一度 均 攻 上漲 停 華夏 1305 也 一度 逼近 漲 停 盤中 漲幅 收斂 到 6 左右 基礎 建設 話題 持續 延 燒 鋼鐵股 今 類 股 漲幅 達 25 新光 鋼 2031 在 財 報 助攻 下 順勢 攻 上漲 停 志 聯 2024 燁 輝 2023 大 漲 7 威致 2028 大成 鋼 2027 盛 餘 2029 以及 海光 2038 等 漲幅 達 3 4 兆 豐 國際 投 顧 表示 近期 美 股 續 創 新高 台股 跟隨 走 強 儘管 目前 台股 電子 股 持續 盤整 未 見 明顯 轉 強 訊號 所幸 航運 原 物料 股 受惠 報價 續 揚 加上 美國 基建 計 畫 達成協議 等 利多 帶動 使得 大盤 在 電子 傳 產 金融 持續 良性 輪 動 下 帶動 指數 震盪 盤 堅 再創新高 另外 國內 疫情 日漸 趨 緩 且 預期 台股 6 月 營 收 法 說 會 亦 偏向 正面 都 有利 台股 繼續 震盪 盤 堅 挑戰18000 關卡</t>
  </si>
  <si>
    <t>凱基 投 顧 滙豐 證券 連袂 出手 於鴻海 財 報 公佈 後 啟動 降 評 點出 未來 需求 不 確定性 升高 利 空 鴻 海 營業 利益 率 同步 面臨 壓力 2020 年 獲利 恐 有 衰退 之 虞 雙雙 降 評 至 中立 大型 研究 機構 對 鴻 海 的 疑慮 氛圍 愈來愈濃 繼 本土 投 顧 大行 降 評鴻 海 摩根 大通 證券 下 修鴻海 財 測 後 國際 資金 2 月 便 已 間歇 性 調節 鴻 海 3 月 6 日 以來 更是 開啟 賣 超 迴圈 也 導致 鴻 海 股價 從 80 元 左右 一路 被 砍 至 70 元 凱基 投 顧 與 滙豐 證券 此時 終結 對 鴻 海 樂觀 看法 是否 進一步 激化 國際 資金 賣 股 求 現 瞬間 成為 台股 最熱 焦點 凱基 投 顧 科技產業 分析 師陳佳 儀 先前 就 點出 全球 景氣 被 新冠肺炎 疫情 影響 急凍 終端 需求 有 連動 風險 早早 下 修蘋果 iphone 與 全球 智慧 型 手機 出貨量 她 最新 看法 是 大陸 疫情 度過 確診 高峰 鴻 海 於 當地 營運 3 月 已 恢復正常 然 因 人員 限制 出入 規定 尚未 完全 鬆綁 產能 利用率 短期 內 恐 低檔 徘徊 若 疫情 於 下半年 趨 緩 鴻 海 營 收 最 快 要到 第 三 季才 有 機會 重 十 動能 同樣 由 多頭 看法 轉 保守 的 滙豐 證券 則 指出 鴻 海 第二 季雖 將 因 生產 復工 有利 營運 動能 但 這個 利多 很 可能 被 下半年 新 iphone 的 不 確定性 給 抵消 由於 新冠肺炎 疫情 擴散 導致 旅遊 禁令 蘋果 的 工程師 可能 到 第二 季底 都 無法 出差 也就是說 蘋果 新機 恐難 在 最後 期限 前 完成 設計 驗證 測試 dvt 新 iphone 延遲 量 產 風險 變 高 更 重要 的 是 研究 機構 推 估 蘋果 與 消費性 電子產品 約 貢獻 鴻海集團 五 成營 收 按 出 貨 市場 別 歐美 占 比 應 在 50 以上 鴻 海 身為 全球 最 大 專業 電 子代 工 ems 業者 難以 自外 於 全球 疫情 衝擊 儘管 短期 內 企業 與 網通 產品 展現 較佳 韌性 一旦 企業 客戶 因 景氣 蕭條 不再 擴大 支出 相關 業務 同樣 得 面臨 下 修 風險 再者 鴻 海 瞄準 電動車 相關 商機 然 深耕 開放式 汽車 平臺 生態系 屬 長期 佈局 凱基 認為 雖然 有 機會 幫助 集團 達成 毛利率 10 目標 但 短期 內 尚 難 有所 造化 外資 與 法人 估計 鴻 海 2020 年 每股 純益 將 由 去年 的 832 元 衰退 逾 一 成 至 731 748 元 2021 年 則 有 機會 重返 2019 年 水準</t>
  </si>
  <si>
    <t>台股 沖 上高 點 投資人 紛紛 出現 疑問 到底 還 有 沒有 便宜 好 股票 答案 是 肯定 的 首先 回顧 去年 的 變化 從 台股 大盤 跳水 式 的 下跌 美 股 三月 出現 4 次 熔斷 導致 金融市場 秩序 大亂 接 著 美國 fed 緊急 宣佈 降息 至 0 利率 推出 7 000億</t>
  </si>
  <si>
    <t>台股 沖 上高 點 投資人 紛紛 出現 疑問 到底 還 有 沒有 便宜 好 股票 答案 是 肯定 的 首先 回顧 去年 的 變化 從 台股 大盤 跳水 式 的 下跌 美 股 三月 出現 4 次 熔斷 導致 金融市場 秩序 大亂 接 著 美國 fed 緊急 宣佈 降息 至 0 利率 推出 7000億 美元 購 債 計畫 讓 全球 市場 驚奇 大 v 轉 隨 著 市場 波動 劇烈 投資人 心理 壓力 也 隨之 加重 因此 找到 高 殖 利率 又 不受 疫情 影響 的 定存 股 就 格外 重要 創下 40 以上 報酬率 的 抱 緊 組合 以 老牛 為 例 在 股災 來臨 持有 高 殖 利率 定存 股 除了 一路 抱 緊緊 不怕 以外 投資 組合 甚至 創下 高 達 44 的 報酬率 因此 老牛 就 要 跟 大家 分享 一些 2021 年 7 高 殖 利率 的 定存 股 提供 不 私藏 的 抱 緊 股 選 股 策略 回顧 老 牛抱 緊 組合 中 可 發現 累計 報酬率 前 三高 分別 為 豪 展 4735 正 19229 中菲 行 5609 正 15555 及 根基 2546 正3838 有 兩 檔 是 翻倍 的 成長 而 報酬率 較 差 的 前 三大 則 為 新 巨 2420 負 316 美 律 2439 負 375 及 成霖 9934 負 1181 因此 讀者 應該 可以 發現 這個 組合 呈現 大 賺 小 賠 超越 大盤 的 抱 緊 股 選 股 策略 sop 能 創下 超越 大盤 的 報酬率 最 重要 就是 老牛 找到 低 本益比 高 殖 利率 的 抱 緊 股 才能 遇到 下跌 抱 得 安心 看到 上漲 抱 得 開心 而 老牛 的 價值 投資 sop 分 別是 見識 內在 價值 確認 獲利 空間 低價 逐步 買進 靜 待 價值 回歸 高價 獲利 賣出 而 抱 緊 股 也 必須 符合 以下 四 個 特性 1 獲利 成長 公司 獲利 成其 穩健 成長 穩定 累積 盈 餘 2 高 殖 利率 公司 獲利 成長 也 願意 分享 讓 股東 一起 同樂 3 高 防禦 性 在 營運 健全 之下 具備 足夠 的 現金 流 因應 黑 天鵝 來 襲 4 股價 便宜 內在 價值 不斷 增加 但 股價 卻 尚未 反映 價值 除了 符合 抱 緊 股 特性 外 基本 面 表現 也 要 滿足 五大 條件 1 去年 eps &amp;gt 1 元 過去 賺取 足夠 的 獲利 來 發放 給 股東 2 前 三 季 盈 餘 較 去年 成長 盈 餘 成長 有 機會 帶動 股利 給 得 越 多 3 近 兩 年 盈 餘 發放率 介於 70 100 之間 公司 願意 將 盈 餘 分享 給 股東 但 也 不可 過度 發放 4 本益比 &amp;lt 12 倍 儘量 挑選 相對 便宜 的 股票 5 預估 殖 利率 介於 7 15 之間 我們 目標 是 大於 7 的 高 殖 利率 但 也 要 避開 過於 誇張 的 公司 台股 便宜 股 已不 複 見 隨 著 大盤 不斷 創 高 具有 基本 面 的 便宜 股 像是 日本 壓縮機 一樣 越來越 稀少 目前 台股 只 剩下 不 到 50 家 台股 檔 數 在 1700 以上 但 以 一般 投資人 來說 其實 50 家 仍 是 不易 管理 因 此 投資 組合 最好 能 再 具備 三個面向 1 風險 分散 涵蓋 不同 產業 例如 橫跨 電子業 資訊 服務業 再 到 營建業 與 生活 類 股 建議 大家 持 股 介於 10 15 檔 之間 除了便於管理 也 能 讓 整體 組合 風險 大幅 分散 2 獲利 成長 挑選 的 10 檔 個股 最好 前 三 季 eps 累計 已 達 前 一 年 全年度 的 8 成 以上 甚至 公司 前 三 季 就 已經 超越 全年度 的 獲利 數字 3 大方 配 息 公司 願意 與 股東 同樂 個股 必須 符合 連續 10 年 以上 配出 現金 股利 甚至 連續 3 年 股利 成長 這 也 代表 企業 能 長期 獲利 抱 緊 股 示範 根基 2546 根基 成立 於 1982 年 目前 為 國內 前 十 大 營造廠 也 是 冠德 2520 轉投資 的 子公司 營造業 的 工作 就 是 接案 蓋房 公司 主要 承攬 母公司 冠 德 及 企業 如 台積電 南 科 鐵路局 南回鐵路 等 建設 發包 而 根基 連續 六 年 營 收 成長 近 三 年均 突破 百億 大關 近 三 年 也 都 出現 在 老牛 的 選 股 清單 中 連續 配 息 也 高 達 14 年 且 近年 殖 利率 都 在 7 eps 都 也 能 維持 在 3 4 元 左右 而 去年 營 收 也 創下 歷史 新高 配 息率 都 在 80 左右 那麼 隨 著 持續 成長 的 eps 自然 就 有 機會 配發 更 多 股息 了 什麼樣 的 股票 才能 抱 緊 首先 要 提醒 大家 好 股票 的 體質 相對 健全 無論 面對 新冠肺炎 中 美 貿易戰 金融風暴 都能 在 每次 的 挑戰 中 越發 強壯 2020 年 是 振幅 最 大 的 一 年 面臨 大盤 急 墜 下 殺 後 緊接著 又 創下 30 年 來 的 新高 點 不過 觀察 過去 經驗 高 殖 利率 價值 股 仍 會 持續 成長 而 股價 當然 也 與 公司 營運 表現 息息相關 所以 如果 確認 股票 營運 趨勢 向上 那麼 通常 這些 股票 都 具有 左 拿 股利 又 賺 價差 的 特性 長期 看 下來 勝 率 都 不 會 太 低 只 要 掌握 老牛 的 抱 緊 股 三四五 法則 三 個 投資 策略 四 個 抱 緊 股 特性 五 個 抱 緊 股 營運 條件 那麼 股市 就 會 幫助 你 賺到 超額 報酬 若 對 抱 緊 股 有 興趣 的 朋友 也 歡迎 加入 老牛 的 專案 請 點 我 一起 討論 本文 由 pressplay academy 專欄作家 股海 老牛 授權 轉載 原文 刊 於 pressplay academy</t>
  </si>
  <si>
    <t>傳 醫院 爆 感染 台股 嚇 跌 拉回 15 500</t>
  </si>
  <si>
    <t>台股 今 開低 震盪 走低 主要 原因 系 盤中 傳來 桃園 地區 某 大型 防疫 醫院 疑 似 爆發 院內 新冠肺炎 感染 使 市場 賣壓 相對 沈重 一度 大 跌 136 點 所幸 台 積 電 日 月光 投 控 與 部分 防疫 概 股 力 撐 短 多 才 使 跌幅 稍 收斂 不過 受制 盤 後</t>
  </si>
  <si>
    <t>台股 今 開低 震盪 走低 主要 原因 系 盤中 傳來 桃園 地區 某 大型 防疫 醫院 疑 似 爆發 院內 新冠肺炎 感染 使 市場 賣壓 相對 沈重 一度 大 跌 136 點 所幸 台 積 電 日 月光 投 控 與 部分 防疫 概 股 力 撐 短 多 才 使 跌幅 稍 收斂 不過 受制 盤 後 才由 防疫 指揮中心 召開 記者會 說明 因此 在 消息 面 不明朗 下 法人 主力 群 等 市場 大 咖 加大 逢 高 打帶跑 動作 致 集中 交易市場 加權 股價指數 收 跌 566 點 報 155007 點 跌幅 036 成交量 放大 至 369601億 元 台 積 電 週二 開低 震盪 走 高 仍 系 呈現 拉回 就 被 有心人 逢 低 接手 榮景 盤中 高點 一度 來到 597 元 直 逼 600 元 大關 也 帶動 大盤 一度 上攻 15642 點 再度 雙創 歷史 天花板 之後 隨 著 台積電 漲幅 收斂 及 市場 憂心 疫情 是否 失控 使 大盤 一度 上演 多殺多 窘境 但 上市 櫃 盤中 個股 依 題材 領先 盤勢 發展 仍 無所畏懼 包括 矽 力 -ky 旭隼 譜 瑞 -ky 上 銀 亞德 客 -ky 弘塑 漢磊 聚陽 欣興 富 邦 媒 大同 及 群 聯 等 仍 多 逆勢 大 漲 另外 生 醫 族群 與 防疫 概念 股 則 趁勢 崛起 包括 普生 生 華科 健 亞 abc-ky 杏 國 藥 華藥 恒 大 康那香 熱映 毛寶 南六 博 錸 及 基亞 等 也 紅光滿面 重量級 集團 股 除 台積電 日 月光 投 控 力挺 多 方 陣營 外 包括 台達電 和 碩 與 富 邦 金 等 也 站 在 多 方 餘 鴻 海 股王 大 立 光 國巨 長 榮 元 大金 國泰 金 兆豐 金 中信 金 玉 山金 中鋼 南亞 科 長 榮 航 華航 聯電 仁寶 友達 群 創 台塑 四 寶 台泥 亞 泥 遠東 新 統一 台玻 及 第一 金 等 都 臉色 不 佳 櫃 買 市場 方面 除 生 技 類 跌 深 小 反彈 外 餘 電子 紡 纖 電機 化學 鋼鐵 營建 航運 與 觀光 等 族群 都 臉色鐵青 使 盤勢 開高 震盪 殺低 終場 指數 大 跌 143 報 18618 點 成交 82198億 元 業內人士 指出 盤勢今 帶 量 下挫 短線 籌碼 將 趨於 淩亂 加上 融資 餘 額 仍 在 高檔 使 近期 盤勢 或 進入 整理 待 變 格局 不過 疫情 畢竟 屬 非經濟 因素 層面 對 臺灣 2021 年 的 gdp 的 衝擊 雖 待 觀察 唯 預期 在 全民 多 有 防疫 風險意識 下 負面 因數 不會 過分 悲觀 另外 美國 政壇 未來 是否 和平 轉移 也 待 進一步 觀察 今 消息 面 雖 傳來 川普 對 日前 國會 爆 亂 事件 坦承 將 負 一部分 責 仼 但 以 川普 善變 的 黑 天鵝 性格 市場 仍 不敢 掉以輕心 系 短期 台股 逢 高也 相對 承壓 遠因 而 金管會 高層 週二 再 對 盤勢 表態 應居高 思 危 來看 不 排除 政策 面 或有 降溫 考量 使 台股 短線 操作 或 暫 宜 低調 逢高善 設 停 利點 再 視 消息 面 變數 伺機而動 為 上策</t>
  </si>
  <si>
    <t>蘋果 於 臺北 時間 14 日 淩晨 1 時 舉行 年度 iphone 發表會 市場 預期 蘋果 發佈 一系列 5 g 版 iphone 12 手機 以及 其他 產品 帶動 蘋果 股價 前 一 日 率先 拉高 大 漲 近 64 為 7 月 31 日 以來 最 大 漲幅 昨日 台股 蘋概 股 也 被 帶動 在 盤面 上 有所</t>
  </si>
  <si>
    <t>蘋果 於 臺北 時間 14 日 淩晨 1 時 舉行 年度 iphone 發表會 市場 預期 蘋果 發佈 一系列 5 g 版 iphone 12 手機 以及 其他 產品 帶動 蘋果 股價 前 一 日 率先 拉高 大 漲 近 64 為 7 月 31 日 以來 最 大 漲幅 昨日 台股 蘋概 股 也 被 帶動 在 盤面 上 有所 表現 惟 昨日 為 國安 基金 退場 首日 台股 盤中 跌 了 近百 點 幸好 台積電 撐 盤 最後 小跌 8 點 收在 1萬2947 點 挑戰 萬三 則 再度 失利 對 蘋果 新機 將 上市 分析 師 指出 預期 5 g 版 iphone 將 引發 舊有 iphone 用戶 升級 欲望 此次 新款 iphone 引發 的 購買 潮 可能 和 過去 蘋果 推出 更 大 尺寸 的 iphone 所 帶來 創紀錄 的 銷售 熱潮 比美 市場 先前 消息 傳出 此次 iphone 系列 共 會 有 iphone 12 mini iphone 12 iphone 12 pro iphone 12 pro max 4 種 機型 知名 分析 師郭明 錤 最 看好 61 吋 版 的 iphone 12 機型 因 iphone 12 mini 無法 滿足 使用者 對 大 螢 幕 的 需求 iphone 12 pro 與 iphone 12 pro max 售價 較 高 因此 iphone 12 在 系列 中將 擁有 最高 出 貨 比重 預測 可能 占 40 到 45 另 受 新冠 疫情 影響 金價 曾 攀升 至 每盎司 2000 美元 高點 之後 回檔 盤整 惟 昨日 台銀 發行 辛醜 牛年 彩色 鍍金 銀幣 及 金鑽 條塊 因 金價 今年以來 上漲 約 2 成 售價 明顯 較 去年 攀升 台銀 貴金屬 部副 理 楊 天立 指出 金價 最 大 風險 在於 疫苗 只要 新冠肺炎 的 疫苗 問市 恐 讓 金價 陷 拉回 風險 他 預期 若 美 總統大選 結果 拜登 獲勝 金價 年底 前 有 機會 上 看 2200 美元 明年 上下 區間 則 在 1700 至 2300 美元 間</t>
  </si>
  <si>
    <t>盤中 解析 疫 外 再起 選 前 躁動 台股 量 縮 難為</t>
  </si>
  <si>
    <t>經濟 資料 優於 預期 美 股 四大 指數 反彈 但 台股 似乎 不 賞光 儘管 今 跌勢 趨 緩 開 跌 1156 點 報 在 1265135 點 但 隨即 跌幅 擴大 指數 最低 觸 12557 點 下挫 逾 百 點 之 多 亞 股 亦 拉回 震盪 今日 成交量 預估 落 在 1800億 元 短期 因</t>
  </si>
  <si>
    <t>經濟 資料 優於 預期 美 股 四大 指數 反彈 但 台股 似乎 不 賞光 儘管 今 跌勢 趨 緩 開 跌 1156 點 報 在 1265135 點 但 隨即 跌幅 擴大 指數 最低 觸 12557 點 下挫 逾 百 點 之 多 亞 股 亦 拉回 震盪 今日 成交量 預估 落 在 1800億 元 短期 因為 美國 總統大選 前 的 高度 不 確定性 且 第 四季 疫情 捲土重來 的 衝擊 下 資本 市場 的 潛在 風險 仍 相當 高 中長線 支撐 在 半年線 12150 點 附近 蘋果 季報 不如 預期 第 三 季 iphone 業務 營 收 減少 20 且 對於 本 季 財 測 尚不 明朗 使得 蘋果 盤後 一度 跌 逾 5 也 影響 到 今 蘋概 三大 指標 股 股王 大 立 光 3008 開低 震盪 盤中 一度 翻紅 回到 平盤 之上 小漲 台積電 2330 鴻 海 2317 均 走跌 惟 跌幅 均 不 大 除 蘋概 三大 指標 股 的 震盪 外 其 餘 權 值 股 來說 昨日 強勢 的 面板 雙虎 今 回檔 整理 友達 2409 開低 整理 盤中 跌幅 收斂 回到 平盤 附近 群 創 3481 法 說 報喜 第 三 季 每股 賺 016 元 擺脫 連續 7 季 的 虧損 但 今日 股價 利多 不漲 盤中 下挫 約 15 今日 法 說 即將 登場 的 聯發 科 2454 市場 觀望 氣氛 濃 跌幅 約 14 法 說 報喜 的 聯電 2303 第 三 季 亮麗 財 報 但 今日 開 低回 檔 修正 跌幅 逾 4 目前 因為 歐美 疫情 急速 惡化 新 紓困 案 選 前 確定 無望 通過 等 因素 衝擊 國際 股市 震盪 加劇 加上 投資人 選擇 觀望 居多 市場 量 能 明顯 陷入 萎縮 周 成交 均量 不 到 2000億 元 分析 師 表示 現階段 美國 大選 前 是 場 紛擾 但 待 下 周 大選 過後 市場 不 確定 因素 將 可望 減少 股市 終將 回歸 基本 面 主導 目前 盤勢 進入 最後 壓縮 期 考量 美 股 第 三 季財報 可望 優於 預期 蘋果 新機 iphone 12 系列 熱 賣 基本 面 政策 面 皆 有 助 選 後 整體 走勢 上揚 目前 台股 技術 面 中長期 均線 仍 呈 多頭 排列 時序 正值 第 三 季財報 陸續 公佈 可 留意 財 報 表現 或是 展望 佳 的 個股</t>
  </si>
  <si>
    <t>台股 盤中 美 股 大 立 光 鴻 海</t>
  </si>
  <si>
    <t>在 美 股 收 高 帶動 下 台股 開高 震盪 一度 上漲 389 點 指數 最高 達 16431 點 航運 股 延續 反彈 行情 電子 股 也 有 題材 股 各自 表現 成交 比重 達 4 成 之上 終場 收 漲 2597 點 報 在 1630206 點 成交量 為 429703億 元 台股 周 線 翻紅</t>
  </si>
  <si>
    <t>在 美 股 收 高 帶動 下 台股 開高 震盪 一度 上漲 389 點 指數 最高 達 16431 點 航運 股 延續 反彈 行情 電子 股 也 有 題材 股 各自 表現 成交 比重 達 4 成 之上 終場 收 漲 2597 點 報 在 1630206 點 成交量 為 429703億 元 台股 周 線 翻紅 終止 2 連黑 本 周 台股 收 漲 474 點 台 積 電 2330 開高 震盪 早 盤 一度 達 577 元 終場 收 漲 106 報 在 573 元 鴻 海 2317 開高 走 高 股價 最高 站上 110 元 收 漲 33 股 後 大 立 光 3008 收 漲 246 ic 設計 股 今 走勢 不弱 指標 股 聯發 科 2454 開高 震盪 尾 盤 拉高 終場 收 漲 215 報 在 950 元 股王 矽 力 -ky 6415 早 盤 沖高 後 壓回 收 漲 235 力旺 3529 午 盤後 攻 上漲 停 股價 重 回 900 元 大關 世芯 -ky 3661 亦 於午盤 後 亮燈 漲 停 鎖 在 4544 元 面板 股友 達 2409 群 創 3481 反彈 只 演 半 場 好戲 盤中 均 紅 翻 黑 股價 陷入 震盪 彩晶 6116 則 相對 有 撐 力守 逾 2 的 漲幅 表現 被動 元件 國 巨 2327 沖高 後 也 持 穩 震盪 終場 收 漲 338 今 航運 股 反彈 行情 依舊 火熱 一 片 紅 咚咚 貨櫃 三 雄 長 榮 2603 陽明 2609 萬 海 2615 全數 亮燈 漲 停 帶動 裕民 2606 台 船 2208 四 維 航 5608 也 均 攻 上漲 停 今日 股東會 宣佈 加發 股利 的 慧 洋 -ky 2637 收盤 亦 是 差 一 檔 攻 上漲 停 航運 市場 持續 火熱 目前 亞洲 歐洲 航線 運價 約 為 去年同期 8 倍 6 月 1 日 全球 第二 大 的 地中海 航運 已 通知 客戶 每 大 箱 要 加高 1000 美元 美 西線 目前 運價 約 為 去年同期 4 倍 全球 第 五大 的 赫 伯羅德 航運 美 加線 每 大 箱 要 加 1200 美元 另外 疫情 帶動 宅 配 需求 爆表 宅 配 通 2642 嘉裡大 榮 2608 亦 亮燈 漲 停 分析 師 表示 美國 疫情 逐漸 受到 控制 美國 經濟 也 即將 進入 重 啟 美元 持續 走弱 以 巴也 簽定 了 停火協定 數位 貨幣 的 大 修正 終於 告一段落 惟 臺灣 疫情 急速 升溫 仍 不 確定 目前 的 防疫 手段 是否 能 壓得 下來 但 伴隨 著 美 股 的 反彈 走 強 以及 美國科技 股 暫時 化解 了 下跌 的 疑慮 台股 反彈 波 仍 將 持續 但 仍 是 震盪 幅度 大 且 快速 輪 動 操作 難度 高 逢 指數 反彈 調整 弱勢 股 的 看法 目前 沒有 改變 目前 台股 指數 對於 疫情 干擾 的 恐慌 情緒 降低 此次 指數 修正 的 過程 中 融資 餘 額 減幅 遠大 過 指數 跌幅 籌碼 逐漸 沉澱 穩定 目前 台股本 益 比 已 降 至 15 倍 歷史 中下 緣 因此 若 疫情 逐漸 受 控 股價 走勢 將 回歸 基本 面 反彈 行情 可期 不過 短期 上 檔 套 牢 賣壓 沉重 且 疫情 不 確定性 仍 高 選 股 應以 高 殖 利率 及 低 本益比 個股 為主</t>
  </si>
  <si>
    <t>電子 族群 奮起 台股 急 挫 百 餘 點 後 翻紅 收 高 半年線 守 住 國際 股市 殺 聲 隆隆 美 股 昨夜 重 挫 千 點 亞 股 今 早 剉 咧 等 台股 在 盤初 急 跌 百 餘 點 探 至 1141547 點 後 回 測 半年線 惟 權 值 三王 台 積 電 2330 大 立 光 3008 鴻 海 2</t>
  </si>
  <si>
    <t>電子 族群 奮起 台股 急 挫 百 餘 點 後 翻紅 收 高 半年線 守 住 國際 股市 殺 聲 隆隆 美 股 昨夜 重 挫 千 點 亞 股 今 早 剉 咧 等 台股 在 盤初 急 跌 百 餘 點 探 至 1141547 點 後 回 測 半年線 惟 權 值 三王 台 積 電 2330 大 立 光 3008 鴻 海 2317 多頭 回神 重 掌 兵符 攜手 搖 旗 反攻 帶領 其他 電子 半導體 電子 零 元件 等 主要 電子 族群 步步 逼 退 空軍 午 盤 過後 成功 收復失土 持 穩 盤上 最高 來到 1156709 點 惟 臨 收 台積電 鴻 海 遭 空軍 突襲 漲幅 雙雙 縮減 大盤 漲 點 也 同步 降 至 536 點 收 1154023 點 總成交 值 則 放大 至 153815億 元 店頭 市場 收 14648 點 下跌 008 點 總成交 值 37622億 元 分析 師 表示 觀察 外資 動向 昨日 外資 現貨 賣 超逾 200百億 元 期貨 淨 多 單留倉 口 數 也 僅 26萬 多 口 顯示 出 對 後市 抱 持 保守 態度 看 不明朗 未來 影響 台股 重要 因素 為 疫情 的 發展 目前 全球 經濟 已 受到 波及 後續 須 關注 各 產業 是否 出現 產生 斷 鏈 等 情形 電子 權值 三王 全 收紅 股王 大 立 光 終場 收在 4630 元 小漲 043 台積電 終場 收在 322 元 上漲 063 鴻 海 收在 823 元 漲 198 立 凱 -ky 5227 挾 著 鋰 鐵 電池 未來 看好 今日 收 漲 停 17 65 元 並 收復 年 線 茂 矽 2342 1 月份 eps 達 012 元 較 去年同期 虧 轉 盈 今日 續創 波段 高 國泰 金 收在 407 元 小跌 037 富 邦 金 收在 4495 元 小跌 011 分析 師說 新冠肺炎 疫情 全球 擴散 國際 股市 震盪 台股 短期 將 難 脫 震盪 格局 目前 各國 央行 持續 寬鬆 貨幣政策 操作 上 不妨 留意 具 內需 題材 2 月 營 收 不受 疫情 影響 等 個股</t>
  </si>
  <si>
    <t>盤後 解析 大 立 光 開槍 台股 收 挫 逾 百 點</t>
  </si>
  <si>
    <t>台股 今 不 敵 股王 大 立 光 法 說 會 q 3 不 旺 震撼 彈 美國 昨 新增 65萬 新增 病例 香港 也 新增 42 病例 緊急 祭出 限 聚 令 全球 疫情 恐 捲土重來 拖累 台股 指數 一度 重 挫 逾 160 點 最 低落 至 12030 點 但 在 台積電 撐 盤下 盤中 跌幅 收斂 到 百</t>
  </si>
  <si>
    <t>台股 今 不 敵 股王 大 立 光 法 說 會 q 3 不 旺 震撼 彈 美國 昨 新增 65萬 新增 病例 香港 也 新增 42 病例 緊急 祭出 限 聚 令 全球 疫情 恐 捲土重來 拖累 台股 指數 一度 重 挫 逾 160 點 最 低落 至 12030 點 但 在 台積電 撐 盤下 盤中 跌幅 收斂 到 百 點 之內 終場 台股 收 跌 11901 點 報 在 1207368 點 成交量 為 258181億 元 台股 周 線 4 連紅 本 周 指數 漲 164 點 股王 大 立 光 3008 為 今日 台股 投下 震撼 彈 昨日 法 說 會 中 執行長 林恩平 釋出 保守 消息 大部分 客戶 都有 下 修 6 月 7 月 及 8 月 拉 貨 動能 差不多 今 股價 重 殺 開低 盤中 股價 重 挫 逾 9 直 逼 跌 停板 終場 收 跌 420 元 惟 外資 依舊 對 大 立 光送 暖 多 維持 買進 建議 加碼 評等 美 系 外資 還 上調 大 立 光 目標價 至 5200 元 權 值 股 中 權王 台積電 2330 逆風 振 翅 無懼 大盤 股價 一度沖 上 353 元 再度 改寫 新 天價 市值 也 站上 9 兆 元 大關 達 915 兆 元 大 立 光 對 第 三 季 展望 釋出 保守 訊息 市場 智慧 型 手機 產業 下半年 是否 會 有 變數 玉晶光 3406 下跌 逾 5 pcb 廠 華通 2313 台 光電 2383 台 郡 6269 臻 鼎 -ky 4958 砷 化 鎵 代工廠 穩 懋 3105 及 宏 捷 科 8086 等 今 也 成為 台股 重災區 ic 設計 指標 股 聯發 科 2454 除 智慧 型 手機 前景 受到 股王 示 警 蒙 塵 外 加上 自身 波段 漲幅 已 經過 高 今 持續 壓回 修正 逾 3 近期 屢 創 天價 的 瑞昱 2376 聯 詠 3034 則 是 一 漲 一 跌 瑞昱 壓回 震盪 聯 詠 則 在 有 外資 加 持續 走 揚逾 1 今日 八大 類 股 全數 走跌 除 電子 股 得 走弱 下 汽車 類 股 指數 更是 重 挫 逾 2 表現 最弱 另外 塑膠 玻璃 橡膠 運輸 觀光 營建 與 百貨類 股 指數 同步 也 均 下挫 逾 1 生 醫 股 早 盤 走 強 為 盤中 急 殺類 股 大 洗三 溫暖 分析 師 表示 雖然 美國 每週 初領 失業 救濟金 人數 持續 下滑 但 美國 新增 確診 人數 維持 高檔 市場 仍 擔憂 疫情 造成 二 次 封鎖 同時 也 關心 關稅 戰 地緣 政治 衝突 以及 發生 在 日本 長江流域 的 水患 隱憂 距離 美國 總統大選 僅剩 4 個 月 也 牽動 美 股 的 走勢 近期 台股 維持 均線 多方 架構 不 變 但 短線 上 仍 有 可能 出現 拉回 盤整 6 月 營 收 數字 與 緊接 而來 的 第二 季財報 為 市場 關注 的 焦點 投資人 在 挑選 投資 標的 時 應 留意 目前 台股 指數 仍 在 偏 多 發展 只要 維持 3 天 之內 創 高 或是 5 日 線 不破 都 是 強勢 型態 直到 跌破 月 線 才 將 轉入 整理 在此之前 各 族群 還是 輪漲 今日 6 月 營 收 將 全數 公佈 完畢 後續 陸續 進入 法 說 會 旺季 可以 留意 相關 第 三 季 產業 展望</t>
  </si>
  <si>
    <t>受到 新冠肺炎 疫情 重創 以及 台股 短線 反彈 1400 點 投資 專家建議 選 股 除了 留意 跌 深 股 高 殖 利率 股 外 更 重要 是 要 兼 具體 財務 基本 面 優 才是 投資 的 主旋律 聯 茂 及 泰碩 等 16 檔 個股 去 108 年 每股 盈 餘 eps 創 近年 新</t>
  </si>
  <si>
    <t>受到 新冠肺炎 疫情 重創 以及 台股 短線 反彈 1400 點 投資 專家建議 選 股 除了 留意 跌 深 股 高 殖 利率 股 外 更 重要 是 要 兼 具體 財務 基本 面 優 才是 投資 的 主旋律 聯 茂 及 泰碩 等 16 檔 個股 去 108 年 每股 盈 餘 eps 創 近年 新高 且 上周 法人 買超 千張 至 24萬 張 以上 最 給力 上市 櫃 公司 將 於本 週二 3 月 31 日 截止 公佈 去 108 年 財 報 去年 第 四季 因 新 台幣 升值 可能 有 匯 損 壓力 然 全年 整體 上市 櫃 公司 司 整體 獲利 應 與 前年 差不多 且 發放 的 現金 股息 應 也 在 11 12 兆 元 水準 至 27 日 止 已 公佈 股息 的 1331 家 上市 櫃 公司 已 宣佈 將 配 息 近 9400億 元 雖然 全球 央行 都 大 撒 錢 將 掉 入 懸崖 的 股市 拉 上 一 把 但 由於 市場 擔心 新冠肺炎 疫情 擴大 將 進一步 衝擊 上半年 經濟衰退 加上 英國首相 強生 傳出 檢驗 結果 陽性 美國 確診 人數 也比 中國 大陸 多 引起 歐美 股市 27 日 再度 恐慌 殺 盤 本 周 台股 將 再度 面臨 下 修 壓力 在 此 情況 下 投資 專家建議 選 股 要 回歸 基本 面 據 統計 聯 茂 泰碩 和 鑫 新光 金 穩 懋 聯 詠 光罩 聯 嘉 世芯 -ky 健策 聯 強 智伸 科 華擎 台新金 國泰 金及淩 華 等 16 檔 個股 不但 不畏 去年 中 美 貿 戰 賺 贏 107 年 更是 寫 下 近年以來 獲利 新 高 銅箔 基 板 廠 聯 茂 去年 eps 達 813 元 不但 大幅 超越 107 年 的 586 元 創下 連 5 年 走 高 更是 一口氣 寫下 近 23 年 來 新高 散熱器廠 泰 碩 去年 拜 市場 景氣 熱絡 之 賜 eps 從 107 年 的 18 元 跳 增至 338 元 此外 觸 控 光電 股 和 鑫 新光 金 pa 龍頭 穩 懋 ic 設計 股 聯 詠 及 世芯 -ky 光罩 車用 led 模 組 廠 聯 嘉 去年 eps 都 寫 下 近 10 15 年 佳績 不過 投資 專家 也 提醒 對於 第二 季之 後臺 股 較 大 的 考驗 仍在 於 疫情 的 影響 第一 季 上市 櫃 公司 將 回臨 停工 的 衝擊 獲利 將 大幅 衰退 上半年 整體 上市 櫃 公司 獲利 均 不 佳 因而 建議 擇 股 宜 搭配 法人 操作 若 法人 逢 低 加碼 多 具有 基本 面 或 題材 面 加 持</t>
  </si>
  <si>
    <t>新冠肺炎 疫情 蔓延 全球 引發 全球股市 大 地震 美國 聯 准會 今晨 再度 無 預警 降息 4 碼 造成 美 股 道 瓊 期貨 跌 逾 千 點 台股 今 16 日 摜 破 萬 點 關卡 收盤 收在 971777 點 失守 萬點 根據 統計 外資 資金 流向 至 3 月 13 日 新興 亞 股 連續</t>
  </si>
  <si>
    <t>台股 雙 王 報復 反彈 接力賽 開跑 權值王 台積電 2 日 率先 開低走高 3 日 由 股王 大 立 光 3008 接 棒 野村證券 指出 新冠肺炎 雖 造成 供應 鏈 動盪 卻 給 了 大 立 光 調整 產能 的 好 時機 以 迎接 未來 強勁 需求 重申 買進 投資 評等 激</t>
  </si>
  <si>
    <t>台股 雙 王 報復 反彈 接力賽 開跑 權值王 台積電 2 日 率先 開低走高 3 日 由 股王 大 立 光 3008 接 棒 野村證券 指出 新冠肺炎 雖 造成 供應 鏈 動盪 卻 給 了 大 立 光 調整 產能 的 好 時機 以 迎接 未來 強勁 需求 重申 買進 投資 評等 激勵 股王 大 漲 旋風 再起 台股 受到 美 股 道 瓊 指數 大 漲逾 千 點 強 彈 帶動 3 日 開高 走 高 終場 大 漲 141 收 11327 點 總算 稍微 扭轉 近期 跌跌 不休 頹勢 盤面 不少 個股 全面 跌 深 反彈 然而 最 具 指標 意義 者 當 屬 股王 大 立 光 接 棒 上揚 457 收 4580 元 與 權王 台積電 一前一後 為 大盤 送暖 野村證券 科技產業 分析 師李佳 伶 指出 大 立 光 受 新冠肺炎 疫情 衝擊 短線 營運 表現 難免 被 影響 不過 股價 自 農曆年 以來 回檔 超過 一 成 以上 幅度 比 大盤 更 劇烈 研 判 近期 的 供應 問題 與 大陸 需求 不振 利 空 大致 已 反映 在 股價 上 李佳伶 提醒 市場 沒 留意到 的 是 先前 外界 擔憂 大 立 光 因 產能 極度 吃緊 可能 限制 營運 上 檔 空間 現在 反而 因 新冠肺炎 疫情 獲得 調整 機會 畢竟 大 立 光 多數 產能 位於 臺灣 較 不受 武漢肺炎 停工 影響 這 也 使得 大 立 光 可 趁 傳統 淡季 時 更 有 彈性 地 去 調整 產能 迎接 未來 需求 大型 本土 投 顧 表示 大陸 智慧 機 出貨量 雖 被 新冠肺炎 衝擊 然 根據 gartner 與 小米 意見 只要 疫情 獲得 控制 智慧 機 生產 將 在 第二 季 反彈 帶動 智慧 機 鏡頭 需求量 未來 幾 個 月 內 出現 明顯 回溫 放眼 下半年 的 蘋果 新 iphone 商 機 大 立 光 除了 在 鏡頭 供應 鏈 中 維持 優勢 地位 外 天 風 國際 證券 還 看好 大 立 光 將 搶 食 新 iphone 的 高 單價 超 廣角鏡頭 訂單 比重 可能 上 看 四 成 打破 先前 由 玉晶光 獨家 供應 局面 廣發 證券 執行 董事 暨 海外 電子 產業 首席 分析 師蒲得 宇 則 指出 短線 來看 考量 新冠肺炎 造成 停工因素 iphone 通路 庫存 已 降 至 低 水位 將 驅使 蘋果 積極 拉 貨 零 組件 此外 三星 發表 gs 20 機 款 也 會 給 大 立 光 增添 更 多 動能 中長線 而言 儘管 大 立 光 至 2023 年 新增 產能 極為 有限 但 整體 鏡頭 供需 情況 對 大 立 光 有利 也 就 是 產品組合 改善 加上 毛利 擴張 是 提高 大 立 光 獲利 的 重要 引擎</t>
  </si>
  <si>
    <t>行庫 主管 對於 台股 進場 的 準則 低於 萬 點 或 在 萬點 附近 就是 長線 買進 點 可以 閉 眼 買 隨便 賺 台股 大盤 17 日 盤中 突破 10700 點 創 近 月 來 新高 老 行庫 重新 統計 手中 可 加碼 的 資金 還 是 很多 確定 要 集中 火力 鎖定</t>
  </si>
  <si>
    <t>行庫 主管 對於 台股 進場 的 準則 低於 萬 點 或 在 萬點 附近 就是 長線 買進 點 可以 閉 眼 買 隨便 賺 台股 大盤 17 日 盤中 突破 10700 點 創 近 月 來 新高 老 行庫 重新 統計 手中 可 加碼 的 資金 還 是 很多 確定 要 集中 火力 鎖定 二 大類 股票 第一 類 為 新 科技 的 相關 股票 第二 類 是 高 股息 績優股 合作金庫 銀行 指出 台股 投資 一向 以 穩健 為 原則 投資 標的 以 大型 績優股 為主 隨 著 疫情 發展 邊 走 邊 打 謹慎 操作 鑒於 全球 資金 仍然 寬鬆 而 新 科技 持續 發展 因此 鎖定 第一 類 股票 為 5 g 物聯網 電動車 等 新 科技 方面 第二 類 股票 則 是 逢 低 分批 佈局 具 產業 前景 的 高 股息 績優股 並 將 視 市場 狀況 機動 調整 部位 及 操作 策略 合 庫 銀 主管 分析 考量 新冠肺炎 對 經濟 帶來 的 不 確定性 國際 經濟 有 下行 風險 不過 台股 的 高 殖 利率 仍 具 吸引力 加上 臺灣 疫情 相較 於 大陸 日本 南韓等 國 輕微 目前 並 無 大規模 停工 的 情形 若 臺灣 疫情 持續 穩定 預期 市場 轉 單 效應 及 台商 回流 效應 將 持續 甚至 加速 則 未來 臺灣 外銷 接 單 可望 逆勢 成長 台股長 線 仍 持續 看好 臺灣 企 銀 主管 指出 今年 全球 經濟 遭遇 新冠肺炎 疫情 失控 黑 天鵝 的 影響 衝擊 企業 營 收 促使 投資人 重新 評估 市場 風險 考慮 消費市場 已 受到 相當嚴重 的 影響 且 恢復 時間 恢復力 道 仍 取決 於 後續 全球 疫情 變化 基本 面 存在 下行 風險 全球 經濟衰退 機 率 大幅提高 因此 今年 台股 將 進入 修正 格局 不過 台股 平均 殖 利率 今年 預計 仍 有 4 因此 現金 殖 利率 概念 股 仍 是 進可攻 退可守 之 標的 擬 配合 金融市場 變化 於台股 回檔 修正 時 逢 低 佈局 高 殖 利率 且 具 成長性 的 中大型 績優 股票 短線 上 則 選擇 具 成長 前景 受惠 新 應用 包含 網通 5 g ai 人工智慧 等 績優 公司 列為 投資 標的 進行 價差 交易</t>
  </si>
  <si>
    <t>肺炎 一類 新科 技 台股 股票</t>
  </si>
  <si>
    <t>台塑 1301 第一 季 受到 新冠肺炎 疫情 衝擊 每股 虧損 006 元 但 虧損 幅度 依舊 低於 市場 預估 展望 第二 季 開工率 下調 到 84 恐 面臨 旺季 不 旺 但 因為 pvc 新 一 波 庫存 迴圈 中 銷量 及 利差 皆 季增 加上 轉投資 台 塑化 虧損 減少 單季 依舊 有 機會 挑戰 轉 虧 為 盈 台塑 今 股價 開高 走 高 盤中 上漲 約 2 也 扮演 支撐 台股 指數 的 功臣 權值 股 之一 台塑 第一 季 合併 營業額 420億 元 季 衰退 135 主要 是 因為 第一 季受新冠肺炎 疫情 及 原油價格 暴跌 影響 拖累 原料 乙 丙烯 及 下游 衍生物 產品 行情 各 產品價格 都 比 去年 第 四季 下跌 幅度 介於 2 12 累計 第一 季 合併 稅 後 虧損 4億 元 季 減少 1125 每股 虧損 為 006 元 展望 第二 季 儘管 進入 亞洲 輕油裂解 廠 密集 歲修 期 但因 現在 新冠肺炎 疫情 在 歐美國家 失控 導致 下游 市場需求 急降 影響 客戶 訂單 減少 台塑 第二 季 恐 旺季 不 旺 台塑 也 將 開工率 調 降為 84 與 第一 季 持平 但 由於 pvc 新 一 波 庫存 迴圈 中 銷量 及 利差 皆 季增 加上 台 塑化 轉投資 損失 縮減 台塑 美國 已經 預先 認 列 第二 季 歲修 的 檢驗 及 修護費 故 法人 預估 台塑 單季 有 機會 轉 虧 為 盈</t>
  </si>
  <si>
    <t>鄉 林 5531 集團 董事長 賴正鎰 指出 觀察 青島 南京 與 成都 2 月底 復工 情況 沒有 受到 太 大 的 影響 昨日 成都 更 傳來 消息 當地政府 單位 在 3 月 4 日 就 重 啟 樓盤 的 搖 號 登記 這 幾 天 陸續 公佈 搖 號 結果 其中 最低 的 中簽 率 僅 有 062 平均 中簽 率 為 133 可見 成都房產 的 剛性 需求 持續 火熱 他 對 集團 56 月 要 進場 銷售 的 成都 案 深 具 信心 鄉 林 今年 成都 涵碧 天下 地產 案 總 銷 金額 將 高達 人民幣 250億 元 約 台幣 1075億 元 r 4 r 6兩 區 分批 推 案 賴正鎰 說 這筆 個案 是 由 自 已 主導 整體規劃 設計 在 成都 案 的 接待 中心 就 占地 1萬 坪 每週 都跟 設計師 修正 接待 中心 設計 就是 要 給 成都 賞 屋 者 耳目一新 的 感覺 希望 能夠 成功 吸 睛 搶 客 他 說 此案 將 讓 鄉 林 打開 近年來 業績 緩慢 成長 的 格局 可望 有 機會 呈現 爆發式 的 成長 賴正鎰 指出 大陸 新冠肺炎 疫情 其實 在 三月 初 就 控制 下來 治癒 人數 也 增加 全球 疫情 只 是 短期 對 q 2 後 的 經濟 表現 仍 深 具 信心 房地產 與 消費 力將 會 在 下半年 有 爆發 性 的 突破 彌補 q 1 的 業績 歐美亞 股 表現 高低 起伏 但 大家 只是 觀望 對 臺灣 控制 疫情 能力 有 信心 尤其 台商 資金 回流 推 升 產業 與 消費 動能 台股 算是 比較穩定 的 大家 要 對 臺灣 有 信心 賴正鎰 說 除了 先前 在 談判 的 江蘇 南京 江北區 山東 濰坊 與 青島 膠州 黃島 市南區 等 地塊 最近 還 會 有 幾 處 新 開發 的 投資 計畫 像是 湖北 武當山 的 土地 為 300 畝 20萬 平方米 將 規劃 涵碧 樓 酒店 與 住宅 江蘇 無錫 的 土地 面積 約 470 畝 地 32萬 平米 將 規劃 涵碧 樓 酒店 酒店式 公寓 及 集中式 商業區 等 這些 土地 都會 加速 取得 以利 規 畫 整體 開發 計畫</t>
  </si>
  <si>
    <t>操盤 心法 資金 行情 推 升 台股 仍 需 留意 國際 變數</t>
  </si>
  <si>
    <t>國際 經濟 情勢 新冠肺炎 二 次 疫情 風險 提高 不僅 美國 多 州 確診 人數 明顯 增加 原先 趨 緩 的 日 韓也 開始 生變 而 北京 更是 連環 爆出 感染 案例 進入 半 封城 狀態 讓 市場 相當 憂慮 疫情 恐 出現 大 爆發 狀況 於此 同時 全球 地緣 風險 升高 6 月 16 日 北 韓 炸毀 位於 開城 工業區 的 兩 韓 聯絡辦公室 導致 雙方 關係 劍拔弩張 不過 在 金正恩 宣佈 暫停 對 南韓 採取 軍事行動 計 畫 使得 對峙 的 情勢 有所 放緩 而 中國 和 印度 先前 發生 邊境 衝突 雖 目前 稍微 降溫 但 連續性 的 事件 也 導致 國際局勢 更為 複雜 所幸 受惠 美國國會 可能 在 7 月 通過 新 刺激 方案 包括 退稅 和 第二 輪 現金 發放 等 政策 加上 白宮 澄清 美中 貿易 協定 尚未 結束 緩解 市場 對 貿易 協定 破 局 的 擔憂 然而 風險 驟 升 可能 帶來 的 衝擊 仍 將 持續 干擾 金融市場 總 經 方面 美國 繼 月初 就業 資料 良好 後 月中 發表 的 零售 數字 也 呈現 正向 狀況 看似 逐漸 轉 佳 不過 fed 主席 和 官員 聲稱 當前 失業率 仍 居高不下 且 先前 公佈 的 初 請 失業 金 人數 降幅 不如 市場 預期 加上 部 份 地區 感染 病例 出現 攀升 恐 將 使得 市場 對 經濟 復蘇 的 信心 遭受 壓抑 考量 美國 即將 公佈 最新 一期 的 初 請 失業 金 資料 屆時 若 持續 不如 預期 可能 會 導致 市場 氛圍 轉 趨 保守 財政政策 部 份 雖 川普 當局 表示 考慮 實施 1 兆 美元 的 基建 支出 美國國會 也 正 考慮 推出 新 的 商業 救助 法案 以 接軌 即將 到期 的 現有 救助 法案 然 國會 需 待 7 月 21 日 之後 才 得以 復會 亦 即 政策 出現 空 窗 期 市場 對 基本 面 的 預期 可能 將 相對 謹慎 投資 策略 新 台幣 走勢 相當 強勁 目前 向 295 元 大關 進行 挑戰 續創 二 年 多 來 新高 在 資金 效應 推動 之下 台股 表現 相對 強勢 另 代表 內資 買 盤 的 櫃 買 指數 更 領先 創下 今年 新高 雖然 進入 除息 旺季 指數 將 陸續 蒸發 且 面對壓力 區 追 價 買 盤略 見 謹慎 短期 指數 應仍 趨向 6 月 11 日 長黑 k 線 附近 至 月 線間 震盪 的 格局 但 在 內資 著 重 中小型 外資 青睞 權值 股 的 買 盤 接續 仍 有 持續 向上 動能 操作 方面 預期 資金 行情 續航 即便 出現 二 次 感染 市場 恐慌 情緒 應 不至於 較 3 4 月份 高 但 疫情 仍 左右 市場 心態 或 將 使 個股 波動 加大 建議 可 朝 旺季 能見度 佳 且 具 題材 之 個股 伺機 偏 多 綜合 上述 台股 目前 站上 所有 均線 多方 格局 持續 雖 短期 上漲 動能 稍微 放緩 但 受惠 資金 的 不斷 挹注 大盤 下檔 風險 相對 有限 後續 盤 勢 仍 是 以 向上 發展 機 率 較 高 惟 需 留意 地緣 政治 風險 提升 以及 國際 疫情 發展 狀況 操作 上 以 不 過度 追 價 為 原則 投資 可 聚焦 於 3 q 能見度 高 4 q 有所 轉機 者 若 具備 高 殖 利率 的 優勢 更 佳 以 半 導體 ccl pcb server 網通 高速傳輸 mini led 與 5 g 手機 為 首選 而非 電子 部分 除 防疫 健身 的 相關 個股 外 也 可 著 墨於 下半年 有望 復蘇 的 汽車 紙類 紡織 等 族群</t>
  </si>
  <si>
    <t>台股 上樓 還 下樓 金管會 盯 二 指標</t>
  </si>
  <si>
    <t>受 美 股 影響 台股 14 日 開低 走低 盤中 大跌 逾 百 點 立 委 林德福 14 日 在 財委會 質詢 台股 近期 漲 多 所謂 物極必反 現在 台股 是 上樓 機 率 大 還是 下樓 機會 大 金管會 主委 顧立雄 指出 要 觀察 二 大 重點 包括 歐美 對 新冠 肺</t>
  </si>
  <si>
    <t>受 美 股 影響 台股 14 日 開低 走低 盤中 大跌 逾 百 點 立 委 林德福 14 日 在 財委會 質詢 台股 近期 漲 多 所謂 物極必反 現在 台股 是 上樓 機 率 大 還是 下樓 機會 大 金管會 主委 顧立雄 指出 要 觀察 二 大 重點 包括 歐美 對 新冠肺炎 疫情 的 控制 臺灣 第二 季 上市 櫃 公司 營 收 表現 台股 2020 年 上 沖 下 洗 3 月 19 日 殺 到 8523 點 的 低點 之後 就 一路 向上 收復 年 線 與 萬 一等 關卡 被 市場 形容 為 報復 性 反彈 反彈 幅度 約 三 成 顧立雄 3 月 赴 立 法院 財委會 進行 世界 各國 為 因應 新冠肺炎 之 衝擊 所 採取 對策 對 我國 財政 金融 經濟 整體 環境 所 造成 之 影響 與 政府 因應之道 專題報告 時 曾用 爬樓梯 來 比喻 台股 當時 台股 跌破 9500 點 顧立雄 表示 在 疫情 控制 住 前 台股 是 上 樓梯 少 一點 下 樓梯 多 一點 林德福 昨天 質詢 台股 漲幅 已 很 大 有 句 話 說 物極必反 台股 有 繼續 上 樓梯 的 可能 嗎 對此 顧立雄 回應 現在 主要 觀察 兩 點 重點 一 是 美 歐 國家 對 新冠肺炎 疫情 的 控制 包括 是否 解封 促進 經濟 復蘇 措施 重點 二 是 上市 櫃 公司 營 收 顧立雄 表示 據 統計 現在 看來 2020 年 4 月 上市 櫃 公司 營 收 比 3 月 增加 039 並 沒 衰退 要 密切 關注 第二 季 相關 表現 進出口 數字 上市 櫃 營 收 尤其 臺灣 經濟 復蘇 跟 歐美 亞洲 疫情 控制 有 關係 顧立雄 指出 上市 櫃 公司 有 分 很多 產業 別 表現 也 不同 可 看到 觀光 油 電 燃氣 塑膠工業 的 衰退 較 大 但 半 導體 電子 通路 資訊 服務業 則 有 相當 的 成長 至於 現在 是否 已是 景氣 谷底 顧立雄 表示 現在 不敢 說 疫情 已 結束 因為 此次 疫情 會 有無 症狀 感染 所以 擔心 在 解封 重 啟 經濟 活動 時 可能 造成 第二 波 感染 也就是說 在 沒有 有效 疫苗 問世 前 這個 憂慮 會 一直 掛 在 每個 人 的 心中</t>
  </si>
  <si>
    <t>pos 廠 伍豐 8076 董事會 通過 2019 年 股利 分派 案 擬 以 盈 餘 配 息 026 元 以 資本 公積 配股 約 074 元 合計 派利 約 1 元 盈 餘 配發 率 約 9709 以 21 日 收盤價 272 元 計算 現金 殖 利率 僅 約 096 公司 將 於 6 月 12 日 召開 股東 常會 全面 改選 董事 伍豐 受 台股 股災 影響 3 月 23 日 股價 下 探 2015 元 新低 董事會 3 月 24 日 起 執行 庫藏 股 預計 在 20 45 元間 買 回 6000 張 股票 近期 股價 止 跌 回 穩 近日 於 26 285 元 區間 震盪 今日 開低 小跌 近 15 三大 法人 上周 賣 超 107 張 本 周 迄今 轉為 小幅 買超 30 張 伍豐 受 彩票 機 客戶 需求量 下滑 影響 2019 年 合併 營 收 313億 元 年 減 1909 但 毛利率 3064 創 近 12 年高 點 營益 率 895 低於 前年 91 受 本業 獲利 下滑 影響 歸屬 母公司 稅 後 淨利 263億 元 年 減 439 每股 盈 餘 eps 103 元 略低於 前年 106 元 受 新冠肺炎 疫情 延 燒 全球 衝擊 伍豐 2020 年 3 月 自 結合 並 營 收 16億 元 月 減 1132 年 減 4084 創下 5 年 低點 累計 首季 合併 營 收 52億 元 季 減 3129 年 減 3045 創 2013 年 首季 以來 近 7 年 低點 法人 表示 伍 豐原 預期 pos 機 需求 可望 顯著 回升 轉投資 俄羅斯 賭場 水晶 虎 宮殿 獲利 成長 可期 看好 今年 營運 成長 動能 回 溫 惟 新冠肺炎 疫情 衝擊 全球 經濟 活動 各國 陸續 祭出 封 城 防疫 等 措施 在 客戶 拉 貨 需求 暫緩 物流 運輸 不順 下 今年 營運 展望 將 轉 趨 保守</t>
  </si>
  <si>
    <t>出現 死亡 首例 台股 走勢 震盪</t>
  </si>
  <si>
    <t>新冠肺炎 臺灣 出現 本土 死亡 首例 正當 醫 界 爭論 是否 為 社區 感染 之際 金融市場 率先 反映 不 尋常 的 氣氛 台股 昨 開盤 就 遇 壓力 下挫 近百 點 幸好 股王 大 立 光 3008 尾 盤 翻紅 大盤 跌勢 收斂 終場 小跌 52 點 收在 1萬1</t>
  </si>
  <si>
    <t>新冠肺炎 臺灣 出現 本土 死亡 首例 正當 醫 界 爭論 是否 為 社區 感染 之際 金融市場 率先 反映 不 尋常 的 氣氛 台股 昨 開盤 就 遇 壓力 下挫 近百 點 幸好 股王 大 立 光 3008 尾 盤 翻紅 大盤 跌勢 收斂 終場 小跌 52 點 收在 1萬1763 點 力守 5 日 線 1萬1761 點 成交量 1124億 元 安聯 臺灣 科技 基 金經理 人 廖哲宏 警示 由於 大陸 各地 復工 率 不一 台股 近期 盤面 仍 可能 走勢 震盪 有 分析 師 認為 接下來 仍要 持續 緊 盯 疫情 變化 若 未 完全 復工 需求 就 下滑 或 中斷 經濟 恐怕 會 進一步 趨 緩 凱基 投 顧 表示 這次 疫情 不僅 衝擊 觀光 旅遊 餐飲 航空 等 大陸 主要 城市 封城 停工 也 影響 短期 產能 以及 消費 動能 最 值得 投資人 留意 的 是 過去 外界 一面倒 看好 的 產業 如 5 g 手機 5 g 基地 台 等 建置 都因 疫情 連帶 影響 建置 的 速度 5 g 相關 從 過去 的 正面 評價 轉為 負向 凱基 投 顧 指出 新冠肺炎對 經濟 衝擊 將 大於 2003 年 的 sars 因為 大陸 的 經濟 規模 是 sars 當年 的 4 倍 各國 政府 因應 疫情 擴散 進而 對 大陸 進行 鎖國 措施 大陸 消費市場 供應 鏈 都 將 出現 一定 程度 的 衝擊 與 停 擺 假設 新冠肺炎 疫情 在 未來 1 個 季度 內 回穩 對 大陸 今年 gdp 的 衝擊 才 有 機會 控制 在 06 以內 對 全球 臺灣 gdp 的 衝擊 分別 為 02 01 至 04 凱基 投 顧 強調 惟 疫情 高峰 過後 遞 延性 的 消費 將 使 下半年 成長 動能 更為 強勁 不過 據 過去 1 周 統計 摩根 投 信 稱 外資 已對 亞洲 股市 進行 小幅 回 補 顯示 對 疫情 不 悲觀 儘管 大陸 延後 開工 讓 市場 預期 大陸 首季 gdp 下 修 但 外資 對 a 股 還是 小幅 買進 626億 美元 與 大陸 產業鏈 密切 相關 的 臺灣 股市 外資 上周 也 買超 416億 美元</t>
  </si>
  <si>
    <t>挺 高 殖 利率 外資 逆風 升 評 台股</t>
  </si>
  <si>
    <t>臺灣 疫情 持續 緊張 幸好 台股 在 連日 重 挫 後 率先 強 彈 外資 研究 機構 包括 里昂 滙豐 瑞銀 等 全 轉向 高 殖 利率 投資 策略 從 防禦 特質 帶起 反彈 連兩日 佈局 的 國際 資金 收到 極 佳 效果 滙豐 更 把 台股 投資 評等 一口氣 拉升 至 加碼</t>
  </si>
  <si>
    <t>瑞銀 肺炎 滙豐 臺灣區 研究 部 主管 台股</t>
  </si>
  <si>
    <t>摩爾 投 顧 分析 師鐘崑 禎 表示 台股 17 日 盤中 一度 逼近 具有 長線 投資 意義 的 10 年均 線 隨即 吸引 不少 低 接 買 盤 進場 終場 下跌 27814 點 跌幅 明顯 縮小 緩步 止 跌 的 跡象 浮現 個股 方面 本 周 納入 投資 組合 的 元大美 債 20 正 2 受惠</t>
  </si>
  <si>
    <t>摩爾 投 顧 分析 師鐘崑 禎 表示 台股 17 日 盤中 一度 逼近 具有 長線 投資 意義 的 10 年均 線 隨即 吸引 不少 低 接 買 盤 進場 終場 下跌 27814 點 跌幅 明顯 縮小 緩步 止 跌 的 跡象 浮現 個股 方面 本 周 納入 投資 組合 的 元大美 債 20 正 2 受惠 美國 聯 准會 fed 閃電 降息 4 碼 以及 美 股 道 瓊 指數 16 日 再度 大跌 近 3000 點 市場 資金 轉 往 避險 資產 債券 價格 維持 高檔 不 墜 以 經濟 面 觀察 2008 年 金融 海嘯 起因 是 銀行 超 貸 所 引起 的 連鎖反應 但 本次 全球股市 重 挫 主因 是 新冠肺炎 造成 的 經濟衰退 然 以 客觀 資料 來看 並未 出現 明顯 減退 且 金融 海嘯 是 實質 經濟 問題 新冠肺炎 則 為 心理 預期 的 恐慌 因此 後續 股市 修復 的 速度 預期 將 大幅 優於 金融 海嘯 時期 短 時間 內應 可 回到 原有 位 階</t>
  </si>
  <si>
    <t>新冠肺炎 疫情 擴散 至 歐美地區 全球股市 慘遭 恐慌 拋售 市場 專家 表示 台股 受 股災 影響 的 同時 擁有 籌碼 面 技術 面 優勢 且 2 月 營 收 利多 較 去年 成長 的 個股 展現 十足 抗 疫情 力道 包括 南電 泰鼎 -ky 原相 展旺 等 16 檔 可 做</t>
  </si>
  <si>
    <t>台股 今 開低走高 儘管 權值 股 熄火 資金 流向 航運 生 醫 宅 經濟 等 族群 在 題材 股 點火 下 指數 盤中 兩 度 黑 翻紅 終場 台股 收 漲 3233 點 報 在 1279546 點 成交量 為 212679億 元 台股 周 線 收 連 9 紅 本 周 指數 漲 3266 點 權值</t>
  </si>
  <si>
    <t>台股 今 開低走高 儘管 權值 股 熄火 資金 流向 航運 生 醫 宅 經濟 等 族群 在 題材 股 點火 下 指數 盤中 兩 度 黑 翻紅 終場 台股 收 漲 3233 點 報 在 1279546 點 成交量 為 212679億 元 台股 周 線 收 連 9 紅 本 周 指數 漲 3266 點 權 值 股 今 普遍 熄火 股王 大 立 光 3008 整場 多 震盪 于 平盤 附近 終場 收 013 台積電 2330 開低 震盪 股價 小跌 047 收在 427 元 鴻 海 2317 則 逆勢 小漲 收 漲 113 躍 上 80 元 大關 聯發 科 2454 則 受到 高通 傳出 搶 單 消息 股價 走跌 在 5 日 線 月 線 下方 震盪 收 跌 058 面板 雙虎 友達 2409 群 創 3481 盤中 漲幅 拉 抬 連袂 上揚 逾 1 在 全球 持續 受 疫情 壟 罩 下 宅 經濟 持續 發燒 廣達 2382 法 說 會 對 下半年 釋出 樂觀 訊息 全年 筆 電 出 貨 上 看 雙 位數 今 開高 走 高 大 漲 85 華碩 2357 宏棋 2353也 在 疫情 關係 下 nb 出 貨 看俏 今 股價 雙雙 走 揚 漲幅 在 15 2 今日 台股 資金 也 流向 航運 以及 生 醫 股 下半年 原油價格 漲幅 有限 有利於 航運 成 綁 長 榮 2603 盤中 亮燈 漲 停 終場 鎖 住 陽明 2609 亦 一度 漲 停 萬海 2615 午 盤後 則 維持 約 4 5 漲幅 表現 和 碩 4938 宣佈 以 總價 145億 元 每股 875 元 並購 鎧勝 -ky 5264 外資 多 維持 持有 或 中立 評等 今 早 盤鎧勝 -ky 一 開盤 即 跳 空 漲 停 鎖 住 和 碩 亦 大 漲逾 7 尾 盤 也 受 買 單拉 抬 分析 師 表示 目前 全球 市場 仍 密切 關注 美 中間 衝突 發展 台股 指數 回到 5 日 與 10 日均 線 之間 但 中長線 仍 維持 多方 架構 不 變 短期 在 科技 股 回檔 的 壓力 下 可能 再 測 月 線 支撐 但 仍 可能 受 國際 市場 消息 波動 影響 預期 指數 將 於 12600 13000 點 震盪 盤 堅 逢回 聚焦 業績 題材 股 操作 另外 只要 美 股 不要 連續性 的 大幅 回檔 則 台股 有 機會 於此 整理 一 段 時 日 之後 再次 蓄 勢 向上 挑戰 13000 點</t>
  </si>
  <si>
    <t>鼠年 新春 全球 金融市場 受到 中國 大陸 新冠肺炎 covid-19 的 突襲 主要 國際 股市 紛紛 重 挫 也 打亂 了 台股 多方 新春 紅盤 沖關 12682 點 的 步調 台股 加權指數 一度 回 測 半年線 支撐 雖然 現階段 相關 疫情 的 訊息 仍 不 斷 擾動 人心 但</t>
  </si>
  <si>
    <t>鼠年 新春 全球 金融市場 受到 中國 大陸 新冠肺炎 covid-19 的 突襲 主要 國際 股市 紛紛 重 挫 也 打亂 了 台股 多方 新春 紅盤 沖關 12682 點 的 步調 台股 加權指數 一度 回 測 半年線 支撐 雖然 現階段 相關 疫情 的 訊息 仍 不 斷 擾動 人心 但 整體 來看 除非 疫情 失控 擴大 不然 這次 疫情 對 股市 的 最壞 影響 應已 結束 後續 將 進入 產業 調整 與 類 股 輪 動 的 階段 就 經濟 面 來看 這次 新冠肺炎 在 內需 旺季 的 農曆 春節 爆發 對 中國 大陸 的 內需 經濟 造成 重大 的 傷害 原本 受惠 龐 大 春運 所 帶動 的 旅遊 運輸 餐飲 及 娛樂 等 需要 人 與 人 接觸 的 服務業 在 防疫 措施 的 限 縮下 幾近 停 擺 外資 甚至 預期 中國 2020 年 經濟 成長率 最壞 情況 可能 不 到 5 加上 各國 政府 採取 的 旅遊 禁令 限制 中國 旅客 重創 觀光 產業 影響 層面 擴大 預期 亞洲 首季 整體 經濟 成長率 將 明顯 放緩 從 產業 供應 鏈 的 角度 由於 武漢 不僅 是 中國 九 省 通衢 的 交通要道 更 是 中國 半 導體 面板 產業 的 重要 生產 基地 也 是 中國 的 光纖 及 汽車 生產 重鎮 在 中國 製造 2025 計 畫 中 擁有 重要 地位 這次 新冠肺炎 的 重災區 武漢 湖北 對 中國 大陸 製造業 造成 的 衝擊 不言 可 喻 加上 大陸 官方 為 控制 疫情 先 延長 農曆 新年 假期 而後 各省 多 處 城市 採取 封閉 管理 措施 導致 整體 大陸 製造業 陷於 停 擺 狀態 雖然 部 份 製造業 廠商 已 在 2 月 10 日 復工 但 各地 的 封鎖 檢疫 措施 已 阻礙 物 流 的 運轉 及 外地 員工 返工 造成 現階段 廠商 有效 產 能 將 僅 有 二 到 三 成 對 資 通訊 產業 的 零 元件 及 產品 組裝 出貨量 都 受到 延宕 就 市場 短期 需求 來看 疫情 造成 對 消費性 電子 的 需求 斷 崖 式 下滑 根據 市 調 機構 預測 大陸 智慧 手機 第一 季 出貨量 將 下降 32 由 去年同期 的 約 8900萬 支 降 至 6000萬 支 由此來看 23 月 電子 業大 廠 營 收 都 不 會 太 好 且 進一步 影響 第一 季 的 財 報 資料 回顧 過往 sars 對 中國 大陸 的 影響 對於 經濟 與 股市 應屬 短期 效應 sars 起初 自 廣東省 開始 當時 的 防疫 措施 與 觀念 都 不及 現在 故 疫情 延 燒 超過 三 個 月 並 在 第二 季 達到 高峰 導致 中國 大陸 當時 第二 季 的 經濟 成長率 由 前 一 季 的 111 減少 2 個 百分點 降 至 91 但 在 人行 大幅 寬鬆 貨幣 救 市 及 疫情 逐漸 受到 控制 後 大陸 第 三 季 經濟 成長率 便 重新 站 回 10 以上 金融市場 也 逐漸 重 回 原本 的 上升 軌道 雖然 現階段 新冠肺炎 疫情 仍舊 緊張 中國 大陸 的 經濟 規模 也 今非昔比 造成 的 經濟損失 將 更 為 龐大 但 研 判 此次 疫情 對 大陸 經濟 與 金融市場 的 影響 過程 會 與 當初 sars 接近 即 最 大 衝擊 會 出現 在 第一 季 第二 季起便 可望 出現 反彈 主要 是 產業 供應 鏈 可望 在 3 月 逐漸 回復 正常對 消費性 電子產品 的 支出 及 5 g 產業 的 投資 雖然 延後 但 並未 消失 加上 中國 人行 這個 月 已 釋出 15 兆 元 人民幣 的 資金 來 救 市 只要 疫情 不 失控 預期 中國 大陸 的 經濟 成長率 可望 在 下半年 出現 較 明顯 的 回升 就 市場 面 來看 雖然 1 月底 2 月初 全球 金融市場 都 受到 疫情 影響 出現 明顯 的 回 挫 但 隨 著 疫情 原因 逐漸 明朗 疫苗 與 治療 藥物 開發 也 出現 進展 市場 逐漸 回穩 美 股 甚至 再創新高 值得 留意 的 是 位居 疫情 風暴 中心 的 陸 股 也 走 出 2 月 3 日 紅盤 日 重 挫 8 的 低谷 在 利 空中 連續 彈升 大幅 收斂 指數 跌幅 其中 以 科技 股 為主 的 深圳指數 更 領先 以 傳統 大型 股 為主 的 上證指數 封閉 下跌 缺口 站 回 疫情 風暴 前 的 點數 位置 顯示 先前 一再 提醒 中國 大陸 股市 結構 向 科技類 股 轉型 的 方向 並未 改變 總結 來說 如同 年 前 的 分析 鼠年 的 行情 不再 是 一路 上升 的 行情 加上 未來 一兩 個 月 市場 仍 需 受到 營 收 財 報 等 資料 利 空 考驗 股市 波動 上下 刷洗 的 幅度 不 會 小 次數 也 不 會 少 類 股 輪 動 的 速度 快 操作 的 難度 也 會 較 去年 提高 投資人 在 選 股 上 宜先 避開 餐飲 交通 觀光 等 內需 產業 畢竟 其 產業 環境 受到 疫情 衝擊 最深 就算 要 回復 也 要 不 短 的 時間 科技 股 仍 是 相對 看好 的 選項 特別 是 與 5 g 相關 的 網通 產業 及 零 元件 等 標的</t>
  </si>
  <si>
    <t>道 瓊 暴跌 逾 千 點 台股 早 盤 大跌 逾 百 點 後 反彈</t>
  </si>
  <si>
    <t>新冠肺炎 延燒到 東北亞 連 歐洲 美洲 也 遭殃 投資人 恐慌 情緒 加溫 美 股 道 瓊重 挫 1031 點 台股 今天 一 開盤 就 大跌 逾 百 點 一度 失守 半年線 但 隨即 跌幅 收斂 開盤 1 個 小時 後 指數 小漲 12 點 來到 1萬1547 點 成交量 已 破 867</t>
  </si>
  <si>
    <t>新冠肺炎 延燒到 東北亞 連 歐洲 美洲 也 遭殃 投資人 恐慌 情緒 加溫 美 股 道 瓊重 挫 1031 點 台股 今天 一 開盤 就 大跌 逾 百 點 一度 失守 半年線 但 隨即 跌幅 收斂 開盤 1 個 小時 後 指數 小漲 12 點 來到 1萬1547 點 成交量 已 破 867億 元 第一 金 投 信 全球 大 趨勢 基金 經理 人 葉菀婷 分析 美 股 大 跌 1031 點 是 反映 新冠肺炎 疫情 延燒到 歐 美 國家 先前 歐 美 國家 都將 新冠肺炎 視同 sars 疫情 局限 中 港 台 沒 想到 鑽石 公主 號 遊客 下船 回到 自己 的 國家 後 都有 通過 安全 檢測 但 卻 在 檢測 幾 天 後 發病 甚至 出現 失控 擔憂 疫情 在 全球 延 燒 2 個 季度 很多 零 組件 斷 鏈 當 第 3 季 消費 旺季 來臨 時 陷入 商品 做 不 出來 的 窘境 而 日本 疫情 也 有 擴大 趨勢 日本 股市 日經 225 指數 盤中 一度 暴跌 逾 千 點 隨後 收斂 跌 點 在 700 點 之內 台股 今 表現 相 對抗 跌 葉菀婷 表示 台股 對 疫情 的 反應 在 新春 開盤 大跌 近 700 點 已經 反映 了 若 1萬1439 點 半年線 可以 守 住 台股 近期 不至於 出現 大跌 將 呈 盤整 格局 葉 菀 婷 表示 新冠肺炎 對 經濟 仍 屬 短期 影響 如果 疫情 重災區 能 在 今年 夏季 以前 全部 復工 對 市場 的 影響 可以 縮小 若 疫情 延燒到 夏季 還 未 結束 對 經濟 面</t>
  </si>
  <si>
    <t>疫情 大跌 台股 肺炎 新冠肺炎</t>
  </si>
  <si>
    <t>全球 正 逐步 走 出 新冠肺炎 陰霾 臺灣政府 的 振興 措施 亦 有 功效 國泰 金控 21 日 發佈 9 月 國民經濟 信心 調查 有 849 的 受訪者 認為 今年 臺灣 經濟 成長率 可 在 1 以上 即 鐵定 保 一 最 多 比率 即 28 是 估 年長 15 175 但 對 2021 年 的 經濟 風險 有 485 的 民眾 擔心 新冠肺炎 疫情 再次 惡化 預期 2021 年 可能 影響 台股 最 大 的 黑 天鵝 或 灰 犀牛 有 343 受訪者 認為 是 全球 財政 與 貨幣政策 寬鬆 程度 也 就 是 各國 持續 放 錢 台股 就 會 維持 多頭 行情 但 若 緊縮 收 錢 股市 就 會 出現 波動 也 有 238 受訪者 覺得 美國股市 影響 明年 台股 最深 兩者 會 連動 203 受訪者 則 是 認為 兩岸關係 是 明年 台股 最 大 變數 主 計總 處 估計 2020 年 臺灣 經濟 成長 為 156 通貨膨脹率 則 為 019 國泰 金 9 月 針 對 其 集團 客戶 的 電子 問卷調查 結果 亦 顯示 民眾 對 2020 年 臺灣 經濟 成長率 的 平均 預期 值 維持 在 14 有 近 85 的 受訪者 認為 經濟 成長率 會 達 1 以上 若要 攀上 2 則 只 有 22 的 受訪者 認有 可能 受訪者 對 2020 年 平均 通 膨 預期 值 維持 在 04 預期 今年 通貨膨脹率 將 低於 1 的 民眾 維持 在 90 但 比 8 月 的 92 微 降 國泰 金 分析 這 是 顯示 疫情 影響 下 民眾 認為 通 膨 緩和 今年 已 過 快 3 4 展望 2021 年 的 臺灣 經濟 成長率 國泰 金 調查 有 485 的 受訪 民眾 認為 若 新冠肺炎 疫情 再次 惡化 將 成為 衝擊 明年 經濟 的 最 大 因素 另 有 284 的 受訪者 擔心 中 美 衝突 進一步 擴大 94 的 民眾 則 憂慮 供應 鏈 重組 會 提高 成本 削弱 企業 獲利 僅 14 的 民眾 認為 其他 新興 市場 動盪 會 影響 臺灣 2021 年 的 經濟 成長 至於 影響 2021 年 台股 走勢 的 可能 因素 有 343 受訪 民眾 認為 全球 財政 與 貨幣政策 的 寬鬆程度 是 最 主要 原因 有 238 受訪者 選擇 美國股市 走勢 最 影響 台股 另 有 203 民眾 認為 兩岸關係 的 穩定度 最 重要 有 17 則 看重 臺灣 經濟 成長 及 企業 獲利 有 3 認為 是 其他 類別 資產 價格 的 走勢 16 覺得 大陸 股市 會 影響 台股</t>
  </si>
  <si>
    <t>傳 美國 擬 擴大 華為 禁令 再 加上 蘋果公司 對 新冠肺炎 提出 財務 預警 台股 護 國 神 山台積 電 成 外資 提款機 18 日 遭 大 賣 40790 張 股價 大 跌 287 收 322 元 市值 蒸發 2463億 元 市場 緊 盯 新冠肺炎 低點 312 元 的 支撐力 儘管 台積</t>
  </si>
  <si>
    <t>傳 美國 擬 擴大 華為 禁令 再 加上 蘋果公司 對 新冠肺炎 提出 財務 預警 台股 護 國 神 山台積 電 成 外資 提款機 18 日 遭 大 賣 40790 張 股價 大 跌 287 收 322 元 市值 蒸發 2463億 元 市場 緊 盯 新冠肺炎 低點 312 元 的 支撐力 儘管 台積電 強調 目前 沒有 調整 第一 季 營運 目標 的 計畫 而 半導體 供應 鏈 也 表示 蘋果 沒有 砍 減 單 的 動作 但 美國 未來 牽制 華為 的 強度 將 是 一大 變數 瑞 銀 證券 亞太區 半 導體 首席 分析 師 呂家 璈 便 指出 初步 計算 如果 美國 規範 改變 在 當前 的 定義 下 不 包括 設備 台 積 電 來自 美國 的 技術含量 不 到 5 因此 就算 更改 為 10 以下 台積電 也 可 繼續 出 貨 華為 但是 要是 將 有 美國 技術含量 的 設備 也 算進來 台積電 該 比重 就 會 來 到 17 也就是說 如果 美國 改變 對 技術 規則 限制 的 定義 就 會 為 台積電 能否 在 出 貨 給 華為 海思 半導體 投下 變數 外資 估算 華為 占 台積電 營 收 比重 約 15 瑞 信 證券 臺灣區 研究 部 主管 艾蘭 迪 randy abrams 指出 台積電 是 華為 智慧 機 應用 處理器 與 基地 台 特殊 應用 晶 片 asic 最 重要 晶圓 代 工 合作 對象 考量 到 華為 占 大陸 智慧 機 市場 四 成 以上 分 額 在 全球 網路 建設 市 占 逾 三 成 又 是 全球 建構 5 g 通訊 的 關鍵 角色 一旦 華為 5 g 發展 步調 受到 壓抑 整個 晶圓 代 工 產業 都 會 受到 衝擊 他 指出 若 由 全球 2020 年 可望 出 貨 25億 支 5 g 智慧 型 手機 大陸 就 占 121億 支 且 將 替 台積電 增加 10 15億 美元 內含 價值 的 預期 來看 若 台 積 電 無法 再 出 貨 給 華為 將 同步 受到 直接 與 間接性 衝擊 儘管 台積電 尚 握有 蘋果 高效能 運算 hpc 商機 amd 訂單 與 物聯網 iot 等 成長 引擎 然 假設 華為 禁令 規則 更 嚴苛 使得 5 g 發展 降速 瑞信 認為 台積電 2020 年 的 營運 成長 可能 變 得 較 緩和 不容易 達成 年 增 二 成 的 高度 期望值 外資 18 日 賣 超 台積電 逾 4萬 張 占 當日 成交量 比重 6308 賣 超 總 金額 達 1322億 元 創下 史 上 外資 單日 提款 第 四大 紀錄 股價 重 挫 95 元 跌 287 收 322 元 外資 摩根 大通 大 摩 臺灣 匯 立 及 瑞銀 賣 超逾 5000 張 麥格裡 及 美林 賣 超逾 4000 張 幾乎 所有 外資 均 站 在 賣方 反倒 是 本土 券商 帶頭 沖 包括 富 邦 元大 永豐 金 三大 證券 總公司 買超 逾 千張 呈現 土洋 對 作 的 現象</t>
  </si>
  <si>
    <t>日 月光 投 控 3711 法 說 會 對 2020 年 第二 季 營運 釋出 樂觀 展望 但 坦言 下半年 不 確定性 仍 高 訂單 能見度 偏 低 對 市況 及 營運 展望 暫不 評論 外資 出具 最新 報告 雖 因應 下半年 能見度 偏 低 將 目標價 區間 自 67 90 元 略微 縮減 至 67 88 元 但 仍 看好 長期 營運 成長 前景 台股 今 30 日 連 4 天 強 彈 盤 中大 漲逾 200 點 日 月光 投 控股 價 同步 跟進 走 高 開高 後 放 量 穩 揚逾 2 最高 上漲 291 至 672 元 三大 法人 近期 仍 偏 空 操作 本 周 迄今 合計 仍 賣 超 876 張 但 昨 29 日 轉為 買超 613 張 且 調節力 道 較 上周 賣 超 達 7727 張 明顯 收斂 亞 系 外資 認為 日 月光 首季 營運 出色 第二 季 展望 樂觀 主要 受惠 與 矽 品 策略 結盟 拓展 市 占率 以及 5 g 和 人工智慧 高速 運算 ai hpc 2 項 長期 需求 推動 的 多元化 業務 不過 由於 新冠肺炎 疫情 影響 預期 下半年 營運 仍 難 逃 供應 鏈 庫存 修正 全年 營運 展望 有 下 修 風險 不過 亞 系 外資 認為 儘管 疫情 對 下半年 營運 影響 可能 削弱 上半年 成長 動能 但 認為 疫情 僅 為 季節性 影響 在 5 g 及 ai hpc 兩 大 成長 動力 不 變 與 矽 品 整 並 綜 效 增添 獲利 成長 空間 仍 看好 日 月光 投 控 長期 營運 給予 買進 評等 目標價 88 元 美 系 外資 亦 認為 儘管 上半年 庫存 回補 需求 強勁 市場 不 確定性 高 削弱 日 月光 投 控 下半年 營 收 展望 能見度 可能 出現 季節性 調整 但 仍 預期 日 月光 投 控 今年 營 收 將 成長 8 營益 率 將 提升 17 個 百分點 至 74 美 系 外資 看好 日 月光 投 控 長期 營運 前景 認為 完整 的 全球 產 線 佈局 在 高階 先進 封裝 及 添 線 封裝 系統 級 封裝 aip sip 的 領先地位 將 持續 推動 營運 成長 與 矽 品 整 並 亦 將 強化 競爭 優勢 將 今 明 2 年 每股 盈 餘 均 調升 1 維持 買進 評等 目標價80 元 另 一家 美 系 外資 認為 日 月光 投 控 將 透過 強化 與 矽 品 整 並 綜 效 降低 負債 等 因應 2020 年 下半年 可能 出現 的 庫存 調整 將 今年 每股 盈 餘 預期 下 修 6 但 看好 整合 綜 效 及 未來 5 g aip 成長 強勁 維持 明年 每股 盈 餘 預期 不 變 維持 增加 持 股評 等 目標價 自 70 元 升至 72 元 另 一家 亞 系 外資 基於 消費 及 行動 裝置 需求 下滑 使 下半年 營運 產生 不 確定性 調 降 日 月光 投 控 今年 每股 盈 餘 預期 5 但 持續 看好 sip 等 新 領域 長期 需求 未 調整 明 後年 每股 盈 餘 預期 維持 優於 大盤 評等 基於 下半年 高 不 確定性 將 目標價 自 85 元 調 降 至 75 元 日 系 外資 對 短期 看法 相對 保守 認為 面對 下半年 訂單 需求 下 修 風險 封 測 代工 osat 業者 將 承受 更 大 壓力 基於 庫存 調整 及 電子 代工 ems 營 收 疲弱 風險 將 日 月光 投 控 評等 自 買進 砍 至 中立 目標價 自90 元降至 70 元 不過 日 系 外資 也 指出 此次 調 降 評等 及 目標價 主要 基於 週期性 考量 仍 看好 日 月光 投 控 長期 的 產業 競爭力 及 與 矽 品 的 整合 綜 效 同時 認為 日 月光 投 控 現金 流 無 虞 但 首要 應 調配 資金 降低 負債 以 避免 影響 股息 配發 能力</t>
  </si>
  <si>
    <t>新冠肺炎 疫情 蔓延 之 際 歐美 股市 卻 未 受 影響 頻 創 高點 台股 繼續 軋空 並 守 穩 月 線 季線 市場 專家 表示 疫情 未 止 穩 前 股市 表現 強者 愈強 可 注意 元月 營 收 表現 佳 且 兼具 技術 面 與 籌碼 面 優勢 的 個股 計有 技嘉 敦 泰 寶雅</t>
  </si>
  <si>
    <t>新冠肺炎 疫情 延 燒 民眾 對 加工 食品 需求 上升 搶購 民生 物資 風潮 出現 宅 經濟 題材 熱 燒 食品 族群 今日 由 統一 1216 大 漲 8 領 軍 衝鋒 搭上 台股 大 漲 列車 佳 格 1227 緊跟 在後 漲幅 高 達 78 多頭 士氣 如 虹 興泰 1235 中華</t>
  </si>
  <si>
    <t>新冠肺炎 疫情 延 燒 民眾 對 加工 食品 需求 上升 搶購 民生 物資 風潮 出現 宅 經濟 題材 熱 燒 食品 族群 今日 由 統一 1216 大 漲 8 領 軍 衝鋒 搭上 台股 大 漲 列車 佳 格 1227 緊跟 在後 漲幅 高 達 78 多頭 士氣 如 虹 興泰 1235 中華 食 4205 鮮活 -ky 1256 等 紛紛 上漲 帶動 上市 食品 指數 漲幅 高 達 64 表現 十分 強悍 受到 疫情 影響 各行各業 的 營運 都 受到 波及 不過 全台 病例 不斷 增加 下 民眾 風險意識 提高 出現 搶購 人潮 囤 物資 也 順勢 拉動 民生 物資 銷售 業績 對 食品業者 來說 算是 一個 好 消息 但 民眾 大幅 減少 餐廳 外 食 也 會 連帶 影響 油脂 雞 豬 等 的 市場需求 究竟 業績 會 如何 表現 還 需要 觀察 統一 今日 以 657 元 開出 股價 越 走 越 高 盤中 一度 沖 至 68 元 大 漲 8 以上 擔任 食品 領頭羊 的 角色 統一 大陸 工廠 正常 營運 近期 兩岸 民眾 皆 擔心 疫情 延 燒 泡 面 等 民生物資 增加 買進 數量 今年 統一 中 控 業績 受到 看好 另外 由於 外 食 人數 減少 統一 的 子公司 統一 超 鮮 食 銷售 增加 有利 對 母公司 統一 的 獲利 挹注</t>
  </si>
  <si>
    <t>半導體 測試 介面 廠精 測 6510 受惠 5 g 商用化 前 的 供應 鏈 備料 需求 顯現 2020 年 首季 營 收 表現 持 穩 高檔 表現 符合 預期 第二 季 營運 續 看 升 今 6 日 不畏 大盤 劇烈 震盪 股價 開高 後 走 揚 最高 上漲 434 至 746 元 早 盤 維持 逾 35 漲幅 表現 較 大盤 穩健 精 測 股價 受 台股 股災 影響 3 月 23 日 下 探 584 元 的 5 個 月 低點 1 個 月 來 波段 跌幅 達 4218 隨後 股價 打 底 回升 近日 站 回持穩 700 元 之上 三大 法人 近期 買賣 超 調節 互 見 近 2 周 合計 小幅 賣 超 80 張 精 測 公佈 2020 年 3 月 自 結合 並 營 收 338億 元 月 增 達 1791 年 增 達 6805 累計 首季 合併 營 收 9億 元 雖 季 減 1064 仍 年 增 4848 同步 改寫 同期 新高 表現 符合 公司 及 市場 預期 精 測 表示 5 g 即將 步入 商用化 隨 著 5 g 通訊 獲得 實質 落地 應用 成功 帶動 精 測 近期 營運 業績 表現 包括 應用 於 5 g 基地 台 的 射 頻 rf 晶 片 智慧 型 手機 的 核心 應用 處理器 ap 均 是 推動 3 月 垂直 探針 卡 vpc 銷售 業績 成長 的 主力 產品 展望 後市 投 顧 法人 指出 受惠 客戶 5 奈 米 量 產出 貨 原先 預期 精 測 營 收成 長 動能 將 自 第二 季起 加速 但 隨 著 新冠肺炎 疫情 延 燒 全球 對 營運 成長 動能 增 溫 造成 變數 客戶 是否 遞 延 下單 將 成為 觀察 焦點 投 顧 法人 認為 即使 在 客戶 未 大量 拉 貨 4 6 月 營 收 表現 僅 與 3 月 相當 的 最差 狀況 下 精 測 第二 季營 收 預估 仍 可望 季增達 雙 位數 百分比 但 若 季 增 率 未 達 2 成 則 目標價 將 有 下 修 風險 故 維持 買進 評等 不 變 但 將 目標價 自 1200 元 下 修至 1000 元</t>
  </si>
  <si>
    <t>國際 股市 恐慌 賣壓 未 歇 拖累 台股 連 五 日 回檔 波段 下跌 1562 點 法人 指出 隨 著 疫情 持續 升溫 目前 已 有 多國 實施 關閉 實體 店面 市場 擔憂 歐美 感染 人數 爆發 對 終端 消費 影響 將 逐步 顯現 操作 上 建議 聚焦 有 業績 支撐 營運</t>
  </si>
  <si>
    <t>行政院 秘書長 李孟 諺 今 7 日 公佈 行政院長 蘇貞昌 的 新年 賀卡 和 福 袋 李孟 諺 表示 今年 以 牛年 的 諧音 希望 新 的 一 年 可以 牛 轉幹 坤 牛來 好運 卡片 上 還 有 一個 轉輪 寫 著 政 院 過去 一 年 六大 施政 成果 李 孟 諺 指出 過去 這 一 年 面對 疫情 挑戰 可說是 危機 也 是 轉機 今年 蘇貞昌 的 新年 賀卡 以 牛 年 的 諧音 扭轉 為 意象 希望 新 的 一 年 可以 牛 轉幹 坤 牛來 好運 李 孟 諺 指出 賀卡 上有 一個 轉輪 放上 執政 團隊 去年 的 施政 成果 跟 民眾 報告 賀年 轉輪 上 六大 政績 分別 為 經濟 冠東亞 民主 耀 國際 拼 台股 新高 阻 新冠肺炎 守 非洲 豬瘟 攬 台商 破 兆 李 孟 諺 說 福 袋 將 印製 3萬 份 在 農曆 春節 期間 發給 民眾 但 由於 疫情 關係 目前 規劃 不以 排隊 形式 發放</t>
  </si>
  <si>
    <t>台股 啟動 大 跌 後 反彈 儘管 新冠肺炎 本土 疫情 仍 在 延續 中 研究 機構 仍 專注 在 超 跌 電子 股 基本 面上 看好 元太 8069 擴產 幅度 再 增加 受惠 節能 趨勢 推 升 需求 以及 全新 2455 身為 網通 趨勢 與 大陸 去 美化 主要 受惠 者 分別 給</t>
  </si>
  <si>
    <t>台股 啟動 大 跌 後 反彈 儘管 新冠肺炎 本土 疫情 仍 在 延續 中 研究 機構 仍 專注 在 超 跌 電子 股 基本 面上 看好 元太 8069 擴產 幅度 再 增加 受惠 節能 趨勢 推 升 需求 以及 全新 2455 身為 網通 趨勢 與 大陸 去 美化 主要 受惠 者 分別 給予 買進 投資 評等 大型 投 顧 研究 機構 指出 元太 第一 季 毛利率 創 八 年 來 單季 新高 其 電子標籤 與 閱讀器 均 具 潛力 使 擴產 幅度 再 增加 並 應 大陸 節能 政策 積極 拓展 當地 市場 加上 現金 殖 利率 達 48 看好 投資 價值 法人 指出 元太 董事會 先前 已 通過 未來 在 新竹 架設 新 產 線 惟 經營 管理 階層 再度 表示 2021 年 資本 支出 可能 由 15億 元 增加 至 20億 元 較 20192020 年 的 5576億 元 大幅 提升 亦 為 五 年 新 高 元 太 經營 管理 階層 表示 彩色 電子 紙 目前 以 kaleido plus spectra 3100 gallery 三 種 為主 多 應用 於 教科書 電子 貨架 標籤 與 廣告 看 板 因 反應速度 更 精進 處於 供不應求 狀態 元太 於 4 月 在 上海 籌組 電子 紙 產業 聯盟 epia 目前 超過 60 家 會員 包含 聯想 騰訊 聯 詠 等 看好 大陸 節能 環保 政策 與 趨勢 積極 發展 相關 應用 另 一 投 顧 法人 針對 全新 指出 全新 持續 受惠 產業 趨勢 正向 與 大陸 去 美化 政策 展望 正向 首先 法人 投 研 部 預期 2021 年 智慧 機 銷量 將 會 回 溫至 135億 支 年 增 102 5 g 智慧 機 滲透 率 由 2020 年 的 17 成長至 2021 年 的 39 5 g 智慧 機 pa 所 耗用 面積 將 比 4 g 智慧 機 增加 20 60 預期 全新 營 收 隨 5 g 滲透 率 提升 而 持續 成長 其次 法人 預估 wifi 6 的 滲透 率 將 由 2020 年 的 20 上升 至 2021 年 的 50 wifi 6 以前 的 pa 多數 並非 使用 gaas 為 材料 加上 wifi 6 e 的 晶 片 尺寸 比 wifi 6 再 大 上 一 倍因此 在 wifi 通訊 技術 的 革新 與 滲透 率 持續 提升 也 會 推 升 對 上游 磊晶 的 需求</t>
  </si>
  <si>
    <t>野村 投 信 2020 第二 季 投資 展望 美 陸台股 投資 債 逢 低 布</t>
  </si>
  <si>
    <t>美 股 兩 天 狂 崩 1900 點 台股 嚇 跌 逾 百 點</t>
  </si>
  <si>
    <t>華爾街 的 賣壓 持續 未 完 道 瓊 指數 兩 天 跌 逾 1900 點 台股 26 日 開在 114686 點 隨後 跌幅 擴大 逾 百 點 力守 11400 點 關卡 蘋概 三王 皆 臉 綠 美國 cdc 警告 美國 民眾 為 新 冠狀病毒 肺炎 在 美國 蔓延 做好 準備 引發 美 股 賣壓 湧現</t>
  </si>
  <si>
    <t>華爾街 的 賣壓 持續 未 完 道 瓊 指數 兩 天 跌 逾 1900 點 台股 26 日 開在 114686 點 隨後 跌幅 擴大 逾 百 點 力守 11400 點 關卡 蘋概 三王 皆 臉 綠 美國 cdc 警告 美國 民眾 為 新 冠狀病毒 肺炎 在 美國 蔓延 做好 準備 引發 美 股 賣壓 湧現 恐慌 殺 盤 一路 跌 到 收盤 四大 指數 皆 下挫 國 票 投 顧 指出 大陸 境外 新冠肺炎 確診 人數 上升 市場 恐慌 氛圍 加重 導致 美 股 連 二 日 下跌 台股 24 日 留下 的 空 方 缺口 再 加上 目前 短 均 下 彎 上方 橫亙 賣壓 恐 將 壓抑 指數 短期 表現 空間 從 資金面 來看 新 台幣 止 貶 顯示 資金外流 壓力 減輕 再 加上 央行 公佈 1 月份 金融 情況 貨幣 總 計數 m 1 b 與 m 2 年增率 分別 上升 至 761 與 46 已 連續 24 個 黃金交叉 意味 目前 市場 資金 偏向 寬鬆 可為 台股 提供 一定 程度 支撐 整體而言 新冠肺炎 疫情 仍未 見 落幕 市場 因 憂心 工廠 未來 營 收 不如 預期 而 紛紛 轉 進 避險 資產 短期 影響 仍 不可避免 在 資金面 的 挹注 下 可望 為 台股 提供 支撐 因此 預估 台股 在 疫情 尚未 落幕 前 將 在 半年線 至 季 線間 區間 震盪 整理 操作 上 投資人 應 隨時 關注 疫情 走向 調節 手中 受 新冠肺炎 影響 較 深 個股 可 擇 具 剛性 需求 且 具 基本 面 題材 標的 及 因 疫情 而 受惠 相關 個股 以為 短 多 因應</t>
  </si>
  <si>
    <t>新冠肺炎 台股 美 股 道 瓊 武漢肺炎</t>
  </si>
  <si>
    <t>近 一個 多 月 來 新冠肺炎 covid-19 疫情 在 全球 擴散 造成 金融市場 動盪不安 除了 主要 股市 跌 聲 連連 外 債市 亦 明顯 波動 外匯市場 也 無法 置身事外 隨 著 疫情 與 主要 國家 財政 與 貨幣政策 的 動態 發展 市場 的 風險 偏好 狀態 亦 在 風險 追逐 risk on 及 風險 規避 risk off 間 快速 切換 主要 貨幣 相應 呈現 起伏 變化 以 美元 對 主要 貨幣 的 匯率 走勢 來說 當 疫情 尚以 中國 為 主要 流行 區域 時 美元 指數 自 1 月 20 日 的 97606 緩慢 升至 2 月 20 日 的 99865 其後 韓國 義 大利 和 伊朗 確診 病例 激增 疫情 開始 走向 全球化 越來越 多 與 中國 無 明顯 接觸 的 病例 增加 市場 緊張 情緒 大幅 升溫 各國 股市 普遍 重 挫 美元 指數 則 走低 至 3 月 9 日 的 94895 而 當日 國際 油價 遽 跌 近 30 加以 3 月 13 日 道 瓊 指數 崩 跌 近 3千 點 更 顯示 市場 對 疫情 可能 重創 全球 經濟 的 憂心 對 風險 的 態度 明顯 呈現 risk off 也 促使 美元 資金 需求 急速 增加 令 美元 指數 反向 升值 至 3 月 23 日 的 102487 升幅 達 8 即使 聯 准會 在 3 月 23 日 宣佈 被 市場 將 解讀 為 無限量 qe 的 措施 按 所 需要 規模 買入 美國 國債 和 機構 抵押 貸款 支持 證券 mbs 美元 指數 也 僅 是 略 見 回落 再次 證實 當前 美元 指數 主要 受 市場 風險 態度 牽動 助長 了 強勁 的 美元 需求 就 連 無限量 qe 也 難 攖 其 鋒 同一 期間 亞洲各國 貨幣 對 美元 大致 呈現 貶值 態勢 惟 新 台幣 對 美元匯率 相對 有 撐 顯示 新 台幣 較 亞洲 其他 國家 貨幣 相對 穩健 那麼 在 全球 疫情 未 見 緩解 促使 美 台及 其他 國家 央行 不斷 推出 降息 信貸 融通 等 寬鬆 貨幣政策 下 要 解析 新 台幣 後續 走勢 須從 4 個 面向 切入 首先 從 利差 因素 觀察 今年 3 月 聯 准會 兩 次 緊急 降息 將 聯邦 基金 利率 降 至 0 025 的 區間 後 理應 對 美元 造成 貶值 壓力 惟 從 過去 經驗 得知 聯 准會 降息 並不 必然 會 壓低 美元 指數 舉例來說 聯 准會 於 2019 年 3 度 降息 各次 降息 一 周後 與 降息 一個 月 後 的 美元 指數 變動率 升 貶 表現 不一 而 臺灣 央行 2015 年 至 2016 年 期間 三 度 降 息 的 情形 亦 然 再 從 美元 一年期 的 指標 利率 以 libor 美元 12 個 月 拆借 利率 為 參考 指標 與 美元 指數 的 走勢 加以 觀察 發現 2018 年初 兩者 走勢 亦步亦趨 但 2019 年 後 卻 呈現 反向 走勢 尤以 今年 3 月 9 日 以後 更為 顯著 因此 從 美 台 降息 後 的 歷史 經驗 及 美元 一年期 指標 利率 與 美元 指數 的 相關性 來看 利差 因素 並未 影響 近期 美元 或 新 台幣 匯率 走勢 再 從 經濟 基本 面 觀 之 臺灣 屬於 小型 開放 經濟體 全球 經濟 走勢 變化 對 臺灣 經濟 影響 甚 钜 從 2018 年 臺灣 出口 占 gdp 比達 6675 同年 出口 至 美 中 日韓 香港 及 歐洲 主要 國家 金額 占 全年 總 出口額 達 7127 即 可得 證 因此 當 這些 國家 經濟 因 疫情 受 創 將 連帶 傷害 我國 對 其 出口 同時 在 各國 政府 紛紛 祭出 關閉 國境 政策 後 自然 也 會 對 臺灣 觀光 等 產業 造成 打擊 由此可知 當 疫情 遲遲 不退 出口 導向 的 臺灣 經濟 勢 將 受到 衝擊 並 對 新 台幣 對 美元匯率 帶來 走 貶 壓力 第 三 是 資金面 由於 疫情 在 全球 各處 蔓延 供應 鏈 中斷 加以 需求 下降 使 金融市場 動盪不安 變現 壓力 增強 全球股市 相應 重 挫 臺灣 也 無法 倖免 臺灣 證券交易所 資料 顯示 自 2 月 20 日 至 3 月 25 日間 外資 共 賣 超 台股 新 台幣 4728億 元 今年 2 月 淨 匯 出 金額 達 3897億 美元 新 台幣 1167億 元 終止 自 去年 9 月 以來 連續 5 個 月 淨 匯入 的 現象 外資 持續 匯 出 資金 將 不利 新 台幣 對 美元匯率 所幸 臺灣 依舊 保持 經常 帳 順差 且 政府 預算 亦 有 盈餘 使 新 台幣 相 對抗 跌 加以 台股 殖 利率 高達 472 以 2 月 25 日 為准 與 美國 s&amp;p 500 殖 利率 僅 244 相較 仍 具 吸引力 亦 將 為 新 台幣 匯率 帶來 支撐 第 四 是 臺灣 央行 政策 態度 隨 著 全球 疫情 升溫 近年來 從不 輕 啟 降 息 的 央行 於 3 月 19 日 調 降 重貼現率 1 碼 至 1125 創下 史 上 新低 而 在 新 台幣 名目 有效 匯率 指數 甚 少 過度 偏離 36 個 月 移動 平均線 值 下 3 月 23 日 時新 台幣 收盤價 為 30405 已 相當 接近 名目 有效 匯率 指數 上 緣 數值 代表 新 台幣 對 一 籃子 貨幣 可能 有 過強 之 虞 央行 或有 調整 新 台幣 對 美元匯率 走 貶 的 考量 惟 美國 發佈 匯率 操縱 國 報告 在即 且 2019 年 臺灣 對 美 貿易順差 230億 美元 經常 帳 順差 占 gdp 比達 105 已 符合 美國 匯率 操縱 國 三大 要件 中的 兩 項 如何 避免 被 美方 列入 匯率 操縱 國 也 必然 是 央行 懸掛 於心 之事 要言之 新冠肺炎 疫情 乃是 當前 臺灣 及 全球 經濟 表現 以及 國際 股 債 匯市 走勢 的 主導 者 新 台幣 亦 難 逃脫 這樣 的 格局 從 經濟 基本 面 資金面 及 央行 政策 態度 三大 面向 的 綜合 考量 亦 可知 只要 疫情 不退 未來 新 台幣 對 美元匯率 將 呈現 走 貶 趨勢 值得 安慰 的 是 臺灣 經濟 體質 相對 尚佳 預料 新 台幣 貶值 幅度 應 不 至 太 大</t>
  </si>
  <si>
    <t>台股 多頭 明燈 台 積 電 2330 不但 守 穩 季線 也 即將 收復 30 日 跳 空 缺口 帶動 台股 11 日 大 漲 8997 點 漲幅 078 收在 11664 點 新冠肺炎 最 恐慌 的 衝擊 已經 過去 11 日 共有 219 檔 11 日 股價 已經 超越 20 日 收盤價 跨過 新冠肺炎 缺口</t>
  </si>
  <si>
    <t>新冠肺炎 疫情 引發 全球股市 上 沖 下 洗 國內 市 櫃 公司 紛紛 實施 庫藏 股 自救 金管會 證 期 局 副 局長 張振山 3 月 31 日 公佈 上市 櫃 公司 最新 實施 庫藏 股 情況 今年以來 至 3 月 30 日 庫藏 股 已 實施 的 達 1929億 元 預計 實施 的 還有 59254億 元 合計 達 61183億 元 張振山 表示 截至 3 月 30 日 止 庫藏 股 已 實施 的 17 件 金額 為 1929億 元 進行 中的 有 213 件 金額 為 59254億 元 據 證 期 局 統計 實施 庫藏 股 的 上市 櫃 公司 前 三大 產業 為 電子 零 元件 33 件 半導體 21 件 其他 電子 類 20 件 至於 金融業 則 有 八 件 美 股 在 3 月 12 日 跌 停 融 斷後 全球 股災 一觸即發 為 穩定 台股 金管會 射 出 第一 箭 鼓勵 上市 櫃 公司 參與 業績 發表會 法 說 會 及 實施 庫藏 股 距 上 一 次 金管會 實施 第一 階段 穩定 股市 措施 是 在 2018 年 10 月 主因 為 中 美 貿易戰 導致 台股 跌破 萬 點 此次 在 新冠肺炎 衝擊 下 上市 櫃 公司 也 相當 積極回應 自家 的 股票 自己 救 實施 庫藏 股 張振山 3 月 31 日 也 同步 公佈 受到 新冠肺炎 影響 大陸 多 處 封 城 也 影響 到 上市 櫃 查帳 目前 有 七 家 上市 櫃 公司 申請 延長 財 報 公告 時間 其中 光 麗 ky 太 設 勝 悅 如 興 東森 大略 ky 申請 展延 一個 月 已 核准 但 led 封裝廠 東 貝 光電 因 目前 沒有 會計師 出具 相關 展延 檔 未獲 核准 4 月 1 日 就 須 暫停 交易 張振山 表示 光 麗 ky 太 設 勝 悅 如 興 東森 大略 ky 等 六 家 公司 因為 受 大陸 封城 影響 會計師 出具 檔 表示 無法 替代 查核 這 六 家 公司 將 采 與 大陸 會計師 事務所 聯盟 所 的 方式 請 大陸 的 會計師 事務所 合作 幫忙 查核 其中 太 設 勝 悅 如 興 東森 大略 ky 等 五 家 公司 表示 4 月 30 日 可 完成 去年 財 報 而光 麗 ky 則 是 4 月 24 日 就 可完成</t>
  </si>
  <si>
    <t>美國 第二 季 疫情 持續 加劇 部 份 州 不 排除 二 度 封鎖 美 股 四大 指數 漲跌互見 日 韓 股市 同步 走跌 台股 今日 在 台積電 2330 股價 續 創新 高 激勵 下 開 漲 5775 點 只是 股王 大 立 光 3008 法 說 不 給力 釋出 保守 訊息 恐 旺季 不 旺 牽</t>
  </si>
  <si>
    <t>美國 第二 季 疫情 持續 加劇 部 份 州 不 排除 二 度 封鎖 美 股 四大 指數 漲跌互見 日 韓 股市 同步 走跌 台股 今日 在 台積電 2330 股價 續 創新 高 激勵 下 開 漲 5775 點 只是 股王 大 立 光 3008 法 說 不 給力 釋出 保守 訊息 恐 旺季 不 旺 牽動 手機 供應 鏈 指數 隨即 翻 黑 在 大 立 光 引爆 殺機 下 大盤 一度 失守 12100 重 挫 逾 160 點 最低 觸 120302 點 調節 賣壓 湧現 全日 成交量 不 排除 上 看 3000億 元 台股 今日 權值 股 由 台積電 一枝獨秀 股價 續 創新 高 激勵 台股 指數 成功 開高 盤中 也 維持 逾 1 的 漲幅 表現 台積電 今 市值 首度 逾 9 兆元 達 915 兆 元 同步 創新 高 股王 大 立 光 昨日 法 說 會 執行長 林恩平 可說是 給 原本 第 三 季 期待 市場 回溫 的 投資者 大 潑冷水 林恩平 表示 目前 客戶 需求 還是 弱 6 月 7 月 8 月 需求 動能 都 差不多 客戶 普遍 保守 大部分 都有 下 修 訂單 大 立 光 今天 開盤 跳 空 重 挫 盤 中下 殺 逾 400 元 一度 逼近 跌 停板 股價 最低 為 4005 元 力守 4000 元 大關 除 台積電 大 立 光 的 兩 樣 情 外 其 餘 權 值 股 鴻 海 2317 小跌 震盪 聯發 科 2454 延續 上個 交易日 的 修正 行情 盤中 下跌 約 3 面板 雙虎 群 創 3481 友達 2409 也 壓低 修正 跌幅 分別 逾 15 25 連日來 強勢 的 ic 設計 族群 中 瑞昱 2379 今 開高 後 翻 黑 壓低 震盪 惟 盤中 跌幅 收斂 聯 詠 3034 則 是 盤中 逆勢 走 揚 漲幅 逾 1 八大 類 股 幾乎 全盤 皆 墨 生 醫 股 呈現 零星 點火 主要 除 受惠 於 疫情 外 生 技 新藥 產業 發展 條例 規劃 再 延長 10 年 至 2031 年 東洋 4105 鎖定 疫苗 外銷 衝刺 營運 一度 觸及 1 年高 點 盤中 上漲 約 25 合富 -ky 4745 6 月 營 收 創 新高 開盤 跳 空 鎖 漲 停 改寫 半 年高 價 分析 師 表示 雖然 歐美 疫情 反 覆 確診人數 增加 但 主因 是 大量 普 篩 篩檢 範圍 擴大 所 致 整體 醫療 體系 嚴陣以待 死亡率 大幅 下滑 疫情 對 市場 衝擊 已 明顯 鈍 化 就 台股 來說 外資 對 台股 連 兩 天 轉為 賣 超 投 信 表現 亦 轉 保守 要 留意 拉回 可能 6 月 營 收 數字 與 緊接 而來 的 第二 季財報 為 市場 關注 的 焦點 投資人 在 挑選 投資 標的 時 應 留意</t>
  </si>
  <si>
    <t>全球股市 如 大怒 神 般 驟 跌 台股 受到 新冠肺炎 疫情 影響 持續 震盪 整理 全球 央行 持續 端 出 降息 寬鬆 貨幣政策 隨 歐美各國 疫情 擴散 封城 仍 抵擋不住 跌勢 導致 全球 今年 第 1 季 gdp 增長率 受到 疫情 影響 而 減緩 全年 gdp</t>
  </si>
  <si>
    <t>全球股市 如 大怒 神 般 驟 跌 台股 受到 新冠肺炎 疫情 影響 持續 震盪 整理 全球 央行 持續 端 出 降息 寬鬆 貨幣政策 隨 歐美各國 疫情 擴散 封城 仍 抵擋不住 跌勢 導致 全球 今年 第 1 季 gdp 增長率 受到 疫情 影響 而 減緩 全年 gdp 增長率 將 全面 下 修 現在 要 期待 的 是 疫情 能 像 2003 年 的 sars 經驗 在 夏季 好轉 整體 市場 將 恢復 至 常軌 中國 大陸 2 月份 pmi 表現 不 佳 主要 是 受到 新冠肺炎 疫情 停工 影響 這樣 的 結果 實屬 合理 不 需 過度 擔憂 目前 大陸 治癒 人數 逐日 增加 疫情 已 漸漸 受到 控制 復工 情況 也 好轉 估計 最 快 3 月份 pmi 數字 將 恢復正常 後續 觀察 指標 為 國外 疫情 擴散 是否 影響 消費者 信心 進而 影響 手機 電視 平板 及 筆 電 的 需求 在 需求 方面 受到 疫情 擴散 影響 許多 經濟學家 紛紛 下調 經濟 成長率 的 預測 對於 某些 產業 而言 需求 的 下降 並 不 會 在 疫情 好轉 後 恢復 如餐飲業 觀光 旅遊業 以及 航空 業 等等 但 另一方面 有些 產業 的 需求 並 沒有 消失 像是 科技產業 及 相關 產品 預估 應收 以及 獲利 將 在 第 2 季 或是 下半年 反彈 從 政策 面 來看 陸美 雙方 皆 採取 積極 措施 包含 降息 以及 對 市場 注入 流動性 估計 其他 國家 央行 也 會 效仿 而 臺灣政府 將 首先 支持 國內 的 餐飲業 以及 旅遊業 從 過去 經驗 來看 將 會 有效 刺激 消費 投資 建議 上 近期 股市 過於 震盪 建議 選擇 殖 利率 較佳 以及 今年 成長性 高 的 類 股 短 期間 內 避開 航空 觀光 等 受 疫情 負面影響 較 大 的 產業 受到 停工 影響 供應 鏈 的 存貨 將 在 12 季 內 消化 完畢 下半年 將 會 恢復正常 產業 秩序 因此 建議 逢 低 佈局 長線 看好 類 股 包含 5 g 基礎 建設 data center 伺服器 半導體 相關 產業 對於 偏好 短線 的 投資人 看好 宅 經濟 相關 類 股 包含 遊戲 線 上 教育 辦公 以及 網路 購物 等 受到 宅 經濟 的 帶動 伺服器相關 產業 需求 將 較 不受 疫情 影響 持續 值得 關注</t>
  </si>
  <si>
    <t>你 知道 我 在 等 你 股價 回升 嗎 新光 金 控 18 日 舉行 法 說 會 揭露 子公司 新光人壽 2020 年底 淨值 項下 金融資產 未 實現 獲利 僅 16億 元 主因 就是 臺灣 大 未 填息 造成 新 壽 股票投資 出現 大量 未 實現 評價 虧損 至於 未來 要 不 要 處 份 台哥 大 減 損 新 壽 方面 回應 看 他 要 我等 多久 同時 為了 增加 租金 收益率 新 壽 2021 年 將 清出 新光 站前 摩天大樓 的 單位 移 往 新 購入 的 開發 金 總部 大樓 將 摩天大樓 部分 樓層 出租 增加 租金 收入 新 壽 先前 因 積極 加碼 高 股息 殖 利率 股票 其中 電信 類 股 投資 金額 高 達 新 台幣 1千 多 億 元 中華電信 占 約 50 其次 是 臺灣 大 新光 金 財務 長 徐順鋆 表示 新 壽 之前 加碼 股價 低 波動 度 個股 所以 有 很 多 是 電信 股 在 去年 未 能 完成 填息 才 出現 台股 大 但 新 壽 股票 部位 卻是 虧損 的 情況 由於 這些 股票 新 壽 都 在在 fvoci 其他 損 益經 公允 價值 項下 即 股價 波動 影響 新 壽 淨值 即便 處 份 也 不 會 過 損 益表 只是 淨值 的 增減 所以 新 壽 還 在 等待 臺灣 大 股價 回升 為了 降低 匯兌 成本 又 能 提升 投 報 率 新 壽 今 年會 將 外幣 保單 占 比拉高 到 70 新 台幣 新 契約 保費 壓 在 100億 元 左右 即 不 用 大量 增加 國外 投資 的 避險 成本 錢 會用 在 加碼 國內 新 壽將 無 上限 加碼 國內 商用 不動產 增加 收益率 加上 去年 有 新冠肺炎 紓困 的 免 租 或 減租 措施 今年 陸續 會 到期 新 壽 預估 租金 收入 可 從 去年 的 422億 元 拉高 到 50億 元</t>
  </si>
  <si>
    <t>受到 美 股 走 全面 收 黑影 響 台股 今 早 盤 震盪 走跌 一度 摔 下 13200 點 盤中 則 在 權值 股 台 積 電 等 拉 抬下 指數 翻紅 接近 午 盤後 一路 走 高 呈現 量 縮回 穩 終場 收在 今日 最高 指數 收 漲 5155 點 報 在 1327333 點 成交量 為 1796 7</t>
  </si>
  <si>
    <t>受到 美 股 走 全面 收 黑影 響 台股 今 早 盤 震盪 走跌 一度 摔 下 13200 點 盤中 則 在 權值 股 台 積 電 等 拉 抬下 指數 翻紅 接近 午 盤後 一路 走 高 呈現 量 縮回 穩 終場 收在 今日 最高 指數 收 漲 5155 點 報 在 1327333 點 成交量 為 179671億 元 台股 周 線 連 二 紅 本 周 上漲 299 點 權 值 股 今 漸入佳境 台積電 2330 為 留住 人才 傳出 明年 將 大幅 調 薪 終場 收在 今日 最高 漲幅 逾 082 報 在 462 元 股王 大 立 光 3008 早 盤後 股價 翻紅 一路 持 穩 走 揚 終場 收 漲 09 報 在 3360 元 鴻 海 2317 法 說 對 第 四季 營運 釋出 樂觀 看法 並 預期 明年 營 收 將 恢復 成長 惟 今日 市場 並 不 買 單 收 跌 061 除 蘋概 三 雄 的 漲 多 跌 少 外 今 其 餘 權 值 股 方面 聯發 科 2454 尾 盤 翻紅 小漲 03 華碩 2357 持續 反應 第 三 季財報 大 驚奇 續揚 收 漲 08 傳 產 股 中 今 航運 彙聚 資金 潮 長 榮 2603 大 漲 3 成交 值 僅 次 台股權 王 台積電 陽明 2603 也 收 漲逾 1 另外 造紙 股 今 也 相當 強勢 士 紙 1903 儘管 累計 前 三 季 虧損 但 受惠 資產 題材 股價 上揚 1 永豐 餘 1907 則 是 第 三 季 營運 業內外 皆 美 稅 後 淨利 跳 增至 2215億 元 每股 盈 餘 133 元 帶動 前 三 季 稅 後 淨利 倍 增至 4117億 元 每股 盈 餘 248 元 雙創 歷史 新高 股價 強 漲 8 分析 師 表示 目前 儘管 全球 新冠 疫情 持續 蔓延 但 由於 疫苗 研發 有成 全球 金融市場 不受 影響 考量 現階段 全球 的 資金 寬鬆 加上 新冠 疫情 有望 逐漸 緩解 以及 未來 景氣 看 升 外資 連續 買超 台股 搭配 第 四季 進入 產業 旺季 以及 法人 作 帳 行情 建議 持續 偏 多 操作 技術 面上 目前 技術 面 短 中期 均線 呈現 多頭 排列 kd 及 macd 指標 維持 多頭 走勢 多方 格局 不 變</t>
  </si>
  <si>
    <t>小 編 今天 26 日 精選 5 件 不可不 知 的 國內外 財經 大事 台股 主流 股 風水 輪 流轉 當 沖 標的 也 大風 吹 萬海 及 長 榮 當 沖 比 退燒 至 6929 及 618 水位 此外 愛 普 敦 泰 晶 心 科 及 世芯 -ky 當 沖 比 則 攀升 至 6172 7286 1</t>
  </si>
  <si>
    <t>小 編 今天 26 日 精選 5 件 不可不 知 的 國內外 財經 大事 台股 主流 股 風水 輪 流轉 當 沖 標的 也 大風 吹 萬海 及 長 榮 當 沖 比 退燒 至 6929 及 618 水位 此外 愛 普 敦 泰 晶 心 科 及 世芯 -ky 當 沖 比 則 攀升 至 6172 7286 1 搶 航海王 風采 四 檔 半導體 進 當 沖 十 強 台股 主流 股 風水 輪 流轉 25 日 電子 股 取得 發話 權 但 電子 股 股價 偏 高 影響 市場 沖 沖 沖 的 意願 上市 當 沖 比 下滑 至 4674 創 近 四 日 來 新低 但 仍 有 59 檔 個股 當 沖 比 破 五 成 法人 表示 當 沖 名單 中 航海王 不再 獨領風騷 愛 普 敦 泰 及 晶 心 及 世芯共 四 檔 半導體 股 也 擠 進 熱門 當 沖 前十強 名單 2 電子 股 絕地大 反攻 小心 明 msci 甩 尾 全球通 膨 疑慮 降低 美國 公債 殖 利率 下滑 推 升 美 股 科技類 股 大 漲 台股 受 此 激勵 25 日 電子 股 展開 絕地大 反攻 成交 值 比重 回升 至 4902 也 帶動 加權指數 大 漲 25738 點 以 1659567 點 作 收 收復 季線 市場 分析 師 認為 台股 萬七 點 反 壓 不易 突破 將 步入 漲 股 不漲 市 的 走勢 投資人 應居高 思 危 並 留意 27 日 msci 明 晟 半年度 調整 的 賣壓 3 疫情 熱區 銀行 能 暫停營業 銀行局 給 答案 新冠肺炎 疫情 延 燒 銀行業 為 保持 服務 不 中斷 每天 仍 照常 開門 然而 全國 分行 人員 確診 個案 已 激增 到 23 人 全金 聯發 函 金管會 希望 能 授權 金融業 可 暫時 關閉 部分 據點 金管會 銀行局 局長 莊 鏽 媛 25 日 表示 因應 疫情 銀行業 得 授權 以 較 彈性 的 方式 提供 金融 商品 及 服務 但 據 法規 目前 只有 永久 裁撤 分行 的 相關 規定 沒有 暫停營業 的 先例 但 銀行 可 申請 調整 營業時間 4 美 反傾銷稅 終 判 臺灣 輪胎 業 無奈 苦 吞 美國商務部 24 日 宣佈 對 臺灣 南韓 越南 及 泰國 等 四 地 輸 美 轎 車胎 含 輕 卡 車胎 課 征 反傾銷稅 及 反 補貼 稅 終 判 結果 出爐 臺灣 輪胎 業者 中 正新 終 判 反 傾銷 稅率 2004 是 臺灣 輪胎廠 中 稅率 最低 的 業者 反觀 南港 輪胎 終 判 稅率 10184 高於 原初 判 稅率 9844 其 餘 臺灣 輪胎 業者 包括 建大 泰豐 及 華豐 等 多 家 輪胎廠 反 傾銷 稅率 均 為 8475 5 人民幣 離岸 價 升 破 64 關卡 創 近 3 年 新高 在 美元 指數 走弱 以及 中國人民銀行 近期 對 匯率 明確 表態 後 離岸 人民幣 匯價 25 日 順勢 飆 漲 一舉 升 破 64 元 整數 大關 來到 63950 元 附近 創下 近 三 年 新 高 在岸 價 盤中 亦 多次 蠢蠢欲動 叩 關 64 元 價位</t>
  </si>
  <si>
    <t>疫情 升溫 台股 早 盤 賣壓 沈重</t>
  </si>
  <si>
    <t>疫情 升溫 台股 加權指數 17 日 開在 1555499 點 指數 回 測 前 波 低點 15165 點 護 國 神 山台積 電 2330 開在 544 元 其他 權值 電子 股 如 聯發 科 2454 鴻 海 2317 等 守 住 上周 低 占 指數 一度 大 跌 500 點 部分 遊戲 股 電 商 股</t>
  </si>
  <si>
    <t>疫情 升溫 台股 加權指數 17 日 開在 1555499 點 指數 回 測 前 波 低點 15165 點 護 國 神 山台積 電 2330 開在 544 元 其他 權值 電子 股 如 聯發 科 2454 鴻 海 2317 等 守 住 上周 低 占 指數 一度 大 跌 500 點 部分 遊戲 股 電 商 股 及 防疫 概念 股 逆勢 上揚 為 盤面 上 少數 亮點 美 股 甩 脫 4 月 零售 銷售 資料 不如 預期 的 陰霾 由 逢 低買 盤 帶動 科技 股 領 軍 強 彈 但 漲幅 仍 不足以 收復 過去 一 周 因為 通 膨 壓力 跳高 而 引發 的 失土 道 瓊 工業 平均 指數 5 月 14 日 終場 上漲 106 36068 點 收 3438213 點 周 k 線 下跌 114 那 斯 達克 指數 上漲 232 30499 點 收 1342998 點 重新 站 回 120 日 移動 平均線 半年線 周 k 線 下跌 234 費城 半 導體 指數 勁揚 302 8748 點 收 298142 點 周 k 線 重 挫 42 法人 分析 在 台股 部分 受 新冠肺炎 疫情 擴大 影響 台股 大幅 震盪 靜 待 買點 浮現 元 富 投 顧 指出 從 最近 美國 聯 准會 fed 的 發言 推 估 貨幣政策 雖 持續 寬鬆 但 通 膨 隱憂 已 再起 不利 熱 錢 流向 台股 17650 季 線 和 頸 線 成 多空 重要 關卡 目前 跌破 中 原則 上 可 觀望 也 可 少量 跌 深 反彈 股 現階段 選 股 優先 選擇 下半年 展望 佳 跌 深 股 或 原 物料 創 高 拉回 股 操作 觀念 低 接 電子 跌 深 股 或 價差 應對 多頭 排列 的 原 物料 股 酌量 操作 包括 國巨 祥 碩 和 景碩 最 具 指標 另外 傳 產 和 金融 股 部分 包括 陽明 長 榮 中鋼 中 鴻 南紡 等 盤 中波 動 大 適合 價差 應對 目前 虛擬 貨幣 市場 走弱 包括 比 特 幣 大 震盪 還有 乙太 幣 和 狗狗 幣 拉回 視為 投機 資金 風向 球 目前 不利 多方 近期 全球股市 隨 美 股 起舞 國際 股市 紛紛 出現 高檔 拉回 包括 美 股 和 歐 股 都 一樣 未來 台股 高檔 上下 蕩 機會大 台積 電量 能 變化 將 是 本 波 觀察 重點 比 特 幣 和 美元 中期 走勢 將 是 多空 最 大 變數</t>
  </si>
  <si>
    <t>台股 今 在 美 股 上週五 收紅 激勵 加上 護 國 神 山台積 電 2330 力 撐 穩 盤 指數 早 盤雖 一度 翻 黑 但 隨即 拉高 甚至 站上 12700 點 關卡 收復 5 日 線 並 持續 朝向 月 線 靠攏 指數 最 高 上漲 逾 90 點 惟 尾 盤 漲幅 收斂 終場 收 漲 3929 點</t>
  </si>
  <si>
    <t>台股 今 在 美 股 上週五 收紅 激勵 加上 護 國 神 山台積 電 2330 力 撐 穩 盤 指數 早 盤雖 一度 翻 黑 但 隨即 拉高 甚至 站上 12700 點 關卡 收復 5 日 線 並 持續 朝向 月 線 靠攏 指數 最 高 上漲 逾 90 點 惟 尾 盤 漲幅 收斂 終場 收 漲 3929 點 報 在 1264723 點 成交量 為 203874億 元 短線 須 留意 台股 是否 可以 站 回月線 若無 法 站 回月線 大盤 恐 轉入 月 線 至 季線 的 區間 震盪 權 值 股 今 以 護 國 神 山台積 電 最 受 關注 美 系 外資 上調 目標價 上 看 5 字頭 今 開高 震盪 終場 收 漲 082 站 回月線 股王 大 立 光 3008 早 盤後 股價 翻紅 午 盤 漲幅 拉大 終場 收 漲 169 收在 3605 元 鴻 海 2317 則 整場 多 弱勢 震盪 於 盤下 下跌 約 07 聯發 科 2454 持續 深陷 華為 風暴 中 開低 走低 終場 收 跌 逾 3 報 在 585 元 面板 雙虎 友達 2409 群 創 3481 早 盤沖高 後 盤中 漲幅 收斂 雙雙 收 漲 約 06 聯電 2303 則 因 最近 一 次 買 回 105萬 張 庫藏 股 將 轉讓 予 員工 預計 9 月 開放 主管 認購 庫藏 股 每股 認購價 約 16 元 今 股價 收 漲逾 35 電子 股 今 為 盤面 資金 主流 落後 補 漲 下半年 營運 具 題材 族群 搶 鏡 新冠肺炎 疫 帶動 nb chromebook 以及 平板 等 需求 暢 旺 mosfet 金 氧 半 場 效 電晶體 需求 暢 旺 動能 預計 將 一路 延伸 到 至少 年底 富 鼎 8261 攻 上漲 停 尼克森 3317 一度 大 漲 6 大中 6435 傑 力 5299 等 漲幅 也 都 在 3 4 之間 強勢 震盪 網通 股 智 邦 2345 突破 盤整 區間 帶 量 大 漲逾 7 智易 3596 收盤 也 大 漲逾 5 分析 師 表示 目前 市場 持續 關注 美中 貿易談判 進度 以及 紓困 方案 加上 美國 大選 相關 議題 等 都 是 投資人 關心 的 焦點 台股 中長線 在 上周 四 的 長黑 k 影響 下 月 線 微幅 下 彎 多方 架構 轉 弱 短線 上 指數 較 可能 在 長黑 k 的 上 半 部 區間 振盪整理 台股 將 持續 受 國際 市場 消息 波動 影響 投資人 在 挑選 投資 標的 時 應 留意 另外 以往 美 股 大選 前 一向 是 震盪 格局 今年 又 加入 美國 對 大陸 科技 業 的 制裁 國內 電子業 難免 受到 波及 因此 加權指數 若無 法 站 回月線 大盤 就 轉入 月 線 至 季線 的 區間 來回 建議 持續 避開 法人 減 碼 高檔 轉 弱 線型 偏 空 股 短打 聚焦 中大型 藍 籌 電子 與 業績 回 溫傳產 股 等</t>
  </si>
  <si>
    <t>疫情 再 起重 挫 台股 內需 零售 單車 抗跌</t>
  </si>
  <si>
    <t>大 立 光 釋出 智慧 型 手機 景氣 不 明 的 保守 展望 再 加上 美國 國民兵 因 鎮壓 民眾 多 人 確診 新冠肺炎 疫情 等 的 衝擊 台股 11 日 多殺多 啟動 終場 重 挫 18439 點 所幸 盤面 上 內需 的 零售 通路 自行車 遊戲 產業 等 個股 抗跌 躍 為 盤面 多</t>
  </si>
  <si>
    <t>瑞信 證券 指出 美食 -ky 2723 受惠 優化 成本 與 產品升級 的 結構性 利多 以及 重 啟 經濟 的 迴圈性 層面 利多 2022 2023 年 獲利 年 複合 成長率 將 是 極為 強勁 的 25 初次 納入 研究 範圍 給予 優於 大盤 投資 評等 推測 合理 股價 估 值 200 元 同時 內需 消費 族群 也 搶 搭 五 倍 券 行情 題材 熱度 高 瑞 信 證券 近期 對 台股 非 電 族群 關注 度 大 提升 台股 策略 分析 師許忠 維 日前 才 開啟 網 家 基本 面 研究 給予 優於 大盤 投資 評等 非科技 研究 團隊 最近 又 將 美食 -ky 納入 研究 範圍 此外 在 零售 產業 中 瑞信 定調 將 在後 新冠肺炎 疫情 時期 獲得 營運 反彈 契機 除 青睞 網 家 美食 -ky 外 亦 同步 看好 統一 超 與 寶雅 在 新冠肺炎 大 流行 之後 美食 -ky 營運 出現 結構性 轉變 加快 毛利 復蘇 節奏 並 採取 多 項 措施 來 提升 門市 店面 獲利 能力 包括 淘汰 非生產性 店面 改善 成本 結構 以及 推出 新店面 型態 儘管 美食 -ky 美國 店面 2020 年 下半年 的 同 店 銷售 表現 不 亮 眼 但 在 上述 努力 下 大陸 與 美國 事業 的 毛利率 均 恢復 得 比 預期 快 值得注意 的 是 因 新冠肺炎 疫情 在 美食 -ky 主要 市場 有 捲土重來 態勢 2021 年 的 同 店 銷售 復蘇 力 道 備受 考驗 市場 對 後市 仍 存有 擔憂 所幸 隨 成本 結構 優化 美食 -ky 積極 提高 產品 價值 與 拓展 數位 平臺 加上 其 具備 經濟 規模 優勢 使 美食 -ky 大陸 市場 的 同 店 銷售 在後 新冠肺炎 疫情 時期 加速 回 溫 瑞信 看好 接下來 迎來 週期性 復蘇 2022 年 獲利 表現 將 會 更 好 盛讚 美食 -ky 是 重 啟 經濟 的 主要 受惠 者 之一 考量 同 店 銷售 增長 更 快 瑞信 預期 美食 -ky 集團 的 營業 利益 率 將 從 2021 年 的 72 進步 為 2022 年 的 84 儘管 在 瑞信 的 估計 中 假定 美食 -ky 臺灣 事業 體 2022 年 的 營 收 只能 恢復 到 疫情 前 的 75 水準 然 僅 是 如此 偏 保守 預期 臺灣 市場 便 將 貢獻 2022 年 總 獲利 增長 的 28 再 加上 大陸 與 美國市場 獲利 能力 提高 料 將 推動 美食 -ky 於 2022 年 獲利 大 彈升</t>
  </si>
  <si>
    <t>臺北 股市 新冠 衝擊 台股 三 招 趨吉避凶</t>
  </si>
  <si>
    <t>臺灣 近期 新冠肺炎 確診 人數 爆 增 台股 受 衝擊 元大 投 信 指出 台股 近期走勢 仍 深受 新冠 疫情 變化 影響 短期 交投 宜 謹慎 惟 本次 台股 修正 非 基本 面 所 致 於 疫情 穩定 後 可望 收復 跌幅 非經濟 因素 造成 的 股市 影響 多 屬於 短期</t>
  </si>
  <si>
    <t>臺灣 近期 新冠肺炎 確診 人數 爆 增 台股 受 衝擊 元大 投 信 指出 台股 近期走勢 仍 深受 新冠 疫情 變化 影響 短期 交投 宜 謹慎 惟 本次 台股 修正 非 基本 面 所 致 於 疫情 穩定 後 可望 收復 跌幅 非經濟 因素 造成 的 股市 影響 多 屬於 短期 影響 而 優質 龍頭企業 往往 抗跌 領 漲 特質 明確 修復 能力 強 適合 作為 低 接 標的 建議 於台股 修正 之際 投資人 可視 自身 風險 屬性 投資 習慣 與 需求 區分 為 三 種 操作 策略 一 穩健 型 的 投資人 適合 精選 龍頭 優質 產業 的 台股 基金 以 定期 定額 方式 分批 長線 佈局 且 若為 台股 主動型 基金 可 倚靠 經理 人 專業 與 經驗 並 視 疫情 影響 及 合理 股價 點位 浮現 與否 擇 時 佈 局 二 積極 型 看 多 投資人 可視 自身 風險 屬性 與 商品 適合 度 依 個人 資金 水位 分配 透過 2 倍 杠杆 etf 佈局 反彈 三 積極 型 看 空 投資人 可視 自身 風險 屬性 與 商品 適合 度 認為 台股 短線 可能 持續 修正 或有 避險 需求 依 個人 資金 水位 分配 可 藉 由 反向 操作臺 股 etf 或以 反向 etf 與 黃金 建立 避險 部位 元 大 投 信 研究 團隊 表示 相較 於 個股 買賣 台股 杠杆 或 反向 etf 交易成本 較 低 惟 提醒 台股 受 新冠 疫情 等 不 確定 因素 影響 後勢 仍 可能 出現 大幅 震盪 且 杠杆 或 反向 etf 適合 短線 操作 投資人 須多 加 留意 進場 時間 點 謹慎 評估 及 評量 自身 風險 屬性 與 商品 適合 度 並 嚴設 停 利 停 損 點</t>
  </si>
  <si>
    <t>盤中 解析 台股 大 停 電 回 測 5 日 線 支撐</t>
  </si>
  <si>
    <t>美 股 尾 盤 變臉 四大 指數 紅 翻 黑 道 瓊 收 跌 405 點 台股 今 在 台積電 2330 開高 帶動 下 指數 開 漲 571 點 報 在 1269746 點 隨即 翻 黑 陷入 震盪 回 測 5 日 線 支撐 電子 股 僅剩 零星 題材 股 點火 傳 產 股 今 出頭 撐 盤 電子 股 成交 比重</t>
  </si>
  <si>
    <t>美 股 尾 盤 變臉 四大 指數 紅 翻 黑 道 瓊 收 跌 405 點 台股 今 在 台積電 2330 開高 帶動 下 指數 開 漲 571 點 報 在 1269746 點 隨即 翻 黑 陷入 震盪 回 測 5 日 線 支撐 電子 股 僅剩 零星 題材 股 點火 傳 產 股 今 出頭 撐 盤 電子 股 成交 比重 盤中 一度 罕見 跌破 6 成 大關 資金 流到 傳 產 目前 台股 短 天 期 均線 出現 糾結 上 檔 月 線 壓力 大 權 值 股 方面 華為 大 限 即將 在 下 周 9 月 15 日 生效 全力 拉 貨 潮 下 帶動 台積電 8 月 營 收 創 高 且 預估 營 收 將 季增約 9 再創新高 但 今 股價 卻是 利多 不漲 開 低於 盤 下 震盪 股王 大 立 光 3008 弱勢 震盪 于 平盤 附近 鴻 海 2317 早 盤也 是 於盤 下 小跌 除 蘋概 三大 指標 股 的 走弱 外 其 餘 權 值 股 同樣 8 月 營 收 創新 高 的 聯發 科 2454 在 華為 拉 貨 效應 下 8 月 營 收 沖 上 新高 但 股價 並未 反映 利多 下跌修正 約 1 疫情 帶動 得 需求 升溫 下 第 三 季 面板 價格 強勁 反彈 電視 面板 連續 兩 個 月 大 漲 10 單季 電視 面板 價格 漲幅 將近 30 it 面板 需求 每月 漲幅 也 約 2 3 面板 供需 吃緊 的 情形 可望 延續 到 明年 面板 雙虎 友達 2409 群 創 3481 逆勢 走 揚 盤中 漲幅 連袂 來到 近 1 彩晶 6116 也 小漲 抗跌 盤中 漲幅 逾 2 今日 資金 回 流傳 產 股 包括 塑化 鋼鐵 航運 等 類 股 塑化 族群 近期 受惠 大陸 經濟 活動 重 啟 帶動 多 項 塑膠 開工率 明顯 拉升 至 逾 80 加上 塑化 報價 上漲 二線 塑化 股 中的 華夏 1305 今 續 揚 65 目前 漲逾 3 台 苯 1310 漲幅 也 一度 逾 5 中石化 1314 則 持 穩 上揚 離岸 風 電 題材 續 夯 中興 電 1513 漲逾 3 世紀 鋼 9958 漲幅 一度 逾 4 上 緯 投 控 3708 早 盤後 漲幅 收斂 震盪 小跌 分析 師 表示 市場 持續 關注 美國國會 新 刺激 方案 進展 近期 美 股 科技股 與 整體 盤勢 短期 陷入 震盪 影響 市場 投資氣氛 台股 歷經 一個 多 月 的 整理 短 天 期 均線 出現 糾結 上 檔 月 線 壓力 大 不過 季線 向上 提供 下檔 支撐 目前 屬 於 12500 12900 的 區間 震盪 格局 觀察 能否 成功 站 上月 線 否則 區間 高點 越來越低 情形 預計 台股 將 持續 受 國際 市場 消息 波動 影響 市場 觀望 氣氛 恐 升高 可 留意 基本 面 強勢 族群 包括 風力發電 鋼鐵 紡織 航運 等 族群</t>
  </si>
  <si>
    <t>台股 盤中 美 股 華為 台積電</t>
  </si>
  <si>
    <t>新冠肺炎 疫情 再起 外資 12 日 拋售 台股 253億 元 累積 今年 賣 超 達 創紀錄 的 607665億 元 所幸 政府 多頭 大軍 12 日 緊急 出動 大手筆 護 盤 50億 元 終場 台股 跌幅 收斂 但 仍 失守 年 線 及 萬一 法人 指出 雖 遭 國際 資金 離場 亂 流 但</t>
  </si>
  <si>
    <t>新冠肺炎 疫情 再起 外資 12 日 拋售 台股 253億 元 累積 今年 賣 超 達 創紀錄 的 607665億 元 所幸 政府 多頭 大軍 12 日 緊急 出動 大手筆 護 盤 50億 元 終場 台股 跌幅 收斂 但 仍 失守 年 線 及 萬一 法人 指出 雖 遭 國際 資金 離場 亂 流 但 高 殖 利率 等 三大 利多 發揮 護 盤 功效 直言 外資 賣 不 下去 台股 520 行情 必有後福 台股 12 日 下跌 13379 點 跌幅 121 收在 1087947 點 成交 值 為 174437億 元 外資 大 賣 台股 25364億 元 是 台股 跌破 年 線 10975 點 及 萬一 主因 加計 櫃 買 市場 賣 超 金額 外資 今年 已 賣 超 台股 607665億 元 突破 2008 年 金融 海嘯 2018 年 中 美 貿易戰 賣 超 的 4700億 及 3551億 元 的 全新 紀錄 台股 進入 5 月 外資 賣 超 金額 已 來到 驚人 歷史 新 紀錄 歸咎 外資 賣 股 成因 有 三 首先 新冠肺炎 于 全球 肆虐 第一 金 投 顧 董事長 陳奕光 認為 市場 擔憂 各國 解 封後 的 第二 波 疫情 感染 潮 爆發 成 真 大陸 韓國 及 德國 陸續 傳出 群 聚 感染 再 加上 美 股 即將 來到 前 高 外資 居 高 思 危 心態 12 日 再度 拋售 台股 攤 開外 資 12 日 拋售 的 個股 以 大型 權值 股 為主 有 台 積 電 鴻 海 國巨 中信 金 臺灣 50 大 立 光 台達電 華 新科 儒 鴻 元 大金 等 其次 企業 獲利 有 下 修 風險 的 陰霾 揮 之 不 去 野村證券 指出 台股 與 全球 需求 有 高度 相關 尤其 電子業 占 出口 比重 41 在 肺炎 影響 下 面臨 險峻 壓力 進一步 來看 包含 野村 摩根 大通 證券 等 大型 研究 機構 早已 下 修 全球 智慧 機 出貨量 大 摩 野村 里昂 證券 等 對 上游 半導體 看法 亦 趨 保守 換言之 市場 目前 對 台股 獲利 共識 是否 還 太 高 就 成 了 外資 心中 的 一大 問號 德 信 證券 副總 吳文彬 認為 台股 v 轉 反彈 到 年 線 跌破 眾人 眼鏡 但 來到年 線 位置 行情 劇烈 波動 投資人 追 高 容易 慘遭 套 牢 建議 投資人 採取 買 黑 不 買 紅 策略 基於 台股 仍 有 三大 利多 高 現金 殖 利率 資金 熱潮 下半年 5 g 智慧 機 出 貨 等 台股 回升 波 行情 未 結束 520 行情 可期 台股 介於 季 線 及 半年線 振盪整理</t>
  </si>
  <si>
    <t>金融 台股 重 挫 國安 基金 今 召開 臨時 委員會 因應</t>
  </si>
  <si>
    <t>covid-19 新冠肺炎 疫情 持續 擴散 台股 近期 大幅 下挫 週三 收在 最低點 9218 點 距 10 年 線 9110 點 僅 百 點 國安 基金 決定 將 於今 109 年 3 月 19 日 日 召開 臨時 委員 會議 妥 適 因應 如有 資本 市場 及 其他 金融市場 失序 或 損 及 國家 安定</t>
  </si>
  <si>
    <t>covid-19 新冠肺炎 疫情 持續 擴散 台股 近期 大幅 下挫 週三 收在 最低點 9218 點 距 10 年 線 9110 點 僅 百 點 國安 基金 決定 將 於今 109 年 3 月 19 日 日 召開 臨時 委員 會議 妥 適 因應 如有 資本 市場 及 其他 金融市場 失序 或 損 及 國家 安定 等 情事 將 採行 必要措施 達成 穩定 國內 股市 之 任務 國安 基金 表示 近期 covid-19 疫情 持續 擴散 引發 投資人 就 疫情 能否 有效 控制 及 全球 經濟 動能 衰退 之 不安 心理 全球股市 跌勢 未 止 109 年 3 月 18 日 台股 收盤 指數 921867 點 自 年初 累計 下跌 幅度 達 2316 已 跌 破 年 線 11067 點 距 10 年 線 9110 點 僅 10867 點 國安 基金 表示 考量 近期 股市 大幅 下挫 似 有 顯著 影響 民眾 信心 情事 將 依國安 基金 設置 及 管理條例 第 8 條 規定 於今 109 年 3 月 19 日 召開 臨時 委員會 議 就 國內外 疫情 進展經濟 情勢 及 金融 資本 市場動態 充分 討論 如 認有 資本 市場 及 其他 金融市場 失序 或 損 及 國家 安定 之 虞 等 情事 將 採行 必要措施 達成 穩定 國內 股市 之 任務</t>
  </si>
  <si>
    <t>新冠肺炎 台股 重 挫 國安 基金</t>
  </si>
  <si>
    <t>檢 視 台股 上市 櫃 3 月 合併 營 收 創 新高 且 外資 進場 搶先 佈局 的 個股 有 台積電 京元 電子 等 15 檔 其中 半 導體 及 防疫 概念 股 為 兩 大族 群 3 月 合併 營 收 創新 高 的 個股 有 52 檔 其中 外資 近 五 個 交易日 提前 佈局 的 依序是 台 積 電 京元電</t>
  </si>
  <si>
    <t>檢 視 台股 上市 櫃 3 月 合併 營 收 創 新高 且 外資 進場 搶先 佈局 的 個股 有 台積電 京元 電子 等 15 檔 其中 半 導體 及 防疫 概念 股 為 兩 大族 群 3 月 合併 營 收 創新 高 的 個股 有 52 檔 其中 外資 近 五 個 交易日 提前 佈局 的 依序是 台 積 電 京元電 晶豪 科 大 聯大 群 聯 聯 茂 中 裕 亞德 客 -ky 科 嘉 -ky 和 潤 企業 健策 祥 碩 騰輝 電子 -ky 聯 詠 南六 等 集中 在 電子 股 及 少數 因 新冠肺炎 受惠 的 防疫 傳 產 股 晶圓 代 工大 廠 台積電 3 月 合併 營 收 113519億 元 首度 突破 1100億 大關 下 週四 16 日 台積電 將 舉辦 線 上 法 說 會 但 法 說 會前 外資 圈 已 紛紛 下 修台積 電 今年 營運 成長 幅度 與 目標價 外資 擔憂 疫情 衝擊 民眾 消費 全球 智慧 型 手機 出 貨 將 衰退 以及 美國 將 限 縮 台 積 對 華為 的 晶 片 供應 今年 台積電 合併 營 收 恐 無法 達到 雙 位數 成長 因此 全球 投資 人 都 相當 關注 16 日 台 積 電 對 未來 展望 的 說法 雖然 疫情 衝擊 經濟 但 遠距教學 筆記型電腦 5 g 相關 及 記憶體 需求 逆勢 成長 激勵 ic 通路商 大 聯大 3 月 合併 營 收 創 新高 3 月 合併 營 收 540億 元 年 增 3263 月 增 4444 不過 市場 也 擔憂 第二 季因 客戶 下單 偏 保守 q 2 業績 是否 還 能 續強 有待 觀察 新冠肺炎 的 受惠 產業 以 生 技 醫療 類 股 為主 中 裕 來自 全球 搶 藥 潮 的 貢獻 3 月 業績 繳 出 亮 眼 成績單 並 創 新高 3 月 合併 營 收 為 119億 元 年 增 7942 月 增 29993 南 六 為 不 織布廠 因 醫療 相關 防護 產品 訂單 暴 增 產 線 滿載 如 醫療 口罩 防護衣 抗 菌 濕 巾 等 推 升 南 六3 月 合併 營 收 699億 元 創 新高 月 增 7295 年 增 2442</t>
  </si>
  <si>
    <t>中國 大陸 24 日 宣佈 湖北省 除 武漢市 以外 解除 封城 禁令 武漢市 規 畫 4 月 8 日 跟進 法人 指出 陸 官方 解封 顯示 當地 疫情 已 見 減緩 隨 著 對外 交通 恢復 復工 生產 進度 加快 就 供給 端 而言 可望 以 pcb 族群 受惠 程度 最高 搭上 台股 步入 反彈 格局 激勵 瀚 宇 博 5469 健 鼎 3044 等 股價 表態 上攻 萬寶 投 顧 總經理 蔡明彰 表示 中國 大陸 先前 政策 方向 已 宣示 要 將 復工 動作 加快 隨 著 疫情 高峰 已 過 新增 確診 人數 減少 湖北 解除 封城 更 可望 讓 生產 狀況 恢復 原先 水準 早 前因 封 城 受害 的 台廠 供應 鏈 可望 恢復 生機 pcb 族群 有 機會 扮演 盤面 反攻 要 角 台股 24 日 大 漲 395 點 由 電子 族群 領銜 上攻 次 產業 以 pcb 表現 最為 亮 眼 瀚 宇 博 柏承 亮燈 漲 停 華通 台郡 分別 上漲 918 872 扭轉 近期 跌勢 群 益 投 顧 分析 此次 新冠肺炎 重災區 大陸 湖北省 為 pcb 生產 重鎮 台廠健 鼎 欣興 台 光電 定穎 等 都 在 當地 有 生產 據點 因 封城 令 解除 利 空 訊息 逐步 漸 散 加上 5 g 伺服器 等 大 產業 趨勢 之下 帶動 類 股 走 強 除 了 中國 大陸 當地 的 基建 需求 外 5 g 智慧 型 手機 將 進入 成長 爆發 期 預期 也 將 帶動 pcb 產業 相關 的 slp 天線 軟板 等 規格 升級 及 應用 增加 日盛 投 顧 總經理 鍾 國 忠 指出 新冠肺炎 疫情 最 多 只 是 絆 住 5 g 發展 腳步 不會 真正 影響 到 新興 科技 應用 導入 對 電子 產業 需求 仍以 向 後 遞 延 看待 中國 疫情 狀況 趨 緩 目前 看來 亞洲 區 相對 控制 得當 生產 端 持續 轉 好 後續 看 英國 美國隊 防疫 重視 程度 越來越 高 也 有助於 縮短 景氣 衝擊</t>
  </si>
  <si>
    <t>臺灣 出現 新冠肺炎 死亡 案例 台股 早 盤 開低</t>
  </si>
  <si>
    <t>市場 持續 關注 大陸 新冠肺炎 疫情 發展 日 韓 確診 人數 增加 臺灣 出現 首例 新冠 病毒 患者 死亡 案例 對 市場 投資 信心 造成 影響 台股 17 日 開盤 開在 1177030 點 下跌 454 點 美國政府 將 推動 下 一 輪 減稅 方案 及 給予 免稅 優惠</t>
  </si>
  <si>
    <t>市場 持續 關注 大陸 新冠肺炎 疫情 發展 日 韓 確診 人數 增加 臺灣 出現 首例 新冠 病毒 患者 死亡 案例 對 市場 投資 信心 造成 影響 台股 17 日 開盤 開在 1177030 點 下跌 454 點 美國政府 將 推動 下 一 輪 減稅 方案 及 給予 免稅 優惠 來 激勵 美國 家庭 投資 股市 美 股 14 日 漲跌互見 標 普 500 指數 與 那斯 達克 指數 續創 收盤 歷史 新高 雖然 零售 銷售 資料 有 一些 疲弱 跡象 但 消費 信心 的 表現 仍舊 較佳 但 台股 則 因 死亡 病例 出現 台積電 鴻 海 聯發 科 國巨 等 權值 電子 股 走勢 偏 弱 壓抑 加權指數 表現 本土 大型 投 顧 指出 在 疫情 未 明顯 趨 緩 下 指數 仍 需要 時間 整理 但因 外資 賣壓 趨 緩 融資 大幅 釋出 下 加上 外資 在 期貨 淨 多 單 偏 多 下 大盤 籌碼 正面 操作 上 勿 隨 市場 情緒 波動 追 高 殺低 統一 投 顧 董事長 黎方 國 指出 雖 疫情 持續 延 燒 但 考量 大陸 企業 逐漸 復工 加上 全球 央行 寬鬆 資金 行情 持續 且 與 全球股市 表現 相比 美 股 續 創 新高 陸 股 收復 跌幅 台股 明顯 超 跌 股價 低估 他 建議 逢 低 佈局 短線 操作 在 類 股 選擇 上 看好 蘋 概 股 半導體 面板 及 被動 元件 等 族群</t>
  </si>
  <si>
    <t>台股 出現 美 股 指數 趨 緩</t>
  </si>
  <si>
    <t>國內 新冠肺炎 疫情 大 爆發 上市 櫃 公司 也 陸續 傳出 員工 確診 的 消息 大 立 光 3008 也 在 15 日 證實 有 員工 確診 大 立 光 表示 公司 確實 有 一 位 員工 確診 目前 與 該 確診 者 接觸 人員 已 進行 隔離 措施 公司 除 在 內部 擴大 消毒 因應 並 持續 拉高 防疫 層級 今天 上班 維持 既 有 量 測體溫 等 防疫 工作 並 暫停 外賓 拜訪 截至 目前為止 該 確診 人員 對 公司 營運 暫無 影響 在 營運 未 受 影響 下 大 立 光 雖然 早 盤 仍以 2710 元 的 低 盤 開出 跌幅 達 491 但 隨即 在 逢 低買 盤 介入 下 盤中 一度 翻紅 站上 2900 元 終場 亦 以 平盤 2850 元 作 收 相較 於 台股 重 挫 4732 點 跌幅 299 以及 光學 股 後 玉晶光 以 跌 停板 的 369 元 作 收 表現 相對 強勢</t>
  </si>
  <si>
    <t>台股 18 日 受 蘋果 示 警 財 測 美國 擬 擴大 華為 禁令 影響 指數 終場 下跌 097 欣興 3037 股價 經過 先前 修正 加上 營運 體質 轉 好 股價 18 日 表現 相對 穩健 僅 小跌 06 收 411 元 欣興 先前 受 新冠肺炎 衝擊 導致 以 湖北 為主</t>
  </si>
  <si>
    <t>台股 18 日 受 蘋果 示 警 財 測 美國 擬 擴大 華為 禁令 影響 指數 終場 下跌 097 欣興 3037 股價 經過 先前 修正 加上 營運 體質 轉 好 股價 18 日 表現 相對 穩健 僅 小跌 06 收 411 元 欣 興 先前 受 新冠肺炎 衝擊 導致 以 湖北 為主 的 大陸 多 個 城鎮 封 城 停工 市場 情緒 面 一度 大舉 翻 空 惟 法人 說明 仙桃市 黃石市 為 pcb 重鎮 先前 都 列入 湖北 封城 管制 名單 中 欣興 目前 位於 湖北 廠 區 的 工廠 除 黃石欣 益興 為 生產 hdi 與 傳統 多 層板 消費性 電子 車用 占 2019 年 下半年 營 收 比重 約 3 5 另 有 黃石群 立 以 載 板 為主 但 尚無 貢獻 若 新冠肺炎 影響 因素 可 較 快 獲得 控制 法人 展望 2020 年 欣興 主要 成長 動能 除了 abf 供給 持續 吃緊 外 5 g 智慧 機 需求增 溫亦 帶動 bt 載 板 以及 高階 hdi 需求 向上 5 g 智慧 機主 板 將 由 hdi 升級 為 slp 趨勢 也 有利 支撐欣興 hdi 的 淡季 產能 利用率 權 證 投資 必 有 風險 本 專區 資訊 僅供參考 並 不 構成 邀 約 招攬 或 其他 任何 建議 與 推薦 請 讀者 審慎 為 之</t>
  </si>
  <si>
    <t>有鑒於 美國 各州 重 啟 經濟 加上 失業 申請 連五周 放緩 為 華爾街 注入 樂觀 情緒 美 股 四大 指數 收 漲 亞 股 也 全面 彈升 台股 今天 開盤 漲 403 點 加權 股價指數 報 在 1088322 點 指數 最高 達 109707 點 惟 其後 漲幅 收斂 回 測 10900</t>
  </si>
  <si>
    <t>有鑒於 美國 各州 重 啟 經濟 加上 失業 申請 連五周 放緩 為 華爾街 注入 樂觀 情緒 美 股 四大 指數 收 漲 亞 股 也 全面 彈升 台股 今天 開盤 漲 403 點 加權 股價指數 報 在 1088322 點 指數 最高 達 109707 點 惟 其後 漲幅 收斂 回 測 10900 點 盤中 總統 蔡英文 也 宣佈 520 後 行政院長 由 蘇貞昌 續任 今 台股 量 增 近期 外資 持續 站 在 賣方 短線 台股 指數 可望 呈現 震盪 盤 堅 權 值 股 方面 股王 大 立 光 3008 開高 震盪 走 高 大 漲逾 3 股價 最高 達 4230 元 目前 站穩 短 中期 均線 台積電 2330 則 陷入 震盪 股價 在 平盤 附近 狹 幅 跳動 進行 300 元 攻防 連續 三 次 挑戰 季線 位置 市場 持續 關注 今 即將 公佈 的 營 收 可否 站穩 千億 元 大關 鴻 海 2317 則 持 穩 震盪 漲幅 逾 1 挑戰 77 元 壓力 區 蘋概 三 雄 漲 多 跌 少 其 餘 權 值 股 來說 聯發 科 2454 祭出 旗艦 5 g 晶 片 升級 版 天璣 1000 今 股價 持 穩 小漲 漲幅 在 05 1 面板 雙虎 友達 2409 群 創 3481 連袂 走 揚 盤面 題材 股 各自 表率 建 准 2421 受惠 伺服器 車用 大 注入 第二 季 營運 動能 開盤 量 價 齊 揚攻 上漲 停 茂迪 6244 因 綠 電 自由 交易 起跑 股價 連 拉 2 根 漲 停 攻克 季線 元太 8069 4 月 營 收 年 增 逼近 6 成 今晨 帶 量 大 漲 5 寫 9 個 月 高價 松翰 5471 在 疫情 關係 下 額 溫槍 需求 續 爆 量 今 一度 漲 停 登 上 近 6 年高 點 惟 盤中 迅速 壓回 漲幅 回到 2 欣興 3037 首季 本業 獲利 登 近 7 年 同期 高點 今 上漲 約 2 創 近 4 月 波段 高點 生 醫 股 續 搶 鏡 國光 生 4142 自主 研發 的 新冠肺炎 候選 疫苗 傳出 好 消息 今日 再 飆 漲 停 股價 已經 拉出 第 4 根 漲 停 大學 光 3218 獲 外資 及 投 信 連 2 買 早 盤 一度 漲 停 環 瑞 醫 4198 則 漲 停 鎖死 其 餘 浩 鼎 4174 藥 華藥 6446 糖 聯 4168 等 亦 全數 走 揚 分析 師 認為 目前 全球 疫情 逐漸 受到 控制 歐美各國 陸續 恢復 重 啟 經濟 活動 時間表 且 聯 准會 持續 寬鬆 政策 金融市場 資金 充沛 全球 不 安定 因素 逐漸 削減 整體 資金面 與 基本 面對 多方 有利 就 台股 來說 雖 技術 面上 台股 有年 線 上 檔 壓力 但 月 線 形成 強力 下檔 支撐 預期 短期 指數 將 在 年 線 與 月 線 震盪 整理 後續 將 向上 突破 年 線 建議 逢回 買進 聚焦 漲價 概念 股 pcb 及 居家 防疫 等 相關 族群</t>
  </si>
  <si>
    <t>新冠肺炎 臺灣 和 碩 台股 華碩</t>
  </si>
  <si>
    <t>台股 短線 報復 性 反彈 1200 餘 點 跌 深 且 營運 績優 的 個股 短線 反彈 快速 pcb 周邊 的 個股 有 銅箔 基 板 ccl 聯 茂 6213 華通 2313 等 聯 茂 26 日 股價 上漲 3 元 漲幅 236 收在 130 元 收復 年 線 華通 26 日 股價 上漲 19 元</t>
  </si>
  <si>
    <t>台股 短線 報復 性 反彈 1200 餘 點 跌 深 且 營運 績優 的 個股 短線 反彈 快速 pcb 周邊 的 個股 有 銅箔 基 板 ccl 聯 茂 6213 華通 2313 等 聯 茂 26 日 股價 上漲 3 元 漲幅 236 收在 130 元 收復 年 線 華通 26 日 股價 上漲 19 元 漲幅 646 收在 313 元 已經 收復 5 日 10 日 聯 茂 去年 第 四季 因 5 g 基地 台 建置 庫存 調整 影響 今 年前 兩 月 又 因 新冠肺炎 疫情 衝擊 股價 大幅度 回落 不過 3 月 起 受惠 今年 大陸 5 g 基地 台 建置 在 基地 台 與 核心 網路 訂單 需求 顯著 成長 使 高速 材料 出貨量 快速 攀升 此外 疫情 使 在家 工作 與 遠距教學 需求 大增 使 電 商 雲端 業者 反而 加快 資料 中心 建置 使 伺服器 需求 續 強 不論是 電信 設備 抑或 是 網路 通訊設備 材料 皆 屬於 中高 皆 規格 產品 此 有助 聯 茂 產品 結構 持續 優化 法人 估 聯 茂 今年 獲利 將 優於 去年 eps 為 813 元 的 水準 雖然 遇上新冠肺炎 不過 大陸 工 信 部 加 大力 道 促使 5 g 網路 建設 加速 以 促進 5 g 終端 消費 攀升 下 大陸 三大 電信 運營 商 喊 出 2020 年 5 g 使用者數 目標 7000萬 戶 相關 5 g 資本 支出 達 1800億 元 人民幣 大陸 電信 設備 商 已於 2019 年 底 至 今年初 陸續 開標 聯 茂 5 g 相關 應用 訂單 將 明顯 成長 華通 已 公佈 去年 財 報 去年 eps 為 321 元 主要 受惠 於蘋果 iphone 11 系列 智慧 手機 主 板 以及 airpods 軟 硬 結合 板 等 需求 推 升 董事會 並 宣佈 每股 配發 12 元 現金 股利 華通 今年 2 月 營 收 約 3235億 元 雖 月 減 二 成 但 年成 增 179 華通 表示 大陸 廠 區 3 月 已 恢復正常 法人 認為 華通 今年 第一 季因 受 新冠肺炎 疫情 影響 營運 受到 衝擊 不過 美 系 5 g 手機 仍 將 如期 於 9 月中 下旬 推出 及 產品 結構 優化 有助 asp 毛利率與 獲利 再 攀升 今年 獲利 仍 有 機會 超越 去年</t>
  </si>
  <si>
    <t>小 編 今天 29 日 精選 5 件 不可不 知 的 國內外 財經 大事 非洲 出現 新冠肺炎 新 變異 株 omicron 此 病毒 傳染 率 高 利空消息 傳來 全球股市 全 倒 台股 26 日 一度 重 挫 超過 300 餘 點 終場 下跌 28480 點 收在 1736939 點 跌幅 161</t>
  </si>
  <si>
    <t>小 編 今天 29 日 精選 5 件 不可不 知 的 國內外 財經 大事 非洲 出現 新冠肺炎 新 變異 株 omicron 此 病毒 傳染 率 高 利空消息 傳來 全球股市 全 倒 台股 26 日 一度 重 挫 超過 300 餘 點 終場 下跌 28480 點 收在 1736939 點 跌幅 161 日 k 連 六 黑 跌破 月 線 不過 八大 公股 行庫 進場 護 盤 買超 605億 元 連兩日 買超 合計 買超 9324億 元 企圖 穩住 行情 1 公股 護 盤 點火 16 檔 高 殖 利率 股 歐洲 疫情 升溫 美國 恐 提前 升息 等 預期 恐慌性 殺 盤 湧現 台股 26 日 長黑 k 棒 跌破 月 線 八大 公股 行庫 買超 26 日 大手筆 護 盤 台股 605億 元 創 10 月 13 日 以來 買超 金額 最 大 買超 新光 金 2888 富 邦 金 2881 及 亞 泥 1102 等 16 檔 高 現金 殖 利率 兼具 抗 通 膨 及 抗跌 雙 題材 將 成 股市 中流砥柱 2 omicron 來 襲 台股 今 備戰 政府 基金 480億 上 膛 美 股 26 日 遭遇 聯 准會 fed 可能 提前 升息 及 新冠肺炎 變種 病毒 侵襲 四大 指數 全面 重 挫 逾 2 連帶 使 台股 期貨 夜 盤續重 挫 至 17070 點 機構 法人 直指 新 制 勞 退 480億 元 委 外代 操 上 膛 將 伺機 進場 萬七 可望 是 短線 鐵板 加權指數 有 機會 在 半年線 與 季 線間 尋求 止 穩 空間 萬一 市場 出現 不 理性 殺 盤 不 排除 政府 基金 擴大 進場 力 道 3 黑 天鵝 群 襲 海運 漲價 聲 起 全球 海運 供應 鏈 面臨 五 只 黑 天鵝 罩 頂 包括 omicron 變種 病毒 來 襲 大陸 新 規 限制 航運 追蹤 大陸 能耗 雙控 影響 塞 港 等 再度 升高 市場 對 疫情 和 供應 鏈 的 憂慮 在 船舶 艙位 供給 緊張 下 搶 艙 大戰 一觸即發 貨 代 業者 透露 12 月 歐美線 運價 蠢動 開始 有 航 商 收 附加費 並 傳出 月中 將 上調 運價 是否 挑戰 目前 天花板 價 業 界 關注 4 外資 唱 旺 pcb 瑞 銀 喊 買 五 虎將 pcb 產業大循環 登場 瑞銀 證券 看好 高效能 運算 hpc 人工智慧 ai 與 自動 駕駛 提供 pcb 產業 內含 價值 提升 催化劑 一口氣 給予 南電 臻 鼎 -ky 等 指標 五 虎將 買進 投資 評等 主要 外資 券商 至此 幾乎 全數 投入 pcb 產業 基本 面 研究 5 網 民 強忍 剁 手 衝動 美國 黑 五 線 上 支出 首 見 下滑 今年 美國 零售商 自 10 月 起 陸續 推出 年終 折扣 令 精打細算 的 消費者 提前 採購 搶 優惠 相對 分散 黑色 星期五 網 購 人潮 使 今年 黑色 星期五 線 上 支出 較 去年 同日 下滑 是 史上 首例</t>
  </si>
  <si>
    <t>台股 公股 亞 泥 南電 新光 金</t>
  </si>
  <si>
    <t>摩爾 投 顧 分析 師鐘崑 禎 表示 美 股 7 日 雖 開高走低 終場 收 黑 台股 8 日 卻 不受 影響 逆勢上漲 終場 漲幅 達 141 但 遭遇 前方 跳 空缺 口 反 壓 短線 不容易 直接 上攻 加上 成交量 稍嫌 不足 預計 大盤 短線 將 進入 區間 震盪 格局 類</t>
  </si>
  <si>
    <t>摩爾 投 顧 分析 師鐘崑 禎 表示 美 股 7 日 雖 開高走低 終場 收 黑 台股 8 日 卻 不受 影響 逆勢上漲 終場 漲幅 達 141 但 遭遇 前方 跳 空缺 口 反 壓 短線 不容易 直接 上攻 加上 成交量 稍嫌 不足 預計 大盤 短線 將 進入 區間 震盪 格局 類 股 方面 日本 被動 元件 大廠 tdk 員工 確診 新冠肺炎 山形 縣 鶴 岡 工廠 為了 安全 起見 已經 暫時 停工 國內 大廠 國 巨 華 新科 轉 單 效應 加上 3 月 營 收 加 持 8 日 股價 雙雙 漲 停 帶動 被動 元件 類 股 全面 走 揚 個股 方面 本 周 納入 投資 組合 的 世紀 鋼 離岸 風 電 利多 持續 發酵 在 國家 政策 加 持 下 營運 相對 不受 國際 情勢 影響 股價 8 日 再度 向上 續 攻 成功 站 上壓力 區 83 元 價位 操作 方面 現階段 大盤 強 彈 仍 屬於 消息 面 的 推 升 整體 格局 尚未 回穩 建議 投資人 如有 獲利 可 逢 高 了結 待 股價 稍 做 修正 再 重新 進場</t>
  </si>
  <si>
    <t>台積電 2330 12 日 在 美 股 崩 跌 拖累 台股 情況 中 跌破 300 大關 收 294 元 外資 近期 輪番 出來 信心 喊話 美 銀 證券 最新 疾呼 當 新冠肺炎 疫情 塵埃落定 手上 一定 要 擁有 台積電 且 台積電 過去 20 年 遭逢 任何 危機 最終 都 能 急速 收</t>
  </si>
  <si>
    <t>台積電 2330 12 日 在 美 股 崩 跌 拖累 台股 情況 中 跌破 300 大關 收 294 元 外資 近期 輪番 出來 信心 喊話 美 銀 證券 最新 疾呼 當 新冠肺炎 疫情 塵埃落定 手上 一定 要 擁有 台積電 且 台積電 過去 20 年 遭逢 任何 危機 最終 都 能 急速 收復失土 外資 護航艦隊 聯手 出擊 力圖 遏制 不 理性 砍 殺 權值王 賣壓 自 2 月 14 日 以來 外資 開啟 波段 對 台積 電大 賣 超 期間 僅 一個 交易日 站 在 買方 累計 拋售 37萬 張 籌碼 股價 波段 回檔 約 13 所幸 花旗 環球 美 銀 摩根士丹利 證券 與 凱基 投 顧 聯手 出擊 台 積 電 護航艦隊 成軍 美 系 外資 分析 師 解釋 全球 現在 遭遇 新冠肺炎 疫情 與 油價 崩塌 雙重 系統性 風險 台積電 基本 面 並 無 轉 壞 跡象 但 台積電 身 為 最 大權 值 股 流動性 極 佳 無論 是 對 被動式 基金 或是 想 從 波動 風險 中 抽身 變現 的 投資 機構 而言 出脫 台 積 電 都 是 最 迅速 有效 的 方式 這 也 是 台積電 自 2 月中 起 遭 國際 資金 連續 賣 超 的 主因 花旗 環球 證券 臺灣區 研究 部 主管 徐振志 認為 考量 需求 不振 與 物流 中斷 因素 不 排除 供應 鏈 第二 季 出現 部分 削減 訂單 狀況 不過 台積電 在 716 奈 米制 程 與 8 吋 晶圓 業務 上 握有 超量 excess 訂單 因此 不 會 受到 任何 單一 客戶 砍 單 的 衝擊 萬一 有 客戶 取消 訂單 也 可以 馬上由 其他 超量 訂單 補上 無 放 接軌 貢獻 營 收 美 銀 證券 指出 儘管 新冠肺炎 疫情 影響 似乎 愈來愈 大 但 基於 下列 三 點 持續 看好 台積電 中長線 前景 一5 g 雲端 物聯網 iot 趨勢 中 半導體 內含 價值 增加 二 台積電 在 科技 創新 環境 中 是 絕 不可 缺少 的 角色 三 人工智慧 ai 與 高效能 運算 hpc 市場 規模 加大 台積電 於此 領域 市 占 率 不斷 提高 放眼 下半年 花旗 環球 證券 預期 要是 新冠肺炎 疫情 獲得 妥善 控制 台積電 的 產 能 將 持續 滿載 假設 新冠肺炎下半年 還是 到處 肆虐 台積電 雖 也 難 逃 需求 減弱 影響 然 受 創 幅度 將 顯著 小於 其他 同 業</t>
  </si>
  <si>
    <t>近 兩 周 全球股市 宛如 坐大 怒 神 當 股市 出現 疑 似 止 穩 反彈 跡象 股市 又 開始 崩 跌 尤其 在 3 月 9 日 美 股 道 瓊 崩 跌 兩千 逾 點 道 瓊 美 債 一度 都 因為 市場 過度 反應 出現 溶 斷 機制 市場 風聲鶴唳 主因 來自 於一 新冠肺炎 擴散 至 全球 造成 各地 恐慌 二 opec 與 俄羅斯 協議 減產 未果 沙烏地 阿拉伯 擴產 降價 造成 油價 崩 跌 跌破 30 美元 一 桶 台股 這 兩 天 也 再度 跌破 11049 前 低 義 大利 疫情 傳播 開來 義 大利 總理 宣佈 全國 大 封鎖 美國 疫情 遍佈 38 州 並 有 10 州 宣佈 進入 緊急狀況 壞 消息 一 樁 接 著 一 樁 此時 是 該 持 股 全數 出清 還是 反而 是 大 買 股票 的 好 時機 呢 我們 從 兩 部分 來 觀察 目前 新冠肺炎 疫情 開始 擴散 至 全球 而 從 專家 組建 的 模 組 來看 目前 還 處於 正在 大規模 擴散 的 開端 但 歐美國家 的 態度 開始 從輕 忽 逐漸 轉變 到 嚴正 以待 除了 在 防疫 的 疫苗 口罩 等 醫療 資源 的 控管 到 金融市場 的 寬鬆 貨幣政策 救 市 雖然 各國 開始 積極 救 市 但 終將 面對 疫情 是否 能 開始 控制 進而 逐步 削減 其 影響 目前 臺灣 日本 大陸 等 國都 有 快 篩 的 研發 對於 控制 大規模 傳染 快速 區隔 感染者 控制 疫情 有 一定 的 幫助 但 最終 仍 需要 疫苗 或 抗體 的 研發 製作 才能 將 疫情 控制 下來 油價 崩 跌 主要 在於 opec 與 俄羅斯 磋商 希望 減產 規模 從 目前 的 100萬 桶 日 增加 至 360萬 桶 日 希望 透過 此行 為 將 油價 推 升至 50 美元 桶 以上 以 平衡 opec 成員國 預算 但 俄羅斯 認為 維持 在 50 美元 即可 平衡 開支 因此 造成 雙方 不歡而散 沙烏地 阿拉伯 甚至 揚言 取消 對於 產能 的 限制 並 降價 6 8 美元 桶 來 擴大 市 占 加大 油 價 的 崩 跌 程度 油 價 的 下跌 讓 實體 經濟 減輕 成本 但 會 出現 通 縮 主權 基金淨值 的 下滑 與 投資 的 人 贖回 葉岩 油公司 的 破產 與其債權 崩 跌 等 問題 由於 俄羅斯 與 opec 對於 減產 幅度 與 油 價 的 看法 歧異 目前 全球 面臨 新冠肺炎 危機 美國 即 派 官員 與 俄羅斯 大使 商談 此 一 問題 只要 opec 與 俄羅斯 有 共識 油 價 的 止 跌 回 穩 就 可以 預見 整體 來說 目前 股市 因為 市場 的 大 跌 大 漲 恐慌 情緒 持續 蔓延 政府 持續 加大力度 救 市 多空 兩 方 相互 角力 而 美 股 道 瓊從 高點 已 回檔 近 20 走弱 跡象 已 現 在 股市 未能 止跌回升 且 疫情 能 有效 控制 的話 從 目前 來看 很 有 可能 影響 終端 市場 的 消 費力 進而 影響 目前 資本 市場 的 估 值 狀況 進一步 造成 資本 市場 的 多殺多 現階段 保留 現金 等待 機會 會 是 一個 較 安穩 的 策略 本文 作者 為 中華 財經 台 分析 師曾 英傑</t>
  </si>
  <si>
    <t>盤中 解析 美 期貨 回 彈 股王 給力 台股 跌 點 收斂</t>
  </si>
  <si>
    <t>美 股 帶頭 下 殺 國際 股市 空頭 肆虐 菲律賓 今日 直接 暫停 交易 台股 開盤 大跌 近 180 點 隨後 在 台積電 2330 開低 115 元 領 跌 之下 大盤 跌 點 一度 迅速 擴大 至 300 餘 點 殺 至 937135 所幸 股王 大 立 光 3008 牽 手 聯發 科 2454 緯</t>
  </si>
  <si>
    <t>美 股 帶頭 下 殺 國際 股市 空頭 肆虐 菲律賓 今日 直接 暫停 交易 台股 開盤 大跌 近 180 點 隨後 在 台積電 2330 開低 115 元 領 跌 之下 大盤 跌 點 一度 迅速 擴大 至 300 餘 點 殺 至 937135 所幸 股王 大 立 光 3008 牽 手 聯發 科 2454 緯 穎 6669 奮力 抗 空 翻紅 輔以 金像 電 2368 強勢 助攻 拉 抬 大盤 一度 回到 9600 點 分析 師 表示 美國 期指 漲 3 左右 帶動 亞洲 股市 今日 跌幅 跟 著 縮減 今日 台股 開低走高 拉回 幅度 不 深 目前 全球 央行 齊 力護 盤 指數 低檔 有限 台股 目前 各期 均線 均 呈 空頭 排列 上 檔 壓力 重重 短線 區間 震盪 仍 大 以 個股 操作 為主 盤面 表現 方面 大 立 光 今日 開低 開盤 不到 十分 鐘後 由 黑 翻紅 股價 漸漸 走 高 股價 漲幅 曾 達 3 台積電 2330 昨 遭 外資 賣 超 41萬 張 加上 adr 昨夜 重 挫 14 今 早 股價 跳 空 開低 115 元 為 265 元 跌幅 逾 4 台積電 即 將 於 19 日 除息 每股 預計 配發 25 元 未來 除息 表現 將 是 本 周 市場 關注 焦點 盛群 6202 松 翰 5471 挾 著 額 溫槍晶 片 設計 概念 股價 逆勢 上揚 3 緯 穎 6669 近期 獲 外資 看好 股價 漲幅 約 2 金像 電 2368 近期 成為 投 信 新 寵 晨盤 股價 漲幅 在 7 以上 分析 師 表示 歐美新冠肺炎 疫情 持續 惡化 美 股 熔斷 頻頻 出現 國際 股市 跌跌 不休 全球 新冠肺炎 疫情 尚未 獲得 控制 前 全球 經濟 面臨 挑戰 影響 仍 不可 小覷 操作 不宜 躁進 保守 為 宜 選擇 上 不妨 考慮 5 g 相關 題材 伺服 及 因 居家 隔離 延伸 出 對 pc 視 訊 會議 與 軟 體 相關 或是 保健食品 等</t>
  </si>
  <si>
    <t>越 靠近 美國 總統大選 壽險業 投資 越 趨 保守 據 保險局 27 日 公佈 最新 統計 到 9 月底 壽險 險 投資 台股 總 市值 為 新 台幣 1 兆 6523億 元 比 7 月 高點 時 的 部位 少 了 1082億 元 其中 估算 有 800億 元 左右 為 減 碼 操作 獲 俐落 袋 為 安 9 月</t>
  </si>
  <si>
    <t>越 靠近 美國 總統大選 壽險業 投資 越 趨 保守 據 保險局 27 日 公佈 最新 統計 到 9 月底 壽險 險 投資 台股 總 市值 為 新 台幣 1 兆 6523億 元 比 7 月 高點 時 的 部位 少 了 1082億 元 其中 估算 有 800億 元 左右 為 減 碼 操作 獲 俐落 袋 為 安 9 月底 壽險業 國外 股票 市值 亦 降到 新 台幣 5826億 元 比 8 月 高點 少 了 309億 元 推 估 78兩 月 國外 股票 亦 減 碼 200億 元 以上 等於 壽險業 二 個 月 減 碼 股票 部位 逾 千億 元 因為 實現 獲利 或 降低 投資 風險 部位 壽險業 9 月底 國內外 現金 部位 高 達 新 台幣 1 兆 6554億 元 創 保險局 公佈 以來 即 10 個 月 來 的 新高 這些 現金 部位 若 沒有 去 化 年息 大約 只 有 02 05 遠 低於 壽險業 資金 成本 因此 壽險 公司 避險 操作 意味 濃厚 即 錢先 放 現金 部位 等待 新 的 投資 機會 同時 因為 國際 板 債券 贖 回潮 國外 債券 9 月 價格 下跌 及 實現 債券 獲利 等 三大 因素 國外 投資 9 月 單月 亦 少 了 新 台幣 2255億 元 減少 金額 創 3 月 新冠肺炎 之後 的 單月 新高 其中 國際 板 債券 9 月 少 了 43億 元 股票 少 309億 元 剩下 就是 賣 債券 或 債券 跌價 損失</t>
  </si>
  <si>
    <t>臺北 股市 台股 短期 觀察 指標 美 股 疫情 發展</t>
  </si>
  <si>
    <t>台股 電子 股 吸 金 重量級 權 值 股 台 積 電 2330 聯電 2303 日 月光 投 控 3711 聯發 科 2454 等 股價 頻 創 高點 資金 集中 在 電子 股 傳 產 光芒 不如 電子 使得 股價 評價 偏 低 台股 傳 產 股 大 股東 紛紛 逢 低買 回 持 股 力 挺</t>
  </si>
  <si>
    <t>台股 電子 股 吸 金 重量級 權 值 股 台 積 電 2330 聯電 2303 日 月光 投 控 3711 聯發 科 2454 等 股價 頻 創 高點 資金 集中 在 電子 股 傳 產 光芒 不如 電子 使得 股價 評價 偏 低 台股 傳 產 股 大 股東 紛紛 逢 低買 回 持 股 力 挺 以 實際行動 表達 對 公司 正面 的 支援 根據 統計 2021 年 1 月臺 股 傳 產 股 中 買進 持 股 的 大 股東 有 堤 維西 大 億 金茂 泰山 統一 太子 南仁湖 泰博 新光 鋼 龍邦 大國 鋼 台汽 電 鈺 齊 -ky 其中 高權 投資 同步 買 回 統一 太子 等 統一 集團 旗 下 相關 企業 台 新 投 顧 副總 黃文清 認為 大 股東 買 回 持 股 除了 看好 自家 公司 未來 營運 也 是 讓 廣大 投資者 放心 公司 營運 穩健 同時 大 股東 將 流通 在外 股權 逐步 買 回 也 有助於 股權 集中 每年 更 有 穩定 的 配 息 入 帳 可謂 一舉三得 南 仁湖 經營 國道 服務 區 與 休閒 事業 營運 因 疫情 受 創 大 股東 詠 瑞 禾 公司 2021 年 1 月 逢低買進 2886 張 泰 博 為 額 耳 溫槍 及 檢測 大廠 2020 年 受惠 於新冠肺炎 疫情 題材 額 耳 溫槍 大 賣 業績 爆發 推 升 股價 一度 達到 309 元 新高 然 因 新冠肺炎 疫情 逐步 趨 緩 最 恐慌 時期 已 過 股價 從 309 元 高點 逐步 走低 最低 1675 元 高 低點 跌幅 達 45 以上 泰博 董事長 陳朝旺 2021 年 1 月 買 回 自家 股票 911 張 逢 低買 回 持 股 市場 認為 陳朝旺 看好 旗 下 新冠肺炎 快 篩 試劑 正式 於 2 月 加入 德國 健 保 醫 材 供應 鏈 制鞋廠 鈺 齊 -ky 因 疫情 因素 衝擊 業績 鈺 齊 -ky 自 結 2020 年 全年 營 收 11346億 元 年 減 1166 毛利率 2099 年 增 13 個 百分點 稅 後 純益 898億 元 年 減 2983 每股 純益 eps 為 506 元 低於 前 一 年 eps 為 781 元 的 規模 雖然 鈺 齊 -ky 業績 走低 但 董事長 林文智 2021 年 1 月 買 回 453 張 上個月 也 買 回 434 張 鈺 齊 -ky 股價 前 低 為 101 元 後 反彈 18 日 收在 1155 元 股價 獲得 支撐</t>
  </si>
  <si>
    <t>蘋果 發佈 全新 iphone 12 款 新機 惟 繼 嬌 生 疫苗 喊 卡 後 又 有 美國 跨 國藥 企 禮 來 盤中 宣佈 暫停 新冠 治療 後期 試驗 整體 消息 面 多空 交 雜 台 指 期 今 開 漲 21 點 電子 期 開 漲 16 點 金融 期 則 相對 偏 弱 開盤 後 小跌 約 06 點 目前 仍 在 月 線下 高檔橫 盤 整理 台股 關鍵 支撐 落 在 12700 上下 50 點 近期 應 偏向 高檔 震盪 或 震盪 走 高 在 台 指 期 淨 部位 方面 三大 法人 淨 多 單 增加 2005 口 至 8234 口 其中 外資 多 單 加碼 且 空 單 減 碼 淨 多 單 增加 1941 口 至 31069 口 十 大 交易人 中的 特定 法人 全 月份 台 指 期 淨空 單 減少 2583 口 至 15028 口 現 現階段 台股 各 均線 逐漸 形成 多頭 排列 目前 在 10 月 8 日 多方 跳 空缺 口 未 跌破 下 仍 有利於 盤 勢 永豐 期貨 表示 目前 市場 觀望 氣氛 濃厚 週二 價 跌 量 縮 短期 仍 為 震盪 格局 隨 著營 收 及第 三 季財報 公佈 具 基本 面 支撐 的 個股 為 首選</t>
  </si>
  <si>
    <t>美 股 受 新冠肺炎 疫情 單日 確診 人數 攀升 選情 膠 著 影響 連日 修正 台股 週五 同樣 收 黑 11657 點 下跌 092 收 1254634 點 成交量 197264億 佛蘭克林 華美 投 信 認為 受 美 歐 新冠肺炎 疫情 單日 確診 人數 再 攀 高 加上 美國 總統大選 前 市場 觀望 氣氛 濃厚 美國股市 持續 修正 影響 台股 拉回 整理 建議 不妨 持續 觀察 留意 逢 低 進場 的 機會 操作 策略 上 周書玄 建議 看好 電子 產業 的 趨勢 不 改變 但因 新冠肺炎 疫情 似乎 有 捲土重來 的 情況 部分 國家 重 啟封 城 與 隔離 狀態 對於 居家 隔離 居家 上班 所 需要 的 工具 例如 筆 電 網通 伺服器 與 顯示器 等 仍 有 表現 機會 此外 由於 上半年 的 疫情 經驗 目前 醫療 水準 於 可 掌 控 的 範圍 之內 死亡率 並 不至於 攀 高 而 居家 健身器材 自行車 航運 電 商 等 仍然 可 留意 佛蘭克林 華美 第一 富 基 金經理 人 周書玄 認為 面對 這 波 新冠 疫情 covid-19 再度 擴大 仍然 會 影響 不少 商業活動 運行 歐美地區 部分 國家 如 法國 德國 已 下令 暫時 關閉 部分 商場 與 店家 重 啟 居家 隔離政策 將 再次 衝擊 各國 經濟 表現 市場 除 擔憂 疫情 惡化 之外 加上 美國 總統大選 下 周 11 月初 啟動 開票 盤面 觀望 氣氛 濃厚 資金 出現 暫時 停 看 聽 的 觀望 態度 進一步 觀察 周書玄 也 分析 科技產業 新 趨勢 不 變 前 三 季 受 疫情 影響 居家 隔離 如 桌上 筆記型電腦 網通 雲端 伺服器 等 表現 不俗 搭載 英特爾 超 微 高速 運算 的 新 晶 片 規格 之 伺服器 新 產品 第 四季 將 上市 也 預告 明年 這塊 市場 應用 表現 將 淡季 不 淡 但 短線 股價 漲 多 仍 有 高檔 賣壓 建議 投資人 不妨 可 趁 拉回 修正 時 逢 低 挑選 具 業績 成長 支撐 者</t>
  </si>
  <si>
    <t>台股 新冠肺炎 佛蘭克林 華美 周書玄 重 啟封 城</t>
  </si>
  <si>
    <t>新冠肺炎 疫情 引發 全球 股災 道 瓊 指數 12 日 崩 跌 2352 點 創 1987 年 黑色 星期一 以來 最 大 跌幅 13 日 台股 開盤 前 財長 蘇建榮 親 上 火線 宣示 國安 基金 隨時 備戰 必要 時 將 召開 臨時 會議 討論 進場 護 盤 總統 蔡英文 也 信心 喊話</t>
  </si>
  <si>
    <t>新冠肺炎 疫情 引發 全球 股災 道 瓊 指數 12 日 崩 跌 2352 點 創 1987 年 黑色 星期一 以來 最 大 跌幅 13 日 台股 開盤 前 財長 蘇建榮 親 上 火線 宣示 國安 基金 隨時 備戰 必要 時 將 召開 臨時 會議 討論 進場 護 盤 總統 蔡英文 也 信心 喊話 指 臺灣 經濟 體質 良好 疫情 控制 也 較 其他 國家 穩定 政府 不僅 通過 600億 紓困 預算 更 全力 推動 各項 防疫 及 振興 經濟 措施 對 股市 有 實質 支撐 美 股 12 日 崩 跌 財政部 擔心 影響 投資人 信心 昨 一大早 6 時 50 分 就 緊急通知 搶 在 台股 開盤 前 的 8 時 15 分 召開 記者會 強調 國安 基金 正 密切 關注 台股 會 適時 因應 蘇建榮 表示 隨 新冠肺炎 全球 擴散 全球 經濟 面臨 嚴峻 挑戰 已是 無可避免 但 國內 經濟 仍 審慎 樂觀 希望 投資人 能 有 信心 讓 股市 匯市 穩健 發展 包含 金管會 央行 及 財政部 都會 陸續 因應 財政部 次長 國安 基金 執行 秘書 阮清華 則 指出 股市 若 出現 不 理性 失序 情況 達到 國安 基金 進場 要件 絕對 會 即時 召開 臨時 會議 討論 進場 護 盤 穩定 國內 股市 阮 清華 指出 觀察 2 月 24 日 至 3 月 12 日 全球 主要 股市 均 呈 跌勢 歐美 股市 跌幅 較 大 其中 法 股 達 3293 德 股 3254 英 股 2926 美國 道 瓊 2688 反觀 台股 僅 下跌 1082 跌幅 只 比 陸 股 的 382 大 阮 清華 說 近期 亞 股 跌幅 較 小 主因 已 先行 反映 與 歐美現 正 面臨 疫情 擴散 造成 股市 大 跌 不同 臺灣 疫情 控制 穩定 有序 基本 面 良好 本益比 及 殖 利率 佳 且 出口 持續 成長 不是 別人 跌 我們 臺灣 就 一定 要 跌 行政院 發言人 kolas yotaka 也 強調 政府 會 盡全力 穩定 股市 動能 對 國安 基金 昨 未 召開 會議 kolas 解釋 說 2016 年 政黨 輪 替 以來 國安 基金 就 沒有 進場 過 儘管 股 匯市 歷經 幾 次 衝擊 期間 也 發生 過 因 國際 市場 波動 與 中 美 貿易戰 單日 跌破 萬 點 但因 臺灣 總體經濟 面 穩健 危機 過後 依然 可 快速 止跌回升</t>
  </si>
  <si>
    <t>新冠肺炎 在 亞洲 全面 蔓延 亞 股 昨 幾乎 全 倒 晚間 開盤 的 美 股 期指 也 重 挫 道 瓊 指數 一度 大跌 近 千 點 達 99704 點 歐 股 開盤 重 挫 3 義 大利 更是 跌破 4 宛如 2008 年 金融 海嘯 重現 華南 投 顧 董事長 儲祥生 解讀 疫情 擴散 比 想像中 嚴重 全球 無一倖免 美 股 收盤 若 無法控制 在 15 跌幅 內 台股 恐 守 不住 前 波 低點 國泰 證 期 研究 部 分析 師蔡明 翰 表示 亞 股 這 波 下跌 是 疫情 對 亞洲 股市 進行 第二 波 攻勢 第一 波 是 在 陸 股 農曆年 後 第一 天 開市 除 南韓 跌幅 374 最 顯著 外 同是 疫情 災區 的 香港 新加坡 等 也 都 超過 1 以上 蔡明翰 認為 大陸 疫情 高峰 已 過 預估 韓國 再 經歷 23 個 交易日 應該 能 緩和 甚至 出現 跌 深 反彈 的 跡象 摩根 投 信 環球 市場 策略師 林雅慧 指出 新冠肺炎 疫情 延 燒 韓國 日本 確診 病例 有 驟增 跡象 加上 美國 最新 製造業 服務業 資料 雙雙 陷入 停滯 引發 投資人 對 全球 景氣 疑慮 上周 主要 國家 股價指數 均 已 下跌 坐 收 從 股票 金融市場 的 資金 動能 上 可以 窺探 出 國際 資金 佈局 力道 有 收斂 趨勢 安 聯 臺灣 科技 基 金經理 人 廖哲宏 表示 連美 股 都 表現 出 擔憂 的 氣氛 美 股 四大 指數 上周 皆 呈 跌勢 是 壓抑亞 股 近來 表現 的 原因 之一 觀察 近期 台股 盤 勢 加上 2 月 營 收 公佈 期 靠近 市場 可能 持續 受 干擾 或 提前 反應 台股 近期 將 呈 持續 盤整 的 格局</t>
  </si>
  <si>
    <t>是 方 6561 堪稱 中 華電 2412 小雞 金 去年 每股 大 賺 867 元 以 歷史 成長 軌跡 來看 今年 有 機會 挺進 1 個 股本 獲利 在 疫情 中 突圍 加上 101 的 配 息率 台股 績 優生 當之無愧 市場 就 斷言 在 這 波 疫情 下 帶動 靠 雲端 相關 維繫</t>
  </si>
  <si>
    <t>是 方 6561 堪稱 中 華電 2412 小雞 金 去年 每股 大 賺 867 元 以 歷史 成長 軌跡 來看 今年 有 機會 挺進 1 個 股本 獲利 在 疫情 中 突圍 加上 101 的 配 息率 台股 績 優生 當之無愧 市場 就 斷言 在 這 波 疫情 下 帶動 靠 雲端 相關 維繫 生命 的 技術 大獲全勝 可以 預期 在 2021 年 以及 之後 雲 市場 將 持續 呈現 雙 位數 成長 是 方 不僅 有 雲 加上 idc 機房 資料 網路 等 產品 相互 幫襯 長線 發展 確實 值得 拭目以待 總經理 劉耀元 接受 專訪 時就 表示 是 方 一直 在 邁向 國際化 的 路上 也 持續 在 為 國際化 做 準備 包括 famg 四大 科技 巨頭 facebook amazon microsoft google 都 是 是 方 客戶 是 方也 與 東南亞 各地 電信業者 緊密 合作 持續 增加 電信 機房 服務 據點 國際化 將 為 是 方 絕對 也 必須 走 的 路 問 2020 年 全球 遭到 covid-19 衝擊 產業 環境 遭逢 重大 改變 是 方 營運卻 逆勢 突圍 去年 每股 獲利 867 元 營 收 獲利 同創 新高 2020 年 是 方 營運 表現 及 成長 因素 此外 是 方 嗅到 的 疫 外商 機 是 方 產品 主要 分為 四大 類別 包括 idc 機房 資料 網路 語音 通信 以及 雲端 應用服務 等 劉耀元 談到 就 去年 這 波 疫情 來看 衍生 出來 的 就是 無 接觸式 服務 其 帶來 許多 數位 商 機 市場 對於 雲端 的 需求 攀升 網路 流量 使用 增加 也 促使 對 idc 機房 的 擴 增 還有 視 訊 會議 等 服務 上述 服務 不僅 不 受到 疫情 打擊 反而 是 因 更 多 公司 往 雲端 化 數位化 發展 且 電 商 生意 更 好 對流 量 的 要求 也 更 高 這 都 是 是 方 2020 年 在 疫情 下 加分 的 專案 當然 有利 則 有 弊 劉耀元 說 疫情 對 是 方也 有 帶來 負面影響 是 方 的 客戶群 很 廣 其中 也 有 旅行社 餐飲業 等 採用 是 方 主機 代管 這 方面 營 收 服務 就 突然 銳減 但 整體 來說 正面 的 貢獻 絕對 大於 負面 的 衝擊 而類似 旅行社 餐飲業 等 占比 是 方 客戶 不 到 5 以是 方 070 遠 端視 訊 系統 來說 最 主要 不僅 是 雲端 視 訊 系統 也 是 一個 雲端 總機 以前 客戶 需要 自己 安裝 交換器 但 透過 是 方 的 雲端 總機 客戶 只要 透過 申請 服務 不 管事 企業 內部 分機 視 訊 會議 以及 電子白板 等 對 客戶 來說 相當 方便 也 因為 疫情 客戶 多 出 2 3 成</t>
  </si>
  <si>
    <t>新冠肺炎 延 燒 全球 美國 聯 准會 fed 武器 全開 一口氣 降息 4 碼 利率 趨 近於 零 大 動作 反 引起 恐慌 台股 終止 史 上 最 長 萬 點 行情 美 股 週一 開盤 立刻 暴跌 2250 點 跌幅 達 971 s&amp;p 500 指數 也 下 殺 814 開盤 瞬間 即 啟</t>
  </si>
  <si>
    <t>新冠肺炎 延 燒 全球 美國 聯 准會 fed 武器 全開 一口氣 降息 4 碼 利率 趨 近於 零 大 動作 反 引起 恐慌 台股 終止 史 上 最 長 萬 點 行情 美 股 週一 開盤 立刻 暴跌 2250 點 跌幅 達 971 s&amp;p 500 指數 也 下 殺 814 開盤 瞬間 即 啟動 暫停 15 分鐘 的 熔斷 機制 道 瓊 指數 一度 跌 超過 2700 多 點 分析 師 表示 若 美 股 收盤 跌幅 控制 在 5 內 台股 今 跌幅 將 縮小 短期 9500 點 有 支撐 台股 萬 點 行情 暫 告終 fed 意外 全力 出手 美 股 投資人 卻 喝倒彩 週一 開盤 馬上 崩 跌 至 觸及 熔斷 機制 恢復 交易 後 跌勢 進一步 擴大 道 瓊 工業 指數 狂瀉 2770 點 12 報 20409 點 標 普 5百 與 那斯 達克 指數 也 分別 暴跌 11 與 12 今年 3 月 以來 美 股 已 3 度 開盤 因 崩 跌 而 暫停 交易 新冠肺炎 疫情 重創 全球 經濟 美國 限制 歐洲各國 旅客 入境 加深 全球 金融市場 動盪 股價 大跌 g 7 會員國 昨天 以 視 訊 會議 形式 舉行 高 峰會 商討 後續 應對 措施 澳洲 與 南韓 亦 呼籲 20 國 集團 g 20 領袖 與 財金 首長 開會 協調 經濟 刺激 行動 引發 市場 期待 國際 社會 聯手 推出 救 市 聯盟 此外 國際貨幣基金 imf 也 表示 已經 接 獲 至少 20 多 個 國家 要求 援助 已 準備 好 調動 其 1 兆 美元 的 放款 機制 以 協助 全球 各個 受 新冠肺炎 重創 經濟 的 國家 g 7 急 會商 imf 忙 金援 萬寶 投 顧 投資 總監 蔡明彰 表示 聯 准會 降得 太 快 又 太 急 弄巧成拙 不僅 美 股 大跌 亞 股 也 幾乎 全 趴 包括 澳洲 菲律賓 泰國 印度 以及 深證 成 指 等 跌幅 都 超過 5 以上 台股 昨 在 跌勢 拉大 後 連續 摜 破 萬 點 99009800 點 等 整數 關卡 終場 大 跌 411 點 收在 9717 點 台股 史 上 最 長 萬 點 行情 暫 告一段落 華南 投 顧 董事長 儲祥生 表示 美 股 暴漲暴跌 恐怕 還 要 維持 一段時間 若 美 股 底部 出現 即 近來 的 最低點 12 周 都 沒有 跌破 且 波動 度 降低 美 股 震盪 才 有 趨 緩 的 跡象 富 邦 投 顧 董事長 蕭幹祥 認為 台股 長期 向上 趨勢 線 已 被 破壞 加上 fed 大幅 降息 暗示 國際 疫情 衝擊 不容 小覷 預期 今年 大盤 高點 已 過 加權指數 區間 將 下 移 至 10 年 線 附近 約 在 9114 點 左右 因此 短線 縱使 有 反彈 機會 投資人 仍 須 調節 基本 面 受 疫情 衝擊 較 大 的 個股</t>
  </si>
  <si>
    <t>降息 肺炎 美 股 台股 暴跌</t>
  </si>
  <si>
    <t>台股 上周 連四日 收紅 一舉 站 上月 線 及 季線 摩爾 投 顧 分析 師鐘崑 禎 指出 以 周線 格局 本 周 大盤 高點 預期 將 至 12000 點 隨後 將 進入 高檔 震盪 投資人 可 趁 2 月 財 報 公佈 前 積極 的 來回 操作 本 周 投資 組合 前 兩 大為 國 巨 2327</t>
  </si>
  <si>
    <t>台股 上周 連四日 收紅 一舉 站 上月 線 及 季線 摩爾 投 顧 分析 師鐘崑 禎 指出 以 周線 格局 本 周 大盤 高點 預期 將 至 12000 點 隨後 將 進入 高檔 震盪 投資人 可 趁 2 月 財 報 公佈 前 積極 的 來回 操作 本 周 投資 組合 前 兩 大為 國 巨 2327 中 美 晶 5483 再 選 入 南亞 科 2408 聯 鈞 3450 與 環球 晶 6488 台股 經 11 個 交易日 的 震盪 洗盤 11600 點 附近 的 大量 區已由 壓力 轉為 支撐 雖 還 未 完全 收復 1 月 30 日 的 長黑 但 以 價 量 結構 觀察 短線 底部 確立 就 14 日 的 收盤 位置 來看 大盤 已 可 視為 初步 的 由 空轉 多 總 經 方面 整體 國際 經濟 勢必 受 新冠肺炎 一定 程度 的 衝擊 預期 各 大 企業 第一 季財報 將 會 明顯 下滑 尤其 2 月 交易日 少 須 慎防 3 月初 月報 公佈 後 的 失望 性 賣壓 出籠 因此 本 周 操作 上 可以 朝 整理 後 突破 前 高 的 個股 挑選 類 股 方面 蘋果 供應 鏈 受 此 次 新冠肺炎 劇烈 衝擊 其中 最 重要 的 復工 關鍵 在 電子 製造 服務 ems 廠 包括 鴻 海 及 和 碩 這 兩 間 大 廠 的 復工 進度 目前 都在六 成 以下 陸廠 的 舜宇 與 立 訊 復工 進度 也 不 到 四 成 再 加上 缺 工 與 人員 進出 限制 預期 整體 供應 鏈 至 3 月中 旬 後 才 有望 慢慢 回穩 至於 被動 元件 族群 因 積 層 陶瓷 電容 mlcc 供需 缺口 持續 擴大 各 大 廠 相繼 宣佈 交 期 延長 三 個 月 以上 龍頭 廠 國 巨 也 預期 將 從 3 月 起 調 漲 mlcc 電阻 價格 約 三 成 且 稼 動 率 短期 不易 大幅 拉升 下 被動 元件 族群 可望 受惠 漲價 的 預期 心理 吸引 大量 資金 轉入</t>
  </si>
  <si>
    <t>台股 有望 被動 元件 族群 本 周 肺炎</t>
  </si>
  <si>
    <t>台股 拼 重新 吸 聚 人氣 外資 圈 再 出 招 麥格理 證券 看好 景碩 3189 營運 自 2020 年 起 翻 揚 最壞 情況 已 過 升 評 至 優於 大盤 摩根士丹利 除 同步 重申 看好 景碩 還 針對 華邦電 2344 發出 戰術性 買進 報告 rti 疾呼 現在</t>
  </si>
  <si>
    <t>台股 拼 重新 吸 聚 人氣 外資 圈 再 出 招 麥格理 證券 看好 景碩 3189 營運 自 2020 年 起 翻 揚 最壞 情況 已 過 升 評 至 優於 大盤 摩根士丹利 除 同步 重申 看好 景碩 還 針對 華邦電 2344 發出 戰術性 買進 報告 rti 疾呼 現在 就 是 買點 給予 21 元 推測 合理 股價 估 值 全球股市 頂 著 新冠肺炎 逆風 近期 走 出 反彈 波 台股 也 跟上 腳步 且 除了 高價 股 得 研究 機構 關注 最 能 有效 吸引 當地 投資人 目光 的 中 低價 低 基期 股 也 獲得 外資 青睞 麥格理 證券 指出 景碩 經 連三季 淨損 2019 年 第 四季 受惠 智慧 機 與 dram 表現 優於 預期 單季 營業 利益 終於 轉正 亦 超越 市場 共識 且 儘管 元月 開工 天數 因 農曆年 假期 影響 景碩 營 收 年 減 也 僅 11 意味 營運 動能 正 在 轉 佳 麥格理 進一步 說明 景碩 於 2019 年 全年 每股 淨損 453 元 後 隨 淡出 虧損 的 slp 事業 將 產能 轉向 abf 2020年 營運 狀況 將 會 持續 好轉 其次 儘管 目前 有 新冠肺炎 影響 需求 但 偏向 高端 奢侈品 的 智慧 型 手機 蘋果 iphone 需求 不 會 消失 只是 遞 延到 第二 季 與 下半年 對 景碩 衝擊 非常 有限 摩根士丹利 證券 表示 景碩 中長線 受惠 5 g 的 系統 級 晶 片 soc 資料機 整合 天線 封裝 aip 基地 台 加上 穿戴 式 裝置 airpods pro 與 高頻 寬 行動 裝置 dram 貢獻 毛利率 將 持續 回溫 現在 股價 淨值 比 只 有 08 倍 比起 過去 迴圈 中間 值 的 12 倍 低 了 不少 評價 十分 便宜 看好 估 值 修復 賦予 60 元 推測 合理 股價 大 摩 在 低價 低 基期 族群 中 也 特別 點名 因 2019 年 第 四季 意外 轉 虧 股價 近期 回檔 劇烈 的 華邦電 並 向 客戶 分析 該 虧損 為 一次性 且 主要 是 因 美國 主要 客戶 訂單 變更 公司 方面 需要 花 一點 時間 尋求 新 客戶 因而 打消 25 奈 米 新 產品 2 gb lpddr 4 dram 必須 留意 的 是 華邦電 先前 也 說明 此 問題 將 在 3 月 獲得 解決 大 摩 判斷 這 代表 該 批 庫存 最終 將 售 往 終端 客戶 處 華邦電 上半年 可望 獲得 庫存 回沖 挹注 外資 分析 不論是 dram 或 nor 的 報價 都 還 處在 上升 軌道 推 估 華邦電 每股 純益 將 從 2019 年 的 03 元 數 倍 增長 為 2020 年 的 103 元 2021 年 再 持續 大增 近 八成 至 18 元</t>
  </si>
  <si>
    <t>台股 守 在 萬二 以上 讓 更 多 投資人 心 癢癢 想 進場 投資 國泰 金控 20 日 公佈 7 月 國民經濟 信心 調查 因為 全球 疫情 再起 讓 庶民 經濟 信心 略為 下滑 外界 也 擔心 股市 風險 已 高 但 仍 有 262 的 受訪者 有意 將 現金 或 定存 轉入 台</t>
  </si>
  <si>
    <t>台股 守 在 萬二 以上 讓 更 多 投資人 心 癢癢 想 進場 投資 國泰 金控 20 日 公佈 7 月 國民經濟 信心 調查 因為 全球 疫情 再起 讓 庶民 經濟 信心 略為 下滑 外界 也 擔心 股市 風險 已 高 但 仍 有 262 的 受訪者 有意 將 現金 或 定存 轉入 台股 投資 風險 偏好 指數 43 更是 從 5 月 起 連續 三 個 月 升高 儘管 7 月 有 318 的 受訪者 認為 國內 經濟 景氣 比 過去 半 年 改善 但 因為 全球 新冠肺炎 疫情 再度 緊張 所以 受訪者 對 未來 半 年 經濟 景氣 略為 擔心 未來 半 年 的 經濟 展望 指數 從 6 月 的 1937 月 降到 131 終止 5 月 開始 連 二月 的 上升 7 月 仍 有 352 的 受訪者 預估 未來 半 年 台股 仍 會 比 現在 上漲 比 6 月 的 39 略 降 但 台股 展望 指數 仍 有 52 守 住 正指數 即 看漲 台股 的 民眾 比 看 跌 的 多 全球股市 持續 上揚 台股 亦 堅守 在 1萬2千 點 以上 上半年 股市大戶 中實 戶 增加 讓 不少 散 戶 想 進場 據 國泰 金控 每月 定期 調查 其 客戶 各項 經濟 看法 的 國泰 國民經濟 信心 顯示 民眾 對 台股 的 投資 意願 持續 升高 今年 的 投資 意願 由 正 轉 負 是 在 3 月 新冠肺炎 最 嚴重 時 由 2 月 的 13 到 3 月 直接 降到 69 4 月 則 是 民眾 投資 信心 穀底 投資 指數 續 降到 96 有 339 的 受訪者 寧願 將 錢 繼續 存在 銀行 是 15 個 月 新高 但 隨 臺灣 疫情 受 控 且 資金 行情 推 升 股市 持續 走 高 也 讓 民眾 投資 意願 升高 台股 投資 偏好 指數 5 月 升高 到 226 月 一口氣 轉正 到 347 月 續 升到 43 7 月 民眾 對 經濟 景氣 樂觀 程度 略為 下降 但 據 國泰 金 調查 受訪 民眾 預估 今年 經濟 成長率 無法 保住 1 的 比率 已 從 5 月 時 的 276 6 月 降到 213 7 月 再續 降到 163 且 最 多 人 即有 299 受訪者 認為 全年 經濟 成長率 會 落 在 15 175 之間 比 5 月 及 6 月 時 最 多 人 都逾 28 預估 全年 只 有 1 125 的 經濟 成長率 明顯 樂觀</t>
  </si>
  <si>
    <t>股 利率 亮 眼 台股 列 亞洲 前段</t>
  </si>
  <si>
    <t>近期 全球股市 受 到 新冠肺炎 疫情 全球 持續 升溫 阿拉伯 提高 產能 引發 國際 油價 崩 跌 兩 大利 空 干擾 整體 市場 投資氣氛 較 差 兆豐 臺灣 藍 籌 30 etf 經理 人 周彥名 表示 根據 研究 機構 預估 台股 今年 整體 股 利率 可 達 4 相較 香港 大</t>
  </si>
  <si>
    <t>近期 全球股市 受 到 新冠肺炎 疫情 全球 持續 升溫 阿拉伯 提高 產能 引發 國際 油價 崩 跌 兩 大利 空 干擾 整體 市場 投資氣氛 較 差 兆豐 臺灣 藍 籌 30 etf 經理 人 周彥名 表示 根據 研究 機構 預估 台股 今年 整體 股 利率 可 達 4 相較 香港 大陸 南韓 各 約 35 26 26 而言 在 亞洲地區 仍 位元列 前段 班 對 外資 法人 仍 較 具 吸引力 尤其 現在 新冠肺炎 的 疫情 恐慌 美國 又 持續 降息 在 全球 低利 環境 下 法人 資金 也 很 難 找 到 安全 落腳處 因此 台股 仍 將 是 較為 優先 的 選擇 周 彥 名 指出 兆豐 臺灣 藍 籌 30 etf 採用 策略 選 股 篩選 條件 包括 流動性 營運 穩定性 獲利 能力 分配 股利 等 精選 出 體質 較佳 股利 優質 的 公司 後 再 選取 市值 前 30 大 標的 以此 兼顧 成長性 高 股利 安全性 等 特質 這 檔 etf 在 市場 環境 不好 時 有 高 股 利率 作為 保護傘 在 行情 轉 佳 時 也 有 向上 的 爆發力 因此可 真正 稱得上 具有 攻守 兼備 的 特性 野村 投 信 預估 疫情 對 臺灣 經濟 的 影響 在 兩 季內 短 期間 建議 投資人 避開 受 影響 較 大 的 產業 但 長期 而言 在 歐美 央行 持續 的 寬鬆 貨幣政策 以及 大陸 不斷 釋出 流動性 等 利多 政策 加 持 下 疫情 和緩 後 市場 將 出現 反彈 建議 於 股市 回檔 之際 逢 低 佈局 長線 成長 潛力 產業 如 半 導體 5 g data center 記憶體 電動車 電動 自行車 及 機能 鞋 等 相關 產業 第一 金 投 信 指出 展望 後市 若 疫情 可 控制 在 湖北 企業 獲利 成長 下 修 有限 下半年 在 半 導體 5 g 手機 換 機 潮 等 利多 因素 帶動 下 股市 仍 有 創 高 機會 第一 金 投 信 建議 投資人 待 疫情 沉澱 後 觀察 量 縮 後 出量 或 武漢 解除 封城 的 時間 點 以 定期 定額 或 往 下 分批 方式 建立 投資 部位</t>
  </si>
  <si>
    <t>大陸 兆豐 臺灣 藍 籌 肺炎 台股 一 金 投 信</t>
  </si>
  <si>
    <t>在 美 股 四大 指數 收 高 帶動 下 台股 今 開高 震盪 指數 最高 沖 上 波段 新 高 11425 點 只 是 其 後 在 美 股 期貨 盤 翻 黑 走弱 下 大型 權值 股 多 檔 翻 黑 台股 漲幅 收斂 10400 大關 得而復失 終場 台股 收 漲 7307 點 報 在 1139323 點 成交量</t>
  </si>
  <si>
    <t>在 美 股 四大 指數 收 高 帶動 下 台股 今 開高 震盪 指數 最高 沖 上 波段 新 高 11425 點 只 是 其 後 在 美 股 期貨 盤 翻 黑 走弱 下 大型 權值 股 多 檔 翻 黑 台股 漲幅 收斂 10400 大關 得而復失 終場 台股 收 漲 7307 點 報 在 1139323 點 成交量 為 201682億 元 目前 台股 季 線 仍 偏 下行 且 年初 以來 套 牢 賣壓 尚 待 時間 化解 故 短線 仍以 震盪 行情 機會 居大 權 值 股 今 穩 盤力道 不足 股王 大 立 光 3008 早 盤後 翻 黑 摔 下 4300 元 大關 收 跌 07 台積電 2330 則 持 穩 抗跌 收 漲 166 鴻 海 2317 則 多 震盪 于 平盤 附近 力拼 守 穩 5 日 線 並 挑戰 78 元 上方 壓力 區 收 漲 038 除 蘋概 三 雄 的 跌多漲少 外 聯發 科 2454 今 逢漲 多 後 的 高檔 整理 股價 多 小跌 在 05 以內 終場 拉 回到 平盤 面板 雙虎 友達 2409 群 創 3481 則 漲跌互見 友達下跌 逾 1 群 創 則 上漲 約 1 今日 盤面 題材 股 各自 點火 被動 元件 股 龍頭 國 巨 2327 開高 走 高 上漲 217 華 新科 2492 午 盤後 拉高 收 漲 59 奇 力 新 2456 則 收 漲逾 3 在 歐美 陸續 解封 車用 等 需求 回 溫 銅箔 基 板 廠 聯 茂 6213 騰 輝 -ky 6672 今 盤中 股價 也 連袂 走 高 漲幅 最高 逾 3 ic 設計 股 族群 儘管 龍頭股 聯發 科 走低 但 世芯 -ky 3661 受到 去 美化 效應 續 發酵 獲 外資 首 評 即 喊 買 股價 開高 震盪 午 盤後 儘管 漲幅 收斂 亦 有 3 的 漲幅 表現 同樣 是 受到 去 美化 效應 立 積 4968 上漲 逾 2 信 驊 5274 今日 除息 每股 配發 現金 股利 22 元 今 除息 行情 不弱 開盤 大 漲 45 元 順利完成 填息 分析 師 表示 考量 外資 認錯 回 補 加上 全球 新 冠 疫情 趨 緩 經濟 持續 復蘇 以及 美中 貿易戰 華為 禁令 等 引發 的 轉 單 效應 持續 發酵 均 有利 多頭 格局 續揚不過 未來 選 股 仍 是 重點 特別是在 美國 有 種族 衝突 導致 的 全美 數 十 城市 宵禁 利 空下 包括 台股 納指 費 半 等 反而 大 漲 行情 由 23 月 崩 盤 走勢 轉為 v 型 反 轉 操作 難度 加大 建議 指數 逢回 都 是 買點 選 股 優於 選 市 聚焦 汽車 零 組件 民生 消費 概念 股 及 具 業績 題材 電子 類 股</t>
  </si>
  <si>
    <t>族群 創 新低 台股 留意 全球股市</t>
  </si>
  <si>
    <t xml:space="preserve">
新冠肺炎疫情嚴峻我國口罩日產量不斷提升台灣政府目前已放寬到每14天成人可買9片口罩、兒童可買10片不過部分民眾困惑為何不是每天一片？行政院長蘇貞昌前日透露衛福部認為如果不限量大家可能就會浪費。政委唐鳳拍影片教學如何「乾蒸口罩」還大玩「順時中」雙關哏要大家「時鐘要順著跑8分鐘」然後就可以繼續安心使用同一片「復活的口罩」。唐鳳同時跟隨政府主打防疫外交PO影片的推特文上標註「TaiwanCanHelp」。
行政院長蘇貞昌前日在立法院被詢被民進黨立委黃秀芳問及未來多久之後可以達成每天口罩產能1500萬片？哪時可以讓台灣每位民眾1天可以有1片口罩？蘇貞昌透露之前討論時衛福部也有意見認為說不要浪費因為如果不限量大家可能就會浪費。但蘇也正面回應未來口罩視產量1天1片到時再參考。
還是有民眾擔心這段期間會有口罩不夠用的問題被日本媒體讚為「天才IT大臣」的政委唐鳳在自己公開的推特分享如何乾蒸口罩讓口罩可以簡單消毒過後再重複使用。唐鳳說此法不會讓口罩融化的關鍵是不要加水指出「電鍋乾蒸的溫度較高（149~164℃）」。
只見影片中唐鳳模仿美食節目主持人的口吻說要教民眾做一道「乾蒸口罩」要準備這3樣東西：1電鍋、2用過的口罩、3時鐘。
唐鳳說：「首先把電鍋鍋蓋打開口罩平放進內鍋原汁原味不加水。」接著唐鳳還大玩「順時中」雙關哏「開啟電鍋的電源讓時鐘順著跑8分鐘」。8分鐘後把鍋蓋打開稍微放涼消毒之後可以重複使用的口罩就完成了。最後唐鳳戴上乾蒸好的口罩說 ：「戴上口罩即可安心使用囉！」短短37秒的教學影片還貼心附上英語字幕想讓外國人也可以學這個重複使用口罩的方法。
唐鳳的推特PO文也跟隨政府主打防疫外交標註「TaiwanCanHelp」然後蔡英文總統4月1日宣佈在全體國人努力下國內疫情得到最好的控制台灣口罩產能一躍成為全球第二大的口罩生產國除了可以充分供應國內的需求她說「我們將捐贈1000萬片口罩 將近一日產能支援疫情嚴重國家的醫療人員。」</t>
    <phoneticPr fontId="1" type="noConversion"/>
  </si>
  <si>
    <t>傑尼斯 再 傳 病例 關 8 大倉 忠義 確診 新冠肺炎 高燒 兩 天</t>
  </si>
  <si>
    <t>日本 演藝圈 罹 患 新冠肺炎 再 添 一 例 傑尼斯事務所 旗 下 人氣 團體 關西 傑尼斯 8 關 8 其中 一 名 成員 大倉 忠義 被 爆 確診 新冠肺炎 目前 按照 相關 單位 指示 進行 10 天 休養 而 與 他 有 密切接觸 的 成員 丸山 隆 平 及 經紀人 也 將 進</t>
  </si>
  <si>
    <t>日本 演藝圈 罹 患 新冠肺炎 再 添 一 例 傑尼斯事務所 旗 下 人氣 團體 關西 傑尼斯 8 關 8 其中 一 名 成員 大倉 忠義 被 爆 確診 新冠肺炎 目前 按照 相關 單位 指示 進行 10 天 休養 而 與 他 有 密切接觸 的 成員 丸山 隆 平 及 經紀人 也 將 進行 2 周 隔離 根據 日 媒 報導 大倉 忠義 20 日 晚間 身體 出現 倦怠感 隔 天 便 發燒 到 375 度 經過 篩檢 為 陽性反應 確定 罹 患 新型 肺炎 目前 已經 接受 隔離 治療 而 和 他 接觸 較 頻繁 的 同 團 成員 丸山 隆 平 以及 一 名 經紀人 經過 篩檢 後 雖 確認 為 陰性 仍 會 進行 2 周 隔離 至於 其他 關 8 成員 橫山 裕 村上 信 五 安田章 大 則 繼續 維持 原有 通告 活動 傑尼斯 負責人 表示 大倉 忠義 在 發病 後 並未 進入 傑尼斯事務所 大樓 或 相關 設施 目前 會 對 相關 人員 作好 嚴密 控管 並 隨時 注意 所有人 健康 狀態 照常進行 演藝 與 業務 活動 呼籲 外界 不用 過度 擔憂 大倉 忠義 主演 bl 電影 窮途 之 鼠 的 乳酪 之 夢 和 成田 淩 展開 一 段 不 倫之戀 上映 以來 獲得 大批 腐 女 觀眾 支持 明年 1 月 則 預定 主演 富士電視臺 新 戲 演藝事業 可說 備受 看好</t>
  </si>
  <si>
    <t>大倉 忠義 關 8 傑尼斯 新冠肺炎 發燒</t>
  </si>
  <si>
    <t>週一 美國 死於 新冠肺炎 的 患者 已經 逼近 突破 20萬 大關 目前為止 在 全球排名 第一 根據 路透社 統計 以 單周 平均值 估算 目前 美國 每天 約 800 人 死於 該 疫病 較 4 月 15 日 創下 記錄 的 單日 2806 人 病故 的 高 峰值 下滑 在 疫情 剛 爆發 的</t>
  </si>
  <si>
    <t>美國 死亡 病例 萬 大關 新冠肺炎 疫病</t>
  </si>
  <si>
    <t>兆豐 仰光 分行 已經 取得 緬甸 央行 核發 營業執照 預計 在 7 日 正式 開業 為 兆豐 新 南向 業務 增添 新 動能 兆豐 銀 表示 2020 年 4 月 獲 緬甸 央行 核准 設立 仰光 分行 後 就 緊鑼密鼓 展開 籌備工作 開始 展開 但 受到 新冠肺炎 covid-19 疫</t>
  </si>
  <si>
    <t>兆豐 仰光 分行 已經 取得 緬甸 央行 核發 營業執照 預計 在 7 日 正式 開業 為 兆豐 新 南向 業務 增添 新 動能 兆 豐 銀 表示 2020 年 4 月 獲 緬甸 央行 核准 設立 仰光 分行 後 就 緊鑼密鼓 展開 籌備工作 開始 展開 但 受到 新冠肺炎 covid-19 疫情 影響 員工 入境 有 一定 的 困難 仰光 當地 還 一度 封城 經過 籌 設 努力 終 獲得 當地 主管機關 肯定 取得 營業執照 7 日 起 開始 服務 當地 台商 與 客戶 兆 豐 銀 表示 緬甸 是 新 南向 地區 相當 具 發展潛力 的 市場 兆豐 銀 2016 年 成立 仰光 辦事處 以來 除 了 積極 提供 企業 商情 諮 詢 與 當地 主管機關 建立 良好 互動 善 盡 社會 責任 因此 脫穎而出 成為 少數 升格 分行 的 台資 銀行 兆 豐 仰光 分行 規劃 開業 初期 以 在 緬 台商 大型 外資企業 為 目標 客戶 運用 擅長 的 企 金 聯 貸 及 外匯 優勢 業務 透過 總行 新 南向 行動 策略 小組 商情 通報 平臺 與 新 南向 地區 18 個 據點 相互 串聯 並 將 善用 海外 信 保 基金 協助 台商 有效 獲得 融資 資金 調度 及 客 制 化 的 一 站 式 服務 兆 豐 銀行 回應 新 南向 政策 耕耘 東南亞 市場 數 十 年 于 泰國 越南 柬埔寨 菲律賓 新加坡 馬來西亞 緬甸 澳洲 印度 等 9 國 共有 19 個 據點 且 能 因地制宜 新 南向 業務 市 占 率 位居 國銀 第一</t>
  </si>
  <si>
    <t>新冠肺炎 疫情 全球 升溫 美國國務院 19 日 宣佈 停 發 全球 常態 性 簽證 投資人 也 看壞 未來 全球 經濟 美 股 20 日 開高走低 道 瓊 指數 收盤 跌 913 點 估單 周 跌 17 創 金融危機 來 最慘 美國國務院 19 日 把 全球 旅遊 警示 提升 至 最高 的 第 4</t>
  </si>
  <si>
    <t>新冠肺炎 疫情 全球 升溫 美國國務院 19 日 宣佈 停 發 全球 常態 性 簽證 投資人 也 看壞 未來 全球 經濟 美 股 20 日 開高走低 道 瓊 指數 收盤 跌 913 點 估單 周 跌 17 創 金融危機 來 最慘 美國國務院 19 日 把 全球 旅遊 警示 提升 至 最高 的 第 4 級 呼籲 民眾 避免 出國 美國國務院 19 日 宣佈 停 發 全球 常態 性 簽證 由於 疫情 升溫 投資人 對 未來 經濟 憂心 美 股 下跌 美 股 20 日 開高走低 道 瓊 工業 指數 終場 下跌 91321 點 或 455 收在 1917398 點 標準普爾 500 指數 下跌 10447 點 或 434 收在 230492 點 以 科技 股 為主 的 那斯 達克 指數 下跌 271060 點 或 379 收在 6879518 點 美 股 三大 指數 下跌 道指 本 周 下跌 17 創下 2008 年 10 月 下跌 182 來 最 大 單 周 跌幅 歐洲 股市 續強 倫敦 ftse 100 指數 上漲 076 收在 519078 法蘭克福 dax 30 指數 上漲 370 收在 892895 巴黎 cac 40 指數 上漲 501 收在 404880</t>
  </si>
  <si>
    <t>敦睦 艦隊 磐石 軍艦 王定宇 海軍 新冠肺炎</t>
  </si>
  <si>
    <t>朱學 恒 紓困 公務員 經濟部 新冠肺炎</t>
  </si>
  <si>
    <t>新冠肺炎 covid-19 疫情 突破 200 例 這 幾 天 境外移入 的 確診 者 更是 占 了 大多數 引起 不少 民眾 關注 就 有 在 餐廳 打工 的 網友 分享 聽到 客人 大義滅親 的 義舉 引發 網友 熱烈 認同 在 餐廳 打工 的 原 po 在 dcard 表示 打工 的 時候</t>
  </si>
  <si>
    <t>新冠肺炎 covid-19 疫情 突破 200 例 這 幾 天 境外移入 的 確診 者 更是 占 了 大多數 引起 不少 民眾 關注 就 有 在 餐廳 打工 的 網友 分享 聽到 客人 大義滅親 的 義舉 引發 網友 熱烈 認同 在 餐廳 打工 的 原 po 在 dcard 表示 打工 的 時候 偶然 聽到 客人 的 談話 原來 客人 透過 電話 得知 姑姑 剛 從 美國 回來 他 詢問 啊 他 有 自主 隔離 嗎 卻 得到 沒有 的 答案 氣 得 這 名 客人 直接 就 在 餐廳 打電話 通報 自己 的 姑姑 讓 原 po 忍不住 稱讚 第一 次 覺得 客人 那麼 帥 不錯 不錯 許多 網友 也 紛紛 贊許 原 po 口中 的 客人 表示 太 優秀 了 我們 需要 多 一點 這種 人 不過 也 有人 懷 是不是 跟 姑姑 關係 不好 一定 是 過年 紅包 給 的 不夠 多</t>
  </si>
  <si>
    <t>客人 聽到 餐廳 網友 新冠肺炎</t>
  </si>
  <si>
    <t>新冠肺炎 疫情 掀起 口罩 荒 即使 政府 購買 口罩 實施 實 名 制 七 天內 限定 購買 2 片 仍 出現 一 片 難 求 窘境 不料 一 名 家裡 開 藥局 的 女網友 竟 成 了 口罩 荒 的 受害者 因為 沒有 幫 男友 的 爸爸 留 口罩 竟 被 逼 分手 嗆 這 女人 不能</t>
  </si>
  <si>
    <t>新冠肺炎 疫情 掀起 口罩 荒 即使 政府 購買 口罩 實施 實 名 制 七 天內 限定 購買 2 片 仍 出現 一 片 難 求 窘境 不料 一 名 家裡 開 藥局 的 女網友 竟 成 了 口罩 荒 的 受害者 因為 沒有 幫 男友 的 爸爸 留 口罩 竟 被 逼 分手 嗆 這 女人 不能 入門 當 媳婦 這 名藥 局 妹 日前 在 網路 論壇 zuvio 校園 發文 表示 男友 的 爸爸 知道 她 家 開 藥局 前 幾 天 到 他家 作客 時 要求 她 幫忙 留 口罩 可是 她 根本 沒有 權利 這麼 做 當面 拒 絕後 整個 氣氛 超 尷尬 原 po 接 著 寫道 他 爸 就 一直 擺手 要 我 走 還 一直 故意 大聲 咳嗽 更 讓 她 傷心 的 是 他 爸 崩潰 說 這種 女人 不能 入門 當 媳婦 讓 她 不知 該 如何是好 網友 看到 此文 紛 紛紛 留言 問 他 爸 什麼 職業 的 如果 是 金融業 叫 他 偷 一點 錢 給 你 嫁 進去 日子 也 不好過 只要 不順 他 意 就 給 你 難堪 這麼 不講理 幹 嘛 委屈求全 你 男友 應該 幫忙 講話 有 肩膀 一點 他 拒絕 就 跟 他 說 這 跟 不能 留 口罩 是 一樣 的 道理 好 嗎</t>
  </si>
  <si>
    <t>新冠肺炎 疫情 擴散 世界衛生組織 昨 宣佈 進入 全球 大 流行 階段 專家 指出 臺灣 經歷 sars 與 h 7 n 9 的 歷練 後 早 有一套 預警系統 反觀 歐美數 十 年 未 發生 大規模 流行病 是 諸多 防疫 作為 慢 半 拍 的 主因 另 有 專家 表示 目前 歐洲 1 人</t>
  </si>
  <si>
    <t>新冠肺炎 疫情 擴散 世界衛生組織 昨 宣佈 進入 全球 大 流行 階段 專家 指出 臺灣 經歷 sars 與 h 7 n 9 的 歷練 後 早 有一套 預警系統 反觀 歐美數 十 年 未 發生 大規模 流行病 是 諸多 防疫 作為 慢 半 拍 的 主因 另 有 專家 表示 目前 歐洲 1 人 能 傳 56 人 美洲 則 是 1 人 傳 34 人 在 這樣 的 情況 下 疫情 恐 難以 在 12 個 月 內 改善 台 大公 衛學院 副 院長 陳秀熙 表示 歐洲 疫情 主要 從 義 大利 開始 擴散 和 南韓 伊朗 一樣 都 是從 大陸 的 境外移入 發展 到 社區 感染 是 很 早 就 能 預測 到 的 狀況 加上 歐洲各國 互通 疫情 一下子 就 迅速 擴散 到 鄰近 的 德 法 西 等 前 疾 管署 署長 張峰義 分析 新冠肺炎 一傳 十十 傳 百 的 速度 就 像 秋風掃落葉 一樣 快 臺灣 之所以 維持 不錯 的 病例 數 就是 反應 比較 快 疾 管署 每天 都 在 進行 媒體 監控 只要 國際 上 一 有 不對勁 馬上 就 會 有 動作 防疫 有 3支箭 準備 監測 及 緊急 應變 張峰義 表示 這 3 支箭 臺灣 平時 就 有 在 做 醫療 物資 更是 從 地方 醫院 衛生局 到 中央 都 備齊 西方 國家 可能 是 太 久 沒 打仗 平常 缺乏 整備 與 演練 甚至 缺乏 監測 概念 災情 才 這麼 慘重 舉例 而言 口罩 禁 出口 並非 這次 疫情 才有 是 行之有年 的 sop 新 冠 病毒 到來 就 像 考驗 國家 平時 對 疫情 的 準備 程度 陳 秀 熙 表示 歐美 許多 國家 沒有 sars 經驗 也 沒有 做好 準備 美洲 的 部署 甚至 比 歐洲晚 2 周 1 名 感染者 若 能 傳染 1 人 以上 就 屬於 嚴重 情況 但 目前 的 歐洲 1 人 能 傳 56 人 美洲 則 是 1 人 傳 34 人 在 這樣 的 情況 下 疫情 恐怕 難以 在 12 個 月 內 改善 也 因 如此 who 才 會 宣佈 新冠肺炎 大 流行 美國 專家 研究 指出 新冠肺炎 死亡率 是 流感 的 10 倍 以上 陳秀熙 表示 嚴重 國家 如 義 大利 的 死亡率 介於 8 10 日 韓則 是 2 3 相對 於小於 1 的 流感 的確 高出 許多 倍</t>
  </si>
  <si>
    <t>活動 新冠肺炎 肺炎 防疫 空氣</t>
  </si>
  <si>
    <t>俄羅斯衛生部 已 大量 生產 全球 首 支 新冠肺炎 疫苗 年底 月 產 可 達 500萬 劑</t>
  </si>
  <si>
    <t>陳時中 國產 疫苗 臺灣 聯 亞 新冠肺炎</t>
  </si>
  <si>
    <t>船員 印度 指揮中心 新冠肺炎</t>
  </si>
  <si>
    <t>走路 不 穩 懷疑 中風 嘉義 水上 6 旬 婦人 確診 新冠肺炎 感染 源 不明</t>
  </si>
  <si>
    <t>中央 疫情 指揮中心 4 日 公佈 嘉義 縣 新增 1 位 新冠肺炎 確診 案例 嘉義 縣長 翁章梁 今天下午 3 點 疫情 線 上 記者會 中 說明 該 確診 個案 案 10363 為 水上鄉 64 歲 呂性 女子 6 月 3 日 因 走路 不 穩 懷疑 中風 就醫 後 篩檢 確診 目前 住院 隔離 中 匡</t>
  </si>
  <si>
    <t>中央 疫情 指揮中心 4 日 公佈 嘉義 縣 新增 1 位 新冠肺炎 確診 案例 嘉義 縣長 翁章梁 今天下午 3 點 疫情 線 上 記者會 中 說明 該 確診 個案 案 10363 為 水上鄉 64 歲 呂性 女子 6 月 3 日 因 走路 不 穩 懷疑 中風 就醫 後 篩檢 確診 目前 住院 隔離 中 匡列 密切接觸 者 8 人 2 人 結果 為 陰性 6 人 采 檢 中 翁章梁 表示 為 防堵 疫情 比照 日前 大林 大埔 美 群 聚 案 將 在 下 寮 村 擴大 篩檢 案 10363 住 在 水上 鄉下 寮 村 有 多重 慢性 病史 與 婆婆 先生 兒子 媳婦 2 名 孫子 及 1 名 外籍 看護 7 人 同 住 平時 務農 兒子 經營 修車 廠 足跡 包括 每日 早上 至 老李 包子 店 買 早餐 偶 而 會 到 水上 公有 市場 買 菜 27 日 曾至榮 興 藥局 為 孫子 買 退燒藥 6 月 1 日 因 腹瀉 自行 就醫 隨即 至 水上 公有 市場 買 菜 停留 約 30 分鐘 外出 期間 均 戴 口罩 衛生局長 趙紋 華表 示 6 月 3 日 早上 呂婦因 忽然 走路 不 穩 由 居住 在 外地 女兒 陪伴 到 醫院 急診 就醫 經 篩檢 後 確診 目前 住院治療 中 曾 接觸 醫療 人員 采 檢 均 為 陰性 匡列 密切接觸 者 8 人 均 完成 采 檢 目前 2 人 陰性 6 人 采 檢 中 至於 感染 源 是 哪裡 該 婦 是否 去 過 北部 或 大林 嘉 縣長 翁章梁 說 感染 源 目前 仍 不明 衛生局 持續 積極 疫 調 中 另 翁章梁 也 表示 依據 日前 大埔 美的 群 聚 案件 經驗 會 先行 擴大 篩檢 會 朝 確診 者 鄰居 群 聚 點 匡列 民眾 進行 pc 檢測 目前 已對 住家 周邊 及 足跡 公共場所 等 範圍 完成 消毒 請 民眾 不用 過度 恐慌</t>
  </si>
  <si>
    <t>新冠肺炎 臺灣 嘉義 采 檢 中風</t>
  </si>
  <si>
    <t>新冠肺炎 疫苗 az 莫德納 混打</t>
  </si>
  <si>
    <t>緊急 授權 疫苗 江啟臣 衛福部 新冠肺炎</t>
  </si>
  <si>
    <t>新冠肺炎 疫情 衝擊 各行各業 台中市政府 雨天 撐 傘 紓困 再 加碼 推出 稅捐 緩繳 20 擴大 適用 物件 及 鬆綁 條件 全力 協助 民間 產業 度過 景氣 寒冬 預估 受惠 民眾 將 達 3萬5000 人 緩繳 金額 達 2億 元 台中 市長 盧秀燕 祭出 紓困 九 箭</t>
  </si>
  <si>
    <t>新冠肺炎 疫情 衝擊 各行各業 台中市政府 雨天 撐 傘 紓困 再 加碼 推出 稅捐 緩繳 20 擴大 適用 物件 及 鬆綁 條件 全力 協助 民間 產業 度過 景氣 寒冬 預估 受惠 民眾 將 達 3萬5000 人 緩繳 金額 達 2億 元 台中 市長 盧秀燕 祭出 紓困 九 箭 後 再 推 稅捐 緩繳 20 今年 開徵 使用 牌照稅 及 房屋 稅 個人 法人 及 非法人 團體 負責人 或 主辦 會計人員 在 繳納 期間 內 如因 新冠肺炎 正 接受 治療 隔離 或 居家 檢疫 使用 牌照稅 可 展 延至 今年 6 月 1 日 房屋 稅 可 展 延到 6 月 30 日 繳納 展 延 繳納 期限 屆滿時 若 仍 接受 隔離 治療 繳納 期限 可 自隔離 治療 結束 之 次日 起 展 延 20 天 稅務局 表示 適用 物件 部分 放寬 為 受 疫情 影響 有 繳納 困難 屬 行政院 各部 會 核定 的 紓困 對象 或 取得 非 自願 離職 減班 證明 減 薪 通知 勞 雇 雙方 協商 減少 工時 協議書 等 相關 證明文件 的 個人 及 行政院 各部 會 核定 紓困 的 營利事業 只要 今年 1 月 起 任 連續 2 個 月 平均 營業額 較 去年 12 月 以 前 6 個 月 或 前 1 年 同期 平均 營業額 減少 達 15 的 營業 人 都 可向 稅務局 所屬 各 分局 提出 稅捐 延期 或 分 期 的 申請 市府 強調 為 減少 疫情 期間 民眾 外出 洽 公 的 風險 稅務局 也 在 官網 設置 嚴重 特殊 傳染性 肺炎 疫情 稅捐 申辦 專區 民眾 或 業者 可 線 上 申請 延期 或 分期 繳納 透過 該局 app 中 稅 e 把 照 或 地方稅 網路 申報 平臺 線 上 申辦 免 出門 更 安心</t>
  </si>
  <si>
    <t>中國 國家 衛健 委 高級別 專家組 組長 抗 疫 專家 鍾 南山 13 日 發表 對 美國 新冠肺炎 疫情 的 看法 他 表示 美國 病 死 率 將近 3 這 說明 可能 很 多 病人 沒有 被 發現 美國 並 沒有 認真 排查 密切接觸 者 新浪 財經 14 日 報導 鍾 南山 受訪 時 重</t>
  </si>
  <si>
    <t>中國 國家 衛健 委 高級別 專家組 組長 抗 疫 專家 鍾 南山 13 日 發表 對 美國 新冠肺炎 疫情 的 看法 他 表示 美國 病 死 率 將近 3 這 說明 可能 很 多 病人 沒有 被 發現 美國 並 沒有 認真 排查 密切接觸 者 新浪 財經 14 日 報導 鍾 南山 受訪 時 重申 對於 新冠肺炎 預防 才 是 最 關鍵 的 要 早 發現 早隔離 現在 很多 國家 都 開始 這麼 做 了 但 只 有 全球 這樣 合作 才有 可能 比較 早 的 控制 疫情</t>
  </si>
  <si>
    <t>受 新冠肺炎 疫情 影響 亞 泥 1102 轉投資 山水 水泥 子公司 亞 泥 中國 陸續 發佈 獲利 預警 不過 市場 早 有 預期 準備 加上 投 信 仍 持續 買超 早 盤 股價 仍 隨 大盤 彈升 約 15 挑戰 5 日 線 今年初 大陸 元月 受 疫情 干擾 不少 企業 停工</t>
  </si>
  <si>
    <t>受 新冠肺炎 疫情 影響 亞 泥 1102 轉投資 山水 水泥 子公司 亞 泥 中國 陸續 發佈 獲利 預警 不過 市場 早 有 預期 準備 加上 投 信 仍 持續 買超 早 盤 股價 仍 隨 大盤 彈升 約 15 挑戰 5 日 線 今年初 大陸 元月 受 疫情 干擾 不少 企業 停工 及 工地 延遲 復工 水泥 市場 需求量 降低 亞 泥 持 股 677 的 子公司 亞 泥 中國 繼 上周 發佈 獲利 預警 後 持 股 1746 的 轉投資 公司 山水 水泥 昨日 也 發佈 獲利 預警 預計 到 3 月底 止 的 第 1 季 歸屬 權益 股東 虧損 約 383億 元 人民幣 約 新 台幣 162億 元 虧損 比 去年同期 大增 約 814 亞 泥 在 大區 營運 陸 據點 分別 在 湖北 四川 及 江西 四川 及 江西 早 在 日前 就 開始 生產 湖北 廠 位 在 重災區 兩 套 窯 昨 正式 開動 發貨 接近 正常 整體 來看 亞 泥 在 大陸 區 營運 可望 在 第 2 季 漸漸 恢復正常</t>
  </si>
  <si>
    <t>新冠肺炎 疫情 亞 泥 山水 水泥 亞 泥 中國</t>
  </si>
  <si>
    <t>美國 cdc 在 網頁 內 仍然 有 臺灣 新冠肺炎 明顯 社區 傳播 的 記載 並未 將 臺灣 移除 于 社區 傳播 之外 親 綠 媒體 疑 似 搞 烏龍 誤 報 美國 將 臺灣 移除 于 社區 傳播 名單 外 但 此 報導 隨即 被 刪除 而 google 還是 可以 蒐 到 標題 對此 外交部 歐</t>
  </si>
  <si>
    <t>美國 cdc 在 網頁 內 仍然 有 臺灣 新冠肺炎 明顯 社區 傳播 的 記載 並未 將 臺灣 移除 于 社區 傳播 之外 親 綠 媒體 疑 似 搞 烏龍 誤 報 美國 將 臺灣 移除 于 社區 傳播 名單 外 但 此 報導 隨即 被 刪除 而 google 還是 可以 蒐 到 標題 對此 外交部 歐 江安 回應 主管 業務 的 北美 司 一直 未 回 覆 美國 cdc 在 新冠肺炎 專 頁 coronavirus disease 2019 中的 旅遊 travel 項目 下 列出 警示 3 中國 伊朗 警示 3 南韓 義 大利 警示 2 日本 警示 1 香港 但是 在 旅遊 目的地 臺灣 項目 下 仍然 認為 臺灣 有 明顯 傳播 但 不 會 建議 想要 赴 臺灣 的 民眾 更改 行程 只 是 呼籲 避免 接觸 病人 以及 勤洗手 而有 親 綠 媒體 疑 似 搞 烏龍 錯誤 報導 美國 cdc 將 臺灣 移除 明顯 社區 傳播 名單 之外 不過 此 報導 隨即 被 刪除 但是 在 google 搜尋 還是 可以 找到 標題 對此 外交部 歐 江安 回應 主管 業務 的 北美 司 一直 未 回 覆</t>
  </si>
  <si>
    <t>國經 協會 受 外交部 國際 合作 及 經濟 事務司 委 讬 訂 於 13 日 與 以色列 出口 協會 共同 舉行 線 上 第 8 屆 台以 色 列 經濟 聯席會議 由 華邦 電子 暨 該會 以色列 主任委員 焦佑鈞 董事長 與 以色列 出口 協會會長 mr adiv baruch 主持 以色列 為 全球 第 36 大 經濟體 以色列 國土面積 小 缺乏 天然資源 但 高 科技產業 是 經濟 發展 的 優勢 舉凡 水 科技 農業 生 技 再生能源 及 資訊 通訊 等 皆 有 很 強 的 國際 競爭力 該 次 會議 將 針對 新創 產業 水資源 產業 及 能源 產業 三大 議題 進行 深入探討 內容 包括 新創 產業 以 國有 超過 7000 家 新創 企業 於 市場 中 運作 大多 的 新創 企業 都以 b 2 b 作為 商業模式 去年 以 國 創新 局 更 獲得 39億 以 幣 的 額外 預算 在 新冠肺炎 危機 中 增加 對 早期 成長 的 新創 公司 投資 水資源 產業 曾 面臨 嚴重 缺水 壓力 的 以色列 靠 著 不斷創新 累積 的 水 科技 如今 用水 已 完全能 自給自足 其中 海水淡化廠 提供 國內 生活 用水 和 工業用水 占總 用水量 50 以上 且 90 以上 的 水可 重複 利用 和 回收 能源 產業 以色列 近期 的 目標 為 到 2030 年 將 其 所 有 能源消耗 的 30 來自 綠色 能源 以 太陽能 為 例 目前 以 國 面積 廣大 的 內蓋夫 沙漠 發電廠 區 是 世界 上 最 大 可再生 能源 項目 之一 建造 全世界 最高 的 太陽能 塔 總面積 超過 400 座 足球場 鏡子 會 將 陽光 折射 到 中央 高塔 尖端 的 鍋爐 區 屆時 鍋爐 溫度 可 達 攝氏 600 度 以 產生 蒸汽 導向 高 塔 底部 進而 生產 電力 民眾 可 利用 線 上 報名 參與 會議 報名 連結 http registration cieca org tw visit d 121</t>
  </si>
  <si>
    <t>近期 新冠肺炎 疫情 升溫 帶動 美國 線 上 房屋 銷售 網站 roofstock 的 海外 造訪 流量 大 增 尤其 是 亞洲 訪 客 數 呈現 數 倍 成長 這 也 反映 海外 投資人 視 美國 房產 是 這 場 疫情 風暴 中的 避風港 其中 獨棟 出租 房屋 更是 搶手 商品 成軍 五 年 的</t>
  </si>
  <si>
    <t>近期 新冠肺炎 疫情 升溫 帶動 美國 線 上 房屋 銷售 網站 roofstock 的 海外 造訪 流量 大 增 尤其 是 亞洲 訪 客 數 呈現 數 倍 成長 這 也 反映 海外 投資人 視 美國 房產 是 這 場 疫情 風暴 中的 避風港 其中 獨棟 出租 房屋 更是 搶手 商品 成軍 五 年 的 加州 金融 科技 公司 roofstock 在 網站 上 銷售 獨棟 出租 房屋 這些 房產 大多 已 有 租 客 而且 該 網站 還 提供 管理 服務 意味 投資人 根本 無須 到訪 該 房產 就 可 買 下 資產 roofstock 近 幾 周 來自 亞洲 的 投資 人流量 暴 增 500 該 公司 執行長 畢 斯利 gary beasley 指出 這 是 新冠肺炎 帶來 的 直接 影響 畢 斯利 說 我 認為 人們 可能 想 將 資本 放在 一些 相對 穩定 至少 現在 還 未 受 疫情 衝擊 的 的 領域 投資者 在 尋找 硬 資產 例如 房地產 這些 通常 與 股市 比較 沒有 連動 關係 尤其 美國 房市 在 市場 動盪 時期 的 表現 都 相對 不錯 湧入 roofstock 的 買家 還 不 只 來自 亞洲 該 網站 提及 來自 德國 的 投資人 流量 大 增 450 來自 澳洲 的 流量 躍 升 250 來自 英國 的 流量 增加一倍 roofstock 平臺 主要 是 針對 線 上 投資者 量 身 打造 該 網站 近期 的 需求 熱潮 也 凸顯 最新 科技 在 危機 時刻 已 改變 人們 投資 模式 畢 斯利 說 這 是 針對 不 想 旅行 的 人 設計 但 像是 人們 無法 出遊 時 還 能夠 遠 端 投資 那就太 棒 了 你 可以 不 需要 坐 飛機 就 可以 進行 房產 投資 美國 房市 已 面臨 出售 房屋 嚴重 短缺 的 情況 隨 著 海外 需求 增加 勢必會 加劇 市場競爭 畢 斯利 表示 有些 投資者 預料 將 出售 他們 手中 的 房屋 因為 看好 此 波 需求 將 帶動 房價 走 高</t>
  </si>
  <si>
    <t>根據 衛福部 統計 接種 新冠肺炎 疫苗 後 不良 事件 累計 至 8 月 16 日 已 達 5400 件 醫 界 也 呼籲 若 施 打 疫苗 後 出現 發燒 劇烈 疼痛 且 頭暈 想 吐 等 症狀 須 立即 就醫 但 不少 人 一 有 身體 不適 就 認為 和 打 疫苗 有關 甚至 有 血 尿 肛門 痛 的 病人</t>
  </si>
  <si>
    <t>根據 衛福部 統計 接種 新冠肺炎 疫苗 後 不良 事件 累計 至 8 月 16 日 已 達 5400 件 醫 界 也 呼籲 若 施 打 疫苗 後 出現 發燒 劇烈 疼痛 且 頭暈 想 吐 等 症狀 須 立即 就醫 但 不少 人 一 有 身體 不適 就 認為 和 打 疫苗 有關 甚至 有 血 尿 肛門 痛 的 病人 都說 肯定 是 打 疫苗 的 關係 讓 振興 醫院 急診 醫師 田知 感到 相當 無奈 急診 醫師 田知學 今天 在 臉書上 表示 近日 支援 急診 檢 傷 時 她 必須 依 病 患病 情 危急 程度 排定 病 患 就診 的 優先 順序 結果 在 詢問 病況 的 過程 不管 是 胸 悶 喘 不 過氣 手 麻 腳麻 腎結石 因 血壓高 睡 不 著 甚至 是 大便 大 不 出來 肛門 痛 患者 通通 都 認為 是 打 疫苗 所 導致 的 讓 她 感到 非常 無語 田知學 笑 說 後來 她 乾脆 直接 問 你是 不是 也 覺得 是 疫苗 的 問題 連 沒有 打 疫苗 的 病人 都說 還好 我 還 沒有 打 不然 今天 的 車禍 一定 更 嚴重 玩笑 之 餘 田知學 提醒大家 還是 必須 理性 思考 因為 全世界 不是 只 有 新冠肺炎 一個 病 而 每 一個 疾病 或 症狀 都 有 不同 原因 貼 文一 出 引起 網友 迴響 紛紛表示 千 錯 萬 錯 都 是 疫苗 的 錯 感受 到 田 醫師 濃濃的 無奈 新 冠真 的 嚴重 影響 大家 的 身心 狀況 醫師 你是 不是 因為 打 了 疫苗 所以 越來越 漂亮 我 不 想 上班 一定 是 跟 打 疫苗 有 關係</t>
  </si>
  <si>
    <t>火鍋 四川 散佈 謠言 新冠肺炎 大陸</t>
  </si>
  <si>
    <t>中國 駐 大 阪 總領事館 12 月 2 日 以 新疆 是 個 好 地方 疫情 後 赴 中國 新疆 旅遊 招募 為題 發佈 資訊 面向 日本 國內 募集 在 明年 新冠肺炎 疫情 結束 後 赴 新疆 旅遊 的 民眾 目前 已 有 435 人 報名 計畫 等 疫情 結束 後 出發 環球 網 引述</t>
  </si>
  <si>
    <t>中國 駐 大 阪 總領事館 12 月 2 日 以 新疆 是 個 好 地方 疫情 後 赴 中國 新疆 旅遊 招募 為題 發佈 資訊 面向 日本 國內 募集 在 明年 新冠肺炎 疫情 結束 後 赴 新疆 旅遊 的 民眾 目前 已 有 435 人 報名 計畫 等 疫情 結束 後 出發 環球 網 引述 東京 體育 報導 稱 中國領事館 的 文案 將 新疆 的 美景 美食 和 美人 作為 宣傳 重點 文案 稱 新疆 是 個 好 地方 然而 近些年來 關於 新疆 的 誣衊和 謊言 層出不窮 引起 了 極大 的 誤解 極大 地 損害 了 新疆 和 中國 的 形象 文案 表示 為了 讓 各位 親自 確認 新疆維吾爾自治區 的 情況 中國 駐 大 阪 總領事館 面向 日本 人 募集 有 意向 的 人士 計畫 在 明年 新 冠 疫情 結束 後 赴 新疆 旅遊 請來 新疆 親 眼見 親耳 聽 用心 感受 文案 還給 出 了 報名 連結 網址 東京 體育 稱 新疆 是 中國 的 熱點 敏感 地區 一些 日本 網友 擔心 赴 新疆 旅遊 是 單程 旅行 旅行 中 可能 會 被 監視 中國 駐 大 阪 總領事 薛劍 就 此 發 推 表示 屆時 訪問 全程 公開 透明 大家 不用 擔心 11 月底 日本首相 岸田文雄 透過 視 訊 出席 第 十三 屆 亞歐 首腦會議 時 聲稱 對 中國香港 新疆 人權 問題 深表 關切 當時 中國外交部 發言人 表示 涉 疆 問題 根本 不是 什麼 人權 問題 而是 反 恐怖 去 極端化 和 反分裂 問題 中國政府 依法打擊 暴 恐 活動 恰恰 是 對 新疆 各族人民 人權 的 最好 維護</t>
  </si>
  <si>
    <t>臺灣 新冠肺炎 疫情 大 爆發 各 地方 消毒 均 有賴 國 軍 化學 兵 出動 值勤 國防部 發言人 臉書 貼出 一 張 化學 兵 把 防護 面罩 拿下 後 臉上 汗水淋漓 以及 口罩 的 勒 痕 引 4萬 多 網友 按 贊 感激 也 希望 大家 都 要 好好 保護 自己 要 注意 自身 安全</t>
  </si>
  <si>
    <t>臺灣 新冠肺炎 疫情 大 爆發 各 地方 消毒 均 有賴 國 軍 化學 兵 出動 值勤 國防部 發言人 臉書 貼出 一 張 化學 兵 把 防護 面罩 拿下 後 臉上 汗水淋漓 以及 口罩 的 勒 痕 引 4萬 多 網友 按 贊 感激 也 希望 大家 都 要 好好 保護 自己 要 注意 自身 安全 國防部 發言人 臉書 表示 臉頰 上 的 印痕 是 我們 驕傲 的 印記 頂 著 烈日 背 著 重 裝 穿梭 在 大街 小巷 醫院 車站 只為 清 消 每 一個 風險 足跡 在 霧氣 中 持續 前行 他們 是 化 學兵 是 中華民國 國 軍 是 防疫 第一線 的 英雄 身穿 悶熱 的 防護衣 逐 一對 各 公共 場 域 噴灑 消毒 液 雖然 很 辛苦 但是 沒有 人 有 任何 怨言 身為 化學 兵 能 站 在 防疫 第一線 為 守護 國人 健康 挺身而出 是 值得 驕傲 的 事 也 盼 官兵 在 執行 任務 的 同時 注意 個人 安全 在 安全 第一 的 前提 下 順利完成 防疫 工作 此 段 發言 引 4萬 多 網友 按 贊 並且 感謝 國軍 化 學兵 在 前線 守 住 國人 的健康 大熱天 穿 著 防護 衣物 一定 很 痛苦 很 難受 也 希望 大家 都 要 好好 保護 自己 要 注意 自身 安全</t>
  </si>
  <si>
    <t>化 學兵 新冠肺炎 臺灣</t>
  </si>
  <si>
    <t>臺灣 在 新冠肺炎 的 防疫 上 有目共睹 但 沒 想到 敦睦 艦隊 竟 成 防疫 大破 口 震驚 各界 但 外界 更 想 知 的 是 為何 在 疫情 蔓延 臺灣 還 要 派 敦睦 艦隊 去 帛 琉 執行 任務 據悉 原本 海軍 考慮 延後 但 傳 外交部 評估 可行 在 國安 高層 最終</t>
  </si>
  <si>
    <t>疫苗 新冠肺炎 臺灣 地方 政府 許可</t>
  </si>
  <si>
    <t>新冠肺炎 臺灣 酒店 停業 八大 行業</t>
  </si>
  <si>
    <t>台積電 2330 法人 說明會 中 宣佈 將 調升 今年 資本 支出 10億 美元 達 160 170億 美元 與 去年 相較 增加 約 13 台積電 看好 未來 幾 年 在 5 g 及 高效能 運算 hpc 的 強勁 晶圓 代 工 需求 未來 幾 年 仍 會 維持 高 資本 支出 並 加速 5 奈 米 量 產 及 3 奈 米 技術 研發 及 產能 建置 台 積 電 全力 衝刺 先進 制程 產能 建置 及 技術 研發 並成 全球 擁有 最 大 極 紫外光 euv 產能 的 半導體廠 受惠 於台積 電 的 資本 支出 持續 放大 法人 看好 漢唐 家 登 京鼎 帆 宣 弘塑 信 紘 科 等 台積 電大 聯盟 合作夥伴 直接 受惠 今 明兩年 營運 持續 看 旺 台 積 電 總裁 魏哲家 表示 新冠肺炎 疫情 仍 對 下半年 市場 造成 不 確定性 台積電 5 奈 米 設備 裝機 時程 也 受到 一些 影響 但 包括 5 g 及 hpc 等 應用 對 先進 制程 晶圓 需求 仍 優於 預期 7 奈 米 及 5 奈 米 產能 供不應求 但 5 奈 米 占 全年 營 收 比重 將 小幅下 修至 8 魏哲家 表示 台積電 過去 幾 年 的 資本 支出 維持 穩健 增加 趨勢 今年 新冠肺炎 不 確定性 對 營運 影響 是 短期 中長期 看好 5 g 及 hpc 的 大 趨勢 所以 台積電 將 今年 資本 支出 調升 10億 美元 達 160 170億 美元 以 因應 客戶 未來 幾 年 強勁 晶圓 代 工 需求 台 積 電 5 奈 米 在 第二 季 開始 投 片 下半年 以 最 快 速度 拉升 產能 並 進入 大規模 量 產 階段 魏哲家 表示 5 奈 米制 程 技術 將 拓展 客戶 的 產品組合 並且 擴大 台積電 的 潛 在 市場 5 奈 米 強效 版 會 在 2021 年 開始 量 產 5 奈 米 優化 推出 的 4 奈 米制 程會 在 2022 年 進入 量 產 為 5 奈 米 提供 了 一個 明確 的 升級 路徑 魏哲家 指出 台積電 3 奈 米 研發 順利 且 符合 進度 規 畫 預期 3 奈 米 會 是 下 一個 完整 的 制程 節點 預計 2021 年 試 產 2022 年 下半年 量 產 屆時 台積電 3 奈 米 將 會 是 晶圓 代 工 市場 最 先進 技術</t>
  </si>
  <si>
    <t>新冠肺炎 肆虐 全球 5566 孫 協 志 王仁甫 許孟哲 及 小刀 日前 與 眾 歌手 錄製 公益 歌曲 同一個 氣息 4 人 相隔 10 多年 再度 合體 孫協志 說 這麼 多 年 沒 一起 錄音 但 大家 的 感情 依舊 留在 20 幾 歲 年輕人 的 時候 拍攝 4 個 人</t>
  </si>
  <si>
    <t>新冠肺炎 肆虐 全球 5566 孫 協 志 王仁甫 許孟哲 及 小刀 日前 與 眾 歌手 錄製 公益 歌曲 同一個 氣息 4 人 相隔 10 多年 再度 合體 孫協志 說 這麼 多 年 沒 一起 錄音 但 大家 的 感情 依舊 留在 20 幾 歲 年輕人 的 時候 拍攝 4 個 人 演唱 畫面 時 年輕 小 男孩 的 壞 習慣 又 跑 出來 譬如 仁甫 偷偷 在 後面 捏 小刀 屁股 很 幼稚 對於 這次 疫情 孫協志 提倡 保護 好 自己 就是 保護 別人 遇到 朋友 打招呼 不 要 靠 太 近 不 握手 出門在外 每件事 小心 為 上 做 過 按 電梯 推 門把 等 動作 千萬 不 要 再 碰 眼 口 鼻 小刀 認為 疫情 應該 還 會 持續 一段時間 全球 都 面臨 同樣 問題 大家 這 段 時間 應該 看 手機 的 時間 更 長 了 而 向來 熱愛 健身 的 許孟哲 這 陣子 也 改到 戶外運動 孫 協 志 王仁甫 及 許孟哲 主持 的 綜藝節目 饑餓 遊戲 目前 仍 維持 固定 錄 影 孫協志 說 外景 衛生 人群 等 問題 製作 單位 都 會 考量 儘量 不 選 在學校 夜市 等 多 往 空曠 的 地方 並 嚴 控管 來賓 出國 發燒 的 都 避免 雖然 有 疫情 但 節目 不能 停 我們 還 是 得 努力 幫 它 做好 而 他們 之前 延期 舉辦 的 高雄 巨蛋 演唱會 主辦單位 目前 仍 在 協調 下半年 檔 期 一切 看 疫情 發展 後續 狀況</t>
  </si>
  <si>
    <t>鋼琴家 邁 可 森 maksim 睽 違 4 年 原定 9 日 來 台 演出 首站 於 臺北 國家 音樂廳 舉行 2020 邁 可 森 克羅埃西亞 狂想 音樂會 門票 雖 完 售 但 因為 新冠肺炎 疫情 以及 日前 確診 的 澳洲 音樂家 布萊特狄恩 brett dean 曾在 同 場地 演出</t>
  </si>
  <si>
    <t>鋼琴家 邁 可 森 maksim 睽 違 4 年 原定 9 日 來 台 演出 首站 於 臺北 國家 音樂廳 舉行 2020 邁 可 森 克羅埃西亞 狂想 音樂會 門票 雖 完 售 但 因為 新冠肺炎 疫情 以及 日前 確診 的 澳洲 音樂家 布萊特狄恩 brett dean 曾在 同 場地 演出 目前 該 場地 從 6 日 閉館 消毒 主辦單位 於今 8 日 忍痛 宣佈 邁 可 森 臺北 高雄 台中 3 場 演出 全數 延期 主辦單位 好 滿意 音樂 表示 邁 可 森 對於 本次 音樂會 非常 地 重視 也 一直 期待 著 回 到 他 所 喜愛 的 臺灣 與 支持 他 的 樂迷 們 見面 對於 本次 音樂會 必須 延期 一 事 雖然 感到 難過 但是 與 我 司 立場 一致 認為 觀眾 的 健康 應該 擺在 第一 位 目前 活動 延期 檔 期 尚未 明朗 不過 主辦單位 已 與 邁 可 森 取得 未來 的 演出 檔 期 目前 與 各 場館 緊密聯繫 排 檔 事宜 希望 本月底 公告 最新 巡演 時間 而 目前 民眾 所 持有 的 票 券 仍 屬 有效 待 最新 巡演 時間 後 公告 換 票 辦法 如 已 購 票 觀眾 發現 延期 後 的 日期 無法 前往 主辦單位 也 將 提供 相關 退票 服務</t>
  </si>
  <si>
    <t>邁 可 森 克羅埃西亞 鋼琴家 國家 音樂廳 新冠肺炎</t>
  </si>
  <si>
    <t>陳時中 咳嗽 指揮中心 新冠肺炎 臺灣</t>
  </si>
  <si>
    <t>中和 新冠肺炎 臺灣 增設 快 篩 站</t>
  </si>
  <si>
    <t>疫情 東方 衛視 記者 侯友宜 新冠肺炎 武漢肺炎</t>
  </si>
  <si>
    <t>新冠肺炎 臺灣 朝陽 科大 學生 遠 距 上班</t>
  </si>
  <si>
    <t>指揮中心 全球 治理 新冠肺炎 地方 政府 防治</t>
  </si>
  <si>
    <t>新冠肺炎 持續 在 全球 延 燒 近期 有 兩 名 工程師 都疑 似是 在 臺灣 感染 新冠肺炎 分別 為 比利時 籍 與 日本籍 但 究竟 是 本土 感染 個案 還是 境外移入 至今 還 在 調查 中 對此 腎臟科 醫師 江守山 在 政論 節目 中 直言 零 確診 絕對 是 虛幻</t>
  </si>
  <si>
    <t>新冠肺炎 持續 在 全球 延 燒 近期 有 兩 名 工程師 都疑 似是 在 臺灣 感染 新冠肺炎 分別 為 比利時 籍 與 日本籍 但 究竟 是 本土 感染 個案 還是 境外移入 至今 還 在 調查 中 對此 腎臟科 醫師 江守山 在 政論 節目 中 直言 零 確診 絕對 是 虛幻 的 幻想 坦白講 你 認為 回去 的 日本 女 學生 泰國 移 工 比利時 工程師 這些 都 不 算 臺灣 沒 列入 臺灣 本土 病例 臺灣 講 這樣 有點 推得 比較 凶 江 守 山 在 政論 節目 新聞 面對面 中 痛 批 日本 女 學生 泰國 移 工 比利時 工程師 等 這些 都 沒 列入 臺灣 本土 病例 臺灣 講 這樣 有點 推得 比較 凶 他 質疑 這些 人 在 臺灣 待 這麼久 時間 出去 外面 又 說 他 沒 問題 當然 這 包括 各國 檢測 採用 的 ct 值 不 一樣 我們 講 35 但 人家 都 嚴格 標準 這 中間 產生 我們 感覺 很 好 別人 不好 江 守 山 也 透露 臺灣 現在 非常 嚴格 的 檢驗 篩檢 的 物件 你 沒有 明顯 的 症狀 旅遊 史 就 不給 檢驗 在 這 態度 下 永遠 逮 不到 輕 症 者 所謂 的 無 症狀 感染者 因為 這些 人 都 沒有 足夠 原因 讓 你 篩檢 節目 主持人 謝震 武也 質疑 最近 來講 很多 從 臺灣 要 回國 的 外國人 確診 現在 開始 要 防 第二 波 疫情 對此 江守山 表示 大家 都對 疫情 有 過度 想像 認為 會 自然 消退 但 事實 不是 這 回事 這 疾病 跟 一般 流感 一樣 沒 抗體 疫苗 解 藥 要 搞 兩 年 但 大家 過度 期望 造成 過早 開放 等 問題 另外 美國 衛生部長 阿劄爾 alex azar ii 即將 訪台 指揮中心 指揮官 陳時中 表示 采 外交 泡泡 模式 抵 台後 不用 再 居家 檢疫 對此 江守山 則 是 痛 批 講 外交 泡泡 是 不 適當 講法 我們 明知 泡泡 內 不 安全 怎 叫 泡泡</t>
  </si>
  <si>
    <t>零 確診 江守山 泡泡 醫師 新冠肺炎</t>
  </si>
  <si>
    <t>瑞基 4171 受惠 搭上 新 冠 防疫 列車 檢測 產 產品 熱銷 激勵 上半年 合併 營 收 386億 元 歸屬 母公司 稅 後 淨利 為 9800萬 元 分別 年 增 137 及 126 eps 高 達 241 元 超越 去年 全年 獲利 瑞基 第二 季 歸屬於 母公司 稅 後 淨利 8477萬 元 分別 年 增 234 及 261 eps 達 209 元 瑞 基 上半年 各 市場 占 比為 水產 174 畜產 338 伴侶 動物 5 新冠肺炎 363 其中 畜產 檢測 因 中國 市場需求 持續 成長 較 去年同期 成 長 21 倍 新冠肺炎 需求 持續 增 溫 另外 銷售 地區 則 以 中國 337 居 冠 其次 為 中東 184 臺灣 171 印尼 69 巴基斯坦 4 瑞 基 表示 下半年 市場 佈 局 仍以 新冠肺炎 檢測 市場 為 主 已 積極 擴產 備 貨 7 月 試劑 產量 已 提升 至 30萬 劑 朝 第 三 季 生產 百萬 劑 目標 前進 第二 套 試劑 自動化 產 線 為 月 產 能 100萬 劑 之 產 線 廠商 預計9 月 下旬 交 機 第 四季 可 投產 預期 因 試劑 產量 拉 抬 與 正式 外銷 許可 及 制售 證明 取證 對 未來 業績 將 大 有助 益</t>
  </si>
  <si>
    <t>新冠肺炎 17 日 本土 暴 增 333 例 桃竹 苗 縣市政府 都 加大 防疫 力 道 桃園 市 宣佈 天幕 球場 夜間 停止使用 新竹 市 將 著 手 規 畫 設立 社區 篩檢 站 新竹 縣 則 加強 公共 運輸業 清 消 並 要求 業者 做成 紀錄 回報 遊樂區 協力 經營 據點 停業 遊</t>
  </si>
  <si>
    <t>新冠肺炎 17 日 本土 暴 增 333 例 桃竹 苗 縣市政府 都 加大 防疫 力 道 桃園 市 宣佈 天幕 球場 夜間 停止使用 新竹 市 將 著 手 規 畫 設立 社區 篩檢 站 新竹 縣 則 加強 公共 運輸業 清 消 並 要求 業者 做成 紀錄 回報 遊樂區 協力 經營 據點 停業 遊樂區 部分 桃園 龍潭 小人 國 和 青埔 xpark 水族館 新竹 縣 六 福 村 和 小叮噹 主題樂園 即日起 停業 至 28 日 桃園 市長 鄭文燦 說 市立 的 體育場館 室內 型 都 已經 關閉 戶外 型 也 要 強制 戴 口罩 但 天幕 球場 常有 年輕 朋友 群 聚 即日起 晚上 不開 燈 停止使用 避免 群 聚 他 昨天 也 到 經國 轉運站 及 桃園 大 廟 景 福宮 視察 防疫 情形 鄭文燦 提醒 桃園 啟動 乘車 實 名 制 梅花座 戴 口罩 禁 飲食 內政 部 也 已 宣佈 6 月 8 日前 暫停 進入 宗教 場所 民眾 務必 要 配合 防疫 新竹 市長 林智堅 表示 市府 將 著 手 規 畫 設立 社區 篩檢 站 全市 公有 市場 18 日 起至 5 月 28 日 一律 不 開放 內 用 禁止 邊走邊吃 餐 食 僅 供 外帶 文化局 與 民間 業者 協力 經營 據點 至 6 月 8 日 配合 政府 暫停營業 包括 辛志平 校長 故居 李克承 博士 故居 湖畔 料 亭 小 兒子 x 新竹 氣象 站 新竹 市 玻璃工藝 博物館 演藝 廳 1868 咖啡 烘焙 館 將軍村 開放 圖書 資訊 園區 防 破 口 協調 露營 區 暫停 營運 新竹 縣 有 4 起 新冠肺炎 確診 個案 縣府 交通 旅遊 處長 游志祥 昨 率隊 至 高鐵 新竹 站 稽查 市區 客運 防疫 情形 指 日前 已 發 函 給 公共 運輸業 者 務必 加強 車輛 清潔 消毒 作業 並 記錄 回報 每 班次 結束 即 針對 座椅 扶手 扶杆 等 處 清潔 消毒 同時 請 尖石 和 五峰鄉 公所 協調 勸導 兩 鄉 200 多 家 露營 區 業者 即日起 能 自主 暫時 停止 營業 到 28 日 減少 防疫 破 口 已 有 40 多 家業 者 配合 苗栗縣 則 有 1 所 國 中學生 曾 與 台南 確診 者 搭乘 同班 列車 該 生 16 日 參加 會考 該校 2 班 87 名 學生 昨 起 停課 2 周</t>
  </si>
  <si>
    <t>新冠肺炎 衝擊 高市旅 宿業 普遍 剩 1 至 2 成 住房 率 高市 旅館 公會 今 31 日 號召 百 家 親 善 旅館 提供 居家 檢疫 者 家人 安心 入住 最低 1000 元 起 另 有 9 家 加入 防疫 旅館 行列 目前 700 多 房僅 住滿 一半 高市 觀光局 將 視 疫情 狀況</t>
  </si>
  <si>
    <t>新冠肺炎 衝擊 高市旅 宿業 普遍 剩 1 至 2 成 住房 率 高市 旅館 公會 今 31 日 號召 百 家 親 善 旅館 提供 居家 檢疫 者 家人 安心 入住 最低 1000 元 起 另 有 9 家 加入 防疫 旅館 行列 目前 700 多 房僅 住滿 一半 高市 觀光局 將 視 疫情 狀況 徵調 高 市 旅館 公會 理事長 周文彬 指出 與其 日 需要 居家 檢疫 的 民眾 入住 防疫 旅館 恐怕 增加 旅館 風險 親 善 旅館 更 能 保障 旅客 與 員工 安全 公會 號召 108 家 親 善 旅館 提供 1000 元 1400 元 1800 元 不等 的 優惠 房價 周文彬 表示 入住 親 善 旅館 者 必須 持 居家 檢疫 通知書 等 證明文件 才能 入住 基本上 若 與 居家 檢疫 者 在 同一 戶籍 通通 都 開放 以 優惠價 入 住 高 市 觀光 局長 邱俊龍 表示 對抗 此 波 疫情 市府 持續 與 旅 宿 業者 觀光 公 協會 合作 推出 月月 有 精采 活動 3 月 為 愛情 月 4 月 為 軍事 觀光 月 另 也 提供 19 噸 漂 白水 7萬 多 片 口罩 給 旅 宿業 針對 高市 防疫 旅館 需求 邱俊龍 指出 4 月 8 日 業務 從 衛生局 轉交 到 觀光局 將 盡全力 協助 媒 合 目前 有 9 家 防疫 旅館 征 得 700 多 床 但 住宿率 僅 一半 未來 將 視 狀況 徵調 口袋 名單 還有 23 間 邱俊龍 也 回應 高 市府 發起 的 暖 心 相守 寄 未來 運動 他 個人 捐助 5000 元 鼓勵 民眾 預購 訂 房 希望 在 現金 流 短缺 情況 下 説明 業者 度過難關 他 也 點名 實踐 大學 高雄校 區 副 校長 丁斌 首 及 高 餐 大副 校長 劉喜臨 一同 加入 暖 心 運動</t>
  </si>
  <si>
    <t>新冠肺炎 高雄 觀光 旅館 飯店</t>
  </si>
  <si>
    <t>席琳 狄翁 澄清 感冒 非 新冠肺炎 5 月 坎城影展 不 排除 取消</t>
  </si>
  <si>
    <t>新冠肺炎 疫情 蔓延 讓 西洋 娛樂 圈 大 地震 不少 大 牌 藝人 及 年度 盛會 因 安全 考量 紛紛 宣佈 取消 或 延後 包含 天 後 瑪丹娜 madonna 花 蝴蝶 瑪麗亞凱莉 mariah carey 加拿大 天 後 席琳 狄翁 celine dion 的 演唱會 皆</t>
  </si>
  <si>
    <t>新冠肺炎 疫情 蔓延 讓 西洋 娛樂 圈 大 地震 不少 大 牌 藝人 及 年度 盛會 因 安全 考量 紛紛 宣佈 取消 或 延後 包含 天 後 瑪丹娜 madonna 花 蝴蝶 瑪麗亞凱莉 mariah carey 加拿大 天 後 席琳 狄翁 celine dion 的 演唱會 皆 受 波及 其中 席琳 狄翁 近來 出現 感冒 症狀 11 日 特別 澄清 非 染 上 新冠肺炎 病毒 並 將 原訂本 周 舉辦 的 演唱會 延期 至 今年 11 月 喜劇演員 亞當山德勒 adam sandler 即將 啟程 的 單人 脫 口 秀 巡迴 之 旅 臨時 喊 卡 各 大 脫 口 秀 與 深夜 節目 包含 金獎 主持人 艾倫 狄珍妮 ellen degeneres 的 艾倫秀 英國 主持人 詹姆斯 柯登 james corden 的 深夜 秀 吉米 法倫 jimmy fallon 的 今夜 秀 等 皆 有 共識 全部 取消 觀眾 至 錄 影 現場 防範 群 聚 造成 的 傳染 湯姆克魯斯 tom cruise 2 月底 在 義 大利 威尼斯 拍攝 不可能 的 任務 7 時 因 疫情 影響 受 困 飯店 自主 管理 劇組 也 停工 撤離 威尼斯 已於 本月 8 日 封 城 每日 郵報 也 於 12 日 曝光 阿湯哥 的 最新 行蹤 他 被 捕捉到 在 倫敦 搭乘 私人 直升機 的 照片 還 有說有笑 地 跟 工作人員 擊 拳 示意 此外 迪士尼 推出 的 漫 威 影集 獵鷹 與 酷寒 戰士 也 是 相同 命運 因 拍攝地 捷克 布拉格 疫情 嚴重 而 停工 美國 福斯 電視網 的 影集 next 日前 才在 芝加哥 完成 拍攝 11 日 就 驚 傳 劇組 人員 確診 新冠肺炎 綜藝 報 爆 料 該 員工 染病 後 還 持續 到 片場 工作 消息 一 出 人人自危 疫情 恐慌 加劇 金獎 影 後 瑞絲薇 斯朋 reese witherspoon 與 凱莉華盛頓 kerry washington 原定 13 日 舉行 hulu 新劇 星星之火 little fires everywhere 首映 喊停 此外 全球 最 大 的 電影 博覽會 cinemacon 原 定於 30 日 至 4 月 2 日 在 拉斯維加斯 舉行 因 防範 疫情 主辦 方 宣佈 停辦 一 票漫 威明星 擔任 嘉賓 的 ace 動漫展 也 將 本月 20 至 22 日 於 波士頓 的 活動 延期 至 10 月 原 訂 於 5 月 舉辦 的 法國 坎城影展 原 樂觀 表示 活動 照常進行 11 日 影展 主席 皮耶 李松 pierre lescure 向 法國 費 加洛 報 坦承 若 4 月 情況 沒有 好轉 今年 影展 就 會 考慮 取消 年度 時尚 盛會 met gala 也 正 在 觀望 目前 仍 維持 5 月 於 紐約 舉辦 如今 新冠肺炎 疫情 的 衝擊 來勢洶洶 歐美 不論是 影壇 歌壇 還 是 電視 圈 都 面臨 重大 考驗</t>
  </si>
  <si>
    <t>香港 有 醫學 機構 研究 發現 新冠肺炎 感染 病 患 在 染病 初期 體內 就 已 有 大量 病毒 容易 造成 廣泛 的 感染 該 研究 並 建議 現行 的 檢疫 方法 應 擴大 為 深 喉 唾液 檢測 才能 有效 地 找 出 處於 潛伏期 的 患者 由 香港大學 講座 教授 袁國勇 等</t>
  </si>
  <si>
    <t>新冠肺炎 疫情 趨 緩 澎湖縣 率先 開放 酒店 舞廳 業者 恢復 營運 全台 都 在 看 本島 誰 開 第一 槍 台南 市長 黃偉哲 14 日 下午 視察 北 區 萬象 大 舞廳 業者 做 足 防疫 還 自 加 實 名 制 就 盼 黃偉哲 開金口 允諾 鬆綁 解禁 但 黃 最終 都 沒 鬆口 因</t>
  </si>
  <si>
    <t>新冠肺炎 臺灣 護理 師 確診 桃園</t>
  </si>
  <si>
    <t>群 聚 隱憂 洛杉磯 監獄 驚 現 新冠肺炎 首例</t>
  </si>
  <si>
    <t>加州 洛杉磯 蘭卡斯特 lancaster 州立 監獄 的 一 名 囚犯 經 新冠肺炎 檢測 後 呈 陽性反應 官員 22 日 宣佈 這 是 州立 監獄 出現 的 首 宗新冠肺炎 病例 據 ktla 5 電視臺 22 日 報導 這 名 囚犯 因為 3 月 19 日 告訴 獄 方 說 他 覺得 身體 不適</t>
  </si>
  <si>
    <t>加州 洛杉磯 蘭卡斯特 lancaster 州立 監獄 的 一 名 囚犯 經 新冠肺炎 檢測 後 呈 陽性反應 官員 22 日 宣佈 這 是 州立 監獄 出現 的 首 宗新冠肺炎 病例 據 ktla 5 電視臺 22 日 報導 這 名 囚犯 因為 3 月 19 日 告訴 獄 方 說 他 覺得 身體 不適 當日 起 已 隔離 接 著 他 在 3 月 20 日 檢測 並於 22 日 獲得 呈 陽性反應 報告 不過 他 目前 病況 穩定 並 接受 治療 就 在 官員 調查 究竟 是 誰 感染 了 這 名 囚犯 時 當局 已 限制 獄 內 行動 而 任何 有 可能 遭 感染 的 物件 也 將 被 隔離 雖然 加州 州立 監獄 至今 還 沒有 其他 囚犯 出現 症狀 但 奇諾 chino 加州 男子 監獄 california institution for men 兩 名 工作人員 已 感染 新冠肺炎 還有 沙加 緬度 加州 州立 監獄 california state prison 的 兩 名 工作人員 以及 1 名 扶桑 州立 監獄 folsom state prison 的工作人員 都 受到 感染</t>
  </si>
  <si>
    <t>央 視 16 日 晚間 宣佈 在 國家 法律 政策 允許 下 並 獲得 患者 家屬 同意 之下 2 月 16 日 淩晨 3 時許 將 大陸 第一 二 例 因 新冠肺炎 逝世 患者 其 捐獻 遺體 解剖 的 患者 解剖 工作 完成 已 成功 得到 病理 同一 日 的 18 點 45 分 大陸 全國 第 2</t>
  </si>
  <si>
    <t>央 視 16 日 晚間 宣佈 在 國家 法律 政策 允許 下 並 獲得 患者 家屬 同意 之下 2 月 16 日 淩晨 3 時許 將 大陸 第一 二 例 因 新冠肺炎 逝世 患者 其 捐獻 遺體 解剖 的 患者 解剖 工作 完成 已 成功 得到 病理 同一 日 的 18 點 45 分 大陸 全國 第 2 例 新冠肺炎 逝世 患者 的 遺體 解剖 工作 也 在 金 銀潭 醫院 順利完成 這 兩 具 解剖 病理 目前 已 被 送 檢 報導 中 表示 由 解剖 獲得 的 病理 對 探索 新冠肺炎 臨床 的 病理 改變 疾病 機制 等 有 重大 幫助 並能 從根本上 尋找 新冠肺炎 的 致病 性 致死 性 給 未來 臨床 治療 危重症 患者 提供 依據</t>
  </si>
  <si>
    <t>新冠肺炎 新冠肺炎 大陸 ncp 解剖</t>
  </si>
  <si>
    <t>新冠肺炎 疫情 尚未 平息 臺灣 大 3045 宣佈 以 實際行動 力 挺 前線 醫護人員 從今 22 日 起 到 5 月底 醫護人員 憑證 申辦 指定 專案 包括 本 週五 將 開 賣 的 蘋果 iphone se 等 新機 在內 均 享有 購機 再 折價 2000 元 的 優惠 另外 臺灣</t>
  </si>
  <si>
    <t>新冠肺炎 疫情 尚未 平息 臺灣 大 3045 宣佈 以 實際行動 力 挺 前線 醫護人員 從今 22 日 起 到 5 月底 醫護人員 憑證 申辦 指定 專案 包括 本 週五 將 開 賣 的 蘋果 iphone se 等 新機 在內 均 享有 購機 再 折價 2000 元 的 優惠 另外 臺灣 大 5 g 早 鳥 方案 也 全面 升級 並 擴大 適用 對象 搭配 自由 選 或 好 速成 雙 專案 者 5 g 開 台後 即 可 再 享 購買 5 g 手機 折價 2500 元 的 優惠 臺灣 大 表示 天 起 醫護人員 憑 服務 醫院 診所 工作證 或 醫療 專業 人員 證書 申辦 臺灣 大 999 含 以上 指定 購機 專案 就 立即 享有 購機 折 2000 元 的 優惠 且 適用於 市面上 所有 機種 以 最新 的 iphone se 64 gb 為 例 醫護人員 申辦 1199 元 資費 綁 約 36 個 月 再經 購機 優惠 方案 折價 後 就 可 以 0 元 輕鬆 購機 並 享 上網 與 網內通話 吃到 飽 再 送 900 分鐘 網外 通話費 申辦 臺灣 大 自由 選專案 商品 也 同樣 適用 折價 2000 元 的 優惠 臺灣 大 除了 力挺 抗 疫 英雄 外 因應 5 g 下半年 開 台 今年 2 月 率先 於 門市 推出 4 g 升 5 g 早 鳥 案 引發 競 業 跟進 同時 也 帶動 用戶 熱烈 迴響 由於 近來 肺炎 疫情 再度 升溫 許多 民眾 持續 在家 辦公 也 讓 3 c 商品 跟 著 熱 賣 為此 臺灣 大 推出 5 g 早 鳥 案 20 版 從即日起 至 6 月底 擴大 適用 對象 消費者 只 要 申辦 1399 元 以上 資費 搭配 自由 選 或 好 速成 雙 專案 5 g 開 台後 換約 即 享 購買 5 g 手機 折價 2500 元 的 優惠 至於 即將 在 週五 開 賣 的 iphone se 臺灣 大 在 上周 啟動 預約 與 預購 機制 根據 統計 預購 預約 數量 達到 近 萬 支 其中 預購 方面 以 黑色 最 受 歡迎 占 比高 達 55 容量 以 128 gb 最 多 占 了 53 預約 同樣 以 128 gb 最 受 果粉 青睞 占比 59 顏色 部分 則 以 黑 白兩 色 平分秋色 各 占 37</t>
  </si>
  <si>
    <t>臺灣 大 蘋果 iphone iphone se 新冠肺炎</t>
  </si>
  <si>
    <t>儘管 當前 美國 新冠肺炎 疫情 仍 處 高峰 espn 薪資 專家 馬克斯 仍然 提出 nba 最佳 的 複賽 方案 或 版本 他 認為 nba 最好 是 在 7 月 上旬 直接 從 本 季季 後 賽開 打 等 到 8 月中 旬 進行 總 冠軍賽 下 個 完整 82 場 例行 賽球 季 才能 在 耶誕節 開幕</t>
  </si>
  <si>
    <t>this might be the best case scenario early july- start of the nba playoffsmid-august- nba finalsend of august- draftsept 1 start of fasept 10 summer fall leaguedec 10 training camp opensdec 25 regular season opens 82 g mid-june- regular season ends 儘管 當前 美國 新冠肺炎 疫情 仍 處 高峰 espn 薪資 專家 馬克斯 仍然 提出 nba 最佳 的 複賽 方案 或 版本 他 認為 nba 最好 是 在 7 月 上旬 直接 從 本 季季 後 賽開 打 等 到 8 月中 旬 進行 總 冠軍賽 下 個 完整 82 場 例行 賽球 季 才能 在 耶誕節 開幕 馬克斯 提出 最佳 複賽 版本 如下 7 月 上旬 季後 賽 開 打 8 月中 旬 總 冠軍賽 開 打 8 月底 選 秀 大會 9 月 1 日 開啟 自由市場 9 月 10 日 夏季 或 秋季 聯賽 12 月 10 日 季 前 訓練營 12 月 25 日新 球季 開幕 82 場 例行 賽 明年 6 月中 旬 例行 賽 結束 只是 馬克斯 所 提出 的 最佳 複賽 版本 前提 仍 是 美國 新冠肺炎 疫情 能夠 有效 控制 目前 美國 確診 案例 已經 突破 50萬 大關 死亡 人數 也 破 2萬 人 看來 今年 6 月底 之前 確實 毫無 重新 開 打的 可能性 馬克斯 的 最佳 複賽 版本 恐怕 也 會 繼續 延 下去</t>
  </si>
  <si>
    <t>新冠肺炎 全球 燒 澎 湖 縣長 賴峰偉 宣佈 即 起 縣府 團隊 人員 禁 出國</t>
  </si>
  <si>
    <t>澎 湖 肺炎 旅遊 新冠肺炎 新 冠</t>
  </si>
  <si>
    <t>燦坤 集團 從 旅行 業 撤退 燦坤 集團 旗 下 燦 星 網 公告 因 外界 經營 環境 變化 整體 營運 表現 未 如 預期 持續 虧損 董事會 決議 處分 所持 約 53 燦 星 國際旅行社 股權 預估 處分 投資 利益 約 在 2861萬 元 至 1961萬 元 間 燦 星 旅 亦 發 訊息 表示 公司 已 接 獲 侯佑 霖 鄭 寶蓮 等 二 人 申報 及 公告 之 公開 收購 申報書 並 已 簽訂 股份 買賣 協議書 由於 侯佑霖 是 亞 果 遊艇 集團 董事長 旗 下有 亞 果 遊艇 開發 亞 澎 遊艇 開發 亞青 海洋 文創 錚 儀 遊艇 樂活 海洋學院 亞 果 國際 潛水 等 六大 企業 市場預測 他 收購 燦 星 旅 後 可望 結合 本業 進一步 發展 燦 星 旅行社 成立 於 2003 年 是 國內 第一 代 網路 旅行社 主要 操作 行程 以 日本 與 東南亞 短線 團體 行程 為主 自由 行 行程 為輔 並 兼營 各種 國旅 行程 與 機票 票 券 和 旅館 訂 房 業務 挾 母 集團 燦坤 3 c 連鎖 門市 實力 燦 星 旅 一度 曾 嘗試 以 複合店 型式 與 燦坤 3 c 門市 合體 共 構 希望 藉 此 快速 發展 連鎖 門市 提高 市 占 但 開 店 租金 與 人力 成本 皆 高 且 公司 未 獲利 目前 僅剩 23 家 實體 門市 燦 星 旅 已 連續 多年 虧損 自 2015 年 至 2018 年 每股 虧損 分別 為 042178331296 元 燦 星 旅 2019 年 營 收 1697億 元 年 減 2445 今年 新冠肺炎 強 襲 旅行社 與 航空 公司 與 觀光 飯店 是 三大 受災 最重 產業 包括 雄獅 鳳凰 五 福 山富 與 易飛 網 等 上市 櫃 旅行社 全 受到 嚴重 衝擊 統計 包括 燦 星 旅 在內 的 6 家 上市 櫃 旅行社 2 月 營 收 總計 2546億 元 年 衰退 4035 其中 燦 星 旅 2 月 營 收 年 減 7694 最 多 資深 旅遊 同業 認為 燦 星 網 此時 處 份 燦 星 旅 股權 下車 新冠肺炎 疫情 應是那 稻草</t>
  </si>
  <si>
    <t>為 有效 防堵 新冠肺炎 院內 感染 中醫大 新竹 附設 醫院院長 陳 自 諒 與 團隊 連結 產業界 結合 醫 令 條碼 掃描 自動 報到 系統 研發 新 冠 pcr 智取 箱 檢驗 機台 不僅 降低 醫護人員 跨 單位 互相 接觸 更 大幅 提升 篩檢 量 能及 便利性 榮獲</t>
  </si>
  <si>
    <t>為 有效 防堵 新冠肺炎 院內 感染 中醫大 新竹 附設 醫院院長 陳 自 諒 與 團隊 連結 產業界 結合 醫 令 條碼 掃描 自動 報到 系統 研發 新 冠 pcr 智取 箱 檢驗 機台 不僅 降低 醫護人員 跨 單位 互相 接觸 更 大幅 提升 篩檢 量 能及 便利性 榮獲 第 18 屆 國家 新創 獎 臨床 新創 獎 殊榮 陳 自 諒 表示 在 疫情 高峰期 間 為 有效 降低 高風險 員工 跨 單位 接觸 減少 行政 及 采 檢 作業負擔 醫 檢驗 科 與 聯 毅 科技 合作 研發 的 新 冠 pcr 智取 箱 不僅 可 免除 民眾 戳 鼻 之 苦 也 大幅 提升 pcr 檢驗 量 能 和 便利性 新 冠 pcr 智取 箱 結合 醫 令 條碼 掃描 自動 報到 系統 製成 一 台 零 接觸 自動 報到 領 管 系統 可 搭配 醫院 pcr 檢驗 項目 以 客 制 化 模式 推廣 到 預 住院病人 陪 病 家屬 篩檢 及 其他 醫療 院所 也 可以 和 社區 檢驗 所 或有 定期 篩檢 需求 的 學校 機關 簽約 代檢 在 指定 地點 設置 機台 增進 pcr 廣 篩 效益 陳 自 諒 說 這項 科技 防疫 創新 技術 第 1 個 優勢 是 透過 掃 碼 自動 取 管 衛教 影片 杯 架式 出口 民眾 自 采 感應式 檢 體 回收箱 等 流程 達成 零 接觸 其次 搭配 的 保存 液 保冷 系統 及 衛教 影片 標準化 深 喉 唾液 pcr 檢 體 收集 及 前 處理 再則 有 資訊 管理 系統 掌握 每 時期 篩檢 狀況 具 便利 補 管 設計 包括 模組化 系統 可 盤式 更換 line 通知 等 而 在 疫情 過 後 可 擴充 為 不同 容器 的 備 管機 陳 自 諒 帶領 團隊 獲獎 的 成員 有 中醫大 新竹 附 醫 副 院長 阮 春榮 檢驗 科 主任 楊晶安 總 技師 林建 佑 小組長 張麗禎 資訊 室主任 謝嵩淮 助理 程式 設計師 楊豐銘 及 聯 毅 科技 處長 蘇閔財 等 人 12 月 17 日 將 在 臺北 國際會議中心 接受 頒獎 表揚</t>
  </si>
  <si>
    <t>威潤 uvengers 新冠肺炎 旭 化成 集團 婦幼用品 大展</t>
  </si>
  <si>
    <t>華航 衡量 全球 新冠肺炎 疫情 現況 為 減少 公司 虧損 已 與 公司 企業 工會 排定 明 20 日 下午 進行 勞資 協商 公會 理事長 劉惠宗 表示 只要 不 裁員 什麼 都 可以 談 對於 有 媒體 寫 說 工會 不 接受 減 薪 兩 成是 錯誤 報導 工會 主要 是 訴 求</t>
  </si>
  <si>
    <t>華航 衡量 全球 新冠肺炎 疫情 現況 為 減少 公司 虧損 已 與 公司 企業 工會 排定 明 20 日 下午 進行 勞資 協商 公會 理事長 劉惠宗 表示 只要 不 裁員 什麼 都 可以 談 對於 有 媒體 寫 說 工會 不 接受 減 薪 兩 成是 錯誤 報導 工會 主要 是 訴 求 主管 減 薪 幅度 一定 要 高於 員工 現在 要 減 幾 成 薪 公司 都還 沒有 提出 另 每個 部門 狀況 不 同 像 機場 客運 櫃檯 幾乎 停 擺 貴賓室 也 關了 而 貨運 部門 忙 得 不可開交 還 需要 其他 部門 支援 不可能 做 減班 休 時 貨運 部門 減 不減 薪 也 要 談 華航 人事 成本 約 占 公司 營運 成本 136 根據 民國 107 華航 年報 揭露 的 華航 個體 財 報 資料 顯示 當年 用人 費用 含 薪資 退休金 勞建保 員工福利 董事 酬勞 約 為 21551億 元 員工 人數 12418 人 平均 每月 薪資 支出 高達 1793億 元 華航 內部 分析 減 薪 應 是 減 基本 薪 以 華航 一個 月 基本 薪 支出 約 1112億來 算 減 薪 兩 成 一個 月 可以 省 下 2億 多元 減班 休 時 部分 則 形同 輪休 無 薪 價 狀況 較為 複雜 由於 華航 在 機場 櫃檯 與 貴賓室 用 了 較 多時 薪 員工 因此 正職 員工 影響 較 小 修護 部門 則 是 利用 這 段 時間 飛機 停 飛 時間 大幅 拉長 機會 對 飛機 進行 深層 修 護 有利 疫 後 飛 航 安全 華航 企業 公會 共有 六 個 分會 包括 總公司 空服 航務 維修 臺北 分 公司 與 高雄分 公司</t>
  </si>
  <si>
    <t>新冠肺炎 新 冠 病毒 臺灣 大陸 全球</t>
  </si>
  <si>
    <t>負責人 幼稚園 確診 新北 新冠肺炎</t>
  </si>
  <si>
    <t>道奇 救援 王簡森 kenley jansen 終於 回來 了 遲到 一個 多星期 才 向 訓練營 報到 他 自 曝 原因 是 全家 都 感染 新冠肺炎 他 的 兒子 最先 出現 症狀 檢驗 之後 發現 兩 個 小孩 和 簡森 夫妻 全都 染病 簡森 說 鄭重 提醒 大家 盡可能</t>
  </si>
  <si>
    <t>道奇 救援 王簡森 kenley jansen 終於 回來 了 遲到 一個 多星期 才 向 訓練營 報到 他 自 曝 原因 是 全家 都 感染 新冠肺炎 他 的 兒子 最先 出現 症狀 檢驗 之後 發現 兩 個 小孩 和 簡森 夫妻 全都 染病 簡森 說 鄭重 提醒 大家 盡可能 隨時 戴著 口罩 簡森 一家 在 上個月 染病 他 自己 也 莫名其妙 因為 他 一直 非常 小心 幸運 的 是 他們 全家 都 已經 痊癒 我 現在 感覺 非常 棒 我 得 病 的 第 4 天 開始 就 好多 了 簡森 家裡 有 健身房 他 養病 的 時候 也 能 自己 練球 身 為 兩 度 霍夫曼 獎得主 上 季是 簡森 在 道奇 10 年 表現 最差 的 一 季 自責 分率 371 跟 全盛時期 差別 很 大 可能 受到 他 心臟 手術 的 影響 這次 挺 過 新冠肺炎 讓 他 更 有 自信 我 自主 訓練 將近 3 個 月 了 我 空閒 的 時間 都 拿 來 訓練 總 教練 羅伯茲 dave roberts 表示 他 本來 也 沒想 好 終結者 的 替代 人選 他 堅信 簡森 能夠 趕回來</t>
  </si>
  <si>
    <t>1 分鐘 看 世界 新冠肺炎 黑色 星期四 股災</t>
  </si>
  <si>
    <t>全球 陷入 疫情 恐慌 不過 因 鉛酸 電池 需求 持續 國內 鉛錠 龍頭 泰 銘 9927 營 收 與 疫情 連動 性 低 今年 2 月 單月 營 收 年 增 達 2865 以 今 年前 2 月 與 去年同期 比較 仍 成長 236 鉛錠 每 噸 持 穩 在 1800 美元 到 1900 美元 之間 盤整 降低 進貨 觀望 心理 是 推動 營 收 的 主要 原因 泰 銘 發言人 童新沅 11 日 指出 泰銘 鉛錠 的 下游 客戶 製造商 不是 以 大陸 作為 生產 基地 加上 影響 客戶 採購 鉛錠 的 因素 仍以 價格 變動 為 主要 考量 因此 泰銘 的 營 收 跟 新冠肺炎 covid-19 的 連動 性 相對 的 低 童新沅 表示 今年 1 月 迄今 英國倫敦 金屬 交易所 的 國際 鉛錠 價格 相 對抗 跌 一直 持 穩 於 每 噸 1800 美元 到 1900 美元 的 大間 盤整 對於 吸引 下游 客戶 進場 採購 鉛錠 具有 信心 推 升 作用 國際 鉛錠 價格 這 2 年 來 的 最低價 出現 在 2019 年 5 月 的 平均價 181721 美元 今年 3 月 10 日 的 價格 約 1859 美元 他 說 鉛錠 買賣 最 擔心 的 是 價格 暴漲暴跌 一旦 出現 恐慌性 下跌 客戶 觀望 的 心理 就 會 出現 希望 能夠 再 等 價格低 一點 再 進場 不過 即使 價格 持續 跌落 泰銘 對 長期 合約 的 客戶 也 會 根據 市場 變動 的 價格 給予 反應 因此 長 約 客戶 也 不 會 在乎 短期 價格 的 波動 童新沅 指出 鉛錠 作為 鉛酸 電池 的 主要 材料 市場需求 不 會 間斷 未來 則 要 看 全球 的 經濟 景氣 變動</t>
  </si>
  <si>
    <t>新冠肺炎 疫情 蔓延 餐飲業 首當其衝 屏 東 知名 早 午餐 業者 找來 日曬 面 廠商 齊打 團體 戰 透過 品牌 結盟 方式 推出 雞湯 日曬 面 並 攜手 美食 外 送 平臺 盼 將 風和日麗 送 到 消費者 家裡 一同 迎接 陰霾 後 的 曙光 傳承 60 年 的 家傳 掛</t>
  </si>
  <si>
    <t>新冠肺炎 疫情 蔓延 餐飲業 首當其衝 屏 東 知名 早 午餐 業者 找來 日曬 面 廠商 齊打 團體 戰 透過 品牌 結盟 方式 推出 雞湯 日曬 面 並 攜手 美食 外 送 平臺 盼 將 風和日麗 送 到 消費者 家裡 一同 迎接 陰霾 後 的 曙光 傳承 60 年 的 家傳 掛麵 手藝 長安 制面 吳 冠翬 說 北緯 235 度 的 屏 東 有 著 全台 日照 最 長 的 優點 手 工整 面 重複 碾壓 堅持 不 速成 烘乾 完全 透過 日曬 讓 麵條 展現 最 真實 的 筋 性 與 韌性 這 飽滿 的 陽光 也 讓 人 每 一 口 都 感受 到 和風 暖 陽 的 心意 不過 受到 疫情 影響 下游 面 攤 店鋪 生意 直線 下滑 自家 麵條 業績 也 跌 了 超過 3 成 早 午餐 業者 徐皖台 坦言 隨 著 疫情 升溫 餐飲業 沒有 生意 人 走 不 進來 讓 他 驚 覺 所有人 都 不能 置身事外 更 無法 像 過去 一樣 繼續 單打獨鬥 於是 決定 採取 品牌 結盟 方式 並 委 讬 外 送 平臺 推出 新品 日曬 面 徐皖台 說 既然 日子 過 得 苦悶 就 把 陽光 幸福 送到 民眾 手上 因為 他 堅信 陰霾 過 後 還 是 盼 得到 陽光 外 送 美食 平臺 區經理 蘇子 翔 指出 公司 外 送 初衷 便是 外 送 幸福 近期 更 力推 安心 配送 流程 除 要求 外 送 夥伴 每日 落實 防疫 自主 檢查 定期 調查 外 送 夥伴 呼吸道 症狀 及 旅遊 史 並 宣導 無 接觸 送 餐 建立 消費者 店家 及 外 送 夥伴 都健康 安心 的 配送 環境 統計 整個 3 月 訂單 已 比 過去 翻倍 成長</t>
  </si>
  <si>
    <t>新冠肺炎 疫情 升溫 台 南市 新化 年貨 大街 是否 照辦 引發 民眾 討論 台南 市 副 市長 趙卿惠 20 日 中午 至 新化 區公所 討論 年貨 大街 防疫 事宜 時 表示 將 以 提高 防疫 措施 方式 舉辦 除 實 聯 制 入場 更 增設 電子 圍 籬 基地 台 居家 檢疫 民眾 進</t>
  </si>
  <si>
    <t>新冠肺炎 疫情 升溫 台 南市 新化 年貨 大街 是否 照辦 引發 民眾 討論 台南 市 副 市長 趙卿惠 20 日 中午 至 新化 區公所 討論 年貨 大街 防疫 事宜 時 表示 將 以 提高 防疫 措施 方式 舉辦 除 實 聯 制 入場 更 增設 電子 圍 籬 基地 台 居家 檢疫 民眾 進入 就 會 收到 簡訊 但 年貨 大街 最後 是否 舉辦 仍 會 視 疫情 發展 狀況 決定 趙卿惠 表示 新化 年貨 大街 地點 比起 鹽水 蜂炮 場 域 算是 較 可 管控 市府 除 於 入口 加派 人手 勸導 戴 口罩 也 有志 工 隨時 巡查 不 配合 者 將 勸 離 或 開 罰 場內 則 取消 飲食 區及 試 吃 希望 在 強化 防疫 措施 下 讓 民眾 安心 採買 年貨 至於 民眾 擔心 年貨 大街 出入口 過多 難以 管制 市府 希望 採買 年貨 的 民眾 從 管制 口 進出 工作人員 會 在 民眾 手上 蓋章 作為 識別 管制區 內 的 住家 將 發給 識別證 進出 新化 在 地 人 台南 市 城市 文化 協會 理事長 王榮森 表示 由於 疫情 升溫 年貨 大街 地點 附近 居民 多數 認為 應以 防疫 為重 希望 取消 舉辦 但 也 有 攤 商 認為 景氣 不好 收入 減少 希望 照常 舉辦 但 如果 要 取消 的 話 應 快點 宣佈 以免 他們 貨 都 備 了 沒 處 賣 損失 更 大</t>
  </si>
  <si>
    <t>菲律賓 模式 居家 檢疫 新冠肺炎 檢疫 期滿 采 檢</t>
  </si>
  <si>
    <t>環南 市場 群 聚 案 持續 延 燒 新北 市長 侯友宜 今 主持 防疫 會議 表示 新北 市 今日 新增 24 例 本土 確診 其中 16 例 與 北農 和 環南 市場 感染 源 有關 新北 市 現在 最 重要 是 跟 北市 並肩作戰 鼓勵 雙北 市民 都 快速 出來 篩檢 只要 能 把 黑 數 找 出來 快速 做好 居家 隔離 擴大 匡列 相信 7 月 12 日前 雙 北能 看到 好 的 結果 侯友宜 說 今天 板橋 新增 6 人 三 重 土 城 新莊 各 3 人 蘆洲 中和 各 2 人 永和 新 店 樹林 泰山 淡水 各 1 人 新北 市 累計 確診 數 6543 人 其中 4989 人 已經 解除 隔離 侯友宜 表示 今天 24 例 中 有 16 人 與 北農 和 環南 市場 有 接觸 史 包括 臺北市 通報 過來 的 12 名 新北 市民 1 例 自行 到 新北 市 社區 篩檢 站 采 檢 出來 的 個案 還有 2 例 是 家戶 中 感染 總共 新增 16 人 侯友宜 說 昨天 新北 市 總共 篩檢 了 4033 人 其中 有 316 人 自述 有 北農 和 環南 市場 接觸 史 其中 1 人 快 篩 陽性 他 還 是 再次 強調 希望 大家 多多 來 采 檢 雙北 一起 合作 可以 一起 到 板橋 篩檢 站 來 采 檢 阻斷 隱形 傳播 鏈 趕快 把 黑 數 找 出來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馬英九 羅智強 陳致曉</t>
  </si>
  <si>
    <t>康健 雜誌 az 疫苗 新冠肺炎 新 冠 病毒 疫苗</t>
  </si>
  <si>
    <t>日本 14 日 晚間 又 陸續 傳出 確診 病例 北海道 愛知縣 都 有人 感染 第 3 班 包機 返 日日 僑 也 確診 感染 1 月 31 返 日 的 日本 第 3 班 武漢 撤 僑 包機 有 145 名 日本 人 被 安排 在 住宿 設施 隔離 2 周 由於 新冠肺炎 的 潛伏期 已 滿 再次 做 病毒檢測</t>
  </si>
  <si>
    <t>日本 14 日 晚間 又 陸續 傳出 確診 病例 北海道 愛知縣 都 有人 感染 第 3 班 包機 返 日日 僑 也 確診 感染 1 月 31 返 日 的 日本 第 3 班 武漢 撤 僑 包機 有 145 名 日本 人 被 安排 在 住宿 設施 隔離 2 周 由於 新冠肺炎 的 潛伏期 已 滿 再次 做 病毒檢測 結果 有 1 名 出現 陽性反應 此外 北海道 14 日 新增 1 例 感染 新 冠 狀 病毒 的 確診 病例 住 在 北海道 的 50 多 歲 日本 男性 1 月 31 日 出現 發燒 等 症狀 2 月 4 日 被 診斷 患 肺炎 11 日 住院 14 日 確診 北海道 正在 調查 其 感染 途徑 愛知縣 的 60 多 歲 男性 14 日 也 確診 感染 他 於 2 月 3 日 出現 感冒 症狀 之後 因 有 肺炎 徵兆 而於 13 日 住院 經 病毒 檢查 後 14 日 確診 感染 他 從 1 月 28 日 至 2 月 7 日 曾 到 夏威夷 旅行 8 日 以後 在 家 療養</t>
  </si>
  <si>
    <t>新冠肺炎 確診 感染 北海道 愛 知</t>
  </si>
  <si>
    <t>大陸 日前 兩 度 軍機 繞 台 兩岸 態勢 升高 國民黨 補選 主席 候選人 郝龍斌 今 接受 電臺 專訪 表示 新冠肺炎 疫情 蔓延 兩岸 積極 應對 陸方 軍機 繞 台 行動 對 台 不 友善 也 不 聰明 呼籲 大陸 多 一些 防疫 專業 多 一些 兩岸 疫情 合作 絕對 比</t>
  </si>
  <si>
    <t>新冠肺炎 郝龍斌 國民黨 主席 補選 防疫</t>
  </si>
  <si>
    <t>大陸 自 去年底 爆發 新冠肺炎 疫情 連日來 確診 與 死亡 數字 不斷 增高 尤其 湖北省 病例 上升 快速 在 2 月 11 日 有 了 轉折 這 一 日 湖北 近 10 天 來 新增 病例 首次 在 2000 例 以下 並 連續 第 12 天 新增 出院 病例 超過 新增 死亡 病例 也 在 這 一</t>
  </si>
  <si>
    <t>日本 第 4 波 新冠肺炎 疫情 嚴峻 包括 大 阪 等 14 個 都道 府縣 今年以來 至少 有 77 人 在家 身亡 他們 多半 是 在 居家 療養 或是 等待 住院 期間 症狀 惡化 後 喪命 日本共同社 指出 由於 變種 病毒 易 導致 患者 重症 化 呼籲 政府 當務之急 是 要 完</t>
  </si>
  <si>
    <t>新冠肺炎 全球 日本 在家 死亡 77</t>
  </si>
  <si>
    <t>51 歲 資深 歌手 李翊君 與 老公 檢場 育 有 一 女王 敏淳 香奈兒 頂 著 星二 代 光環 於 3 年前 拍攝 我 和 我 的 四 個 男人 出道 近日 李翊君 上 節目 透露 女兒 在 美國 求學 時 健康 亮紅燈 緊急 掛 急診 後 被 醫生 警告 不能 出院 會 有 生命危險 李翊君 一 聽 緊張 到 快 暈倒 急飛 美 將 愛女 接回 台 治療 李 翊君 睽 違 3 年 將 在 下月 舉辦 演唱會 日前 錄 節目 聚焦 20 分享 籌備 進度 也 分享 在 美國 念書 的 女兒 香奈兒 某次 打電話 回來 告訴 自己 生病 胃 痛 伴隨 著 高燒 不退 掛 急診 後 診斷 出 膽結石 醫生 告誡 她 不能 出院 否則 會 有 生命危險 身為 母親 的 李翊君 一 聽差 點 昏 過去 趕快 飛到 美國 將 女兒 接回 臺灣 治療 才 結束 這 場 驚魂 記 由於 新冠肺炎 嚴重 女兒 已經 從 美國 回台 母女倆 多 了 許多 相聚 機會 李翊君 因 保養 有 術 主持人 高文 音 看到 她 與 愛女 的 合 照 忍不住 甜 贊 像 姐妹 李 翊君 為了 下月的 演唱會 積極 的 加強 運動 增加 肺活量 卻 導致 左 肩 舊疾復發 痛 到 難受 她 還 在 現場 倒立 練唱 萍聚 臉 不 紅 氣 不 喘 的 完成 笑 稱 姐姐 有 練 過 小朋友 不要 模仿 喔</t>
  </si>
  <si>
    <t>李翊君 檢場 女兒 新冠肺炎 美國</t>
  </si>
  <si>
    <t>新冠肺炎 疫情 延 燒 口罩 至今 依舊 是 難以 取得 儘管 防疫 指揮官 陳時中 一再 宣導 政策 與 配戴 時機 但 民眾 對於 病毒 恐慌 導致 不少 人 幾乎 全 時段 戴著 口罩 對 此前 衛生 署長 楊志良 受訪 時 批評 中央 就 是 最 大亂 源 的 始作俑者 怒 嗆</t>
  </si>
  <si>
    <t>新冠肺炎 疫情 延 燒 口罩 至今 依舊 是 難以 取得 儘管 防疫 指揮官 陳時中 一再 宣導 政策 與 配戴 時機 但 民眾 對於 病毒 恐慌 導致 不少 人 幾乎 全 時段 戴著 口罩 對 此前 衛生 署長 楊志良 受訪 時 批評 中央 就 是 最 大亂 源 的 始作俑者 怒 嗆 一 星期 買 兩 片 幹 嘛 全部 拔下來 楊 志 良 接受 遠見 訪問 時 對於 疫情 侃侃而談 他 表示 自己 進去 校園 時 不論 中小學 學生 幾乎 不離 口罩 甚至 看到 有 學生 戴 口罩 打球 打 整場 嚇 得 他 直說 戴 口罩 吸 到 氧氣 含量 的 空氣 變 低 會 缺氧 他 也 呼籲 中央 應以 流行病 學 角度 制定 政策 否則 學生 長期 戴 口罩 會 戴出病 楊 志 良 表示 口罩 是 給 長 時間 且 會 大量 近 距離 接觸 不 特定 人士 戴 的 例如 醫師 護理 師 等 醫療 人員 除此之外 就 是 容易 接觸 到 大量 人群 的 櫃檯 人士 與 門口 警衛 最後 則 是 高齡 慢性病 患者</t>
  </si>
  <si>
    <t>國內 出現 醫護人員 確診 新冠肺炎 個案 雲 林縣 長 張麗 善為 強化 醫院 防疫 措施 14 日 巡視 縣 內 應變 醫院 除 慰勉 堅守崗位 的 醫護人員 也 呼籲 民眾 儘量 以 視 訊 或 電話 方式 探病 若要 實地 探視 需 配合 實 名 制 登記 全程 戴 口罩 維持</t>
  </si>
  <si>
    <t>境外移入 新冠肺炎 生活 臺灣 健康</t>
  </si>
  <si>
    <t>容 祖兒 近期 在 歐洲 舉辦 巡演 荷蘭 及 倫敦 的 演出 未 受 新冠肺炎 疫情 影響 但 她 此行 未 帶大 病 初 愈 抵抗力 弱 的 媽媽 隨行 媽媽 不 出門 以策安全 她 知道 同事 會 照顧 我 有 叫 我 要 加油 對於 疫情 嚴重 仍 無畏 風險 飛去 開 唱 容</t>
  </si>
  <si>
    <t>容 祖兒 近期 在 歐洲 舉辦 巡演 荷蘭 及 倫敦 的 演出 未 受 新冠肺炎 疫情 影響 但 她 此行 未 帶大 病 初 愈 抵抗力 弱 的 媽媽 隨行 媽媽 不 出門 以策安全 她 知道 同事 會 照顧 我 有 叫 我 要 加油 對於 疫情 嚴重 仍 無畏 風險 飛去 開 唱 容 祖兒 說 海外 歌迷 這麼 疼 我 他們 期待 很 久 了 我 不 希望 讓 大家 失望 容 祖兒 坦言 這次 出發 前 心裡 難免 緊張 但 為了 不 失約 歌迷 她 做 好 防疫 準備 便 飛往 歐洲 自己 可以 做 的 就 盡力去做 也 希望 大家 看 完秀 人人 都 高興 所有人 都 能 百毒不侵 疫情 也 趕快 過去 有 機會 再 回去 跟 大家 見面 返回 香港 後 她 也 會 採取 自主 隔離 防疫 出道 20 年 的 容 祖兒 此次 在 倫敦 的 殿堂 級 劇院 the london palladium 順利完成 演唱會 更 趕赴 巴黎 欣賞 瑪丹娜 於 當地 舉辦 的 演唱會 佩服 瑪丹娜 即便 扭傷 腰 骨 依然 站 在 舞臺 上 展現 驚人 魄力 她 對 音樂 舞臺 表演 的 堅持 和 毅力 無法形容 那種 感動 期許 自己 向 偶像 看齊 下 個 20 年 繼續 在 舞臺 上 發光 發亮</t>
  </si>
  <si>
    <t>容 祖兒 倫敦 容 祖兒 演唱會 新冠肺炎 武漢肺炎</t>
  </si>
  <si>
    <t>常春 月刊 新 冠 疫苗 新冠肺炎 臺灣 波 尿酸</t>
  </si>
  <si>
    <t>新冠肺炎 疫情 蔓延 各國 均 寄 望 疫苗 研發 終結 疫情 疫情 指揮中心 指揮官 陳時中 表示 政府 已 組成 醫院 國家隊 協助 廠商 以 降低 人體 臨床 試驗 收集 病人 所 需 時間 同時 給予 研發 經費 日前 已 有 一家 國內 廠商 提出 人體 臨床 試驗</t>
  </si>
  <si>
    <t>新冠肺炎 疫情 蔓延 各國 均 寄 望 疫苗 研發 終結 疫情 疫情 指揮中心 指揮官 陳時中 表示 政府 已 組成 醫院 國家隊 協助 廠商 以 降低 人體 臨床 試驗 收集 病人 所 需 時間 同時 給予 研發 經費 日前 已 有 一家 國內 廠商 提出 人體 臨床 試驗 計 畫 並 積極 展開 作業 不過 邊境 檢驗 仍 將 維持現狀 不以 廣 篩 取代 居家 檢疫 陳時中 指出 政府 已 訂 定 縮短 疫苗 相關 臨床實驗 時間 及 緊急 使用 時機 的 相關 法令 也 將 提供 經 政府 評定 的 3 4 家 疫苗 廠商 研發 經費 補助 未來 一旦 進入 人體 臨床實驗 時 醫院 國家隊 也 可以 迅速 給予 臨床 病 患 收集 的 協助 另外 政府 也 精選 國外 進展 快 又 好 的 疫苗 並 預先 採購 以 保證 國內 可以 使用 日籍 女 學生 返 日 入境 時 確診 新冠肺炎 引發 國內 要求 政府 廣 篩 的 聲浪 昨日 疫情 中心 例行 記者會 中 陳時中 以 發生 群 聚 案件 的 華 航班機 及 敦睦 艦隊 為 例 指 第一時間 全面 采 檢 即便 全部 是 陰性 也 不見得 就是 沒有 感染 隔離 檢疫 也 很 重要 至於 指揮中心 對 日籍 女 學生 在 台 123 位 接觸 者 進行 血清 抗體 檢驗 疫情 指揮中心 發言人 莊人祥 表示 目前 完成 67 名 結果 都 是 陰性</t>
  </si>
  <si>
    <t>高市驚 傳 第 2 起 居家 檢疫 者 死亡 家住 林 園區 40 多 歲 婦人 從 上海 搭 機 返台 在 自 宅 居家 檢疫 未 料 21 日 居家 檢疫 第 5 天 被 發現 在家 輕生 身亡 22 日經 采 檢 結果 為 陰性 排除 感染 新冠肺炎 檢察官 相 驗 後 也 證實 婦人 為 輕生 高市 衛生局</t>
  </si>
  <si>
    <t>在 新冠肺炎 covid-19 持續 擴散 下 美 股 因 近期 也 面臨 回檔 修正 壓力 2 個 交易日 重 挫 近 2000 點 展望 後市 台新 智慧 生活 基 金經理 人 蘇聖峰 表示 美 股 基本 面 優於 其他 市場 如 製造業 ism 重 回 榮 枯 線 50 企業 第 四季 財 報 獲利 亮</t>
  </si>
  <si>
    <t>在 新冠肺炎 covid-19 持續 擴散 下 美 股 因 近期 也 面臨 回檔 修正 壓力 2 個 交易日 重 挫 近 2000 點 展望 後市 台新 智慧 生活 基 金經理 人 蘇聖峰 表示 美 股 基本 面 優於 其他 市場 如 製造業 ism 重 回 榮 枯 線 50 企業 第 四季 財 報 獲利 亮 眼 且 指標 個股 展望 佳 加上 低利 環境 不 變 美 股 因 具 報酬 較 高 優勢 吸引力 高 預期 美 股 後市 仍 有 漲 升 行情 可期 短線 若 遇 較 大 回檔 皆 是 買點 看好 軟 體 網路 安全 fintech 電競 娛樂 共用 經濟 等 趨勢 成長 股 蘇聖峰 指出 預期 新冠肺炎 對於 今年 全球 gdp 影響 輕微 股市 承接 力道 強勁 市場 普遍 共識 認為 第一 季 的 經濟損失 會 在 第二 季 獲得 部分 彌補 不過 由於 第一 季 經濟 下行 壓力 增加 全球 央行 貨幣政策 有望 更 寬鬆 帶動 經濟 復蘇 美國 基本 面 為 全球 相對 突出 的 s&amp;p 500 企業 去年 第 四季 企業 獲利 優於 預期 比例 達 70 以上 資訊 科技類 股 是 今年以來 唯一 獲利 上 修 的 類 股 仍 為 盤面 主流 尤其 科技 龍頭 大廠 apple amazon microsoft tesla 等 財 報 與 展望 佳 將 帶動 美國科技 相關 基金 後市 表現 蘇聖峰 表示 科技 股 擁有 五大 利基 仍 是 未來 美 股 的 領頭羊 包括 一 科技 通訊 生 技 等 類 股 受 疫情 影響 小 在 恐慌性 殺 盤後 將 有 顯著 反彈 二 5 g ai 雲端 等 新興產業 成長 題材 豐富 三2020 年 it 支出 調查 it 業者 願意 增加 投資 的 企業 為 89 大型 科技 股 動能 不 變 四 軟 體 股 有 更 多 題材 疫情 對於 軟 體 股 影響 小 且 網路 安全 容器 效能 監控 資料 處理 devops 雲 通訊 與 客戶 使用者 體驗 是 許多 公司 的 優先 專案 五 強勢 美元 影響 減弱 有利 出口 及 匯兌</t>
  </si>
  <si>
    <t>新冠肺炎 蘇聖峰 軟 體 網路 安全 fintech</t>
  </si>
  <si>
    <t>因應 新冠肺炎 苗栗 8 床 負 壓 隔離 病床 還 有 醫療 區域 網</t>
  </si>
  <si>
    <t>苗栗 縣政府 衛生局 11 日 在 苗栗縣 議會 進行 專案 報告 針對 因應 嚴重 特殊 傳染性 肺炎 疫情 說明 新冠肺炎 防疫 措施 其中 苗栗縣 有 8 床 負 壓 隔離 病床 引發 議員 關注 衛生局長 張 蕊仙 說明 因應 大型 感染 事件 清 空 計 畫 可 收治 236</t>
  </si>
  <si>
    <t>苗栗 縣政府 衛生局 11 日 在 苗栗縣 議會 進行 專案 報告 針對 因應 嚴重 特殊 傳染性 肺炎 疫情 說明 新冠肺炎 防疫 措施 其中 苗栗縣 有 8 床 負 壓 隔離 病床 引發 議員 關注 衛生局長 張 蕊仙 說明 因應 大型 感染 事件 清 空 計 畫 可 收治 236 床 苗栗 疫情 監測 為 0 確診 張蕊仙 說明 累計 至 10 日 苗栗縣 居家 檢疫 共 591 人 解除 檢疫 有 472 人 檢疫 中 有 119 人 居家 隔離 則 計 12 人 解除 隔離 有 10 人 居家 隔離 中 2 人 目前為止 苗栗縣 針對 違反 居家 隔離 者 共有 4 例 各 開 罰 1萬 元 針對 縣 內 只 有 8 床 負 壓 隔離 病床 議員 陳品安 羅貴星 擔心 若 遇 社區 感染 爆發 恐無 法因 應 張蕊仙 說明 苗栗 8 床 負 壓 隔離 病床 外 透過 清 空 計 畫 可 收治 236 床 強調 苗栗 不是 單兵作戰 若 疫情 拉高 還 有 醫療 區域 網 可 請求 支援 與 協助 另 議員 黎煥強 陳光軒 張淑芬 許櫻 萍 劉順松 等 人 關心 校園 防疫 發現 有 學校 是 到 教室 才 量 體溫 擔心 成 防疫 破 口 盼 有 統一 標準 作法 並 添 購 紅外線 熱 顯 像 儀 節省 人力 張蕊仙 表示 尊重 做法 並 回歸 教育處 執行</t>
  </si>
  <si>
    <t>新冠肺炎 苗栗 苗栗縣 議會 苗栗 縣政府 衛生局 防疫</t>
  </si>
  <si>
    <t>新冠肺炎 臺灣 市場 攤 商 亂象</t>
  </si>
  <si>
    <t>信 民 播 客 龍 觀點 ep 19 不 習慣 戴 口罩 球賽 照辦 新冠肺炎 歐美 即將 大 流行</t>
  </si>
  <si>
    <t>疫情 習慣 戴 口罩 照辦 新冠肺炎</t>
  </si>
  <si>
    <t>新冠肺炎 臺灣 王任賢 民眾 戴好 戴滿</t>
  </si>
  <si>
    <t>新冠肺炎 臺灣 宜蘭 縣 匡列 延長</t>
  </si>
  <si>
    <t>日本 新增 新冠肺炎 確診 7803 例 連 4 天創 新高</t>
  </si>
  <si>
    <t>高雄 新冠肺炎 疫情 觀光 愛河</t>
  </si>
  <si>
    <t>盧秀燕 桃園 基隆 微 疫 調 新冠肺炎</t>
  </si>
  <si>
    <t>籃 網 在 傳出 新 援 畢 斯利 確診 新冠肺炎 之後 立即 宣佈 簽下 32 歲 老將 蘭斯 湯瑪斯 lance thomas 希望 湯瑪斯 能夠 填補 戰 力 缺口 籃 網 目前 陣 中 多 人 染病 加上 厄文 以 黑人 平 權 理由 不 願 參加 複賽 導致 全隊 戰 力 銳減 球 團 不得不 將</t>
  </si>
  <si>
    <t>籃 網 在 傳出 新 援 畢 斯利 確診 新冠肺炎 之後 立即 宣佈 簽下 32 歲 老將 蘭斯 湯瑪斯 lance thomas 希望 湯瑪斯 能夠 填補 戰 力 缺口 籃 網 目前 陣 中 多 人 染病 加上 厄文 以 黑人 平 權 理由 不 願 參加 複賽 導致 全隊 戰 力 銳減 球 團 不得不 將 戰力 補強 目標 鎖定 沒有 合約 的 自由 球員 上周 簽下 了 畢 斯利 沒 想到 今天 傳出 畢 斯利 確診 新冠肺炎 籃 網 只能 趕緊 換人 而 迅速 地 簽下 了 蘭斯湯瑪斯 湯瑪斯 在 2010 年 參加 nba 選 秀 但 當時 沒有 獲得 任何 球隊 青睞 2011 年 加入 鵜鶘 也 打過 雷霆 和 尼克 甚至 跨過 太平洋 來到 大陸 cba 佛山 龍 獅 討 生活 湯瑪斯 在 2019 年 結束 與 尼克 的 合約 之後 一度 與 籃 網 簽訂 合約 可惜 球季 還 沒開 打 前 就 被 籃 網 釋出 nba 生涯 場 均 52 分 26 籃板</t>
  </si>
  <si>
    <t>籃 網 湯瑪斯 畢 斯利 新冠肺炎 nba</t>
  </si>
  <si>
    <t>新冠肺炎 本土 疫情 未 歇 台 大公 衛學院 教授 陳秀熙 分析 指出 臺灣 在 非 藥物 公 衛 措施 npi 推動 熱區 快 篩 之下 整體 的 rt 值 已 降 至 1 以下 不過 若以 縣 市 來看 北部 疫情 已經 趨 緩 但 苗栗 的 rt 值 還 在 5 以上 npi 的 落實 程度 會 反</t>
  </si>
  <si>
    <t>新冠肺炎 本土 疫情 未 歇 台 大公 衛學院 教授 陳秀熙 分析 指出 臺灣 在 非 藥物 公 衛 措施 npi 推動 熱區 快 篩 之下 整體 的 rt 值 已 降 至 1 以下 不過 若以 縣 市 來看 北部 疫情 已經 趨 緩 但 苗栗 的 rt 值 還 在 5 以上 npi 的 落實 程度 會 反映 在後 12 周 的 rt 值 近期 車流量 變 多 未來 疫情 是否 還 會 升溫 還 需 觀察 台 大公 衛學院 今 舉辦 新冠肺炎 科學 防疫 線 上 直播 針對 近期 的 本土 疫情 進行 分析 陳秀熙 指出 臺灣 除了 npi 措施 指揮中心 也 針對 熱區 設置 快 篩 站 協助 找到 隱性 個案 快 篩 配合 npi 的 措施 是 疫苗 施打前 最 有效 的 政策 陳 秀 熙 表示 臺灣 在 本土 疫情 剛 爆發 時 npi 的 落實 程度 不 高 5 月 18 日 只 有 30 5 月 24 日 46 5 月 26 日 升至 66 5 月 29 日 升至 83 6 月 1 日 79 6 月 4 日 80 6 月 7 日 90 由於 npi 措施 快 篩檢測 見效 rt 值 也 下降 從 5 月 23 日 搭配 26 日 的 rt 值 2 降 至 1 以下 5 月 27 日 到 29 日 為 0986 月 5 日 至 7 日 則 降 至 058 接下來 是否 能 維持 要 看看 警戒 有 沒有 鬆懈 快 篩 是否 能 有效 找到 隱性 感染 族群 若以 縣 市 來看 陳秀熙 表示 5 月 15 日 時 臺北 苗栗 台中 彰 化 的 rt 值 高達 5 以上 新北 基隆 桃園 則 介於 3 5 至 間 5 月 19 日 至 21 日間 北部 開始 改善 彰 化 還 在 rt 值 5 以上 的 風暴 中 5 月 22 日 到 24 日間 彰 化 則 受到 非常 好 的 控制 5 月 29 日 至 5 月 31 日間 臺北 疫情 趨 緩 rt 值 降 至 1 以下 受到 控制 不過 苗栗 卻 爆發 移 工 群 聚 台中 也 出現 了 一部分 的 群 聚 導致 苗栗 rt 值 高達 5 以上 台中 則 介於 3 5 至 間 6 月 1 日 至 3 日間 除 苗栗 以外 其他 多 個 地區 的 npi 落實 程度 已經 加強 到 80 以上 6 月 4 日 至 7 日間 除 苗栗 其他 rt 值 都 已經 降 至 1 以下 顯示 疫情 受 控 陳 秀 熙 表示 高 rt 值 對應 的 都 是 較 差 的 npi 措施 npi 措施 的 落實 程度 反映 的 是 未來 12 周 的 rt 值 由於 近期 車流量 變 多 未來 2 周 疫情 會 不 會 上升 還 需 進一步 觀察</t>
  </si>
  <si>
    <t>新冠肺炎 臺灣 rt 值 npi 苗栗</t>
  </si>
  <si>
    <t>新冠肺炎 covid-19 疫情 全球 持續 擴大 其中 義 大利 災情慘重 實施 封城 後 許多 行業 也 連帶 受 影響 義 大利 知名 體育 女主播 萊奧塔 diletta leotta 因 疫情 無法 在 運動場 上 工作 但 居家 隔離 仍 不忘本 業 在 網路上 曬 出 居家 工作 照</t>
  </si>
  <si>
    <t>diletta leotta @dilettaleotta 分享 的 貼 文 於 pdt 2020 年 3 月 月 16 日 上午 3 11 張貼 新冠肺炎 covid-19 疫情 全球 持續 擴大 其中 義 大利 災情慘重 實施 封城 後 許多 行業 也 連帶 受 影響 義 大利 知名 體育 女主播 萊奧塔 diletta leotta 因 疫情 無法 在 運動場 上 工作 但 居家 隔離 仍 不忘本 業 在 網路上 曬 出 居家 工作 照 意外 引起 網友 暴動 diletta leotta @dilettaleotta 分享 的 貼 文 於 pst 2020 年 2 月 月 28 日 上午 1 34 張貼 綜合 外 媒 報導 義 大利 性感 體育 女主播 萊奧塔 是 dazn 頻道 當家花旦 之一 專門 播報 義甲 足球聯賽 最近 當地 因為 新冠肺炎 疫情 很多 比賽 都 延宕 但 她 在 家 仍 不 忘 做 足 功課 替 隨時 開始 的 比賽 好好 準備 萊奧塔 在 instagram 分享 居家 工作 照 沒 想到 各種 火 辣 穿 搭 讓 粉絲 看 了 受不了 無論是 露出 一線 天 的 睡衣 或是 西裝 外套 搭 了 一 件 超低 胸 白 t恤 都 擋不住 她 的 曼妙 身材 diletta leotta @dilettaleotta 分享 的 貼 文 於 pst 2020 年 3 月 月 7 日 上午 5 27 張貼 這 段 期間 萊奧塔 除了 分享 在家 工作 的 照片 也 不 忘 和 粉絲 互動 上傳 化身 小廚 娘 的 照片 還有 運動 健身 的 各種 美 照 大票 粉絲 看 完都超 興奮 不僅 讚賞 她 的 廚 藝 和 健身 成果 更 有 不少 人 忍不住 開玩笑 根本 不 記得 她 做 了 什麼 料理 我 只 看到 萊奧塔 的 身材 太會 穿衣 服 了 吧 讓 人 都 忘記 她 原本 在 做 什麼 diletta leotta @dilettaleotta 分享 的 貼 文 於 pdt 2020 年 3 月 月 17 日 下午 1 07 張貼</t>
  </si>
  <si>
    <t>義 大利 diletta leotta 女主播 新冠肺炎 covid-19</t>
  </si>
  <si>
    <t>美國 新冠肺炎 疫情 逐漸 擴大 讓 醫療 體系 面臨 緊 繃 極限 美國 防疫 不力 恐是 全球性 的 災難 美國 尚未 對 患者 死亡 進行 大規模 的 驗屍 采 檢 而 大陸 已 歷經 大規模 感染 其 對 患者 死亡 驗屍 報告 之後 續 追蹤 問題 更 能 直指 新 冠 病毒 之 特</t>
  </si>
  <si>
    <t>14 24 更新 中央 流行 指揮中心 今天 公佈 國內 第 32 例 確診 個案 是 國內 第 三 起 家庭 群 聚 27 例 80 歲 老翁 的 看護 而 該 看護 為 印尼 籍 非法 外籍 看護 目前 臺灣 新冠肺炎 全台 確診 個案 達 31 例 指揮中心 指揮官 陳時中 表示 第 32 例 新 冠 肺</t>
  </si>
  <si>
    <t>14 24 更新 中央 流行 指揮中心 今天 公佈 國內 第 32 例 確診 個案 是 國內 第 三 起 家庭 群 聚 27 例 80 歲 老翁 的 看護 而 該 看護 為 印尼 籍 非法 外籍 看護 目前 臺灣 新冠肺炎 全台 確診 個案 達 31 例 指揮中心 指揮官 陳時中 表示 第 32 例 新冠肺炎 確定 病例 為 案 27 在 2 月 11 日 至 16 日 住院 期間 之 30 多 歲 女性 外籍 看護 衛生 單位 於 案 27 確診 後 即 透過 警 政 單位 協 尋 該 名 個案 於 2 月 24 日 晚間 尋 獲 後 送 往 醫院 采 檢 通報 並 住院 隔離 個案 當時 有 輕微 喉嚨 不適 經 檢驗 於 今日 確診 指揮中心 應變 官 莊人祥 表示 這 名 外籍 看護 直到 24 號 才 住院 隔離 只有 出現 喉嚨 不 舒服 沒有 發燒 且 期間 都 沒有 就醫 他 並 強調 該 看護 僅 單獨 一對一 照顧 老翁 案例 27 不 會 影響 其他人 不至於 有 院內 感染 的 情況 發生 但 院外 接觸 者 因為 看護 的 足跡 比較 廣 因此 現在 還 在 調查 中 不 排除 公佈 足跡 因為 已經 在 清查 足跡 資料 只要 出來 就 會 對 外 公佈</t>
  </si>
  <si>
    <t>受到 新冠肺炎 疫情 影響 許多 補習班 停課 教育部 今天 表示 學生 若 已 繳 了 費用 但 有些 課 因 疫情 停課 補習班 應 按 比例 退費 也 可 在 經 學生 同意 下 以 錄 影 課程 或 其他 方式 補課 教育部 表示 倘 短期 補習班 配合 防疫 辦理 停課</t>
  </si>
  <si>
    <t>受到 新冠肺炎 疫情 影響 許多 補習班 停課 教育部 今天 表示 學生 若 已 繳 了 費用 但 有些 課 因 疫情 停課 補習班 應 按 比例 退費 也 可 在 經 學生 同意 下 以 錄 影 課程 或 其他 方式 補課 教育部 表示 倘 短期 補習班 配合 防疫 辦理 停課 或於 開 課後 停 班或 停課 者 補習班 應 自 事實 發生 日 之 次日 起 10 日內 按 事由 發生 後 剩 餘 課程 時數 比例 退還 當 期 開班 已 繳 之 費用 但 經 學生 同意 以 補課 提供 授課 錄 影 資料 或 其他 適當 方式 處理 者 不在此限 教育部 指出 考量 因 疫情 各 退費 案件 個案 狀況 不一 建議 消費者 宜備 妥 相關 契約 資料 盡 速 向 補習班 所在地 之 地方 政府 教育局 處 聯繫 協助 或 循 消費 爭議 處理常式 辦理 由 地方 政府 教育局 處 或 消 保 官 協助 透過 個案 協商 爭取 權益 以 協助 解決 退費 事宜 或 協助 其 保留 課程 教育部 說 刻 正 匯 整 各 地方 教育局 處 處理 補習班 業務聯繫 視窗 資料 屆時將 刊載 於 終身教育 司 網站 俾 供 民眾 查詢 聯繫</t>
  </si>
  <si>
    <t>補習班 教育部 停課 新冠肺炎 武漢肺炎</t>
  </si>
  <si>
    <t>根據 美國 約翰斯 霍普金斯大學 最新 資料 顯示 全球 新冠肺炎 確診 人數 今 28 日 正式 突破 300萬 人 累計 死亡 人數 超過 20萬 人 其中 美國 共有 近 98萬 人 確診 占 全球 確診 人數 將近 三 分之一 目前 美國 新 冠 確診 人數 逼近 百萬 大關</t>
  </si>
  <si>
    <t>根據 美國 約翰斯 霍普金斯大學 最新 資料 顯示 全球 新冠肺炎 確診 人數 今 28 日 正式 突破 300萬 人 累計 死亡 人數 超過 20萬 人 其中 美國 共有 近 98萬 人 確診 占 全球 確診 人數 將近 三 分之一 目前 美國 新 冠 確診 人數 逼近 百萬 大關 共有 55萬 人 死亡 西班牙 義 大利 及 法國 總 確診 人數 分別 排名 全球 第 2 至 4 名 亞洲 國家 當中 伊朗 91萬 確診 俄羅斯 87萬 確診 雙雙 超越 中國 大陸</t>
  </si>
  <si>
    <t>新 冠 病毒 新冠肺炎 武漢肺炎 確診 美國</t>
  </si>
  <si>
    <t>因應 新冠肺炎 疫情 衝擊 政府 研 擬 推出 振興 抵 用 券 刺激 消費 行政院 發言人 kolas yotaka 今 表示 抵 用 券 只 是 一個 概念 可以 延伸 到 各個 面向 振興 抵 用 券 不會 只 適用 商 圈 夜市 商圈 擬 擴 及 演唱會 等 藝 文 消費 具體 作法</t>
  </si>
  <si>
    <t>因應 新冠肺炎 疫情 衝擊 政府 研 擬 推出 振興 抵 用 券 刺激 消費 行政院 發言人 kolas yotaka 今 表示 抵 用 券 只 是 一個 概念 可以 延伸 到 各個 面向 振興 抵 用 券 不會 只 適用 商 圈 夜市 商圈 擬 擴 及 演唱會 等 藝 文 消費 具體 作法 相關 部會 正 在 盤點 需求 後 擬訂 針對 振興 抵 用 券 適用範圍 kolas 表示 不僅 限於 商圈 餐廳 夜市 可以 透過 抵 用 的 概念 多元 延伸 例如 藝 文 產業 許多 展覽 表演 影視娛樂 多半 在 室內 舉行 也 受到 疫情 衝擊 因此 未必 是 以 券 的 形式 呈現 相關 部會 將 著 重 抵 用 的 部分 此外 立 法院 將 於 21 日 開議 行政院長 蘇貞昌 18 日 上午 將 例行 性 先後 拜會 立法 院長 游錫堃 副 院長 蔡其昌 秘書長 林志嘉 隨後 拜訪 國民 黨團 民眾 黨團 時代 力量 黨團 20 日 中午 則 是 民進黨團 至於 是否 會 談 到 有 關政院 即將 提出 的 紓困 振興 特別 條例 草案 kolas 表示 行政院 會 盡 速 提出 版本 送交 立院 審查 立院 開議 前 院長 都會 禮貌性 拜會 朝野 各黨 團 希望 支持 政 院 提出 的 政策 與 預算 若 談話 過程 提到 也 是 很 自然 的 事情</t>
  </si>
  <si>
    <t>新冠肺炎 振興 抵 用 券 行政院 特別 條例 演唱會</t>
  </si>
  <si>
    <t>蚊蟲 傳 新冠肺炎 檢 方認 網友 誤解 常識 不 起訴</t>
  </si>
  <si>
    <t>仍 在 世界 各國 肆虐 的 新冠肺炎 具體 傳染 途徑 醫 界 仍 沒有 定論 一 位 何姓 網友 在 臉書上 指 蚊蟲 是 第 三 病毒傳播 者 被 警方 依 嚴重 特殊 傳染性 肺炎 防治 及 紓困 振興 特別 條例 移送 臺北 地 檢 署 檢 方 偵查 後 認定 何男 誤解 病媒</t>
  </si>
  <si>
    <t>新冠肺炎 6 成德商 受 衝擊 客戶 減少 逾 6 成</t>
  </si>
  <si>
    <t>新冠肺炎 疫情 延 燒 德國 經濟 辦事處 今天 公佈 疫情 對 商業 影響 的 調查 有 628 在 台德商 的 商業活動 已 大 受 疫情 衝擊 其中 衝擊 最 嚴重 的 是 客戶 對 產品 及 服務 的 需求 下降 逾 6 成 7 預估 今年 上半年 營 收 將 減少 至少 1 成 此次 調查 是</t>
  </si>
  <si>
    <t>新冠肺炎 疫情 延 燒 德國 經濟 辦事處 今天 公佈 疫情 對 商業 影響 的 調查 有 628 在 台德商 的 商業活動 已 大 受 疫情 衝擊 其中 衝擊 最 嚴重 的 是 客戶 對 產品 及 服務 的 需求 下降 逾 6 成 7 預估 今年 上半年 營 收 將 減少 至少 1 成 此次 調查 是 德 經 處 3 月 3 日 至 6 日 針對 250 家 在 台德商 執行 的 調查 調查結果 顯示 疫情 衝擊 最 嚴重 的 主要 是 客戶 對 產品 及 服務 的 需求 下降 677 公司 也 取消 631 的 活動 及 國內外 展覽 有 50 的 德 商 因此 預測 其 2020 年 上半年 的 營 收 將 減少 至少 10 德國 經濟 辦事處 首席代表 暨 處長 林百科 在 記者會 中 提到 儘管 商業 發展 受 新冠肺炎 疫情 影響 但有 超過 87 的 德 商 對 臺灣政府 抗 疫 成果 十分滿意 林 百 科 強調 德 商 非常 信任 且 願意 跟隨 臺灣政府 的 防疫 措施 多數 德 商 除了 遵守 臺灣政府 的 建議 也 自行 加強 公司 內部 員工 及 外部 訪 客 的 防疫 規範 他 舉例 有 833 的 公司 要求 員工 及 訪 客 進入 公司 前 需 消毒 564 的 公司 要求 須 測量體溫 為 緩解 新冠肺炎 疫情 對 公司財務 的 影響 526 的 德 商 呼籲 政府 提供 財政 紓困 措施 包括 減稅 措施 及 薪資 補助 等 此外 有 603 的 德 商 認為 目前 面臨 最 大 難題 為 取得 防疫 用品 例如 口罩 等 設備 但 德 商 也 能 理解 供不應求 現象</t>
  </si>
  <si>
    <t>德 商 疫情 公司 調查 新冠肺炎</t>
  </si>
  <si>
    <t>新冠肺炎 疫情 變化 迅速 已對 各項 民生 經濟 活動 造成 影響 嘉義 市長 黃敏惠 今 25 日 在 市 務 會議 中 表示 市府 正 積極 盤點 資源 目標 從 強健 企業 體質 協助 紓困 等 方式 共度 艱 困 時刻 也 提醒 市府 同仁 若 沒有 緊急 或 絕對 必要 應 暫</t>
  </si>
  <si>
    <t>新冠肺炎 疫情 變化 迅速 已對 各項 民生 經濟 活動 造成 影響 嘉義 市長 黃敏惠 今 25 日 在 市 務 會議 中 表示 市府 正 積極 盤點 資源 目標 從 強健 企業 體質 協助 紓困 等 方式 共度 艱 困 時刻 也 提醒 市府 同仁 若 沒有 緊急 或 絕對 必要 應 暫緩 出國 在 要為 國家 為 家庭 為 自己 多多 自我 保護 黃敏惠 說 中央 紓困 特別 條例 與 預算 現 正 在 立 法院 審議 希望 中央 要 更 全面 更 貼 地氣 的 儘快 提出 各項 協助 計畫 幫助 產業 提 振 經濟 發展 身 為 地方 政府 在 第 一線 更 瞭解 在 地 所受 的 衝擊 與 影響 因此 市府 正 積極 盤點 資源 目標 從 強健 企業 體質 協助 紓困 等 方式 共度 艱 困 時刻 黃敏惠 說 像 受 旅客 人數 減少 飯店 旅館 若 有 停止 營業 的 樓層 可 申請 重新 核定 適用 較 低 稅率 將 房屋 稅 營業 用 稅率 3 更改 為 較 低 的 2 非 住家 非 營業 用 稅率 同時 協助 業者 發揮 既 有 優勢 與 拓展 未來 發展 空間例如 有 口碑 的 好 產品 積極 拓展 電子線 上 商機 出 別具特色 的 親 子 生態 文化 旅遊 等 吸引 更 多 國人 來 嘉義 同時 市府 也 會 滾 動式 檢討 是否 停辦 或 延後 市府 主辦 的 大型活動 黃敏惠 強調 市府 一定 會 仔細 評估 大型活動 的 舉辦 畢竟 影響 層面 極 廣 尤其 民間 期待 政府 帶頭 拼 經濟 但 同時 人民 也 非常 在乎 政府 在 防疫 的 作為 與 政策 所以 我們 會 不斷 關注 疫情 的 變化 滾 動式 的 檢討 做出 最 符合 市民 利益 與 期待 的 判斷</t>
  </si>
  <si>
    <t>確診 淡江 師生 新冠肺炎 臺灣</t>
  </si>
  <si>
    <t>輔大 醫院 調 降 新冠肺炎 檢驗 價格 急件 8 小時 內 可取 件</t>
  </si>
  <si>
    <t>輔大 醫院 配合 中央政府 政策 自即日起 調 低 新冠肺炎 自費 檢驗 價格 取消 國際 醫療 件 並 調 降 約 3 成 價格 使 原先 一般 件 常規 檢驗費 5千 元 急件 7千 元 國際 醫療 7560 元 目前 只 分 一般 件 3500 元 與 急件 4500 元 且 急件 最 快 8 小時 當天</t>
  </si>
  <si>
    <t>輔大 醫院 配合 中央政府 政策 自即日起 調 低 新冠肺炎 自費 檢驗 價格 取消 國際 醫療 件 並 調 降 約 3 成 價格 使 原先 一般 件 常規 檢驗費 5千 元 急件 7千 元 國際 醫療 7560 元 目前 只 分 一般 件 3500 元 與 急件 4500 元 且 急件 最 快 8 小時 當天 取 件 一般 件 隔 天 也 可以 取 件 輔大 醫院 指出 新 冠 檢驗 每天 上午 8 時至 12 時采檢 民眾 可以 先 到 醫院 網站 預約 免除 現場 作業 及 等候 時間 急件 上午 8 時至 10 時 完成 掛號 當天 下午 6 時後 取 件 一般 件 上午 10 時至 12 時 完成 掛號 第 2 天 早上 10 時 可以 取 件 隔 天 下午 6 時後 也 可 拿 到 報告 院長 王水 深 說 輔大 醫院 自 去年 8 月 開始 新冠肺炎 檢驗 已 執行 超過 7千 人次 隨 著 疫情 變化 出境 人次 增多 民眾 因為 出國 工作 或 求學 等 需要 自費 提出 核酸 檢測 證明 輔大 醫院 配合 政府 協調 降價 檢驗 結果 提供 中文 英文 報告 院長 王水 深 補充 因應 每家 航空 公司 證明 格式 不同 輔大 醫院 另外 提供 適 航 證明 掛號 服務 民眾 到 輔大 醫院 新冠肺炎 檢驗 現場 提交 身分 證 居留證 及 護照 正本 影本 申請表 表格 詳 見 醫院 網站</t>
  </si>
  <si>
    <t>輔大 醫院 急件 新冠肺炎 檢驗 取 件</t>
  </si>
  <si>
    <t>新冠肺炎 除了 引發 各國 對 疫情 恐慌 也 推動 了 各種 搶購潮 包括 先前 的 香港 臺灣 近期 的 日本 韓國 與 部 份 歐陸 國家 現在 美國 各 地 也 掀起 衛生紙 搶購潮 此 一 風潮 應 可能 很快 就 會 傳回 美國 本土 在 北美 的 加拿大 因為 政府 建</t>
  </si>
  <si>
    <t>新冠肺炎 除了 引發 各國 對 疫情 恐慌 也 推動 了 各種 搶購潮 包括 先前 的 香港 臺灣 近期 的 日本 韓國 與 部 份 歐陸 國家 現在 美國 各 地 也 掀起 衛生紙 搶購潮 此 一 風潮 應 可能 很快 就 會 傳回 美國 本土 在 北美 的 加拿大 因為 政府 建議 預留 食品 與 藥品 各 超市貨架 亦 被 清光 許多 人 甚至 瘋狂 訂購 號稱 用於 防備 核 戰 爆發 可 保 存 25 年 的 末日 套餐 從 大陸 傳染 到 其他 國家 的 不 只 是 新 冠 病毒 也 包括 因 疫情 而來 的 各種 搶購潮 除了 口罩 消毒 液 還 波及 衛生紙 及 各種 紙巾 食品 與 日用品 亦 在 搶購 之列 據 全球 新聞 global news 報導 為了 應對新冠肺炎 加拿大政府 建議 民眾 儘早 囤 貨 在 家中 留出 一 周 的 藥品 和 食品 供應 從 網友 曬 出 的 照片 看到 加拿大 各 大 超市 門前 開始 排隊 有 不少 人 圍 在 冷藏 櫃 前 搶 肉 貨架 被 一掃而空 有 市民 開始 訂購 costco 保質期 25 年 末日 套餐 據說 套餐 裡 的 脫水 水果 和 罐 裝 牛肉 等 一 人份 可以 吃 一 年 據 美國 夏威夷 超市 的 衛生紙 也 遭逢 台 港 日 韓 不久前 的 命運 由於 全球 疫情 擴散 美國 防疫 情勢 不妙 夏威夷 民眾 也 開始 囤積 貨品 他們 未戴 口罩 擠 進 超市 排隊 搶購 各種 日常生活 用品 與 防疫 用品 不只 口罩 消毒 液 這些 防護 消毒 用品 被 搶購 更是 連 衛生紙 也 一搶而空 美國 華盛頓州 西雅圖市 南部 的 一家 大型 超 市里 大量 顧客 排隊 購物 許多 人 的 購物 車裡 都 裝 著 洗手 液 和 消毒 濕 巾 而 醫用 口罩 和 衛生紙 已 售 罄 俄勒岡州 的 超市 也 出現 了 類似 的 情況 顧客 擠滿 了 商店 把 衛生紙 紙巾 瓶裝 水 小吃 罐頭食品 等 商品 一掃而空 店員 們 表示 這 是 超市 史上 第一 次 衛生紙 售 罄 他們 從 沒 這麼 忙 即使 在 耶誕節 前夕 也 沒有 這麼 忙 據 美聯社 發 佈 的 視頻 顯示 夏威夷 火 奴 魯魯市 當地 居民 排 著 長隊 購買 衛生紙 和 紙巾 超市 的 員工 們 忙 著 不斷 補 貨 不少 超市 已經 開始 對 衛生紙 進行 限 購 據 表示 美 加 民眾 湧入 超市 大量 購買 和 囤積 日常生活 物資 有 顧客 稱 末日來臨 時 衛生紙 就 像 金子 一樣 珍貴 另外 遠在 南太洋 的 澳洲 也 出現 搶購 搶購 標的 是 白米 與 衛生紙 一 談到 搶購 大陸 網 民 都 經驗豐富 但 對於 美 加 民眾 搶購 衛生紙 很 難 理解 沒有 吃 的 那來 那麼 多 的 屎 呢 老美 真 憨 豆 哈哈 不怕 吃不上 飯 就 怕 上 不了 廁所 看來 擦屁股 遠 比 戴 口罩 重要</t>
  </si>
  <si>
    <t>2020 年 上半年 即將 結束 上市 公司 陸續 總結 半 年 的 營運 成績 雖然 正式 的 半 年報 要到 七 八月 才會 陸續 公告 但是 絕大多數 上市 公司 董事會 與 經營 團隊 都 瞭 然 於 心 將要 迎來 顯著 衰退 的 營 收 甚至 是 難堪 的 紅 字 虧損 新冠肺炎 帶</t>
  </si>
  <si>
    <t>新冠肺炎 臺灣 快 篩 入境 連江縣</t>
  </si>
  <si>
    <t>梅克爾 德國 疫情 新冠肺炎</t>
  </si>
  <si>
    <t>美國 三藩市 一對 新人 伴侶 在 日前 舉行 了 線 上 婚禮 儀式 結束 後 兩 人 拍攝 了 一 張 婚 戒 照 沒 想到 抱 在 懷裡 的 愛犬 竟 也 偷偷 伸出 了 自己 的 腳掌 可愛 的 萌 掌 瞬間 讓 這 張 照片 更加 特別 且 意義 非凡 my husband and i tried to take pics of our rings and our dog didn t want to feel left out pic twitter com paqvlemwbo 根據 外 媒 報導 華盛頓 和約 翰 washington and john 兩 人 已經 交往 11 年 雖然 在 幾 年 前 已經 訂婚 不過 一直 都 沒有 真的 結婚 而今 年 新冠肺炎 疫情 大 爆發 讓 兩 人 有種 想要 步入 婚姻 的 緊迫感 於是 在 日前 舉行 了 線 上 的 婚禮 儀式 並 邀請 親朋好友 們 透過 視 訊 的 方式 觀禮 在 儀式 結束 後 這 對 新人 伴侶 想要 拍 張 甜蜜 的 婚 戒 照來 紀念 這 一刻 等到 檢查 照片 的 時候 他們 才看到 兩 人 所 飼養 的 13 歲 杜賓 犬 竟然 悄悄地 也 伸出 了 自己 的 腳掌 疊 在 他們 的 手上 讓 照片 變 得 更加 特別 事後 華盛頓 將 這 張 意外 的 可愛 照片 分享 到 推 特 中 並 寫道 我 和 我 的 丈夫 試 著 為 我們 的 婚 戒 拍照 但 我們 的 狗 似乎 不 想 被 遺忘 這 張 照片 很快 就 吸引 了 大批 網友 前來 朝聖 至今已有 超過 30萬 人 按 下 愛心 大家 對 此 都 感到 相當 溫馨 所以 它 的 戒指 呢 這 是 一 只 多 完美 可愛 的 小 爪子 而 華盛頓 和約 翰 對於 愛犬 深受 網友 喜愛 感到 非常 開心 我們 從 寵物 身上 得到 了無 條件 的 愛 和 快樂 不過 我們 卻 很快 就 將 它們 遺忘 但 就 像是 所有 父母 一樣 你 所要 做 的 就 是 讓 別人 提起 毛 小孩 時 可以 盡情 地 炫耀 與 分享 照片</t>
  </si>
  <si>
    <t>有 病毒 獵人 之 稱 的 美國哥倫比亞大學 公共 衛生 學院 感染 與 免疫 中心 主任 利普金 ian lipkin 4 日 接受 美 媒 訪問 他 透露 新 冠 病毒 可能 早就 在 人類 之間 傳播 了 數 月 甚至 數 年 之久 目前 針對 新 冠 病毒 來源 最 普遍 的 說法 是 病毒 來自 大陸 湖北省 武漢市 華南 海鮮 批發市場 經 蝙蝠 傳染 人類 然後 出現 人 傳人 變成 大 流行 利普金 則 認為 病毒 可能 已經 在 人類 之間 傳播 一段時間 可能 數 年 前 就 進入 人類 體內 最終 才 轉變 為 人 傳 人 的 致命 病毒 他 說 這 段 時期 有 多久 我們 可能 永遠 無法 完全 重建 這個 過程 它 可能 已經 流傳 數 月 或 數 年 利普金 曾 擔任 電影 全境 擴散 的 醫療 顧問 他 本人 上月 底 也 被 確診 感染 新冠肺炎 他 形容 病 發 的 頭 幾 天 感覺 像是 有 只 大象 壓 在 肩膀 上 他 於 1 月 下旬 至 2 月初 曾 到 大陸 考察 防疫 工作 回國 後 的 隔離 期間 並 無 不適 但 之後 在 紐約 開始 出現 症狀</t>
  </si>
  <si>
    <t>安特羅 新冠肺炎 抗原 快 篩 試劑 獲 歐盟 ce-ivd 認證</t>
  </si>
  <si>
    <t>全球 國光 生 安特羅 中和 新冠肺炎</t>
  </si>
  <si>
    <t>20 日 03 30 更新 雖 三級 警戒 再度 延長 至 7 月 26 日 但 在 有 條件 下 7 月 13 日 起 20 類 場所 將 微 解封 台 北京站 昨天 19 日 深夜 發出 公告 為 避免 北 車 地下街 感染 風險 今天 20 日 將 自主 停業 一 天 清 消 台 北京站 威 秀 影城 昨晚 也 在 臉書 粉絲 團 發文 表示 為 配合 防疫 於 7 月 20 日 全面 關閉 進行 商場 與 影城 消毒 貼 文也 引發 網友 留言 有 確診 者 去 過 好 詭異 但 還 是 安全 第一 上 禮拜 去 過 怕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停業 關閉 進行</t>
  </si>
  <si>
    <t>京元電 新冠肺炎 苗栗 移 工 疫情</t>
  </si>
  <si>
    <t>幫助 歌後 江 蕙 在 歌壇 發展 的 貴人 吉馬 唱片 創辦 人 陳維祥 本月 4 日 因 身體 不適 就醫 確診 新冠肺炎 covid-19 人 住 進 加 護 病房 中 而 確診 後 不過 幾 天 原本 還 叮嚀 親友 要 注意 防疫 的 他 如今 驚 爆 因 呼吸困難 已 插管 失 聯 多 日</t>
  </si>
  <si>
    <t>陳維祥 江蕙 新冠肺炎 臺灣 確診</t>
  </si>
  <si>
    <t>美國 疫情 新 冠 病毒 新冠肺炎 武漢肺炎 covid-19</t>
  </si>
  <si>
    <t>對抗 新冠肺炎 比爾蓋茲 基金會 再 捐 2 5億 美元</t>
  </si>
  <si>
    <t>本土 醫師 回家 女兒 新冠肺炎</t>
  </si>
  <si>
    <t>疫情 嚴峻 在外 奔波 的 員警 很 辛苦 財團法人 銓 誠 慈善 基金會 董事長 葉 國一 與 大川 實業 有限公司 董事長 黃桂芳 22 日 共同 捐贈 新北 市政府 警察局 1萬 瓶 抗 菌 幹 洗手 噴 霧 捍衛 員警 同仁 執勤 防疫 安全 財團法人 銓 誠 慈善 基金會 董事長 葉 國一 先生 與 大川 實業 有限公司 董事長 黃桂芳 先生 為 體恤 第一線 員警 同仁 執行 勤務 時 對於 防堵 疫情 維護 自身 健康 之 需求 特於 22 日 捐贈 新北 市政府 警察局 1萬 瓶 抗 菌 幹 洗手 噴 霧 由 大川 實業 有限公司 董事長 黃桂芳 先生 親自 代表 捐贈 警察局 局長 黃宗仁 受 贈 新北 市 警察局 表示 新冠肺炎 疫情 回溫 同仁 執勤 風險 漸 增 感謝 董事長 葉 國一 先生 與 董事長 黃桂芳 先生 為 執法 兄弟 能 多 一 層 保障 特 慷慨解囊 捐贈 1萬 瓶 抗 菌 幹 洗手 噴 霧 讓 新北 市 員警 同仁 在 面臨 疫情 嚴峻考驗 時 能 保護 好 自己 並 維護 好 社會治安 回 饋 社會 令人欽佩 讚賞</t>
  </si>
  <si>
    <t>幹 洗手 黃桂芳 捐贈 新冠肺炎 噴 霧</t>
  </si>
  <si>
    <t>新冠肺炎 大陸 覆蓋 疫苗 全球 首 位</t>
  </si>
  <si>
    <t>國際 能源 署 iea 署長 比羅爾 fatih birol 週二 表示 iea 對 全球 石油 需求 成長 的 預測 已 降 至 10 年 來 最低水準 而且 受 新冠肺炎 疫情 影響 可能 會 進一步 下調 預測 iea 本月 中曾 發表 報告 預測 全球 石油 需求 逾 10 年 以來 首次 下跌</t>
  </si>
  <si>
    <t>桃園 確診 機師 曾 在 不同 時間 造訪 新竹 縣 新竹縣政府 衛生局 依據 桃園 市 疫 調 結果 匡列 25 人 居家 隔離 並 采 檢 結果 出爐 均 為 陰性 25 人 也 均 住 在 集中 檢疫所 新竹 縣 4 日 維持 0 新竹 縣長 楊文科 表示 由於 此案 疑 似 為 delta 變異 株 疫情 新竹 縣 以 高 規格 掌握 風險 擴大 匡列 物件 盡力 阻止 感染 源 進入 社區 強化 二級 警戒 部分 雖不 強制 取消 調 降 集會 活動 規範 人數 但 全面 加強 落實 各項 防疫 措施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臺灣 25 新竹 縣 竹縣</t>
  </si>
  <si>
    <t>南非 拼 2 月 獲得 首 批 新冠肺炎 疫苗</t>
  </si>
  <si>
    <t>南非 衛生部長 zweli mkhize 週四 強調 會 爭取 2 月 獲得 首 批 新冠肺炎 疫苗 計畫 未來 一 年 為 全國 三 分之二 人口 約 4000萬 人 接種 疫苗 以 達 群體 免疫 目標 新 變種 病毒 讓 南非 週三 單日 確診 數逾 21萬 人 創 新高 累計 確診 數 近 115萬</t>
  </si>
  <si>
    <t>南非 衛生部長 zweli mkhize 週四 強調 會 爭取 2 月 獲得 首 批 新冠肺炎 疫苗 計畫 未來 一 年 為 全國 三 分之二 人口 約 4000萬 人 接種 疫苗 以 達 群體 免疫 目標 新 變種 病毒 讓 南非 週三 單日 確診 數逾 21萬 人 創 新高 累計 確診 數 近 115萬 人</t>
  </si>
  <si>
    <t>全國 獲得 新冠肺炎 疫苗 南非 首批</t>
  </si>
  <si>
    <t>新冠肺炎 煞 不住 南韓 大 邱 美軍 眷屬 中 鏢</t>
  </si>
  <si>
    <t>新冠肺炎 疫情 在 南韓 急遽 升高 大 邱 成為 重大 疫區 儘管 美國 20 日 已對 駐 大 邱 美軍基地 實施 禁令 不准 外部 人員 進入 並 禁止 駐 韓 美軍 前往 大 邱 旅行 但 美國 駐 韓 部隊 今天 宣佈 接到 南韓 疾 管 機關 通報 表示 有 一 名 住 在 大 邱 的 美</t>
  </si>
  <si>
    <t>新冠肺炎 疫情 在 南韓 急遽 升高 大 邱 成為 重大 疫區 儘管 美國 20 日 已對 駐 大 邱 美軍基地 實施 禁令 不准 外部 人員 進入 並 禁止 駐 韓 美軍 前往 大 邱 旅行 但 美國 駐 韓 部隊 今天 宣佈 接到 南韓 疾 管 機關 通報 表示 有 一 名 住 在 大 邱 的 美軍 親屬 確診 新冠肺炎 這 是 與 駐 韓 美軍 usfk 有 關的 個人 第一 宗 染病 案例 據 南韓 韓聯社 報導 這 名 女性 患者 61 歲 她 在 本月 12 日 與 15 日 曾 前往 大 邱 駐 韓 美軍基地 的 商店 南韓 的 中央 防疫 對策 本部 與 駐 韓 美軍 都已 針對 此 個案 進行 調查 並 追蹤 接觸 史 usfk 在 聲明 中 說 已 把 在 朝鮮半島 各地 的 美軍基地 的 風險 層級 提升 至 高 另一方面 南韓 美軍基地 韓弗理 營 camp humphreys 指揮官 川 伯利 上校 今天 表示 現役 駐 韓 美軍 無 人 在 新冠肺炎 檢測 中 呈 陽性反應 染病 者 為 一 名 喪偶 女子</t>
  </si>
  <si>
    <t>大 邱 南韓 駐 韓 美軍 新冠肺炎 美軍基地</t>
  </si>
  <si>
    <t>nba聯盟 今天 原本 決議 接下來 將 進行 閉門 比賽 沒 想到 爵士 球星 戈貝爾 被 檢驗 出 確診 染 上 新冠肺炎 nba 立即 宣佈 全面 停賽 雷霆 今天 在 主場 迎戰 爵士 開 打 前 裁判 突然 要求 兩 隊 球員 回到 休息室 並且 宣佈 這 場 比賽 暫停 球迷 被迫</t>
  </si>
  <si>
    <t>nba聯盟 今天 原本 決議 接下來 將 進行 閉門 比賽 沒 想到 爵士 球星 戈貝爾 被 檢驗 出 確診 染 上 新冠肺炎 nba 立即 宣佈 全面 停賽 雷霆 今天 在 主場 迎戰 爵士 開 打 前 裁判 突然 要求 兩 隊 球員 回到 休息室 並且 宣佈 這 場 比賽 暫停 球迷 被迫 離開 球場 the athletic 記者 查拉 尼亞 隨即 報導 指出 戈貝爾 染 上 新冠肺炎 此 消息 一 出 nba 馬上 在 官 網上 發出 聲明 證實 這項 消息 同時 宣告 今天 賽程 結束 後 暫停 往後 的 比賽 至於 何時 恢復 賽程 將 另行通知 聯盟 會 利用 這 段 停賽 期間 研究 下 一 步 該 如何 走</t>
  </si>
  <si>
    <t>nba 戈貝爾 新冠肺炎</t>
  </si>
  <si>
    <t>新冠肺炎 疫情 延 燒 全球股市 陷入 大 動盪 台股 相繼 失守 半年線 200 日 線 及 年 線 啟發 投 顧 分析 師楊 基政 指出 台股 均線 架構 呈現 空 方 排列 未來 跌 深 將 有 機會 醞釀 反彈 行情 本 周 投資 組合 前 兩 大為 是 方 6561 鈊 象 3293</t>
  </si>
  <si>
    <t>開學 三級 警戒 6 隱形 炸彈 楊為傑 新冠肺炎</t>
  </si>
  <si>
    <t>新冠肺炎 延 燒 月 餘 醫 呼籲 更 要 小心 這病</t>
  </si>
  <si>
    <t>新冠肺炎 持續 延 燒 月 餘 臺灣 防疫 得當 新竹 縣 市 甚至 仍 是 0 確診 但 已 有 民眾 每天 看 著 相關 新聞 排隊 買 口罩 買 酒精 等 畫面 不 斷 重複 上演 因而 焦慮 上身 只要 咳 個 嗽 就 擔心 的 要死 醫師 呼籲 小心 沒 得到 肺炎 焦慮 症 先上</t>
  </si>
  <si>
    <t>新冠肺炎 感染 人數 研究 曝 驚人 數字</t>
  </si>
  <si>
    <t>新 冠 病毒 到底 從 何時 開始 傳播 美國 學者 以 疫情 相對 和緩 的 加州 為 例 認為 早 在 去年 秋天 加州 居民 就 已經 暴露 在 新 冠 病毒 的 環境 中 部分 人口 有 了 抗體 讓 後來 的 疫情 相對 溫和 臺灣 也 是 這樣 嗎 史丹福 大學 胡佛研究所 資深 研究員 韓森 victor davis hanson 說 去年 秋天 進入 流感 流行 季 時 中 美 的 往來 航班 仍 如常 頻繁 加州 的 地理 位置 首當其衝 想想 這個 時間 點 和 其他 資訊 說 加州 沒有 暴露 在 新 冠 病毒 風險 裡 就 太 天真 韓森 分析 美國 開始 進行 大規模 檢測 之前 加州 灣區 居民 就 已 接觸 到 病毒 部分 人 體 也 產生 抗體 從而 延緩 病毒 的 傳播 由於 當時 正值 流感 季 新冠肺炎 和 流感 的 症狀 有 諸多 類似之處 造成 診斷 困難 美國 疾 管局 cdc 主任 雷德菲爾德 robert redfield 3 月 就 曾 透露 部分 新冠肺炎 患者 有 可能 被 誤診 為 流感 而 沒 被 納入 新冠肺炎疫情 的 統計數字 裡 在 官方 的 確診 數字 之外 到底 有 多少 人 感染 了 新 冠 病毒 洛杉磯 公衛部 和 南 加大 合作 的 抗體 檢測 研究 日前 公佈 結果 有 41 的 成人 相當 于 22萬 44萬 的 人口 已經 感染 過 新 冠 病毒 比 官方 數字 1萬3千 多 人 至 21 日 為止 多 出 31 倍 早 在 4 月初 史丹福 大學 在 三藩市 聖塔克拉拉 郡 的 3 個 灣區 城市 進行 血液 採樣 檢測 3千3百 多 名 自願 受試者 的 抗體 結果 也 發現 帶有 新 冠 病毒 抗體 反應 的 人數 比 官方 的 確診 病例 要 多 出 50 85 倍 歐洲 國家 進行 的 抗體 檢測 資料 也 都 出現 了 共同 的 現象 亦 即 實際 的 感染 人數 遠超過 官方 的 確診 數字 例如 義 大利 羅比 歐市 1千 多 人 的 抗體 檢測 結果顯示 感染 率 超過 10 在 德國 疫情 嚴重 的 甘 格爾特 市 則 有 近 15 的 感染 率 這些 數字 同時 也 透露 新冠肺炎 的 致死 率 可能 沒有 原先 預期 地 高 以 加州 聖塔克拉拉 為 例 致死 率 介於 012 02 之間 英國 衛報 the guardian 報導 有 學者 分析 資料 研 判 這些 地區 有 可能 早就 出現 初期 的 群體 免疫 herd immunity 亦 即 一定 數量 的 人口 已 具有 抗體 對 病毒 產生 免疫 作用 不過 研究 人員 認為 這項 推論 言之過早 需要 更 多 研究 才能 證實 抗體 的 效用 歐美國家 將 抗體 檢測 列入 防疫 措施 做為 解 封 的 評估 依據 之一 加州大學 柏克萊 分校 流行病 學 教授 雷恩 葛德 arthur reingold 提醒 目前 對於 新 冠 病毒 的 抗體 所知 甚 少 居家 隔離 令 也 不宜 貿然 過早 解除 我們 還 無法 確定 抗體 是否 真能 發揮 保護 作用 能 持續 多久 愈來愈多 的 研究 顯示 感染 新 冠 病毒 的 人 不少 屬於 症狀 輕微 或 無 症狀 病毒 侵入 人體 之後 啟動 免疫系統 需要 一段時間 才 會 產生 抗體 去 中和 清除 病毒 在 抗體 還 沒 出現 或 抗體 未 完全 清除 病毒 之前 體內 仍 存 有 感染力 的 病毒 如果 這些 人 沒有 發病 或 症狀 輕微 到 被 忽略 就 會 形成 防疫 的 隱憂 去年 12 月 8 日 中國 大陸 宣佈 第 1 起 確診 病例 1 個 多 月 後 的 1 月 21 日 臺灣 也 傳出 第 1 例 確診 臺灣 早早 就 啟動 了 邊境 檢疫 應變 措施 針對 自 武漢 直航 入境 的 班機 進行 登機 檢疫 只 是 臺灣 和 對岸 在 這 段 時間 的 往來 仍 密切 頻繁 這 段 時間 病毒 是否 真的 乖乖 待 在 境外 根據 疾 管署 的 資料 從 去年底 到 今年初 臺灣 流感 和 肺炎 的 死亡率 排名 短短 12 周 就 有 8 周 進入 死亡 人數 最高 的 30 周內 另外 類 流感 的 急診 就診 數 歷年來 排名 前 21 周裡 去年底 到 今年初 就 占 了 10 周 到底 有 多少 人 接觸 了 病毒 臺灣 會 不 會 就 像 美國 其實 早就 和 新 冠 病毒 為伍 在 防疫 仍 需謹慎 的 時刻 這些 都 等待 解答</t>
  </si>
  <si>
    <t>帛 琉 出現 兩 名 新冠肺炎 確診 案例 新北 市長 侯友宜 21 日 表示 最近 臺灣 跟 帛 琉 泡泡 旅遊 重 啟 回來 入境 管理 應該 要 更 嚴謹 面對 萬一 是 delta 變種 病毒 對 臺灣 的 傷害 難以想像 侯友宜 說 新北 今天 新增 2 例 確診 個案 板橋 個案 是</t>
  </si>
  <si>
    <t>帛 琉 出現 兩 名 新冠肺炎 確診 案例 新北 市長 侯友宜 21 日 表示 最近 臺灣 跟 帛 琉 泡泡 旅遊 重 啟 回來 入境 管理 應該 要 更 嚴謹 面對 萬一 是 delta 變種 病毒 對 臺灣 的 傷害 難以想像 侯友宜 說 新北 今天 新增 2 例 確診 個案 板橋 個案 是 名 女性 因為 到 醫院 健康檢查 采 檢 pcr 發現 是 陽性 不過 ct 值 高達 36 沒有 傳播 例 侯友宜 說 該案 在 7 月 也 有 采 檢 過 當時 都 是 陰性 但 她 同 住 的 先生 女兒 媳婦 兒子 都 陰性 應該 是 舊案 感染 源 持續 調查 中 另 一 例 新莊 個案 是 8 月 16 日 到 醫院 采 檢 pcr 陽性 其中 ct 20 較 低 衛生局 采 檢 同 住 父親 母親 及 家屬 發現 父親 pcr 也 是 陽性 不過 ct 值 34 懷疑 感染 源 是 父親 目前 疫 調 還 在 進行 中 對於 帛 琉 出現 確診 個案 侯友宜 提醒 臺灣 最近 跟 帛 琉 有 很多 泡泡 旅遊 回來 入境 管理 要 更 嚴謹 面對 阻絕 於 境外 不能 有 破 口 侯友宜 說 雖然 跟 帛 琉 安全 但 發現 有 確診 個案 更 要 重新 檢討 是不是 要 更 嚴格 提升 備戰 以防萬一 是 delta 變種 病毒 建議 提醒 中央 好好 把關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坐 飛機 機位 搭 機 座位 新冠肺炎</t>
  </si>
  <si>
    <t>新冠肺炎 疫情 延 燒 讓 許多 民眾 都 不敢 搭 計程車 准 副 總統 賴清德 今天 表示 交通部 將 在 今年 4 月 至 9 月 期間 以 加油 卡 的 方式 補貼 計程車 每 輛 每月 2千 元 他 也 跟 交通部長 林佳龍 討論 將 持續 研究 對策 協助 計程車 司機 度過難關</t>
  </si>
  <si>
    <t>新冠肺炎 疫情 延 燒 讓 許多 民眾 都 不敢 搭 計程車 准 副 總統 賴清德 今天 表示 交通部 將 在 今年 4 月 至 9 月 期間 以 加油 卡 的 方式 補貼 計程車 每 輛 每月 2千 元 他 也 跟 交通部長 林佳龍 討論 將 持續 研究 對策 協助 計程車 司機 度過難關 賴清德 今天 在 臉書 以 計程車 運 匠 免 驚 政府 挺 你 發文 表示 過去 他 常 搭 計程車 每次 都會跟 運 匠 大哥 大姐 們 聊天 深知 計程車 業者 的 辛苦 幾 天 前 他 在 台南 高 鐵站 遇見 一 位 排 班 計程車 司機 向 他 反應 政府 因應 疫情 對 經濟 的 衝擊 會 以 里程數 補助 計程車 司機 但是 因為 沒有 客人 根本 跑 不到 要求 的 里程數 因此 補助 看 得 到 領 不 到 之後 賴清德 向 交通部 林佳龍 部長 反應 後 理解 到 其實 本次 疫情 紓困 補貼 是 用 接 地氣 又 方便 的 方式 進行 也就是說 交通部 將 在 今年 4 月 至 9 月 期間 以 加油 卡 的 方式 補貼 計程車 每 輛 每月 2千 元 額度 若 未 於 當月 使用 完畢 還 可以 持續 累積到 今年 年底 前 使用 完畢 賴清德 表示 深怕 計程車 司機 們 還 不 知道 因 此 將 內容 貼出 讓 所有 計程車 司機 瞭解 當天 那位 大哥 希望 你有 看 我 臉書 趕快 去 申請 計程車 加油 卡 讓 補助 看 得 到 領 得到 另外 他 也 透露 已 和 林佳龍 進一步 討論 計程車 屬 交通運輸業 也 是 觀光 產業 的 一 環 受到 疫情 很 大 的 影響 尤其 司機 本來 生活 就 辛苦 養家活口 的 司機 常常 一 天 開車 十 小時 以上 現在 因為 疫情 生意 沒了 生活 必然 陷入困境 他 說 林佳龍 也 深知 大家 的 辛苦 交通部 會 持續 研究 對策 更進一步 協助 計程車 司機 度過 此 波 難關</t>
  </si>
  <si>
    <t>疫苗 新冠肺炎 施打 明年 第 3 季 6 成</t>
  </si>
  <si>
    <t>新冠肺炎 疫情 的 挑戰 日益 嚴峻 清華大學 自 農曆年 起 陸續 採取 量 測體溫 等 全面 的 防疫 措施 但 24 日 校方 接 獲 新竹 市 衛生局 通知 有 26 名 同學 及 教授 與 確診 案例 有 密切接觸 應依 疫 政 單位 規定 返家 進行 居家 隔離 與 該 批 師生 有 關的</t>
  </si>
  <si>
    <t>新冠肺炎 疫情 的 挑戰 日益 嚴峻 清華大學 自 農曆年 起 陸續 採取 量 測體溫 等 全面 的 防疫 措施 但 24 日 校方 接 獲 新竹 市 衛生局 通知 有 26 名 同學 及 教授 與 確診 案例 有 密切接觸 應依 疫 政 單位 規定 返家 進行 居家 隔離 與 該 批 師生 有 關的 20 門 課 即日起 到 31 日 改為 遠 距 上課 校長 賀陳 弘 隨即 寄信 告知 全校 教職員 生 這 26 名 同學 及 教授 在 校內 修 習 及 教授 的 課程 共 20 門 修課 人數 共 900 多 人 校方 已 一一 用 簡訊 及 電 郵 通知 請 他們 依 疫 政 單位 規定 從即日起 至 3 月 31 日 自主 健康 管理 儘量避免 出入 公共場所 如 必要 出門時 應 戴 口罩 每日 早晚 各 量 體溫 1 次 詳實 記錄 體溫 及 活動 史 此外 這 20 門 課 也 從即日起 至 3 月 31 日 改為 遠 距 上課 賀陳弘 在 信 中 指出 在 這個 嚴峻 的 時刻 請 全校 教職員 生 一定 要 更 提高 警覺 勤洗手 做好 個人 健康 管理 配合 各項 教學 與 生活 的 防疫 措施 包括 全校 電子 打 卡 管制系統 以及 部分 行政 單位 異地 辦公 等 防疫 作為 愈 在 動盪不安 的 時刻 校園 愈 要 發揮 善意 及 同 理 心 賀陳弘 期盼 全校 教職員 生 互相 勉勵 幫助 讓 清華園 內 的 研究 與 教學 即使 在 困頓 中 也 盡可能 不 中斷 並 期盼 26 名 師生 平安 健康 地 度過 檢疫 期 改為 遠距教學 的 課程 包括 全球 暖 化 與 環境 衝擊 兩 門 書報 討論 通訊 之 數學方法 檢測 與 估計 理論 電腦 圖 學 經濟學 原理 二 數位 訊號 處理 數位 聲訊 分析 與 合成 西洋文學 概論 二 應用 語言學 英文 二 文學作品 讀法 二 英語 聽講 二 從 哈利波特 學英文 全球 政治經濟學 文件 探勘 網球 初學 服務 學習 校園 國際 交換 生 服務 計畫 機 率</t>
  </si>
  <si>
    <t>大陸 青海省 已經 連續 12 天 無 新 增 新冠肺炎 感染 病例 傳出 也 未 見 醫務人員 感染 更 無 死亡 病例 當地 台商 透露 青海 18 個 確診 個案 中 有 15 個 在 省會 西寧 青海 在 第一時間 就 下 重 手 關停 西寧 酒店 公共場所 餐廳 擅自 開業 或 不</t>
  </si>
  <si>
    <t>新冠肺炎 衝擊 彰 化 縣 通報 放 無 薪 假 已 有 15 家業 者 包括 製造業 和 餐飲業 共有 347 人 放假 了 更 多 是 臨時工 上 工時 數 更少 為 協助 捱 過 荷包 縮水 時期 彰 化 縣政府 爭取 500 個 安心 即時 上工 名額 正 盤點 府 內 各局 處室 和</t>
  </si>
  <si>
    <t>新冠肺炎 衝擊 彰 化 縣 通報 放 無 薪 假 已 有 15 家業 者 包括 製造業 和 餐飲業 共有 347 人 放假 了 更 多 是 臨時工 上 工時 數 更少 為 協助 捱 過 荷包 縮水 時期 彰 化 縣政府 爭取 500 個 安心 即時 上工 名額 正 盤點 府 內 各局 處室 和 鄉鎮 公所 釋出 工作 機會 新冠肺炎 改變 人際關係 消費 習慣 更 讓 很多 業者 度 小月 荷包 快撐 不 下去 製造業 也 慘遭 波及 上游 原料 進不來 下流 訂單 也 觀望 彰 化 縣 已 有 347 人 放 無 薪 假 心情 七上八下 復工 不知 還 要 多久 最先 慘 受 衝擊 是 餐飲 彰 化 知名 婚宴 餐廳 桂都 餐廳 上月 就 以 租約 為由 吹 熄燈號 接 著 連 知名 全國 連鎖店 彰化市 歡樂 牛排 品 田 牧場 也 紛紛 向 消費者 說 再 見 向 勞工 處 通報 放 無 薪 假 有 3 家 服務業 其中 彰 化 縣 知名 的 全國 麗 園 餐廳 也 暫停 餐飲 服務 員工 60 人 放 無 薪 假 12 家 製造業 中 水 五金 占 3 家 約 200 多 人 無 薪 假 高居 6 成 以上 在 全球 產業鏈 中 被 牽連 更 多 產業 在 這 波 震盪 中 趁機 調整 體質 已 有 659 個 事業 單位 通報 資 遣 人數 953 人 較 去年同期 高 占 就業人口 約 015 勞動部 針對 因 疫情 影響 被 縮減 工時 的 部分 工時 者 推出 安心 即時 上工 計 畫 縣府 爭取 500 個 名額 正 盤點 各鄉鎮 公所 和 縣府 局 處室 釋出 工作 機會 預計 下 周 公佈 但 時薪僅 158 元 每月 上限 82 小時 做 滿 82 小時 的 月薪 是 1萬2956 元 主要 是 提供 臨工 還 被 減 工 的 打工族</t>
  </si>
  <si>
    <t>美國 默克 藥廠 merck co 新 冠 口服藥 莫納皮拉韋 molnupiravir 日前 向 美國食品與藥物管理局 fda 提出 緊急 授權 eua 衛福 部長 陳時中 昨天 表示 eua 年底 前 可望 拿到 雙方 目前 也 快 簽約 了 莊人祥 進一步 說明 將來 新藥 會 提供 新 冠 輕 症 患者 進行 口服 且 在家 隔離 時 就 可以 直接 服用 避免 確診 病況 演變 為 重症 可 避免 轉 重症 拼 年底 eua 繼 默克 的 莫納皮拉韋 與 我國 醫療機構 合作 臨床 試驗 後 又 有 5 家 醫院 與 輝瑞 合作 進行 新冠肺炎 的 新藥 臨床 試驗 計 畫 疫情 指揮中心 昨天 證實 台大醫院 亞東 醫院 中國 附 醫 台中 榮 總 及 高雄長庚醫院 上月 受 輝瑞 邀請 參與 新藥 臨床 試驗 計 畫 若 藥品 最終 成功 解 盲 可望 加速 國內 藥 證 審查 儘快 取得 藥品 輝瑞 日前 表示 旗 下 新 開發 的 新 冠 口服藥物 pf- 07321332 將 開始 進行 三期 臨床 試驗 預計 全球 收 案 2660 名 受試者 光是 國內 5 家 醫療機構 就 收 案 250 人 約 占 整體 的 10 中國 醫藥 大學 附設 醫院 感染 管制中心 副 院長 黃高彬 表示 輝瑞 藥廠 在 上月 找尋 國內 的 合作夥伴 敲定 台大醫院 及 亞東 醫院 等 醫院 一同 進行 臨床 試驗 總共 收 案 250 人 根據 試驗 計 畫 必須 收 案 確診 者 的 密切接觸 者 目前 因 國內 疫情 平穩 尚未 完成 收 案 預防 性 用藥 阻斷 病毒 複製 黃高彬 說 pf- 07321332 與 默克 藥廠 開發 的 新藥 不同 是 一 種 預防 性 用藥 主要 是 因 新 冠 病毒 中 有 一 段 蛋白酶 結構 與 hiv 病毒 類似 透過 藥物 中的 蛋白酶 抑制 劑 可 阻斷 病毒 複製 因此 需要 事先 進行 投藥 黃高彬 進一步 指出 收 案 物件 必須 為 有 症狀 確診 者 的 密切接觸 者 且 該 密切接觸 者 的 pcr 必須 為 陰性 才能 完整 測出 藥品 效果 由於 目前 臨床 試驗 還 在 二期 階段 加上 國內 近期 確診 者 較 少 收 案 不是 很 順利 估計 該 新藥 上市 還有 很 長 一段時間 指揮中心 發言人 莊人祥 指出 我國 目前 尚未 與 輝瑞 展開 新藥 的 預 採購 洽談 必須 等 三期 臨床 試驗 的 期中 報告 出爐 後 才會 評估 是否 需要 進行 預 採購 但 國內 現在 已 有 5 家 院所 參與 試驗 相信 對 將來 採購 上有 一定 程度 的 幫助</t>
  </si>
  <si>
    <t>新冠肺炎 另 類 影響 英國 人 改變 消費 習慣</t>
  </si>
  <si>
    <t>受到 新冠肺炎 影響 英國 頒 步 禁 足 令 若無 必要 國民 都 不能 外出 而且 大多數 的 店 長 也 跟 著 關門 光是 這 幾 天 全 英國 使用 現金 的 情形 就 減少 50 以上 英國 最 大 的 atm 經營 公司 link 表示 除了 受 禁 足 令 影響 外 覺得 非接觸型</t>
  </si>
  <si>
    <t>受到 新冠肺炎 影響 英國 頒 步 禁 足 令 若無 必要 國民 都 不能 外出 而且 大多數 的 店 長 也 跟 著 關門 光是 這 幾 天 全 英國 使用 現金 的 情形 就 減少 50 以上 英國 最 大 的 atm 經營 公司 link 表示 除了 受 禁 足 令 影響 外 覺得 非接觸型 付費 安全 及 擔心 紙幣 上 可能 會 有 病毒 都 是 減少 使用 紙幣 的 原因 此外 英國 一些 小賣店 也 傾向 拒收 現金 而 申請 裝 刷 卡 機 英國 消費 團體 which 的 金融部門 負責人 加 瑞斯 gareth show 則 表示 目前 有數 百萬 人 沒有 銀行 金融卡 若 是 完全 拒絕 現金 這些 人 連買 東西 都 沒有 辦法 現在 正 尋求 新 的 方法 來 度過 這 段 時機 英國 小賣店 也 在 3 月 23 日 和 銀行 達成協議 提高 小額 支付 的 上限 從 30 英鎊 約 新 台幣 1154 元 提高 到 45 英鎊 約 新 台幣 1732 元 英國 大 銀行 uk finance 則 表示 受到 新 冠 影響 這 是 不得 做 的 調整 若是 使用 apple pay 的話 link 也 表示 在 使用 完 atm 最好 先 洗手 後 再 碰 眼 口 鼻 才能 避免 感染 危機 更 多 ctwant 報導</t>
  </si>
  <si>
    <t>英國 影響 現金 新冠肺炎 禁 足 令</t>
  </si>
  <si>
    <t>新冠肺炎 疫情 下 有 女 陪 侍 的 酒店業 難 開張 按摩 店 卻 早已 暗藏春色 營業 台南 市北區 一家 養生 館 私下 經營 半 套 性交 易 儘管 實 名 制 男客 也 甘願 上門 警方 9 月底 破門 當場 逮 到 兩 對 正 在 性 交易 的 男客 與 女 服務生 4 人 依照 傳染病</t>
  </si>
  <si>
    <t>新冠肺炎 疫情 下 有 女 陪 侍 的 酒店業 難 開張 按摩 店 卻 早已 暗藏春色 營業 台南 市北區 一家 養生 館 私下 經營 半 套 性交 易 儘管 實 名 制 男客 也 甘願 上門 警方 9 月底 破門 當場 逮 到 兩 對 正 在 性 交易 的 男客 與 女 服務生 4 人 依照 傳染病 防治法 函送 台南 市 衛生局 另 將 蘇姓 負責人 依照 妨害風化 送 辦 台南 市北區 海安路 3 段 一家 養生 館 在 疫情 下 打 著 按摩 店 旗幟 恢復 營業 店 內 卻 至少 有 7 名 女 服務生 提供 半 套 性交 易 最近 還 在 網路 上聲 稱 有 新人 報到 服務 優 有 網友 問到 不怕 阿 sir 指 員警 查 很 嚴 業者 大言不慚 稱 有 落實 實 名 制 不怕 抓 警方 9 月 29 日 晚間 8 時許 突襲 這家 養生 館 從 1 樓 店面 進入 直 沖 23 樓 房間 立刻 以 器具 破門 進入 因為 時間 迅速 男客 甚至 來不及 穿 衣服 全身 光溜 溜 當場 啞口無言 警方 將 23 歲 蘇姓 負責人 懷疑 僅 是 掛名 人頭 將 他 依照 害 風化 罪嫌 移送 台南 地 檢 署 偵 辦 另 逮 到 兩 對 性 交易 男女 警方 表示 疫情 期間 很多 男客 為 避免 行蹤 曝光 不 願 實 名 制 上 色情 業 這 家業 者 生意 卻 很 好 實際 依照 規定 要求 客人 遵守 實 名 制 仍 有 客人 為了 尋 歡 還是 願意 簽下 真實 姓名 但 疫情 期間 仍 違反 防疫 規定 4 人 依照 傳染病 防治法 函送 台南 市 衛生 局 警方 表示 這家 養生 館 無懼 防疫 規定 還 在 網路上 強 打 新人 報到 噱頭 吸引 男客 上門 現場 查獲 色情 期間 仍 有 客人 來 電 詢問 是否 真 的 有 新人 服務 警方 提醒 北部 因 萬華阿 公 店 事件 另 全台 陷入 疫情 陰霾 臺灣 好不容易 疫情 平穩 下來 民眾 勿 輕忽 成為 破 口</t>
  </si>
  <si>
    <t>男客 實 名 制 養生 館 新冠肺炎 臺灣</t>
  </si>
  <si>
    <t>新冠肺炎 影響 imf 恐 下 修 全球 經濟 成長</t>
  </si>
  <si>
    <t>國際貨幣基金組織 imf 發言人 gerry rice 27 日 表示 迅速 蔓延 的 新冠肺炎 疫情 將 對 全球 經濟 增長 造成 影響 imf 可能 因 此 下調 其 增長 預估 據 路透 報導 imf 總裁 格奧爾基耶娃 22 日 在 利雅德 召開 的 20 國 集團 g 20 財金 領導人</t>
  </si>
  <si>
    <t>國際貨幣基金組織 imf 發言人 gerry rice 27 日 表示 迅速 蔓延 的 新冠肺炎 疫情 將 對 全球 經濟 增長 造成 影響 imf 可能 因 此 下調 其 增長 預估 據 路透 報導 imf 總裁 格奧爾基耶娃 22 日 在 利雅德 召開 的 20 國 集團 g 20 財金 領導人 會議 上 警告 預計 將 下調 經濟 成長 預估 她 在 一 份 聲明 中 說 預期 新冠肺炎 疫情 可能 會 使 大陸 今年 經濟 增速 降 至 56 較 1 月 的 預期 下降 04 個 百分點 並 使 全球 經濟 增長 下降 01 個 百分點 gerry rice 表示 可能 下調 全球 經濟 成長 預估 他 補充 在 格奧爾基耶娃 的 聲明 發表 的 資料 外 他 沒有 其他 新 的 資料 但 他 說 隨 著 imf 準備 在 4 月 發佈 新 的 世界 經濟 展望 更 多 細節 將 會 浮 出 水面 gerry rice 說 很 明顯 病毒 將 對 經濟 成長 產生 影響 這 在 很 大程度 上 取決於 大陸 和 其他 國家 的 復蘇 速度 溢出 效應 對 供應鏈 的 影響 以及 其他 國家 可能 受到 的 影響 嚴重 程度</t>
  </si>
  <si>
    <t>宜蘭 縣 議會 18 日 環保局 業務 報告 縣議員 林 嶽賢 質詢 說 接 獲 民眾 反映 指 做 好 垃圾 分類 但 垃圾清運 時 回收 物 都 與 一般 垃圾 混雜 在 一起 讓 民眾 分類 形同 白費 宜蘭 縣 環保局 表示 因 受 新冠肺炎 疫情 影響 暫停 破 袋 檢查 可能 因</t>
  </si>
  <si>
    <t>宜蘭 縣 議會 18 日 環保局 業務 報告 縣議員 林 嶽賢 質詢 說 接 獲 民眾 反映 指 做 好 垃圾 分類 但 垃圾清運 時 回收 物 都 與 一般 垃圾 混雜 在 一起 讓 民眾 分類 形同 白費 宜蘭 縣 環保局 表示 因 受 新冠肺炎 疫情 影響 暫停 破 袋 檢查 可能 因 此 有 漏網之魚 將 向各 清潔隊 宣 導 改善 林 嶽賢 指出 民眾 向 他 反映 指 他們 都會 做 好 便當盒 保特瓶 的 分類 但 垃圾清運 時 回收 物 與 一般 垃圾 無異 全都 擠 在 一起 那 幹 嘛 做 分類 他 表示 如果 民眾 勤於 做 分類 但 後端 清運 無法 配合 豈 不 浪費 民眾 分類 的 時間 與 心力 但 林嶽賢 也 表示 新冠肺炎 疫情 期間 清潔 隊員 忙於 社區 消毒 等 工作 相當 辛苦 加上 每天 回收 物 不 同 希望 民眾 能 體諒 清潔 隊員 環保 局長 黃政釧 表示 保特瓶 與 便當盒 是 目前 回收 重點 因為 疫情 關係 環保 署 禁止 破 袋 檢查 可能 因 此 有 漏網之魚 環保局 會 加強 宣導 環保局 也 爭取 到 環保署 的 經費 將 用以 改善 資源 回 收場 會 更加 落實 資源 回收 工作</t>
  </si>
  <si>
    <t>陰性 快 篩 pcr 板橋 警 分局 新冠肺炎</t>
  </si>
  <si>
    <t>新冠肺炎 臺灣 長者 接種 基隆</t>
  </si>
  <si>
    <t>109 年 國中 教育 會考 將 於 5 月 1617 日 登場 因應 新冠肺炎 疫情 新竹 市府 加碼 辦理 4 大 防疫 措施 包括 考生 動 線 分流 地 貼 提供 消毒 酒精 濕 巾 設置 家長 連絡區 設置 保持 距離 的 考生 休息區 要 讓 考生 安心 家長 放心</t>
  </si>
  <si>
    <t>109 年 國中 教育 會考 將 於 5 月 1617 日 登場 因應 新冠肺炎 疫情 新竹 市府 加碼 辦理 4 大 防疫 措施 包括 考生 動 線 分流 地 貼 提供 消毒 酒精 濕 巾 設置 家長 連絡區 設置 保持 距離 的 考生 休息區 要 讓 考生 安心 家長 放心 教育處 表示 竹苗 考區 今年 報名 人數 共計 有 1萬5589 人 其中 於 新竹 市 應考 之 考生 共計 5558 位 考場 分別 設置 於 新竹 高中 新竹 女中 新竹 高工 新竹 高 商 等 4 校 依據 相關 規範 考試 期間 居家 隔離 居家 檢疫 及 經采檢 但 尚未 接 獲 檢驗 結果 者 一律 不得 參加 5 月 1617 日 的 國中 教育 會考 上述 學生 可 參加 補考 並 采 外加 名額 方式 辦理 不 會 影響 到 其他 考生 權益 目前 補考 日期 初步 規 畫 於 5 月 3031 日 舉行 實際 補考 日期 屆時 將 視 疫情 情況 與 發展 由 中央 統一 公告 教育處 指出 會考 當天 所有 人員 進入 考場 前 均 須 通過 體溫 量 測 經量 測 後 額 溫 高於 攝氏 375 度 或 耳 溫 高於 攝氏 38 度 將 進行 第 2 次 量 測 經 現場 護理 師 確認 發燒 的 考生 將 個別 引導 至 備用 試場 應試 以 確保 考生 權益 避免 考場 入口 因 量 測體溫 造成 人潮 聚集 所有 考場 都會 架設 紅外線 熱像儀 進行 初步 體溫 量 測 新竹 市政府 也 將 於 考場 外 及 重要 路口 加派 警力 維持 交通 順暢 並 補助 各 考場 設置 地 貼 標示 加強 考生 動 線 分流 引導 市長 林智堅 今天 前往 試場 勘查 時 表示 考量 國中 教育 會考 參與 人數 眾多 除 安排 考場 加強 消毒 外 教育部 提供 給 所有 考生 于 考試 當日 每人 每日 1 片 口罩 教育 處長 黃錦 能 表示 今年 會考 家長 雖 不能 陪 考 但 市府 要 請 家長 放心 竹市 已 透過 相關 局 處 會商 請 各 考場 學校 以 最高 規格 進行 防疫 準備 同時 要求 國 中端 加強 考生 服務 務必 確保 考生 能 擁有 安心 應試 的 環境 此外 新竹 市政府 更 加碼 4 大 防疫 措施 包括 提供 每 位 考生 酒精 濕 巾 考生 除 勤洗手 外 亦可 透過 酒精 濕 巾 加強 消毒 口罩 及 酒精 濕 巾 屆時 將 由 國中 提早 發給 考生 另 還有 考生 動 線 分流 地 貼 設置 家長 連絡區 讓 家長 短暫 停留 設置 充足 保持 距離 的 考生 休息區 教育處 同時 提醒 考生 相關 應考 用品 及 口罩 務必 於 考前 1 天 備 妥 考試 當日 請 提早 出門 以 安定 的 心情 從容 應試 另 特別 提醒 考生 除 用餐 時間 外 其 餘 時間 請 進入 考場 後 務必 全程 佩戴 口罩 於 試場 內 拒絕 佩戴 且 經 勸導 不 聽 者 依 試場 規則 及 違規 處理 要點 處理</t>
  </si>
  <si>
    <t>新冠肺炎 持續 在 全球 大 爆發 我國 近日 確診 病例 大增 攀升 至 135 例 分別 為 102 例 境外移入 以及 33 例 本土 病例 臺北捷運 配合 臺北市 自來水 處 公告 即日起 飲水 台 全面 暫停 服務 臺北 小 巨蛋 冰上 樂園 北 投 會館 逃生 體驗 營</t>
  </si>
  <si>
    <t>新冠肺炎 持續 在 全球 大 爆發 我國 近日 確診 病例 大增 攀升 至 135 例 分別 為 102 例 境外移入 以及 33 例 本土 病例 臺北捷運 配合 臺北市 自來水 處 公告 即日起 飲水 台 全面 暫停 服務 臺北 小 巨蛋 冰上 樂園 北 投 會館 逃生 體驗 營 學員 宿舍 及 訓練 教室 也 都 採取 入場 實 名 制 量 體溫 時 如有 發燒 則 不 得 入場 臺北 自來水 事業 處 為 加強 防疫 即日起 暫停 轄區 內 飲水 台 水源 供應 將 另 懸掛 停 用 說明牌 並 同步 關閉 直飲 地圖 網頁 不過 相關 單位 仍 會 持續 維護 管理 直飲 台 目前 雙 北市 合計 有 643 座 直飲 台 臺北市 共 有 612 座 新北 市 則 有 31 座 直飲 台 包含 捷 運 站內 公園 登山 步道 河濱 自行車道 等 地 貓 空 纜車 兒童 新 樂園 及 臺北 小 巨蛋 場館 目前 已 全面 量 測 遊客 體溫 將 婉拒 發燒 額 溫 高於 375 度 或 呼吸道 感染 征狀 者 入場 並 勸導 盡 速 就醫 由於 疫情 日益 嚴峻 臺北 小 巨蛋 冰上 樂園 北 投 會館 逃生 體驗 營 學員 宿舍 及 訓練 教室 將 加強 查驗 身分 證件 並 登記 姓名 電話 及 14 天內 是否 出國 等 基本資料 更 多 ctwant 報導</t>
  </si>
  <si>
    <t>入場 飲水 台 臺北 小 巨蛋 新冠肺炎 武漢肺炎</t>
  </si>
  <si>
    <t>新冠肺炎 疫苗 coronavac 可望 本 周 在 巴西 進行 實驗</t>
  </si>
  <si>
    <t>巴西 聖保羅州 長 多利亞 joao doria 週一 表示 預期 本 周 取得 巴西 聯邦 主管機關 批准 以 中國 科興 生物製品 公司 研發 新冠肺炎 疫苗 coronavac 進行 實驗 有約 9000 名 志願者 登記 接受 測試 目前 巴西 累計 確診 逾 137萬 人 為 全球 第 2</t>
  </si>
  <si>
    <t>巴西 聖保羅州 長 多利亞 joao doria 週一 表示 預期 本 周 取得 巴西 聯邦 主管機關 批准 以 中國 科興 生物製品 公司 研發 新冠肺炎 疫苗 coronavac 進行 實驗 有約 9000 名 志願者 登記 接受 測試 目前 巴西 累計 確診 逾 137萬 人 為 全球 第 2 高</t>
  </si>
  <si>
    <t>巴西 新冠肺炎 疫苗 coronavac 實驗 聖保羅州</t>
  </si>
  <si>
    <t>為 避免 保單 比重 過於 傾斜 大型 壽險 89 月 調整 策略 刻意 拉動 美元 利 變 壽險 銷售量 據 統計 美元 傳統型 保單 新 契約 保費 9 月 達 新 台幣 319億 元 創 14 個 月 以來 單月 最高 且 比 去年同期 成 長 61 以上 累計 前 9 月 美元 傳統 保單 新 契約 保費 已 有 新 台幣 2282億 元 比 去年同期 衰退 178 不過 今年 因為 資本 市場 熱 投資型 保單 大 賣 再 加上 新 台幣 兌 美元 升值 保戶 想 投資 匯率 兩頭 賺 美元 計價 投資型 保單 前 九月 新 契約 保費 達 新 台幣 2146億 元 比 去年同期 成 長 128 前 九月 美元 保單 合計 有 4428億 元 比 去年同期 成 長 19 全年 有望 逼近 6千億 元 的 新高 關卡 由於 美元 傳統型 保單 在 一定 額度 內 不 占 壽險 公司 海外投資 比重 且 美元 投資 標的 較 多 投資 報酬率 較 高 美元 保單 利率 亦 較 高 比 新 台幣 保單 好 銷售 壽險業 2020 年 開始 都已 主推 美元 保單 去年 全年美元 保單 新 契約 保費 達 新 台幣 4989億 元 占 整體 新 契約 保費 的 54 比率 創 歷史 新 高 今年 此 趨勢 持續 只 是 美元 計價 投資型 保單 明顯 成長 但 美元 利 變 壽險 因為 宣 告 利率 不若 去年 加上 有 最低 死亡 保障 門檻 要 求 投 報 率 亦 不如 去年 上半年 所以 美元 傳統 保單 保費 呈現 衰退 再 加上 5 月 新冠肺炎 疫情 警戒 升溫 6 7 月銷量 都 比 去年同期 衰退 6 成 上下 8 月 才 開始 恢復 成長 8 月 美元 傳統 保單 新 契約 保費 約 新 台幣 266億 元 同比 成 長 34 9 月 則 有 319億 元 成長 61 也 因為 大型 壽險 公司 刻意 平衡 原本 美元 投資型 保單 累計 新 契約 保費 即將 超越 美元 傳統型 但 到 9 月 又 被 拉開 一些 若 此 趨勢 持續 到 年底 則 全年 還 是 美元 傳統型 保單 賣 贏 美元 投資型 美元 保單 新 契約 保費 全年 歷史 高點 目前 是 2018 年 有約 新 台幣 5161億 元 今年 應會 超越 創 全年銷量 新高 但 若 看 整體 外幣 保單 即 加上 澳 幣 保單 及 人民幣 保單 全年 歷史 高點 也 是 2018 年 合計 有約 新 台幣 6179億 元 主要 是 當年 人民幣 投資型 賣 逾 新 台幣 400億 元 澳 幣 傳統型 亦 有 新 台幣 200 300億 元 今年 人民幣 及 澳 幣 保單 都 是 大 衰退 所以 外幣 保單 全年 應 無法 創新 高</t>
  </si>
  <si>
    <t>日本 有 6萬 人 訂 了 機票 準備 在 4 月底 5 月初 的 黃金周 去 沖繩 度假 沖繩縣 知事 玉城 康裕 懇求 大家 取消 原訂計 畫 首裡城 石垣 島 等 觀光 地 已 掛 出 沖繩 休業 中 暫停營業 中 的 告示 呼籲 日本 民眾 不 要來 沖繩 沖繩 地方報 報導 沖繩縣 至 今 有 138 人 感染 新冠肺炎 沖繩縣 擔心 這 波 遊客 再來 沖繩 5 月 恐怕 疫情 又 要 大 爆發 除了 知事 拜 讬 大家 放棄 去 沖繩 玩 的 念頭 外 沖繩 的 年輕人 也 開始 在 網上 推動 請 大家 別 去 沖繩 玩 的 沖繩 休業 中 宣傳 活動 活動 主導 人 石垣 綾 音 和 北林大 指出 沖繩 4 月 上旬 因 境外 帶進 的 病毒 造成 疫情 擴大 縣政府 已 籲請 各行各業 暫停營業 兩 周 若 再 有 境內 境外 人員 往來 那麼 兩 周 的 努力 可能 會 白費 石 垣 表示 並非 拒絕 大家 來 沖繩 而是 現在 來 沖繩 彼此 都 快樂 不 起來 我們 參考 夏威夷 的 可愛 島 kauai 之 作法 可愛 島 呼籲 遊客 島 本身 放假休息 中 我們 為了 更 容易 地 傳達 同樣 的 訊息 而以 休業 中 來 表現</t>
  </si>
  <si>
    <t>小 編 精選 中國時報 5 件 不可 不知 大事 帶 讀者 掌握 今天 21 日 新聞 重點 1 50 例 未 爆 彈 旅遊 史非 決戰 點 新冠肺炎 疫情 繼 爆出 彰 化 白 牌 車 司機 染病 死亡 並 造成 家庭 群 聚 感染 後 19 日 深夜 中央 疫情 指揮中心 再 爆 2 年 未 出國 的</t>
  </si>
  <si>
    <t>小 編 精選 中國時報 5 件 不可 不知 大事 帶 讀者 掌握 今天 21 日 新聞 重點 1 50 例 未 爆 彈 旅遊 史非 決戰 點 新冠肺炎 疫情 繼 爆出 彰 化 白 牌 車 司機 染病 死亡 並 造成 家庭 群 聚 感染 後 19 日 深夜 中央 疫情 指揮中心 再 爆 2 年 未 出國 的 案 24 震驚 社會 感染 科 醫師 王任賢 指出 一個 找 不 到 明確 接觸 史 的 死亡 病例 代表 背後 有 50 例 未 爆 彈 他 也 強烈建議 從 入境 篩檢 到 類 流感 肺炎 陰性 篩檢 都 不夠 了 應該 所有 不明 肺炎 患者 都 要 篩檢 2 隔離 檢疫 趴 趴 走 最高 可 罰 100萬 元 因應 新冠肺炎 衝擊 行政院 會 昨 通過 嚴重 特殊 傳染性 肺炎 防治 及 紓困 振興 特別 條例 草案 大幅提高 違反 檢疫 隔離 罰 則 若 受 隔離 者 檢疫 者 違規 四處 趴 趴 走 最 重罰 則 從 原 30萬 元 提升 至 100萬 元 如果 確診 或 疑 似 罹 患 嚴重 特殊 傳染性 肺炎 者 違規 前往 搭乘 大眾 運輸工具 或 人 多 場合 將 處 2 年 以下 徒刑 拘役 或 200萬 以下 罰金 3 開學 前 搶 口罩 配 增 首日 排隊 更 長 開學 在即 20 日 起 藥局 兒童 口罩 配額 配 增 至 7 天 買 4 片 不少 家長 排隊 幫子 女 備足 口罩 排隊 人龍 更 長 排隊 的 林 媽媽 說 家裡 雖有 備 貨 但 兒童 口罩 數量 少 政府 有 釋出 還 是 來 補 貨 4 超級 毒 王 趴 趴 走 1 傳 37 害 千 人 隔離 南韓 新冠肺炎 疫情 惡化 20 日 一 天 暴 增 53 名 確診 病例 更 出現 死亡 首例 到 20 日 下午 為止 南韓 確診 病例 達 104 人 一 名 有 症狀 卻 到處 活動 的 超級 傳播 者 至少 傳染 37 人 南韓 政府 宣佈 病毒 已經 突破 防疫 網 進入 社區 傳播 階段 朝鮮 日報 則 稱 防疫 網 已經 崩潰 5 對 黨補刀 同志 比 敵人 可怕 國民黨 選舉 潰敗 黨內 正 在 改選 黨魁 及 中常委 改革 命運 未 蔔 外部 則 面臨 黨產 會 持續 追 殺 強 推 罷 韓 不 手軟 內 外交 迫 的 艱難 處境 較 敗 選 前 更 嚴峻 亟需 全黨 上下一心 團結 奮起 之際 黨內 卻 有 人 因 無黨籍 立 委 傅昆萁 恢復 黨籍 案 放 話 批鬥 向 奄奄一息 的 黨 補 刀 如此 勇於 內鬥 令人 感慨 有此 同志 還 需 敵人 嗎</t>
  </si>
  <si>
    <t>日本 厚生 勞動 省 17 日 公佈 建議 民眾 疑 似 感染 新冠肺炎 時 的 諮 詢 就醫 時期 例如 連續 4 天 發燒 達 375 度 以上 有 嚴重 的 疲倦 感 或 呼吸困難 時 應向 保健所 等 日本 全國 的 諮 詢 視窗 諮 詢 官網 中文 還 提供 中文 的 緊急 諮 詢 電話 厚</t>
  </si>
  <si>
    <t>日本 厚生 勞動 省 17 日 公佈 建議 民眾 疑 似 感染 新冠肺炎 時 的 諮 詢 就醫 時期 例如 連續 4 天 發燒 達 375 度 以上 有 嚴重 的 疲倦 感 或 呼吸困難 時 應向 保健所 等 日本 全國 的 諮 詢 視窗 諮 詢 官網 中文 還 提供 中文 的 緊急 諮 詢 電話 厚 勞省 還 在 官網 中 說明 容易 重症 化 的 物件 如 年長者 有 糖尿病 等 宿疾 者 心臟 衰竭 服用 免疫抑制 劑 或 抗癌藥 者 呼吸器官 疾病 患者 等 應該 在 以上 症狀 出現 的 2 天 之內 諮 詢 就醫 孕婦 也 是 持續 發燒 2 天 就 應跟 相關 窗口 諮 詢 至於 兒童 因 之前 沒有 接 獲 易 重症 化 的 報告 故 和 成人 的 標準 一樣 官 網 中 介紹 新冠肺炎 發 感染 到 發病 的 潛伏期 間 據說 是 1 天 至 125 天 因人而異 但 大多 人 是 5 至 6 天 出現 症狀 厚 勞省 呼籲 若 出現 發燒 等 感冒 症狀 時 在 諮 詢 就醫 前 應該 先向 學校 公司 請假 儘量避免 外出 且 每天 測量 記錄 體溫 最 重要 的 是 洗手 返家 時 煮菜 前後 用餐 前 等 都 要用 香皂 酒精 消毒 液 等 洗手 日本政府 觀光局 jnto 為 確保 緊急 時 的 外國 旅客 的 安全 開設 365 天 24 小時 全天候 的 多 語 電話 諮 詢 中心 japan visitor hotline 也 因應 有 關新冠肺炎 的 相關 諮 詢 電話號碼 是 050 3816 2787 英 中 日 韓語 都 可 通</t>
  </si>
  <si>
    <t>諮 詢 就醫 厚 勞省 新冠肺炎 發燒</t>
  </si>
  <si>
    <t>穆迪 分析 moody&amp;apos s analytics 亞太區 首席 經濟學家 科克倫 steve cochrane 週一 接受 媒體 訪問 時 表示 持續 膨脹 的 債務 可能 使 新興 市場 國家 的 復蘇 步伐 進一步 落後 已 開發 經濟體 科克倫 表示 受到 這 場 大 流行病 影響 所有 類型 的 債務 都 在 增加 政府 債務 的 增加 尤其 顯著 這 並 不讓 人 意外 因為 在 需要 提供 財政 激勵 措施 的 同時 各地 政府 的 稅收 卻 普遍 大幅 下滑 但 我 認為 真正 的 問題 是 已 開發 經濟體 和 新興 市場 國家 之間 的 差距 越來越 大 新興 市場 的 債務 負擔 增加 最 多 未來 他們 在 處理 債務 時 所 面臨 的 困難 可能 最 大 根據 穆迪 所 做 的 一 項 分析 2020 年 政府 企業 家庭 和 金融 等 領域 的 全球 債務 總額 增加 24 兆 美元 創下 歷史 新 高 債務 暴 增 導致 全球 債務 占 國內 生產 毛額 gdp 的 比率 達到 366 亦 創下 歷史 新 高 報告 指出 過去 10 年 來 新興市場 的 整體 債務 增加 1 倍 以上 目前 已 占 全球 未 償還債務 的 三 分之一 報告 並 點名 土耳其 越南 和 巴西 等 新興 市場 國家 不只 一個 領域 的 債務 負擔 有所 增加 目前 印度 阿根廷 和 馬來西亞 等 許多 新興國家 正 在 對抗 捲土重來 的 新冠肺炎 疫情 但 美國 英國 和澳洲 等 已 開發 國家 的 疫情 則 已 顯著 降溫 科克倫 表示 與 已 開發 經濟體 相比 新興 市場 國家 在 獲得 新冠肺炎 疫 苖 及 推 展 疫 苖 接種 的 速度 通常 較 慢 此時 債務 負擔 增加 可能 導致 這些 國家 的 政府 提前 抑制 財政支出 綜合 以上 兩 個 因素 新興 市場 國家 的 經濟 復蘇 力 道 可能 落後 已 開發 經濟體 科克倫 表示 當 經濟 快速增長 時 債務 就 不 會 是 一個 大 問題 此外 這 位 穆迪 的 經濟學家 表示 全世界 的 經濟 增長 不 會 是 均衡 的 今年 夏天 美國 和 歐洲 可能 會 加速 成長 而 新興 市場 或許 得 再 等 一會兒</t>
  </si>
  <si>
    <t>新冠肺炎 全球 南非 omicron 重症 率 症狀</t>
  </si>
  <si>
    <t>籃 網 主將 杜蘭特 kevin durant 因為 身邊 有人 感染 新冠肺炎 根據 美 媒 the athletic 5 日 報導 為了 進行 防疫 追蹤 杜蘭特 將 受到 7 天 隔離 錯過 接下來 的 4 場 比賽 籃 網 開 季 先盛後衰 目前 3 勝 4 敗 杜蘭特 在 去年 3 月 已經 感染</t>
  </si>
  <si>
    <t>籃 網 主將 杜蘭特 kevin durant 因為 身邊 有人 感染 新冠肺炎 根據 美 媒 the athletic 5 日 報導 為了 進行 防疫 追蹤 杜蘭特 將 受到 7 天 隔離 錯過 接下來 的 4 場 比賽 籃 網 開 季 先盛後衰 目前 3 勝 4 敗 杜蘭特 在 去年 3 月 已經 感染 過 新冠肺炎 他 以 非常 快 的 速度 康復 espn 報導 他 最近 接受 檢測 都 是 陰性 並且 身上 還有 抗體 隊友 丁維 迪 spencer dinwiddie 狄安卓 喬丹 deandre jordan 去年 也 染病 現在 丁維迪 因 膝傷 開刀 本 季 報銷 籃 網 未來 7 場 的 戰力 堪憂 阿基裡斯 腱 受傷 回歸 的 杜蘭特 是 陣 中 少數 表現 穩定 的 人 他 輪休 過 1 場 其 餘 6 場 累積 282 分 7 籃板 48 助攻 投籃 命中率 51 三分球 命中率 46 防守 方面 也 相當 優秀 令 人 訝異 的 是 他 可能 還 沒 完全 回復 最佳 狀態 就 有 如此 高效 的 戰力 籃 網 還有 另 一 位 主將 厄文 kyrie irving 他 雖然 厲害 但 手感 不 像 杜蘭特 那樣 穩定 他們 接下來 將 面對 爵士 七六 人 灰 熊 雷霆 預計 杜蘭特 可以 在 12 日 回歸 對 戰金 塊 這 期間 籃 網 可能 尋求 利佛特 caris levert 代替 利佛特 開 季 7 戰場 均 131 分 43 籃板 56 助攻 但是 投籃 命中率 低 至 37</t>
  </si>
  <si>
    <t>杜蘭特 籃 網 nba 新冠肺炎 武漢肺炎</t>
  </si>
  <si>
    <t>新冠肺炎 武漢肺炎 疫情 臺灣 清明</t>
  </si>
  <si>
    <t>新冠肺炎 疫情 未 歇 農曆 春節 將 至 對於 企業 多 取消 尾 牙 改辦 春 酒 疫情 中心 指揮官 陳時中 表示 由於 還 沒有 進入 限制 室內 100 人 活動 的 階段 太 大 規模 的 春 酒 目前 沒 禁止 但 建議 儘量 縮小 規模 現在 確診 案例 的 感染 源 清楚</t>
  </si>
  <si>
    <t>新冠肺炎 疫情 未 歇 農曆 春節 將 至 對於 企業 多 取消 尾 牙 改辦 春 酒 疫情 中心 指揮官 陳時中 表示 由於 還 沒有 進入 限制 室內 100 人 活動 的 階段 太 大 規模 的 春 酒 目前 沒 禁止 但 建議 儘量 縮小 規模 現在 確診 案例 的 感染 源 清楚 但 提高 警覺 自我 保護 是 一定 要 的 這樣 不明 感染 源 就 會 減 到 最低 下 個 禮拜 就 是 農曆 新年 對於 春節 期間 的 人流 管制 陳時中 表示 昨日 下午 與 交通部 進行 討論 今日 會 和 大家 宣佈 他 提醒 民眾 不管 接下來 管制 如何 戴 口罩 勤洗手 還 是 最 重要 的 昨日 疫情 連 3 天 無 本土 案例 新增 3 例 境外移入 分別 自 美 日 菲 入境 截至 目前 累計 915 例 確診 分別 為 801 例 境外移入 75 例 本土 病例 36 例 敦睦 艦隊 2 例 航空器 感染 及 1 例 比利時 工程師 另 江蘇 台商 案 530 移除 為 空號 確診 個案 8 人 死亡 832 人 解除 隔離 75 人 住院 中 至於 日前 一 名 境外移入 個案 本 國籍 30 多 歲 男性 案 913 遭 質疑 為何 需要 采 檢 到 8 次 才 確診 疫情 中心 發言人 莊人祥 表示 案 913 在 日本 已經 連續 6 次 陰性 回台 總共 采 檢 3 次 前 2 次 在 機場 與 集中 檢疫所 采 都 是 陰性 第 3 次 經 進一步 疫 調 後 得知 他 似乎 為 了 能 再度 檢驗 假裝 出現 咳嗽 等 症狀 衛生局 再 采 檢 結果 陽性 莊 人 祥 說 這 名 個案 ct 值 36 5 病毒 量 很 低 看起來 比較 像是 時 陰時陽 的 狀況 其 為了 檢驗 騙 說 有 症狀 結果 驗 出 陽性 已經 由 地方 衛生局 介入 調查 將 會 依法處理 目前 已 再度 采 檢 pcr 與 抗體 今天 會 公佈 結果 另 日前 部 桃 專案 啟動 後 一 名 68 歲 的 男 病 患 19 日 自 桃 醫 轉 出 後 前天 下午 突然 死亡 院方 將 其 死因 診斷 為 肺炎 引起 家屬 的 緊張 疫情 指揮中心 表示 男子 先前 曾進行 3 次 新冠肺炎 采 檢 但 均 為 陰性 目前 正在等待 法醫 的 采 檢 結果 預計 今日 會 對外 說明</t>
  </si>
  <si>
    <t>南韓 新 天地 教會 活動 引發 新冠肺炎 疫情 失控 新北 市 24 宗教團體 4 日 聯合 簽 屬 防疫 6 大 共同聲明 強調 支持 市府 防疫 政策 宗教 場 域 清潔 消毒 避免 人潮 群 聚 活動 精簡 宗教 祈福 儀式 做好 自主 健康 管理 回應 宗教 線 上 祈福 等</t>
  </si>
  <si>
    <t>delta 病毒 新冠肺炎 機師 delta 韋安</t>
  </si>
  <si>
    <t>韓國 境內 新冠肺炎 死亡 第 2 例 54 歲 女性 不治</t>
  </si>
  <si>
    <t>據 韓聯社 最新消息 指出 今 21 日 下午 韓國 境內 出現 第二 例 新冠肺炎 covid-19 死亡 病例 據 瞭解 該 病例 為 54 歲 女性 在 慶尚 北 道 清道 郡 大南 醫院 住院 的 過程 中 被 確診 感染 病毒 之後 被 轉至 釜山 大學 醫院 接受 治療 最終</t>
  </si>
  <si>
    <t>據 韓聯社 最新消息 指出 今 21 日 下午 韓國 境內 出現 第二 例 新冠肺炎 covid-19 死亡 病例 據 瞭解 該 病例 為 54 歲 女性 在 慶尚 北 道 清道 郡 大南 醫院 住院 的 過程 中 被 確診 感染 病毒 之後 被 轉至 釜山 大學 醫院 接受 治療 最終 不幸身亡</t>
  </si>
  <si>
    <t>az 與 莫德納 趕不上 全球 最 夯 新冠肺炎 疫苗 是 它</t>
  </si>
  <si>
    <t>根據 世界衛生組織 who 最新 統計 全球 目前 累積 至今已有 63億 劑 新冠肺炎 疫苗 被 接種 其中 究竟 哪 一 款 疫苗 最 受 歡迎 呢 根據 最新 統計 輝瑞 pfizer 與 德國 biontech 生 技 公司 合作 研發 的 疫苗 當前 全球 累積 銷量 沖 上 第一</t>
  </si>
  <si>
    <t>根據 世界衛生組織 who 最新 統計 全球 目前 累積 至今已有 63億 劑 新冠肺炎 疫苗 被 接種 其中 究竟 哪 一 款 疫苗 最 受 歡迎 呢 根據 最新 統計 輝瑞 pfizer 與 德國 biontech 生 技 公司 合作 研發 的 疫苗 當前 全球 累積 銷量 沖 上 第一 華爾街日報 wsj 根據 杜克大學 duke university 全球 健康 創新 中心 global health innovation center 統計 全球 各國 至今 已 累計 購買 了 35億 劑 輝瑞 bnt 疫苗 讓 它 的 銷量 整 比 第二 名 的 阿斯特 捷利康 astrazeneca az 疫苗 多 出 10億 劑 其 受 歡迎 的 程度 不言 可 喻 根據 輝瑞 的 說法 當前 他們 已經 向 全球 130 多 個 國家 出 貨 超過 16億 劑 輝瑞 bnt 疫苗 報導 引述 各國 官員 與 分析 師 的 看法 指出 輝瑞 bnt 疫苗 之所以 受 歡迎 是因為 針對 新 冠 病毒 的 delta 變異 株 保護 力高 再 加上 不 會 引發 令 人 憂慮 的血栓 問題 會 引發 血栓 問題 影響 到 了 嬌 生 johnson johnson 疫苗 az 疫苗 的 接種 率 除 了 這些 原因 輝瑞 bnt 疫苗 也 被 發現 隨 著 時間 過去 抗議 在 體內 減少 保護 力 降低 的 情況 不 會 像 中國 大陸 的 國產 疫苗 那麼 嚴重 也 不 會 像 俄羅斯 衛星 -v sputnik v 疫苗 一樣 有 供應量 受限 的 問題 報導 指出 為了 引進 受 歡迎 的 輝瑞 bnt 疫苗 甚至 有 國家 進行 修法 阿根廷 正 面臨 嚴重 的 新冠肺炎 疫情 但 等 不 到 衛星 -v 疫苗 供貨 再 加上 民眾 對於 bnt 疫苗 相當 狂熱 當局 還 修改 疫苗 法 的 疏失 用語 若 施 打 疫苗 造成 任何 傷害 疫苗 廠商 得 承擔 法律責任 目的 就是 為了 儘快 引進 bnt 疫苗 此外 阿根廷政府 還 有 配套 設立 了 基 金來 專門 賠償 因為 接種 bnt 疫苗 而 出 事 的 民眾 除了 阿根廷 之外 巴西 衛生部 前 官員 wanderson de oliveira 則 表示 跟 其他 疫苗 比 起來 bnt 疫苗 的 效果 更 好 大家 都想 拿 到 最好 的 疫苗 展現 了 對於 bnt 疫苗 的 熱愛 巴西 也 是 全球 疫情 相當嚴重 的 國家 之一 報導 指出 巴西 方面 今年 提高 了 bnt 疫苗 的 使用量 並 降低 使用 中國 國產 疫苗 而 似乎 隨 著 疫苗 變 得 更 夯 輝瑞 藥廠 似乎 也 正在 逐步 提升 疫苗 的 價格 一 位 以色列 衛生部 官員 曾在 去年 12 月 指出 他們 購買 bnt 疫苗 一 劑 的 價格 是 62 美元 這 價格 未經 證實 但 比 其他 國家 貴 了 不少 先前 輝瑞 針對 歐盟 國家 提供 bnt 疫苗 價格 是 一 劑 18 美元 如今 據 瞭解 已 提高 志 至 23 美元 做為 參考 永齡 基金會 慈濟 台積電 購買 並 贈送給 臺灣政府 所用 的 bnt 疫苗 加上 冷鏈 的 保存 費用 每 劑 費用 平均 在 32 35 美元 左右 輝瑞 bnt 疫苗 是 目前 唯一 取得 美國食品與藥物管理局 fda 藥 證 的 新冠肺炎 疫苗 12 歲 以上 民眾 皆 可 施 打 當前 輝瑞 已向 fda 申請 針對 5 11 歲 族群 的 緊急 使用 授權 eua</t>
  </si>
  <si>
    <t>新冠肺炎 疫情 持續 延 燒 截至 昨日 新北 市 確診 人數 已 達 465 人 而 相關 接觸 者 都 被 衛生 單位 匡列 必須 居家 隔離 新北 市府 統計 今日 居家 隔離 人數 從 昨天 的 1576 人 一下 增加 到 1997 人 即 將 突破 2000 人 也 顯示 疫情 仍 相當 嚴峻 新</t>
  </si>
  <si>
    <t>新冠肺炎 疫情 持續 延 燒 截至 昨日 新北 市 確診 人數 已 達 465 人 而 相關 接觸 者 都 被 衛生 單位 匡列 必須 居家 隔離 新北 市府 統計 今日 居家 隔離 人數 從 昨天 的 1576 人 一下 增加 到 1997 人 即 將 突破 2000 人 也 顯示 疫情 仍 相當 嚴峻 新北 市 去年 為了 應付 越來越 多 的 居家 檢疫 民眾 成立 居家 檢疫 關懷 中心 由 民政 系統 協助 居家 隔離 者 則 由 衛生局 掌握 不過 疫情 來勢洶洶 衛生 人員 必須 全力 投入 整備 醫療 量 能 新北 市 昨日 將 居家 隔離 者 關懷 事宜 將 改由 民政 系統 接續 協助 擴 增 原本 居檢 關懷 中心 更名 新北 市 檢疫 隔離 關懷 中心</t>
  </si>
  <si>
    <t>新冠肺炎 臺灣 新北 市 居家 隔離 關懷 中心</t>
  </si>
  <si>
    <t>新冠肺炎 教育部 授課 方式 大專院校 教學</t>
  </si>
  <si>
    <t>因應 新冠肺炎 的 人力 缺口 恒 智 重機 致力 于智慧 機械 的 推動 推出 無人駕駛 自動 導 引 搬運車 全台 唯一 自動 初始 定位 搭配 無 偵 測 死角 的 3 d lidar 感測器 自然 導航 定位 精准度 高 讓 搬運 自動化 無人化 節省 搬運 的 耗時 及 人</t>
  </si>
  <si>
    <t>因應 新冠肺炎 的 人力 缺口 恒 智 重機 致力 于智慧 機械 的 推動 推出 無人駕駛 自動 導 引 搬運車 全台 唯一 自動 初始 定位 搭配 無 偵 測 死角 的 3 d lidar 感測器 自然 導航 定位 精准度 高 讓 搬運 自動化 無人化 節省 搬運 的 耗時 及 人力 的 浪費 今年 更 研 發出 高速 懸 吊 全 電動 拖 板車 跟 一般 拖 板車 相比 速度 快 50 可 折 式 側 保杆 同時 兼顧 高速 運作 時 的 安全性 是 倉儲 物流 業者 最佳 的 選擇 恒 智 重機 秉 持 持續 創新 客戶 滿意 的 理念 配合 一般 客戶 在 進出 封閉型 塑膠 棧 板 時 的卡 板 或 不易 進出 的 痛點 推出 懸浮 型 電動 拖 板車 當 進出 封閉型 塑膠 棧 板 時 前方 貨叉 在 降 至 最低 時 靠 著 貨叉 尾 端的 導輪 能 使 貨叉 前端 可 懸臂 式 的 進出 封閉型 塑膠 棧 板 能 有效 解決 客戶 使用 封閉型 塑膠 棧 板 時 不易 進出 的 困 難點 可 適用 建築業 倉儲業 物流 業 食品業 等 有 使用 封閉型 塑膠 棧板 進出 需求 的 業者 恒 智 重機 董事長 翟毓溶 表示 除了 一般 室內 型 自動 導 引 無人駕駛 電動 拖 板車 以及 自動 導 引 無人駕駛 電動 堆高 車 適合 戶外 型 自動 導 引 搬運 設備 的 無人駕駛 電動 拖 車頭 拖曳 重量 可 達 平地 6 噸 的 載重 只要 搭配 磁 條 導 引 即 可 從 倉庫區 透過 自動 導 引 系統 往返 生產線 榮獲 自動 導 引 電動 拖 板車 臺灣 精品 獎 的 獎項 並 拿下 2019 年 中華民國 國際 工商 經營 研究社 全國 創新 比賽 製造 科技類 的 第一 名 同時 結合 產 官 學 方面 的 合作 整合 導入 中國 生產力 中心 價值 供應 鏈 系統 結合 供應 鏈 系統 及 雲端 保養 作業 讓 客戶 管理 及 供應 鏈 管理 透過 雲端 作業 模式 即可 收集 大數 據 資料 透過 線 上 發單 回 複交 期 及 客戶 管理 的 智慧 化 生產 模式 讓 恒 智 重機 創新 的 團隊 堅持 公司 理念 可讓 工廠 物流 搬運 及 客戶 管理 的 工作 輕鬆 達到 線 上 雲端 智慧 化 的 方式 加速管理 及 搬運 的 效率</t>
  </si>
  <si>
    <t>世界 職業 男 網 總會 atp 今天 正式 公告 2021 年 賽程 年度 第一 場 四大 賽 澳洲 網球 公開賽 將 在 明年 2 月 8 日 到 21 日 進行 剛好 遇到 農曆 過年 而 男單 會 外 賽則 預計 1 月 10 日 到 13 日 在 卡達杜哈 進行 因為 新冠肺炎 疫情 尚未 完全 控制 澳 網 官</t>
  </si>
  <si>
    <t>世界 職業 男 網 總會 atp 今天 正式 公告 2021 年 賽程 年度 第一 場 四大 賽 澳洲 網球 公開賽 將 在 明年 2 月 8 日 到 21 日 進行 剛好 遇到 農曆 過年 而 男單 會 外 賽則 預計 1 月 10 日 到 13 日 在 卡達杜哈 進行 因為 新冠肺炎 疫情 尚未 完全 控制 澳 網 官方 對 防疫 相當 謹慎 選手 和 教練 整個 團隊 人員 抵達 澳洲 墨爾本 後 必須 先 隔離 14 天 檢查 確定 無 感染 病毒 才能 參賽 由於 整個 時程 拉長 因 此 明年 澳 網 開 打 時間 比 往年 晚 了 三 個 星期 由於 目前 長途旅行 存在 感染 新冠肺炎 的 風險 許多 選手 或許 可能 會 放棄 澳 網 為了 吸引 球員 參賽 澳洲 網協 計 畫 負擔 包辦 包機 食宿 及 檢疫 隔離 等 相關 費用 總 獎金 也 提高 到 7100萬 美元 約 20億3912萬 台幣 但 參賽選手 必須 在 明年 1 月 15 日 到 17 日 透過 包機 抵達 澳洲 屆時 大會 也 會 像 今年 美 網 一樣 規劃 泡泡 園區 至於 選手 擔心 隔離 期間 無法 訓練 澳洲 網協 提出 所有 選手 集中 在 一 間 度假 中心 隔離 讓 選手 可以 安心 訓練 不至於 荒廢 身手</t>
  </si>
  <si>
    <t>北 臺灣 不斷 傳出 警員 執勤 感染 新冠肺炎 台 南市 基層 警員 坦言 執勤 時 心驚 肉 顫 台南 市政府 取得 第 2 批 az 疫苗 同意 將 原本 排 第 3 順位 的 員警 提前 台南 市 警察局 優先 給 1000 名 自願 施 打的 外勤 員 警 玉井 警 分局 派出所 警員 15 人 27 日</t>
  </si>
  <si>
    <t>北 臺灣 不斷 傳出 警員 執勤 感染 新冠肺炎 台 南市 基層 警員 坦言 執勤 時 心驚 肉 顫 台南 市政府 取得 第 2 批 az 疫苗 同意 將 原本 排 第 3 順位 的 員警 提前 台南 市 警察局 優先 給 1000 名 自願 施 打的 外勤 員 警 玉井 警 分局 派出所 警員 15 人 27 日 首批 施打 其 餘 員 警 分 3 天 打完 疫苗 臺灣 新冠肺炎 疫苗 目前 一 劑 難 求 員警 原本 是 az 疫苗 施打 對象 的 第 3 順位 北 臺灣 卻 不斷 傳出 警員 中標 感染 甚至 擔心 擴散 癱瘓 一整 間 派出所 警力 台 南市 基層 外勤 警員 早 有 擔心 受 感染 的 心聲 有 員 警 表示 台南 市 確診 案例 不斷 攀升 還有 一 天 增加 10 例 警員 每天 都須 面對 社會 各 階層 民眾 警方 最近 每天 都接 獲 民眾 爆 量 檢舉 未戴 口罩 群 聚 的 電話 同事 單靠一 副 口罩 就 前往 勸導 防護力 實在太 低 台南 市長 黃偉哲 27 日 上午 聽 聞 基層 員 警 心聲 立刻 安 埋 外勤 警員 優先 施打 疫苗 玉井 警 分局 15 人 27 日 下午 率先 完成 接種 其 餘 各 派出所 共 1000 名 基層 員 警 28 日 29 日 陸續 完成 施打 台南 市 警察局 表示 這 波 疫苗 施打 以 外勤 警員 為主 公費 施打 對象 為 派出所 交通 分隊 與 偵查隊 提供 外勤 警員 多 一 層 保護 可以 安心 工作 有 警員 獲知 可 施 打 az 疫苗 消息 正 評估 疫苗 效力 與 副作用 部分 警員 想 等 更 有效 的 疫苗 進口 或者 國光 疫苗 量 產後 再 施 打</t>
  </si>
  <si>
    <t>為了 防堵 新冠肺炎 疫情 國門 全境 封鎖 20 版 目前 除了 限制 外籍 旅客 入 境外 馬上 也 要 禁止 轉機 旅客 桃園 機場 入 出境 人數 在 22 日 單日 已經 不 到 7千 人次 光是 出境 旅客 也 只 剩 2千3百 多 人 航空 業 與 機場 商家 一 片 哀嚎 現在 不只</t>
  </si>
  <si>
    <t>旅客 桃 機 出境 入境 新冠肺炎</t>
  </si>
  <si>
    <t>大陸 澎湃 新聞 25 日 報導 距離 黑龍江 本輪 delta 本土 新冠肺炎 疫情 暴發 已經 過去 4 天 哈爾濱 已 有 34 例 本土 確診 病例 確診 患者 活動 範圍 已 波及 學校 醫院 等 場所 此前 巴彥縣 的 9 個中 風險 區域 被 調整 為 一個 高風險 區 即 巴彥縣 興隆</t>
  </si>
  <si>
    <t>大陸 澎湃 新聞 25 日 報導 距離 黑龍江 本輪 delta 本土 新冠肺炎 疫情 暴發 已經 過去 4 天 哈爾濱 已 有 34 例 本土 確診 病例 確診 患者 活動 範圍 已 波及 學校 醫院 等 場所 此前 巴彥縣 的 9 個中 風險 區域 被 調整 為 一個 高風險 區 即 巴彥縣 興隆鎮 興隆林業局 有限公司 街道辦事處 全域 目前 哈爾濱 有 一個 高風險 區 和 一個 中 風險區 第二 輪 全員 核酸 檢測 已 啟動 新增 確診 還 在 增加 專家 預測 疫情 最 晚 在 10 月底 結束 黑龍江省 衛 健 發 佈 消息 9 月 24 日 0 24 時 黑龍江省 新增 新冠肺炎 本土 確診 病例 8 例 哈爾濱市 巴彥縣 8 例 截至 9 月 24 日 24 時 全省 現有 境外 輸入 確診 病例 2 例 本土 確診 病例 34 例 9 月 24 日 新增 的 8 例 確診 患者 中 有 2 例 確診 病例 是 在 第二 輪 全員 核酸 檢測 中 發現 的 距離 大陸 十一 假期 不 到 一 周 時間 哈爾濱 此 輪 疫情 能否 得到 有效 控制 存在 風險 南開大學 統計 與 資料 科學 學院 黃森忠 團隊 曾對 此前 多 輪 新 冠 疫情 作出 準確 預測 他 在 24 日 受訪 時 研 判 認為 本輪 哈爾濱 本土 新 冠 疫情 屬於 中等 規模 總 病例 數 在 50 250 例 之間 最 晚 在 10 月底 結束 本輪 疫情 仍 存在 不 確定性 最壞 情況 下 總 規模 可能 會 達到 600 例</t>
  </si>
  <si>
    <t>哈爾濱 確診 病例 新冠肺炎 大陸 黑龍江</t>
  </si>
  <si>
    <t>新冠肺炎 疫情 毫無 緩解 之 勢 陸 演藝圈 日前 已 宣佈 全面 停止 拍攝 而為 工作 在 國內外 各處 奔波 的 藝人 們 首當其衝 紛紛 自主 隔離 其中 多 年 來 事業 生活 都 在 大陸 的 男 星 趙擎 已 隔離 多時 近日 他 曝光 生活 處境 崩潰 痛 飆</t>
  </si>
  <si>
    <t>新冠肺炎 臺灣 苗栗 火 炎 山 個案</t>
  </si>
  <si>
    <t>新冠肺炎 治療 與 預防 藥物 的 研發 迫在眉睫 懷特生 技 4108 旗 下 懷特 精製 黃 耆 多糖 研究 中心 展開 研發 計畫 與 國立 陽明 大學 黃奇英 教授 合作 借重 大 資料 資料庫 和 電腦 軟 體 分析 進一步 驗證 黃 耆 多糖 新冠肺炎 病毒</t>
  </si>
  <si>
    <t>新冠肺炎 治療 與 預防 藥物 的 研發 迫在眉睫 懷特生 技 4108 旗 下 懷特 精製 黃 耆 多糖 研究 中心 展開 研發 計畫 與 國立 陽明 大學 黃奇英 教授 合作 借重 大 資料 資料庫 和 電腦 軟 體 分析 進一步 驗證 黃 耆 多糖 新冠肺炎 病毒 抑制 病毒 的 基因 片段 三者 間 關聯 性 並 探討 防止 肺部 纖維 化 發生 的 可能性 期盼 盡 速 研發 出 抗 病毒 藥物 新冠肺炎 具有 高 致病 性 與 傳播 性 短期 內 引發 全球 大 流行 衝擊 各國 公 衛 體系 此外 患者 痊癒 後 的 後遺症 也 不容 小覷 我國 首 例 確診 女 台商 痊癒 後 就 出現 肺 纖維 化 症狀 雖 並非 人人 均 有此 症狀 但 肺 纖維 化 通常 不 可逆 避免 發生 就 顯得 相當 重要 懷特生 技 總經理 鄭建新 博士 指出 懷特 精製 黃 耆 多糖 研究 中心 現 正 啟動 黃 耆 多糖 用於 調控 細胞 因數 風暴 與 肺部 纖維 化 研發 計畫 探討 黃 耆 多糖 的 調節 免疫 反應 作用 應用 在 防止 肺 纖維 化 發生 同時 研究 是否 具 阻斷 新冠肺炎 covid-19 惡化 的 作用 此外 依據 精准 醫學 的 概念 懷特 精製 黃 耆 多糖 研究 中心 利用 大數 據 資料 電腦 軟 體 分析 與 文獻 回顧 為 立基 推測 出 至少 有 4 個 可能 用 來 抑制 新冠肺炎 病毒 的 小 分子 核酸 mirna 且 令人振奮 的 是 透過 用藥 預測 分析 黃 耆 多糖 與此 4 個 小 分子 核酸 關係 密切 有望 透過 誘發 這些 小 分子 核酸 降低 病毒 複製 的 能力 達到抑制 新冠肺炎 惡化 的 結果 懷特生 技 李伊伶 執行 董事 表示 傳統醫學 認為 黃 耆 除了 能 預防 病毒感染 治療 多種 病毒 導致 的 呼吸道 感染 和 肺炎 也 有助於 病 患 康復 現 正 積極 透過 更 多 的 研究 來 加以 驗證 期盼 能 盡 速 開發 出 治療 與 預防 的 有效 藥物</t>
  </si>
  <si>
    <t>懷特 新冠肺炎 預防 黃 耆</t>
  </si>
  <si>
    <t>新冠肺炎 臺灣 三 色 豆 防疫 吳崢</t>
  </si>
  <si>
    <t>瑞德西韋 是 目前 各方 認為 最 有 可能 治療 新冠肺炎 的 藥物 預計 4 月底 解 盲 疫情 指揮中心 專家 諮 詢 小組 召集人 張上淳 表示 目前 國內 北 中南 各 一家 醫院 參與 臨床 試驗 目前 有 3 個案 在 二 家 醫院 使用 這個 藥物 張上淳 指出 據 使用 醫</t>
  </si>
  <si>
    <t>瑞德西韋 是 目前 各方 認為 最 有 可能 治療 新冠肺炎 的 藥物 預計 4 月底 解 盲 疫情 指揮中心 專家 諮 詢 小組 召集人 張上淳 表示 目前 國內 北 中南 各 一家 醫院 參與 臨床 試驗 目前 有 3 個案 在 二 家 醫院 使用 這個 藥物 張上淳 指出 據 使用 醫師 醫師 表示 用 了 之後 情況 不錯 燒 很快 退 但 排 病毒 的 狀況 有 沒有 縮短 是 我們 較 關切 的 至於 使用 hydroxychloroquine 根據 法國 報告 顯示 排 病毒 的 時間 可以 縮短 專家 小組 認為 輕 症 可以 用 目的 是 縮短 治療 時間 占 床 時間 對於 用 奎寧 治 新冠肺炎 藥物 張上淳 說 最近 火紅 的 老 藥 奎寧 目前 只 有 很 少 的 研究 指出 它 會 有效 但 在 適量 適當 的 方式 使用 算是 相對 安全 的 藥物 但 他 特別 指出 奎寧 要 加 抗生素 才 有 更 好 效果 這些 藥 在 臺灣 可 取得 張上淳 說 臨床 處 制 第 五 版 給 醫生 的 建議 使用 之前 必須 要 告知 病 患 奎寧 使用 不 一定 有效 但 若 病人 同意 成人 兒童 的 使用 劑量 也 都 有 登陸 在冊 中 張上淳 指出 使用 這個 藥物 對 心臟 心律 的 影響 長期 使用 恐 致 視網膜 病變 而 孕婦 不 適合 使用</t>
  </si>
  <si>
    <t>磐石 艦 敦睦 艦隊 海軍 指揮中心 新冠肺炎</t>
  </si>
  <si>
    <t>新冠肺炎 紓困 第 三 家 壽險 跟進 房 貸 降息</t>
  </si>
  <si>
    <t>第 三 家 壽險 公司 跟進 房 貸 降息 紓困 南山人壽 24 日 宣佈 針對 確診 保戶 第一線 醫護人員 疫情 防治 人員 因 疫情 遭 滯留 無法 回台 及 受 疫情 影響 導致 繳 款 有 困難 如無 薪 假 或非 志願性 失業者 等 五大 類 客戶 及 確診 房 貸 戶 之 配偶 與 一 親等 血親 祭出 房 貸 本息 緩繳 半 年 一 年 部分 本金 緩繳 或 到 9 月底 前 降息 1 碼 025 百分點 關懷 保戶 壽險業 紛紛 祭 出新冠肺炎 的 客戶 紓困 措施 其中 國泰人壽 在 4 月 14 日 率先 宣佈 針對 六大 類 客戶 提供 千萬 元 以下 房貸利率 降息 1 碼 利率 最低 降到 107 期限 到 9 月底 而 國壽 是 壽險 第一 大 房 貸 承辦 公司 餘 額 約 3400 多 億 元 有 13萬 戶 房 貸 客戶 國 壽 的 六大 類 客戶 即 一 救護 醫療 人員 二 是 疫情 防治 相關 人員 如 海關 檢疫 人員 藥師 等 三 是 確診 遭 隔離 患者 四 是 因 疫情 無法 回台 者 五 是 自主 健康 管理者 六 是非自願性 失業 或 放 無 薪 假 者 臺灣 人壽 亦 在 15 日 宣佈 針對 四大 類 客戶 提供 保單 利率 及 房貸利率 6 個 月 內 降息 022 百分點 且 是 可 申請 到 9 月底 台壽房 貸 餘 額 約 280 多 億 元 有 1千 多 戶 房 貸 客戶 降息 後房 貸 利率 最低 到 134 台 壽 的 四大 類 客戶 即 一 是 確診 新冠肺炎 的 借款 保戶 本人 或 配偶 一 親等 血親 二 是 因 檢疫 需要 接受 隔離 或 自主 健康 以及 受 疫情 影響 被 實施 無 薪 假 或非 志願性 失業 的 借款 保戶 三 是 連續 兩 個 月 平均 營業額 較 去年同期 或 去年 下半年 平均 營業額 少 15 的 公司 負責人 本人 或 配偶 四 是 防疫 相關 醫療 人員 南山人壽 已 不再 承接 新 的 房 貸 業務 但 其 舊有 房 貸 餘 額 也 有 290億 元 左右 南山 強調 為 減輕 客戶 因 新冠肺炎 出現 的 繳 款 壓力 除了 五大 類 客 戶外 還 擴 及 確診 房 貸 戶 之 配偶 及 一 親等 血親 都可 適用房 貸 降息 或 本息 緩繳 半 年 的 措施 壽險 房 貸 第二 大 公司 富 邦 人壽 有 逾 1800億 元 的 房 貸 業務 富 邦 人壽 表示 4 月 起 指數 型 房貸利率 已 降 027 個 百分點 比 央行 降息 幅度 還 大 而其 房 貸 客戶 如因 疫情 造成 非 自願性 失業 無 薪 假 或 其他 特殊 情況 出現 還款 困難者 到 7 月底 前 提供 相關 證明文件 經 富 邦 人壽 認可 後 可 本金 緩繳 最 長 6 個 月</t>
  </si>
  <si>
    <t>房 貸 新冠肺炎 房貸利率 保戶 降息</t>
  </si>
  <si>
    <t>綾瀨 遙 新冠肺炎 康復 複出 露臉</t>
  </si>
  <si>
    <t>新冠肺炎 疫情 衝擊 觀光 產業 大 鵬 灣 國家 風景區 的 遊湖 船 及 水上 活動 業者 也 受 影響 搭乘 遊玩 人次 腰斬 大 鵬 灣 管理處 在 與 業者 座談 過後 決定 免收 廠商 1 至 6 月 的 租金 希望 與 廠商 共 體 時艱 達到 政府 紓困 善意 大 鵬 灣 今年 2 月</t>
  </si>
  <si>
    <t>新冠肺炎 大 鵬 灣 遊湖 船 水上 活動 遊覽車 紅樹林 濕地 公園</t>
  </si>
  <si>
    <t>香港 昨日 再度 出 次 感染 來源不明 的 新冠肺炎 本土 確診 病例 政府 專家 顧問 中文 大學 呼吸系統 科 講座 教授 許 樹昌 今日 分析 指出 社區 隱形 傳播 鏈 還 未 完全 中斷 港 府 現階段 不宜 放寬 防疫 措施 許樹昌 今日 早上 出席 節目 中 時 表示</t>
  </si>
  <si>
    <t>香港 昨日 再度 出 次 感染 來源不明 的 新冠肺炎 本土 確診 病例 政府 專家 顧問 中文 大學 呼吸系統 科 講座 教授 許 樹昌 今日 分析 指出 社區 隱形 傳播 鏈 還 未 完全 中斷 港 府 現階段 不宜 放寬 防疫 措施 許樹昌 今日 早上 出席 節目 中 時 表示 香港 相隔 約 一 周 後 再 檢測 到 一 名 染病 來源不明 的 本土 確診 個案 這 顯示 社區 仍然 有 隱形 傳播 鏈 他 推測 患者 病徵 或許 很 輕微 不過 卻 具 傳播 性 港 府 目前 因而 不 適合 於 現階段 放寬 防疫 措施 如 食 肆 限制 等 或 舉辦 大型 公開 活動 但 可 考慮 在 限制 人數 下 局部 容許 恢復 宗教 活動 不過 一定 得 要求 出席 者 戴 口罩 許樹昌 接 著 提到 昨日 新增 的 來源不明 的 病例 涉及 範圍 較 細 不 會 引起 像是 貨櫃 碼頭 集體 的 大 爆發 他 也 呼籲 市民 即使 出現 輕微 病徵 也 應 儘早 求醫 及 進行 病毒檢測 他 還 指出 香港 民眾 如 持續 戴 口罩 和 注意 手部 衛生 冬季 出現 流感高峰期 的 機會 很小 但 他 呼籲 高 危險 人士 應 接種 流感疫苗 他 還 提到 香港 今年 並 無 出現 夏季 流感 高峰期</t>
  </si>
  <si>
    <t>香港 新冠肺炎 本土 確診 許樹昌</t>
  </si>
  <si>
    <t>專利 經濟部 新冠肺炎 台積電 宏棋</t>
  </si>
  <si>
    <t>在 聯 准會 fed 宣佈 緊急 降息 2 碼 之後 的 第一 天 美 股 經過 一番 震盪 收盤 時 各項 指數 仍 下挫 近 3 顯示 投資人 對於 降息 救 經濟 的 策略 並未 產生 信心 星期二 收盤 時 s&amp;p 500 指數 下跌 281 以 300337 點 作 收 道 瓊 工業 指數 下跌 294 以 2591741 點 作 收 科技類 股 那 斯 達克 指數 也 下挫 299 以 868409 點 作 收 在 聯 准會 宣佈 降息 之後 美國股市 瞬間 的 反應 相當 正面 立刻 反彈 了 1 但 隨即 又 暴跌 顯示 了 投資人 對於 政策 是否 能 有效 救 經濟 的 質疑 聯 准會 降息 代表 了 更 多 金錢 流入 市場 但 這 一 波 經濟衰退 起因於 新冠肺炎 工廠 停工 員工 隔離 在家 生產 降低 供應 鏈 中斷 等 問題 都 不 會 因為 降息 而 得到 解決 聯 准會 官員 認為 降息 雖 無法 解決 景氣 降溫 的 起因 但 可以 減輕 消費者 與 投資者 的 信心 所受 的 附帶 傷害 一旦 疫情 受到 控制 經濟 也能 加快 復蘇 市場 分析 師 表示 聯 准會 的 策略 要 產生 效果 前提 是 疫情 的 狀況 必須 明朗化 若無 法 預測 疫情 的 走勢 再多 的 資金投入 都 很 難 拯救 低迷 的 經濟</t>
  </si>
  <si>
    <t>聯 准會 fed 降息 新冠肺炎 美 股</t>
  </si>
  <si>
    <t>新冠肺炎 疫情 延 燒 近來 許多 事業 單位 要求 勞工 在 出國前 應 報 備 甚至 不准 以 出國 為由 的 特別 休假 勞動部 表示 依 勞基法 特別 休假 應 由 勞工 排定 但 勞工 歸國 後 如要 面臨 居家 檢疫 等 則 依 嚴重 特殊 傳染性 肺炎 防治 及 紓困</t>
  </si>
  <si>
    <t>新冠肺炎 疫情 延 燒 近來 許多 事業 單位 要求 勞工 在 出國前 應 報 備 甚至 不准 以 出國 為由 的 特別 休假 勞動部 表示 依 勞基法 特別 休假 應 由 勞工 排定 但 勞工 歸國 後 如要 面臨 居家 檢疫 等 則 依 嚴重 特殊 傳染性 肺炎 防治 及 紓困 振興 特別 條例 可 請 防疫 隔離 假 不 強制 雇主 給 薪 近日 許多 事業 單位 要 求 避免 前往 疾 管署 公告 注意 警示 及 警告 地區 如有 出國 必要 請 提前 向 單位 主管 報 備 經 主管 同意 後 再行 安排 假期 但 勞基法 明訂 特別 休 假期 日 由 勞工 排定 之 違反 可 處 2萬 至 100萬 元 勞動部 官員 表示 依 勞基法 特別 休假 應 由 勞工 排定 勞工 申請 後 雇主 應予 以 准假 但 如果 歸國 後 要 居家 檢疫 等 情況 則 依 特別 條例 可 請 防疫 隔離 假 不 強制 雇主 給 薪 如 符合 相關 規定 則 勞工 可 領取 防疫 補償</t>
  </si>
  <si>
    <t>新冠肺炎 武漢肺炎 covid-19 臺灣 勞工</t>
  </si>
  <si>
    <t>新冠肺炎 臺灣 三級 警戒 6 月 28 日 解封</t>
  </si>
  <si>
    <t>美國 新冠肺炎 確診 人數 全球 第一 歐美 疫情 益發 嚴峻 加上 臺灣 目前 多數 確診 者 都是歐 美 境外移入 陽明 大學校長 郭旭嵩 表示 當初 武漢 一 開始 發生 疫情 臺灣 就 派 專家 前往 視察 如今 疫情 更 嚴峻 的 義 大利 歐美 等 國 卻 沒有 專</t>
  </si>
  <si>
    <t>美國 新冠肺炎 確診 人數 全球 第一 歐美 疫情 益發 嚴峻 加上 臺灣 目前 多數 確診 者 都是歐 美 境外移入 陽明 大學校長 郭旭嵩 表示 當初 武漢 一 開始 發生 疫情 臺灣 就 派 專家 前往 視察 如今 疫情 更 嚴峻 的 義 大利 歐美 等 國 卻 沒有 專家 前往 取經 他 指出 疫情 調查 下 一 步 就 是 臨床 治療 瞭解 歐美各國 患者 病毒 特性 與 治療 方法 才能 在 臺灣 醫療 面臨 嚴峻考驗 時 真正 超前 部署 郭旭嵩 指出 疫情 流行 時 疫情 調查 的 下 一 步 就 是 臨床 治療 而 大陸 武漢地區 發生 新冠肺炎 的 第一時間 當時 臺灣 一個 確診 案例 都 還 沒有 疾 管署 就 立即 派出 2 名醫藥 界 專家 火速 飛抵 武漢 視察 取得 病毒 資訊 並 瞭 解 臨床 治療 方法 以防 若 臺灣 也 有 確診 個案 該 如何 因應 治療 無 症狀 感染者 是 下 個 挑戰 而 如今 包含 歐洲 美國 疫情 愈來愈 嚴峻 臺灣 目前 確診 個案 也 多 有 歐 美 旅遊 史 應該 也 趁現在 臺灣 醫療 體系 還沒燒 起來 之際 派 人 前往 該國 或是 透過 視 訊 會議 方式 瞭解 歐美 面對 大規模 病 患 時 醫療 人員 如何 因應 學習 治療 的 經驗 作為 超前 部署 的 一 環 臺灣 至 今 防疫 成功 在於 腳步 快 民眾 配合 度 高 接下來 國內 將 面臨 的 挑戰 是 無 症狀 或 輕微 症狀 的 隱性 感染者 走 入 社區 郭旭嵩 指出 臺灣 此時 盡 速 發展 自己 的 抗體 檢驗 工具 很 重要 屆時 許多 居家 檢疫 者 回到 社區 若 能 回頭 做 抗體 試劑 知道 哪些 人 身上 有 抗體 後 類似 安全 碼 的 概念 一方面 自己 不必 擔心 另一方面 因為 不 會 感染 他人 可以 真正 安全 地 回到 社區 應 速 研發 抗體 及 快 篩 試劑 除了 發展 抗體 檢測工具 台 大公 衛 學院院長 詹 長 權 也 指出 如今 美國 的 快 篩檢測 已 從 當初 10 發展 到 30 才 有 辦法 擴大 采 檢 臺灣 卻 從 第 1 例 到 第 300 多 例 都用 同一 套 pcr 檢測 方法 沒 變過 當然 無法 擴大 采 檢 他 建議 應該 盡 速 研發 量 產 快 篩 試劑 尤其 當 全世界 所有 國家 的 藥物 管理 單位 都 能 緊急 授權 上架 審查 時 國內 藥 政 單位 也 應該 在 疫情 時期 加速 審查 機制</t>
  </si>
  <si>
    <t>武漢肺炎 症狀 諾羅 病毒 林口長 庚 院內 感染 新冠肺炎</t>
  </si>
  <si>
    <t>新冠肺炎 自 上月 爆發 政府 已 宣佈 全國 三級 警戒 至 6 月 28 日 綠 委 劉世芳 羅致 政 鄭運鵬 黃世傑 等 人 今日 召開 記者會 要求 營業 衰退 紓困 將 要求 營業額 從寬 認定 不要 等 到 7 月 才能 領 此外 國有財產 署 及 國營事業 出租 也 要</t>
  </si>
  <si>
    <t>新冠肺炎 自 上月 爆發 政府 已 宣佈 全國 三級 警戒 至 6 月 28 日 綠 委 劉世芳 羅致 政 鄭運鵬 黃世傑 等 人 今日 召開 記者會 要求 營業 衰退 紓困 將 要求 營業額 從寬 認定 不要 等 到 7 月 才能 領 此外 國有財產 署 及 國營事業 出租 也 要 主動 減租 20 帶動 民間 回應 紓困 40 上路 後 針對 商業 服務業 紓困 方式 是 采 2021 年 5 月 至 7 月 任 一月 營 收 比 2019 年 同月 或 2021 年 3 月 至 4 月 平均 減少 5 成 以上 有 稅 籍 登記 或是 被 中央政府 命令 停業 且 給付 員工 薪水 未 達 基本工資 的 企業 即 符合 補貼 資格 羅致 政 表示 營業稅 在 每年 6 月 結算 而 現在 又 碰到 紓困 要 上路 因此 在 營業 衰退 計算 上 時間 點 會 有 落差 因此 希望 行政部門 能夠 彈性 認定 羅致 政 說 這 波 疫情 是從 5 月 15 日 開始 若 有 業者 能夠 提出 過去 半 個 月 1 個 月 的 營業 衰退 像是 娛樂場所 百貨公司 等等 希望 政府 能 從寬 彈性 認定 讓 業者 儘快 拿到 紓困 黃世傑 表示 除了 營業 衰退 從寬 認定 外 財政部 經管 的 國有 不動產 出租 已 宣佈 減收 延長 繳租 日期 而 經濟部 國營事業 經管 的 公有土地 也 同樣 要求 比照 財政部 目前 已 有 419 戶 申請 減收 延 繳 已 全數 同意 但 還有 23萬 件 尚 待 辦理 希望 經濟部 主動 辦理 提供 民間 紓困 劉世芳 指出 經濟部 及 財政部 在 去年 的 做法 是 1 月 至 6 月 土地 減租 20 如今 因為 疫情 因素 因此 建議 相關 措施 能夠 延長 至 明年 6 月底 除 土地 減租 20 外 經濟部 國營 會 財政部 國有財產 署 都 要 主動 幫忙 處理 租金 減免 減緩 合法 使用人 的 經濟 壓力 羅致 政 說 除了 財政部 經濟部 也 要求 交通部 的 台鐵局 針對 各 場站 店家 提出 減租 計 畫 此外 也 要 趕快 來 幫忙 國道 休息 站 的 商家 希望 能夠 藉 由 公 部門 主動 減租 帶動 民間 響應 跟進 減租 全民 共 體 時艱</t>
  </si>
  <si>
    <t>新冠肺炎 臺灣 減租 主動 紓困</t>
  </si>
  <si>
    <t>中國 文化 大學 大 倫 館 宿舍 4 人 確診 校方 緊急 成立 應變 小組 臺北市 政府 成立 的 快 篩 機動隊 針對 314 名 留宿 生 進行 快 篩檢測 14 人 快 篩 陽性 令 人 憂心 會 釀 另 一 波 群 聚 感染 時 又 傳出 大 倫 館內 有 學生 翻 找 垃圾桶 找 食物 吃 長達 4 個 小時 對此 校方 表示 該 生 是 校內 長期 協助 的 個案 已 安排 校 安 人員 協助 處理 一 名 文化 大學 男生 昨 2 日 晚間 於 論壇 dcard 表示 一 名 男 同學 在 翻 大 倫 館內 的 垃圾桶 找 食物 吃 整整 4 個 小時 男 大生 害怕 地 表示 該 名 學生 就 在 自己 的 房間 門口 再 加上 已 有 4 人 確診 擔心 校內 一定 還 有無 症狀 感染者 緊急 通報 舍監 舍監 則 以 已 通報 教官 回應 只不過 一直 等到 午夜 12 時 仍 不 見 教官 的 身影 翻 垃圾桶 的 同學 把 走廊 弄 得 杯盤狼藉 令 他 焦急 的 問 教官 你在 哪 文化 大學 大 倫 館 男 宿舍 1 日 傳出 4 名 學生 確診345 名 學生 皆 是 使用 同一個 衛 浴 空間 校方 第一時間 緊急 大 消毒 並 成立 應變 小組 北 市府 快 篩 機動隊 也 在 昨日 進入 校園 針對 314 名 學生 進行 快 篩 13 人 快 篩 陽性 另 一 名 學生 則 是 出現 症狀 送至 陽明醫院 急診室 快 篩 後 陽性 現 又 有 學生 垃圾 吃 東西 難免 令人擔憂 至於 為 何快 篩 人數 與 校方 列 冊 的 345 人 有 人數 差距 北 市府 表示 仍 在 確認 中 對此 校方 證實 該 生 學生 為 校內 生 因 狀 身心 況 特殊 一直 都 有 掌握 該 生 狀況 目前 已 安排 相關 人員 協助 處理 並 加強 輔導 及 規勸 盼 外界 多 諒解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文化 大學 大 倫 館 快 篩 確診</t>
  </si>
  <si>
    <t>新冠肺炎 疫情 全球 延 燒 英國 也 不 例外 但 在 封閉 的 防疫 狀態 中 人們 還 是 能 為 生活 找到 出口 尤其 是 網 紅 模特 兒 及 藝人 模特 兒 出身 的 女星 伊莉莎白赫莉 elizabeth hurley 就 在 疫情 嚴重 又 冰天雪地 的 現在 來 了 一發 追 雪</t>
  </si>
  <si>
    <t>新冠肺炎 疫情 全球 延 燒 英國 也 不 例外 但 在 封閉 的 防疫 狀態 中 人們 還 是 能 為 生活 找到 出口 尤其 是 網 紅 模特 兒 及 藝人 模特 兒 出身 的 女星 伊莉莎白赫莉 elizabeth hurley 就 在 疫情 嚴重 又 冰天雪地 的 現在 來 了 一發 追 雪 豔 照 讓 人 看 了 血脈 賁張 瞬間 暖 了 起來 伊莉莎白赫莉 以 性感 魅 惑 形象 聞名 但 最為 人 所 熟知 的 是 她 跟 英倫 情 聖 休 葛蘭 之間 長 達 10 多 年 的 往日 情 最終 因為 女神 受不了 休 葛蘭 太 難 搞 而 選擇 分手 之 後跟 富商 史提夫賓生 了 唯一 的 兒子 達米恩 2007 年 曾跟 印度 富豪 納亞爾 走 入 婚姻 但 僅 4 年 就 離婚 伊莉莎白赫莉 情 路 坎坷 卻 活出 最 精采 的 自己 如今 已 55 歲 的 她 外 型 雖 難免 有 點 歲月 痕跡 但 始終 保持 火 辣 身材 至今 仍 為 個人 泳裝 品牌 擔任 產品 模特 兒 是 個 超級 美 魔 女 elizabeth hurley @elizabethhurley 1 分享 的 貼 文 而 如今 英國 正值 下雪 季節 伊莉莎白赫莉 昨 1 26 貼出 冬裝 照 身上 披 了 雪白 毛皮 大衣 但 裡面 竟然 中空 就 穿 了 條 短 小 的 白色 比基尼 三角褲 靠 外套 巧妙 遮住 胸前 兩 點 豐滿 胸 型 幾乎 被 看 光光 無視 大 冬天 依然 爽 拍 清涼 豔 照 還 寫下 我 怎麼 有 辦法 抗拒 引人 遐想 伊莉莎白赫莉 的 冬季 清涼 照 美不勝收 但 卻 被 日前 重提 與 已逝 傳奇 媒體 人 賴瑞金 昔日 恩怨 的 英國 名 嘴皮 爾斯摩根 看 不爽 說 他 不過 比 伊莉莎白赫莉大 了 3 個 月 同為 55 歲 的 人 但 也 看不下去 女神 這樣 皮爾斯 說 伊莉莎白赫莉 是 真 的 保養 得 很 好 不過 每次 都 寬衣解帶 讓 19 歲 兒子 幫 她 拍照 實在 有 夠 變態 就 那麼 渴望 關注 嗎 要 她 不 要 那麼 衝動 快 把 衣服 穿 起來</t>
  </si>
  <si>
    <t>伊莉莎白赫莉 休 葛蘭 新冠肺炎 清涼 照 豔 照</t>
  </si>
  <si>
    <t>新冠肺炎 臺灣 新北 侯友宜 低度 活動</t>
  </si>
  <si>
    <t>新冠肺炎 擴散 引發 大陸 各地 恐慌 許多 城市 到處 噴灑 消毒藥水 防控 疫情 擴散 不料 卻 因 噴灑 量 太 多 導致 野生動物 中毒 死亡 重慶 林業局 為 疫情 防控 派員 加強 疫情 監測 深入 林區 與 野外 卻 意外 發現 因 濫 用 消毒水 造成 的 生態災難</t>
  </si>
  <si>
    <t>新冠肺炎 擴散 引發 大陸 各地 恐慌 許多 城市 到處 噴灑 消毒藥水 防控 疫情 擴散 不料 卻 因 噴灑 量 太 多 導致 野生動物 中毒 死亡 重慶 林業局 為 疫情 防控 派員 加強 疫情 監測 深入 林區 與 野外 卻 意外 發現 因 濫 用 消毒水 造成 的 生態災難 新華社 報導 重慶市林業局 表示 重慶市 持續 加強 陸生 野生動物 疫 源 疫病 監測 林業 系統 平均 每天 出動 200 餘 名 專職 監測員 和 5300 餘 名 護林 員 深入 林區 自然 保護地 養殖場 動物園 農貿市場 高速 公路沿線 等 區域 監測 野生動物 及時處理 異常情況 報導 說 截至 目前 重慶市 在 疫情 防控 期間 共 巡查 發現 17 種 135 只 野生動物 出現異常 死亡 包括 烏鶇 白頭鵯 灰 胸 竹雞 野豬 黃鼠狼 等 通過 動物 檢疫 機構 和 重慶市 動物 疫病 防控 中心 的 取樣 檢測 綜合 現場 調查 情況 專家 判定 其中 部分 野生動物 死亡 原因 為 噴施 消毒藥 等 引起 的 中毒 同時 排除 了 死亡 野生動物 的 新 冠 病毒 禽流感 新城疫 的 疫 源 疫病 報導 表示 相關 部門 已對 取樣 剩 餘 物 實施 了 深埋 等 無害化 處理 對 野生動物 異常 死亡 場所 進行 了 清潔 消毒 重慶市林業局 建議 在 高速公路 及 廣大 農村 地區 應 合理 使用 消毒 藥液 避免 對 當地 居民 動物 和 食用 農產品 等 造成危害</t>
  </si>
  <si>
    <t>不是 長輩 臺灣 新冠肺炎 發生率 曝 這 年齡 最 易 得病</t>
  </si>
  <si>
    <t>隨 著 新冠肺炎 疫情 全球 升溫 臺灣 也 連帶 受到 波及 中央 疫情 指揮中心 24 日 宣佈 臺灣 新增 20 例 病例 皆 為 境外移入 個案 發病 前 分別 在 英國 愛爾蘭 義 大利 土耳其 印尼 西班牙 法國 美國 泰國 德國 保加利 和 比利</t>
  </si>
  <si>
    <t>隨 著 新冠肺炎 疫情 全球 升溫 臺灣 也 連帶 受到 波及 中央 疫情 指揮中心 24 日 宣佈 臺灣 新增 20 例 病例 皆 為 境外移入 個案 發病 前 分別 在 英國 愛爾蘭 義 大利 土耳其 印尼 西班牙 法國 美國 泰國 德國 保加利 和 比利時 等 國有 活動 史 臺灣 目前 累計 215 人 確診 2 人 死亡 確診 案例 中 哪個 年齡層 發生 機 率 比較 最高 結果 發現 並 非 65 歲 以上 的 高年 族群 而是 落 在 20 至 24 歲 發生率 是 每 10萬 人 就 有 22 人 確診 根據 疾 管署 公佈 的 全國 嚴重 特殊 傳染性 肺炎 本土 病例 及 境外移入 病例 年齡 別 發生率 趨勢 圖 2020 年 01 至 2020 年 13 周 統計 發現 發生率 最高 的 落 在 20 至 24 歲 也 就 是 每 10萬 人 有 22 人 第二 高 的 為 25 到 29 歲 每 10萬 人 有 181 人 第 三高 為 30 至 34 歲 每 10萬 人 有 16 人 發生率 前 三高 都 是 年輕 族群 至於 被認為 是 新冠肺炎 易 感染 對象 的 中高 年齡 族群 55 至 59 歲 每 10萬 人 發生率 有 11 人 60 到 64 歲 每 10萬 人 發生率 為 055 人 65 至 69 歲 每 10萬 人 發生率 有 045 人 70 歲 以上 每 10萬 人 發生率 是 055 人 若以 本土 病例 年齡 別 發生率 趨勢 圖 來看 發生率 最高 為 55 至 59 歲 每 10萬 人 有 038 人 次高 25 至 29 歲 每 10萬 人 有 031 人 第 三高 為 30 到 34 歲 每 10萬 人 有 025 人 若是 境外移入 病例 年齡 別 發生率 趨勢 圖 來看 最高 仍 在 20 到 24 歲 每 10萬 人 有 202 人 第二 高 的 為 25 到 29 歲 之間 每 10萬 人 有 15 人 第 三高 則 是 30 到 34 歲 每 10萬 人 有 136 人 近來 大量 從 國外 返台 民眾 多 是 年輕人 也 跟 統計資料 呈現 符合</t>
  </si>
  <si>
    <t>新冠肺炎 臺灣 武漢肺炎 長輩 發生率</t>
  </si>
  <si>
    <t>新冠肺炎 故宮 人潮 大 減 50萬 人 損失 近 九千萬 元</t>
  </si>
  <si>
    <t>國立 故宮博物院 赴 立 法院 教育委員會 進行 業務 報告 立 委 黃 國書 指出 今年 12 月 受到 新冠肺炎 影響 故宮 參觀人 潮 較 去年同期 少 了 50萬 人次 收入 少 了 8800萬 元 是 史上 空前 的 數字 希望 故宮 提出 因應 故宮 院長 吳密 察 在 報</t>
  </si>
  <si>
    <t>國立 故宮博物院 赴 立 法院 教育委員會 進行 業務 報告 立 委 黃 國書 指出 今年 12 月 受到 新冠肺炎 影響 故宮 參觀人 潮 較 去年同期 少 了 50萬 人次 收入 少 了 8800萬 元 是 史上 空前 的 數字 希望 故宮 提出 因應 故宮 院長 吳密 察 在 報告 中 表示 為了 因應 新冠肺炎 疫情 已經 取消 晚間 延長時間 加上 週一 休館 調整 營運 時間 同時 為 防止 群 聚 感染 已經 暫停 華語 英語 週末 親 子 參觀 等 導覽 服務 張大千 紀念館 也 暫緩 開放 相關 集會 演講 工作 坊 等 活動 機動 停止 或 延後 辦理 在 展場 中的 一線 員工 上班 前 中 後 都 要 量 體溫 並 佩戴 口罩 有 症狀 就 請假 就醫 故宮 也 成立 自己 的 防疫 指揮中心 每週 召開 防疫 會議 滾 動式 檢討 防疫 工作 吳 密 察 指出 也 會 對 受 疫情 衝擊 的 廠商 予以 紓困 包括 現場 委 外 服務 的 餐廳 語音 導覽 文創 商店 委 外 銷售 等 紓困 作法 如下 一 解除 委 外 廠商 原 契約 最低服務 人數 限制 調 降 權利 金 寬限 緩繳 期間 二 舒緩 合作開發 文 創 商 的 廠商 營業額 不足 困境 將 現有 合作 契約 延長 一 年 提供 廠商 營運 緩衝 另外 文創 商品 院外 承銷 商 共 20 家 因 營業額 大幅 下 修 故宮 下 修文創 商品 承銷 商 申請 續約結 帳 金額 下限 三 推動 線 上 展覽 服務</t>
  </si>
  <si>
    <t>數字 故宮 新冠肺炎 參觀 吳密 察</t>
  </si>
  <si>
    <t>新北 市長 侯友宜 5 日 慰問 消防 局 防疫 專責 分隊 分 隊員 現場 演練 疑 似 新冠肺炎 病 患 載 送 流程 侯友宜 贈送 水果 感謝 第一線 人員 辛勞 也 提醒 疫情 還 沒有 過去 大家 絕對 不能 鬆懈 消防 局 緊急 救護 科長 林士閔 昨 先向 侯友</t>
  </si>
  <si>
    <t>新北 市長 侯友宜 5 日 慰問 消防 局 防疫 專責 分隊 分 隊員 現場 演練 疑 似 新冠肺炎 病 患 載 送 流程 侯友宜 贈送 水果 感謝 第一線 人員 辛勞 也 提醒 疫情 還 沒有 過去 大家 絕對 不能 鬆懈 消防 局 緊急 救護 科長 林士閔 昨 先向 侯友宜 簡報 說明 防疫 專責 分隊 值勤 概況 如 通報 車禍 受傷 案件 中 人員 到場 發現 傷者 竟是 違規 外出 的 居家 檢疫 對象 除 馬上 改由 防疫 專責 分隊 到場 同時 通報 衛生 單位 安排 送 集中 檢疫 並 罰款 20萬 元 林 士 閔 指出 不可 預測 的 突發狀況 可能 隨時 發生 消防 局 會 視 情況 機動 調整 勤務 汲取 經驗 並 改善 作業 流程 兼顧 消防 同仁 與 民眾 安全 隨後 專責 防疫 分隊 人員 展開 載 送 疑 似 新冠肺炎 病 患 演練 包括 防護衣 裝備 穿 脫 運送 防疫 措施 後 送 及 救護車 清潔 消毒 等 侯友宜 表示 視察 防疫 分隊 主要 是 要 同仁 瞭解 疫情 沒有 紓 緩 絕對 不能 鬆懈 除了 鼓勵 同仁 更 要 提醒 sop 的 標準 動作 程式 絕對 一 步 都 不能 有 疏忽 整個 過程 完整 才能 保護 自己 也 保護 別人 他 說 這 段 時間 新北 市 8 個 防疫 分隊 已 載 送 197 件 新冠肺炎 患者 任務 辛苦 危險 壓力 又 大 謝謝 最 辛苦 的 防疫 專責 消防 夥伴 大家 一起 加油 防疫 期 還 沒有 過 繼續 努力 才 可 做 到 萬無一失</t>
  </si>
  <si>
    <t>謝忻 馬東石 慢 跑 新冠肺炎 臺灣</t>
  </si>
  <si>
    <t>新冠肺炎 疫情 趨 緩 北市 7 日 再度 鬆綁 各項 規範 包括 開放 學校 及 學生 辦理 社團活動 恢復 各項 球類運動 團體 競賽 及 跨 班 體育 活動 吹奏 類 樂器 課程 可 暫時 脫 口罩 練習 且 在 雙十連 假 前 再 放寬 動物園 天文館 及 兒童 新 樂園 管</t>
  </si>
  <si>
    <t>為 降低 檢 體 運送 風險 與 縮短 檢驗 時效 台東 縣長 饒 慶鈴 22 日 特別 前往 馬偕 紀念 醫院 台東 分院 拜訪 院長 王功亮 希望 能 一同 合作 攜手 建立 台東 第一 座 符合衛生 福利 部 核 可 的 傳染病 認可 檢驗 機構 讓 原台 東縣 內 檢驗 機構 僅 有的 7 項 傳染病 檢驗 擴充 至 117 項 也 可 即時 得到 檢驗 結果 台 東縣 衛生局 表示 目前 台 東縣 檢驗 機構 僅 具有 7 種 疾病 檢驗 別 大部分 傳染病 確認 檢 體 均 需 送至 花蓮慈濟醫院 或 疾病 管制 署 指定 的 檢驗 機構 然而 南至 高雄 北至 花 蓮 車程 來回 需 約 6 小時 如 面對 此次 新冠肺炎 疫情 工作人員 必須 每天 上午 6 點 出發 才能 準時 將 檢 體 送至 花蓮慈濟醫院 檢驗 饒 慶鈴 表示 為 減輕 新冠肺炎 期間 防疫 人員 的 負荷 並 縮短 等待 檢驗 報告 的 時間 台東 縣府 日前 緊急 向 中央 爭取 檢驗 儀器 感謝 中央 調度 協助 2 台 儀器 可望 于本周 內 開箱 安裝 但 為了 在 地 長遠醫療 規 畫 台東 需要 符合衛生 福利 部 規範 的 傳染病 認可 檢驗 機構 以 提升 檢驗 量 能 爭取 時效 提供 醫師 及時 且 準確 的 參考 王 功 亮 也 答應 一同 肩負 台東 醫療 的 重任 並 帶領 饒 慶鈴 至 院內 檢驗 單位 說明 未來 將 如 何規 畫 空間 及 人力 培訓 台 東縣 受限於 人口數量 醫療機構 在 執行 公共 衛生 政策 時 無法 如 西部 醫院 可 自行 營運 饒 慶鈴 強調 將 努力 尋求 中央 協助 一起 推 展臺 東 傳染病 防治 工作</t>
  </si>
  <si>
    <t>基因線 上 az 新冠肺炎 全球 疫苗</t>
  </si>
  <si>
    <t>新冠肺炎 全球 立陶宛 疫苗 az 臺灣</t>
  </si>
  <si>
    <t>臺灣 第 一個 以 外貿 電 商為 主題 的 展會 2020 臺灣 跨境 電 商 博覽會 於 8 月 28 日 在 ieat 會議 中心 盛大 登場 主辦單位 臺北市 進出口 商業 同業公會 ieat 集結 21 家 國內 外電 商 平臺 及 服務業 者 共同 展出 首日 活動 現場 人潮 踴躍 顯示 在 這 波 疫情 影響 下 企業 或 民眾 數位 轉型 的 需求 大量 湧現 臺北市 進出口 公會 除了 號召 臺灣 電 商 產業鏈 路 平臺 業者 如 亞馬遜 全球 開 店 ebay 阿裡 巴 巴國 際 站 pchomesea 91 app 新 零售 omo 服務 商 shopline 有 閑 等 服務業 者 如 sgs ups bqool drs wiser 等 共同 參展 藉 此 帶動 企業 數位 轉型 更進一步 號召 31 家 全 鏈 路 的 服務 商 在 博覽會 中 宣佈 成立 臺灣 跨境 電 商 協作 聯盟 未來 將 透過 人才 培訓 政府 專案 中大型 企業 輔導 六都 電 商 產業 推廣 以及 專題 與 個案研究 等 作法 多 面向 服務 及 引導 臺灣 外貿 產業 投入 跨境 電 商 公會 監事會 召集人 黃教 漳 表示 跨境 電 商 博覽會 從 展覽 到 講座 兼具 廣度 及 深度 的 規劃 就是 希望 讓 所有 參加者 在 兩 天 展 期中 透過 一 站 式 接洽 專業 資源 與 交流 快速 做好 轉型 電 商 的 各項 準備 同時 公會 也 與 ups 簽定 合作 備忘錄 共同 推動 臺灣 電子 商務 發展 提升 企業 競爭力 臺北市 政府 產業 發展 局 林崇傑 局長 在 致詞 時 提到 電 商市場 商 機 無限 儘管 新冠肺炎 對 全球 實體 零售業 帶來 衝擊 內外貿 線 上 銷售 卻 逆勢 成長 充分 顯示 電 商 已是 企業 開拓 商機 的 重要 管道 而 本次 博覽會 更 看 到 臺灣 跨境 電 商 服務 生態圈 已經 在 臺北 生根 茁壯 不 只 是 臺北市 企業 的 福氣 更 是 廣大 臺灣 企業 的 機會 另外 經濟部 國際貿易 局 張淑逸 組長 亦 肯定 本次 博覽會 的 功能 有 服務 商 可以 幫 企業 對接 資源 有 專題 活動 可以 掌握 更 多 市場 技巧 在 新冠肺炎 疫情 下 引導 企業 轉型 博覽會 至為 重要</t>
  </si>
  <si>
    <t>外 送 平臺 疫情 受惠 交通 事故 也 頻 傳 今年 受到 新冠肺炎 疫情 影響 外 送 平臺 成為 少數 受惠 產業 但 屏 東縣 警 局 交通隊 也 發現 外 送 員 經常 有 搶快 超速 違規 闖 紅燈 及 看 導航 不 看 路況 等 情形 導致 事故 風險 提高 未來 將 針對 相關 交</t>
  </si>
  <si>
    <t>外 送 平臺 疫情 受惠 交通 事故 也 頻 傳 今年 受到 新冠肺炎 疫情 影響 外 送 平臺 成為 少數 受惠 產業 但 屏 東縣 警 局 交通隊 也 發現 外 送 員 經常 有 搶快 超速 違規 闖 紅燈 及 看 導航 不 看 路況 等 情形 導致 事故 風險 提高 未來 將 針對 相關 交通 違規 進行 取締 保障 用 路人 安全 近 14 學生 手 游成 癮 心理 師 成就 與 人際關係 未 被 滿足 國 衛 院 今天 發表 全球 首份 針對 手機遊戲 成 癮 的 評估 量 表 發現 國內 高中 以下 學生 中 約 有 138 的 學生 有 手 游成 癮 的 問題 當中 又 以 國 中生 所耗 時間 最 多 高中生 課 金 比例 最高 心理 師 提醒 手 游成 癮 可能 是 真實 世界 中的 成就 與 人際關係 未 被 滿足 若 發現 孩童 的 成績 社交 功能 睡眠 情緒 亮紅燈 應盡 速 就醫 求助 超過 2 成高中 職 生 每天 睡不到 6 小時 兒 盟 須 審視 教育 制度 學生 的 疲勞 和 睡 不 飽 並非 單一 或 少部 份 人 的 現象 而是 普遍性跨 年級 和 性別 的 現象 認為 政府 應 審視 整個 教育 制度 學校 課程 考試 及 功課 量 等 的 問題 家長 應多 鼓勵 孩子 發掘 和 發展 自己 的 專長 在 更 友善 的 環境 下 學習 和 成長 南 投 買 彩 券 中 156億 今 領獎 30 歲 新北 女 沒有 要 辭職 史 上 最高 312億 元 威力 彩 7 月 27 日 開出 頭獎 由 兩 名 幸運兒 均分 一 注 開在 南 投 縣 竹山鎮 一 注 開在 臺北市 大安區 臺灣 彩 券 今 透露 其 中南 投 縣 竹山鎮 大運 發 商行 開出 的 中獎人 已 完成 領獎 中獎人 確實 如 外傳 30 多 歲 的 年輕 女性 但 她 領獎 時 向台彩 澄清 沒有 要 辭職 中獎 後 也 沒有 告訴 任何人 獨自 低調 來 領獎</t>
  </si>
  <si>
    <t>學生 成 癮 領獎 外 送 平臺 新冠肺炎</t>
  </si>
  <si>
    <t>統 測 將 於 5 月 23 日 登場 暨 大 附中 因應 新冠肺炎 疫情 21 日 在 中庭 廣場 為 高三 考生 舉辦 大學 統 測 倒數 破 十 祈福 活動 走過 由 童 軍團 以 青蔥 編制 的 聰明智慧 門 希望 應試 時 耳聰目明 並 由 陳綢 阿嬤 為 考生 鼓勵 開 智慧</t>
  </si>
  <si>
    <t>統 測 將 於 5 月 23 日 登場 暨 大 附中 因應 新冠肺炎 疫情 21 日 在 中庭 廣場 為 高三 考生 舉辦 大學 統 測 倒數 破 十 祈福 活動 走過 由 童 軍團 以 青蔥 編制 的 聰明智慧 門 希望 應試 時 耳聰目明 並 由 陳綢 阿嬤 為 考生 鼓勵 開 智慧 統 測 倒數 計時 暨 大 附中 開闊 的 中庭 廣場 舉辦 莊嚴 肅穆 的 祈願 儀式 並 準備 包子 狀元 糕 粽子 青椒 象徵 包 高中 還有 芹菜 蔥 蒜 糖果 象徵 勤勞 聰明 會 算 有 成果 高齡 90 歲 的 陳綢 阿嬤 偕同 暨 大中 校長 張正彥 帶領 師生 代表 向 至聖先師 孔子 致敬 期望 同學 考試 致 勝 穩定 心情 考生 也 在 祈福 卡 上 寫 下 自己 的 心願 並 用力 敲擊 智慧 鑼 再 把 卡片 掛 于 心願 版 上 祈求 願望 實現 張 正 彥 表示 感謝 陳綢 阿嬤 在 大考 前夕 特別 為 考生 同學 加油打氣 還有 學務 處 及 高三 導師 們 因應 防疫 需 需求 特別 打造 聰明智慧 門 智慧 鑼 及 心願 版 希望 同學 應試 時 能夠充分發揮 所學 在 最佳 狀態 迎接挑戰</t>
  </si>
  <si>
    <t>新冠肺炎 統 測 陳綢 阿嬤</t>
  </si>
  <si>
    <t>新冠肺炎 公有 民有 攤 商 口罩</t>
  </si>
  <si>
    <t>一 名 南 澳州 south australia 披薩 連鎖店 員工 除了 送 披薩 給 顧客 外 還 暗自 加料 免費 附 贈 了 熱騰騰 的 新冠肺炎 病毒 迫使 170萬 居民 不 得 不 接受 封城 措施 據 cnn 新聞網 與 紐約 郵報 new york post 20 日 報導 南澳 官員</t>
  </si>
  <si>
    <t>一 名 南 澳州 south australia 披薩 連鎖店 員工 除了 送 披薩 給 顧客 外 還 暗自 加料 免費 附 贈 了 熱騰騰 的 新冠肺炎 病毒 迫使 170萬 居民 不 得 不 接受 封城 措施 據 cnn 新聞網 與 紐約 郵報 new york post 20 日 報導 南澳 官員 證實 由於 當地 出現 數 十 宗新 病例 而 這 創 了 4 月 以來 不曾 見 的 高峰 因此 他們 只好 宣佈 從 週三 起 開始 封城 6 天 澳洲 阿得 雷德 調查 人員 經過 追蹤 發現 伍德維披薩 吧 woodville pizza bar 是 傳染 熱點 得知 曾有新冠肺炎 病 患 去 過 餐廳 拿取 外帶 披薩 然而 當地 警方 在 進一步 調查 後 週五 終於 坦承 這 名 超級 傳播 者 其實 是 店 內 員工 南澳 州長 馬歇爾 steven marshall 指責 這 是 店 內 員工 的 草率 所 致 他 在 記者會 中 說 伍德維披薩 吧 蓄意 誤導 調查 人員 現在 我們 知道 他們 說 了 謊 說 我 為 這個 人 的 行為 火大 那 絕對是 輕描淡寫 他 說 這人 的 自私 行為 置 整個 州 於 非常 棘手 的 情況 下 他 的 行為 影響 了 企業 個人 和 家庭 完 完全 全 是 無法 接受 的 不過 由於 已 找 出 源頭 南澳 決定 提前 在 週六 結束 封城 措施 至於 當局 則 為 他們 封城 的 明快 決定 辯護 馬歇爾 說 他們 採取 的 措施 迅速 而 強硬 他 強調 時間 很 重要 當局 必須 果決而 迅速 地 採取行動 雖然 那名 說謊 的 員工 不 會 被 罰款 或 受罰 但 卻 必須 配合 調查 以 瞭解 他 曾 接觸 的 對象</t>
  </si>
  <si>
    <t>新冠肺炎 澳洲 披薩 連鎖店 封城</t>
  </si>
  <si>
    <t>新冠肺炎 臺灣 台大 員工 確診</t>
  </si>
  <si>
    <t>新冠肺炎 臺灣 臺北市 柯文哲 停課 措施</t>
  </si>
  <si>
    <t>川普 新冠肺炎 死亡率 美 大選 看 選戰</t>
  </si>
  <si>
    <t>臺灣 東洋 藥品 工業 股份有限公司 臺灣 東洋 的 國際 合作 藥廠 西班牙 製藥 商 pharmamar 公司 19 日 召開 記者會 表示 旗 下 用 來 對抗 腫瘤 的 新 成分 藥品 plitidepsin 經 第 12 期 臨床 試驗 發現 可 阻斷 新 冠 病毒 細胞 繁殖 近期 已 在 規劃 進入 第 3 期 臨床 試驗 若 試驗 成功 有望 成為 新冠肺炎 治療 新 曙光 臺灣 東洋 指出 pharmamar 公司 是 在 歐洲 西班牙 的 上市 公司 在 今年 4 月 宣佈 獲 西班牙 衛生 單位 批准 進行 藥物 臨床 試驗 後 資本 市場 也 對 其 寄予厚望 日前 pharmamar 公司 公佈 第 12 期 人體 臨床 試驗 結果 plitidepsin 達到 安全性 的 主要 試驗 目標 和 療效 次要 試驗 目標 以及 顯著 減少 住院 患者 的 病毒 量 和 c 反應 蛋白 crp 此 試驗 收錄 需 住院 至少 7 天 的 病 患 發現 患者 在 投藥 後 的 第 4 到 7 天 之間 病毒 量 顯著 減少 7 天 所 減少 的 病毒 量約 有 50 而 第 15 天 則 平均 減少 70 807 的 患者 在 住院 第 15 天 前 出院 382 的 患者 在 住院 第 8 天 前 出 院 到 了 第 30 天 沒有 一個 病人 出現 新冠肺炎 症狀 或 感染 跡象 根據 第 1 批 患者 的 研究 結果 西班牙 藥品 和 保健產品 管理局 aemps 更 開 了 綠燈 同意 擴大 試驗 人數 目前 pharmamar 公司 也 持續 與 該國 衛生 單位 溝通 以 規劃 後續 的 第 3 期 臨床 試驗 臺灣 東洋 表示 東洋 在 2015 年 與 pharmamar 簽訂 臺灣 獨家 代理權 對於 plitidepsin 可能 成為 治療 新冠肺炎 的 潛 在 藥物 會 持續 關注 並 與 pharmamar 密切 溝通 若 藥品 獲得 安全性 與 有效性 的 驗證 臺灣 東洋 將 盡 速 向 臺灣 食 藥 署 提出 新藥 申請 引進 臺灣 以 保護 國人 健康</t>
  </si>
  <si>
    <t>新冠肺炎 擾亂 上市 櫃 規劃 金管會 將 祭 特赦令 金管會 主委 黃天牧 15 日 表示 各 主要 市場 ipo 掛牌 家數 近年 都 減少 下半年 金管會 除 要求 證交所 及 櫃 買 中心 盡可能 達成 年度 kpi 外 亦 會 創設 新創 板 等 證 期 局局長 張振山 則 表示</t>
  </si>
  <si>
    <t>新冠肺炎 擾亂 上市 櫃 規劃 金管會 將 祭 特赦令 金管會 主委 黃天牧 15 日 表示 各 主要 市場 ipo 掛牌 家數 近年 都 減少 下半年 金管會 除 要求 證交所 及 櫃 買 中心 盡可能 達成 年度 kpi 外 亦 會 創設 新創 板 等 證 期 局局長 張振山 則 表示 會 放寬 上市 櫃 審查 標準 祭出 暫行 措施 讓 受 疫情 影響 的 公司 能 如期 掛牌 張振山 表示 已 與 會計師 承銷 券商 等 開過 會 大家 反映 如 科技 生 技 文創 新創 等 公司 原本 已 籌備 三 年 今年 要 掛牌 但 因為 疫情 造成 34 月 業績 或 獲利 衰退 若以 最近 一期 財 報 即 上半年 的 半 年報 來 申請 掛牌 恐 無法 通過 掛牌 門檻 因此 可能 會 放寬 為 季報 例如 7 9 月 的 季報 亦可 來 申請 掛牌 才能 看出 成長性 未來性 金管會 今年 訂給 交易所 及 櫃 買 中心 的 掛牌 目標 也 就 是 年度 績效 指標 kpi 是 上市 上櫃 各 新增 25 家 但 二者 合作 要 額外 增 兩 家 即 一共 52 家 新 掛牌 公司 但 因為 一 場 疫情 打亂 腳步 目前 僅 九 家 公司 完成 掛牌 另 有 五 家 已 完成 上市 櫃 審查 但 與 全年 52 家 的 目標 仍 有 一段距離 金管會 已 要求 證交所 與 櫃 買 中心 去 檢 視 上市 櫃 條件 看 哪些 公司 可以 從寬 認定 者 今年 會 公佈 暫行 特赦 條款 即 將 新冠肺炎 的 影響 降到 最低 例如 科技 生 技 文創 等 產業 雖不 需 獲利 門檻 但 還是 要 交 三 本 財 報 有些 可能 有 最近 一期 財 報 的 淨值 不 低於 股本 三 分之 二等 要求 若 因 肺炎 疫情 受 影響 也 可 改 用 第 三 季 季報 等 作為 過度 措施 另外 對於 外界 質疑 金管會 是否 過早 收回 平盤 下 不得 放空 縮減 借 券 賣出 量 放寬 擔保 品 等 三 項 穩定 股市 措施 黃天牧 表示 這三項 措施 原本 就 只能 用 到 6 月 19 日 只是 提早 一個 多星期 收回 且 各國 有 祭出 股市 限制 措施 的 如 大陸 歐洲 都已 在 5 月 左右 陸續 收回 臺灣 已 算是 相對 較 晚且 是 看 中央 疫情 指揮中心 在 6 月 7 日 鬆綁 限制 等 疫情 控制 穩定 才 宣佈 黃天牧 並 提出 股市 遛 狗 理論 即 德國 證券 之 父 托斯卡蘭尼 提出 的 主人 就 是 總 經 及 基本 面 股市 即 遛 的 狗 有時 會 在 主人 前面 有時 會 落後 但 因為 有 繩子 終歸 會 回到 基本 面</t>
  </si>
  <si>
    <t>新冠肺炎 境外移入 台南 確診 公告</t>
  </si>
  <si>
    <t>工作 機會 不 缺 壽險 業務 大軍 今年 仍 是 需要 大量 新 血 前 九 大 壽險 公司 今年 開出 的 增 員 目標 就 達 2萬9400 人 左右 估計 全 壽險業 增 員 人數 約 逾 3萬 人 但 業務員 留存 率 低 前 九 大 公司 估算 到 年底 業務員 淨增 加數 不 到 12萬 人 即 留存 率 不 到 四 成 新冠肺炎 疫情 可能 進一步 衝擊 今年 經濟 各 壽險 公司 雖然 都 回應 相關 增 員 目標 並 不 會 因 今年 經濟 新冠肺炎 或 元月 業績 衰退 受到 影響 但 前 九 大 公司 開出 的 增 員 目標 比 去年 少 了 4200 人 左右 減幅 約 125 有 五 家 公司 目標 訂 得 比 去年 略低 但 如 中國 人壽 則 表示 疫情 讓 國人 投保 意識 提高 打算 逆勢 加大 資源 投入 增加 新人 的 獎勵 金 等 壽險 業務員 流動率 高 且 新人 必須 撐過 半 年 才能 知道 是否 適合 此 一行 業 2019 年 國泰人壽 富 邦 人壽 南山人壽 新光人壽 中國 人壽 臺灣 人壽 三 商 美 邦 人壽全球 人壽 及 遠雄 人壽 九 大 壽險 公司 共 開出 3萬3600 人 的 增 員 目標 最後 九 家 公司 登錄 業務員 人數 只 增加 4127 人 僅 是 增 員 目標 的 123 今年 九 大 公司 共 開出 2萬9400 位 增 員 目標 其 中國 壽 要 增 員 5千 位 業務員 且 估計 年底 淨增 加數 會 有 6千 位 與 去年 目標 及 增加數 相同 國壽 表示 主要 是 內勤人員 及 國泰 產險 業務員 也 會 登錄 在 國壽 但 整體 來看 國壽 去年 及 預估 今年 業務員 留存 率 是 各 大 公司 中 最高 富 邦 人壽 也 維持 與 去年 相同 的 6千 人 增 員 目標 但 預估 年底 淨增 加數 是 1500 人 即 留存 率 可能 不 到 三 成 還有 舊有 人員 的 脫 退 富 邦 人壽 強調 今年 仍 是 會 校園 人才 培育 及 儲備 幹部 等 增加 年輕人 力 並 結合 集團 資源 發展 具富 邦 金 特色 的 客戶 開發 流程 以 增加 新人 產能 及 定著 率 中 壽 表示 這 波 疫情 讓 國人 的 投保 意識 提高將 會 投入 更 多 資源 提供 新人 財務 補助 及 更 多 獎勵 方案 增加 新人 的 定著 率 同時 也 會 發展 數位化 行銷 等 幫助 新人 品質 俱 進 另外 如 南山 三 商 美 邦 台壽 遠雄 等 今年 增 員 目標 相對 去年 審慎 且 表示 變數 太 多 加上 舊有 業務員 脫 退 等 有些 公司 表示 很 難 預估 年底 的 淨增 加數</t>
  </si>
  <si>
    <t>疫苗 林右昌 施打 國民 健康 新冠肺炎</t>
  </si>
  <si>
    <t>湖北 新冠肺炎 新增 病例 創 2 月 來 新低 連 2 天 下降</t>
  </si>
  <si>
    <t>大陸 湖北省 衛生 健康 委員會 今 公佈 昨天 11 日 新增 1638 例 新冠肺炎 俗稱 武漢肺炎 確診 病例 創 2 月 以來 單日 新增 最少 紀錄 且 是 連兩天 下降 亦 是 自 2 月 2 日 以來 單日 新增 病例 首度 跌破 2千 似 透露 出 湖北 疫情 已 出現 趨 緩</t>
  </si>
  <si>
    <t>新冠肺炎 臺灣 炮車 消毒 150</t>
  </si>
  <si>
    <t>新冠肺炎 臺灣 匡列 7 人 陰性</t>
  </si>
  <si>
    <t>新冠肺炎 疫情 延 燒 之際 第一線 醫護人員 飽受 病毒 威脅 為此 恒 春 旅遊 醫院 麻醉 科 主任 邱 豑 慶 自掏腰包 研發 拋棄式 防疫 箱 更 獲得 屏 東 縣長 潘孟安 助 拳 協助 模組化 名為 臺灣 box 的 抗 疫 防護 箱 預計 下 周便 能 正式 量</t>
  </si>
  <si>
    <t>新冠肺炎 疫情 延 燒 之際 第一線 醫護人員 飽受 病毒 威脅 為此 恒 春 旅遊 醫院 麻醉 科 主任 邱 豑 慶 自掏腰包 研發 拋棄式 防疫 箱 更 獲得 屏 東 縣長 潘孟安 助 拳 協助 模組化 名為 臺灣 box 的 抗 疫 防護 箱 預計 下 周便 能 正式 量 產 邱 豑 慶 指出 為 保護 醫護人員 免于 飛 沫 噴濺 風險 2 月初 便 與 花蓮 門諾 醫院 醫師 賴賢勇 台 中醫師 黃致遠 等 人 測試 完成 防疫 箱 後 更 公開 設計圖 供 各國 醫護 無償 下載 未 料 意外 在 網上 發現 被 有些 商人 拿 去 營利 一 套 售價 動輒 34000 元 讓 他 決定 嘗試 將 價格 壓低 不僅 能 幫助 更 多 人 且 讓 大家 知道 這 是 mit 有 了 想法 後 開始 尋找 傳 產 廠商 也 試圖 寫信給 多 位 政治 人物 闡明 理念 尋求 協助 隨即 便 接到 潘孟安 親自 來電 起初 還 以為 是 推銷 貸款 電話 而 掛 斷 幸好 第二 通 接通 促成 這 椿 美事 防疫 要 和 時間 賽跑 潘孟安 表示 暖 醫 自掏腰包 開發防疫 箱 要 免費 送給 醫療 體系 非常 令人感動 於是 縣府 團隊 分工 尋找 合適 廠商 終於 找到 工廠 願意 協助 打樣 開 模 這 段 過程 讓 人 看 到 臺灣 的 生命力 及 競爭力 這 只 防疫 箱 生產成本 可望 降 至 千 元 以內 預計 下 周就 能量 產 一 日 能夠 生產 1200 套 產能 最高 可以 達 1萬 套 邱 豑 慶 感動 地 說 已 有 外國 網友 留 言說 以前 分不清 tailand 與 taiwan 差別 現在 他們 都 知道 taiwan 了</t>
  </si>
  <si>
    <t>日本 經濟 新聞 5 日 報導 日本政府 宣佈 由於 新冠肺炎 covid-19 疫情 緩和 8 日 起 將 放寬 入境 政策 允許 留學生 入境 且 已 完成 疫苗 接種 的 短期 商務 旅客 在 配合 管理 下 隔離 期 可 縮短 為 3 天 根據 報導 目前 已 取得 日本</t>
  </si>
  <si>
    <t>日本 經濟 新聞 5 日 報導 日本政府 宣佈 由於 新冠肺炎 covid-19 疫情 緩和 8 日 起 將 放寬 入境 政策 允許 留學生 入境 且 已 完成 疫苗 接種 的 短期 商務 旅客 在 配合 管理 下 隔離 期 可 縮短 為 3 天 根據 報導 目前 已 取得 日本 在 留 資格 卻 無法 入境 的 外國人 約 有 37萬 人 其中 包括 15萬 名 留學生 和 11萬 名 技能 實習生 在 新 入境 政策 實行 後 上述 人員 將 獲准 分批 進入 日本 但 接收 這些 人 的 日本 企業 或 大學 須 負責 相關 防疫 措施 並 向 主管機關 提出 企 劃 書 日本 經濟 新聞 指出 日本政府 1 月 起 原則 上 禁止 外國人 入境 讓 依靠 外國 實習生 承擔 勞力 的 部分 農林 漁 產業 者 十分 苦惱 各 學校 也 不斷 呼籲 開放 留學生 入境 另外 目前 即使 是 已 完成 疫苗 接種 者 入境 日本 也 須 自主 隔離 10 天 但 新 入境 政策 實行 後 短期 商務 旅客 在 配合 相關 企業 的 管理 下 隔離 期 可 縮短 為 3 天有望 促進 日本 國際 商務活動 復蘇 日本 第一 生命 經濟 研究所 首席 經濟學家 永濱利 廣 估計 在 這 波 入境 政策 放寬 下 日本 gdp 將 獲得 每年 8300億 日圓 約 新 台幣 20336億 元 的 增長 因為 入境者 增加 將 帶來 消費 上揚 等 經濟 效果 日本放送協會 nhk 先前 報導 日本政府 也 有意 進一步 放寬 每日 入境 人數 上限 將 自 目前 的 每天 最 多 3500 人 增加 至 5000 人 預計 11 月 下旬 起 開放 不過 日本政府 尚未 對 外國 觀光客 解禁 將 視 新冠肺炎 疫情 狀況 分 階段 考慮 放寬 入境 限制 的 對象</t>
  </si>
  <si>
    <t>新冠肺炎 全球 日本 入境 商務 旅客</t>
  </si>
  <si>
    <t>桃園 確診 新冠肺炎 臺灣 烘焙 坊</t>
  </si>
  <si>
    <t>新冠肺炎 疫情 延 燒 不斷 全台 開放 高齡 長輩 接種 疫苗 不少 民眾 擔心 有 慢性 病症 是否 須先 停藥 對此 敏盛 醫院院長 劉宜廉 呼籲 勿 停藥 若 停藥 反而 會 影響 原有 疾病 的 抗體 及 發展 也 有 醫師 提醒 慢性病 的 長者 可 攜帶 藥 袋 至 接種</t>
  </si>
  <si>
    <t>新冠肺炎 疫情 延 燒 不斷 全台 開放 高齡 長輩 接種 疫苗 不少 民眾 擔心 有 慢性 病症 是否 須先 停藥 對此 敏盛 醫院院長 劉宜廉 呼籲 勿 停藥 若 停藥 反而 會 影響 原有 疾病 的 抗體 及 發展 也 有 醫師 提醒 慢性病 的 長者 可 攜帶 藥 袋 至 接種 站 請 現場 醫護人員 評估 劉宜廉 表示 敏盛 團隊 主力 協助 蘆竹區 接種 站 服務 許多 高齡 長輩 也 會 詢問 是否 該 停藥 劉宜廉 直言 無需 停藥 自主 停藥 反而 會 影響 自己 身體 的 反應 且 過往 在 施打 流感疫苗 時 也 不 會 要求 慢性病 患 停藥 若 有 質疑 的 民眾 建議 直接 詢問 醫師 的 建議 切 勿 自行決定 停藥 臺北 榮民總 醫院 桃園 分院 腎臟科 主任 常逸平 近期 協助 高齡 長者 接種 疫苗 服務 他 提到 開放 長者 施打 疫苗 後 有 不少 長者 在 打 疫苗 前 把 平日 慢性病 用藥 停藥 強調 這 是 不對 的 觀念 因為 目前 對 疫苗 所 得到 的 資訊 並 沒有 特別 要 把 藥品 停藥 且 如果 醫師 沒有 提醒 限制 喝 水量 接種 疫苗 前 可以 喝 下 300 至 500 cc 水量 可以 避免 若 出現 發燒時 減少 不適感 同時 可以 把 平日 用藥 連同 藥 袋 等 帶到 接種 站 讓 現場 醫護人員 評估 桃園 醫院 感染 控制室 主任 林宜君 也 說 若 有 骨質 疏鬆 病症 的 患者 且 有 施 打 骨質疏鬆症 藥物 在 注射 疫苗 前 需要 間隔 一段時間 可以 在 接種 前 向 醫師 詢問 若 平日 有 服用 其他 藥品 也 把 藥 袋 藥單 一起 提供 給 醫師 參考</t>
  </si>
  <si>
    <t>新冠肺炎 臺灣 停藥 接種 疫苗 醫師</t>
  </si>
  <si>
    <t>新冠肺炎 疫情 未 見 降溫 使 國人 出遊 意願 銳減 為了 在 以 旅客 健康 安全 為 首要 考量 的 前提 下 提升 國內 住房 率 易遊網 集結 逾 百 間 國內 飯店 推出 安心 訂 房 企 畫 攜手 飯店業 者 做好 防疫 措施 與 衛生 清潔 管理 共同 承諾 3 大 保證</t>
  </si>
  <si>
    <t>新冠肺炎 疫情 未 見 降溫 使 國人 出遊 意願 銳減 為了 在 以 旅客 健康 安全 為 首要 考量 的 前提 下 提升 國內 住房 率 易遊網 集結 逾 百 間 國內 飯店 推出 安心 訂 房 企 畫 攜手 飯店業 者 做好 防疫 措施 與 衛生 清潔 管理 共同 承諾 3 大 保證 讓 旅客 出遊 多 一 層 保障 易遊網 指出 安心 訂 房 企 畫 3 大 保證 包括 飯店 公共 空間 與 客房 每日 定期 消毒 飯店 公共 空間 或 客房 內 提供 酒精 或 幹 洗手 等 消毒 用品 以及 指定 專案 於 3 月底 前 入住 可 享 入住 前 1 天 免費 取消 除了 上述 基本 保證 外 許多 飯店 亦 提供 更 嚴謹 的 防疫 應對 而 易遊網 獨家 承包 的 2 輛 環島 之 星 hello kitty 繽紛 列車 在 疫情 期間 每 日均 針對 座椅 行李架 頭 墊 巾 縫隙 空間 等 進行 全面 性 消毒 且 每週 另外 安排 一 次 專業 消毒 以 加強 防疫 效果 車內 也 備有 口罩 酒精 體溫計 供 有 需要 的 旅客 使用 游程 接 駁 方面 易遊網 則 要求 司機 須 配戴 口罩 並 在 旅客 上車時 協助 在 旅客 雙手 噴灑 酒精 做好 清潔 管理 把關 為 避免 交叉 感染 可能 團體 用餐 時會 請 導遊 向 旅客 宣導 使用 公筷母匙 以 共同 維護 彼此 健康 為 首要 原則 為 加強 民眾 國旅 信心 易遊網 除了 把關 交通 工具 的 清潔 安全外 游程 部分 也 以 安排 戶外 景點 為主 並 選用 防疫 措施 良好 的 飯店 下 褟 降低 民眾 出遊 擔憂 其中 自 20 日 起 出發 的 指定 商品 可 享 住房 免費 升 等 最高 直 升 頂級 套房 等 優惠 內容 易遊網 預期 雖然 民眾 在 疫情 期間 的 出遊 意願 暫緩 但 在 疫情 趨 緩 平息 後 旅遊 需求 將 在 短 時間 內 迅速 回溫 同時 也 提供 旅遊 防疫 懶 人 包 整理 出遊 防疫 措施 各國 入境 規則 旅遊 退 改 辦法 等 資訊 供 民眾 參考</t>
  </si>
  <si>
    <t>新冠肺炎 疫情 易遊網 出遊 訂 房</t>
  </si>
  <si>
    <t>檔 不住 新冠肺炎 觀光 協會 爆 12 家 飯店 將 熄燈</t>
  </si>
  <si>
    <t>新冠肺炎 疫情 擴散 觀光業 受害 尤其 慘烈 臺灣 許多 知名 店家 也 陸續 傳出 熄燈 消息 如今 臺灣 觀光 產業 協會 爆 3 月底 到 4 月初 將 會 有 13 家 飯店 旅館 停業 初 估 損失 將 達 3000億 元 以上 根據 三 立 報導 觀光 協會 指出 包括</t>
  </si>
  <si>
    <t>新冠肺炎 疫情 擴散 觀光業 受害 尤其 慘烈 臺灣 許多 知名 店家 也 陸續 傳出 熄燈 消息 如今 臺灣 觀光 產業 協會 爆 3 月底 到 4 月初 將 會 有 13 家 飯店 旅館 停業 初 估 損失 將 達 3000億 元 以上 根據 三 立 報導 觀光 協會 指出 包括 臺北 萬事達 淡水 亞太 臺北 首都 等 飯店 旅館 陸續 將 從 3 月底 熄燈 且 恢復 營業時間 遙遙無期 觀光 協會會長 田一修 表示 這 波 停業 潮 恐 造成 3000億 元 以上 的 損失 政府 所 準備 的 500億 紓困 基金 可能 無法 負荷 田一 修補 充 若 政府 沒 加緊腳步 飯店 倒閉 潮 恐 10 天 就 面臨 一 波 現在 只是 在 比 誰 撐得 比較 久 而已</t>
  </si>
  <si>
    <t>熄燈 新冠肺炎 觀光 協會 飯店 旅館</t>
  </si>
  <si>
    <t>女星 隔離 在家 願 獻身 大戰 一 夜 求新冠肺炎 解 藥</t>
  </si>
  <si>
    <t>新冠肺炎 確診 者 蘿 拉 泰勒 解 藥</t>
  </si>
  <si>
    <t>新冠肺炎 臺灣 旅行 業 營運 補貼</t>
  </si>
  <si>
    <t>李蒨蓉 先前 自 曝 因 疫情 期間 常處 在家 跟 結婚 17 年 老公 李德 立起 爭執 一度 考慮 離婚 幸好 兩 人 後來 決定 談開 化解 婚姻 危機 今 23 日 她 發文 自 曝 其實 先前 有 過 3 次 被 問 要 不 要 施打 疫苗 的 機會 但 她 聞 特權 兩 字 敏感 便 婉拒 我 不是 要 架 高 自己 有 多 清高 反正 一切 按照 規矩 來 李 蒨 蓉 今 分享 老公 接種 了 疫苗 從 昨天 昏睡 到 今天 她 看 美國 球賽 觀眾 很 少 有人 戴 口罩 難免 感到 羡慕 而 臺灣 現在 人人 依據 年紀 排隊 打 疫苗 朋友 之間 開玩笑 說 若 放眼 過去 誰 先 打 了 疫苗 可能 就 代表 過去 年紀 都 是 說謊 病毒 當前 安全 優先 面子 放 一邊 我 不怕 認老 我 也 想 趕快 打到 疫苗 在 此 補充 發文 之際 本人 尚未 接 獲 通知 代表 蒨 蓉 姊 還是 枚 嫩 妞 哈 先前 爆出 特權 疫苗 爭議 李蒨蓉 坦言 疫情 最 嚴重 時有 3 位 好友 出於 關心 曾 提供 她 打 疫苗 的 機會 而 李蒨蓉 的 弟弟 也問 她 要 不 要 飛到 美國 打 疫苗 但 她 見 機票價 離譜 回國 隔離政策 麻煩 不僅 拒絕 了 朋友 也 婉拒 弟弟 但 交代 弟弟 客房 先 留 著 等 疫情 緩解 後 總有一天 她 會 飛過去 李 蒨 蓉 坦言 特權 這 兩 個 字 對 我 而言 格外 敏感 我 曾經 是 受益者 也 是 受害者 她 說出 這 件 事 並 不是 要 挑 明 清高 而是 強調 還是 都照 規矩 來 她 明白 自己 重提 此事 可能 又 會 被 酸 經紀 公司 應該 也 冒 冷汗 最後 正 能量 說 小 兒子 鼓勵 我 有 酸 民 是 好事 表示 有 人氣 網友 也 鼓勵 她 說 雖然 我 不是 基督徒 但 看到 你 的 文章 後 獲得 滿滿 正 能量 很 喜歡 現在 的 你 你 很棒 不 知道 從 什麼 時候 開始 喜歡 看 你 的 文章 除了 感動 還有 真實 拒絕 特權 真 的 需要 很 大 的 勇氣 跟 自製力 因為 人們 的 心 都 是 軟弱 的 但是 如何 剛強 又 堅固 需要 上帝 給 我們 力量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李蒨蓉 特權 打 疫苗 疫情 新冠肺炎</t>
  </si>
  <si>
    <t>新冠肺炎 武漢肺炎 covid-19 新 冠 病毒 武漢</t>
  </si>
  <si>
    <t>眾 達 -ky 4977 1 月 合併 營 收 204億 元 月 減少 1845 年成 長 137 針對 新冠肺炎 眾 達 -ky 認為 仍 需 視 近期 陸續 復工 狀態 但 客戶 需求 不 變 預期 第一 季因 疫情 造成 影響 可望 自 第二 季起 產生 遞 延 效益 眾 達 -ky 的 1 月 合併 營</t>
  </si>
  <si>
    <t>眾 達 -ky 4977 1 月 合併 營 收 204億 元 月 減少 1845 年成 長 137 針對 新冠肺炎 眾 達 -ky 認為 仍 需 視 近期 陸續 復工 狀態 但 客戶 需求 不 變 預期 第一 季因 疫情 造成 影響 可望 自 第二 季起 產生 遞 延 效益 眾 達 -ky 的 1 月 合併 營 收 204億 元 與 2019 年 12 月相 較 減少 1845 主要 由於 工作 天數 減少 較 去年同期 成 長 137 眾 達 -ky 表示 客戶 需求 不 變 目前 新冠肺炎 對 公司 影響 仍 需 視 近期 陸續 返工 狀態 後 的 實際 生產 情況 才能 更 明確 眾 達 -ky 表示 預計 第一 季會 受 新冠肺炎 疫情 影響 程度較 大 惟 主要 零 組件 是 自 海外 進口 不 會 產生 供應 鏈 缺口 影響 程度 主要 視 員工 陸續 復工 後 實際 生產 情況 從 客戶 訂單 需求量 來看 今年 營運 表現 逐 季 成長 應 可期 除 32 g 光 收發 模 組 產品 穩定 放 量 出 貨 外 還 來自 於 100 g 單通道400 g 光 收發 模 組 產品 可望 逐 季 成長 眾 達 -ky 進一步 表示 全球 巨 量 資料 中心 大規模 建置 的 剛性 需求 以及 5 g 通訊 基礎 建設 帶動 的 新 一 波 成長 動能 預期 第一 季因 武漢肺炎 疫情 造成 影響 可望 自 第二 季起 產生 遞 延 效益 公司 現 亦 加速 馬來西亞 廠 新廠 生產線 建置 與 人員 訓練 以期 降低 影響 亦 符合 公司 產能 調配 與 供應 鏈 管理 上 更 有 彈性 展望 全年 眾 達 -ky 仍 抱 持 樂觀 審慎 看法 頻寬 需求 快速 成長 趨勢 不 變 剛性 需求 勢必 帶動 超高速 光 收發 模 組 的 市場 滲透 率 加速 由於 超高速 光 收發 模 組 品 對於 元件 與 模 組 製造 的 要求 更加 嚴苛 將 形成 更 高 的 進入 門檻 公司 長期 與 北美 主要 元件 開發商 共同開發 合作 相較 同業 存 在 技術 領先 優勢 再 加上 北美 客戶 具 寡 占 市場 的 有利 局面 可望 成為 主要 受惠 者 之一</t>
  </si>
  <si>
    <t>由 20 醫 團 10 餘 環 團 ngos 牽 手 發起 的 88 節 台中 抗 暖 化 反 空 汙 顧健康 遊行 今天下午 登場 彰 化 市長 林世賢 上午 出席 遊 行前 記者會 公開 宣佈 彰化市 氣候 緊急 搶 得 頭標 成為 宣佈 氣候 緊急 的 全國 第一 例 林世賢 強調 彰化市 會 成為 第 一個 宣佈 氣候 緊急 的 城市 因 彰 化 在 肺 腺 癌 罹 患 率 是 全國 第一 扮裝 節能 減 碳 樹人 的 林世賢 指出 彰化市 會 成為 第 一個 宣佈 氣候 緊急 的 城市 因 彰 化 在 肺 腺 癌 罹 患 率 是 全國 第一 因為 冬天 是 台中 火力發電 廠 往 南 吹 夏天 雲林 六輕 往北吹 所以 彰 化 受 空 汙 危害 非常 的 嚴重 全球 氣候 上 升 15 度 那 就 是 多樣性 的 生物 將 面臨 滅絕 人類 面臨 浩劫 林 世賢 表示 幾 次 的 災難 包括 最近 新冠肺炎 等 其實 都 是 整個 氣候變遷 造成 的 結果 人類 要 一起 共同 思考 無論 要求 新 的 政府 要 有 新 的 能源 政策 新 的 綠 能 政策 外 所有 的 國民 要 從 自己 的 生活 勵行 減 碳 生活 這 是 非常 重要 這 是 要 共同 面對 的 災難 一起 要 共同 來 解決 的 林 世賢 說 政府 無論 能源 政策 建築 法規 等 都 應該 要 有 積極 作為 讓 臺灣 能夠 向 國際 看齊 讓 臺灣 不但 是 新冠肺炎 防治 成為 國際 模範 希望 整個 臺灣政府 面臨 氣候變遷 能源 政策 或是 建築 法規 等 新 的 公共政策 要 向 國際 看齊 要 成為 國際 的 模範 林 世賢 指出 彰化市 公所 積極 回應 醫 團 環 團 關注 氣候 空 汙 危機 的 急迫 呼籲 即日起 宣佈 氣候 緊急 正視 彰 化 市民 面對 的 氣候 空 汙 危機 新 常態 將 氣候 緊急 議題 列為 施政 優先 考量 彰 化 是 可再生 能源 豐厚 的 風光 大城 彰化市 公所 將 努力 達成 2050 年 100 使用 再生能源 邁向 零 碳 排 的 全球 氣候 安全 目標 彰 化 公所 將 立刻 行動 進行 能源 交通 產業 建築 和 農業 等 部門 的 系統性 轉型 全面 急速 深度 減 碳 市公所 認同 國際 能源 總署 所 提 能源 效率 才 是 取之不盡 第一 燃料 的 翻轉 思考 將 在 半 年內 成立 提高 能源 效率 及 促進 深度 減 碳 委員會 帶動 市民 參與 的 城市 節能 方案 林 世賢 說 抗 氣候變遷 將 可 促進 綠色 產業 gdp 同步 帶動 綠色 經濟 彰化市 公所 將 依循 健康 經濟 健康 復蘇 的 後 新 冠 疫情 年代 新思維 盡 速 提出 綠色 低 碳 經濟 的 具體 產業 轉型 方案 及 相應 就業人口 數 林 世賢 強調 為 爸爸 健康 而 走 的 今日 88 台中 遊行 如同 為 社會 敲響 了 地球 發燒 氣候 緊急 的 警鐘 他 及 公所 同意 氣候 緊急 已是 現在 進行式 人類 沒有 時間 再 浪費 了 身為 民意 所 讬 的 地方 治理者 應 立刻 行動 守護 地球 上 的 瀕危 物種 及 年輕 世代 的 未來 生存權</t>
  </si>
  <si>
    <t>新冠肺炎 臺灣 中原大學 線 上 教學 開學</t>
  </si>
  <si>
    <t>新冠肺炎 臺灣 陳時中 好 市 多 疫苗</t>
  </si>
  <si>
    <t>新冠肺炎 疫情 發生 以來 台南 市政府 統計 目前 已 有 數 百 例 必須 配合 中央 政策 規範 進行 居家 檢疫 目前 首度 查獲 2 例 居家 檢疫 個案 趴 趴 走 台南 市政府 衛生局 經 調查 後 將 進行 裁處 這 2 例 居家 檢疫 違規 個案 本身 均 無 發燒 等 疑 似 症</t>
  </si>
  <si>
    <t>新冠肺炎 疫情 發生 以來 台南 市政府 統計 目前 已 有 數 百 例 必須 配合 中央 政策 規範 進行 居家 檢疫 目前 首度 查獲 2 例 居家 檢疫 個案 趴 趴 走 台南 市政府 衛生局 經 調查 後 將 進行 裁處 這 2 例 居家 檢疫 違規 個案 本身 均 無 發燒 等 疑 似 症狀 其中 1 名 男子 曾 出入 港澳地區 接受 帶 防疫 手機 進行 居家 隔離 11 日 即 宣告 完成 14 天 居家 隔離 安全 措施 他 卻 提早 一 天 溜 出門 10 日 晚上 為了 載 女友 上班 外出 1 小時 因 防疫 手機 未 帶 出門 而 被查獲 另 1 例 是 2 月 3 日 從 中國 大陸 入境 2 月 18 日 才能 解除 居家 檢疫 個案 為 離婚 的 中國籍 配偶 因 沒有 固定 居所 11 日 在外 趴 趴 走 被 通報 現 已 被 妥 適 安置 針對 這 2 例 居家 檢疫 對象 擅 離 住家 或 指定 地點 已 違反 傳染病 防治 法規 定 移 由 衛生局 裁處 依法 可 處 1萬 元 以上 15萬 元 以下 罰 鍰 台南 市政府 呼籲 為 避免 防疫 漏洞 各 區公所 民政 人員 應 落實 相關 執行 程式 並 提醒 居家 檢疫 民眾 應 遵守 規定 勿 以身試法</t>
  </si>
  <si>
    <t>篩檢 新冠肺炎 臺灣 東石鄉 永屯村</t>
  </si>
  <si>
    <t>果農 羅一鈞 太太 新冠肺炎 delta 變異 株</t>
  </si>
  <si>
    <t>境外 網 軍 進逼 新冠肺炎 假 訊息 連 假 大 爆發</t>
  </si>
  <si>
    <t>228 連 假期 間 警方 發現 有 關新冠肺炎 相關 的 假 訊息 案件 突然 大 爆發 每天 有 逾 10 件 與 過去 1 個 月 平均 每天 約 4 件 相比 大幅 增加 警方 初步 調查 都跟 來自 境外 的 大陸 網 軍 有關 懷疑 是 有 計 畫 的 向 臺灣 進逼 影響 防疫 刑事 局 2 月 29 日 當天 共 接 獲 18 件 不實 疫情 訊息 案 當中 包含 多 則 虛假 留言 如 台中 屏 東 現在 根本就是 人間 煉獄 不 知道 感染 了 多少 臺灣 許多 人 染病 新冠肺炎 後 倒 臥 路上 政府 直接 用車 將 人 載 至 不明 地點 肺炎 死亡者 多 到 要 埋起來 臺灣 媒體 報導 武漢 已 發生 人吃人 導致 病毒 傳染 等 誇飾 疫情 訊息 意圖 製造 疫情 嚴重 態勢 刑事 局 表示 經查 多數 貼 文均由 虛設 帳 號 所為 有些 甚至 已 關閉 帳 號 躲避 追查 且 從 渠 等 用字 遣 詞 如 屍 離 等 簡體 文字 研 判 貼 文者 應 系 大陸 人士 在 境外 試圖 影響 我國 防疫 工作 及 民眾 對 政府 的 信心 警方統計 今年 1 月 23 日 至 2 月 28 日 員警機關 偵 辦 新冠肺炎 相關 網路 假 訊息 案 共 121 件 其中 已 移送 77 件 107 人 其 餘 案件 積極 偵 處 中 其中 昨天 接 獲 的 流行 疫情 假 公文 檢舉 案 臉書 使用者 名稱 張 家 駟 yu-chieh tsai 等 人 在 臉書 以 國家安全局 密報 的 假 公文 惡意 散播 李 前 總統 因 新冠肺炎 逝世 貼 文 等 不實 疫情 訊息 而 yu-chieh tsai 甚至 宣稱其 兄 系 國安 局 秘書 警方 初步 調查 張 家 駟 目前 已 關閉 帳 號 臉書 社團 紀錄 及 社團 成員 中 皆 不見 該 則 貼 文及 帳 號 另 以 姓名 張 家 駟 查詢 我國 國民身分 證 相片 系統 無 吻合 物件 張 家 駟 頭像 中 男子 身穿 軍服 且 於 胸口 出現 大陸 五星 旗 圖樣 又 比對 國安 局 密報 的 假 公文 用語 發現 出現 我部 我 科 等 非 本國 公文 用語 研 判 應系 大陸 人士 于 境外 意圖 影響 我國 防疫 工作 及 製造 恐慌 另 查 臉書 名稱 yu-chieh tsai 好友 發現 多 為 大陸 或 香港地區 之 帳 號 且 名稱 皆 以 英文 為主 又 貼 文多 以 醜化 蔡英文 總統 為主 且 用字 夾雜 簡體字 明顯 為 大陸 網 民 虛設 假帳 號 撰寫 不實 文章 繞 亂 我國 民心 另件 假 公文 檢舉 案 臉書 使用者 名稱 東方 吹 雪 在 臉書 社團 散播 不實 衛生 福利 部 假 公文 內容 表示 至 2 月 16 日 止 台南 市 各 醫院 第一 批 送驗 樣本數 6354 例 呈 陽性 1843 例 除 標示 為 緊 急件 以及 絕對 機密 並 蓋有 部長 陳時中 的 簽名 章 經查 台南 市政府 衛生局 已 證實 該 公文 系 偽造 呼籲 民眾 勿 再 轉 傳 以免 觸 法 新冠肺炎 臺灣 大陸 假 訊息 刑事 局 境外 網 軍 陳時中 國安 局 假 公文</t>
  </si>
  <si>
    <t>公文 肺炎 臉書 帳 號 新冠肺炎</t>
  </si>
  <si>
    <t>蔡英文 侯友宜 柯文哲 疫苗 新冠肺炎</t>
  </si>
  <si>
    <t>威士特丹 號 爆發 新冠肺炎 個案 高雄 計程車 司機 人心惶惶 有 運 將 乾脆 休息 放大 假 也 有人 為 討 生活 歹命 大 歎 得 面對 恐懼 高市 計程車 公會 理事長 甘光華 表示 原本 受 疫情 影響 已 接 不 太 到 客人 了 如今 心情 更 是 七 上</t>
  </si>
  <si>
    <t>威士特丹 號 爆發 新冠肺炎 個案 高雄 計程車 司機 人心惶惶 有 運 將 乾脆 休息 放大 假 也 有人 為 討 生活 歹命 大 歎 得 面對 恐懼 高市 計程車 公會 理事長 甘光華 表示 原本 受 疫情 影響 已 接 不 太 到 客人 了 如今 心情 更是 七上八下 整體 業績 差 了 45 成 甘光華 透露 上周 交通局 就 已 追蹤 曾 接觸 這 批 郵輪 乘客 的 計程車 司機 大家 心裡 當然 會 擔心 難免 皮皮 挫 雖然 生意 差 但 大多 還 是 會 出來 跑 目前 高雄港 區 也 因 郵輪 事件 沒有 排 班 司機 進駐 甘光華 提到 這一陣子 營運 差 了 45 成 客人 都 不 出門 也 不 去 百貨公司 觀光 景點 而 乘客 上車 前 司機 會 先 主動 詢問 有無 中 港澳 旅遊 史或 發燒 等 狀況 但 無從 進一步 查證 也 不能 挑 客人 陳 姓 女 司機 表示 自己 在 夢時代 門口 排 班 10 幾 年 這 是 最慘 的 一 次 生意 少 了 約 7 成 以前 有 日本 韓國 香港 等 遊客 最近 都 沒有 什麼 散客 她 提到 過去 馬英九 執政 時 有 油料 津貼 補助 最高 1 個 月 到 4500 元 建議 政府 多少 能 在 油價 上 補助 蔡姓 司機 反倒 樂觀 說 這 波 疫情 是 全世界 的 危機 一切 順其自然 他 有 耳聞 其他 同業 乾脆 不 出來 跑 但 他 為了 養家 還 是 得 出門 他 建議 政府 發放 消費 券 刺激 觀光旅遊 內需 市場 才有 民眾 願意 出門 消費 如此 有助於 整體 經濟 迴圈 高 市交通局 監理 科長 李啟清 指出 高雄 計程車 共有 15 家 衛星 車隊 跟 電臺 領照 9100 台 每天 發 售 7260 片 口罩 給 司機 外 同時 請 司機 配合 做 環境 清潔 消毒 作業 因應</t>
  </si>
  <si>
    <t>新冠肺炎 臺灣 新冠肺炎 ncp 計程車 高雄</t>
  </si>
  <si>
    <t>華爾街 知名 經濟學家 暨 投 行 evercore isi 董事長 海曼 ed hyman 示 警 新冠肺炎 可能 導致 美國 陷入 經濟衰退 並 將 美國 第二 和 第 三 季 經濟 成長 預測 大 砍 至 零 成長 海曼 1 日 在 標 題為 肺炎 衰退 的 報告 中 指出 美國 新冠肺炎</t>
  </si>
  <si>
    <t>華爾街 知名 經濟學家 暨 投 行 evercore isi 董事長 海曼 ed hyman 示 警 新冠肺炎 可能 導致 美國 陷入 經濟衰退 並 將 美國 第二 和 第 三 季 經濟 成長 預測 大 砍 至 零 成長 海曼 1 日 在 標 題為 肺炎 衰退 的 報告 中 指出 美國 新冠肺炎 確診 案例 持續 增加 美國 的 疫情 似乎 才剛 開始 範圍 嚴重性 和 持續 期間 皆 不 確定 肺炎 會 如何 影響 美國 目前 仍 不得而知 經濟 連續 兩 季 下滑 即 符合 技術性 衰退 定義 美國 2019 年 第 四季 國內 生產 毛額 gdp 成長 21 2019 年 全年 擴張 23 逾 30 年 來 海曼 在 機構 投資人 雜誌 institutional investor 的 年度 調查 被 評選 為 最佳 經濟學家 海曼 對 美國 經濟 前景 的 看法 是 華爾街 最 悲觀 的 預測 之一 許多 專家 認為 美國 經濟 只 是 暫時 放緩 新冠肺炎 疫情 持續 延 燒 嚴重 打擊 全球 經濟 成長 前景 促使 投資人 湧 向 避險 資產 讓 美 股3 大 指數 上周 經歷 全球 金融危機 以來 最 大 周 線 跌幅 海曼 指出 上周 國際金融 市場 傳出 相當 負面 的 訊號 包括 標 普 500 指數 美國 公債 殖 利率 油價 和 信貸 利差 等 由於 情況 仍 不明朗 我們 或許 過度 反應 但 也 不 希望 反應 不足 截至 3 月 1 日 美國 新冠肺炎 確診 病例 已經 超過 70 起 新冠肺炎 快速 在 韓國 義 大利 日本 英國 和 中東 等 大陸 以外 地區 爆發 新冠肺炎 疫情 重創 大陸 經濟 大陸 2 月 製造業 採購 經理 人 指數 pmi 由 1 月 的 50 崩 跌 至 357 降 至 史上 新低 水準 海曼 先前 預估 新冠肺炎 恐 讓 大陸 第一 季 經濟 零 成長 海曼 預測 若 是 新冠肺炎 疫情 緩和 美國 2020 年 第 四季 經濟 可望 反彈 至 成長 2 2021 年 加速 至 擴張 3 高盛亦 下 修 美國 經濟 成長 預測 預估 首季 成 長 12</t>
  </si>
  <si>
    <t>海曼 美國 新冠肺炎 華爾街 經濟學家</t>
  </si>
  <si>
    <t>台股 高檔 盤整 之際 中 裕 4147 獲 新冠肺炎 最新 單株 抗體 授權 激勵 股價 26 日 攻 上漲 停 生 技 指標 股 天國 一 輝 中天 4128 杏 國 4192 合一 4743 杏 輝 1734 等 也 全面 紅通通 漲幅 逾 7 整體 族群 表現 相對</t>
  </si>
  <si>
    <t>台股 高檔 盤整 之際 中 裕 4147 獲 新冠肺炎 最新 單株 抗體 授權 激勵 股價 26 日 攻 上漲 停 生 技 指標 股 天國 一 輝 中天 4128 杏 國 4192 合一 4743 杏 輝 1734 等 也 全面 紅通通 漲幅 逾 7 整體 族群 表現 相對 強勢 包括 杏 輝 糖 聯 逸 達 杏 國 中 裕 大樹 浩 鼎 合一 合 世 中天 大學 光 基亞 等 大 漲 5 以上 其中 包括 杏 輝 糖 聯 逸 達 杏 國 中 裕 大樹 浩 鼎 強勢 漲 停 生 技 投資 聖經 作者 羅敏菁 表示 取得 新冠肺炎 最新 單株 抗體 授權 來作 抗體 藥物 對 中 裕 來說 是 好 消息 也 是 何 大一 博士 再次 與 中 裕 合作 為 人類 盡力 抗體 藥物 做為 新 冠 病 患 確診 後 的 治療 之用 雖 價格 較 高 但 臨床 成功 後 將 是 病 患 的 一大 福音 而 疫苗 乃 預防 使用 本次 美國 fda 放行 標準 是 達到 50 中和 抗體 即可 上市 針對 流行病 在 藥物 與 疫苗 的 優先 順序 上 疫苗 急迫性 高於 藥物 不過抗體 藥物 使用 於已 感染 的 病 患 身上 同樣 具有 開發 的 必要 元 富 投 顧 總經理 鄭文賢 表示 此 事件 對 中 裕 評價 帶來 正面 挹注 然 在 實質 財務 面上 效益 尚不 明確 但 目前 為 中 裕 營運 轉機 點 美 受 疫情 影響 醫生 患者 換藥 意願 低 下半年 疫情 減緩 後 需求 將 加速 回升 另 在 取證 進度 上 則 持續 推進 將 在 2021 年 帶來 貢獻 預 期中 裕 下半年 至 2021 年 進入 業績 加速 期 搭配 下一代 hiv 藥物 的 開發 與 新冠肺炎 病毒 抗體 推進 評價 將 有 提升 空間 而 針對 利多消息 是否 能 激勵 臺灣 生 技 翻轉 羅敏菁 則 坦言 近期 資金 有 撤退 跡象 利多消息 是否 能 吸引 主力 進駐 仍 有待 觀察</t>
  </si>
  <si>
    <t>韓國 6 日 才 放寬 社交距離 政策 不過 幾 天 又 傳出 疫情 今 10 日 新增 34 例 新冠肺炎 確診 病例 是 一個 月 來 最高 當中 多數 和 有 梨 泰 院 毒 王 之 稱 的 夜 店 男子 有關 至 今夜 店 群 聚 感染 病例 增加 至 54 例 最遠 的 還 遍及 濟州島 韓</t>
  </si>
  <si>
    <t>環南 市場 今 爆出 41 人 pcr 篩檢 陽性 引起 各界 關注 行政院長 蘇貞昌 也 立刻 下令 要 陳時中 到場 掌握 狀況 對此 毒理學 專家 招名威 表示 微 解封 根本 是 不智之舉 目前 還有 一 堆 潛在 的 確診 者 加上 北農 的 篩檢 結果 仍 不 確定 若 不 小心 出 包 恐 讓 攤販 市民 醫療 市府 和 中央 通通 輸 掉 陷入 五 輸 的 局面 如果 是 擔心 攤販 餓 死 那 就 應該 要 快速 提出 相關 的 補助 措施 才 對 而 不是 將 整個 防疫 風險 都 賭 上去 招 名 威 昨天 在 臉書 發文 表示 7 1 的 確診 數 下降 了 但 專業 判斷 仍 不 適合 微 解封 再說 如果 這個 措施 出 包 了 事實上 就是 五 輸 的 局面 攤販 市民 醫療 市府 和 中央 通通 都 輸 了 因此 他 認為 微 解封 根本 不智之舉 招 名 威 指出 假日 即將來臨 臺北市 每天 都 還 有 至少 20 人 確診 疫 調 的 來龍去脈 完整 分析 了 嗎 誰 可以 確定 不 會 有 破 口 呢 在 攤販 前 的 人群 聚集 密度反而 更 高 到時候 誰 能 保證 大家 都會 保持 社交距離 如今 去 夜市 只能 外帶 無法 外 食 那 現階段 開放 去 夜市 的 意義 到底 是 什麼 回家 點 外 送 不 就 好了嗎 招 名 威 認為 微 解封 後 若 真的 出 狀況 又 要 封城 來 個 全台 居家 2 個 月 誰 受得了 攤 商 關門 市民 回家 醫療 緊縮 導致 三 輸 而 市府 和 中央 互 踢皮球 也 雙輸 根本 就 不 會 有 贏 家 招名威 說 事實上 根本 沒有 人 會 因為 再多 撐 兩 周就 餓 死 如果 真如 臺北市 長 柯文哲 所 擔憂 餓 死 比 病 死 的 多 那 市府 就 應該 快速 提出 更 多 針對 攤販 的 補助 措施 才 對 像是 紓困 救助金 借貸 辦法 或 發放 現金 招 名 威 也 呼籲 北 市府 別 只 是 說嘴 請 提出 高 智商 的 方案 來 不然 將 整個 防疫 風險 都 建立 在 擔心 部分 人士 會 餓 死 的 基礎 上 這個 萬一 失敗 的 代價 實在太 高 了 招 名 威 今 早 再度 發文 表示 臺北市 的 疫情 變來變去 不 篩 則 已 一篩 環南 市場 就 爆 出 41 個 陽性 一 堆 潛在 的 確診 者 不說 加上 北農 的 篩檢 結果 還 不 確定 匡列 足跡 和 相關 的 配套措施 呢 他 實在 不 懂 夜市 的 微 解封 政策 怎麼 出來 的 反正 現在 政策 拍板 只要 小 部分 人 開心 就 好 了 不 專業 的 決策 視 市民 的 生命 價值 到底 有 多 低</t>
  </si>
  <si>
    <t>近期 因應 雙 北 疫情 警戒 標準 達到 第 3 級 室內 用餐 人數 落實 管制 並 維持 社交距離 外 送 次數 也 可能 大幅 增加 勞動部 職 安署 將 加強 督促 外 送 業者 全面落實 防疫 措施 並 建議 消費者 優先 採用 無 接觸 取送 餐 服務 以 線 上 刷 卡 代</t>
  </si>
  <si>
    <t>太平洋 島國 萬 那杜 vanuatu 日前 在 岸邊 發現 一 具 男性 浮 屍 最終 驗 出 屍體 帶有 新冠 病毒 當局 緊急 封鎖 中部 主要 島嶼 埃法特 島 efate 禁止 民眾 出 島 此外 全島 防疫 也 大 升級 部 份 學校 為 此 停課 各 地區 也 緊急 增設 洗手 裝置 綜合 紐西蘭 國家廣播 電臺 rnz 美國有線電視新聞網 cnn 報導 一 艘 掛 著 英國 國旗 的 油輪 11 日 準備 駛離 萬那杜 首都 維拉港 port vila 準備 前往 索羅門 群島 時 發現 一 名 船員 失蹤 萬那杜 官方 於是 下令 船隻 調頭 開始 尋找 失蹤 船員 下落 同一天 在 距離 維拉港 主要 碼頭 約 10 分鐘 車程 的 pango 沙灘 發現 這 名 菲律賓籍 的 失蹤 船員 遺體 萬 那杜 官方 隨後 扣留 油輪 調查 菲律賓 船員 的 死因 後續 更 證實 男子 身上 檢測 出新冠 病毒 男性 浮 屍 檢測 出新冠 病毒 讓 萬那杜 官方 立即 繃緊神經 昨 19 日 緊急 宣佈 封鎖 埃法特 島 3 天 禁止 民眾 出 島 #vanuatu is experiencing mysterious #covid 19 case after the dead body of a deceased #seaman or #fisherman from #philippines washed ashore has been found covid 19 positive #uk-flagged ship is detained by vanuatu for investigations @dsm_nordkirche https t co dnqghuqhkl 萬 那杜 總理 羅曼 bob loughman 表示 禁止 民眾 出 島 期間 政府 也 會 追蹤 相關 人員 的 接觸 史 目前 已 有 16 人 強制 隔離 多數 是 11 日 當天 到 海邊 處理 遺體 的 員警 不過 根據 畫面 當天 到場 處理 遺體 的 員警 似乎 都 沒有 戴 上 口罩 萬 那杜 衛生 當局 仍 強調 這 起 事件 造成 的 社區 傳染 風險 很 低 但 同時 也 呼籲 民眾 自 行前 往 醫院 進行 病毒檢測 並且 保持 社交距離 及衛生習慣 除了 封島 埃法特 島 全員 大 動員 緊急 升級 防疫 措施 部 份 學校 為 此 停課 各 地區 也 緊急 加設 洗手 裝置 公車 司機 及 乘客 也 被 要求 戴 上 口罩 付錢 後 也 要 使用 幹 洗手 液 清潔 手部 目前 這 具 男性 遺體 放置 在 維拉港 中央 醫院 port vila central hospital 的 太平間 據 瞭解 這間 停 屍 間 是 萬那杜 全國 唯一一 間 停 屍 間 每天 都 有人 在 那裡 哀悼 亡 者 萬 那杜 總人口 約 30萬 人 當地 疫情 控制 得當 至今 只 有 3 例 確診 病例 而且 全都 是 境外移入 反對派 領袖 雷根瓦努 ralph regenvanu 指出 政府 在 所有 港口 設置 令人欽佩 的 嚴格 入境 措施 卻 萬萬 沒想 到 一 具 漂 上 岸邊 的 浮 屍 會 帶有 新冠 病毒 so all outbound travel from efate island stopped for 3 days to allow contact tracing to be carried out</t>
  </si>
  <si>
    <t>太 誇張 都 什麼 時候 了 竟 還 廣 揪 爺 奶 上門 打 麻將 甚至 還 全 方面 多 視角 全程 直播 用意 啟人疑竇 彰 化 花壇 一 名 直播 主 遭 民眾 檢舉 在家 邀 人 上門 打 麻將 有 群 聚 疑慮 警方 上門 勸導 蒐證 將 陳報 衛生局 開 罰 彰 化 縣 今年 累計 確診 案例 已經 達到 166 例 疫情 嚴峻 彰 化 縣長 王 惠美 在 防疫 說明 直播 記者會 上 疾呼 民眾 避免 不 必要 的 社交活動 與 室內 群 聚 行為 並 宣示 你 開 打 我 開 罰 將 對 打 麻將 撲克牌 等 群 聚 社交活動 開 罰 王 惠美 強調 這個 風險 實在太 大 面對面 打 麻將 沒有 保持 社交距離 每個 人 都會中 回去 又 傳給 家裡 面 的 人 才會 決定 祭出 禁令 希望 鄉親 遵守 防疫 相關 規定 打 麻將 以後 還有 很多 機會 萬一 得病 又 會 傳給 家人 所以 再三 拜 讬 彰 化 縣民 戴 口罩 勤洗手 不 出門 彰 化 警 分局 接 獲 通報 指 花壇鄉 有 名 60 歲 陳姓 直播 主 在 網路上 直播 自 宅 打 麻將 情景 還 大 辣 辣 公告 符合 全程 符合 第 三級 警戒 防疫 規定 引起 警方 高度重視 警方 登門 一 看 麻將 間 外頭 還 放置 酒精 額 溫槍 和 實 名 制 登記 檔 前來 打 麻將 的 3 女 1 男 還 全程 都戴 口罩 中間 還 加 裝 壓克力 隔板 更 誇張 的 是 麻將 桌上 方 密密麻麻 全都 是 線路 陳男 大費周章 架設 多 個 角度 的 視 訊 鏡頭 收音 錄 影 讓 人 看 傻眼 日前 高雄市 才 爆出 民眾 室內 打 麻將 共 造成 1 傳 15 人 確診 案 多 達 119 人 遭到 匡列 陳男 雖然 自 認做 足 防疫 工作 向 警方 強調 是 在 進行 網路 線 上 直播 麻將 教學 但 仍 違反 彰 化 縣政府 非 同住者 的 室內 非必要 社交 聚會 一律 停止 的 防疫 規定 彰 化 分局長 婁自強 表示 從 疫情 升溫 以來 除了 八大 場所 及 休閒 場所 稽查 外 警方 亦 接 獲 大量 民眾 報案 舉凡 未戴 口罩 外籍 移 工 群 聚 公園 宮廟群 聚 未 保持 社交距離 餐廳 未 設 隔板 梅花座 等 獲 報 後 均 會 立即 派 員 前往 處理 若 經 勸導 未 改善 一定 全程 蒐證 並 陳報 縣府 衛生局 等 相關 單位 依照 傳染病 防治法 第 37 條 依 權責 認定 裁 罰</t>
  </si>
  <si>
    <t>行政長官 林鄭月娥 今 午 19 日 4 時在 政府 總部 舉行 記者會 公佈 收緊 社交距離 措施 包括 政府 各 政策局 及 公共部門 由 明日 20 日 起 只 會 提供 緊急 及 必須 服務 公務員 會 在家 工作 措施 暫 維持 一 周 至 7 月 26 日 以及 強制 市民 在 室內</t>
  </si>
  <si>
    <t>行政長官 林鄭月娥 今 午 19 日 4 時在 政府 總部 舉行 記者會 公佈 收緊 社交距離 措施 包括 政府 各 政策局 及 公共部門 由 明日 20 日 起 只 會 提供 緊急 及 必須 服務 公務員 會 在家 工作 措施 暫 維持 一 周 至 7 月 26 日 以及 強制 市民 在 室內 公共場所 必須 戴 口罩 林 鄭續 指 上周 始 實施 的 食 肆 晚 六朝 五 禁止 堂 食 措施 及 12 類 關閉 處所 停業 令 包括 遊戲機 中心 健身 中心 戲院 美容院 按摩 院 等會 延長 一 周 並 要求 學校 於 週三 22 日 網上 公佈 文憑 試 成績 以及 改建 亞洲 博覽 館 為 社區 隔離 設施 根據 東網 報導 行政長官 林鄭月娥 宣佈 因應 新冠肺炎 疫情 持續 食 肆 由 傍晚 6 時至 翌日 清晨 5 時 不 設 堂 食 可以 進行 外 賣 限制 食 肆 最 多 4 人 一 台 及 關閉 遊戲機 中心 健身 中心 卡拉 ok 酒吧 等 12 類 處所 的 措施 原本 於本 週二 21 日 屆滿 現 再 延長 多 7 天 12 類 關閉 處所 分別為 遊戲機 中心 健身 中心 戲院 美容院 按摩 院 麻雀 館 酒吧 會址 卡拉 ok 浴室 派對 房間 夜 店 及 夜總會 防疫 加 辣 措施 1 公務員 明起 在家 工作 一 周 政府部門 只 提供 緊急 及 必須 服務 2 強制 戴 口罩 研 擴 至 室內 公共場所 3 食 肆 晚 市 禁 堂 食 延長 7 天 4 12 類 處所 關閉 延長 7 天 5 改建 亞 博 館 作 隔離 措施 6 中學 週三 網上 公佈 dse 成績</t>
  </si>
  <si>
    <t>國內 疫情 持續 升溫 連 2 日 本土 確診 案例 連環 爆 加上 校正 回歸 病例 合計 570 筆 叫 民眾 心慌 慌 但 高雄市 一 名 婦人 日前 到 麵包店 買 麵包 時 依舊 不 戴好 口罩 也 不 願 配合 實 聯 制 政策 讓 無奈 的 店家 只好 請 婦人 離開 豈料 婦人 轉身 離開 走 出 店 門前 用力 地 將 土司 扔 回 架上 走 出 店門 時 甚至 還 見笑 轉 生氣 對 店門口 的 地板 吐 口水 誇張 行徑 在 臉書 社團 爆 料 公社 曝光 後 引發 網友 撻 罰 警方 今 23 日 獲悉 訊息 後 也 展開 追查 晚間 9 時許 找 到 該 名 婦人 最後 依 傳染病 防治法 開立 未戴 口罩 舉 發單 同時 通報 環保局 依 違反 廢棄物 清理 法 裁處 其 地板 吐口 水 的 惡行 根據 臉書 社團 爆 料 公社 一 名 網友 爆 料 高雄 一 名 53 歲 劉姓 婦人 前 21 日 晚間 6 時 50 分 許 到 前鎮區 一心 路上 某 麵包店 買 麵包 時 口罩 不 僅只 戴 到 嘴巴 還 拒絕 配合 實 聯 制 儘管 店員 數度好心 提醒 劉女 依舊 屢勸不聽 店家 無奈 之下 只好 請 她 離開 想不到 劉女 惱羞成怒 遂 將 手上 的 吐 司 扔 回 架上 快 走 出 店門口 時 還 把 口罩 拉下 疑 朝著 地板 大 吐口 水 事後 店家 雖 未 報案 但 仍 拍下 劉女 的 車牌號碼 並 將 店 內 監視器 畫面 po 網 直言 當 服務業 有時候 真的 很 幹 尤其 現在 這種 疫情 很多 客人 會 來 買 商品 囤 商品 最 討厭 的 是 遇到 不 配合 的 客人 更 怒 指 像 這種 奇怪 的 客人 就 拜 讬 你 不要 出門 了 更 不解 一 場 疫情 然後 可以 看到 一 堆 妖魔鬼怪 群魔亂舞 這 到底 怎麼回事 總是 有人 不喜歡 把 口罩 戴 好 好像 戴 上 口罩 他 就 會 立刻 去世 一樣 此文 一 出 不少 網友 也 認同 戴好 口罩 是 保護 他人 也 尊重 自己 的 表現 因此 紛紛 怒 批 口水 亂 噴 好 髒 餒 戴 好 口罩 有 那麼 難 嗎 有 口罩 偏 不 戴好 是 不 知道 嚴重性 嗎 真的 欠 打 這種 人 罰 15000 都 不夠 最好 罰 個 30000 獲悉 該 網 傳訊 息 的 前鎮 分局 一心 所 於是 趕緊 派員 循線 追查 並於 今日 晚間 9 時許 找到 劉女 訊 後 她 坦承 自己 口罩 沒 戴好 也 有 吐 口水 動作 因此 警方 依 傳染病 防治法 開立 未戴 口罩 舉 發單 同時 通報 環保局 依 違反 廢棄物 清理 法 裁處 其 地板 吐口 水 的 不良行為 中 時 新聞網 提醒您 不良行為 請勿 模仿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近來 受到 新冠肺炎 疫情 延 燒 影響 人們 的 生活型 態 明顯 轉變 人 與 人 之間 維持 一定 的 社交距離 外 食用 餐 機會 能免則免 自己 在家 煮食 蔚 為 一 股 風氣 不少 餐廳 名 店 也 因為 不 敵 疫情 衝擊 紛紛 應聲 倒下 就 像 由 藝人 藍心湄 陶晶瑩</t>
  </si>
  <si>
    <t>近來 受到 新冠肺炎 疫情 延 燒 影響 人們 的 生活型 態 明顯 轉變 人 與 人 之間 維持 一定 的 社交距離 外 食用 餐 機會 能免則免 自己 在家 煮食 蔚 為 一 股 風氣 不少 餐廳 名 店 也 因為 不 敵 疫情 衝擊 紛紛 應聲 倒下 就 像 由 藝人 藍心湄 陶晶瑩 及 舒淇 合資 經營 的 kiki 老 媽川 菜館 近日 傳出 其中 一 間 分店 即將 收攤 結束 營業 的 消息 尤讓小 編 感到 惋惜 的 是 這家 餐廳 挺 過 sars 疫情 熬 過 一 例 一 休 卻 撐 不 過 此次 的 新冠肺炎 特別 是 以前 經常 與 家人 朋友 相約 吃吃喝喝 滿載 著 開心 愉快 的 回憶 聽到 要 歇業 的 消息 心中 難免 感到 不 舍 相信 有 不少 人 引 頸 期待 著 疫情 趕快 結束 讓 生活 回復 正軌 可以 不再 畏懼地 走 進 餐館 用餐 如 往常 般 與 朋友 見面 聊天 面對 災難 該 如何 因應 期待 與 現實 之間 的 差異 考驗 著 各人 的 智慧 以下 小 花 平臺 整理 國內 養生 達人 提出 當 疫情 過 後 的自保 健康 之 道 首先 是 吃 得 好 睡 得 好 幫 自己 的 健康 打 底 黃帝內經 五穀 為 養 五 果 為 助 五 畜 為 益 五 菜 為 充 氣味 合 而 服 之 以 補 精益 氣 其中 的 五穀 五 果 五 畜 及 五 菜 中的 五 字 其實 意思 是 平日 三 餐 中 要 吃 得 雜 一點 不 挑食 不 偏食 酸甜苦辣 鹹 各種 味道 都 要 吃 一點 也 就 是 力行 傳統 飲食習慣 就 能 遠離 疾病 並 確保 身體健康 除了 吃 得 好 也 要 睡 得 好 根據 一 項 科學 研究 顯示 人體 如果 長期 熬夜 免疫力 和 抵抗力 自然 下降 身體 的 各種 病痛 也 將 隨之 而來 以此 次 新冠肺炎 疫情 來說 因為 尚未 開發 出 疫苗 關鍵 就 在於 個人 的 免疫力 和 抵抗力 比較 強 的 人 愈 能 抵禦 病毒 反之 則 很 難 熬過去 可見 睡眠 對於 人體 健康 的 重要性 不同 年齡層 需要 的 睡眠 時間 也 不 一樣 美國 國家 睡眠 基金會 nsf 建議 各個 年齡層 的 黃金 睡眠 時間 0 至 3 個 月 的 新生兒 每天 睡眠 至少 14 至 17 個 小時 4 至 11 個 月 的 嬰兒 每天 睡眠 至少 12 至 15 個 小時 1 至 2 歲 的 幼兒 每天 睡眠 至少 10 至 13 個 小時 3 至 5 歲 的 學齡 前 兒童 每天 睡眠 不能 低於 8 個 小時 6 至 13 歲 的 學齡 期 兒童 每天 睡眠 至少 9 至 11 個 小時 14 至 17 歲 的 青少年 每天 睡眠 至少 8 至 10 個 小時 18 至 25 歲 的 年輕人 每天 睡眠 至少 7 至 9 個 小時 26 至 64 歲 的 成人 每天 睡眠 至少 7 至 9 個 小時 65 歲 以上 的 老年人 每天 睡眠 至少 7 至 8 個 小時 小 花 平臺 關心 你 的 健康 提醒 你 唯有 預先 規劃 保障 才能 在 風險 來臨 時 從容 面對 受到 新冠肺炎 疫情 延 燒 影響 金管會 近日 公佈 決定 提早 調 降 壽險 保單 責任 準備金 利率 確定 於 7 月 調 降 包括 新 台幣 降息 1 碼 美元 與 人民幣 各 降息 2 碼 至於 澳 幣 更 大幅 降息 4 碼 據 保險業 者 預估 外幣 保單 的 責任 準備金 利率 都將 會 調 降 其中 又 以 終身 型 的 儲蓄 險 和 利 變型 保單 影響 最 钜 對於 保費 要 變 貴一 事 你 是否 聽 得 似懂非懂 感到 霧 煞 煞 小 花 平臺 編輯 群 時刻 關注 國內 保險 大小事 即時 持續 為 讀者 追蹤 相關 重要 議題</t>
  </si>
  <si>
    <t>台 大公 衛學院 4 日 舉行 第 13 周抗 covid-19 說明會 副 院長 陳秀熙 表示 到 5 月 3 日 全球 新冠肺炎 344萬 確診 死亡 24萬 死亡率 71 仍未 達到 預期 的 下降 好 消息 是 康復 率 32 比 上周 增加 4 另外 台 大公 衛學院 也 預測 全球 通報 確診 應該 會 來 到 460萬 人 到 6 月底 每日 新增 個案 數 應該 會 小於 2500 人 當 每日 新增 小於 2000 人 通常 表示 流行 波 過去 了 變成 冬季 捲土重來 或是 季節性 流行 陳 秀 熙 提到 臺灣 狹義 認為 社交距離 social distancing 僅 意味 人際 距離 1 公尺 或 15 公尺 云云 但 國外 指 的 社交距離 是 泛稱 非 藥物 防疫 策略 到 5 月 2 日 疫情 尚未 控制 的 地區 包括 亞洲 r 0 值 11 非洲 13 南美洲 15 都 表示 社交距離 做 得 不夠 其中 南美洲 社交距離 大概 只 做 了 40 日本 和 新加坡 是 非常 有趣 的 例子 r 0 值 一直 維持 1 到2 之間 表示 有些 地方 雖然 疫情 受到 控制 但 還是 有 很多 未感染 宿主 隨時 可能 發生 小 波 群 聚 疫情 趨 緩 的 有 澳洲 r 0 值 03 歐洲 09 北美洲 099 澳洲 尤其 值得 臺灣 學習 陳秀熙 表示 澳洲 做 了 很多 社交距離 措施 r 0 值 是 全球 最 低 此外 歐洲花 了 大概 2 個 月 把 r 0 值 控制 到 1 以下 但 也 有 部分 地區 r 0 值 顯著 地 高 像 英國 還 在 1 以上 這 是 一 開始 佛 系 防疫 付出 的 代價 大概 還 需 半 個 月 才能 逐漸 控制 俄羅斯 r 0 值 更 高 達 25 防疫 措施 只 做 到 30 陳 秀 熙 表示 實證 上 看來 各國 工作 場所 採取 社交距離 措施 可 有效 減少 流感 傳染 約 23 這 也 可 說明 為何 最近 這一陣子 流感 腸病毒 減少 以及 為何 臺灣 有 境外移入 但 本土 感染 相當 少 原因 就 是 民眾 個人 防護 做得好 病毒 就算 進到 社區 也 無從 入侵 另 一個 例子 是 韓國大 邱 隨 著 公共 交通量 減低 r 0 值 一下子 就 降到 1 以下 相 較之 下首 都 首 爾仍 維持 一定 交通量 r 0 值 就 沒 降 那麼 多</t>
  </si>
  <si>
    <t>因應 新冠肺炎 疫情 持續 蔓延 中央 9 日 下午 宣佈 酒店 舞廳 暫停營業 台中市政府 超前 部署 率先 加 嚴 市長 盧秀燕 今日 宣佈 台中 除 酒店 舞廳 外 其 餘 8 大 特種行業 即日起 實施 實 名 制 違者 將 裁 罰 3000 元 至 1萬5000 元 讓 防疫 加 嚴 加密 共同 對抗 疫情 盧秀燕 表示 全球 疫情 嚴峻 為 避免 人潮 聚集地 成為 防疫 破 口 針對 娛樂場所 市府 3 月 第一 階段 祭出 強力 稽查 柔性 勸導 策略 多 家 大型 娛樂業 者 配合 自主 停業 第二 階段 宣導 娛樂業 者 保持 室內 15 公尺 戶外 1 公尺 的 社交距離 或 戴 口罩 針對 中央 今天 宣佈 酒店 舞廳 暫停營業 盧秀燕 說 市府 為 每個 人 的 健康 第 三 階段 進一步 要求 台中 市 其 餘 8 大 特種行業 包含 視聽 歌唱 業 三 溫暖 業 酒吧 業 舞場 業 特種 咖啡 茶室 飲 酒店業 夜 店 業 電子遊戲 場 業 即日起 應 實 名 登記 守護 全民 安全 市府 將 聯合 稽查 希望 業者 善 盡 社會 責任 防疫 工作 大家 一起 來 經 發 局長 張峰源 指出 業者 必須 實 名 登記 出入口 測量體溫 所有 人員 進出 配戴 口罩 室內 保持 社交距離 15 公尺 每人 空間 至少 3 至 4 平方公尺 違者 將 依 傳染病 防治法 裁 罰 3000 元 至 1萬5000 元 警察局長 楊 源 明 指出 市府 超前 部署 今年 3 月 23 日 至今已有 52 家 娛樂場所 配合 自主 停業 包括 x-cube muse chowhouse 等 知名 夜 店 以及 金錢豹 海派 海七 海八 紫 爵 等 知名 酒店 市府 將 持續 不定期 聯合 稽查 提醒 民眾 避免 出入 密閉式 娛樂場所 降低 感染 風險 衛生局長 曾 梓 展 說 3 月 27 日 已 公告 台中 市 供 公眾 使用 各類 場所 防疫 指引 請 各類 娛樂場所 配合 執行 相關 防疫 措施 包括 活動場所 維持 良好 通風 足夠 換氣 控管 入場 人數 等 根據 統計 有 5 至 15 陽性 患者 沒有 症狀 今天 推出 的 防疫 措施 就是 要 對此 進行 防護 因此 必須 超前 部署 提醒 民眾 應 自主 健康 管理 出門 戴 口罩 勤洗手 量 體溫 做好 基本 防疫 工作 人人有責</t>
  </si>
  <si>
    <t>中 時 電子 報 精選 5 件 不可不 知 的 國際 大事 帶 讀者 掌握 今 22 日 的 國際 新聞 重點 1 歐盟 達成 25 兆 經濟 刺激 協定 各國 領袖 大 爆 走 在 新冠肺炎 疫情 衝擊 下 歐盟 領袖 21 日 在 氣氛 火爆 的 峰會 中 終於 達成 7500億 歐元 約 25 兆 台幣 的 經濟 刺激 協議 據傳 法國 總統 馬克宏 在 峰會 上 大動肝火 痛駡 奧地利 總理 庫爾茨 荷蘭 總理 呂 特等 人 2 川普 終於 認 了 新冠 疫情 會 更慘 白宮 21 日 重 啟 疫情 記者會 川普 大 轉 性 終於 承認 美國 的 新冠肺炎 疫情 會 更 惡化 同時 他 也 呼籲 民眾 如 不能 遵守 社交距離 就要 戴 上 口罩 不過 整場 記者會 上 川普 本人 並未 以身作則 戴 上 口罩 3 法國 表態 不會 禁止 華為 在 法 投資 英國 13 日 決定 今年底 不再 採購 華為 相關 設備 並 在 2027 年 要求 營運商 全數 替換 華為 電信 設備 外界 關注 作為 華為 重點 市場 的 歐盟 國家 下 一 步 動態 不過 法國21 日 率先 表態 有別於 英國 立場 法 政府 當局 不會 禁止 華為 在 法國 投資 4 美 正式 起訴 2陸 駭 客 控 竊 新冠 國防 機密 美國司法部 21 日 正式 起訴 2 名 大陸 籍 駭 客 指控 他們 竊取 新冠肺炎 相關 研究 資料 及 國防 機密 造成 全球 數 百 人 受害 5 1956 年 來 首次 諾貝爾獎 因 疫情 取消 宴會 新冠肺炎 蔓延 全球 不少 大型活動 取消 或 延期 諾貝爾獎 基金會 nobel foundation 21 日 表示 由於 新冠肺炎 疫情 影響 將 取消 12 月 例行 諾貝爾獎 宴會 頒獎典禮 也 將 以 新 形式 舉行</t>
  </si>
  <si>
    <t>本土 疫情 不見 升溫 為了 降低 感染 風險 不少 辛苦 的 醫護人員 改 先 看 診 後 收費 的 視 訊 看 診 方式 不過 卻 有 民眾 罔 顧醫護人員 的 信任 看 完 診 一 秒 下線 並 封鎖 醫師 帳 號 鑽 小門 的 舉動 令 人 傻眼 日前 小兒科 醫師 陳木榮 就 在 粉絲 團 柚子 醫師 的 育 兒 診療室 dr 陳木榮 醫師 無奈 po 文 稱 自己 看 視 訊 門診 看 得 昏天暗地 可是 卻 有 家長 得知 孩子 沒 甚麼 大礙 也 不 用 吃藥後 立馬 下線 還 封鎖 診所 line 帳 號 錢都 沒付 就 腳底抹油 溜 了 讓 陳木榮 忍不住 高喊 爸爸媽媽 你們 還 沒有 付錢 啊 啊 啊 此文 一 出 許多 網友 聽 了 也 怒氣衝衝 留言 聲援 沒 品 到極點 過河拆橋 太 誇張 了 怎麼 會 這樣 咧 真的 是 很 沒有 道德觀念 耶 給 方便 當 隨便 其中 還 有人 向 陳木榮 醫師 喊話 不能 姑息養奸 直 呼 故意 的 惡劣 以後 誰 敢 願意 用 這種 方式遠 端 看 診 真的 得 先 收費 才 看 診 醫療 不 可以 被 這樣 下流 的 使用 不 可以 縱容 不僅如此 同在 醫 界 服務 的 婦產科 名醫 蘇怡寧 看到 此文 也 發聲 力 挺 強調 我們 的 信念 就是 你 只 能 白嫖 我 一 次 至於 網 紅 醫師 黑 眼圈 奶 爸 dr 徐嘉賢 醫師 則 看 了 心 有 戚戚 焉 表示 貪小便宜 心態 的 家長 為數不少 所以 他 見怪不怪 只能 說 其實 作為 一個 在 網路 上面 常常 跟 大家 閒聊 的 醫生 跟 大家 回答 問題 我 都 很 樂意 只要 在 合理 的 範圍 內 都 ok 但是 我 偶爾 也 會 遇到 一些 無理 的 家屬 和 無理 的 要求 認為 這些 都 是 理所當然 的 我 自己 鼻子 摸 一 摸 就 當作 可能 孩子 生病 父母 心情 就 不 會 好 就 會 亂髮 飆 就 不 計較 了 但 話鋒一轉 徐嘉賢 醫師 也 強調 行政 人員 和 護理 師 真的 很 辛苦 疫情 期間 頂 著 面罩 穿 著 隔離 衣 要 幫忙 聯繫 打電話 再三 確認 幫忙 安排 時間 而 藥師 也 是 穿 著 多重 防護衣 調劑 藥物 備 好 藥膏 氣喘 過敏 的 藥 再三 核對 在 已經 忙碌的 工作 下 再三 確認 後 另外 放置 好 同時 呼籲 民眾 尊重 醫護人員 畢竟 視 訊 看 診 要 事前 準備 的 工作 很多 跟 一般 看 診 難度 更 高 不 體恤 我 也 沒關係 但 同仁 的 付出 真的 不能 被 抹 滅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疫情 衝擊 全球 仍 擋不住 臺灣 民眾 連 假 出遊 決心 各 大 景點 都 湧入 觀光 人潮 像是 墾 丁光 3 天 遊客 就 高達 7萬 人 讓 人 擔憂 清明連 假 後 疫情 恐 攀 高峰 對此 歌手 魏如萱 則 在 臉書 喊話 當 一下 邊緣 人 不 會 死 掉 魏 如 萱 擔憂 清明連 假 後 恐 會 爆出 另 一 波 疫情 高峰 昨天 先 在 臉書 向 所有人 喊話 若 還 想 趁 著 連 假 尾聲 去 哪裡 溜 達 拜 讬 取消 這個 念頭 更 強調 防疫 這 件 事情 還 不能 鬆懈 不過 似乎 眼看 各 大 景點 湧入 滿滿 人潮 讓 她 再次 宣達 防疫 觀念 除了 要 大家 勤洗手 之外 也 要 大家 外出 一定 要 保持 社交距離 此外 更 在 三 強調 當 一下 邊緣 人 不 會 死 掉 由於 清明連 假 各 景點 都 湧現出 遊人 潮 讓 中央 流行 疫情 指揮 發送 2 則 國家級 警報 地點 涵蓋 全台 11 區 像是 阿里山 森林 遊樂區 花蓮東 大門 夜市 以及 墾 丁 等 地 等 列入 範圍 呼籲 大家 保持 社交距離 並且 記得 配戴 口罩</t>
  </si>
  <si>
    <t>日本 無償 提供 臺灣 124萬 劑 az 疫苗 叫 國人 感動不已 大 呼台 日 友好 不過 有 眼尖 網友 發現 食 藥 署 檢驗 疫苗 的 畫面 裡 az 包裝盒 上 印有 meiji 的 明治 商標 有 好奇 寶寶 因此 循線 調查 意外 得知 原來 該 公司 不只 生產 巧克力 霜淇淋 事業 版圖 還 橫跨 農藥 醫療 用品 動物 疫苗 等 專案 驚人 發現 引發 網友 熱 議 根據 twitter 該文 指出 有 網友 發現 日本 提供 的 az 疫苗 盒 上 印有 meiji 明治 標誌 因此 忍不住 上網 查詢 赫然 驚 覺 做 霜淇淋 那 間 公司 是 日本 疫苗 此 趟 背後 負責 冷鍊 運輸 的 公司 於是 興奮 po 網 跟 大家 分享 資訊 由於 meiji 的 logo 大多 現身 超市貨架 上 所以 這 回從 疫苗 包裝盒 左 下 角 冒出來 許多 網友 也 嘖嘖稱奇 但 還是 有 老 司機 早 知 此事 在 留言 區 進一步 說明 指稱 日本 企業 本來 就 很 愛 亂 點 技能 樹 所以 明治 公司 除 製造 霜淇淋 巧克力 提供 冷鍊 運輸 外 還 涉及 農藥 醫療 用品 動物 用 疫苗 等 產業 產品 更 包括 運動 營養品 非處方藥 等 無 遠 佛 屆 難以想像 的 企業 版圖 令 人 驚呼 連連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陳時中 口罩 社交距離 網友 新冠肺炎</t>
  </si>
  <si>
    <t>溜 馬 後衛 布羅格登 malcolm brogdon 確定 感染 新冠肺炎 他 25 日 透過 溜 馬 官 推 發佈 聲明 表示 自己 狀況 不錯 預計 可 以 趕上 7 月底 球季 複賽 布羅格登 近期 參與 過 街頭 黑人 民權 blm 示威 行動 並且 沒有 保持 社交距離 布羅格登</t>
  </si>
  <si>
    <t>statement from malcolm brogdon&amp;gt &amp;gt https t co wszjoaf 7 xe pic twitter com jmclxrqhx 3 溜 馬 後衛 布羅格登 malcolm brogdon 確定 感染 新冠肺炎 他 25 日 透過 溜 馬 官 推 發佈 聲明 表示 自己 狀況 不錯 預計 可 以 趕上 7 月底 球季 複賽 布羅格登 近期 參與 過 街頭 黑人 民權 blm 示威 行動 並且 沒有 保持 社交距離 布羅格登 當時 對 美 媒 espn 說 這個 流行病 新冠肺炎 covid 是 針對 黑人 而來 我們 是 無法 負擔 醫療保險 的 那群人 我們 是 沒有 好 工作 在 疫情 中 被 裁員 的 那群人 大家 必須 明白 我們 是 如此 無助 還 有 個 黑人 只為 20 美元 偽鈔 就 于大 馬路上 被 殺 我 擔心 大家 會 愈來愈 麻木 我 希望 大家 要 保持 憤怒 黑人 民權 與 防疫 難以 兼顧 不過 布羅格登 認為 還 是 人權 比較 重要 布羅格登 的 祖父 輩 就 參與 過 金恩 博士 martin luther king jr 的 遊行 他 祖父 大概 也 想 不 到 今天 有 少數 非 裔 美國 人 可以 在 nba 賺 進 大 把 真 鈔 當然 布羅格登 不必 擔心 被 裁員 或 沒 錢 治病 本 季 2000萬 美元 年薪 但因 疫情 減 薪 他 仍 會 損失 數 百萬 美元 27 歲 的 布羅格登 是 雙能衛 本 季 停賽 前場 均 163 分 71 助攻 好 消息 是 他 可以 帶 著 病毒 的 抗體 複賽 減少 傳染 他人 的 風險</t>
  </si>
  <si>
    <t>台東 縣政府 上 週六 14 日 在 大武鄉 舉辦 南回 藝術季 開幕 儀式 及 餐 聚 縣府 各級 長官 與 參展 藝術家 藝 文人 士 近百人 肩 並肩 大 吃 美食 沒有 社交距離 與 隔板 等 防疫 措施 昨天 17 日 照片 還 貼 上 藝術季 臉書 專 頁 讓 網友 大罵</t>
  </si>
  <si>
    <t>台東 縣政府 上 週六 14 日 在 大武鄉 舉辦 南回 藝術季 開幕 儀式 及 餐 聚 縣府 各級 長官 與 參展 藝術家 藝 文人 士 近百人 肩 並肩 大 吃 美食 沒有 社交距離 與 隔板 等 防疫 措施 昨天 17 日 照片 還 貼 上 藝術季 臉書 專 頁 讓 網友 大罵 無視 中央 防疫 規定 很 誇張 餐飲業者 是 在 隔 心酸 的 嗎 一 名 台 東 民眾 在 臉書 台 東大 小事 po 出 照片 指出 縣府 辦 南回 藝術季 很 好 但是 餐 敘 時 零 安全 距離 真的 很 扯 更何況 縣長 各級 長官 都 在場 大家 脫 口罩 肩 並肩 吃吃喝喝 更 直言 如果 官方 活動 連 防疫 的 距離 都 不用 那 現在 認真 用 隔板 梅花座 的 餐飲業者 是 在用 心酸 的 嗎 從 原 po 截 圖 下來 的 南回 藝術季 臉書 專 頁 照片 上 可以 看到 近百人 一起 吃 自助餐 食物 自 已 夾 沒有 專人 服務 吃飯 也 沒有 梅花座 隔板 桌子 一整 排擠 在 一起 邊 吃 邊 聊天 照片 曝光 後 網友 紛紛 留言 沒有 梅花座 沒有 隔板 沒有 15 公尺 自助 吧 沒有 專人 夾 取 厲害 了 很 扯 耶 至少 用 個 隔板 或 拉開距離 真 的 就 不要 有 一個 確診 者 防疫 破 口 對此 今天 台東 縣府 回應 南回 藝術季 開幕 活動 餐 敘 確實 有 改善 空間 但 當日 仍 有 依照 中央 防疫 規範 進行 相關 防疫 檢測 管制 包括 酒精 量 測體溫 及 實 聯 制 現場 控制 在 100 人 以下 衛生局 後續 也 有 瞭解 當天 狀況 將 依 防疫 相關 規定 處 以 最高 罰 則 同時 縣府 文化 處 團隊 有 督導 不周 之 責 已經 連夜 檢討 未來 台東 縣府 舉辦 任何 活動 會 嚴守 相關 規範 提高 防疫 標準</t>
  </si>
  <si>
    <t>社交距離 app 僅 29 名 確診 者 上傳 資料 高 虹 安 傻眼 籲 疾 管署 改善 問題</t>
  </si>
  <si>
    <t>中 市 西屯 區公所 宣 導 防疫 保持 社交距離</t>
  </si>
  <si>
    <t>台中 市 西屯區 因 轄區 內 有 豪 宅 林立 的 七 期 重畫 區 三月 時 很多 居民 從 國外 返台 在家 進行 十四 天 居家 檢疫 居家 檢疫 人數 居 全市 之 冠 近來 返台 人數 下降 區公所 不敢 鬆懈 區長 陳 寶雲 與 區公所 團隊 裡 辦處 宣 導 防疫 提醒 居家 檢疫 者 配合 不要 趴 趴 走 危害別人 自己 也 要 付出 重罰 代價 防疫 上緊 發條 建設 不 喊停 陳 寶雲 率 副 區長 林秋萬 主 秘 嚴錦堂 等 人 到 裡 辦公 處 關心 地方 建設 也 保持 社交距離 室內 應 保持 15 公尺 室外 保持 1 公尺 之 距離 降低 感染 與 傳播 的 機會 向 裡民 宣 導 防疫 措施 自備 防疫 看 板 讓 裡民 馬上 就 能 接收 到 清楚 的 訊息 陳 寶雲 強調 雖然 臺灣 已經 擋下 好幾 波 疫情 但 新冠肺炎 還 籠罩 世界各地 尤其 假期 出遊 潮 更讓人 擔心 呼籲 市民 要 注重 自己 的 健康 勤洗手 戴 口罩 保持 社交距離 做好 自主 健康 管理 共 體 時艱 齊心 抗 疫 渡過 肺炎 難關 第一線 防疫 人員 堅守崗位 防疫 無 假期 日夜 守護 民眾 健康 安全 不敢 鬆懈 深怕 疫情 破 口 造成 嚴重後果 西屯區 的 居家 檢疫 民眾 人數 曾居 台中 市 之 冠 里幹事 及 公所 團隊 全力 備戰 貼心 服務 做好 防疫 措施 一起 度過 疫 期</t>
  </si>
  <si>
    <t>德國總理 梅克爾 22 日 周日 宣佈 將 自主 居家 隔離 因為 上週五 曾 為 她 施打 疫苗 的 醫師 後來 確診 新冠肺炎 德國政府 預計 週一 將 祭出 規模 5000億 歐元 的 財政 紓困 措施 協助 這個 歐洲 最 大 經濟體 減緩 疫情 帶來 的 經濟 衝擊 梅克爾 發言人 賽伯 特 指出 梅克爾 總理 20 下午 曾 接受 預防 肺炎 鏈球菌 感染 的 疫苗 22 日 召開 對抗 新冠肺炎 措施 的 記者 會後 不久 梅克爾 就 被 通知 該 名 醫師 已經 確診 的 消息 於是 當下 決定 在 家 隔離 賽伯 特 表示 未來 幾 日 梅克爾 將 進行 定期檢查 這 段 時間 她 會 在家 辦公 德國 官員 指出 梅克爾 的 副手 財政部長 蕭茲 olaf scholz 將 於 23 日 主持 內閣會議 擬定 緊急 預算 草案 預計 最 快 將 在 週三 由 國會 表決 最新 預算 將 使 政府 今年 的 舉債 上限 調高 至 1500億 歐元 另 還 包括 數 千億 歐元 的 放款 擔保 協助 企業 在 疫情 衝擊 期間 取得 流動性 此 方案 估計 將 使 聯邦 政府 出現 2014 年 以來 首度 預算赤字 一 改 德國政府 長久以來 的 財政 緊縮 政策 知情 官員 透露 最新 預算 將 成立 1500億 歐元 的 基金 藉 此 收購 需要 資金 挹注 的 德國 企業 股權 另一方面 政府 將 提供 擔保 以便 讓 銀行 提供 企業 4000億 歐元 貸款 度過 流動性 短缺 的 困境 倘若 德國 商家 關閉 時間 延長 或 經濟 蕭條 比 預期 更 嚴重 德政府 推出 的 一系列 紓困 法案 將 使 舉債 突破 5000億 歐元 大關 為 避免 疫情 擴散 梅克爾 周日 向國民 下達 接觸 禁令 除了 家人 之外 禁止 兩 人 以上 的 公開 聚會 梅克爾 感謝 願意 遵守 社交距離 原則 的 德國 人民 她 建議人 與 人 之間 應該 至少 維持 15 公尺 藉 此 減少 被 感染 的 可能性 根據 約翰霍普金斯大學 資料 截至 週一 上午 德國 新冠肺炎 確診 人數 達 24873 人 死亡 93 人</t>
  </si>
  <si>
    <t>新冠肺炎 疫情 在 臺灣 確診 人數 不斷 上升 衛服部 近日 除 要求 民眾 保持 社交距離 還要 徹 查 清明連 假 有 到 11 個 重點 公告 地區 但 資深 媒體 人 趙 少康 卻 認為 無 症狀 感染 篩檢 範圍 外 的 輕 症 患者 基層 診所 卻 不 篩 直接 輾 回家 衛</t>
  </si>
  <si>
    <t>新冠肺炎 疫情 在 臺灣 確診 人數 不斷 上升 衛服部 近日 除 要求 民眾 保持 社交距離 還要 徹 查 清明連 假 有 到 11 個 重點 公告 地區 但 資深 媒體 人 趙 少康 卻 認為 無 症狀 感染 篩檢 範圍 外 的 輕 症 患者 基層 診所 卻 不 篩 直接 輾 回家 衛服部 這樣 在 檢疫 範圍 出現 大 漏洞 趙 少康 今 6 日 在 網路 談話 節目 yahoo 鄉民 來 沖 康 談及 政府 和 民間 防疫 模式 他 解釋 其實 中研院 台大 等 好幾 個 團隊 都有 研製 出 快 篩 試劑 但 衛服部 一直 不 通過 為 何不 趕快 通過 呢 因為 他 昨天 問 了 好幾 個 醫生 真的 是 這樣 基層 醫療 診所 檢驗 當 你 出現 一些 輕 症 如 腹瀉 頭痛 要 篩檢 卻 被 要求 回家 或是 去 大 醫院 篩檢 為何 基層 不 願意 篩 不報 趙 少康 指出 因為 一旦 診所 有 篩檢 出 確診 往 上報 那 醫院 就要 關封 14 天 基層 醫生 現在 收入 已經 銳減 非常 多 了 在 關院 下去 那 還 得了 簡直 要命 所以 現在 很 大 的 問題 就 是 基層 醫生 看到 輕 症 都 叫 你 回家 因為 八成 賭 你是 輕 症 如果 很 不幸 你是 剩下 2 成 那 後續 再 討論 但 這樣 的 做法 會 不 會 造成 未 篩 的 潛伏 患者 到處 傳染 趙 少康 坦言 這 是 很 大 的 問題 所以 他 呼籲 衛服部 要 考慮 實際 狀況 這個 問題 他 已經 講 很 多 次 了 衛服部 的 要求 卻 變相 將 輕 症 趕 回家 只 會 造成 更 大 風險</t>
  </si>
  <si>
    <t>42 歲 吳佩慈 當年 以 九 頭 身 怪 怪 美 少女 出道 在 唱片 戲劇 電影 和 作家 等 領域 都 交出 不錯 的 成績單 但 她 2014 年 未婚 懷 了 跟 富商 男友 紀曉波 的 孩子 便 離開 演藝圈 近日 她 才 接力 大 s 談 疫苗 想不到 男友 的 酒店 王國 傳出 受 疫情 影響 業績 去年 虧損 高 達 101億 新 台幣 只能 先 暫停營業 吳佩 慈和 富商 男友 紀曉波 情牽 7 年 陸續 生下 2 子 2 女 即便 沒有 婚姻關係 仍 備受 寵愛 2007 年 被 週刊 披露 紀曉波 大手筆 在 吳佩慈 名下 存入 約 200億 新 台幣 加上 房產 與 股票 吳佩慈 的 個人 總 資產 推 估 至少 有 232億 新 台幣 她 過去 也 在 社 群 網站 分享 豪門 生活 吃 盡 各式 昂貴 的 美食 買 遍 要價 不 斐 的 名貴 包 包 服飾 等 令 外界 稱羨 不已 不過 紀曉波 近 幾 年 頻 傳 財務危機 2020 年 被 友人 向港媒 踢 爆 欠 1億 港幣 約 35億 新 台幣 今 14 日 又 被 鏡 週刊 揭發 酒店 王國已 搖搖欲墜 因 疫情 重 挫 觀光業 旗 下 博華 太平洋 公司 在 去年 宣佈 慘 賠 367億 美元 約 新 台幣 101億 元 今年 因 付 不出 新 台幣 4億2千萬 元 執照 費用 4 月 被 取消 營業執照 事實上 全球 新冠肺炎 肆虐 影響 到 的 不 只 是 經濟 層面 人類 的 生命安全 也 備受 挑戰 疫苗 成為 各國 瘋 搶 的 救命 物 眼看 好 朋友 大 s 在 ig 激動 發文 我們 被 集體 屠殺 了 蔡 屠殺 我們 吳佩慈 跟 著 在 ig 發聲 希望 我 年邁 的 父母親 能 早日 打上 國際 認可 的 疫苗 希望 大家 都能 有 想 打 就 可以 打到 疫苗 的 自由 期盼 人人 能 受到 疫苗 的 保護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疫情 持續 延 燒 許多 人 呼籲 要 全面 普 篩 對此 資深 媒體 人 黃創 夏 列出 一 串 數字 並 呼籲 戴好 口罩 丶 勤洗手 丶 保持 社交距離 別 給 已經 累 了 快 100 天 的 醫護人員 更 多 負擔 國內 近期 新增 確診 案例 中 境外移入 占多數 新</t>
  </si>
  <si>
    <t>新冠肺炎 疫情 持續 延 燒 許多 人 呼籲 要 全面 普 篩 對此 資深 媒體 人 黃創 夏 列出 一 串 數字 並 呼籲 戴好 口罩 丶 勤洗手 丶 保持 社交距離 別 給 已經 累 了 快 100 天 的 醫護人員 更 多 負擔 國內 近期 新增 確診 案例 中 境外移入 占多數 新北 市長 侯友宜 曾 向 中央 喊話 現在 很多 無 症狀 確診 國內 有 46 雖然 相較 國外 低 但 境外移入 要 全面 普 篩 和 居家 檢疫 呼籲 中央 對 境外移入 全面 篩檢 此外 也 有 許多 人 認為 應 全面 普 篩 對此 黃創 夏在 臉書 指出 23000000 3800 6052 天 6052 365 1658 年 他 說 全面 普 篩 必須 要 16 年 半 才能 完成 最後 他 表示 戴好 口罩 丶 勤洗手 丶 保持 社交距離 別 給 已經 累 了 快 100 天 的 醫護人員 更 多 負擔 網友 則 紛紛表示 真的 防疫 人員 太 辛苦 了 感謝 他 她們 的 辛勞 付出 目前 最 累 的 是 醫護 說 的 也 是 好好 做好 防護 預防 勝於 治療 今天 普 篩 陰性 不 防疫 再 被 感染 沒完沒了 真 的 不 懂 一直 訴 求 普 篩 是 什麼 心態 戶口 普查 都 做 不 到 了 幾 十 年 才一次 還 普 篩 普 驗 不是 2300萬 人 都 驗 吧 有 一 種 統計 方法 叫 抽樣 統計 臺灣 疫情 其實 算 還 控制 得宜 也 沒有 大規模 社區 感染 真不知道 一 堆 政客 不顧 可行性 與 檢疫 成本 吵 著 普 篩 的 用意 是 什麼</t>
  </si>
  <si>
    <t>香港 新冠肺炎 疫情 近日 已 確定 爆發 第 3 波 疫情 社區 群 聚 感染 近 數日 皆 呈 倍數 上升 衛生防護 中心 傳染病 處 主任 張 竹君 公佈 9 日 新增 42 宗 確診 個案 當中 34 宗是 本地 感染 8 宗 輸入 個案 港 府 今天 決定 重新 實施 較 嚴格 的 防疫 措施 包括 限制 餐館 酒吧 卡拉 ok 健身房 等 場所 每 桌 限 4 人 或 每間 限 8 人 較 原 規定 容許 人數 減 半 據 東網 指出 本地 感染 的 主要 感染 源 為 慈雲 山港 泰 護 老 中心 群 組 共 23 人 大部分 無 病徵 另 有 8 宗 輸入 個案 包括 3 名 機師 1 名 貨機 服務員 以及 2 名 菲 傭 本港 確診 病例 累計 增至 1366 宗 張 竹君 表示 今日 新增 的 34 宗 本地 個案 中 除 了 23 宗是 屬於 慈 雲 山港 泰 護 老 中心 群 組 茶 餐廳 群 組 增至 7 人 另外 9 宗經 排查 已 找到 源頭 有 多 名 為 計程車 司機 另外 尚有 2 人 來源 未 查明 報導 稱 疫情 亦 對 校園 造成 威脅 今日 仍 有 數 宗 校園 內 初步 確診 個案 其中 包括 中小學生 與 家長 目前 已 有 12 所 中小學 停課 消毒 醫院管理局 總 行政 經理 劉家獻 表示 因應 疫情 反 覆 公立醫院 今日 起 暫停 非 緊急 醫院 的 探訪 安排 另 會 加開 分流 的 檢測站 照顧 疑 似 症狀 病人 騰空 負 壓 病房 予 有 需要 的 病人 亦 會 考慮 重開 二線 的 隔離 病床 約 有 400 至 500 張 社區 隔離 設施 亦 會 列入 考慮 香港 食 衛 局長 陳肇始 則 公佈 有關 緊 縮聚 令 等 防疫 新 規定 以 增加 市民 的 社交距離 從 11 日 週六 淩晨 起 恢復 先前 執行 的 限 聚 令 餐館 客人 不能 超過 總 入座 率 6 成 每 桌 不能 多於 8 人 酒吧 夜 店 及 夜總會 的 入座 率 同樣 降 至 6 成 每 桌 不 多 於 4 人 健身 中心 派對 及 卡拉 ok 房間 的 容納 人數 由 16 人 降 至 8 人 電影院 並 將 禁食 陳 肇始 呼籲 市民 應 保持 衛生 配戴 口罩 以及 減少 外出 另 建議 食 店 嚴格執行 15 米 距離 及 安裝 隔板 新 公佈 限 聚 措施 有效期 至 7 月 24 日</t>
  </si>
  <si>
    <t>新冠肺炎 大 範圍 延 燒 全球 副 總統 陳建仁 預期 新冠 病毒 會 像 流感 一樣 無法 完全 消除 而 會 與 我們 共存 未來 一 年 或 一 年 半 之內 我們 或許 就 會 有 疫苗 但 在 這 之前 我們 絕對 必須 保持 社交距離 過 著 半 正常 的 生活 目前</t>
  </si>
  <si>
    <t>新冠肺炎 大 範圍 延 燒 全球 副 總統 陳建仁 預期 新冠 病毒 會 像 流感 一樣 無法 完全 消除 而 會 與 我們 共存 未來 一 年 或 一 年 半 之內 我們 或許 就 會 有 疫苗 但 在 這 之前 我們 絕對 必須 保持 社交距離 過 著 半 正常 的 生活 目前 歐洲 疫情 已 過 高峰期 希望 5 月底 能 看 得 到 疫情 曙光 為 防止 疫情 擴散 目前 各國 都 採取 各項 管制 跨國 人員 往來 等 策略 究竟 這 波 疫情 何時 可以 解禁 陳建仁 日前 接受 英國 每日 電訊報 專訪 表示 基本上 他 認為 新冠 病毒 會 像 流感 一樣 具有 高度 傳染 力 大部分 病例 屬於 輕 症 或 無 症狀 感染者 會 透過 飛 沫 及 污染區 傳染 因此 無法 完全 消除 而 會 與 我們 共存 他 說 如果 是 這樣的話 就 會 像 2009 年 的 h 1 n 1 新 流感 所以 我們 一定 要 準備 好 和 這個 病毒 長期 對抗 這 也 是 我們 必須 研發 快 篩 和 抗 病毒 藥物 的 原因 陳建仁 表示 未來 一 年 或 一 年半 之內 我們 或許 就 會 有 疫苗 就 可以 像 2009 年 流感 疫情 一樣 利用 疫苗 防疫 但 在 這 之前 我們 絕對 必須 保持 社交距離 不 需要 停止 所有 活動 只要 過半 的 民眾 減少 50 的 社交 接觸 大家 就 能 有 限度 地 繼續 日常生活 只 是 要 稍微 設限 過 著 所謂 半 正常 的 生活 至於 退場 策略 他 說 為了 協調 國際 運輸 等 所有 國家 都 必須 公開 資訊 讓 各國 的 情況 公開 透明 我們 必須 確保 疾病 不會 傳播 出去 必須 十分 謹慎 確保 不 會 再 爆發 大 流行 他 曾和 哥倫比亞 約翰霍普金斯 及 史丹佛 等 大學 的 同僚 討論 過 何時 回歸 正常 生活 我們 還 在 思考 我們 都還 沒有 準備 好 何時 全球 能 陸續 恢復正常 生活 陳建仁 表示 他 曾經 預測 5 月底 但 很 難 預料 不過 他 認為 歐洲 疫情 已 過 顛 峰 期 正 在 趨 緩 而 美國 還 在 攀升 中 希望 5 月底 看 得 到 疫情 的 曙光 他 說 我們 對於 無 症狀 和 輕 症 必須 非常 小心 如果有 健全 的 通報 體制 就 可以 檢測 出現 輕度 呼吸道 症狀 的 患者 然後 確定 可能 的 感染 源 能 做到 這 一 步 才能 放心 說 我們 安全 了 此次 病毒 外傳 是從 市場 開始 不過 陳建仁 指出 華南 海鮮 市場 可能 不是 感染 源頭 12 月初 泰國 香港 還有 日本 都有 病例 出現 這些 病 患 也 都 沒有 去 過 華南 海鮮 市場 要 追蹤 零 號 感染 源 非常 困難 如果 零 號 病例 是 輕 症 就 永遠 找 不到</t>
  </si>
  <si>
    <t>台中 市 26 日 新增 11 例 新冠肺炎 本土 確診 個案 其中 一 名 確診 者 24 日 曾 到 健 保 署 中區 辦公室 辦 健 保 卡 其 足跡 公佈 後 健 保 署 中區 業務組 也 發出 聲明 指稱 個案 全程 配戴 口罩 且 經 酒精 消毒 後 才入 內 洽 公 櫃檯 服務 同仁 也 戴 口罩 及 防護 隔板 並 保持 社交距離 該 名 確診 者 是 西屯區 37 歲 男性 從事 寵物 美容師 及 植栽 藝術 平時 在 家 接案 未 與 客戶 接觸 他 是 25 日 確診 44 歲 工廠 作業 員 室友 據悉 是因為 免疫 疾病 5 月 24 日 上午 10 時 到 12 時曾 到 位於 西屯區 健 保 署 中區 辦公室 辦 健 保 卡 當日 淩晨 發燒 不適 至 醫院 就醫 采 檢 5 月 25 日 報告 確診 陽性 健 保 署 在 其 足跡 公佈 後 立即 發出 聲明 強調 已 全面完成 清 消 所有 同仁 加強 每日 自我 健康 監測 請 民眾 安心 洽 公 健 保 署 中區 業務組 強調 該組 完全 依 防疫 規定 所有 出入 民眾 應量 測體溫 及實 名 制 登錄 全程 配戴 口罩 且 經 酒精 消毒 後 入 內 洽 公 櫃檯 服務 同仁 亦 戴 口罩 及 防護 隔板 並 保持 社交距離 健 保 署 也 強調 因應 疫情 嚴峻 民眾 可 利用 線 上 申辦 健 保 卡 或 健 保 智能 客服 不用 出 門 就 可 完成 相關 業務</t>
  </si>
  <si>
    <t>蕭敬騰 老蕭 日前 在 上海 接種 免費 疫苗 隔 天 隨即 現身 時尚 秀 老蕭 的 經紀人 summer 今 6 日 表示 團隊 所有人 接種 疫苗 後 都 沒有 任何 不適 也 都 很 正常 的 工作 狀態 非常 好 老蕭 赴 大陸 工作 已 三 個 月 對於 臺灣 家 人 無 疫苗 可 打 summer 坦言 他 的確 很 擔心 每天 都 叮嚀 他們 不 要 出門 安排 好 乾糧 口罩 等 備用品 送到 家門口 希望 家人 儘量減少 人 與 人 的 接觸 老 蕭 今晚 受 邀 為 大陸 yy 直播 舉辦 的 首屆 66 直播 節 擔任 嘉賓 120 分鐘 節目 中 老蕭 不僅 獻 唱 皮囊 王妃 等 經典 曲 還 與 觀看 直播 的 粉絲 進行 遊戲 互動 老蕭 這 幾 個 月 行程 相當 忙 錄 大多 線上 上 與 粉絲 見面 前 幾 天 出席 時尚 秀 後臺 受訪 時 提到 如果 有 機會 和 周傑倫 林俊傑 組團 該 如何 分工 老蕭 幽默 笑 回 肯定 是 哥哥 們 不 做 的 我 來 做 因為 我 比較 全能 一點 大陸 國藥 疫苗 施打 狀況 穩定 不少 藝人 趨之若鶩 港 星 蔡少芬 日前 也 和 老公 張晉 好友 陳法蓉 前往 大陸 施打 疫苗 蔡少芬 自 曝 說實話 沒有 打 狂 犬 針 痛 接種 過程 中 她 向 醫護人員 詢問 一 天 要 打 多少 人 對方 回答 大約 100 多 人 她 身旁 老公 張晉 則 默默 地 說 欸 我 已經 打 完了 指 速度 快 到 讓 人 難以置信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最美 魚販 阿澎 劉 心語 曾在 外科 擔任 護理 師 4 年 多 眼見 本土 疫情 擴大 臺北市 長 柯文哲 緊急 召集 退職 醫護 支援前線 她 義不容辭 的 加入 團隊 昨 1 日 是 第一 天 受訓 劉 心語 在 社 群 平臺 發文 表示 彷 佛 回 到 學生 時代 但 這次 卻是 要來 打仗 的 劉 心語 擁有 護理 師 背景 上月 29 日 面試 退職 醫護 召集 令 入選 後 於 1 日 參加 首日 受訓 她 綁 著 馬尾 配戴 護目鏡 及 口罩 身穿 醫護 制服 化身 美麗 的 白衣天使 透露 很 像 回到 念書 的 時候 但 這 回 卻是 上 戰場 打仗 不 只 是 我們 很多 人 也 都 默默 付出 著 同時 劉 心語 轉述 已 在 前線 奮戰 的 朋友 貼 文 不 舍 對方 有 35 小時 全副武裝 沒 吃 沒 喝 沒上 廁所 她 向 朋友 喊話 真的 很 心疼 再 撐 一下 我們 來 了 並 呼籲 社會 大眾 繼續 堅持 防疫 工作 用 互助 互愛 的 方式 共同 走過 疫情 近日 新北 市 雙和 醫院 有名 確診 病 患 因 忍受 不了 長期 隔離 在 病房 失控 砍 傷 三 名 醫護人員 劉 心語 看到 新聞 忍不住 轉發 工會 聲明 拜 讬 大家 不要 這樣 對待 護理人員 疫情 當前 每個 人 都有 自己 的 情緒 但是 暴力 不能 解決 問題 也 沒有 誰 應該 承受 誰 的 負能量 大家 都 是 人生 父母 養 將心比心 她 請求 大家 杜絕 醫療 暴力 認同 醫護人員 不該 在 前線 挨刀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繼 口罩 之 亂 三 倍 券 之 亂 後 最近 恐 又 出現 流感疫苗 之 亂 公費 流感疫苗 才 開 打 3 天 接種 量 已 逾 126萬 劑 疫苗 非常 搶手 台大醫院 最先 傳出 疫苗 告罄 各地 醫療 院所 大排長龍 政府 主管 單位 應 儘快 向 國際 增購 或 自產 疫苗 以 超前 部署 第二 波 新冠 疫情 由於 全球 新冠肺炎 疫情 未 止 秋冬 流感 季節 又 將 來臨 專家 研 判 秋冬 流感 與 新冠肺炎 恐 同時 流行 因此 各國 都 嚴陣以待 今年 政府採購 的 流感疫苗 量 估計 可 涵蓋 255 人口數 與 去年 約 600萬 劑 相同 公費 加上 自費 疫苗 量 大約 800萬 劑 預估 覆蓋率 可 達 31 衛生 單位 評估 應 可 透過 群體 保護 力 降低 感染 風險 感染症 專家 黃立民 表示 由於 今年 疫情 緊張 即使 是 流感疫苗 國際 間 已 買不到 疫苗 衛生 單位 今年 一定 要 配 快 一點 而 許多 國際 研究 發現 施打 流感疫苗 不但 可 減少 流感 威脅 也 降低 已 罹 患 新冠肺炎 患者 的 重症 與 死亡率 因為 在 診 間 醫生 可 透過 患者 是否 有 施 打 流感疫苗 而 快速 排除 其他 可能 確診 是否 得到 新冠肺炎 為了 避免 新冠肺炎 與 流感 症狀 常常 難以 區分 造成 臨床 上 的 判斷 困難 透過 大規模 施打 流感疫苗 可 降低 民眾 需要 被 隔離 的 機會 以及 檢疫 人員 篩檢 時 的 風險 中央 疫情 指揮中心 專家 諮 詢 小組 召集人 張上淳 指出 如果 有 接種 流感疫苗 接種 個案 發生 新冠肺炎 感染 時 嚴重度 或 死亡 度 會 降低 對於 發生 感染 有所 幫助 因此 希望 民眾 接種 越多越好 根據 南半球 國家 的 經驗 他們 的 流感疫苗 接種 率 沒 特別 高 但 流感 發生 機 率 也 不 高 顯示 預防 新冠肺炎 的 措施 也 預防 了 流感 因此 在 秋冬來 臨時 除了 疫苗 接種 外 民眾 應 繼續 維持 良好 的 衛生習慣 以 避免 病毒傳播 以 今年 12 月 的 臺灣 經驗 來看 去年 流感 接種 率 沒有 特別 高 但 到 今年 3 月 時 我們 社區 流感 發生率 幾乎 降到 非常低 顯示 戴 口罩 勤洗手 的 措施 發揮 了 功效 由於 新冠肺炎 病毒 對於 有 共 病 重症 高齡 患者 的 致死 率 偏 高 因此 衛生 單位 的 公費 流感疫苗 配額 應 優先 針對 上述 對象 施打 同時 在 國內外 新冠 疫情 可能 在 秋冬 大規模 捲土重來 之前 政府 也 應 鼓勵 民眾 針對 三高 症候 群 慢性病 等 疾病 先 求醫 診治 並 維持 良好 衛生習慣 至 人 多 密集 處 記得 戴 上 口罩 保持 社交距離 勤洗手 常量 測體溫 不可 因 臺灣 新冠 確診 個案 少 就 鬆懈 一定 要 維持 防疫 新 生活 以 迎戰 第二 波 的 新冠 疫情 作者 為 國立臺灣大學 醫學院 名譽教授</t>
  </si>
  <si>
    <t>看來 nba 想要 重新 開 打的 日子 仍 很 遙遠 根據 美國 塞 頓 霍爾 大學 史蒂爾曼 商學院 做出 民 調 高達 7 成 2 的 美國 民眾 在 還 沒 開發 出 新冠 疫苗 之前 就算 體育賽事 恢復 舉辦 他們 也 不 去 現場 看球 甚至 7 成 6 民眾 希望 比賽 採取 閉門 方式 進行 甚至 針對 喜愛 現場 觀看 體育賽事 的 球迷 做 民 調 也 有 6 成 1 球迷 表態 在 沒有 疫苗 之前 不會 前往 現場 觀看 球賽 只 有 大約 1 成 2 民眾 認為 如果 能夠 保持 一定 的 社交距離 他們 才 會 考慮 前往 現場 看球 代表 新冠 疫情 仍 帶 給 體育賽事 很 大 打擊 就算 部分 體育賽事 有望 重新 開 打 只 有 1 成 3 民眾 認為 還 能 安心 在 現場 看球 看起來 絕大部分 的 美國 民眾 仍 不 願意 冒著 可以 感染 新冠肺炎 的 風險 現場 看球 可 是 目前 醫療 專家 認為 在 2021 年 之前 都 不太可能 研發 出新冠肺炎 的 有效 疫苗 當前 最 有 可能 的 折衷 方式 是 閉門 比賽這項 提議 獲得 7 成 6 民眾 的 支持 也 都 願意 透過 電視 或 網路 直播 方式 收看 比賽 且 對 體育賽事 的 興趣 不 會 降低 卻 有 將近 4 成 6 的 美國 民眾 悲觀 認為 今年 所有 的 體育賽事 都會 面對 無奈 取消 的 命運</t>
  </si>
  <si>
    <t>一 名 一 歲 半 女嬰 發燒 咳嗽 流 鼻 水 多 日 因 活動力 變 差 被 媽媽 緊急 抱 到 醫院 就診 經 症狀 判斷 主要 是 細 支氣管 發炎 所 造成 住院治療 3 天 後 病情 受到 控制 未 料 卻 開始 有 呼吸 急促 和 喘 鳴 現象 血 氧 濃度 也 降低 病毒 培養 結果 出爐 竟是 呼吸道 融合 病毒 在 作怪 呼吸道 融合 病毒 咳嗽 飛 沫 會 傳染 林 口 長庚醫院 兒童 胸腔 科 邱志勇 醫師 表示 呼吸道 融合 病毒 主要 是 在 秋冬季 節 流行 經由 咳嗽 飛沫傳染 大多數 感染 2 歲 以下 的 嬰幼兒 感染 初期 症狀 和 一般 的 感冒 極為 類似 像是 發燒 咳嗽 流 鼻 水 不同 的 是 這 只 病毒 會 造成 下 呼吸道 上皮 細胞 的 破壞 導致 細 支氣管 水腫 發炎 不過 由於 嬰幼兒 的 細 支氣管 比較 細小 稍微 水腫 便 會 造成 呼吸道 阻塞 出現 類似 氣喘 發作 的 喘 鳴 聲 嚴重 時 可能 導致 呼吸 急促 困難 甚至 發 紺 及 呼吸衰竭 氣管 擴張劑 呼吸 治療 與 氣喘 使用 類固醇 不同 治療 上 最 重要 也 是 最 關鍵 的 就是 給予 嬰幼兒 經過 溫熱 潮濕 處理 過 且 足夠 的 氧氣 邱志勇 提及 雖然 適時 給予 氣管 擴張劑 呼吸 治療 會 有所 幫忙 但是 跟 氣喘 急性 發作 時 需要 使用 到 類固醇 有 很 大 的 不同 呼吸道 融合 病毒 會 不 會 變成 氣喘 邱志勇 醫師 說 感染期 的 嬰幼兒 大多數 會 發生 類似 氣喘 的 喘 鳴 呼吸聲 但 因為 兒童 氣喘 的 發生 較為 複雜 不僅 包含 了 遺傳基因 和 環境因素 感染 到 病毒 也 是 會 引起 氣喘 兒 的 急性 發作 呼吸道 融合 病毒 與 氣喘 無關 戴 口罩 勤洗手 為 預防 上策 雖然 不能 排除 感染 到 呼吸道 融合 病毒 的 嬰幼兒 可能 是 潛在 的 呼吸道 過敏 的 小朋友 不過 目前 的 研究 顯示 嬰幼兒 時期 感染 到 呼吸道 融合 病毒 產生 喘 鳴 聲 和 之後 是否 會 發生 兒童 氣喘 是 沒有 相關 的 所以 這 部分 家長 可以 不 用 過度 擔心 邱志勇 提醒 除 了 新冠 病毒 因為 季節 變化 再度 在 國際 上 捲土重來 外 還有 呼吸道 融合 病毒 及 蠢蠢欲動 的 流行性 感冒 病毒 必須 提高 警覺 千萬 不能 鬆懈 要 配合 政府 防疫 政策 戴 口罩 勤洗手 保持 適當 社交距離 以 防範 新冠 病毒 的 爆發 也 保護 自家 嬰幼兒 免遭 呼吸道 病毒感染 編輯 梁 惠明</t>
  </si>
  <si>
    <t>youtube 頻道 訂閱 117萬 的 劉沛 來自 美國 加州 2012 年 為了 圓 歌手 夢 飄洋過海 到 台 參加 中視 超級 星光 大道 因緣際會 轉型 為 youtuber 去年 2 月 在 美國 與 交往 許久 的 美 根 結婚 今年 3 月初 宣佈 懷孕 眼看 臺灣 本土 疫情 嚴峻 兩 人 擔心 寶寶 的 健康 決定 飛 回 美國 打 疫苗 待產 劉沛 9 日 上架 以 我們 決定 要 回 美國 了 為題 的 新片 坦言 和美根 都 有 共識 現階段 最 重要 的 是 肚 裡 小孩 的 健康 不過 臺灣 目前 還 沒有 孕婦 可以 施打 的 新冠肺炎 疫苗 加上 兩 人 都 是 外國人 身分 不 確定 什麼 時候 輪到 他們 接種 聽 聞 家鄉 有 一 支 孕婦 也 適合 注射 的 疫苗 種種 考量 之下 決定 回 到 美國 劉沛 和美根 完成 新冠肺炎 核酸 檢測 雙雙 呈現 陰性 並 備 妥 資料 一起 將 愛犬 luna 帶 回 美國 上 了 飛機 後 發現 座位 幾乎 都滿 的 夫妻倆 不禁 驚呼 比 我 想像 更 多 人 怎麼 這麼 多 人 啊 美 根 在 飛機 上 還 忍不住 落淚 滿臉 流露 不安 的 情緒 劉沛 為了 安撫 老婆 緊緊 牽 住 她 的 手 平安 回 到 美國 第 五 天 劉沛 向 美 根 詢問 當天 搭 飛機 的 心情 美 根 感歎 最 大 的 原因 是 因為 我 懷孕 了 所有 情緒 一下 湧上來 我 覺得 我 現在 又 要 哭 了 還 有 不 知道 能 不能 回來 美國 的 壓力 就算 我 可以 回來 也 不 知道 luna 能 不能 回來 終於 在 我們 起飛時 才 覺得 真 的 要 回家 了 最後 劉沛 表示 不 確定 會 待 在 美國 多久 至少 要 等到 寶寶 平安 出生 見到 家人 也 認為 選 在 臺灣 本土 疫情 嚴重 的 時候 回去 肯定 會 招來 酸 民 的 批評 他 坦然 接受 如果 不喜歡 今天 的 影片 可以 按 不喜歡 兩 次 希望 網友 們 能 理解 他們 的 決定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臺灣 疫情 嚴峻 本土 確診 案例 連日 暴 增 單日 從 16 例 29 例 180 例 飆 升到 206 例 333 例 240 例 每天 破百 例 的 病毒 蔓延 速度 叫 民眾 心慌 慌 也 引發 許多 亂象 像是 日前 一 名 搬家 師傅 網友 po 文 控訴 指稱 一 位 自稱 是 單親 媽媽 的 客戶 百般刁難 質疑 已經 噴 過 酒精 的 家 俱 沒 充分 消毒 有 細菌 污染 等 話鋒一轉 還 委屈 的 說 自己 工作 受 疫情 影響 非常 不 穩定 因此 想 砍價 讓 原 po 不禁 無奈 表示 又 做 白工 了 引發 網友 熱 議 昨 18 日 臉書 社團 爆 怨 2 公社 一 名 搬家 師傅 網友 發文 指出 近日 他 替 一 名 女子 搬家 時 不 停 被 找碴 就算 他 已 做到 全面 防疫 穿戴 口罩 和 2 層 手套 用 膠 膜 包 覆 家 俱 以免 沾染 病毒 甚至 還 把 整罐 酒精 噴 完 但 對 方仍 處處 為難 質問 為 何家俱 不 消毒 人 沒 消毒 家 俱 裡 有 細菌 等 不僅如此 原 po 還 提到 為了 將 該 女子 各個 要價上萬 的 家 俱 搬 樓梯 上 6 樓 考量 到 安全 才 無法 在 搬運 時 噴灑 酒精 但 他 萬萬 沒 想到 顧客 瘋狂 殺價 不僅 聲稱 自己 是 單親 媽媽 要 帶 小孩 工作 遭 疫情 波 很 不 穩定 聽到 原價 4500 元 減 到 3000 元 還是 一直 嫌貴 讓 從 早上 忙 到 晚上 的 原 po 實在 受不了 最後 拿 2000 元 就 走人 並 上網 po 文 直 呼 請問 我 這樣 是 在 做 善事 嗎 又 做 白工 了 此文 一 出 不少 網友 看 了 也 覺得 該 名 女 顧客 太 超過 簡直 吃 人 夠 夠 紛紛 留言 聲援 辛苦 錢也 要 凹 這種 人 真是 夠 了 有 本事 買 名貴 的 家 俱 卻 計較 這 點 小錢 嫌貴 讓 他 自己 搬 啊 尊重 專業 搬家 師父 絕對 不 止 這 工錢 客人 太過分 了 價錢 不是 事先 談好 價 的 嗎 真 倒 楣 遇到 這 劣性 人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疫情 趨 緩 今 本土 新增 55 例 其 中北 市 新增 22 例 對此 臺北市 長 柯文哲 表示 現在 有 70 的 感染 是 家戶 感染 像是 北投區 昨 4 例 感染 全都 是 家戶 感染 呼籲 民眾 在家 吃飯 的 時間 空間 都 錯開 柯文哲 表示 北市 今 新增 22 例 確診 隔離 人數 從 3000 人 降 至 1000 人 左右 依據 臺北市 20 家 專責 醫院 的 快 篩 資料 近日 確診 數 下降 緩慢 發現 因 新增 案例 約 7 成都 是 家戶 感染 柯文哲 指出 從 統計 案例 來看 70 屬於 家戶 感染 真 的 在 社區 感染 不 多 畢竟 人 很 難 回到 家裡 後 還 戴 口罩 前 臺北市 感染 最 主要 理由 是 家戶 感染 偶 而 12 個 社區 感染 回家 一傳 染 就 4 個 北投區 昨天 有 4 例 感染 全部都是 家戶 感染 柯文哲 指出 現在 主力 感染 是 家戶 感染 要 讓 臺北 案例 再 少 一點 家戶 感染 一定 要 有 更 好 的 控制 儘管 家裡 戴 口罩 不容易 但 儘量 維持 社交距離 重要 是吃飯 必須 時間 或 空間 隔 開 因為 脫下 口罩 最 容易 成為 重要 口沫 感染 源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華視 主 播 林彥汝 上月 底 在 臉書 透露 自己 老公 和 6 歲 兒子 確診 新冠肺炎 所幸 一家 三 口 目前 已 返家 不過 林彥汝 昨 19 日 卻 在 網上 透露 她 的 婆婆 媽媽 經歷 了 31 天 折磨 雖然 戰勝 新冠 病毒 但 卻 因 細菌 進入 血液 引起 敗血症 最後 接上 葉 克 膜 維生 讓 林彥汝 自責 不孝 媽 對不起 是 我們 輕忽 林 彥 汝 心痛 發文 表示 她 的 婆婆 媽媽 歷經 31 天 的 折磨 現在 還 在 台 大加 護 病房 和 病魔 奮戰 媽 對不起 是 我們 輕忽 我們 沒 想到 小小 的 咳嗽 腹瀉 竟會 演變成 插管 治療 昨天 醫生 說 你 已經 擊敗 新冠 病毒 了 ct 值 通過 檢驗 但 細菌 卻 進入 血液 引起 敗血症 最後 得 接上 葉 克 膜 維生 林 彥 汝 心系 長輩 的 病情 她 自責 說 我們 真的 很 不孝 讓 你 獨自 面對 這些 苦難 拜 讬 你 快點 好 起來 好 嗎 雖然 林彥汝 不能 到 醫院 探視 但 她 每天 都 為 媽媽 祈禱 念經 也 為 所有 的 重症 患者 祈禱 念經 同時 林彥汝 也 寫下 我 真心 的 建議 什麼樣 的 患者 該 送醫 誰 該 送 檢疫所 誰 該 送 防疫 旅館 政府 必須 更 仔細 的 篩檢 分配 尤其 是 有 慢性病 的 老人家 林 彥 汝 透露 媽媽 原本 被 送 到 防疫 旅館 隔離 一早 卻 昏倒 在 門口 還好 被 開門 取 餐 的 爸爸 發現 緊急 送醫 林彥汝 回想 當時 情況 仍 心 有 餘 悸 還有 多少 確診 者 在 隔離 房裡 度過 生死 難關 不得而知 提醒 所有 的 確診 者 家屬 要 多 關心 多 關注 家人 的 情況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雖然 新冠肺炎 的 疫情 仍然 持續 肆虐 但 在 歐洲各國 似乎 已經 出現 了 疫情 趨 緩 的 情況 就 統計數字 來看 原本 疫情 最 嚴重 的 義 大利 死亡 人數 的 曲線 也 進入 高原期 也 就 是 累積 總數 雖 多 但 每天 增長 的 幅度 逐漸 趨 緩 美國 雖然 目前 是 全球 疫情 最 危急 的 國家 不過 在 4 月 8 日 白宮 醫療 顧問 國家 過敏 與 傳染病 研究院 院長 佛 奇 也 指出 美國 的 新冠肺炎 死亡 病例 持續 下降 並說 這 是 美國 人民 共同努力 的 成果 既然 疫情 逐漸 趨 緩 現在 各國 政府 馬上 要 面臨 的 下 一個 挑戰 就 是 怎麼 復蘇 經濟 並 讓 老百姓 的 生活 回歸 正軌 在 歐洲 疫情 比較 樂觀 的 奧地利 和 丹麥 就 宣佈 要 有 限度 地 解除 封城 雖然 現階段 還是 禁止 大型 集會 而且 出門 還是 要 保持 社交距離 但 至少 會 讓 一部分 的 小 商家 陸續 開業 並 分 階段 解除管制 奧地利 在 這次 的 疫情 表現 是 個 有趣 的 例子 雖然 一 開始 確實 比較 後知後覺 但 開始 動 起 來時 全國上下 很快 進入狀態 就 拿 口罩 這 件 事 來說 奧地利 因為 有 防堵 恐怖分子 和 恐 攻 的 反 蒙面 法 所以 不是 想 不 想 戴 口罩 的 問題 是 根本 不 准 戴 戴 了 犯法 會 被 罰 疫情 大 爆發 後 3 月 30 日 在 總理 一聲令下 政策 大 轉彎 全國 百姓 如果 要 出門 都 必須 戴 口罩 這些 所謂 西方 先進 國家 雖然 一 開始 好像 慢 半 拍 但 他們 回過 神 來 處理 公共行政 事務時 確實 知道 該 注意 的 細節 是 什麼 臺灣 因 為 17 年前 sars 的 慘痛 經驗 所以 初新冠肺炎 爆發 至今 在 防疫 方面 的 工作 都 做 得 很 好 但是 當 疫情 趨 緩 現在 坐在 疫情 指揮中心 這 一 群 以 公衛 醫學 為 專業 的 長官 們 有 沒有 讓 經濟 復蘇 百姓生活 回歸 常軌 的 因應 措施 經濟 復蘇 和 防堵 疫情 應該 是 兩 條 不 衝突 可 並行 的 道路 在 疫情 初期 我們 將 重心 放在 圍堵 疫情 所以 犧牲 了 經濟 無可厚非 但是 當 全世界 都 在 為 疫情 過去 的 經濟 活絡 做 準備 我們 依然 只 專注 在 防疫 而 忽略 其他 民生 消費 的 現實 壓力 對比 其他 國家 反 而是 先 發 後 至 了 武漢 封城 76 天 後 終於 解封 大陸 官方 隨即 宣佈 五一 假期 連 休 5 天 是 近十年 來 最 長 的 勞動節 假期 原因 就是 要 促進 國內 旅遊業 復蘇 並 拉動 消費 大家 在 疫情 期間 被 限制 被 悶 了 這麼久 肯定 有 許多 社會 壓力 要 宣洩 就 像 臺灣 剛過去 的 清明連 假 為什麼 會 有 這麼 多 人 出遊 不 也 是 一 種 報復 性 觀光 嗎 防疫 雖然 還 是 大事 不能 鬆懈 但 老百姓 在 防疫 之外 的 其他 生活 層面 尤其 是 經濟 目前 臺灣 的 主 事 者 有 沒有 能力 延續 防疫 時 的 精准 表現 繼續 為 我們 好好 把關 好好 規 畫 不要 開高走低 套 一 句 川普 想要 放寬 防疫 限制 救 經濟 的 一 條 推特 我們 的 防疫 政策 不能 比 新冠肺炎 造成 的 影響 更 糟糕 當時 的 美國 社會 能 不能 套用這 句 話 不 好說 但 現在 的 臺灣 社會 可能 就 要 好好 思考 了 作者 為 口譯 工作者</t>
  </si>
  <si>
    <t>高市 議會 將 開 臨時 會 對 如何 維持 社交距離 傷腦筋</t>
  </si>
  <si>
    <t>海軍 群 聚 感染 其中 300 多 名 官兵 設 籍 高雄 疫情 嚴重 升溫 眼看 22 日 將 開 為期 3 天 的 臨時 會 議員 官員 記者 室內 群 聚 高市 議會 忙 著 全面 消毒 但 針對 議事廳 內 恐 有 大批 議員 湧入 如何 維持 15 公尺 社交距離 議會 正 在 傷 腦</t>
  </si>
  <si>
    <t>高市 議會 社交距離 消毒 臨時 會 新冠肺炎</t>
  </si>
  <si>
    <t>全國 首 場 安心 即時 上工 就業 博覽會 竹市 登場 徵求 防疫 國家隊 隊員 勞動部 13 日 推出 安心 即時 上工 計 畫 新竹 市政府 率 全國 之 先 釋出 326 個 計時 工作 協助 各局 處 的 防疫 物資 整備 量 測體溫 等 防疫 相關 工作 3 天內 上工 首日 就 有人 謀 得 工作 市長 林智堅 指出 打工族 契約工 等 非 典型 勞工 受到 新冠肺炎 疫情 衝擊 影響 生計 市府 配合 中央 安心 即時 上工 政策 迅速 盤點 出 326 個 工作 提供 這些 打工族 計時 工作 機會 協助 市府 防疫 工作 錄取者 將 加入 衛生局 環保局 社會 處 行政處 及 民政 處 等 單位 協助 為 洽 公民 眾 量 測體溫 環境 清潔 防疫 宣 導 防疫 物資 整備 及 相關 文書 等 工作 為 防疫 工作 添 人手 也 提供 更 多 職 缺 盼 協助 受 衝擊 的 勞工 朋友 增加 額外 的 收入 達到 雙贏 勞工 處長 黃錦源 表示 今天 的 就業 博覽會 中 勞工 處 聯合 新竹 就業 中心 提供 1 對 1 專人 服務 從 提出 申請 資格 審核 提供 職 缺 現場 面試 1 次 完成 讓 民眾 省去 跑 34 個 單位 的 麻煩 且 活動 現場 媒 合 也 特別 選 在 戶外 幸福 廣場 進行 以 維持 室外 通風 社交距離 超過 1 公尺 順利完成 首場 典範 就業 博覽會 黃錦源 說 安心 即時 上工 計 畫 適用 對象 是 最近 1 次 的 月 投保 薪資 在 2萬3800 元 以下 的 勞工 另 有 投保 勞工保險 或 就業 保險 於 申請 登記 當日 前 6 個 月 內 保險 年資 合計 滿 2 個 月 以上 者 符合 資格 的 勞工 經 錄取 後 每 小時 按 基本工資 158 元 核 給 工作 津貼 每月 最高 工作 80 小時 每月 最 多 核 給 1萬2640 元 每人 最 長 以 補助 6 個 月 為 限 目的 是 協助 穩定 勞工 經濟 生活 而 安心 即時 上工 計 畫 由 全國 各 公立 就業 服務 機構 受理 民眾 申請 登記 公立 就業 服務 機構 將 推介 符合 資格 的 民眾 至 各 政府 機關 用人單位 由 用人單位 通知 錄用 及 上工 此外 為 方便 竹市 勞工 朋友 查詢 參加 此 方案 的 身分 資格 市府 也 與 勞動力 發展署 桃竹 苗 分署 推出 安心 即時 上工 線 上 報名 服務 單 民眾 將 可 線 上 查詢 是否 符合 計畫 適用 物件 並 協助 面談 及 上工 等 後續 的 工作</t>
  </si>
  <si>
    <t>韓國 朝鮮 日報 針對 24 位 全球 知名 學者 訪談 總結 出新冠肺炎 結束 後 全球 即將 發生 的 十 大 變化 這些 變化 有 可能 完全 改變 全球 社會 各 領域 行為 規則 其中 全球 產業鏈 重組 經濟 長期 低 增長 現象 對 臺灣 出口 導向 經濟 將 是 一大 挑戰 中國 國際 地位 可能 會 淩駕 於 美國 之上 更 影響 臺灣 政治 走向 一 全球化 陷入 停頓 人員 資本 不再 跨境 流動 各自 逃生 或 成為 時代 主旋律 未來 全球 產業鏈 很 有 可能 圍繞 國家 或 地區 進行 重組 反 全球化 或 成為 後 新冠肺炎 時代 的 國際 秩序 特徵 二 大政 府 成為 主流 以 戰時 標準 嚴格 管 控 新冠 疫情 或 成 普遍現象 這 似乎 預示 著 集體主義 的 回歸 三 世界 經濟 的 日本化 美 歐 雖為 阻止 經濟衰退 四處 撒 錢 但 如同 日本 所 經歷 的 失去 的 20 年 這 將 提高 國家 債務 最終 陷入 經濟 長期 低 增長 態勢 四 歐盟 存亡 危機 疫情 加重 了 義 大利 西班牙 等 南歐國家 的 經濟危機 歐盟 內部 不均 衡 問題 愈發 嚴重 五 中國 國際 地位 可能 會 淩駕 於 美國 之上 或 在 國際 上 受到 更 多 質疑 專家 對 後 新冠 時代 中國 的 地位 看法 不一 樂觀 者 認為 中國 比 美國 更 早 擺脫 新冠 危機 全球 影響力 也 將 水漲船高 六 民粹主義 抬頭 疫情 讓 很多 國家 社會 兩極分化 更加 嚴重 這 將 成為 民粹主義 的 土壤 為 阻止 疫情 蔓延 多國 關閉 的 產業 大多 是 飯館 酒店 等 服務業 一旦 大量 低收入 勞動者 失去 工作 將 拉大 社會 貧富差距 七 居家 辦公 成為 潮流 而且 居家 辦公 或 導致 家務勞動 重新分配 女性 參與 社會 經濟 活動 的 機會 或 將 提高 八 握手 將 成為 歷史 保持 社交距離 或 將 成社會 新 標準 此前 必需 面對面 解決 問題 的 領域 很 可能 出現 線 上等 新 的 替代 方式 九 或 誕生 新冠肺炎 世代 20 多 歲 的 年輕人 或 將 長期 陷入 找 工作 難 的 境地 如同 經歷 過 上 世紀 初大 恐慌 的 人們 會 保持 節約 的 習慣 一樣 新冠肺炎 也 會 給 新 一代 打上 終身 烙印 十 更 尊重 環境 新冠肺炎 可能 改變 人類 對 環境 和 科學 的 認知 認識 到 人與自然 和諧 相處 的 必要性</t>
  </si>
  <si>
    <t>新冠肺炎 全球 肆虐 臺灣 防疫 成果 驚 豔 國際 然而 清明連 假 時 許多 景點 湧入 人潮 不僅 難以 保持 社交距離 有些 民眾 甚至 未戴 上 口罩 使 民眾 憂心 防疫 恐 出現 破 口 有 評論 認為 指揮中心 罕見 一 天開 兩 次 記者會 官員 紛紛 戴</t>
  </si>
  <si>
    <t>新冠肺炎 全球 肆虐 臺灣 防疫 成果 驚 豔 國際 然而 清明連 假 時 許多 景點 湧入 人潮 不僅 難以 保持 社交距離 有些 民眾 甚至 未戴 上 口罩 使 民眾 憂心 防疫 恐 出現 破 口 有 評論 認為 指揮中心 罕見 一 天開 兩 次 記者會 官員 紛紛 戴 口罩 自保 的 動作 顯示 出 臺灣 疫情 非常 嚴峻 此外 該 評論 認為 蔡 政府 應 正視 疫情 否則 神話 破滅 是 遲早 的 事 清明連 假 墾 丁 湧入 大批 旅遊 人潮 阿里山 森林 遊樂區 花蓮東 大門 夜市 烏山頭 水庫 等 知名 觀光 景點 也 都 爆出 人潮 對此 疫情 指揮中心 則 發出 國家級 警報 警告 遊客 注意 戴 口罩 保持 社交距離 據 中 評 社 報導 蔡 政府 稱 臺灣 防疫 讓 世界 都 看見 民眾 因此 認為 臺灣 疫情 控制 得宜 4 天 連 假 則 出外 遊玩 走 春 該 評論 認為 既然 防疫 控制 的 好 民眾 趁 著 長假 出遊 為何 過程 中 還要 接到 警訊 該 評論 質疑 疫情 指揮中心 事前 難道 沒 掌握 還是 疫情 指揮中心 不敢得罪 臺灣 觀光業 者 還是 蔡 政府 根本 沒有 說實話 疫情 的 狀況 已經 更加 嚴峻 確診 病例 會 持續 攀升 該 評論 認為 疫情 中心 發出 景點 警訊 像是 馬後炮 警訊 已經 發 了 各 公司 學校 若 擔心 就 自己 去 因應 然而 評論 稱 各國 都 嚴格 對待 新冠肺炎 蔡 政府 擔心 打破 防疫 神話 因此 許多 因應 狀況 沒有 超前 部署 蔡 政府 應 正視 疫情 的 嚴峻 否則 神話 恐 破滅</t>
  </si>
  <si>
    <t>新冠肺炎 疫情 持續 口罩 酒精 等 防疫 物資 因 民眾 搶購 需求 大增 除 台酒 台糖 等 公營 酒廠 外 台 南市 政府 協調 轄內 民營 酒廠 撥 出 部分 產 線 生產 防疫 酒精 向 中央 爭取 業者 可 免征 烈酒 稅 獲得 全久榮 坤 展 2 家 酒廠 回應 加入 酒精 國家隊 行列 吧 也 是 全台 之 先 預計 每日 可 增加 10萬 瓶 350 毫升 酒精 產量 隨 著 新冠肺炎 疫情 延 燒 民眾 對 消毒 酒精 的 需求 日漸 增加 台南 市府 與 民營 酒廠 協商 14 家中 有 2 家業 者 願意 加入 75 酒精 生產 行列 並 建議 中央 采 徵用 方式 讓 業者 免稅 6 日 經濟部 舉行 研議 民營 酒廠 試辦 參與 防疫 酒精 生產 會議 中央 疫情 指揮中心 同意 並 由 南市 2 家業 者 做 區域性 試辦 再 逐步 推行 到 全台 目前 南市 有 隆田 酒廠 日產 12萬 瓶 300 毫升 酒精 天干 製藥 生產 1萬 瓶 500 毫升 酒精 全久榮 坤 展 分別 是 高粱 酒 料理 米酒 製造商 投產 後 則 日產 10萬瓶 350 毫升 酒精 初步 以 供應 原有 通路 及 南市 為主 台南 市長 黃偉哲 表示 南市 除 了 多 家 工廠 投入 口罩 國家隊 外 現在 則 有 2 家 民間 業者 率先 加入 酒精 國家隊 行列 是 全台 第一 全久榮 坤 展 願意 捨棄 部分 獲利 協助 防疫 工作 是 有 社會 責任 與 大 愛 的 企業 在 政府 民間 通力合作 下 增進 防疫 動能 也 希望 帶動 更 多 企業 加入 黃偉哲 說 包括 戴 口罩 酒精 消毒 社交距離 等 種種 防疫 措施 都 是 為了 替 臺灣 力保 一線生機 被 問到 接下來 的 防疫 他 指出 會 尊重 中央 公告 但 會 視 疫情 發展 超前 部署 包括 菜市場 夜市 賣 場 等 要 嚴格 管制 人數 五一勞動節 連 假 也 可能 取消 最 嚴重 的 狀況 就是 禁 足 封城 但 希望 不要 走 到 這 一 步</t>
  </si>
  <si>
    <t>據 路透社 報導 以色列 衛生部 1 日 宣佈 以色列 施打 輝瑞 疫苗 的 年輕 男性 少數 出現 心肌炎 的 症狀 其中 又 以 16 至 19 歲 男性 出現 心肌炎 比例 為 最高 對此 輝瑞 表示 並未 發現 到 較 一般 人 預期 更 高 的 心肌炎 發病率 以色列 衛生部 公佈 的 調查 研究 顯示 在 2020 年 12 月 至 2021 年 5 月 期間 總計 超過 500萬 人 接種 輝瑞 疫苗 其中 275 人 出現 心肌炎 大部分 出現 心肌炎 的 患者 住院 時間 不 超過 4 天 95 的 人 症狀 輕微 這項 研究 由 3 個 專家 團隊 所 進行 此外 研究 發現 16 歲 至 30 歲 的 男子 在 接受 第二 劑 輝瑞 疫苗 施打時 很 可能 出現 心肌炎 其中 又 以 16 歲 至 19 歲 的 男性 最 容易 出現 該 症狀 不過 輝瑞 則 在 聲明 中 堅稱 接種 輝瑞 疫苗 不 會 出現 心肌炎 該 公司 已 收到 以 色 對 心肌炎 的 報告 會 徹 查 不良 品 並 定期 與 以 國 衛生部門 會面 以 掌握 最新 資料 事實上 在 這 份 研究 報告 出爐 之前 以色列 已 延後 12 至 15 歲 的 青年 接種 疫苗 不過 就 在 報告 正式 公佈 之 際 以 國 官方 已 批准 12 至 15 歲 的 青少年 接種 疫苗 最 快下 周 便 可 開始 施打 以色列 疫情 因應 協調員 艾希 nachman ash 強調 疫苗 的 功效 遠大 過 風險 美國 疾病 管制 暨 預防 中心 cdc 下 的 諮 詢 小組 5 月 時 建議 應 進一步 研究 心肌炎 與 mrna 疫苗 施 打的 關聯 性 包括 輝瑞 與 莫德納 研發 的 疫苗 都 是 mrna 疫苗 儘管 心肌炎 的 發生 案例 比 預期 低 但 該 小組 還是 認為 藥廠 應 提出 潛 在 不良 事件報告 路透社 指出 以色列 疫苗 接種 率 在 全球 名列前茅 接種 率 約 55 目前 新冠肺炎 每日 確診 數 已 由 1萬 例 降 至 100 多 例 經濟 已 開始 開放 社交距離 限制 也 解除 進入 餐館 所 需 的 綠色 疫苗 通 行政 也 放寬 但 旅遊 入境 限制 仍 存在</t>
  </si>
  <si>
    <t>彰 化 縣 新冠肺炎 疫情 嚴峻 確診 人數 突破 160 人 辛苦 的 警 醫護 守 在 第一線 守護 人民 1 日 晚間 彰 化 縣 田中 警 分局 闖入 一 名 男子 送 來 6 大 箱 總計 1萬2千 片 口罩 林男 表示 為了 感謝 第一線 員警 用 行動 力挺 提供 給 第一 線 執行 防疫 工作 的 員警 使用 讓 員警 驚訝 大 呼 好 暖 心 超 暖 心 1 日 晚間 10 點 左右 林姓 男子 獨自 開車 到 田中 分局 搬運 自家 工廠 生產 的 醫療 用 口罩 要 送給 員警 表示 為了 感謝 員警 人員 平時 維護 治安 交通 工作 之外 現在 還要 投入 防疫 稽查 等 相當 辛勞 口罩 要 捐贈 給 第一 線 執行 防疫 工作 的 員警 使用 讓 警方 不用 為了 防疫 物資 不足 而 受到 影響 田中 警 分局 表示 林姓 口罩 廠 負責人 來自 社頭 相當 低調 當天 送來 以後 他 表示 希望 藉 由 這 微薄 之 力 來 保護 第 一線 的 員警 讓 員警多 一 分 保障 一起 度過 這個 嚴峻 的 疫情 也 希望 能 為 在 地 鄉親 為防疫 工作 盡 一點 心力 同時 感謝 警方 的 努力 田中 分局長 鄭 頴 聰 說 隨 著 新冠肺炎 疫情 持續 升溫 警方 站 在 第一線 強力 執法 取締 及 宣導 讓 相關 防疫 物資 需求 不斷 增加 感謝 在 地 企業 捐贈 口罩 未來 將 發配 給 第一 線 外勤 單位 的 同仁 使用 站 在 前線 防疫 的 員警 防疫 工作 更 是 不可 鬆懈 也 提醒 民眾 務必 保持 社交距離 外出 時 口罩 戴 好 戴 滿 勤洗手 避免 群 聚 保護 自己 也 保護 他人</t>
  </si>
  <si>
    <t>國內 疫情 趨 緩 儘管 防疫 2 級 警戒 11 月 2 日 不 會 調 降 但 管制 措施 將 大幅 鬆綁 行政院長 蘇貞昌 今天 宣佈 11 月 2 日 起 ktv 可以 不 用 戴 口罩 看 電影 搭 客運 與 雙鐵 都 開放 飲食 集會 也 不再 受 人數 限制 而 八大 行業 也 分 階段 規劃 鬆綁 相關 實施 時程 與 細節 由 指揮中心 宣佈 蘇貞昌 今 主持 行政院 會後 由 政 院 發言人 羅秉成 轉述 會 中 結論 表示 目前 全球 每日 新增 約 40萬 確診 數 臺灣 因 全國同胞 共同努力 已 連續 60 天 本土 確診 個 位數 累積 超過 30 天 零 確診 另 由於 目前 疫苗 愈來愈 充足 希望 今年底 前 能 將 第二 劑 的 施打 率 沖高 到 6 成 交通部 指出 現行 交通 場站 內 均 已 開放 飲食 故 在 維持 基本 防疫 條件 下 全面 鬆綁 交通 運具 內 飲食 限制 包含 台鐵 及 高鐵 列車 內 公路 客運 及 遊覽車 內 以及 國內 線 班機 與 船舶 內 在 維持 適當 社交距離 下 鄰近 無 旅客 或 旅客 有 配戴 口罩 下 可 開放 飲食 另 郵局 營業 區域 亦可 在 前 開 條件 下 開放 飲食 此外 指揮中心 解除 室內 80 人 室外 300 人 的 容留 管制 規定 因此 交通部 轄 管 國家 風景區 及 觀光 遊樂業 也 配合 取消 容留 量 上限 為 承載 人數 80 的 規定 不 另訂 上限 蘇貞昌 稍 早 在 院會 中 也 表示 和 指揮中心 等 部會 討論 過後 11 月 2 日 起 民眾 到 ktv 唱歌 可以 不用 再 佩戴 口罩 集會 人數 也 不 會 再 受 限制 另外 八大 行業 也 會分 階段 鬆綁</t>
  </si>
  <si>
    <t>台南 首度 出動 無人機 防疫 黃偉哲 夜市 宣 導 社交距離</t>
  </si>
  <si>
    <t>新冠肺炎 疫情 升溫 中央 疫情 指揮中心 1 日 起 建議 民眾 采 安全 社交距離 人 與 人間 隔 1 公尺 但 在 人群 聚集地 仍 有 民眾 未 聽 勸 台南 市長 黃偉哲 昨晚 會 同台 南市 消防 局 通訊 義 消 中隊 在 夜市 等 人群 上空 操作 無人機 吊 掛 大聲 公宣導 防</t>
  </si>
  <si>
    <t>無人機 黃偉哲 台南 防疫 社交距離</t>
  </si>
  <si>
    <t>本 周 美國 又 有 新 的 州 不顧 公共 衛生 專家 的 警告 準備 解除 為 控制 疫情 實施 的 限制 舉措 而 白宮 預計 4 月 的 失業率 將 達到 16 或 更 高 科羅拉多 密西西比 明尼蘇達 蒙 大拿 和 田納西州 將 加入 嘗試 重 啟 經濟 的 行列 而 這些 州 沒有 衛生 專家 所稱 防止 疫情 反彈 所 需 的 檢測 和 接觸 追蹤 的 基礎 設施 無法 保障 民眾 的 生命安全 在 一個 月 的 封鎖 之後 喬治亞 奧克拉荷馬 阿拉斯加 和 南卡羅來納 已經 採取措施 重 啟 經濟 這些 前所未有 的 限制 措施 導致 3 月中 以來 有 創紀錄 的 2650萬 美國 人 申請 失業 救濟 美國國會預算辦公室 cbo 週五 預計 第二 季 經濟 年率 將 萎縮 近 40 cbo 預計 即使 是 明年 平均 失業率 也 將 在 10 以上 白宮 經濟 顧問 哈西特 kevin hassett 對 記者 表示 美國 4 月 失業率 可能 達到 16 甚至 更 高 我 認為 未來 幾 個 月 將 非常 可怕 哈西特 周日 表示 你 將 看到 的 數字 將是 我們 所見 過 的 最 糟糕 的 在 全美 各地 爆發 抗議 活動 要求 解除 居家 令 之際 田納西州 表示 週一 將 允許 餐館 重新 開 門 密西西比州 的 居家 令 也 在 同一天 到期 蒙 大拿 州 將 允許 企業 週一 復工 但 前提 是 他們 需 限制 產能 和 實施 社交距離 明尼蘇達州 將 允許 部分 企業 週一 復工 工業 製造業 和 在 辦公室 工作 的 8萬 至 10萬 人 將 重 回 工作崗位 科羅拉多州 的 民主黨 州長 jared polis 允許 可 路邊 取 貨 的 零售店 週一 恢復 營業 美髮 店 理髮店 和 刺 青店 週五 可以 營業 零售店 餐廳 和 電影院 之後 也 將 開放 但 大多數 州 解除限制 舉措 的 步伐 並 不 統一 比如 丹佛 將 居家 令 延期 至 5 月 8 日 但 城市 居民 可 駕車 到 附近 的 縣城 理髮 喬治亞 禁止 地方 實施 比 州 法 更 嚴格 的 法規 有 八 個 州 從未 命令 居民 呆 在 家中 他們 是 阿肯色州 愛荷華州 內布拉斯加州 北達科他州 奧克拉荷馬州 南達科塔 州 猶他 州 和懷 俄 明州 幾 項 民 調 顯示 多數 美國 人 希望 待 在 家中 以防 感染 新冠 病毒 儘管 這 會 對 經濟 有 影響</t>
  </si>
  <si>
    <t>香港 新冠肺炎 確診 人數 近日 不斷 飆 升 衛生防護 中心 表示 今 20 日 激增 48 例 確診 再創 單日 新 高 其中 新增 的 病 患 絕大部分 是 國外 返 港 人士 及 他們 的 緊密 接觸 者 包括 8 名 留學生 其他 確診 人士 大多 由 歐美地區 旅遊 返回 據 東網 報導 香港 衛生 署 衛生防護 中心 傳染病 處 主任 張 竹君 在 記者會 上 表示 今日 新增 個案 包括 25 男 23 女 年齡 介乎 於 4 至 69 歲 香港 的 累計 確診 病例 至今 增至 257 宗 包括 256 宗 確診 及 1 宗 懷疑 個案 48 宗 新 確診 個案 中 有 36 宗 個案 有 外 遊 大部分 為 歐洲 有 到 新加坡 瑞士 英國 土耳其 加拿大 奧地利 泰國 及 杜拜 等 國 張 竹君 說 部分 個案 屬 密切接觸 者 另 有 個案 沒有 外 遊 紀錄 包括 一 名 計程車 司機 懷疑 由 乘客 傳染 機會 較 大 此外 尚有 一 確診 案 涉及 一 名 上周 來 港 的 菲 傭 一 名 轉機 澳洲籍 人士 一 名 曾 到 奧地利 訓練 的 運動員 以及 度 蜜月 返 港 後 確診 對於 今日 個案 創 新高 張 竹君 認為 因為 多 人 外地 回港 希望 只 是 短暫 高峰 儘量 控制 疫情 建議 市民 保持 社交距離 避免 進行 不 戴 口罩 的 活動</t>
  </si>
  <si>
    <t>新冠肺炎 持續 肆虐 全球 昨天 全球 確診 人數 突破 700萬 台 大公 衛學院 昨 公佈 香港 皇家 研究院 最新 研究 顯示 曾經 感染 sars 一樣 會 感染 新冠肺炎 提醒 民眾 即使 臺灣 大解 封 在 國際 疫情 未 結束 前 仍要 維持 洗手 戴 口罩 保持 社交距離 等 個人 習慣 台 大公 衛學院 副 院長 陳秀熙 指出 2003 年 曾 爆發 sars 外界 懷疑 若 曾經 感染 sars 產生 抗體 可能 對 新冠肺炎 免疫 據 香港 皇家 研究院 進行 香港 血清 監測 研究 物件 包括 超過 接近 2000 個 血清 其中 53 個 曾經 感染 過 sars 並且 抗體 反應 為 陽性 顯示 即使 感染 過 sars 且 產生 抗體 也 無法 保護 不受 新冠肺炎 感染 此外 陳秀熙 表示 當 全球 解封 指數 為 1 就 可以 考慮 開始 解封 若要 解 封 最好 小於 01 目前 全球 解封 指數 來到 117 全球 有 54 國家 解封 指數 小於 1 而 小於 01 可 解 封 的 國家 共 15 國 包含 臺灣 在內解封 指數 為 0049 在 全球 186 國 中 排 第 8 陳 秀 熙 也 舉 義 大利 日前 利用 配戴 式 隱藏式 感應 器 腰帶 測試 戴 口罩 與 所 帶來 與 旁人 真正 的 社交距離 的 研究 結果 發現 有 配戴 醫療 口罩 或 自製 口罩 的 民眾 與 他人 保持 的 距離 長達 120 公分 而 未 配戴 任何 口罩 的 民眾 行人 之間 距離 僅 59 公分 陳秀熙 表示 可見 戴 口罩 還有 視覺 刺激 可使 社交距離 增加</t>
  </si>
  <si>
    <t>本土 疫情 肆虐 各行各業 經濟 受 嚴重 波及 可 行政院 提出 的 紓困 40 方案 卻 平息 不了 民怨 如 行政院 日前 為 緩解 打工族 停 班 壓力 再 拍板 投保 薪資 2萬3100 元 以下 的 兼職 時 薪 人員 可 領取 1萬 元 生活 補貼 但 消息 曝光 後 隨即 引來 沒 領到 補助 的 正職 勞工 不滿 認為 中央 要 這樣 一直 追加 補助 不如 直接 推行 普 發 受 疫情 影響 國內 民不聊生 許多 沒 班 可上 的 打工仔 生活 陷入 難以想像 的 困頓 勞動部 日前 因此 特別 召開 就業 安定 基金 管理 會 擬 讓 今 2021 年 4 月 30 日前 有 投保 且 薪資 在 23100 元 以下 的 打工族 領取 1萬 元 生活 補貼 若 領取 其他 部會 相關 補貼 則 不 可 重複 領取 預估 這項 紓困 政策 全台 有 41萬 人 適用 今日 行政院 也 正式 通過 該 方案 可 消息 一 出 同樣 受 疫情 所 苦 卻 一 分 紓困 也 領 不 到 的 正職 勞工 超級 不爽 認為 自己 明明 也 是 疫情 受災戶 拿 不 到 中央 補助 也 就 算了 如今 還 乖乖 繳稅 被 中央 當 提款機 不僅如此 ptt 上 還 有 鄉民 直言 稅 是 我 在 繳 錢 是 別人 爽 單身 上班族 都 不用 養父母 顧家 感謝 社會 中流砥柱 們 的 付出 疫苗 最後 打 紓困 領 不到 稅金 年年 繳 做 正職 的 都 該死 這個 社會 不 需要 正職 員工 我 他 x 每天 工作 領 超過 最低 薪資 我 活該 命 x 其中 更 有 不少 網友 向 政府 喊話 建議 補助 方案 一直 追加 何不 乾脆 考慮 普發 並 留言 強調 普 發排 富 是 會 死 嗎 偏 要 自己 用 一 堆 鳥 設定 這樣 綁 法 票 又 不 會 比較 多 普 發 就 好 搞 一 堆 有的 沒 的 一直 追加 年薪 50萬 以下 無 房產 的 直接 普 發不 就 解決 了 早 說 了 普發 最 公平 什麼 鬼 要 這樣 發 乾脆 普發 就 好 了 啊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國內 疫情 延 燒 不斷 連帶 讓 疫苗 議題 備受 關注 對此 有 多年 國際貿易 經驗 的 自營商 李 宗穎 在 網路 提醒 各界 國際 商業 談判 有 許多 不為 外人 知 的 眉 角 何況 疫苗 當前 已經 是 戰略物資 所以 別 再 濫 發 仇恨 唱 衰 的 言論 這 只 會 挑起 臺灣 更 多 似是而非 的 網路 謠言 加上 李宗穎 醫藥界 有 很多 親友 因此 他 決定 以 淺顯易懂 的 鮮奶 說 老車 論 公開 闡述 觀點 盼 透過 己 身 實 務 經驗 讓 疫苗 議題 不再 混亂 該文 一 出 隨即 獲得 網友 大力 贊 聲 分享 高達 5800 次 以上 勝過 各路 政客 名 嘴 文中 李宗穎 以 大 賣 場 鮮奶 比喻 疫苗 冷鏈 和 保存期 限 的 問題 指 有人 拿走 一 批 牛奶 繞 了 1 圈 又 放 回 貨架 上 你 偏偏 拿 到 這 一 批 然後 你 繼續 逛 30 分鐘 排隊 結 帳 30 分鐘 又 花 30 分鐘 開車 回家 最後 花 15 分鐘 卸貨 上樓 把 鮮奶 放 入 冰箱 這 過程 就 像 冷鏈 遭 破壞 一 打開 牛奶 酸 了 結塊到 還好 至少 看 得 到 但 看不出來 又 不 小心 喝 了 肯定 拉肚子 拉 個 一兩 天 所以 冷鏈 一旦 被 破壞 保存期 限 便 立刻 失去 意義 因此 李宗穎 不 禁 提問 為何 偏偏 硬 要 進口 打 同一 批 疫苗 暗 指 港澳 使用 的 上海 複 星 bnt 複 必 泰 疫苗 接 著 李宗 穎 解釋 人 進口 臺灣 叫 簽證 貨 進口 臺灣 叫 憑證 藥 進口 臺灣 叫 藥 證 所以 藥 證 是 國與國 之間 必要 的 通行證 最近 常 出現 的 eua 緊急 使用 授權 即 國家 與 疫苗 廠 針對 緊急狀況 不得不 核發 的 緊急 藥 證 凡 通過 海關 國家 就 必須 把關 既是 緊急 通行證 就 得 由 國家 掛 保證 人命關天 更 不能 方便 當 隨便 私下 偷偷 換人 換料 換 文件 換 產地 換 工廠 換 制程 或 換 配方 因為 最後 還是 國家 照顧 你 扛起 醫療 責任 也 就 是 納稅人 共同 負擔 的 健 保 這 就 是 國家 的 責任 所以 此時此刻 一 堆 人 喊 進口 卻 從沒 去 申請 也 不 照 eua 國家 規範 就是 造謠 再來 李 宗穎 用 老車 說明 原廠 證明 稱 老車 要 轉賣 即使 引擎 號碼 車身 碼 都 是 對 的 但 少 了 原廠 證明 那 張 紙 還 是 得 直接 扣 5萬 遑 論 打到 你 身上 的 救命 藥 那 涉及 一連串 生死 責任 鏈 又 好比 賓士 原廠 驗 車 驗 過 才能 進口 臺灣 然後 你 跑 去 德國 跟 賓士 原廠 買 了 一 台 賓士 車 要 進口 你 就 以為 你 可以 不必 重新 申請 不必 重新 驗 車 喔 話鋒一轉 李宗 穎 開 酸 表示 現在 好像 很多 人 都 變成 疫苗 專家 但 對 他 而言 疫苗 重大 訊息 我 只 相信 指揮中心 而且 是 唯一標準 最後 李宗穎 提到 全球 疫苗 供需 問題 就 像 毫無 煙硝 的 第 3 次 世界大戰 也 宛如 車用 晶 片 平常 沒 啥 了不起 幾 塊 美金 就 買 得 到 但 疫情 延 燒 卻 成 了 兵家必爭 的 戰略物資 國際 政治 力 頻頻 介入 主導 台 面上 四面八方 的 政 商 勢力 大國 角力 檯面 下 暗潮洶湧 根本 早已 不是 自由 經濟 市場 而 國產 疫苗 就 像 台積電 本土 農產 是 臺灣 新 的 護 國 神 山 股價 外 更 需要 國人 用 新 的 國家 戰略 角度 來看 所有 戰略物資 糧食 都 自給自足 臺灣 才 不 會 被 敵國 掐 住 脖子 最後 李宗 穎 信心 呼籲 稱 國際 疫苗 大廠 目前 只 和 各國 中央政府 簽約 未經 cdc 指揮中心 認可 來路不明 的 疫苗 千萬 不可 亂 打 戴好 口罩 勿 群 聚 勿 摸 眼 鼻 口 保持 社交距離 最 重要 的 相信 指揮中心 相信 自己 我們 會 撐過去 的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客家 精神 以 刻苦 勤儉 聞名 連 疫苗 都 不 意外 昨 5 日 新竹 縣 竹北市 衛生 所在 臉書 po 出 施打 az 疫苗 的 情況 但 數位 卻 讓 網友 看 了 霧 煞 煞 怎麼樣 都 對 不 起來 因為 醫護人員 明明 領 用 1790 劑 疫苗 接種 卻 高 達 1955 人 原來 這 是因為 醫護人員 打完 足夠 的 疫苗 後 將 每 瓶 剩 餘 的 量 額外 施打 為 求 群體 免疫 物盡其用 的 作法 引來 大批 網友 贊 聲 超 厲害 竹北市 衛生所 也 驕傲 回應 客家人 我 驕傲 承蒙 你 根據 臉書 竹北市 衛生所 貼 文 以及 新竹 縣 竹北市 衛生所 說法 由於 臺灣 取得 疫苗 不易 能 省 一 劑 是 一 劑 該 衛生所 上下 同仁 為了 讓 100 運用 疫苗 抽 藥 時都 使出 神 之 手 每 一 劑 都 專注 仔細 的 抽出 剛好 劑量 剩 餘 疫苗 在 計算 後 也 趕緊 給 其 餘 165 名 醫護人員 接種 而且 注射 進 每 一個 人身 體內 的 劑量 是 相同 的 喔 請 不要 擔心 如此 讓 疫苗 發揮 到 最 大 效能的 做法 隨即 獲得 網友 熱烈 讚賞 紛紛 湧入 臉書 粉 專 留言 應該 抽 藥劑 抽 到 快 鬥雞 眼 了 謝謝 你們 太 厲害 了 謝謝 你們 真的 點滴 不 浪費 太強大 朝聖 謝謝 你們 替 大家 節省 了 疫苗 覺得 感人 謝謝 你們 保護 臺灣 也 包含 其他 縣 市 應該 抽 藥劑 抽 到 快 鬥雞 眼 了 謝謝 你們 被 大批 民眾 譽為 客家 之 光 竹北市 衛生所 除了 打趣 的 以 客家人 我 驕傲 回應 外 還 強調 謝謝 我們 會 更 努力 其實 全國 還 有 其他 縣 市 表現 得 更 好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苗栗縣 近日 向 全縣 移 工 下達 禁 足 令 指出 除了 上下班 外 其 餘 的 時間 一律 禁止 外出 引發 外界 非議 苗栗 在 地 民間團體 苑 裡 掀 海風 共同 創辦 人 劉育育 表示 此 政策 無非 種族歧視 也 讓 許多 縣民 憂心忡忡 根本 是 以 恐懼 包裝 歧視 希望 縣長 可以 收回 這個 政策 臺灣 國際 勞工 協會 總 幹事 吳靜如 表示 此次 的 移 工 群 聚 感染 事件 問題 根源 在 於移工 宿舍 的 環境惡劣 衛浴 設備 可能 由 10 幾 人 20 幾 人 共 用 一個 房間 少則 4 至 8 人 多 則 10 多 人 的 情況 下 移 工 在 如此 擁擠 局促 的 空間 中 根本 沒有 維持 社交距離 的 條件 才 使得 大規模 的 感染 發生 防疫 措施 首先 應該 從 移 工 宿舍 降 載 著 手 讓 移 工 能夠 擁有 真正 適於 防疫 的 空間 才 能夠 阻斷 大規模 群 聚 感染 的 可能 苗栗 縣議員 宋 國鼎 說 縣長 6 月 7 日 發佈 全縣 移 工 禁令 指出 除了 上下班 外 全面禁止 外出 上下班 要 團 進 團出 採買 由 村裡 幹事 負責 並 請 警員 隨時 稽查 但 這些 族群 並 沒有 較 高 傳染性 反而 引發 民眾 恐慌 苗栗 縣議員 陳 品 安 提及 苗栗縣 禁 足 令 像 在 抓 戰犯 一樣 但 苗栗縣 很多 移 工 與 長輩 相依為命 但 他們 也 被 禁止 外出 買 菜 倒 垃圾 那 要 如何 生活 台 權會 秘書長 施逸翔 說 憂心 會 有 許多 單位 陸續 仿效 禁令 如 近期 就 有 社區 就 明文禁止 移 工 外出 獵 巫 的 作法 與 此次 苗栗縣 做法 相仿 苗栗 應立即 撤回 移 工 禁令</t>
  </si>
  <si>
    <t>衛福 部長 陳時中 26 日 宣佈 因應 本土 疫情 持續 嚴峻 宣佈 強化 新冠肺炎 第 三級 疫情 警戒 的 五大 管制 請 全國 民眾 持續 落實 遵循 與 政府 共同努力 嚴守 社區 防線 相關 強化措施 及 裁 罰 如下 一 民眾 外出 時應 全程 佩戴 口罩 一經 查獲 有 違反 情事 不再 勸導 逕予 開 罰 二 經 公告 應 關閉 之 休閒 娛樂場所 將 嚴查 不得 營業 查獲 違法 營業 者 對 業者 現場 執業 人員 消費 及 聚會 者 依法 分別 裁 罰 三 全國 餐飲業 一律 外帶 賣 場 及 超市 加強 人流 管制 並 呼籲 民眾 少去多 買 一 次 購 足 四 結婚 不 宴 客 喪禮 不 公祭 五 宗教 集會 活動 全面 暫停 辦理 宗教 場所 暫不 開放 民眾 進入 指揮中心 提醒 外出 時有 飲食 需求者 得 在 與 不 特定 物件 保持 社交距離 或有 適當 阻隔 設備 之 情形 下 於 飲食 期間 暫時 取下 口罩</t>
  </si>
  <si>
    <t>一 片 雲有 多重 泡 面 為什麼 是 卷 的 這些 科技 冷 知識 的 答案 都 在 今夏 最 夯 的 解密 科技 寶藏 未來 考古 互動 科技展 解密 科技 寶藏 在 臺北 花博 園區 流行 館 開幕 以來 已 吸引 超過 近 萬 人次 參觀 親身 體驗 疫情 過後 最熱 門 的 零 接觸 15 公尺 經濟 包括 無人 商店 專屬 ai 教練 等 讓 參觀者 直 呼 科技 好 神奇 解密 科技 寶藏 未來 考古 是 經濟部 技術處 主辦 展示 工研院 及 研發 法人 長期 投入 的 研發 成果 例如 新冠肺炎 疫情 延 燒 全球 帶來 新 常態 new normal 生活 遠 距 工作 防疫 社交距離 衍生 出 的 15 公尺 經濟 現場 展出 許多 零 接觸 數位化 等 科技 可 協助 產業 快速 掌握 後 疫情 新 商 機 15 公尺 經濟 強調 拉開距離 並 減少 接觸 頻率 工研院 的 易取 智慧 貨架 是 一 座 拿 了 就 走 的 微型 智慧 商店 能 高 精准 辨識 商品 取 放 為 消費者 帶來 全新 且 便利 的 購物 體驗 智慧 貨架 便於 快速布建 更 可 擴大 應用 於 多種 場 域 如 無人 物料 室 倉儲 管理 等 講臺 語 也 能 通 的 台 語 點歌機 結合 自主 開發 的 語音 喚醒 技術 台語 語音 辨識 技術 自然語言處理 技術 與 台語 語音 合成 技術 讓 你 不用 接觸 動 動 口 就 能 輕鬆 以 台語 點歌 播放 此外 也 針對 不同 的 科技 生活 領域 介紹 人們 意想不到 的 科技 冷 知識 例如 一 片 雲 有 多重 泡 面 為什麼 是 卷 的 atm 鍵盤 為什麼 是 金屬 的 從 生活 中 發現 科學 的 秘密 現場 最 受 歡迎 的 排隊 互動 展品 首 推 涼 感 科技 鞦韆 及 智慧 投籃 機 涼 感 科技 鞦韆 結合 工研院 開發 的 熱電 致冷 晶 片 模 組 鞦韆 坐 墊 會 隨 著 擺 蕩 降溫 智能 投籃 機 整合 肢體 骨架 視覺 辨識 技術 與 演算法 協助 訓練 籃球 選手 投出 黃金 抛物線 提高 投射 命中率 幫助 教練 球員 輕鬆 獲取 訓練 記錄 建構 球員 投籃 動作 記憶 與 準確度 解密 科技 寶藏 未來 考古 除了 各項 創新 科技 與 互動 展示 外 週六 與 週一 還 有 不同 主題 的 科技 職 人 講座 與 手 創 工作 坊 如 22 日 將 由 塑膠 中心 博士 邱政文 與 生物 藝術家 曹存慧 以 形 塑 未來 shape the future 概念 談起 從 物質 的 生命 帶出 面對 環境 永續 的 多層次 想像 與 反思 29 日 將 由 金屬 中心 博士 楊光勳 與 科幻 設計 研究 專家 鄧建國 帶 您 一同 瞭解 科幻世界 的 機器人 想像 與 現實</t>
  </si>
  <si>
    <t>大陸 國家 衛健 委 宣佈 截至 7 日 大陸 全國 高風險 地區 清零 中 風險 地區 下降 到 3 個 同時 對 中秋 國慶 假期 是否 可以 外出 旅行 疫苗 接種 情況 如何 等 問題 大陸 國務院 聯防 聯控 單位 指出 在 假期 期間 不 提倡 聚集 和 聚會 尤其 是 不 允許 大規模 的 聚集 中 疾 控 專家 7 日 表示 在 目前 全球 新冠肺炎 疫情 流行 的 嚴峻形勢 下 外防 輸入 的 壓力 依然 很 大 中秋 國慶 假期 不 提倡 公眾 在 假期 聚集 和 聚會 尤其 不 允許 大規模 聚集 公眾 不能 前往 中 高風險 地區 所在地 為 中 高風險 地區 的 公眾 也 不能 出行 出 行前 先 瞭 解 目的地 的 疫情 防控 等級 不 去 中 高風險 地區 出行 中 做好 個人 防護 戴 口罩 勤洗手 保持 手 衛生 保持 社交距離 截至 6 日 大陸 累計 報告 新冠 疫苗 接種 總 人數 達到 10億9500萬 覆蓋 總人口 的 776 完成 全程 接種 的 有 9億6972萬 人 12 17 歲 人群 目前 已經 接種 1億6228萬 劑 次 針對 個別 地區 不 允許 未 接種 新冠 疫苗 人群 進入 超市 等 重點 公共場所 學生 被 拒絕 入校 單位 組織 人員 到 外地 接種 等 現象 大陸 國務院 聯防 聯控 單位 已 專門 召開 會議 要求 各地 及時 糾正 避免 簡單化 一刀切 大陸 已 部署 了 滅 活疫苗 重組 蛋白 疫苗 腺病毒 載體 疫苗 核酸 疫苗 減 毒 流感 病毒 載體 疫苗 5 條 技術 路線 目前 已 實現 5 條 技術 路線 臨床 試驗 的 全 覆蓋 滅 活疫苗 已 有 3 款 獲 國家藥監局 附 條件 上市 批准 並 正在 大陸 國內 開展 大規模 接種 2 款 獲 大陸 國家藥監局 同意 緊急 使用 同時 也 正 在 國外 開展 期 臨床 試驗 國務院 聯防 聯控 單位 指出 各地 協調 配合 做好 疫苗 跨 地區 接種 資訊 管理工作 接種 單位 在 完成 接種 後 及時 為 接種 者 提供 預防接種 憑證 群眾 可 根據 接種 憑證 完成 續種 大陸 正 積極 推進 全國 免疫 規劃 資訊 系統 互聯互通 目前 尚未 實現 接種 資訊 跨 省 互聯互通 的 地區 民眾 仍需 在 接種 後續 劑 次 疫苗 時 提供 接種 單位 出具 的 紙質 版 憑證 按照 憑證 記錄 接種 後續 劑 次 的 疫苗</t>
  </si>
  <si>
    <t>國內 疫情 嚴峻 但 仍 有 民眾 學 不 乖 持續 進行 群 聚 活動 今 8 日 晨 高雄市 一 棟 大樓 就 傳出 麻將 聲 新興 警方 獲 報 後 隨即 前往 臨檢 發現 6 人群 聚 中 有 5 人 未戴 口罩 於是 趕緊 蒐證 查扣 現場 麻將 塑膠 籌碼 向 衛生局 舉報 裁 罰 當時 賭客 供稱 因為 宅 在家 太 無聊 才 約 朋友 打牌 輸 的 人 還 承諾 要 請 大家 吃 烤 雞 豈料 這次 群 聚 裁 罰 每人 至少 吃 上 6萬 元 罰 單 總計 得 付出 36萬 元 代價 據 警方 指出 高雄市 某 大樓 的 一 間 屋子 深夜 時 燈火通明 傳出 疑為 洗 麻將 的 聲響 警方 因此 在外 埋伏 趁 25 歲 蔡姓 女子 開門 外出 時 攔 查 並 進屋 查訪 確認 現場 共計 4 男 2 女 群 聚 打牌 所有人 身上 並 無現金 警方 遂 查扣 塑膠 籌碼 近 1萬2千 元 並 將 6 人 依 傳染病 防治法 社會秩序 維護 法 送 辦 據 瞭解 這 場 群 聚 是 由 27 歲 李姓店 長 主 揪 他 表示 牌 咖 全是 自己 朋友 和 離職 員工 非 賭客 也 否認 有 開 賭場 營利 實在 是 大 家宅 家 救國 悶 壞 才 觸 法 相約 打牌 並說 好 最 輸 的 人 請 全部 吃 烤 雞 但 由於 群 聚 打 麻將 一 人 至少 罰 6萬 元 6 人 總計 36萬 元 以 美 式 賣 場 好 市 多 costco 189 元 烤 全 雞 來說 36 萬能 買 約 1900 只 由此可見 為 解悶 群 聚 打牌 實在 得不償失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肆虐 全球 長 達 近 2 年 而 臺灣 守 了 1 年 多 的 平靜 生活 也 在 上個月 被 猛 爆出 的 本土 疫情 打破 全台 進入 三級 警戒 已經 超過 3 周 雖然 確診 數 下降 但 每天 的 死亡 數字 仍 是 讓 人 聽 了 心驚 而 藝人 賈永婕 為此 熱血 跳 出來 號召 捐 救命 神 器 hfnc 高 流量 氧氣 鼻 導管 全 配系 統 各界 朋友 紛紛 響應 包含 因 失言 風波 而 沉寂 一 整年 的 歌手 范瑋琪 讓 不少 網友 改觀 紛紛 到 她 臉書 道歉 並 致謝 而 範瑋琪 也 打破 沉默 罕見 發文 回應 臺灣 本土 疫情 雖 下降 但 指揮官 陳時中 表示 仍 沒有 放鬆 的 本錢 因為 死亡率 跟 重症 比例 仍 相當 高 讓 民眾 聽 了 也 感到 惶恐 而 除了 推進 疫苗 接種 進度 外 藝人 賈永婕 更 熱心 為 醫護 補血 號召 捐 救命 神 器 hfnc 集 各方 親友 之 力 一 捐 就 是 330 台 並 跟 廠商 努力 拼 在 3 天內 就 交到 各家 醫院 手中 之後 還 會 持續 增加 與此同時 還每天 給 醫護 送 一百 個 便當 支援 讓 眾人 相當 感動 她 與 友 人們 的 善心 而 過去 因 口罩 出口 問題 鬧 出 失言 風波 的 歌手 范瑋琪 她 跟 老公 的 名字 出現 在 賈永婕 公開 的 hfnc 捐贈 名單 中 賈永婕 表示 她 在 思考 哪些 藝人 很 熱心 公益 時 想到 了 范范 夫妻 於是 打電話 過去 范範 聽 完 了 之後 也 熱血 參與 她 跟 黑人 一 人 一 台 消息 一 出 引 發熱 議 許多 人 得知 範瑋琪 跟 老公 陳建州 低調 行善 紛紛 湧入 她 的 臉書 留言 表達 感謝 謝謝 你 和 黑人 的 愛心 謝謝 你 為 臺灣 奉獻 感恩 其中 不乏 道歉 的 留言 雖然 你 去年 有些 發言 不 適當 但 你 的 愛心 還 是 很 讚賞 感謝 你 的 付出 對不起 之前 一直 黑 你 以前 罵 過 你 但 這 次 你 捐 了 救命 機器 還是 要 感謝 你 謝謝 你在 臺灣 需要 時 的 貢獻 而 這 段 時間 相當 低調 很 少 po 文 的 範瑋琪 也 難得 在 昨天 6 14 發 了 文 寫下 祝 大家 都 有 個 平安 健康 的 端午節 臺灣 加油 我們 一起 守護 回應 眾人 的 回饋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社區 感染 爆發 是 決定 地區 是否 大 流行 的 關鍵 疫情 才會 達到頂點 頂點 後 才有 下來 的 希望 臺灣 到底 有 沒有 社區 感染 爆發 官方 與 醫 界 的 看法 是 有 分歧 的 官方 一向 只 承認 有 零星 社區 感染 醫 界 則 強烈 懷疑 早已 有 社區 感染 爆發 臺灣 新冠肺炎 防疫 政策 最 大 的 不足 是 檢驗 量 能 一直 無法 有效 提升 原因 是 快 篩 一直 沒法 到位 靠 著 傳統 檢驗 方法 撐 著 量 能 大 不 起來 篩檢 的 四大 族群 有 症狀 接觸 者 社區 獲得性 肺炎 上呼吸道感染 無 症狀 接觸 者 臺灣 僅 有的 檢驗 量 能 全用 在 感染者 與 有 症狀 接觸 者 的 刻 花上 社區 獲得性 肺炎 在 3 月 29 日 才 由 陳時中 部長 口中 說出 可以 篩查 這 還 是 醫 界 催 了 3 個 月 才 有 的 結果 其他 族群 想 篩查 難度 更 高 所以 說穿 了 臺灣 根本 沒有 篩查 社區 病例 的 能力 當然 沒法 偵 測 是否 有 社區 感染 爆發 這項 缺點 指揮中心 是心知肚明 的 解決 方法 是 對 現有 檢驗 量 能 做 了 最 有效 運用 僅 篩查 有 症狀 個案 與 接觸 者 無 症狀 個案 沒法 找來 篩 無 症狀 接觸 者 則 以 居家 隔離 替代 篩查 這樣 勤儉持家 的 作法 可以 有效 運用 資源 但 仍 無 法 解答 是否 有 社區 感染 爆發 的 疑慮 在 社區 感染 爆發 的 謎底 尚未 揭曉 之前 指揮中心 其實 非常 焦慮 做出 的 政策 常會 搖擺 於 零星 社區 感染 與 社區 感染 爆發 之間 嚴格 社交距離 停課 政策 停業 政策 停止 媽祖 繞 境 及 大型 集會遊行 都 是 在 具有 社區 感染 爆發 的 政策 在 零星 社區 感染 時就 推出 是 焦慮 行為 但 很 容易 被 合理化 為 超前 部署 人民 的 權益 損失 就 自 認 倒 楣 了 在 焦慮 的 氛圍 下 唯一一 次 美麗 的 意外 是 清明節 連 假 本該 焦慮 著 依 超前 部署 的 原則 嚴格 下達 清明連 假 的 旅 運及 集會 規範 但 只 公佈 維持 社交距離 及 人口 密集 機構 全面 口罩 政策 等 軟 性 政策 並未 下 禁 足 令 造成 多 處 風景區 塞 爆 了 意外獲得 解放 的 人民 這次 意外 並 不是 錯誤 是 天上掉 下來 的 餡餅 讓 我們 得以 驗證 到底 現在 臺灣 有 沒有 社區 感染 爆發 又 這麼 巧 陳 部長 剛好 在 3 月 29 日 就 開放 社區 獲得性 肺炎 可以 篩查 新冠 病毒 醫療 院 所在 4 月 5 日後 的 14 天內 卯起來 篩查 只要 在 這 段 時間 內 臺灣 每週 新增 病例 仍然 維持 小於 11 的 常規 社區 感染 比例 臺灣 就 真正 的 沒有 社區 感染 爆發 也 解除 了 指揮中心 與 醫 界 的 疑慮 如果 真能 如此 臺灣 的 社區 疫情 清零 應該 很快 會 到來 成為 繼 中國 大陸 之後 第 2 個 社區 清零 的 地區 在 即將 到來 的 疫情 綏靖 時期 有限 的 檢驗 量 能 變成 充裕 必須 把 守 在 接觸 者 的 擴大 篩查 不但 要 向 症狀 發 生前 撈 接觸 者 還 應該 對 每 位 接觸 者 均 執行 病毒 篩查 因為 此時 已經 沒有 資格 再 忽視 無 症狀 感染者 了 臺灣 對 新冠肺炎防疫 走 到 現在 若 真 能 證實 沒有 社區 感染 爆發 大概 疫情 就 將近 尾聲 了 期間 雖有 波折 但 瑕不掩瑜 整體 結果 還 是 可圈可點 綏靖 時期 對於 過往 僥倖 逃 過 的 不足之處 應該 改善 有些 為 保持 戰果 所 必須 甚至 要 比 防 檢疫 時期 執行 得 更 嚴格 有些 則 必須 要 放 以 回復 經濟 活力 綏靖 時期 防疫 是 必須 兼顧 經濟 與 民權 的 作者 為 中華民國 防疫 學會 榮譽 理事長</t>
  </si>
  <si>
    <t>50 餘 人 參加 葬禮 全程 戴 口罩 維持 社交距離 仍 有 30 人 得 新冠肺炎</t>
  </si>
  <si>
    <t>新冠肺炎 疫情 越 演 越 烈 就算 有 維持 好 社交距離 戴 上 口罩 還是 有 可能 會 被 感染 在 美國 明尼蘇達州 的 一 場 喪禮 共有 50 多 人 參加 全程 都有 配戴 口罩 且 有 維持 社交距離 但 其中 仍 有 30 人 先 後 感染 新冠肺炎 根據 明尼蘇達州 當</t>
  </si>
  <si>
    <t>新冠肺炎 疫情 越 演 越 烈 就算 有 維持 好 社交距離 戴 上 口罩 還是 有 可能 會 被 感染 在 美國 明尼蘇達州 的 一 場 喪禮 共有 50 多 人 參加 全程 都有 配戴 口罩 且 有 維持 社交距離 但 其中 仍 有 30 人 先 後 感染 新冠肺炎 根據 明尼蘇達州 當地 媒體 明星 論壇 報 報導 上月 初有名 78 歲 老翁 因 帕金森氏症 及 併發症 死亡 其 家人 在 教堂 舉行 葬禮 共有 50 多 人 參加 且 都 有 戴 口罩 彌撒 時 也 有 保持 社交距離 但 在 葬禮 結束 沒 幾 天 就 傳出 有人 確診 最後 人數 多 達 30 人 對此 該 名 老翁 的 女兒 史黛 芬妮 stephanie schindler 回應 當時 雖然 大家 都 有 配戴 口罩 但 在 彌撒 結束 之後 大家 情緒 十分 低落 當時 就 有人 用 手 拭淚 隨後 大家 也 有 互相 擁抱 病毒 可能 就 是 藉 此 傳染 開 來 史 黛 芬妮 認為 本 起 事件 說明 就算 在 人煙稀少 的 地區 新冠肺炎 病毒 的 威脅 仍 非常 大 就算 大家 都 有 注意 防疫 戴 起 口罩 但 還是 有 許多 人 受到 感染 也 讓 大家 清楚 理解 到 新冠 病毒 的 傳染 力 有 多 可怕 更 多 ctwant 報導</t>
  </si>
  <si>
    <t>50 參加 葬禮 維持 社交距離</t>
  </si>
  <si>
    <t>新冠肺炎 疫情 升溫 夜市 是否 營業 受 矚目 南 投 縣 副 縣長 陳正升 表示 因 在 最新 的 疫情 中 南 投 縣 目前 尚未 有 確診 案例 且 緊鄰 的 台中 市 也 尚未 全面禁止 夜市 設攤 基於 縣 市 聯防 因此 南 投 縣 暫不 關閉 夜市 後續 將 視 疫情 狀況 做 滾 動式 修正 陳正升 表示 縣府 會 持續 加強 夜市 賣 場 等 公共場所 的 防疫 宣 導 要求 攤販 業者 及 逛 街 民眾 都戴 口罩 保持 社交距離 加強 各項 防疫 措施 縣府 也 要求 夜市 管委會 多 鼓勵 民眾 外帶 降低 現場 聚集 人數 減少 夜市 出入口 儘量 做到 人數 總量 管控 並能 加大 攤販 攤位 和 現場 座位 的 間距 儘量避免 民眾 聚集 至於 八大 行業 在 南 投 並不 盛行 實際上 也 是 門可羅雀 縣府 將 會 持續 宣導 防疫 及 稽查</t>
  </si>
  <si>
    <t>nba 名人 堂 球星 魔術 強生 magic johnson 本 周 重 回 cnn 談論 他 29 年 前 1991 年 11 月 震驚 籃壇 的 感染 hiv 愛滋病 毒 新聞 這 跟 新冠 病毒 不 同 但 是非 裔 美國 人 同樣 都 成為 主要 受害者 魔術 強生 說 當 我 宣佈 感染 hiv 時 大家 都 以為 那是白 gay 男 的 疾病 黑人 以為 自己 不 會 有 hiv 和 愛滋病 多年 後 隨 著 防護 意識 提高 白人 染病 率 大幅 下降 2018 年 的 新增 hiv 案例 高 達 42 是 黑人 而且 黑人 只 占 美國 總人口 14 美聯社 分析 在 黑人 較 多 的 地區 包括 紐約 底 特 律 紐奧 良 芝加哥 密 爾瓦基 高達 42 新冠 死者 是 黑人 魔術 強生 說 我們 很多 都 沒有 醫療保險 為此 躺 在 醫院 的 大部分 是 我們 非裔 美國 人 應該 多 加 學習 保持 社交距離 其實 黑人 不 完全 是 缺乏 防護 意識 今日 美國 報導 有 美國黑人 因為 戴 口罩 而 被 當地 員警 趕 出 大 賣 場 這 讓 他們 因此 不敢 戴 口罩 出門 媒體 疾呼 要 鼓勵 黑人 多 戴 口罩 而 不是 把 他們 當成 搶匪 魔術 強生 對 缺乏 檢驗 和 藥物 表示 憂心 我 當年 及早 驗 出 hiv 所以 撿回 一 命 現在 新冠肺炎 檢驗 試劑 不足 而且 大家 要 開車 到 市郊 去 檢驗 為何 不在 市中心 就近 提供 醫療保險 也 太 貴 了 如果 價格合理 一些 非裔 美國 人 也 能 變 得 更 健康</t>
  </si>
  <si>
    <t>社交距離 恐 不夠 英 研究 病毒 最遠 可 傳播 8 公尺</t>
  </si>
  <si>
    <t>新冠肺炎 疫情 全球 升溫 為了 避免 病毒 快速 傳播 全球 正 在 宣導 安全 社交距離 的 重要性 但是 英國 一 項 新 研究 發表 後 人 與 人 之間 的 社交距離 恐怕 又 要 改變 了 該 研究 顯示 在 咳嗽 時 病毒 最遠 可 傳達 6 公尺 打噴嚏 時 最</t>
  </si>
  <si>
    <t>新冠肺炎 疫情 全球 升溫 為了 避免 病毒 快速 傳播 全球 正 在 宣導 安全 社交距離 的 重要性 但是 英國 一 項 新 研究 發表 後 人 與 人 之間 的 社交距離 恐怕 又 要 改變 了 該 研究 顯示 在 咳嗽 時 病毒 最遠 可 傳達 6 公尺 打噴嚏 時 最遠 更 可 達 8 公尺 根據 bbc 報導 倫敦 衛生 與 熱帶 醫學院 流行病 學 教授 大衛海曼 david heymann 表示 有 項 來自 于 麻省理工學院 的 研究 顯示 人類 的 咳嗽 可以 將 病毒傳播 6 米 而 打噴嚏 可 傳播 長達 8 米 身 為 世界衛生組織 who 傳染病 戰略 和 技術 諮 詢 小組 主席 大衛海曼 指出 這 研究 說明 了 人類 咳嗽 和 打噴嚏 所 產生 的 飛 沫 恐 比 預想 的 還 來得 更 遠 如果 此 研究 結果 得到 支援 的話 那麼 戴 口罩 的 重要性 可 就 大於 保持 社交距離 了 他 表示 who 目前 正在 對 這 新 研究 進行 評估 將 在 未來 幾 天內 將 舉行 的 會議 上 提出 戴 口罩 的 建議 當前 who 的 健康 指引 是 與 任何 有 咳嗽 或 打噴嚏 的 人 保持 至少 1 公尺 的 社交距離 而 英國 美國 建議 應 保持 至少 2 公尺 的 社交距離 我國 則 是 保持 室內 15 公尺 室外 1 公尺 報導 指出 根據 此 研究 目前 的 社交 安全 距離 可能 還 要 再度 調整 但是 要 保持 到 6 公尺 或 8 公尺 的 社交距離 顯然 也 是 不切實際 另外 報導 中 也 提到 近日 在 自然 雜誌 發表 的 一 項 德國 研究 證實 了 輕 症 患者 有 傳染性 這個 假設 因此 有 媒體 認為 應該 要 戴 上 口罩 來 防止 輕 症 患者 傳染 同時 也 有 觀點 認為 保持 社交距離 還是 有 積極意義 戴 口罩 與 社交距離 2 者 無法 代替 大衛海曼 警告 戴 口罩 必須 戴得 正確 要 對準 捏緊 鼻樑 如果 口罩 變 潮濕 了 就要 直接 丟棄 因為 此時 病毒 顆粒 可以 通過 取下 口罩 時 務必 要 小心 污染 到手 不過 要 小心 長 時間 配戴 口罩 會 導致 人們 對 上述 的 建議 變 得 麻木</t>
  </si>
  <si>
    <t>安全 社交距離 打噴嚏 戴 口罩 研究</t>
  </si>
  <si>
    <t>新北 市長 侯友宜 今 6 日 主持 防疫 會議 記者會 表示 端午節 將 至 上周 起 即 要求 自治 會 配合 管控 所 至 6 月 5 日 已 開出 325 張 稽查 單 動員 3600 人次 端午節 前 加強 稽查 侯友宜 說 今天 看起來 確診 個案 有 下降 但 沒有 大幅 下降 還 是 跟 病毒 對抗 沒有 壓到 大幅 下降 不能 掉以輕心 要 繼續 低度 活動 有效 控制 傳播 鏈 此外 剛好 遇到 端午節 將 至 侯友宜 說 動員 市府 市場 處 區公所 員警 3600 人次 稽查 傳統 市場 強力 要求 再 要求 目前 有 10 個 自主 休 市 還有 一個 停業 16 處 觀察 中 大家 一定 要 做到 自治 會 可以 提供 不 一樣 的 做法 依據 地形 這 很 重要 不僅 qr 掃描 還有 戴 口罩 維持 社交距離 外 每個 人 要 有 一個 觀念 一 次 買 一 周 不要 每天 買 攤 商 除了 戴 口罩 還 戴 面罩 這 是 對 的 保護 自己 保護 別人 侯友宜 說 今天 去 水流 公 市場 很多 市場 管理 不是 只 有 單一 方式 感謝 公務員請 不要 返鄉 拜 讬 堅守崗位 市民 要 低度 活動 不要 再 回 故鄉 了</t>
  </si>
  <si>
    <t>展開 新 的 一 天 中 時 新聞網 帶 您 看看 世界 發生 了 哪 5 件 大事 1 雖然 死亡 人數 續增 但 美國 多 州 已 迫不及待 解封 放寬 社交距離 限制 而 據 權威 模式 估算 美國 的 死亡 人數 將 倍增 2 由於 新冠肺炎 疫情 肆虐 全球 反 陸情</t>
  </si>
  <si>
    <t>雖然 宅 在家 減少 出門 最 能 達到 防疫 效果 但是 天氣 不錯 的 時候 總 還 是 會 想要 出門 走走 到 戶外 空曠 處 騎單車 跑步 總比 在 街上 走路 好多 了 吧 一 項 非正式 研究 提出 觀察 看法 建議 民眾 在 運動 時 也 該 保持 適當 的 安全 距離 但是 這個 距離 遠遠 大於 1 2 公尺 另外 同方向 跑步 和 騎車 時 到底 該 保持 前後 還是 並排 比較 安全 新冠肺炎 covid-19一 稱 武漢肺炎 疫情 延 燒 傳播 途徑 以近 距離 接觸 帶有 病毒 的 飛 沫 或 分泌物 為主 目前 大眾 以 配戴 口罩 拉出 1 2 公尺 社交 安全 距離 並且 勤洗手 為 防範 之 道 根據 由 比利時 魯汶 大學 ku leuven 與 荷蘭 埃因霍溫 理 工大 學 tu eindhoven 所 做 的 一 份 研究 指出 以 騎 自行車 健 走 和 慢 跑 時 的 安全 距離 和 安全 位置 來看 1 2 公尺 並不 足夠 並排 位置 比 前 後 走 要 來得 安全 些 研究 指出 在 一般 情況 下 與 人 保持 1 2公尺 的 社交距離 可以 有效 防止 吸 進 飛 沫 但是 在 運動 期間 如果 前方 有人 正 在 健 走 跑步 或 騎車 又 剛好 打 了 噴嚏 或 咳嗽 時 就 會 透過 所謂 的 滑流 slip-stream 作用 讓 飛 沫 飄散 向 後 方 的 人 研究 學者 bert blocken 解釋 除了 打噴嚏 或 咳嗽 的 人 會 以 更 大 的 力量 散 佈 飛 沫 外 如同 飛機 或 車輛 高速 通過 時會 帶起 滑 流 的 原理 當 人 往 前 跑步 走路 或 騎單車 一定 也 會 產生 對流 風速 將 飛 沫 向 後 飛 散 圖 a b 站 在 直線 後方 又 未 保持 較 長 距離 的 人 最 容易 被 滑流 飛 沫 沾染 圖 c d 並排 與 斜 後方 位置 比較 不受 滑 流 飛 沫 衝擊 影響 根據 類比 結果 建議 民眾 在 步行 或 慢 跑 時 若 是 同 個 方向 前進 儘量 不 要 前後 緊貼 最好 保持 4 5 公尺 慢 速 騎 自行車 的 話 距離 該 拉長 到 10 公尺 左右 速度 較 快 的 騎士 更 要 拉長 到 20 公尺 為 佳 同時 左右 並排 或 前後 斜 位 是 相對 較 安全 的 範圍</t>
  </si>
  <si>
    <t>加州 州長 紐森 週二 將 宣佈 加速 解除 防疫 封鎖 在 開放 零售 製造 物流 與 休閒 公共場所 後 再 新增 餐廳 開放 現場 用餐 已 長 時間 封鎖 的 民眾 開始 逐步 恢復正常 生活 洛杉磯 民眾 更 早於 週末 就 按 耐不住 湧上 街頭 表達 對 自由 嚮往 海灘 上有 上 千 未戴 口罩 民眾 聚集 示威 聲稱 居家 禁令 違憲 要求 政府 加速 重 啟 經濟 美 媒 稱 其 為 用 生命 博 自由 據 美國之音 報導 州長 紐森 日前 宣佈 加州 進入 重開 經濟 的 第二 階段 後 悶 在家 中 許久 的 民眾 在 母親節 的 週末 湧上 街頭 許多 商店 與 公共場所 開始 出現 人潮 洛杉磯 部分 公園 高爾夫球場 散步 小徑 等 都 在 開放 中 政府 要求 各 行業 營運 時 仍 需 遵守 衛生部門 的 規定 預計 週二 紐 林再 加速 開放 餐廳 現場 供餐 營業 將 會 有 更 多 民眾 前往 消費 報導 說 公園 裡 民眾 依然 嚴守 社交距離 規定 三三兩兩 步行 或 跑步 遛 狗 即便 在 週末 的 母親節 也 未 舉行 群 聚 慶祝活動 不過 據 福斯 新聞 報導 母親節 當天 洛杉磯市 中心 販賣 鮮花 的 商店 人滿為患 人們 爭相搶購 鮮花 也 顧 不 上 社交距離 的 規定 群 聚 現象 對 民眾 健康 帶來 的 潛在 威脅 美國廣播公司 abc 第 7 頻道 則 報導 週末 有約 一千 多 人 聚集 在 洛杉磯 縣 漢丁 頓 海灘 huntington beach 的 碼頭 附近 強烈要求 重 啟 加州 經濟 示威 現場 許多 人 沒有 戴 口罩 也 沒有 遵守 六 英尺 183 公尺 社交距離 的 規定 有人 拿 擴音器 演說 稱 居家 令 是 絕對 違反 憲法 的 市長 居所 外 也 有 團體 進行 抗議 要求 准許 更 多 商家 開門 營業 報導 說 洛杉磯 在 週五 重 啟 部分 經濟 活動 後 星期六 新增 病例 超過 千 人 約 為 全 加州 新增 確診 人數 2244 人 的 一半 洛杉磯 海灘 將 於 週三 開放 已 有 分析 警告 說 隨 著 全美 各地 對 疫情 的 逐步 解封 人口 流動 變 得 更加 頻繁 這 將 使得 防禦 新冠 病毒 的 傳播 變 得 更加 困難</t>
  </si>
  <si>
    <t>考量 國內 疫情 已 趨 緩 並且 穩定 控制 經 與 相關 單位 溝通 討論 及 評估 後 疫情 指揮中心 4 日 宣佈 10 月 5 日 至 10 月 18 日 維持 疫情 警戒 標準 為 第 二級 調整 相關 規定 及 原則 說明 如下 一 符合 主管機關 防疫 管理 規定 得 開放 請 遵循 相關 規範 或 指引 1 電子遊戲 場所 資訊 休閒 場所 錄 影 節目 帶 播映 場所 mtv 視聽 歌唱 場所 自助式 ktv 及 電話亭 式 ktv 桌 遊 麻將 休閒 館 營業 場所 2 宗教 祭祀 1 有 條件 開放 進香團 餐會 活動 2 宗教 祭祀 場所 入座 不 限 梅花座 3 餐飲 內 用 不 限 隔板 或 15 公尺 間距 宴席 開放 離 桌 進行 敬酒 茶 等 社交互動 放寬 桌 菜 自助式 餐廳 取 菜 方式 4 超 商 茶葉蛋 關東煮 等 熟食 不 限 由 工作人員 服務 方式 販 售 5 電視 主 播 制 播 新聞 如 能 與 其他 工作人員 均 保持 適當 社交距離 得於 正式 拍攝 時 不 戴 口罩 二10 月 5 日 起 開放 以下 情形 者 得于 戶外 免 戴 口罩 1 農林 漁 牧 工作者 于 空曠 處 如 田間 魚 塭 山林 工作 無須 戴 口罩 惟 應 隨身攜帶 口罩 並 應 與 他 人均 保持 社交距離 2 于 山林 含 森林 遊樂區 海濱 活動 無須 戴 口罩 惟 應 隨身攜帶 口罩 並 應 與 他 人均 保持 社交距離 3 上述 情形 如 有人 潮 聚集 或 與 他人 共同 工作 活動 等 無法 保持 社交距離 之 場合 仍 應戴 口罩 4 主管機關 另 有 規定 者 依其 規定 辦理 三 仍 須 關閉 之 場所 歌廳 舞廳 夜總會 俱樂部 酒家 酒吧 酒店 廊 理容院 觀光 理髮 視聽 理容 指揮中心 提醒 除 上述 例外 情形 外 外出 仍 應 全程 佩戴 口罩 實 聯 制 保持 安全 社交距離 營業 場所 及 公共 場 域 仍 應 執行 人流 控管 或 總量 管制 集會 活動 人數 上限 亦 維持 原有 規定</t>
  </si>
  <si>
    <t>台 南市 永康 探索 公園 昨天 傳 有 長者 聚集 且 未 配戴 口罩 為 免 防疫 出現 破 口 管轄 的 永康 警 分局 除 先行 派員 勸導 請 現場 民眾 確實 戴好 口罩 外 市府 得知 此事 也 相當 重視 責成 永康 警 分局 永康 派出所 員警 17 日 配合 永康 區公所 副 區長 陳 必成 再度 前往 永康 探索 公園 加強 宣導 因應 疫情 升溫 市府 也 於 15 日 宣佈 進入 准 三級 防疫 狀態 永康 警 分局 配合 市府 相關 防疫 作為 已 全面 清查 轄內 公告 易 接觸傳染 的 營業 公共場所 是否 配合 停業 嚴防 不肖 業者 私下 營業 造成 防疫 破 口 至於 其他 未 限制 的 場所 警方 表示 除 採取 實 聯 制 分流 控管 外 最 重要 的 是 民眾 自身 也 應 遵守 戴 口罩 量 體溫 及 保持 社交距離 等 規定 以 降低 飛沫傳染 與 疫病 傳播 的 機會 警方 說 民眾 如有 發現 未戴 口罩 違規者 可撥打 疫情 通報 專線 1922 或 向 衛生局 電話 06 2679751 檢舉 經 勸導 不 聽 者 將 依 傳染病 防治法 第 70 條 第 1 項 第 3 款 規定 處 新 台幣 3000 元 以上 1萬5000 元 以下 罰 鍰 永 康警 分局長 呂世明 表示 疫情 當前 現在 是 國人 齊心 合作 的 非常 時刻 請 大家 務必 戴 好 口罩 維持 社交 安全 距離 嚴守 社區 防線 共同 守護 你 我 健康 安全</t>
  </si>
  <si>
    <t>國民黨 立 委 洪孟楷 從 英國 返台 後 目前 仍 在 7 天 自主 健康 管理 期 今 卻 到 立 法院 參與 記者會 挨批 防疫 破 口 對此 洪孟楷 強調 根據 衛福部 防疫 指引 自主 管理 期 無 症狀 可 正常 生活 皆 依循 防疫 規定 嚴格要求 洪 孟 楷 表示 經過 隔離 期滿 十四 天 並 三 次 pcr 皆 為 陰性 依衛福 部 防疫 指引 後續 七 天 自主 管理 如無 症狀 可 正常 生活 唯 需 全程 配戴 醫療 口罩 並 保持 社交距離 但 禁止 參與 聚餐 聚會 是 以 這 七 天 自主 管理 期間 也 暫停 出席 地方 活動 邀 約 及 行程 他 指出 另 針對 公務 開會 需求 衛福部 也 在 提供 回文 需 出席 重要 公務 會議 應 遵守 易主 健康 管理 事項 落實 全程 配戴 醫用 口罩 與 他人 保持 社交距離 今日 於立 法院 工作 場合 也 全程 遵守 辦理 並且 落實 量 體溫 自主 快 篩檢驗 皆 確認 無 任何 異狀 以 最 嚴格 的 標準 要求 一切 合乎 相關 規定 洪 孟 楷 強調 身為 區域 民意代表 要為 民眾 發聲 監督 而 開會 更是 立法委員 的 職責所在 然而 防疫 相關 規範 仍 會 確實 遵守 不 需 扭曲 也 無 需 栽贓 尤其 在 檢疫所 十四 天 感受 到 第一 線 護理 公務人員 的 辛勞 充分 配合 相關 規定 為 防疫 共同努力</t>
  </si>
  <si>
    <t>高雄市 茄 定 興達港 觀光 魚市 上周 假日 擠滿 人潮 兩 天 湧入 7000 名 遊客 網友 質疑 難道 是 已 自行 微 解封 擔心 成為 防疫 破 口 對此 主管機關 高 市府 經 發 局 今 12 日 勒令 即日起 休 市 並 全面 清 消 並 進行 防疫 管制 計畫 檢討 改善 完成 後 提報 市府 審核 通過 始得 複業 興 達 港 魚市 昨天 擠爆 採買 人潮 排隊 人龍 從 管制 入口 綿延 近 200 公尺 令 攤 商 相當 意外 也 開心 不過 此 現象 也 令 不少 人 質疑 集體 群 聚 根本無法 維持 防疫 社交距離 對此 經發局 指出 因應 人潮 湧現 已 會同 興達港 攤 集 場 管委會 警方 執行 人流 管制 落實 實 聯 制 保持 社交距離 等 相關 防疫 措施 執行 及 宣導 作業 全場 僅 開放 1 個 入口 及 3 個 出口 以便 進行 場內 人流 控管 及 疏散 惟 湧入 的 消費者 人潮 不斷 造成 入場 排隊 人龍 經 發 局 強調 鑒於 現行 管制 計畫 無法 落實 防疫 因 此 要求 興達港 攤 集 場 自 即日 進行 休 市 全面 清 消 並 進行 防疫 管制 計畫 檢討 改善 同時 也 將 協同 轄區 湖內 警 分局 督導 管委會 重新 擬定 防疫 管制 計畫 包含 檢討 場內 容留 人數 改善 人 流動 線 擴大 管制 車 流動 線 等 如 場內 已 達 容留 人數 擬 進一步 管控 車流 進入 興達 平面 停車場 避免 造成 遊客 排隊 入場 人龍 經 發 局長 廖泰翔 呼籲 興達港 觀光 魚市 是 茄 定 區 當地 最 有人 氣 的 攤 集 場 但 目前 疫情 尚未 完全緩解 籲請 市民 朋友 減少 出門 群 聚 多 利用 平日 分流 採買 並 牢記 少 多 快 口訣 一 次 購 足 一 周 份量 共同 守護 咱們 的 家園</t>
  </si>
  <si>
    <t>因應 新冠肺炎 疫情 義 大利 佛羅倫斯 的 商家 們 為了 與 顧客 保持 適當 的 社交距離 重 啟 了 17 世紀 為了 對抗 黑 死 病 的 酒 窗 透過 酒 窗 將 販 售 的 商品 給 客戶 成為 一 種 疫情 下 的 創新 營業 方式 根據 義 大利 媒體 the local 報導</t>
  </si>
  <si>
    <t>因應 新冠肺炎 疫情 義 大利 佛羅倫斯 的 商家 們 為了 與 顧客 保持 適當 的 社交距離 重 啟 了 17 世紀 為了 對抗 黑 死 病 的 酒 窗 透過 酒 窗 將 販 售 的 商品 給 客戶 成為 一 種 疫情 下 的 創新 營業 方式 根據 義 大利 媒體 the local 報導 指出 酒 窗 的 歷史 最 早 可 追溯到 13 世紀 的 文藝復興 時期 當時 的 葡萄園 園主 會 在 自家 酒窖 鑿出 一個 面向 街道 的 小窗 讓 往來 的 客人 可 以 透過 小窗 往 內 遞 入 酒瓶 裡面 的 工人 接過 酒瓶 後 就 會用 葡萄酒 把 酒瓶 裝滿 這 就 是 最 早 酒 窗 的 由來 在 17 世紀 時 歐洲 爆發 大規模 的 黑 死 病疫情 義 大利 的 商家 為了 營業 也 在 自己 的 商鋪 外 牆 建造 了 酒 窗 供 顧客 買 酒 使用 但 隨 著 時間 的 流逝 與 黑 死 病疫情 的 消散 這些 在 牆壁 上 的 酒 窗 就 成為 特殊 的 文化 造 景 而 在 現今 新冠肺炎 疫情 全球 肆虐 的 狀況 下 義 大利 佛羅倫斯 的商家 們 紛紛 打開 自家 的 酒 窗 透過 酒 窗 與 往來 的 客人 做 生意 不同於 以往 的 是 現在 除了 販 售 葡萄酒 外 也 有 販 售 一些 霜淇淋 咖啡 等 生活用品 根據 世界衛生組織 統計 新冠肺炎 在 義 大利 共有 253萬 確診 病例 204萬 人 經過 治療 後 康復 但 其中 35萬 人 不幸 因 病 過世 更 多 ctwant 報導</t>
  </si>
  <si>
    <t>指揮中心 近日 才 宣佈 社交距離 的 規範 但 清明連 假期 間 不少 悶 壞 的 民眾 仍 出遊 ptt 網友 分享 疫情 檔 不住 台人連 假 出遊 墾 丁 大街 被 擠爆 讓 醫護 怒駡 講 都講 不停 台人 劣根性 有 位醫護人員 在 ptt 上 發文 指出 228 連 假 希</t>
  </si>
  <si>
    <t>指揮中心 近日 才 宣佈 社交距離 的 規範 但 清明連 假期 間 不少 悶 壞 的 民眾 仍 出遊 ptt 網友 分享 疫情 檔 不住 台人連 假 出遊 墾 丁 大街 被 擠爆 讓 醫護 怒駡 講 都講 不停 台人 劣根性 有 位 醫護人員 在 ptt 上 發文 指出 228 連 假 希望 大家 別 出國 結果 臺灣人 劣根性 擋不住 照樣 出國 玩 一 波 結果 臺灣 14 天 後 疫情 也 高潮 一 波 而 這次 清明連 假 墾 丁塞 爆 反觀 醫院 負 壓 隔離 被 前 一 波 228 加 海龜 塞 爆 真是 不勝唏噓 原 po 怒 喊 每個 同事 穿 套 隔離 裝備 汗 都 濕 到 內褲 怎麼 就 還是 有人 講 不停 講 不 聽 14 天 後 大家 等 著 看 這 群 在 墾 丁 逛 的 人 到底 在 想 什麼 貼 文 曝光 後 引發 網友 熱 議 已經 說 了 少 出門 不 要 去 人 多 地方 可惜 還 是 一 堆 不 懂 原 po 辛苦 了 我 只能 自律 放假 四 天 我 非必要 都 沒 出門 算是 對 醫護人員 的 一點 敬意 知道 美國 怎麼 輸給 疫情的 嗎 因為 自私 的 智 障 很多</t>
  </si>
  <si>
    <t>新冠肺炎 疫情 蔓延 全球 各國 經濟 活動 大規模 停 擺 國際貨幣基金組織 imf 昨 警告 說 今年 全球 經濟 將 陷入 負 成長 衰退 程度 甚至 超過 2008 年 金融 海嘯 時期 經濟學家 認為 疫情 對 全球 經濟 衝擊 堪 比 1930 年代 的 大 蕭條 面對 境內 慘重 疫情 歐盟 已 取消 預算赤字 不得 逾 gdp 3 規定 要 讓 成員國 可 盡情 砸 錢 防疫 遏制 病毒 愈 快 愈 有助 經濟 復蘇 全球 主要 金融機構 組成 的 國際金融 協會 iif 昨 發佈 預測 稱 今年 全球 實質 經濟 成長率 為 負 15 將 是 金融 海嘯 後 隔 11 年 出現 負 成長 美 歐 日 將 同時 陷 負 成長 分別 跌 至 負 28 負 47 歐元區 及 負 26 中 印也 將 大幅 減速 至 28 和 29 imf 總裁 格奧爾基耶娃 昨 表示 今年 全球 經濟衰退 程度 至少 與 2008 金融 海嘯 時期 相當 甚至 更 嚴重 預料 2021 年 全球 經濟 有望 復蘇 她 說 各國 應 優先 實施 防控 並 強化 衛生系統 病毒 遏制 越 快 經濟 復蘇 才 會 越 快 越 強 隨 著 美國 愈來愈多 州 份 實施 強制 居家 令 經濟學家 估計 今年 美國 將 流失 逾 500萬 職 缺 經濟 產出 蒸發 15 兆 美元 競逐 連任 的 川普 總統 對 經濟 停頓 的 憂慮 似 更 甚於 疫情 本身 稱 經濟 與 生命 同樣 脆弱 持續 停頓 或許 還 比 疫情 更 致命 白宮 研議 放寬 社交距離 救 失業 川普 已 在 想 儘快恢復 經濟 活動 以免 衍生 成 長期 問題 據 美 媒 報導 白宮 正 討論 最 快下 周 放寬 社交距離 指導方針 以 提 振 受 全國性 失業 加劇 困擾 的 經濟 根據 預測 美國 失業率 可能 在 第二 季飆 升至 30 超越 1930 年代 大 蕭條 時期 的 歷史 高位 249 另 歐盟 27 國 財長 昨 舉行 視 訊 會議 會上 通過 歐盟 執委會 建議 停止 執行 穩定 與 成長 協定 此為 協定 1998 年 生效 以來 頭 一 遭 意味 歐盟 成員國 不再 受 預算赤字 不得 超過 gdp 3 規定 限制 有 更 大 空間 推出 財政 措施 對抗 疫情 影響</t>
  </si>
  <si>
    <t>為 防堵 疫情 持續 擴散 食 藥 署 緊急 核 可 4 款 進口 和 1 款 國產 居家 快 篩 試劑 並 於今 22 日 在 全台 藥局 陸續 販 售 明 23 日 下午 臺灣 四大 超 商 也 將 開 賣 引發 不少 民眾 搶先 預購 有 藥師 因此 出面 示範 居家 快 篩 使用 方法 並 向 政府 喊話 建議 效仿 國外 設立 雲端 平臺 讓 民眾 將 篩檢 結果 隨時 上傳 查詢 更 方便 日前 食 藥 署 緊急 核 可 5 款 居家 快 篩 試劑 避免 新冠 病毒 黑 數日 益 增加 盤點 各款 快 篩 試劑 價格 屬於 抗原 檢測 的 3 款 分別 為 一 劑 360 元 的 羅 氏 300 到 350 元 的 福爾 還有 價格 未定 的 英斯 特 至於 另 一 種 核酸 檢測 的 則 有 盧西拉 和 萊 析 樂 2 款 其 準確度 較 高 但 價格 也 相對 較 貴 前者 1800 元 後者 3000 元 為了 讓 居家 快 篩 的 效果 發揮 到 最 大 根據 三 立 新聞網 報導 藥師 沈采穎 特別 出面 呼籲 政府 如果說 我們 能 儘快 成立 一 雲個 平臺 的話 其實 對於 未來 在家 做 自我 檢測 可以 上傳 的話 是 有助於 疫情 的 控制 不僅如此 她 還 親自 示範 居家 快 篩 使用 方法 首先 檢測 前 必須 先 清 空 鼻腔 確保 準確性 接 著 將 棉 棒 插入 鼻 部 約 2 25 公分 深 左右 鼻孔 各 繞 5 圈 分別 15 秒 最後 再 把 棉 棒 放 入 試管 混合 試劑 攪拌 10 次 並 滴 4 滴到 試紙 上 待 15 分鐘 後 篩檢 結果 便 會 出爐 2 條 線 代表 陽性 須 立即 通報 衛生局 或 致電 19221 條 線 則 是 陰性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上周 清明連 假 屏 東 墾 丁 大街 湧現 人潮 中央 也 緊急 發出 國家級 警報 本 週末 縣府 加強 大街 防疫 週五 六 晚上 實施 人 車 分離 管制 人流 戴 口罩 量 體溫 等 措施 不過 受到 國家 警報 影響 墾 丁 週末 住房 率 不 到 2 成 大街 十分 空 蕩 冷清 攤 商 們 有苦難言 墾 丁 大街 自從 上周 發出 國家級 警報 後 遊客 都 被 嚇 跑 了 本 周 大街 幾 無 人潮 週末 縣府 加強 防疫 實施 人 車 分流 大街 徒步 區 口罩 臨檢 量 體溫 等 措施 縣府 人員 及 員警 在 路口 宣導 口罩 勿 亂 丟 保持 社交 安全 距離 戴 口罩 勤洗手 勿 邊走邊吃 並 準備 1000 個 口罩 備用 10 日 晚上 逛 街 人潮 不 多 大街 冷冷清清 有 遊客 笑 說 宣 導 人員 和 員警比 遊客 還 多 這麼 空曠 要 保持 多 大 社交距離 都 沒 問題 不過 攤 商 們 全笑 不 出來 不少 人 乾脆 不 擺攤 了 整 條 大街 從 原本 最 多時 約 400 攤 只 剩下 約 4050 攤 王 姓 攤 商 表示 墾 丁 現在 已 變成 疫情 重災區 遊客 來 過後 返家 還要 自主 健康 管理 誰 敢 來 清明連 假 後 他 的 收入 只 剩 2 成 飯店業 者 表示 三月 週六 的 住房 率 還有 7 成 現在 只 剩 2 成 國家 防疫 一定 配合 但 墾 丁已 變成 全國 矚目 指標 業者 要 顧 飯碗 又 不敢 高調 促銷 真是 啞吧 吃 黃蓮 此外 縣府 也 於 用餐 時間 到 各 餐廳 宣導 用餐 采 梅花座 並 加強 環境 清潔 維護 飯店 及 民 宿也 要 落實 及 追溯 旅 宿實 名 制 登記 縣府 強調 後續 的 五一勞動節 端午節 等 假期 只要 疫情 未 趨 緩 墾 丁 大街 都會 繼續 施行 相關 防疫 措施 待 疫情 趨 緩 後 希望 讓 國人 重 十 消費 信心 多 到 恒 春 半島 旅遊</t>
  </si>
  <si>
    <t>新冠肺炎 疫情 延 燒 民眾 不只 紛紛 配戴 口罩 政府 也 呼籲 要 保持 室外 1 公尺 室內 15 公尺 的 社交距離 甚至 連 遠在 高 山上 的 嘉 明湖 山 屋 及 向陽 山 屋 避難 山 屋 住宿 人數 降 半 同時 在 登山 口 測量體溫 發燒 山 友 禁止入 山 林</t>
  </si>
  <si>
    <t>英國 衛報 the guardian 2 日 報導 在 技術 問題 下 以色列 原本 即 將 與 英國 達成 的 輝瑞 pfizer bnt 新冠肺炎 covid-19 疫苗 交換 協議 已 宣告 失敗 這 批 數量 超過 百萬 劑 的 疫苗 恐 在 7 月底 過期 後 被迫 銷毀 根據 報導 以色列 原本 提出 將 這 批 即將 過期 的 輝瑞 bnt 疫苗 交給 英國 並 換取 後者 預定 9 月 到貨 的 同 款 疫苗 由於 英國政府 有意 於 19 日 解除 所有 強制性 的 口罩 和 社交距離 規定 故 希望 在此之前 盡可能 增加 疫苗 施打 數量 雙方 談判 一度 有所 進展 不過 一 名 以色列 外交官 2 日 表示 儘管 雙方 都 有 意願 進行 交換 但 最後 由於 技術 原因 導致 計畫 並未 成功 且 輝瑞公司 也 已 拒絕 以色列 延長 疫苗 有效期限 的 要求 稱 無法 保證 這 批 疫苗 在 過期 後 的 安全性 6 月 時 以色列 也 有意 與 巴勒斯坦 自治 政府 交換 約 100萬 劑 疫苗 不過 後者 稍後 拒絕 稱 不 願意 接收 即將 過期 的 疫苗 以色列 時報 the times of israel 1 日 指出 這 批 將 在 7 月底 過期 的 疫苗 共 有約 140萬 劑 以色列政府 可能 將 其中 60萬 劑 用於 為 30萬 名 12 至 15 歲 的 青少年 接種 剩下 的 則 賣 給 他國 或 與 他國 交換 並稱 已 和 3 個 國家 接觸 但 並未 透露 進一步 資訊 不過 由於 對 延長 疫苗 有效期限 的 研究 已 在 進行 中 世界衛生組織 who 呼籲 各國 暫緩 銷毀 過期 疫苗 避免浪費 英國 疫苗 接種 和 免疫 聯合 委員會 joint committee on vaccination and immunisation jcvi 教授 芬恩 adam finn 表示 希望 能 儘快 找到 解決 方法 因為 在 全球 明顯 處於 疫苗 短缺 之下 我們 不能 就 這樣 把 它們 扔掉</t>
  </si>
  <si>
    <t>內政部長 徐國勇 近期 行事 低調 但 碰上 新冠肺炎 防疫 提升 還是 卯足 全力 親 上 火線 拍攝 防疫 動 茲 動 跟 內政 部 替代 役男 合拍 影片 宣教 完全 沒有 違和 感 徐國勇 上任 以來 凡事 全力以赴 為了 達成 使命 遇事 幾乎 第一時間 都 能見 著 他 的 身影 機場 防疫 現場 有 他 南方澳 斷 橋 現場 有 他 表揚 員警 破案 有 他 爭取 員警 電擊 槍 有 他 爭取 廠商 捐贈 防疫 物資 也 有 他 在 清明連 假 前夕 徐國勇 也 撩 落去 跟 替代 役男 合拍 宣導 影片 呼籲 民眾 連 假 在即 防疫 無 假期 大家 出門在外 透透氣 之 餘 也 要 時時 提醒 自己 不 忘 防疫 徐國勇 說 打噴嚏 咳嗽 時 要用 手肘 衣袖 遮住 口 鼻 擋住 飛 沫 衛生 又 有禮貌 用餐 前 出外 回家 後 都 要 記得 肥皂 洗手 保護 自己 及 他人 出門在外 儘量 保持 社交距離 室外 至少 1 公尺 室內 至少 15 公尺 若 不能 維持 請 記得 戴 上 口罩 怕 光 說 不夠 徐國勇 還 演 給 你 看 看 過 影片 就知道 如何 保護 自己</t>
  </si>
  <si>
    <t>新冠 疫情 持續 香港 依然 謹 守 清 零 策略 解除 社交距離 措施 及 通關 的 日子 仍未 到來 港 府 專家 顧問 香港中文大學 呼吸系統 科 講座 教授 許 樹昌今 24 日 表示 香港 接種 率 不足 而 隨 著 冬季 來臨 香港 有 可能 受 冬季 流感 與 新</t>
  </si>
  <si>
    <t>新冠 疫情 持續 香港 依然 謹 守 清 零 策略 解除 社交距離 措施 及 通關 的 日子 仍未 到來 港 府 專家 顧問 香港中文大學 呼吸系統 科 講座 教授 許 樹昌今 24 日 表示 香港 接種 率 不足 而 隨 著 冬季 來臨 香港 有 可能 受 冬季 流感 與 新冠肺炎 夾擊 變數 相當 多 但 他 認為 絕對 清零 不是 長遠 策略 許樹昌 表示 香港 港 接種 率 大約 60 但 長者 的 接種 率 偏 低 而且 有約 40 已 接種 疫苗 人口 選擇 接種 由 大陸 研發 的 科興 疫苗 已 有 資料 證實 他們 的 抗體 水準 會 在 完成 接種 後 6 至 8 個 月 內 降 至 低 水準 保護 力 相當 有限 故 認為 與 病毒 共存 是 不切實際 他 指出 英國 新加坡 等 選擇 與 病毒 共存 的 國家 疫情 都有 惡化 的 跡象 隨 著 冬季 來臨 有機 會 出現 新冠 疫情 及 冬季 流感 同時 肆虐 的 情況 也 有 機會 出現 新 的 變種 病毒 一旦 出現 爆發 醫療系統 會 不堪 負荷</t>
  </si>
  <si>
    <t>拉美地區 新冠肺炎 疫情 日益 嚴峻 截至 29 日 累計 確診 病例 超過 14萬 例 其中 以 巴西 逾 4000 例 最 多 然而 有 熱帶 版 川普 之 稱 的 巴西 總統 波索納洛 卻 無視 衛生 當局 呼籲 要 保持 社交距離 無 防護 現身 在 首都 巴西利亞 多 區 的</t>
  </si>
  <si>
    <t>跟進 中央 政策 臺北市 長 柯文哲 18 日 在 北市 防疫 記者會 上 宣佈 北市 口罩 政策 鬆綁 19 日 起 室外運動 室內外 拍照 若 維持 一定 社交距離 也 不是 跟 不 特定人 一起 那 可免 戴 口罩</t>
  </si>
  <si>
    <t>新冠肺炎 疫情 緩和 各項 防疫 措施 今天 解封 副 總統 賴清德 今天 在 臉書 貼出 他 打 球 的 英姿 表示 他 的 解封 防疫 新 生活 從 球場 開始 呼籲 落實 防疫 也 要 輕鬆 生活 大家 可以 安心 參與 戶外活動 6 月 7 日 是 解封 防疫 新 生活 起點 賴清德 表示 他 的 解封 防疫 新 生活 從 台南 忠孝 永 康 球場 開始 並 詢問 大家 今天 你們 都 出門 運動 踏青 走走 了 嗎 他 下場 小試 身手 的 混齡 表演賽 表示 小時候 打過 少棒 手感 還 在 也 深刻 體悟 到 棒球 選手 平日 訓練 的 辛苦 謝謝 台南 市 社區 學齡 棒球 協會 丶 台南 市 永康社區 少棒 聯盟 讓 棒球 紮根 不 停歇 他 說 6 月 7 日 是 臺灣 防疫 解 封 的 新 里程碑 落實 防疫 也 要 輕鬆 生活 呼籲 大家 可以 安心 參與 戶外活動 室內 若無 法 保持 社交距離 請 繼續 口罩 不離 身 並 強調 正向 防疫 持續 落實 勤洗手 保持良好 衛生習慣</t>
  </si>
  <si>
    <t>疫情 趨 緩 臺灣 本土 確診 出現 多 日 0 似乎 看見 回到 原本 生活 的 一線 曙光 然而 delta 變種 病毒 的 威脅 依然 存在 政府 遂 宣佈 延長 二級 警戒 至 10 月 18 日 不過 在 遵守 防疫 規範 的 情況 下 可以 適度 在 特定 場 域 口罩 微 解封 social lab 社 群 實驗室 透過 opview 社 群 口碑 資料庫 追蹤 全台 網友 對 口罩 規定 鬆綁 相關 話題 近 1 個 月 的 網路 聲 量 帶 您 瞭解 網友 們 對 此 議題 的 看法 10 月 5 日 口罩 規定 鬆綁 臺北市 長 柯文哲 提前 引爆 網友 討論 從 9 月初 便 開始 陸續 有 針對 口罩 規定 鬆綁 可能性 的 零星 討論 而 聲 量 的 最高點 出現 在 規定 宣佈 的 前 1 天 的 10 月 2 日 臺北市 長 柯文哲 對於 本次 調整 表示 民眾 知道 原則 就 好 網友 也 因此 紛紛 討論 到 通 勤 族 的 疫苗 覆蓋率 要 高 才 有 辦法 真正 的 摘 下 口罩 或是 我 還 在 排隊 等 疫苗 等 打完 第 2 劑 才 會 去 想要 不 要 脫 口罩 大多 認為 疫苗 才 是 口罩 能 解禁 到 什麼 程度 的 關鍵 而 到 了 隔 3 日 指揮中心 宣佈 將 於兩天 後 開始 口罩 禁令 適度 鬆綁 開放 山林 或 海濱 活動 可以 視 情況 脫下 口罩 不少 網友 表示 疫情 雖然 趨於穩定 但 現在 還 不是 拿下 口罩 的 時候 風險 還 是 存在 在 外面 隨時 帶 著 還 是 比較 安心 一些 民眾 則 持 相反 意見 認為 這 次 的 放寬 還是 有 些 保守 應該 可以 再多 開放 一些 場 域 像是 有 運動 習慣 的 網友 們 說 在 河濱公園 跑步 能 脫 口罩 會 比較 方便 一點 尤其 晚上 的 時候 人 也 不 多 能 保持 好 距離 的 話 我 覺得 不 一定 要 一直 戴著 口罩 口罩 解禁 太 著 急 網友 對於 規定 放寬 想法 兩極 雖然 日常生活 通勤 和 大部分 的 休閒活動 依然 還是 規定 口罩 戴 好 戴 滿 但 在 山林 含 森林 遊樂區 海濱 這些 上山下海 的 活動 只要 可以 確實 保持 社交距離 目前 已經 允許 將 口罩 適時 拿 下來 大口 呼吸 芬 多 精 或是 海風 不過 在 病毒 還 沒有 遠離 之際 就 開始 鬆綁 口罩 這個 病毒 守門員 的 相關 規定 是不是 有 一點 太 過 著 急 網友 們 對 此 留下 不同 的 想法 支持 口罩 規定 鬆綁 的 網友 們 普遍 也 認同 口罩 的 重要性 但 認為 並非 長期 硬性 限制 而是 要 隨 著 疫情 趨 緩 而 逐步 放寬 網友 提到 打完 兩劑 疫苗 還 是 需要 戴著 口罩 比較 保險 但 偶爾 可以 拿 下來 喘 口 氣 不 想 被 放大 檢 視 戶外 空曠 處 空氣流通 且 人 少 的 地方 強制 戴 口罩 其實 不 太 合理 認為 打完 兩劑 疫苗 已經 有 一定 的 保護 力 加上 連續 數 天 沒有 本土 案例 增加 應該 還給 民眾 戴 口罩 選擇 的 權利 而 不 支持 口罩 令 鬆綁 的 網友 們 則 是 認為 現階段 疫苗 覆蓋率 尚未 達標 許多 人 都還 在 排隊 等 疫苗 況且 疫苗 阻絕 病毒 的 效力 並非 百分之百 在 這樣 的 情況 下 鬆綁 口罩 禁令 紛紛 擔心 表示 國外 至少 完整 兩劑 覆蓋率 6 成 以上才 開放 不用 戴 口罩 現在 疫苗 覆蓋率 沒 達標 就 鬆綁 有點 太 過 躁進 另一方面 秋冬 將 至 根據 過往 的 經驗 擔心 病毒 更加 活躍 在 這個 時候 卸下 防護 的話 有點 小看 病毒 的 威力 致使 疫情 捲土重來 有 網友 因此 建議 流感 季節 來 了 接下來 3 個 月 還 是 把 口罩 戴 好 防 新冠 順便 防 流感 感冒 讓 我們 繼續 把 化妝品 的 錢省 下來 隨 著 疫情 逐漸 趨 緩 大家 的 生活 逐漸 步回 原來 的 軌道 鬆綁 與 限制 之間 該 如何 調解 讓 人 能 在 口罩 外 大口 呼吸 自由 空氣 之時 也 不 會 讓 病毒 有 可 趁 之 機 越 接近 抗 疫 成功 的 終點 越是 不能 輕忽 期盼 疫情 前 的 日子 真的 離 大家 不遠 了</t>
  </si>
  <si>
    <t>隨 著 nba 在 複賽 前 針對 各 隊 進行 全面 性 新冠 檢測 接下來 每天 就 等 看 誰 中標 國王 昨天 一口氣 確認 賈巴厘派克 希爾德 與 艾力克 斯 連 等 3 名 球員 感染 新冠肺炎 也 都 隨即 進行 隔離 溜 馬 主控 布羅格登 也 被 檢測 出新冠 陽性反應 先後 爆出 3 名 國王 球員 確診 新冠肺炎 消息 的 是 the athletic 權威 記者 查拉 尼亞 這 3 名 球員 也 在 昨天 透過 聲明 坦承 自己 感染 新冠肺炎 其中 希爾德 堪稱 國王 主力 戰將 畢竟 他 不僅 拿下 今年 三分球 大賽 冠軍 場 均 更 可 拿下 198 分 賈巴厘派克 與 艾力克 斯 連都 是 今年 2 月 透過 交易 來到 國王 的 球員 真正 效力 國王 時間 都 不 久 國 王列 在 參加 奧蘭多 複賽 的 22 支 球隊 中 也 跟 灰 熊 拓荒者 鵜鶘 馬 刺 太陽 等 隊 爭搶 西區 第 8 種子 位置 整體 戰力仍 受 影響 不過 目前 距離 複賽 開 打 時間 也 就 是 7 月 31 日 還有 整整 1 個 多 月 聯盟 會 挑 在 當前 進行 全面 性 新冠 檢測 就是 期望 可以 真正 在 奧蘭多 打造 一個 封閉 比賽 環境 目前 3 名 球員 都 在 進行 隔離 治療 當中 病情 也 都 不 嚴重 應可 趕上 複賽 甚至 國王 也 做好 備案 前天 突然 宣佈 簽下 本 季 都 沒上 過場 的 布魯爾 就是 聽到 陣 中 可能 出現 多 名 確診 球員 才會 趕緊 簽下 布魯爾 以防萬一 布魯爾 上次 打 nba 是 在 2018 19 年 球季 當時 就 曾 短暫 效力 過 國王 當作 替補 射手 毫無問題 至於 溜 馬 主控 布羅格登 昨 透過 官方 推特 發表 聲明 確定 自己 感染 新冠肺炎 他 先前 曾上 街頭 參加 黑人 的 命 也 是 命 blm 抗議 遊行 而且 都 沒有 保持 社交距離 可說 做出 最差 示範 但 根據 他 的 聲明 看來 應可 順利 趕上 本 季 複賽</t>
  </si>
  <si>
    <t>全國 疫情 未 見 降溫 三級 警戒 是否 二 度 延長 至 6 月 28 日 成為 各界 關注 話題 不過 下 周 端午 連 假 就要 來 了 為 防堵 病毒 流動 各界 紛紛 呼籲 異鄉 遊子耐 住 思鄉 之 情 別 衝動 回老家 連 中央 流行 指揮中心 今 6 日 下午 都 出面 呼籲 國人 儘量 減少 移動 對 此 有 ptt 網友 忍不住 上網 發問 開車 返鄉 總 可以 吧 貼 文一 出 隨即 引發 熱 議 有 高人 一 語 戳 破 盲點 反問 你 怎麼 能 確定 你 身上 沒 病毒 根據 ptt 該 貼 文 內容 原 po 針對 端午 連 假 返鄉 的 議題 提出 疑問 表示 疫情 警戒 既然 未 升 四級 政府 也 沒有 宣佈 封城 封 高速公路 那 避免 搭乘 多 人群 聚 空間 又 密閉 的 大眾 運輸 改 開車 租 車 返鄉 總 可以 吧 話鋒一轉 原 po 認為 大家 防疫 能 謹慎 但 別 過度 緊張 因為 現在 很多 通勤 族 已經 全天 戴 口罩 移動 範圍 只 剩 租 屋 公司 兩 點 一線 如今 北 漂 青年 想 返鄉 卻 被 抨擊 是 北 毒 南 送 的 不肖 子 這 讓 原 po 不禁 直言 維持 平常心 才 有 辦法 再 撐 個 一 年 兩 年 啦 語 畢 誰 同意 誰 反對 不過 這 則 文一 出 立馬 遭 大批 網友 留言 反彈 先後 疾呼 你 想 冒著 無 症狀 的 風險 那 就 返鄉 吧 記得 儘量少 接觸 他人 誰 知道 你是 不是 無 症狀 感染者 你 怎麼 能 確定 你 身上 沒 病毒 就 跟 你 說 不要 探親訪友 了 回去 就 別 再 回來 我 怕 我 自己 是 無 症狀 帶病毒 回家 孝順 父母 萬 一中 了 鄉下人 高 概率 會 亂 唾棄 家人 由此可見 為 落實 防疫 措施 確實 遏止 病毒 擴散 目前 公路 總局 已 緊急 取消 連 假 客運 85 折 優惠 希望 減少 臺灣 人口 流動 而 高 鐵則 針對 尖峰 時段 載客率 超過 2 成 的 車次 進行 換 退票 手續 協助 人流 分散 又 台鐵 公佈 退票 率 達 7 成 6 預估 端午 連 假 售票 張數 可壓 到 3萬 張 以下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大陸 澎湃 新聞 1 日 報導 復旦大學 等 3 國 團隊 研究成果 最近 登 上 頂級 學術期刊 科學 science 雜誌 研究 認為 大陸 爆發 疫情 期間 僅 實施 社交距離 政策 就 足以 控制 新冠肺炎 或 降低 峰值 發病率 40 至 60 並 延遲 疫情 以 年</t>
  </si>
  <si>
    <t>大陸 澎湃 新聞 1 日 報導 復旦大學 等 3 國 團隊 研究成果 最近 登 上 頂級 學術期刊 科學 science 雜誌 研究 認為 大陸 爆發 疫情 期間 僅 實施 社交距離 政策 就 足以 控制 新冠肺炎 或 降低 峰值 發病率 40 至 60 並 延遲 疫情 以 年齡 言 14 歲 以下 最 不容易 受 感染 65 歲 以上 人 更 容易 受到 感染 報導 指出 大陸 疫情 逐漸 平息 之際 美國 西班牙 義 大利 等 國 形勢 仍舊 嚴峻 各國 該 選擇 怎樣 的 疫情 控制 政策 是 科學 問題 來自 大陸 美國 義 大利 團隊 的 研究 報告 changes in contact patterns shape the dynamics of the covid-19 outbreak in china 4 月 29 日 刊載 在 科學 指出 截至 目前 關於 年齡 接觸 模式 社交距離 感染 易 感性 和 新冠肺炎 傳播 動態 之間 的 相互作用 仍 不 清楚 他們 試圖 為 更 具有 針對性 的 長期 防控 策略 提供 科學依據 合作 研究 團隊 成員 有 復旦大學公共衛生學院 博士生 導師 公共 衛生 安全 教育部 重點 實驗室 主任 余宏傑 義 大利 isi 基金會 湖南省疾控中心 義 大利 布魯諾 凱斯勒 基金會 計算 流行病 學家 marco ajelli 美 國立 衛生 研究院 nih 福格蒂 國際中心 美國 東北大學 生物 和 社會 技術 系統 類比 實驗室 研究 的 通訊 作者 是 餘宏傑 與 marco ajelli 研究 團隊 分析 了 新冠 疫情 暴發 之前 和 疫情 暴發 期間 武漢 和 上海 的 接觸 調查 資料 以及 來自 湖南省 的 接觸 者 追蹤 資訊 研究 得出 在 執行 社交距離 疏遠 政策 期間 武漢 和 上海 兩地 平均 每天 的 接觸 均 減少 了 80 左右 大部分 的 互動 僅限於 家庭 研究 還 發現 0 14 歲 的 兒童 比 15 64 歲 的 成年人 更 不容易 受到 感染 而 相比之下 65 歲 以上 的 人 更 容易 受到 感染 基於 這些 資料 研究 團隊 建立 了 一個 傳播 模型 他們 認為 大陸 暴發 疫情 期間 僅 實施 社交距離 政策 就 足以 控制 新冠肺炎 另外 雖然 主動 關閉 學校 本身 不能 阻斷 傳播 但 它們 可以 將 峰值 發病率 降低 40 至 60 並 延遲 疫情 總的來說 這項 研究 提供 的 證據 表明 在 武漢 和 上海 實施 的 干預 措施 以及 由此 導致 的 人類 行為 變化 大大減少 了 日常 接觸 從根本上 減少 了 互動 這 使得 了 新冠肺炎 傳播 的 急劇 減少 研究 團隊 總結 認為 或許 最 重要 的 是 實施 嚴格 生硬 的 封鎖 策略 在經濟上 和 心理 上 都 極具 較 大 影響 從 長遠 來看 更 有 針對性 地 阻斷 傳播 是 更 好 的 選擇</t>
  </si>
  <si>
    <t>新冠肺炎 疫情 延 燒 本土 確診 案例 突破 6千 例 人心惶惶 的 情況 下 許多 網友 上網 留下 許多 不 理性 的 言論 名 嘴 黃越綏 就 透露 有 酸 民 留言 希望 她 確診 當下 氣 得 反 嗆 萬一 如你所願 而有 個 三長兩短 難道 你 就 不怕 我 三更半夜 找 你 索命 嗎 黃越綏 表示 臉書 是 提供 個人 或 群體 分享 生活 資訊 的 平臺 由於 每個 人 的 主張 和 立場 都 不同 自然 不可能 讓 每個 人 都 認同 因此 只要 本 著 誠意 付出 並 對得起 良心 就 可以 接 著 提到 常 被 批評 是 是 依老賣老 的 老嫗 醜 女人 對於 酸 民 情緒化 的 字眼 她 表示 還 在 可以 忍受 範圍 但 若 是 對 人 不對 事 甚至 到 詛咒 別人 的 地步 就 過份 到 讓 人 難以 接受 的 程度 黃越綏 透露 近來 臉書 小 編發 現有 網友 留言 內容 居然 是 希望 她 確診 新冠肺炎 讓 她 當下 氣 到 抓 狂 直接 怒 嗆 步數 用到 詛咒 別人 這 就 太過分 了 何況 我 年紀 大 了 萬一 如你所願 而有 個 三長兩短 的話 難道 你 就 不怕 強悍 的 我 三更半夜 會 來 找 你 索命 嗎 更 強調 如果 處事 心態 老 愛用 欺負 和 糟蹋 別人 來 成全 自己 的 暗 爽 充其量 也 只不過 是 個 智弱 的 社會 邊緣 人 對此 網友 也 紛紛 留言 嘴巴 臭 的 人 就 會 自 打嘴巴 這種 人 如果 理 他 就 太 不值 得了 不要 理會 那個 沒 水準 的 人 他 造 的 口 業 會 回到 自己 的 身上 臺灣 就 是 有 這種 不明 是非 對錯 善惡 的 人 其實 同 島 一 命 不用 算 那些 內應 的 命 進去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疫情 嚴峻 民眾 也 上緊 發條 南 投 縣 防疫 聯合 宣導 小組 19 日 走訪 傳統 市場 黃昏 市場 宣導 配合 防疫 停止 試 吃 哦 疫情 期間 請 外帶 減少 內 用 提醒 民眾 戴好 口罩 保持 社交距離 用餐 實 聯 制 19 日 到 竹山 傳</t>
  </si>
  <si>
    <t>新冠肺炎 疫情 嚴峻 民眾 也 上緊 發條 南 投 縣 防疫 聯合 宣導 小組 19 日 走訪 傳統 市場 黃昏 市場 宣導 配合 防疫 停止 試 吃 哦 疫情 期間 請 外帶 減少 內 用 提醒 民眾 戴好 口罩 保持 社交距離 用餐 實 聯 制 19 日 到 竹山 傳統 市場 逐 攤 拜訪 商家 和 消費 民眾 高度 配合 連帶 著 小 孫女 逛 市場 的 阿嬤 都 戴 口罩 市場 的 小吃 業者 直說 雖然 要求 防疫 偶爾 會 挨 客人 罵 但 想到 人人 自律 做好 防疫 才能 安全 過關 聽到 旁人 一 句 大家 都 辛苦 了 這 場 疫情 每個 人 都 不能 置身事外 南 投 縣府 衛生局 建設處 警察局 防疫 聯合 宣導 小組 從 12 日 起 展開 傳統 及 黃昏 市場 防疫 宣 導 宣導 人員 不僅 拿 大聲 公 沿途 大聲 提醒 防疫 手則 高舉 宣導 牌 讓 大家 一 目 瞭 然 各項 重點 防疫 措施 而且 鎖定 餐飲 攤 商 查訪 呼籲 業者 注意 防疫 細節 保護 業者 自己 也 保護 消費 大家 的 安全 與 健康 到 19 日 止 該 列 防疫 宣 導 已 完成 南 投 草屯 埔裡 竹山 名間 水裡 等 鄉鎮 市 13 梯次 19 個 市場 的 宣導 任務 還 會 鎖定 人潮 密集 的 市場 尤其 是 餐飲業 持續 落實 宣導 衛生局 食品 科長 謝伶 華 指出 市場 人潮 密集 人人 都 應戴 口罩 並且 確實 保護 口 鼻 餐飲業 除 可 張貼 減少 內 用 建議 外帶 也 有 業者 自主 決定 貼出 疫情 嚴峻 暫停 內 用 的 公告 餐飲業 對於 用餐 民眾 應 落實 實 聯 制 避免 並 桌 共 餐 建議 使用 隔板 區 隔 另外 攤 商 也 應 停止 試 吃 活動 對於 現 做 食品 應以 保 冰及 隔板 保護 這些 安全衛生 的 營業 措施 不僅 值得 其它 業者 採行 更 可 提供 消費者 優先購買 的 參考 在 竹山 市場 現 做 現 賣 咸 水雞 的 江 老闆 說 最近 疫情 實在太 恐怖 他 加設 壓克力 隔板 保護 攤 上 展示 的 成品 半成品 注意 衛生 戴好 口罩 希望 消費者 買 得 安心 吃 得 健康 這些 瑣瑣碎碎 的 細節 做 習慣 了 也 不 會 覺得 麻煩 反而 讓 生意 有起色回流 的 老 顧客 越來越 多</t>
  </si>
  <si>
    <t>電子 支付 服務 商 paypal 週三 盤後 股價 劇烈 震盪 目前 大 漲 852 報 13924 美元 稍 早 前 一度 下挫 57 該 公司 上 季營 收 獲利 不如 市場 預期 但 看好 即使 防疫 封鎖 措施 開始 鬆綁 但 保持 社交距離 的 要求 仍 將 帶動 線 上 購物 需求 本</t>
  </si>
  <si>
    <t>電子 支付 服務 商 paypal 週三 盤後 股價 劇烈 震盪 目前 大 漲 852 報 13924 美元 稍 早 前 一度 下挫 57 該 公司 上 季營 收 獲利 不如 市場 預期 但 看好 即使 防疫 封鎖 措施 開始 鬆綁 但 保持 社交距離 的 要求 仍 將 帶動 線 上 購物 需求 本 季 電子 支付 業務 將 強勁 復蘇 paypal 公佈 第一 季營 收 年 增 118 為 462億 美元 落後 市場 預期 的 474億 美元 淨利 為 8400萬 美元 年 減 874 經 調整 後 每股 盈 餘 為 66 美分 落後 市場 預估 的 75 美分 但 paypal 表示 新冠肺炎 疫情 為 線 上 交易 業務 注入 強心針 在 截至 3 月底 的 季度 線 上 交易 業務 較 去年同期 成 長 18 達到 1910億 美元 4 月份 新增 客戶 達到 740萬 人 創下 歷史 新高 當月 電子 交易 業務 額 年 增 22 為 680億 美元 5 月 1 日 的 交易額 更 創下 單日 歷史 新 高 執行長 daniel schulman 在 法 說 會上 表示 paypal 的 產品 與 服務 從未 如此 受到 需要 與 歡迎</t>
  </si>
  <si>
    <t>流感疫苗 開 打 南 投 縣 衛生局 5 日前 進 名間鄉 松柏 嶺 集會 所 由 副 縣長 陳正升 率先 示範 接種 疫苗 衛生局長 黃昭郎 表示 今年 公費 疫苗 施打 物件 取消 先後 排序 因此 請 符合條件 民眾 就近 到 衛生所 或 醫療 院所 施打 陳正升 表示 新冠肺炎 疫情 尚未 結束 除了 遵守 新 生活 運動 配戴 口罩 以及 保持 社交距離 外 更 應 注意 保護 身體 的 健康 每年 10 月 至 隔 年 3 月 是 流感 好 發 的 高峰期 接種 流感疫苗 是 預防 流感 最 有效 的 方式 鄉親 若 符合 公費 施打 的 條件 應 踴躍 接種 疫苗 以 避免 流感 黃昭郎 表示 今年 衛生局 購置 13萬7000 劑 的 疫苗 若以 全縣 人口 覆蓋 數量 計算 可 達到 275 這樣 的 比率 能夠 有效 確保 社區 防疫 的 安全 另外 往年 公費 疫苗 施打 物件 有 安排 先後順序 的 差別 今年 則 將 排序 取消 因此 如果 符合 公費 施打 條件 的 民眾 請 持 健 保 卡 至 衛生所 或 102 家 流感 合約 醫院 及 診所接種 疫苗 接種 除 自費 施打外 如果 符合 公費 流感疫苗 接種 物件 如 50 歲 以上 成人 59 年 次 出生 滿 6 個 月 至 五專 三 年 級 以下 學生 族群 高風險 慢性病 患 肥胖者 bmi 30 罕見 疾病 患者 重大 傷病 患者 孕婦 及 家中 有 6 個 月 以下 幼童 之 父母 等 皆 可 免費 接種 流感 病毒 傳染 力 強 感染 後 容易 併發 重症 的 心肌炎 腦炎 肺炎 等 疾病 嚴重 時 可能 造成 死亡 一般 人 接種 流感 的 保護 力達 30 80 接種 流感 對 健康 成年人 達 70 90 保護 效果 對 老人 則 降低 50 60 嚴重性 併發症 及 減少 80 死亡率 此外 為 提供 接種 可 近 性 及 便民服務 縣府 亦 請 各 衛生所 及 醫療 院所 在 社區活動 中心 關懷 據點 發展 協會 等 廣設 社區 接種 服務 如果 企業 工商 團體 社區 管委會 等 單位 揪 團 人數 達 35 人 衛生所 可 提供 便利 接種 服務 請 撥打 衛生局 專線 049 2220904 或 免費 防疫 專線 1922 洽 詢</t>
  </si>
  <si>
    <t>本土 疫情 持續 擴散 全國 進入 第 三級 警戒 指揮中心 指揮官 陳時中 拜 讬 民眾 假日 待 在 家中 未 料 有些 人 轉 往 郊區 活動 陽明山 停車場 甚至 出現 爆滿 情形 有 純度 最高 主 播 之 稱 的 房業涵 不禁 在 播報 時 脫 口 真 的 不 知道 在 想 什麼 房 業 涵 負責 東森 電視 週六 周日 新聞 播報 正當 她 播報 陽明山 假日 出現 大量 車 潮時 忍不住 說 真 的 不 知道 在 想 什麼 被 觀眾 當場 發現 特地 私 訊 給 她 房業涵 不好意思 的 笑 回 哈哈 哈哈哈 不 小心 真性情 同時 轉到 限 時 動態 表態 人家 忙 著 待 在家 防疫 啊 你 大哥 忙 著 爬 陽明 山 文末 留下 一個 無奈 哭 臉 的 表情符號 考量 到 疫情 不斷 升溫 陽明山 國家公園 管理處 透過 臉書 表示 為了 配合 防疫 政策 22 日 封閉 園區 涼亭 及 休憩 據點 包含 擎 天 崗 冷 水坑 小 油 坑 大 屯 二 子 坪 龍鳳 穀 硫磺 穀 等 地 希望 山友 這 段 期間 儘量 待在家裡 避免 在 山上 群 聚 然而房業涵 身為 新聞 主 播 仍 須進 攝影棚 才能 完成 工作 且 在 鏡頭 前 未戴 口罩 引起 部分 粉絲 擔憂 對此 房業涵 發 長文 解釋 播報 的 攝影棚 空間 超大 裡面 只 有 她 跟 攝影機 副 控 在 別的 房間 等於 我 在 自言自語 強調 攝影師 有 依照 規定 戴 口罩 與 攝影師 的 距離 為 社交距離 的 2 倍 以上 中間 還有 巨型 機器 擋 著 攝影師 是 不 會 跟 主 播 說 到 話 的 我們 都是跟 導 播 用 耳機 溝通 希望 粉絲 不 需要 太 擔心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臺灣 疫情 仍 嚴峻 全台 三級 警戒 目前 延長 至 6 28 當局 也 積極 呼籲 民眾 端午 別 返鄉 平時 非必要 不要 外出 餐飲業 也 全面 停止 內 用 改 外帶 外 送 或 宅 配 女星 陸明君 就 在 網路上 看到 許多 知名 大 飯店 甚至 星級 餐廳 推出 冷凍 餐 點 覺得 經濟 實惠 想買 回 家 不料 被 富 尪 一 句 話 點 醒 讓 她 斷 了 訂購 念頭 並 對 老公 說 真心 敬佩 你 陸明君 在 臉書 發文 表示 看見 星級 餐廳 推出 的 冷凍 餐 點 經濟 實惠 讓 她 撿便宜 主婦 魂 被 燃起 就 拿 了 功能表 給 老公 點菜 沒 想到 老公 看 了 沉默 3 秒 後 開口 老婆 如果 你 真 的 想 幫助人 的話 可不 可以 先 選 那些 小本經營 的 店家 有 財團 撐住 的 一時半刻 倒 不了 的 等 疫情 過 後 再 去 享用 先 買 那些 小 商家 的 吧 我們 粗茶淡飯 就 好 老公 一番話 讓 陸明君 瞬間 醒悟 對 老公 升起 一 股 崇拜 之 心 omg 老公 我 敬佩 你 真心 敬佩 你 坦言 自己 就 只 想 到貪小便宜 但 你 的 智慧 與 憐憫 在 這麼 小 的 心思 上 讓 我 瞬間 清醒 謝謝 你 有 一 顆 溫暖 的 心 因為 點 餐 事件 陸明君 悟出 道理 雖然 我們 能力 不足 但 可以 選擇 有能力 的 做 也 在 留言 區 歡迎 網友 們 提供 小本 店家 或 小農 店家 名單 讓 我們 知道 你 需要 説明 並且 把 名單 分享 出去 在 疫情 期間 共 體 時艱 這個 防疫 生活 中的 夫妻 日常 讓 人 感覺 很 有 愛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國內 再 增 2 例 境外移入 國際 間 新冠肺炎 疫情 不斷 升溫 指揮中心 發言人 莊人祥 今 20 日 下午 2 時 舉行 記者會 說明 今天 再 增 2 例 確診 指揮中心 統計 國內 累計 611 例 確診 分別 為 519 例 境外移入 55 例 本土 病例 36 例 敦睦 艦隊 及 1 例 不明 另 1 例 案 530 移除 為 空號 確診 個案 中 7 人 死亡 指揮中心 呼籲 民眾 自 國外 入境 時 如有 發燒 咳嗽 等 不適 症狀 應 主動 通報 機場 及 港口 檢疫 人員 並 配合 防疫 措施 返國 後 應 落實 居家 檢疫 期間 如 出現 疑 似 症狀 請 即 聯繫 衛生局 或 各縣市 關懷 中心 並 依 指示 就醫 切 勿 搭乘 大眾 運輸工具 就醫 時 請 務必 告知 醫師 旅遊 史 職業 別 接觸 史及 是否 群 聚 tocc 以 供 及時 診斷 通報 指揮中心 再次 提醒 民眾 應 持續 做好 手部 衛生 與 咳嗽 禮節 外出 若 無法 與 他人 保持 社交距離 請 全程 佩戴 口罩 自 國外 入境 時 如有 發燒 咳嗽 等 不適 症狀 應 主動 通報 機場 及 港口 檢疫 人員 並 配合 防疫 措施 返國 後 應 落實 居家 檢疫 如 出現 疑 似 症狀 請 務必 聯繫 衛生局 或 各縣市 關懷 中心 並 依 指示 就醫 切 勿 搭乘 大眾 運輸工具 就醫 時 請 務必 告知 醫師 旅遊 史 職業 別 接觸 史及 是否 群 聚 tocc 以 供 及時 診斷 通報</t>
  </si>
  <si>
    <t>澳洲 墨爾本 封 城 2 周後 疫情 趨 緩 11 日 正式 解封 不過 仍 維持 室外 須戴 口罩 等 規定 專家 表示 沒有 證據 顯示 應該 強制 民眾 在 室外 也 戴 上 口罩 認為 風會 吹 散 病毒 只 有 近 距離 聊天 時才 要 戴 上 口罩 澳洲 維多利亞州 在 出現 源自 於 印度 的 變種 病毒 kappa 後 於 5 月底 開始 封城 封城 措施 奏效 維多利亞州 睽 違 3 周 於 11 日 首度 通報 0 確診 首府 墨爾本 同日 也 宣佈 解封 鬆綁 外出 限制 官方 原本 預告 室外 可免 戴 口罩 不過 隔 天 政策 大 翻轉 要求 民眾 在 戶外 仍 得 戴 口罩 墨爾本 世紀 報 the age 報導 政府 仍 強制 民眾 外出 戴 口罩 的 規定 令部 份 專家 不解 與 世界衛生組織 who 合作 的 國際 空氣 品質 與 健康 實驗室 international laboratory for air quality and health 主任 莫拉絲卡 lidia morawska 表示 在我看來 沒有 理由 在 室外 也 要 戴 口罩沒有 證據 顯示 病毒 在 開放 空間 會 造成 感染 風險 她 說 在我看來 要求 在 戶外 所有 地方 都 戴 上 口罩 是 有點 誤導 了 人們 因為 覺得 沒 意義 而 不 遵守 規定 她 認為 戶外 應該 戴 上 口罩 的 時機 是 不能 維持 社交距離 時 例如 講話 或是 排隊 對此 維州 衛生 首 長沙 頓 brett sutton 指出 戴 口罩 仍 是 非常 重要 的 干預 措施 因為 民眾 一天到晚 進出 室內 室外 很 難 判斷 其他人 距離 有 多 近 他 也 強調 病毒 在 戶外 也 會 傳播 維州 政府 4 月 發佈 的 一 份 研究 報告 指出 戴 口罩 是 讓 維州 走 出 第 2 波 新冠 疫情 的 最 有效 防疫 措施 官員 指出 雖然 病毒 在 戶外 傳播 的 機 率 比 在 室內 低 很多 但是 全球 確實 看到 戶外 也 有 超級 傳播 事件 的 案例 不過 關於 室內 戶外 戴 口罩 的 見解 專家 看法 相當 不同 報導 指出 有 證據 顯示 新冠 病毒 在 戶外 的 傳播 力比 在 室內 低 很多 因為 在 傳染給 人 之前 風會先 吹 散 病毒 微 維州 當局 也 預估 第 2 波 疫情 中 只 有 5 病例 是 透過 戶外 傳播 愛爾蘭政府 今年 4 月 公佈 的 資料 則 顯示 戶外 感染 的 占比 甚至 只 有 01 澳洲 拉 籌 伯 大學 流行病 學 副教授 瓦利 hassan vally 表示 病毒 在 戶外 的 傳播 力 降低 了 20 倍 他 指出 當 社區 病例 很 少時 要求 戶外 戴 口罩 就 是 一個 好處 很 少 的 措施 不過 澳洲 餐飲業 協會 restaurant and catering industry association 執行長 蘭 柏特 wes lambert 表示 要求 戶外 戴 口罩 的 最 重要 訊息 就是 提醒 民眾 仍 有 新冠 風險</t>
  </si>
  <si>
    <t>在家 也 要 社交距離 戴 口罩 四級 可能性 曝 不 一定 完全 封城</t>
  </si>
  <si>
    <t>封城 四級 警戒 社交距離 新冠肺炎 口罩</t>
  </si>
  <si>
    <t>人類 在 感染 新冠肺炎 的 病毒 後 會 對 肺部 產生 廣泛 的 損害 尤其 是 重症 的 情況 下 甚至 會 呼吸衰竭 而 死亡 負責 美國 肺 協會 ala 的 醫師 亞伯特 albert rizzo 接受 inverse 採訪 探討 如何 保護 肺部 的 問題 首先 如果 是 沒有 任何 肺部 疾病 的 人 亞伯特 認為 最好 是 停止 吸煙 及 電子 煙 而且 避免 到 空氣 不良 的 場所 另外 配合 適當 的 飲食 及 運動 就 能 提高 肺部 的 功能 而且 新冠肺炎 對於 擁有 慢性病 三高 的 人 殺傷力 更 強 所以 良好 的 生活習慣 是 保持 健康 的 不二法門 如果 本來 就 有 氣喘 或 肺部 疾病 的 人 最好 則 是 少 出門 保持 社交距離 多 洗手 以及 沒洗 完 手 最好 不要 碰 臉部 等 四 個 方針 尤其 是 病毒 可以 長 時間 地 存活 在 椅子 及 一些 大眾交通 工具 上 儘量 不 要 外出 是 比較 安全 的 方式 亞伯特 也 認為 這次 新冠肺炎 的 病毒 危機 也 是 對 大眾 衛生系統 的 考驗 不論是 檢查 是否 感染 篩選 可能 感染 人物 以及 給予 適當 的 治療 都是公 衛 系統 需要 面臨 的 問題 而且 未來 說不定 還 有 其他 病毒 出現 只 有 打 好 眼前 的 仗 未來 才能 有 經驗 地 處理 類似 的 問題 更 多 ctwant 報導</t>
  </si>
  <si>
    <t>新北 市 雙和 醫院 62 歲 洪姓 確診 男子 昨 31 日 上午 持 水果刀 砍 傷 病房 內 3 名 女 護理 師 事後 受傷 護理 師 緊急 送 往 急診室 救治 警方 獲 報 後 已 立即 將 男子 帶 回 然 有 受傷 護理 師 的 學姊 在 ig 透露 其中 一 名 20 幾 歲 的 護理 師 右手 韌帶 被 砍 斷 身上 還有 多 處 刀傷 不禁 感歎 要 同仁 以後 怎麼 繼續 回 到職 場上 新北 市 雙和 醫院 洪姓 確診 男子 昨天 上午 7 時 左右 因 不滿 護理 師 未 關心 自己 持 水果刀 砍 傷 病房 內 3 名 女 護理 師 其中 23 歲 施姓 護理 師 腹部 遭 利器 劃傷 已 第一時間 送入 開刀房 治療 而 25 歲 陳姓 護理 師 則 是 胸部 右手 刀傷 27 歲 蔡姓 護理 師 為 肚皮 刀傷 事後 洪男 遭 警方 迅速 壓制 對此 新北 地 檢 署 表示 洪男 罹 患 新冠肺炎 隔離 治療 中 視 訊 後 檢 方 無法 做 後續 強制處分 也 無法 得知 洪男 犯案 意圖 因此 洪男 目前 仍 由 警方 戒 護 新北 市長 侯友宜 得知 消息 後 立刻 到 醫院 探視 並 給予 每人 10萬 元 慰問金 不 舍地 說 這麼 認真 還 受到 傷害 靠北 護理 師 ig 粉 專於 31 日 晚間 在 限 時 動態 po 文 表示 被 確診 男 持 刀 攻擊 的 3 名 護理 師 有 一 人 韌帶 和 神經 被 砍 斷 一 人 氣胸 一 人 腹部 受傷 感歎 現在 不 只要 防 新冠 病毒 還要 防 病人 有 受傷 護理 師 的 學姊 透露 昨日 受傷 的 23 歲 護理 師 右手 韌帶 被 砍 斷 身上 還有 多 處 刀傷 不禁 感歎 要 同仁 以後 怎麼 繼續 回 到職 場上 中 時 新聞網 關心 您 不良行為 請勿 模仿 拒絕 暴力 請撥 打 113110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13 日 起 防疫 微 解封 林務局 表示 經 與 部落 社區 協調 決定 戶 外場 域 開放 範圍 縮減 太 平山 森林 遊樂區 鎮西 堡 巨 木群 步道 等 仍 暫停 開放 松雪樓 奧 萬 大 山莊 等 住宿 人數 則 降 載 5 成 林務局 今天 表示 經 與 當地 部落 社區 協調 開放 戶 外場 域 縮減 為 91 條 自然 步道 53 條 林 道 14 處 國家 森林 遊樂區 3 處 平地 森林 園區 及 4 處 林業 文化 園區 林務局 指出 室內 展示 教育 場館 軌道 設施 阿里山 林業 鐵路 太 平山 蹦蹦車 與 烏來 台 車 山 屋 與 通鋪 型 住宿 設施 以及 自然 保護 區域 包含 自然 保護 留 區 與 野生動物 保護區 仍 暫不 開放 對照 8 日 公佈 預計 開放 120 條 自然 步道 81 條 林道 17 處 國家 森林 遊樂區 林務局 說明 當時 也 附帶 說明 各 步 道場 域 開放 需 與 當地 相關 部落 社區 協調 尊重 在 地 意願 並 視 各地 疫情 管制 狀況 動態 調整 林務局 表示 近日 與 部落 社區 協商 加上 部分 縣市政府 區 鄉 公所 依據 傳染病 防治法 第 37 條 第 1 項 第 6 款 公告 其 境內 旅遊景點 步道 園區 等 持續 暫停 開放 至 7 月 26 日 所以 做 了 調整 林務局 表示 13 日 起 仍 暫停 開放 鎮西 堡 巨 木群 步道 桶 後 越嶺 步道 紅石 步道 等 54 條 自然 步道 大 鹿林 道 本線 雙龍 林道 延平 林道 等 28 條 林 道 以及 太平 山 內 洞 及 觀 霧 等 3 處 國家 森林 遊樂區 林務局 預計 微 解封 後 北部 首選 一日遊 的 國家 森林 遊樂區 為 鄰近 雙 北 及 桃園 市 的 東 眼 山及 滿月 圓 此外 還 有 大雪山 阿里山 以及 高屏 民眾 喜愛 的 藤枝 此 園區 采 預約 制 13 日 起 一整 周 預約 幾乎 已 滿 林務局 提醒 13 日 起 開放 的 各 森林 育樂 場 域 將 實施 遊客 人數 總量 管制 森林 遊樂區 入 園 人數 降為 原 承載量 的 4 成 到達 人數 上限 後 將 采 一 出 一 進 大雪 山莊 松雪樓 與 奧 萬 大 山莊 住宿 人數 也 降 載 5 成 為 落實 人潮分流 奧 萬 大 入 園 人數 上限 為 800 人 阿里山 3000 人 武陵農場 則 每天 限 400 台 小型 車 進入 入 園 遊客 須量 體溫 額 溫 攝氏 375 度 以上者 婉拒 入 園 入 園 者 須 全程 佩戴 口罩 避免 戶外 10 人 室內 5 人 以上 群 聚 且 需 維持 室外 1 公尺 室內 15 公尺 社交距離 用餐 方面 如 遊客 于 場 域 內 有 飲食 需求 應 配合 疫情 指揮中心 指示 在 與 不 特定 物件 保持 社交距離 可 暫時 取下 口罩 飲食 用餐 完畢 即 應 佩戴 口罩</t>
  </si>
  <si>
    <t>嘉義 縣 最 大 連鎖酒店 長 榮 文苑 去年底 試 營運 出師不利 遇 上 新冠肺炎 雖 住房 率 持續 受 影響 下滑 1 日 長 榮 文苑 仍 照 時程 開幕 同步 推出 優惠 住房 專案 抽獎 等 活動 先 搶 一 波 清明連 假 觀光 潮 未來 再 結合 故宮 南院 等 周邊 景點 推 套裝 行程 長 榮 文苑 2019 年 12 月 21 日 試 營運 占 緊鄰 故宮 南院 的 地利 之便 初期 平均 住房 率 至少 5 成 餐廳 逢 假日 更 是 一 位 難 求 沒 想到 蜜月 期 就 碰上 新冠肺炎 且 隨 疫情 延 燒 住房 率 明顯 下滑 即使 面臨 旅遊業 大 海嘯 長 榮 文苑 仍 決定 照 既 定計 畫 於 1 日 開幕 為 歡慶 飯店 開幕 長 榮 文苑 至 30 日 止 推出 平日 住房 優惠 和 用餐 抽獎 等 活動 最 大獎 是 年底 前 不 限 次數 免費 享用 飯店 午餐 另 預訂 用餐 顧客 姓名 有 長 榮 文 苑 其中 1 字 還 能 參加 抽抽 樂 在 多 項 好 康 助攻 下 長 榮 文苑 連 假 前兩天 訂 房率 升到 56 成 水準 長 榮 文苑 指出 接下來 會 隨 疫情 發展 調整 營運 模式 包括 多元 供餐 錯開 用餐 時間 或 關閉 部分 樓層 等 另 內部 也 在 研議 因應 社交距離 的 具體 作法 未來 則 打算 和 南院 東石鄉 布袋鎮 一帶 休閒 業者 合作 推 體驗 游程 想 辦法 把 因 疫情 取消 出國 轉為 國內 旅遊 的 消費者 吸引 上 門 嘉 義縣 政府 文化 觀光 局長 許有仁 表示 許多 民 宿 旅館業 者 反映 受 疫情 衝擊 生意 慘澹 考量 近日 居家 檢疫 民眾 激增 已 有 專門 提供 親友 住宿 的 安心 旅館 出現 在 中央 相關 補助 未 出爐 前 文觀局 已 在 評估 研議 是否 透過 預算 調整 補助 親友 安心 旅館 住宿費 既 提高 親友 投宿 意願 減少 感染 風險 也 協助 旅 宿 業者 度過 這 波 寒冬</t>
  </si>
  <si>
    <t>北京 爆發 第二 波 新冠肺炎 傳 鮭魚 為 傳染源 對此 胸腔 暨 重症 醫生 黃軒 直言 倒 楣 的 魚 被 人 宰殺 了 還要 被 誣陷 啊 新冠 病毒 需 受體 ace 2 幫忙 才可 成功 進入 感染 細胞 而 此 受體 僅 存 於 哺乳類 動物 不 存在 魚中 黃軒 表示 新冠 病毒 很 死忠 很 挑剔 只 愛 一 種 天 菜 那 就 是 人類 呼吸系統 有的 ace 2 病毒 是 核酸 內核 蛋白 外殼 構成 沒有 自主 複製 能力 無法 自立更生 若 病毒 要 浸染 細胞 就 必須 要 借宿 主 的 核酸 合成 蛋白 表達 系統 來 完成 複製 及 擴散 黃軒 指出 北京 日前 傳出 切 鮭魚 的 砧板 驗 出新冠 病毒 引起 譁然 但 魚類 的 體內 幾乎 沒有 新冠 病毒 喜愛 的 天 菜 ace 2 而 若 沒有 這個 受體 病毒 就 無法 成功 進入 感染 細胞 目前 所有 已 知 的 證據 顯示 這個 受體 僅 存 於 哺乳類 動物 而 不 存在 於 魚類 中 黃軒 引述 倫敦大學學院 的 研究 表示 新冠 病毒 可 感染 多種 哺乳類 但 不能 感染 魚類 鳥類 或 爬行動物 所以 魚 體內 自然 不 會 攜帶 新冠 病毒 至於 鮭魚 能 吃 與否 按 世衛 的 說法 目前 尚未 有 證據 表明 新冠 病毒 可 透過 飲食 直接 傳給 人 主要 傳播 途徑 仍 是 呼吸道 飛 沫 和 緊密 接觸 黃軒 說 新冠 病毒 可 在 物體 表面 存活 數 小時 甚至 數 天 病毒 在 冷凍 的 情況 下 的確 也 能 存活 較 久 但 傳給 人 的 可能性 很 低 除非 那人 的 手指 沾 著 病毒 還 不 洗手 狂 摳 鼻子 其實 只 要 乖乖 戴 口罩 勤洗手 保持 社交距離 在 大 流行 未 解除 前 就 能 有效 防疫 另外 黃軒 也 補充 在 新冠肺炎 疫情 大 流行 下 建議 吃 肉類 雞蛋 和 蔬菜 之前 最後 都先 煮 過 且 盛裝 生食 熟食 的 食物 也 儘量 分開 最 重要 的 是 用餐 前 烹飪 完 後 都 要 記得 洗手 本文 獲 黃軒 醫師 授權 非 請勿 轉載</t>
  </si>
  <si>
    <t>萬華 華西街 幫 某 大哥 父親 日前 病逝 原定 預定 22 日本 週六 下午 將 在 第一 殯儀館 舉辦 告別式 並 廣發 訃聞 給 全國 各幫派 分子 及 殯葬 業者 預計 將 有 1200 人 到場 參加 消息 上周 傳出 後 令 負責 對 幫派 活動 進行 蒐證 的 第一線 員 警 憂心 不已 擔心 萬華 是 疫情 重災區 那麼 多 人群 聚 在 一 殯 恐 有 被 傳染 的 危機 形成 疫情 破 口 部分 道上 兄弟 也 陷入 兩難 不 去 似乎 不 給 華西街 幫 面子 去 又 擔心 在 殯儀館 根本無法 維持 社交距離 下 自己 的 健康 將 遭到 波及 所幸 上 週六 北市 將 防疫 提升 到 三級 警戒 宣佈 即日起 北市 不 開放 公祭 才讓 警方 兄弟 們 都松 了 一口氣 不過 警方 仍 擔心 到時 還 是 會 有人 到場 致意 也 有 禮儀公司 人員 透露 現在 還是 有些 人 會 到 告別式 場合 因 喪家 及 工作人員 都 不好意思 拒絕 所以 有時 會 安排 眾人 一起 鞠躬 致意 儘量 縮短 流程 及 聚集 時間 臺北市 殯葬 管理 處處長 洪進 達 表示 昨日 全國 已 公佈 公祭 活動 全部 停止 北市 殯儀館 的 禮 廳 管理員 都會 在 現場 巡視 並 加強 宣導 此外 殯葬 從業人員 對 疫情 也 十分 緊張 所以 都 願意 配合 公家 作法 勸 離 到場 的 民眾 以 防止 疫情 擴散 北市 殯葬 處 表示 目前 禮 廳 在 週末 等 加價 日 打 8 折 若 使用 網路 公祭 打 5 折 對於 先前 已 預約 禮 廳 的 家屬 暫無 補償 若 有 人 違反規定 舉辦 公祭 衛生局 已 授權 殯葬 處 可 對 現場 違反規定 的 群 聚 民眾 進行 開 罰</t>
  </si>
  <si>
    <t>9 月 1 日 開學 縣市政府 為 開學 做 防疫 準備 中醫大 新竹 附設 醫院 兒科 主任 陳思融 遇到 很多 焦慮 家長 詢問 擔心 孩子 在 未 打 疫苗 的 情況 下 是否 能 上學 陳思融 建議 5 歲 以下 孩童 除了 公費 13 價 肺炎 鏈球菌 疫苗 外 可 在 6 到 12 個 月 自費 施打 1 劑 讓 保護 力更 完整 陳思融 指出 delta 病毒 與 呼吸道 融合 病毒 或 副流感 病毒 的 合併 感染 確實 造成 許多 肺炎 呼吸 窘迫 的 嬰幼兒 入住 加 護 病房 開學 後 只要 學生上課 落實 戴 口罩 勤洗手 及 保持 社交距離 就 可以 預防 家長 不 需要 焦慮 陳思融 說 從 兒科 的 感染 控制 和 疫苗 控制 有 一個 概念 是 包 覆 性 保護 策略 就是 對 無法 打到 某種 疫苗 的 小孩 原本 就 是 脆弱 族群 希望 共同 生活 的 親密 家人 儘量 去 打 疫苗 透過 大人 身上 完整 的 保護 力 得病 機 率 低 就 可以 好好 保護 小孩 陳思融 並說 家中 有 5 歲 以下 的 孩童 父母 可 檢 視 寶寶 手冊是否 已 施打 13 價 肺炎 鏈球菌 公費 疫苗 公費 目前 提供 2 個 月 4 個 月 和 12 個 月 建議 6 到 12 個 月 可 自費 施打第 4 劑 根據 兒科 醫學會 聲明 施打 4 劑 保護 力約 86 到 96 比 施打 3 劑 保護 力約 672 到 86 約 高出 1 成 感染 科 主任 張凱音 則 指出 許多 西方 國家 冬天 常 流行 的 rsv 流感 副流感 等 病毒 在 去年 冬天 新冠肺炎 流行 期間 相當 平靜 但 今年 夏季 開學 後 出現 許多 呼吸道 病毒 的 大 流行 因 新冠肺炎 混和 流感 等 呼吸道 病毒感染 的 個案 不少 提醒 今年 步入 後半段 大人 應 逐步 完成 新冠 疫苗 和 年度 流感疫苗 施打 家長 應 注意 秋冬季 的 流感疫苗 消息 避免 誤 延 疫苗 的 注射 時間</t>
  </si>
  <si>
    <t>有線電視 新聞網 cnn 半島電視臺 al jazeera 等外 媒 26 日 報導 為 避免 來自 印度 的 delta 新冠肺炎 covid-19 變種 病毒 繼續 傳播 澳洲 已 下令 擴大 封城 範圍 除 原先 的 第一 大城 雪梨 sydney 和 其 東部 郊區 外 將 進一步 包含 更 廣泛 的 周邊地區 報導 指出 衛生 當局 表示 由於 新 感染 案例 持續 增加 讓 政府 需要 擴大 封鎖 範圍 新南 威爾斯 州 州長 貝雷 吉克利安 gladys berejiklian 已 宣佈 雪梨 周邊 的 藍山 blue mountains 中央 海岸 central coast 和 臥龍 崗 wollongong 等 地區 將 同樣 進入 封鎖 狀態 持續 到 7 月 9 日 半島電視臺 指出 先前 的 封城 集中 於 雪梨 商業區 和 東部 郊區 影響 約 100萬 人 但 在 封鎖 令 進一步 擴大 後 估計 約 有 500萬 人 的 行動 受到 限制 貝雷 吉克利安 在 記者會 中 強調 由於 情況 惡化 程度 超出 預料 讓 政府 不得不 做出 此 決定並說 在 面對 如 delta 這類 高 傳染性 的 變種 病毒 時 短期 封鎖 是 行不通 的 在 封城 期間 除 無法 在 家中 進行 的 工作 或 學業 採購 民生 必需品 就醫 總 人數 低於 10 人 的 戶外運動 之外 其 餘 理由 皆 不得 外出 新南 威爾斯 州 的 其他 地區 也 會 對 公眾 集會 進行 限制 最 多 僅 允許 5 名 訪 客 進入 家中 室內 須 配戴 口罩 並 重新 啟動 每人 4 平方公尺 範圍 的 社交距離 規定 繼 先前 宣佈 暫停 與 新南 威爾斯 州 的 免 隔離 旅遊 泡泡 之後 紐西蘭 也 已 決定 將 進一步 暫停 與 澳洲 全境 的 旅遊 泡泡 持續 至 29 日 21 日 起 到 過 澳洲 者 則 須 接受 病毒檢測</t>
  </si>
  <si>
    <t>英國 上週末 發現 新冠肺炎 的 新 變種 病毒 其 傳染 力 更 強而 引發 外界 恐慌 但 多 位 專家 認為 目前 針對 新冠肺炎 而 研發 的 多 款 疫苗 仍 能 有效 地 預防 新 變種 病毒 的 感染 華盛頓大學 醫學院 健康 指標 和 評估 研究所 ihme 的 肺 科 專家 古普塔 vin gupta 就 對 目前 的 疫苗 能 預防 新冠肺炎 和 其 新 變種 病毒 等 感染 是 有 信心 其 理由 是 就 基因 層面 來看 新 變種 病毒 可能 跟 新冠肺炎 非常 相似 既然 疫苗 引發 人體 所 產生 的 抗體 能 攻擊 和 殺死 新冠 病毒 自然 也 能 攻擊 和 殺死 新 變種 病毒 他 不 認為 新 變種 病毒 在 基因 上 出現 小 變化 後 就 能 影響 疫苗 的 防護 效果 儘管 古普塔 認為 未來 研發 新 疫苗 時 可能 必須 把 新 變種 病毒 也 列入 研究 範圍 內 就 像 流感疫苗 那樣 要 更新 但 他 強調 新 變種 病毒 可能 只 會 影響 未來 的 疫苗 研發 工作 不 會 影響 目前 疫苗 終結 疫情 的 效果 被 拜登 延攬 為 下 一 任 美國 衛生局長 的 莫西 vivek murthy 也 有 類似 看法 他 說 沒理由 認定 目前 的 疫苗 對 英國 新 變種 病毒 沒有 防護 效果 而且 也 沒 證據 顯示 感染 新 變種 病毒 後 的 死亡率 更 高 他 強調 目前 所 建議 的 個人 預防 疫情 方法 包括 戴 口罩 保持 社交距離 和 勤洗手 等 同樣 能 降低 新 變種 病毒 的 傳播 雖然 倫敦 帝國 學院 的 免疫 學 教授 阿提 曼 danny altmann 認為 新冠肺炎 有 變異性 但 也 認為 新 變種 病毒 不可能 有 對抗 目前 疫苗 的 能力 英國卡迪夫大學 傳染 疾病 研究員 費特曼 andrew freedman 認為 目前 疫苗 的 防護力 也 能 預防 新 變種 病毒 但 他 不 否認 若 病毒 繼續 變異 下去 疫苗 往後 所 提供 的 免疫力 是 有 可能 會 降低</t>
  </si>
  <si>
    <t>2019 冠 狀 病毒 疾病 covid-19 新冠肺炎 疫情 大 流行 瑞典政府 採取 放任 措施 讓 人民 在 自律 行 為 下 維持 正常 生活 享受 日光浴 運動 上學 工作 但 在 4 月 21 日 瑞典 死亡 病例 新增 185 例 創 疫情 期間 單日 最 大 增幅 此前 兩 日 死亡 病例 數 分別 僅 為 29 例 及 40 例 該國 流行病 學 專家 曾 表示 瑞典 疫情 已經 到達 穩定 期 瑞典 是 唯一 一個 未 實施 封鎖 政策 的 歐盟 國家 當局 僅 要求 民眾 對 自己 的 行為 負責 自覺遵守 社交距離 等 規定 溫和 的 抗 疫 方式 引發 爭議 瑞典 公共 衛生局 最近 研究 預測 至 5 月 1 日 首都 近 百萬 人口 的 1 3 將 被 感染 這 意味 有 30萬 以上 是 確診 者 著 每 確診 即 一 名 新冠 患者 就 有 999 人 或 在 不 自知 情況 下 感染</t>
  </si>
  <si>
    <t>高爾夫 pga 美 巡 賽 這個 月 恢復 比賽 每 一 站 比賽 都會 針對 所有 選手 杆弟 工作人員 進行 新冠肺炎 病毒檢測 本 周 出現 首位 病毒檢測 呈 陽性 的 病例 是 美國 選手 瓦尼 nick watney 大會 也 針對 和 他 有 近 距離 接觸 的 11 人 進行 病毒 檢驗 收到 都 是 陰性 的 好 消息 外 媒 指出 當地 時間 週五 瓦尼 成為 pga 停賽 三 個 月 後 複賽 兩 周 以來 第一 位 新冠肺炎 病毒 檢驗 呈 陽性 的 選手 目前 世界排名 第一 的 北愛爾蘭 好手 麥克羅伊 rory mcilroy 之前 在 練習 果嶺 有 遇到 過 瓦尼 表示 目前 不 會 接受 另 一 次 病毒檢測 但 做好 必要 的 健康 管理 與 預防措施 麥克羅伊 補充 我 覺得 和 瓦尼 應該 沒有 靠 得 很 近 我 只是 看到 他人 在 練習 果嶺 我們 有 保持 社交距離</t>
  </si>
  <si>
    <t>新冠肺炎 疫情 接連 在 各國 回 溫 而且 新增 病例 集中 在 40 歲 以下 青 壯 人口 美國 的 兒童 確診 人數 甚至 暴 增 9 成 年輕人 感染 新冠肺炎 雖然 多 無 大礙 傳染 力 卻 不 容小覷 新冠肺炎 英文 covid-19一 稱 武漢肺炎 疫情 再度 延 燒 這 一 次 被 感染 的 族群 變成 了 年輕人 cnn 引用 世界衛生組織 who 的 資料 指出 過去 5 個 月 之內 全球 兒童 青少年 和 年輕人 的 確診 病例 增加 6 倍 幼童 病例 增加 更 多 超過 7 倍 在 美國 幼童 感染 新冠 病毒 的 病例 在 過去 1 個 月 激增 了 9 成 佛州 增加 比例 甚至 飆 到 137 說 新冠 病毒 對 兒童 無害 的 說法 相當 不 公平 美國 兒科 傳染病 委員會 副 主席 歐利瑞 sean o&amp;apos leary 說 短短 幾 個 月 內 多 達 90 名 兒童 因為 感染 新冠肺炎 而 喪命 已經 逼近 每年 死於 流感 的 病童 人數 根據 臨床 病例 顯示 感染 新冠 病毒 的 兒童 很 少 出現 重症 死亡率 也 較 低 不過 新冠 病毒 對 人體 的 影響 目前 還 未知 專家 擔憂 隨 著 病例 變 多 恐怕 也 會 增加 兒童 演變成 重 症 的 機 率 目前 包括 德國 法國 瑞典 美國 加拿大 澳洲 日本 南韓 等 國 新增 病例 全都 呈現 年輕化 的 趨勢 美國 今日 報 usa today 分析 全美 17 州 的 新增 病例 資料 發現 截至 7 月初 為止 確診 病例 的 大宗 不再 是 中老年人 而是 40 歲 以下 的 青壯 人口 在 加拿大 截至 7 月底 為止 超過 6 成 的 每日 新增 病例 平均年齡 不 到 39 歲 日本 在 7 月初 的 新增 病例 中 30 歲 以下 的 年輕 族群 一度 占 8 成之多 原本 已經 趨 緩 的 新冠 疫情 又 死灰復燃 多數 專家 把 矛頭 指向 年輕人 疏于 防疫 各國 陸續 解封 之後 學生 返校 上課 畢業 舞會 社團活動 年輕人 湧入 夜 店 和 娛樂場所 都 是 疫情 快速 回流 的 原因 對 防疫 鬆懈 沒能 保持 社交距離 提高 年輕 族群 感染 的 風險 who 說 各國 臨床 研究 都 顯示 年輕人 感染 新冠 病毒 除 了 少數 有 慢性病 史 和 其他 疾病 之外 症狀 多半 輕微 甚至於 沒有 症狀 但 病毒 卻 可能 趁機 傳播 給 周圍 的 中老年人 導致 演變成 重 症 的 機 率 也 因而 增加 日本 一 項 研究 指出 40 歲 以下 的 感染者 多 達 4 成 以上 並未 出現 任何 症狀 南韓 的 研究 則 發現 在 疫情 高峰 時 20 多 歲 族群 約 占 確診 病例 總數 的 3 成 左右 而 許多 確診 個案 的 接觸 史也 顯示 家中 的 年輕人 在 外面 感染 之後 回家 再 傳染給 家裡 的 長輩 和 家人 年輕人 也 會 被 傳染 可能 演變成 重症 更 會 把 病毒 傳染給 別人 who 大聲疾呼 年輕 族群 防疫 的 重要性 公衛 專家 也 呼籲 防疫 必須 是 不分 時節 的 生活 日常 要 落實 勤洗手 維持 社交距離 避免 群 聚 以及 戴 口罩 我們 不能 光 坐 著 等 疫苗 等待 奇跡 療法 出現 美國 公衛 總監 亞當斯 jerome adams 說 年輕人 也 須 採取 和 其他人 一樣 的 防疫 措施 以 保護 自己 和 他 人</t>
  </si>
  <si>
    <t>女星 賈永婕 持續 為 臺灣 醫護 送暖 昨 21 日 不畏 高溫 帶 著 全家人 駕車 到 基隆 礦工 醫院 送 餐 和 飲料 賈永婕 表示 這 是 第一 次 全家 一起 出動 兒子 因 可 多 玩 一 小時 電動 終於 加入 行列 雖然 有 在 幫忙 不過 被 媽媽 抓 包 表情 不 太 對 不要 以為 戴著 口罩 我 就 不 知道 你 臭 臉 母子 的 互動 太 幽默 賈永婕 全家 昨 21 日 來到 基隆 礦工 醫院 送 100 份 便當 100 杯 飲料 50 份 貝果和 紅豆餅 暖 舉 讓 院方 又驚又喜 因為 不 確定 本 人 會 不 會 來 沒 想到 真的 親自 開車 送 餐 而 賈永婕 的 車款 因 被 媒體 拍到 眼尖 網友 一 看 發現 是 要價 160萬 起跳 的 鐵灰色 tesla model 3 是 賈永婕 夫婦 今年初 買 給 滿 18 歲 的 大 女兒 當代 步 工具 賈永婕 在 臉書 透露 兒子 願意 出動 是 因為 自己 讓步 給 他 多 一個 小時 玩 電動 想 說 讓 他 見識一下 媽媽 的 超人氣 會 不 會 比較 聽話 一點 好 啦 算是 有 在 幫 一點 小 忙 雖然 一 開始 臉 很 臭 不要 以為 戴著 口罩 我 就 不 知道 你 臭 臉 提及 女兒 賈永婕 笑 說 自從 長女 安安 加入 後 醫護人員 的 伙食 就 越來越 豐富 像 今天 的 100 份 便當 就 是 安安國 文 老師 贊助 的 文中 賈永婕 也 表示 高 流量 氧氣 鼻 導管 全 配系 統 hfnc 都 在 持續 配送 中 21 日 已 直接 送 往南部 東部 到 了 晚餐 時間 賈永婕 好奇 問 三 個 孩子 們 心中 的 偶像 是 誰 原本 以為 會 是 我 這個 媽媽 全民 女神 安安 玄彬 小羽 瘦子 恩 恩 我 沒有 偶像 讓 媽媽 好氣 又 好笑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清明連 假 確診 社交距離 社區 感染 居家 檢疫</t>
  </si>
  <si>
    <t>指揮中心 昨 宣佈 降 二級 的 相關 指引 包括 開放 餐廳 內 用 的 規定 但 雙北 仍舊 宣佈 不 鬆綁 餐飲 內 用 的 規定 讓 不少 民眾 好奇 到底 啥 時 才能 歡樂 聚餐 醫師 姜冠宇 則 回應 說 如果 是 以 感染 英國 變異 株 為主 的 前提 第一 劑 疫苗 覆蓋率 須達 70 若 是 delta 那 就 擋不住 了 或是 在 接種 率 未達標 前 啟用 疫苗 護照 或 篩檢 證明 作 聚餐 的 依據 免疫力 夠 的 人 先 用餐 薑冠宇 昨 在 臉書 引述 美國醫學會 雜誌 jama 模擬 美國 北 卡 州 的 研究 表示 如果 經歷 疫情 高峰 才 開始 打 疫苗 六 個 月 內 的 施打 率 沒有 達到 25 以上 只 要 一個 鬆懈 警戒 措施 例如 個人 衛生 社交距離 和 場所 關閉 等 就 會 再 引起 一大 波 疫情 薑冠宇 指出 疫苗 二 劑 普及率 達 75 才有 完全恢復 經濟 活動 的 本錢 在此之前 都 是 公衛 與 經濟 的 拉鋸戰 許多 國家 人民 在 餓 死 與 病 死 作 矛盾 大 對 決 如果 再來 一 波 我們 的 老人 和 許多 罹 患 慢性 疾病 的 族群 也 命 不久 矣 同時 也 會 增加 很多 醫療 照 護 成本 薑冠宇 強調 新冠肺炎 是 能 不 得 就 不 要得 千萬別 認為 輕 症 就 沒事 已 有 許多 醫師 手上 的 輕 症 患者 轉為 長期 肺 纖維 化 後遺症 的 病人 還有 內分泌 失常 憂鬱 症 等 狀況 未來 這些 族群 都 需 大量 心 肺 複健 與 心理 支持 而 不是 去 專責 病房 與 檢疫所 就 好 了 指揮中心 昨 宣佈 7 月 27 日 降 二級 的 相關 指引 其中 包括 開放 餐廳 內 用 但 新北 市長 與 臺北市 長 仍 堅持 不 開放 讓 許多 民眾 好奇 臺灣 究竟 要 等到 何時 才 可以 開放 過去 歡樂 聚餐 的 狀況 對此 薑冠宇 提出 兩 點 回應 薑冠宇 說 若 臺灣 是 以 感染 英國 變異 株 為主 的 前提 根據 英國 三月 初 成功 壓制 疫情 的 經驗 第一 劑 疫苗 覆蓋率 須達 70 但 若 不幸 是 delta 變異 株 那是 擋不住 的 新加坡 韓國 都 沒有 擋住 何況 是 臺灣 因此 在 臺灣的 delta 病人 要 特別 嚴格 處理 薑冠宇 也 說 在 疫苗 接種 率 未 達 目標 之前 也許 可以 啟用 疫苗 護照 或 篩檢 證明 作為 聚餐 的 依據 讓 免疫力 夠 的 先 用餐 雖然 這 在 第一 輪 接種 未 打完 前 是 有點 不 公平 但 萬一 我們 真 的 要 打到 第 三 劑 第 四 劑 這 就 是 每年 都 要 面對 的 狀況</t>
  </si>
  <si>
    <t>宏達電 2498 驚 傳 財 裁員 受到 產業結構 調整 智慧 機 市場 持續 萎縮 加上 新冠肺炎 衝擊 大環境 宏達電 今日 驚 爆 裁員 對此 公司 回應 推動 策略 性 人力資源 調整 精簡 人力 與 有效 降低 營運 費用 方 有助於 實現 長遠 企業 目標 但 對於 本次 人力 調整 規模 員工 人數 宏達電 則 是 未 明確 說明 宏達 電錶 示 在 過去 數 年 宏達電 持續 優化 流程 成本 控制 及 審慎 地 投入 新 科技 等 重要 節流 工作 雖然 主要 產品 毛利 已 呈現 正向 走勢 但 整體 營運 表現 仍 承受 著 極大 壓力 在 謹慎 研究 過後 今日 決定 推動 策略 性 人力資源 調整 持續 優化 組織 精簡 人力 與 有效 降低 營運 費用 相信 此 行動 是 實現 宏達電 長遠 企業 目標 推動 持續 創新 確保 創造 能力 與 為 我們 的 股東 返回 最 大值 的 必要 的 步驟 之一 宏達電 進一步 指出 今年 全球 各地 受到 嚴峻 的 新冠肺炎 疫情 影響 甚 钜 各國 政府 實施 嚴格 的 封鎖 大規模 實施 前所未見 的 自我 隔離 及 保持 社交距離 措施 原本 的 日常 活動 例如 上班 娛樂 教育 溝通 等 都 只能 待在家裡 以遠 距 的 方式 進行 宏達電 認知 到 世界 上 每一項 顛覆 式 變化 也 正是 運用 科技 提升 生活 的 契機 宏達電 期望 藉 由 vive 虛擬實境 系統 平臺 以及 與 應用 內容 的 策略 夥伴 合作 讓 交談 會議 團隊 工作 學習 訓練 醫療 等 等 都 能夠 以遠 距 的 方式 進行 在 明確 的 願 景 與 產品 平臺 策略 下 宏達電 證明 有 充分 的 準備 及 能力 能夠 因應 各種 挑戰 與 機會 讓 企業 邁入 另 一 次 的 轉型</t>
  </si>
  <si>
    <t>新冠肺炎 疫情 趨 緩 新北 市長 侯友宜 15 日 宣佈 擴大開放 管制 除 校園 親 子 館 仍 禁止 開放 18 日 起 室外 場館 500 人 以下 除了 生病 者 其他 全面 開放 不用 戴 口罩 室內 場館 開放 人數 上限 100 人 全程 保持 社交距離 但 仍要 戴 口罩</t>
  </si>
  <si>
    <t>新冠肺炎 疫情 趨 緩 新北 市長 侯友宜 15 日 宣佈 擴大開放 管制 除 校園 親 子 館 仍 禁止 開放 18 日 起 室外 場館 500 人 以下 除了 生病 者 其他 全面 開放 不用 戴 口罩 室內 場館 開放 人數 上限 100 人 全程 保持 社交距離 但 仍要 戴 口罩 北市 副 市長 黃珊珊 則 表示 室外 本來 就 沒有 限制 戴 口罩 重點 在 能否 保持 社交距離 沒有 打算 公有 場館 解禁 戴 口罩 畢竟 很多 國家 都 有 回馬槍 侯友宜 說 新北 在 2 周前分 兩 階段 四 梯次 開放 第一 階段 民眾 配合 良好 第二 階段 將 從 18 日 開始 實施 侯友宜 說 第二 階段 開放 場所 仍 須秉持 不 共 餐 不 共 食 不 歡唱 三原 則 室內 室外 都 要 保持 社交距離 至於 校園 現階段 仍 不 開放 室內 仍要 戴 口罩 教室 戴 口罩 也 沒有 改變 戶外活動 如有 生病 還是 要 戴 口罩 但 若 能 保持 社交距離 可以 不 用 戴 口罩 侯友宜 說 這 波 開放 中 銀髮 俱樂部 及 社區 關懷 據點 也 開放 50 人 以下 活動 社區 大學 春季 班 也 將 於 18 日 開課 但 都須 落實 量 體溫 戴 口罩 疫情 調查 三大 關卡 並 禁止 中途 報名 及 旁聽 落實 人員 控管 長 照 住宿 機構 部分 新北 市 也 放寬 為 探視 人數 一 次 改 為 3 人 探視 組 數 改由 機構 自行決定 疫情 指揮中心 指揮官 陳時中 認為 侯 市長 所 提 的 措施 仍 是 照 指揮中心 防疫 的 大 方向 交通部長 林佳龍 說 6 月 1 日 起 維持 社交距離 下 放寬 雙 鐵 車內 飲食 但 飲食 完畢 仍 須戴 回 口罩 高鐵 防疫 梅花座 引起 好評 民眾 買 票 時 系統 會 維持 此種 分法</t>
  </si>
  <si>
    <t>至 昨天 4 29 為止 臺灣 已 連續 4 天 沒有 新 增 新冠肺炎 確診 讓 大家 燃起 希望 若 一直 0 是不是 就 能 約 吃飯 出國 玩 但 醫師 謝 宗學 指出 我 必須 殘忍 地 說 不管 臺灣 零 確診 天數 有 多少 以前 那種 出門 不用 戴 口罩 可以 自由 出國 旅行 的 日子 幾 年 內 是 回不去 了 中山醫學 大學 附設 醫院 兒童 急診科 主任 謝 宗學 在 臉書 po 文 解釋 不管 疫苗 還是 解 藥 最 快 仍要 1 到 2 年 時間 而且 中間 還 可能 失敗 打 掉 重 練 謝說 要 有 安全 有效 的 疫苗 或 藥物 絕對 需要 大量 時間 研發 和 試驗 謝宗 學說 在 臺灣 死亡 案例 維持 6 例 的 同時 全球 的 疫情 依舊 延 燒 沒有 大幅度 趨 緩 的 現象 我們 在 為 0 開心 的 同時 許多 人 正在 為 逝去 的 家人 朋友 哭泣 謝 宗學 指出 他 很 認同 陳時中 部長 講 的 只有 嚴守 個人 生活 規範 才 可能 有 幾乎 正常化 的 生活 我們 必須 認清 勤洗手 戴 口罩 維持 社交距離 等個人 防護 已經 不是 暫時 的 生活 模式 而是 生活 的 必需 行為 一定 要 這樣 做 才能 守 住 臺灣 不 爆發 大規模 社區 疫情</t>
  </si>
  <si>
    <t>國內 新冠肺炎 情勢 嚴峻 頻頻 炸 鍋 的 本土 個案 讓 人心惶惶 尤其 阿公店 群 聚 感染 大 爆發 以來 大量 確診 病例 皆 與 萬華 茶室 茶藝 館 有關 儼然 讓 該處 成為 此 波 疫情 的 重災區 但 今 25 日 有 ptt 眾多 鄉民 不滿 直 指 有 電視臺 使用 萬 華 病毒 一 詞 無疑 是 不 尊重 當地人 感受 根據 ptt 該文 指出 面對 臺灣 covid-19 疫情 不斷 延 燒 過去 武漢肺炎 一 詞 曾 引起 大陸 民眾 的 不滿 如今 有 電視臺 使用 萬 華 病毒 一 詞 也 惹 來 鄉民 怒火 對此 原 po 就 痛 批 是 怎樣 萬華會 無緣無故 生出 病毒 是不是 認為 疫情 擴散 跟 政府 防堵 不力 有關 不應 甩 黑鍋 給 萬 華人 背 由於 原 po 還 將 電視臺 放 送 的 影像 擷 圖 貼 上 ptt 不少 網友 看 了 也 都 認為 這 件 事 需要 更 多 同 理 心 所以 紛紛 質疑 已經 有 霸 淩 事件 了 這種 名詞 會 加重 羞辱 自己 國家 行政區 很爽 對 嗎 標籤 化 地名 對 人民 很 傷 的 認知 作戰 開 打 另外 也 有人 直 呼 明明 是 獅子王 傳過來 的 或 揚言 要 去 跟 ncc 檢舉 但 也 有 網友 呼籲 理性 表示 疫情 嚴峻 大家 不要 口 水戰 病毒 才 是 臺灣 的 敵人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一 位 知情 人士 透露 北 韓 官方 近日 頒佈 了 最新 的 新冠肺炎 緊急 防疫 準則 比 過往 的 防疫 規定 更為 嚴格 被 推測 或許 是 有 一些 疫情 或 疑 似 感染 的 病例 出現 每日 北 韓 daily nk 報導 指出 一 位 平安 道 南部 的 消息人士 向 他們 指出 官方 正向 居民 發佈 有 關新冠肺炎 疫情 的 緊急命令 他 表示 這些 準則 適用於 政府 企業 與 黨 相關 的 工作人員 且 都 是 要 絕對 遵守 的 事項 消息人士 指出 緊急命令 中 禁止 所有 居民 靠近 標有 危險 隔離 的 特定 地區 與 建築物 也 要 避免 與 該 地區 的 人 接觸 或是 換 物品 面對 新冠肺炎 疫情 北 韓 長期 都 是 採取 嚴格 的 隔離 離 規定 或是 透過 封城 直接 限制 人民 外出 的 自由 來 應對 可疑 病例 的 出現 並且 禁止 民眾 靠近 疑似病例 者 的 家 且 這些 人們 的 房子 外面 還 會 張貼 標語 寫明 他們 正在 隔離 中 據 瞭解 在 北 韓 的 國家 緊急 檢疫法 當中 共有 70 條 規定 其中 不少 於 12 條 帶有 違反 時 的 懲罰 不過 該 檢疫法 僅 包含 消毒 保護 與 管理 檢疫 設施 的 內容 並 沒有 包含 禁止 當地人 靠近 的 規定 也就是說 才 頒佈 的 緊急 防疫 命令 比 先前 檢疫法 規定 的 更 嚴格 報導 指出 北 韓 當局 有此 作法 很 可能 是 因為 有人 嚴重 違反 防疫 規定 或是 可能 爆發 了 疫情 報導 指出 9 月 9 日 參加 北 韓國慶 活動 一些 學生 都 被 隔離 在 平成 療養院 大樓 消息人士 指出 有關 當局 明令禁止 與 這些 學生 接觸 每日 北 韓 指出 不僅如此 是 所有 參與 9 月 9 日 北 韓建國 73 周年 活動 的 人 都 被 隔離 了 且 活動 過 後 有約 10 名 學生 出現 了 類似 新冠肺炎 covid-19 的 症狀 之後 被 緊急 送 上 救護車 移送 北 韓 當地 人士 也 推測 當局 發佈 緊急 的 防疫 命令 就是 因為 9 月 9 日 參與 活動 的 人 當中 有 一些 人 生病 了 消息人士 指出 這些 被 隔離 的 人 當中 有些 人 可能 在 新冠肺炎 檢測 中 被 診斷 為 陽性 也 因此 有 一些 人 擔憂 疫情 會 在 當地 傳染 開 來 緊急 頒佈 的 防疫 命令 除了 上述 內容 外 也 包含 要 常 洗手 配戴 口罩 保持 社交距離 以及 禁止 觸摸 鳥類 還有 野生動物 此外 還 包含 當 發現 來自 國外 的 氣球 奇怪 物品 或是 來源不明 的 物品 時 要 立即 向 當局 報告 報導 指出 北 韓正 在 針對 嚴重 違反 防疫 規定 的 人 進行 嚴厲 的 處罰 不僅 以 危害 國民經濟 違反 黨的政策 之 罪名 控告 更 將 他們 送 往 政治犯 集中營 關押 由於 違反 隔離 規定 的 人數 不斷 增加 據 瞭解 北 韓 也 正 在 建造 新 的 政治犯 集中營 為 的 就是 要 提高 收容 能力 目前 在 任何 新冠肺炎 疫情 相關 的 官方 統計 中 包含 世界衛生組織 who 約翰霍普金斯大學 的 統計 中 北 韓 都 沒有 任何 確診 與 死亡 病例 北 韓 也 曾經 兩 度 拒絕 贈送 的 新冠肺炎 疫苗 且 理由 包含 要 把 疫苗 送到 疫情 更 嚴重 的 國家</t>
  </si>
  <si>
    <t>社交距離 配戴 口罩 擁擠 場所 民眾</t>
  </si>
  <si>
    <t>邁 入 21 年 的 貢寮 海洋 音樂 祭 受 新冠 病毒 影響 新北 市府 先前 已 決定 將 其中 的 海洋 獨立 音樂 大 賞 停辦 雖 國內 疫情 趨 緩 國外 疫情 仍 居高不下 新北 市府 27 日 討論 後 認為 活動 在 沙灘 難以 全面落實 社交距離 或 全程 戴 口罩</t>
  </si>
  <si>
    <t>邁 入 21 年 的 貢寮 海洋 音樂 祭 受 新冠 病毒 影響 新北 市府 先前 已 決定 將 其中 的 海洋 獨立 音樂 大 賞 停辦 雖 國內 疫情 趨 緩 國外 疫情 仍 居高不下 新北 市府 27 日 討論 後 認為 活動 在 沙灘 難以 全面落實 社交距離 或 全程 戴 口罩 實 名 制 也 有 執行 問題 決定 停辦 每年 海 祭 吸引 逾 50萬 人次 為 地方 觀光 一年一度 引 頸 期盼 的 重頭戲 不過 今年 因為 新冠肺炎 讓 許多 樂迷 失望 了 新北 市長 侯友宜 27 日 宣佈 只 要 做好 防疫 措施 即日起 室內 活動 不再 限制 100 人 以內 室外 也 不再 限制 500 人 以下 外界 期待 海 祭 能夠 如期舉行 無奈 仍 因為 國外 疫情 未 趨 緩 最後 決定 停辦</t>
  </si>
  <si>
    <t>在 英國政府 擔任 科學 顧問 的 傳染病 學家 弗格森 neil ferguson 在 被 確診 感染 新冠 病毒 後 違反 社交 隔離 規定 在 家中 會見 一 名 與 自 已 有 不 倫 關係 的 已婚 情婦 此事 遭 英媒 爆 料 曝光 後 弗格森 被 輿論 冠以 傲慢 的 偽君子 封號 不得不 主動 宣佈 辭去 英國政府 防疫 顧問 的 職務 據 英國 每日 電訊報 獨家報導 現年 51 歲 的 弗格森 是 帝國 理 工 大學 傳染病 學 教授 一直 擔任 英國政府 科學 顧問 為 英國 的 防疫 與 隔離 措施 提供 意見 英國首相 強生 宣佈 封鎖 英國 的 多 項 防疫 措施 就 是 出自 他 的 建議 因此 弗格森 亦 被 外界 稱為 封鎖 教授 報導 說 弗格森 在 確診 感染 新冠 病毒 後 在 進行 了 14 天 強制 隔離 後 認為 自己 已 擁有 抗體 因此 違反 社交 隔離 規定 2 次 在 家中 約 見 了 這 名 與 他 有 不 倫 戀情 的 38 歲 已婚 婦女史 塔 絲 antonia staats 史塔 絲 是 一 名 左派 的 社會 運動 家 平時 與 丈夫 及 2 個 孩子 居住 在 倫敦 南區 過 著 開放性 的 婚姻生活 而 就 在 違反 隔離 規定 私 會 情婦 的 3 月 30 日 當天 弗格森 還 接受 bbc 的 採訪 表示 社交距離 封鎖 措施 必須 保留 到 6 月 至於 其 情婦 史塔 絲 4 月 8 日 曾向 朋友 表示 懷疑 自己 的 丈夫 感染 新冠肺炎 且 已 出現 相關 症狀 但 她 依然 前往 與 弗格森 約會 事情 曝光 後 弗格森 表示 我 做 了 錯誤 的 決定 違反 了 社交 隔離 的 規定 因此 辭去 英國 緊急狀態 科學 顧問團 sage 顧問 一 職 並 對 自己 的 行為 傳達 了 錯誤 訊息 表示 後悔 每日 郵報 daily mail 報導 說 民眾 對 弗格森 的 虛偽 做法 冠之 以 傲慢 的 偽君子 稱號 因為 他 不斷 要求 民眾 要 遵守 社交 隔離 規定 卻 自己 破壞 自己 制定 的 規定 英 媒 指出 多 年 來 弗格森 以 傳染病 學 專家 身份 對 政府 所 做 的 建議 一直 飽受 爭議 他 在 口 蹄 疫 流行期 大量 撲 殺 農場 動物 的 做法 受到 許多 同行 質疑 在 瘋牛症 傳染期 間 他 曾 做 出 15 人 病 死 的 預測 但 實際 只 有 200 人 死亡 此外 他 在 2005 年 大膽 預測 會 有 2億 人 死於 禽流感 其 後 的 豬 流感 將 有 65萬 人 死亡 事 後 都 證明 全部 失准 這次 新冠 病毒 爆發 弗格森 也 曾 預測 英國 將 有 25萬 人 死亡 據說 此 項 研究 資料 成功 說服 英國政府 改變 原有 防疫 政策</t>
  </si>
  <si>
    <t>本土 疫情 肆虐 全台 進入 三級 警戒 為 避免 八大 行業 成為 防疫 破 口 高雄 警方 祭 鐵腕 斷開 人 與 人 的 連結 無奈 依舊 有 色情 業 提供 外 送 茶 行動 茶 車 服務 而且 車上 準備 近百 個 保險 套 供 客人 挑選 讓 警方 直 搖頭 大 歎 要錢 不要命 根據 高市 刑大 指出 近日 又 有 色情 業者 在 網路上 招攬 尋 芳 客 並 透過 line 聯繫 援 交 相關 資訊 因此 員警 特地 喬 裝成 嫖客 順利 於 鳳山 某 旅館 將 28 歲 曾姓 女子 現場 逮捕 其他 員警 則 埋伏 在 旅館 外 同步 逮捕 人 在 車上 的 53 歲 黃姓 馬夫 不過 讓 警方 最 訝異 的 是 車上 還有 一 位 在 車上 待命 31 歲 王姓 應 召 妹 她 好比 機動小組 凡 客人 call in 便 可 立即 上工 行動 茶 車 上 甚至 備有 近百 個 保險 套 給 客人 挑選 另 新興 警 分局 也 於大 同路 某 出租 套房 裡 查獲 41 歲 施姓 賣淫 女子 當場 扣押 44 枚 保險 套 及 1 瓶 ky 潤滑液 訊 後 施女坦承 疫情 期間 在 出租 套房 處 從事 全套 性交 易 每次 2500 元 因此 全案 依 違反 社會秩序 維護 法 偵 辦 並 函送 衛生局 裁 罰 中 時 新聞網 提醒您 尊重 身體 自主權 請撥 打 113110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與 確診 者 接觸 6 分鐘 苦主 呆 原來 社交距離 app 會 叫</t>
  </si>
  <si>
    <t>半夜 吃 宵夜 突 收 與 確診 者 接觸 通知 一 名 網友 今 在 ptt 上 發文 分享 收到 臺灣 社交距離 app 的 通知 說 他 在 6 21 曾 與 確診 者 接觸 6 分鐘 讓 他 相當 驚訝 原來 app 真的 有用 目前 也 只能 先 做 好 自主 管理 貼 文也 引起 網友 討論 一 名 網友</t>
  </si>
  <si>
    <t>半夜 吃 宵夜 突 收 與 確診 者 接觸 通知 一 名 網友 今 在 ptt 上 發文 分享 收到 臺灣 社交距離 app 的 通知 說 他 在 6 21 曾 與 確診 者 接觸 6 分鐘 讓 他 相當 驚訝 原來 app 真的 有用 目前 也 只能 先 做 好 自主 管理 貼 文也 引起 網友 討論 一 名 網友 今 在 ptt 上 發文 表示 半夜 吃宵夜 突然 收到 臺灣 社交距離 app 的 通知 只見 訊息 中 寫 著 6 21 有 跟 確診 者 接觸 6 分鐘 雖然 很 驚訝 但 現在 他 也 只能 啟動 自主 健康 管理 的 模式 但 突然 收到 這個 通知 也 讓 他 忍不住 感歎 道 原來 臺灣 社交距離 這個 app 還 真 的 有 用 此外 該 網友 也 補充 說明 他 認為 自己 會 收到 這個 通知 可能 是 因為 他 在 6 21 當天 曾去 過 醫院 進行 快 篩 pcr 采 檢 當時 等待 的 期間 旁邊 可能 剛好 有人 是 確診 者 從 原 po 分享 的 畫面 中 可見 打開 app 以後 首 頁 出現 與 確診 者 資料 比對 有 接觸 的 紅色 字體 並 提醒 收到 通知 者 冷靜 面對 並 請 自主 健康 管理 此外 查看 每日 接觸 狀況 後 6 17 至 6 25 這 10 天內 他 曾 在 6 21 日 接觸 確診 者 6 分鐘 貼 文 引起 熱烈 討論 不少 網友 驚訝 直 呼 所以 這個 app 還是 有用 的 但 也 有 網友 看 了 很 擔心 說 看 這 篇 的 也 毛毛 的 感覺 有 點 危險 保險 為 上 先 和 家人 隔離 這 時間 區塊 不妙 現在 才 收到 通知 嗎 另 有 網友 留言 也 是 其實 這 個 app 本身 是 沒有 問題 的 但 因為 沒有 強制 大家 安裝 因此 可能 確診 者 安裝 的 人數 不 到 一 成 因此 頂多 只能 當作 參考 用</t>
  </si>
  <si>
    <t>確診 者 社交距離 app 接觸 臺灣 新冠肺炎</t>
  </si>
  <si>
    <t>新華社 2 日 報導 根據 香港特區政府 入境 事務 處 的 最新 資料 五一 勞動節 假期 首日 有 1528 人次 入境 香港 其中 香港 居民 占比 超過 9 成 大陸 訪 港 旅客 僅 有 119 人次 而 去年 5 月 1 日 當天 有 逾 106萬 人次 進出 香港 其中 訪 港 陸客量 接近 50萬 人次 香港立法會 旅遊 界 議員 姚思榮 表示 今年 是 自 2003 年 大陸 赴 港 個人 遊 推出 以來 香港 首次 出現 零 團 來 港 的 勞動節 假期 姚思榮 指出 以往 勞動節 假期 陸客 紛紛 來 港 遊玩 主力 來自 廣東省 受 新冠肺炎 疫情 大陸 與 香港 隔離 檢疫 和 出入境 安排 等 多重 因素 影響 今年 五一 假期 迎 數 年 來 最少 客流 2019 年 下半年 以來 受 修 例 風波 影響 香港 旅遊業 經歷 了 持續 半 年 多 的 慘 澹 期 不少 旅遊業 從業者 顆粒無收 今年 上半年 多 個 國家 和 地區 為了 防控 疫情 而 限制 遊客 入境 許多 航空 公司 縮減 航班 數 加上 實施 保持 社交距離 的 防疫 措施香港 旅遊業 雪上加霜 今年 1 月底 香港 迪士尼 樂園 海洋公園 暫停營業 隨後 香港 多 個 旅遊景點 陸續 關閉 不少 知名 餐廳 商店 酒店 也 先後 出現 停業 潮 倒閉 潮 報導 稱 受 雇於 香港 一家 旅行社 資深 日語 導遊 唐甯 說 去年 9 月 開始 來 港 遊客 陸續 減少 元旦 至今 他 只 在 年初 接待 過 5 位 日本 遊客 往年 這個 時候 我 應該 在 外面 奔波 但 現在 我 擔心 的 是 公司 下 個 月 還 在 不在 他 表示 為了 減少 開支 公司 兩 個 月 前 開始 給 員工 發 半 薪 他 每月 薪水 直接 縮水 至 不足 8000 港元 只能 勉強 應付 房租 完全 不夠 日常 花銷 從業 多年 的 導遊 溫先生 表示 為了 維持 生計 很多 導遊 都 轉行 去 做 兼職 打 散 工 他 沒 房 貸 壓力 一家 人 還 能 依靠 存款 過 活 我 有 同事 得 供樓 養家 壓力 真的 好 大 為 緩解 疫情 給 香港 居民 帶來 的 經濟 壓力 香港特區政府 已 出臺 兩 輪 防疫 抗 疫 基金 及 多種 紓困 措施 扶助 本地打工仔 對於 符合要求 的 旅遊業 從業者 每個 月 撥 發 5000 港元 補貼 資助 半 年 對此 唐寧 和 溫先生 表示感謝 他們 說 對比 香港 的 高 消費 共計 3萬 港元 的 資助 雖然 不 算 多 但 這筆 錢能 增加 家庭收入 解 燃眉之急 香港旅遊發展局 主席 彭耀佳 2 日 表示 旅 發 局 正 籌備 重振 香港 旅遊業 詳盡 的 計畫 預計 疫情 過後 旅遊業 或 將 出現 新 常態 旅客 將 更加 注重 旅遊 目的地 的 公共 衛生 並 傾向 短途旅行 香港 旅遊業 可 趁此 重新 審視 旅遊 定位 提升 服務水準 為 長遠 穩定 發展 鋪路 提供 更 好 的 待客之道</t>
  </si>
  <si>
    <t>華視 女主播 林 彥 汝 今 29 日 晚間 在 臉書 拍 片 證實 包括 她 老公 與 小孩 一家 三 口 全部 確診 新冠肺炎 坦言 今日 是 她 確診 第 6 天 同時 揭露 目前 醫療 能量 嚴重不足 的 殘酷 現況 不僅 19221999 電話 都滿線 檢疫所 跟 醫院 更是 爆滿 所以 他們 即使 已 確診 仍 須在家 等待 林 彥 汝 今日 拍 片 證實 確診 新冠肺炎 目前 正 在 家裡 隔離 中 大家 應該 可以 聽得出來 我 的 聲音 非常 沙啞 因為 彥 汝 在 前 幾 天 被 通知 確診 新冠肺炎 除 了 我 之外 我 的 先生 還 有 我 的 小孩 也 都 是 確診 了 新冠肺炎 林 彥 汝 透露 她 是 在 本月 24 號 發高燒 到 391 度 並 出現 喉嚨 痛 咳嗽 有 痰 等 症狀 老公 則 是 發燒 到 395 度 但 最 令 她 感到痛苦 的 是 喉嚨 痛 到 讓 她 非常 不 舒服 且 手臂 上 還 出現 了 紅疹 不過 她 慶倖 6 歲 兒子 雖然 也 是 確診 陽性 但 至少 沒什麼 症狀 還 可以 活潑 亂 跳在 那邊 玩 林 彥 汝 坦言 在 得知 確診 後 心情 非常 緊張 第一時間 立刻 打電話 去 衛生局 也 打電話 給 1922 跟 1999 但 線路 都是滿 線 狀態 可以 感受 到 對方 非常 忙碌 而 問到 的 結果 就 是 先 在 家裡 等 因為 目前 檢疫所 跟 醫院 都 是 爆滿 情形 所以 他們 需要 排隊 不過 她 也 提到 若是 真的 很 不 舒服 可以 馬上 打 119 請 救護車 送醫 最後 林彥汝 也 感謝 各界 關心 有 朋友 傳 簡訊 關心 也 有人 想送 物資 給 她 讓 她 相當 感動 認為 自己 在 抗 疫 這 條 路上 並不 孤單 更 相信 全家人 一定 能克服 新冠肺炎 戰勝 病毒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疫情 指揮中心 強調 防疫 新 生活 運動 指揮官 陳時中 今 6 日 表示 中職 可以 從 本月 8 日 週五 起 要 開放 球迷 進場 目前 以 1000 名 球迷 做為 初步 的 規 畫 不過 中職 必須 滿足 指揮中心 規定 的 購票 資訊 實 名 制 進 出動 線 安全 保持 社交距離 及 飲食 注意 個人 衛生 等 4 大 條件 才能 放寬 到 1000 名 球迷 進場 看球 8 日 在 台中 洲際 球場 率先 引進 千 名 球迷 的 中信 兄弟 隊 已經 召開 多次 防疫 協商會議 對於 進場 民眾 嚴格 采 實 名 登記制 全程 戴 口罩 賽前 以 1 公尺 以上 的 距離 進行 劃 位 維持 社交 安全 距離</t>
  </si>
  <si>
    <t>臺灣 進入 三級 警戒 後 禁止 內 用 夜市 也 因 生意 冷清 自主 停業 台中 大甲 知名 粉腸 攤 只 能 改到 自家 門前 擺攤 生意 慘跌 到 只 剩 一 成 讓 當 阿公 的 老闆 感歎 快撐 不 下去 一家老小 15 人 就 靠 這個 攤子 過 活 啊 東森 新聞 報導 傳承 60 多 年 的 大甲 特產 粉腸 特製 蒜 蓉 醬 汁 配 香腸 的 獨特 口味 傳承 60 多年 歷史 是 大甲 知名 夜市 美食 但 受 疫情 影響 夜市 關閉 後 只 能夠 在 自家 門口 擺攤 排隊 人潮 也 不 複 見 只 剩 老 客戶 康 老闆 表示 自己 已經 當 阿 公了 養活 全家老小 兒女 孫子 一家 15 口 全 靠 這 攤子 過 活 現在 生意 慘跌 9 成 只 靠 熟客 光顧 已經 快撐 不 下去 不 做 又 不行 家裡 10 幾 個 人 要 吃飯 日子 很 難過 臺北市 已 在 6 月 29 日 宣佈 夜市 微 解封 允許 4 分之 1 攤位 開業 但 只 提供 外帶 指揮中心 也 表示 三級 警戒 時間 禁止 邊走邊吃 僅 能 提供 外帶 或是 外 送 沒有 禁止 整個 夜市 關掉 呼籲 三級 警戒 期間 市場 夜市 要 減少 出入口 確實 執行 實 聯 制 措施 身分 證 尾數 的 管制 市場 要 有 人流 總數 管 控 每 225 平方公尺 只 能 有 一個 人 入場 後 也 要 維持 15 公尺 社交距離 按 規定 做 好 是 可以 開放 的</t>
  </si>
  <si>
    <t>民主黨 總統 候選人 拜登 在 黨內 初選 時 呈現 的 弱點 在 11 月 的 大選 決戰 中 卻 可 能 讓 他 贏得 勝利 bbc 新聞網 29 日 的 分析 指出 就 在 民主黨 向 左 傾斜 時 拜登 走 務實 的 中間 路線 卻是 個 利多 因為 無論是 五大 湖 舊 工業區 的 死硬派 保守 分子 或是 搖擺 州 郊區 的 婦女 都 不 會 有 威脅 感 此外 他 無法 煽動 群眾 的 情緒 也 未必 是 缺點 畢竟 對 許多 美國 人 來說 歷經 川普 主政 時期 被迫 夜以繼日 接受 重金屬 音樂 式 轟炸 後 令 人 迫不及待 地 想來 些 輕柔 舒緩 的 背景 爵士樂 拜登 的 溫和 是 關鍵 微笑 幾乎 是 他 的 哲學 在 充滿 黨派 偏見 拼命 抹黑 對手 的 負面 政治 中 他 很 難 成為 憎恨 的 對象 當然 他 也 遠不如 希拉 蕊 那麼 兩極化 bbc 紐約 特派 布萊恩特 nick bryant 指出 在 他 報導 美國 政治 新聞 30 年 的 生涯 中 拜登 是 他 所見 過 最 黯淡無光 的 總統 參選人 甚至 比 2016 年 的 傑伯 布希 jeb bush 也 就 是 美國 前 總統 小布希 的 弟弟 還 糟 起碼 身為 佛州 前 州長 的 傑伯 在 說 了 一 句 強有力 的 話 時 就算 沒人 鼓掌 他 也 會 把 話 說 完 而 77 歲 的 拜登 在 愛荷華州 和 新罕布夏 州 的 造 勢 活動 中 幾乎 不知所云 演說 成 了 漫無目標 的 獨白 他 的 思維 列車 千 轉 百 折 經常 脫離 軌道 拜登 在 黨內 初選 中 表現 並不 出色 原本 大家 以為 他 會 黯然 退出 然而 他 卻 堅持下去 在 一些 他 根本 沒 舉行 選舉 造 勢 活動 中的 州 獲勝 或許 正 由於 他 沒 出現 才在 超級 星期二 民主黨 內 初選 中 頻頻 獲勝 而 拜登 競選 團隊 從 愛 荷 華和 新罕布夏 汲取 的 教訓 就是 愈多 選民 親眼見到 他 就 愈 不可能 投 給 他 拜 他 的 隱形 選舉 戰略 之 賜 最後 終於 獲得 民主黨 黨內 提名 幸運 的 是 美國 各州 因 新冠肺炎 疫情 禁 足 封城 要求 保持 社交距離 對 拜登 反倒 是 福音 他 隱身 德拉瓦 州 的 家中 好幾 個 月 變 得 名正言順 也 避免 了 一些 婦女 對 他 毛手毛腳 的 指控</t>
  </si>
  <si>
    <t>巴西 總統 波索納洛 jair bolsonaro 驚 傳 發高燒 至 攝氏 38 度 當地 時間 6 日 他 戴著 口罩 告訴 聚集 在 總統府 外 的 支持 民眾 自己 剛 做 完新冠 病毒檢測 肺部 很 乾淨 一切 都好 不過 也 警告 民眾 不要 靠近 他 上周 巴西 總統 波索納洛 驚 傳 出現 包括 高燒 38 度 等 新冠肺炎 症狀 並且 開始 服用 抗 瘧疾 藥物 羥 氯 奎寧 hydroxychloroquine 美國有線電視新聞網 cnn 報導 波索納洛 週一 赴 醫院 進行 病毒檢測 同時 一併 檢查 了 肺部 波索納洛 在 總統府 外 告訴 支持 群眾 我 剛 從 醫院 回來 我 做 了 肺部 檢查 我 的 肺部 很 乾淨 好 嗎 我 也 去 做 了 新冠 病毒檢測 但是 一切 都 很 ok cnn 指出 波索納洛 是 戴著 口罩 向 支持 群眾 說明 不過 他 也 警告 民眾 不 要 靠 他 太 近 你們 不能 靠 我 太 近 好 嗎 這 是 對 所有人 的 建議 當 被 媒體 問及 波索納洛 是否 有 發燒時 巴西 總統府 發言人 麥塞多 cintia macedo 回應 沒有 接 獲 相關 資訊 我們 現階段 不 證實 這項 訊息 回答 相當 模棱兩可 巴西 聖保羅 頁 報 folha de s paulo 報導 波索納洛 的 新冠 病毒檢測 結果 預計 當地 時間 7 日 出爐 cnn 日前 報導 在 結束 訪 美 行程 多 名 隨行 官員 確診 新冠肺炎 後 波索納洛 於 3 月 12 至 17 日 期間 共 進行 了 3 次 病毒檢測 檢測 結果 均 呈現 陰性 巴西 是 全球 疫情 第二 嚴重 的 國家 僅次於 美國 根據 美國 約翰霍普金斯大學 johns hopkins university 全球 疫情 統計 截至 7 日 上午 9 時 巴西 確診 病例 超過 162萬 例 逾 65萬 人 喪命 儘管 疫情 嚴峻 波索納洛 仍 無視 公衛 專家建議 不 甩 防疫 社交距離 政策 持續 未戴 口罩 出席 大型 造 勢 活動 並且 和 支持者 擁抱 甚至 鼓勵 重 啟 經濟 活動</t>
  </si>
  <si>
    <t>39 歲 男 星 黃少穀 是 強辯 樂團 主 唱 兼 吉他 手 龍之 家族 吉他 手 去年 與 37 歲 weather girl 天氣 女孩 林 采薇 結婚 今年 3 月 宣佈 太太 有喜 本 以為 事業 婚姻 皆 得意 想不到 新冠肺炎 重創 經濟 黃少穀 頓時 失去 工作 機會 眼看 老婆 快生了 他 決定 放下 音樂 夢 轉 職 當 上班族 黃少穀 14 日 在 臉書 沉痛 發文 這個 疫情 也 對 我 的 夢想 判 了 死刑 嗎 他 表示 疫情 前 進修 吳 皓 升 老師 的 表演 課 對方 告知 如果 我 要 拼 就是 這 兩 年 了 未 料 拍 完八點 檔 準備 第二 張 專輯 命運 時 疫情 忽然 爆發 出唱片 的 夢想 因此 夭折 黃少穀 坦言 在 音樂 領域 看不到 什麼 成就 我 也 不是 什麼 實力派 歌手 我 只 是 愛 寫歌 愛 分享 我 的 創作 但 這個 世界 慢慢 的 往 飆 高音 技術 面 的 歌手 前進 時 純粹 的 創作 與 態度 對 我 來說 已經 不合時宜 了 他 離開 音樂 公司 轉戰 戲劇 圈 疫情 卻 越來越 嚴重 再度 失去機會 看 著 嬌 妻 林 采薇 的 孕期 來到 7 個 月 有 一 天 她 一 臉 擔心 跟 我 討論 著 未來 我 心想 放棄 吧 放棄 那個 未知 的 等待 於是 我 在 求職 網站 上 找 了 個 工作 後來 黃少谷 向 吳皓 升 老師 坦承 當 上班族 聊 了 很 久 他 說 那 時候 跟 我 拍戲 看不到 我 的 潛力 後來 幫 我 上課 才 慢慢 的 發現 我 很多 地方 可以 發揮 這 兩 年 他 也 很 期待 我 可以 發展 這 通電話 讓 黃少穀 傷心 不已 因為 還 沒 準備 好 時機 會 來 了 等到 真 的 準備 好 又 失去機會 同為 演員 的 邱琦雯 看到 這 篇 貼 文 安慰 黃少谷 老弟 很多 同行 也 都 停 擺 停工 不要 灰心 待 疫情 過後 也許 機會 就 來 臨了 五月 天 士 傑 也 留言 打氣 機會 是 留給 準備 好 的 人 而 不是 留給 放棄 的 人 喔 你 現在 選擇 相對 局限 不是 你 的 問題 不要 往 心 裡面 去 而是 要 趁現在 充實 自己 從 不同 面向 去 體會 人生 才有 可能 給 觀眾 也 給 自己 新 的 觀點 小朋友 剛 要 出生 人生 才 是 真正 的 重新 開始 最 感人 的 是 老婆 林 采薇 也 站 出來 挺 丈夫 老公 謝謝 你 為 家庭 的 付出 每次 看 著 你 那麼 認真 那麼 努力 一直 一直 不 斷 的 做 功課 練習 我 都 默默 在 一旁 幫 你 加油打氣 著 這行 需要 很 多 的 是 機緣 跟 運氣 你 每天 在家 的 努力 我 都 看到 了 老公 我會 一直 在 一直 陪你走 下去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全台 疫情 持續 嚴峻 目前 人 在 大陸 的 張鈞寧 心系 臺灣 這 段 期間 得知 各 大 醫院 有 物資 的 需求 希望 醫護 同仁 們 都 能 在 安全 的 防護 措施 下為 民眾服務 她 協助 提供 防水 高筒 鞋 套 及 防水 隔離 衣 等 表示 現在 所 需 的 物資 已經 陸續 到位 希望 能 幫 所有 前線 醫護人員 加油打氣 也 藉 著 這個 機會 對 所有 在 崗位 上 辛勞 努力 的 醫護人員 們 說 辛苦 了 而 被 問 捐助 物資 的 金額 張鈞甯 經紀人 表示 金額 的 部分 不 重要 啦 能夠 盡 己 之 力為 醫護人員 幫上 忙 才是鈞 寧 的 一點 心意 張鈞寧 也 不 忘 呼籲 大家 一起 寧 聚 愛 的 力量 努力 度過 這 段艱 困 的 時刻 端午 假期 乖乖 待在家裡 不要 返鄉 移動 哦 有鑒於 臺灣 各地 仍 有 許多 弱勢 兒少 受限於 家庭 資源 及 經濟 沒有 足夠 的 網路 及 電腦設備 進行 遠 距 學習 張鈞寧 也 與 言承旭 一同 用 行動 支持 臺灣世界展望會 她 今 9 日 在 臉書 轉發 邀請 大家 加入 你 捐款 貧 童遠 距 學習 不 中斷 活動 募集 數位 設備 送到 偏 鄉 幫助 弱勢 兒少 穩定 學習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國際 新冠肺炎 疫情 再 爆發 我國 自 11 月 8 日 起至 今 以 連續 5 天 出現 確診 個案 指揮中心 今 宣佈 我國 再 增 5 例 境外移入 發言人 莊人祥 今 12 日 下午 2 時 舉行 記者會 說明 今天 再 增 5 例 確診 指揮中心 統計 國 其中 589 例 確診 分別 為 497 例 境外移入 55 例 本 病例 36 例 敦睦 艦隊 及 1 例 不明 比利時 工程師 另 1 例 案 530 移除 為 空號 確診 個案 中 7 人 死亡 528 人 解除 隔離 45 人 住院 隔離 中 指揮中心 呼籲 民眾 自 國外 入境 時 如有 發燒 咳嗽 等 不適 症狀 應 主動 通報 機場 及 港口 檢疫 人員 並 配合 防疫 措施 返國 後 應 落實 居家 檢疫 期間 如 出現 疑 似 症狀 請 即 聯繫 衛生局 或 各縣市 關懷 中心 並 依 指示 就醫 切 勿 搭乘 大眾 運輸工具 就醫 時 請 務必 告知 醫師 旅遊 史 職業 別 接觸 史及 是否 群 聚 tocc 以 供 及時 診斷 通報 指揮中心 再次 提醒 民眾 應 持續 做好 手部 衛生 與 咳嗽 禮節 外出 若 無法 與 他人 保持 社交距離 請 全程 佩戴 口罩 自 國外 入境 時 如有 發燒 咳嗽 等 不適 症狀 應 主動 通報 機場 及 港口 檢疫 人員 並 配合 防疫 措施 返國 後 應 落實 居家 檢疫 如 出現 疑 似 症狀 請 務必 聯繫 衛生局 或 各縣市 關懷 中心 並 依 指示 就醫 切 勿 搭乘 大眾 運輸工具 就醫 時 請 務必 告知 醫師 旅遊 史 職業 別 接觸 史及 是否 群 聚 tocc 以 供 及時 診斷 通報</t>
  </si>
  <si>
    <t>新冠肺炎 疫情 延 燒 今天 2 日 新增 549 名 本土 確診 案例 12 例 死亡 疫情 不見 趨 緩 跡象 也 讓 民眾 人心惶惶 藝人 makiyo 川 島 茉 樹 代 就 透露 居住 的 社區 管理員 驚 傳 確診 目前 正在 進行 隔離 但 誇張 的 是 沒有 任何人 通知 住戶 此事 根據 三 立 新聞網 報導 makiyo 居住 的 社區 管理員 上個月 確診 新冠肺炎 目前 正 在 隔離 中 她 透露 得知 此事 相當 驚訝 因為 管理室 位於 地下 一 樓 自己 則 住 在 1 樓 由於 距離 相當 近 讓 她 得知 狀況 後 相當 驚恐 當下 詢問 社區 總 幹事 對 方才 坦言 已 通報 衛生 署 確診 管理員 也 被 集中 隔離 但 不 解 的 是 事發 至今 社區 不僅 沒 派 人 消毒 也 沒有 跟 住戶 公告 此事 接 著 不滿 表示 本來 有 公告 後來 就 被 拿 掉 了 完全 沒有 人 來 教 我們 做 什麼 措施 makiyo 表示 由於 大樓住戶 頗 多 加上 地下 一 樓 管理室 跟 好幾 棟 房子 相通 此外 住戶 都 是 老人家 社區 又 離 國防部 相當 近 周 遭 也 有 相當 多國 軍 弟兄 讓 她 擔憂 有 感染 風險 接 著 強調 自己 這個 月 雖然 都 沒去 管理室 不過 近來 已 待在家裡 進行 自主 管理 目前 身體 暫 無不 舒服 的 狀況 好友 小 s 聽 聞 makiyo 因為 社區 管理員 確診 正在 做 居家 隔離 不 忘 提醒 對方 不僅 不 要 出門 也 不 要 過度 驚慌 更 強調 家裡 一定 要 隨時 進行 消毒 相信 該 做 的 防疫 措施 都 做好 一定 會 沒事 但 還是 不 改 搞 笑 性格 直 呼 我 就 不 去 看 她 了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英國 新冠肺炎 疫情 惡化 但 首相 強森 19 日 強調 他 相信 疫情 可以 在 未來 12 周內 受到 控制 不過 前提 是 民眾 須 遵從 政府 的 抗 疫 指南 去 做 從 19 日 起 英國 疫情 較 嚴重 的 倫敦 關閉 部分 地鐵站 但 首相府 稱 目前 倫敦 封 城 機會 為 零 英國 新冠肺炎 病例 持續 增加 截至 19 日 新增 643 人 確診 累計 總數 升至 3269 人 累計 死亡 病例 則 由 104 人 增至 144 人 兩 天內 增加 了 一 倍 多 有 專家 則 估計 英國 或許 已 有 超過 5萬 人 受到 感染 強 森 主持 每日 疫情 通報會 時 表示 目前 的 措施 似乎 未能 遏止 疫情 發展 但 民眾 若 能 遵從 政府 建議 包括 保持 社交距離 當 自己 或 家屬 出現 病徵 就 居家 隔離 等 再 加上 改善 病毒檢測 以及 科學 進步 相信 就 可以 在 未來 12 周內 度過 高峰 於 夏天 來臨 時驅 走 疫情 他 強調 並 不 保證 疫情 會 在 6 月底 走 下坡 但 一切 都 有 可能 另外 外界 盛傳首相府 已 開會 商討 限制 民眾 進出 倫敦 最 快 本 週末 封 城 可能 影響 900萬 人 強森 則 說 暫無 停 運 倫敦 公共 運輸 的 可能性 但 希望 公眾 避免 聚會 首相府 發言人 亦 稱 對 進出 倫敦 實施 任何 限制 的 機會 為 零 zero prospect 英國政府 已 宣佈 學校 自 20 日 起 停課 倫敦 也 宣佈 從 19 日 開始 無限期 關閉 約 40 座 地鐵站 並 會 削減 地鐵 和 公車 班次 繼續 開放 的 地鐵站 主要 是 線路 中轉站 對 大城市 來說 無限期 關閉 這麼 多 地鐵站 做法 可算 頗為 極端</t>
  </si>
  <si>
    <t>新冠 肺癌 病毒 肆虐 全球 為 鼓勵 民眾 施打 covid-19 疫苗 增加 身體 保護 力 21 日 開始 日本政府 實施 企業 大學 等 職 域 接種 引發 各界 關注 不過 當地 電視臺 拍攝 長髮 正 妹 小 露香 肩 接種 疫苗 的 畫面 意外 讓 日本 臺灣 網友 超 興奮 連 ptt 鄉民 都 群起 報名 想 當 接種 義 工 透過 ptt 轉發 的 日本 電視 翻 攝 圖 可以 得知 畫面 裡 一頭 長髮 飄逸 的 正 妹 雖然 臉 戴 白色 口罩 顏值 如何 不得而知 但 睫毛 濃密 氣質 出眾 的 模樣 已經 叫 人 想入非非 加上 施打 疫苗 時 她 性感 的 拉下 襯衫 露出 雪白 香 肩 和 纖細 手臂 接受 醫護人員 的 酒精 消毒 唯 美 畫面 讓 台日 網友 不 小心 又 戀愛 了 紛紛 在 自己 國家 的 熱門 論壇 上 留言 驚呼 看 起來 很 香 肩膀 好 美 我 想 舔 了 連 平日 嚴苛 審美 的 臺灣 ptt 鄉民 都 爭先恐後 的 嚷嚷 想 當 接種 疫苗 的 義工 如 癡 漢 表示 我 想 當 疫苗 了 女人 最美 的 部位 一整天 能 幫 12 個 正 妹 接踵 偶 jo 滿足 惹 日本妹 腋下 一定 很 乾淨 又 香 感覺 好 正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隨 著 國內 新冠肺炎 疫情 持續 升溫 不少 民眾 為 避免 群 聚 選擇 到 山區 及 森林 遊樂區 旅遊 屏 東 林管 處 17 日 宣佈 包括 林後 四 林 平地 森林 園區 等 多 處 管轄區 域 自 5 月 18 日 至 5 月 28 日 期間 暫停 開放 原鄉 族人 也 呼籲 民眾 減少 異地 移動 待 疫情 趨 緩 再 相見 瑪家 鄉長 梁明輝 表示 考量 現階段 疫情 嚴峻 加上 瑪家 至 舊 排灣 路段 危險 道路 工程 仍 在 施工 中 且 村民 在 這 時刻 也 覺得 害怕 希望 外地 來 的 登山 客 先 暫緩 入 山 等到 路 修好 疫情 減緩 再 上山 還 請 民眾 見諒 來 義 鄉公所 也 在 臉書 貼出 公告 表示 因應 全台 多 縣 市 三級 警戒 防疫 事項 由於 部落 內 多 為 老人 小孩 為 保護 鄉 內 族人 健康 安全 考量 鄉 內 景點 如 棚 集 山 丹林 大橋 等 假日 人潮 多 因 此 呼籲 民眾 減少 到 部落 遊玩 強烈建議 這 段 期間 先 不 要 進行 登山 活動 以 減緩 群 聚 來 義 鄉公所 轉達 各 部落意見 向 各位 遊客 及 登山 客 強烈 表達 請 大家 務必 遵守 防疫 規定 也 站 在 同 理 心 的 角度 暫時 停止 入 山 避免 造成 防疫 破 口 增加 部落 安全 及 負擔 屏 東 林區 管理處 更 宣佈 藤枝 雙流 墾 丁 國家 森林 遊樂區 及 雙流 自然 教育 中心 林後 四 林 平地 森林 園區 自 5 月 18 日 至 5 月 28 日 期間 暫停 開放 北大 武山 檜 穀山 屋 及 周邊 營地 自 5 月 16 日 至 5 月 28 日 期間 暫停 開放 6 月 15 日前 暫時 停止 國家 森林 志 工 解說 導覽 服務 屏 東 林管 處 說 登山 為 高 強度 運動 過程 需 深度 呼吸 不易 全程 佩 載 口罩 且 正值 防疫 高度 警戒 期間 山域 事故 搜救 困難 度 隨之 升高 需 保障 救難 人員 安全並 珍惜 醫療 資源 因 此 呼籲 如 非必要 暫 勿 前往 山區 並 請 隨時 維持 社交距離 及 落實 戴 口罩</t>
  </si>
  <si>
    <t>全球 32 國 共 239 名 科學家 下 周即 將 向 世界衛生組織 who 發表 公開信 指控 世衛 忽視 新冠 病毒 會 透過 空氣 傳播 的 風險 紐約時報 指出 如果 科學家 的 研究 發現 是 正確 的 那麼 即便 有 採取 社交距離 措施 民眾 在 室內 仍 應</t>
  </si>
  <si>
    <t>全球 32 國 共 239 名 科學家 下 周即 將 向 世界衛生組織 who 發表 公開信 指控 世衛 忽視 新冠 病毒 會 透過 空氣 傳播 的 風險 紐約時報 指出 如果 科學家 的 研究 發現 是 正確 的 那麼 即便 有 採取 社交距離 措施 民眾 在 室內 仍 應該 戴 上 口罩 空調 系統 也 要 加 裝 過濾 設施 全球 各地 陸續 解封 後 酒吧 餐廳 市場 等 室內 場所 接連 爆發 嚴重 群 聚 感染 這種 情形 可能 坐 實 了 科學家 數 月 以來 指出 新冠 病毒 不 只 透過 飛 沫 更 會 藉 由 空氣 傳播 的 說法 紐約時報 new york times 昨 5 日 披露 橫跨 全球 32 個 國家 共 239 名 科學家 下 周 即將 在 科學 期刊 刊登 一 封 致 世界衛生組織 的 公開信 內容 將 羅列 新冠 病毒 會 透過 空氣 傳播 並且 感染 人類 的 各項 證據 同時 建議 世衛 更新 相關 防疫 指南 科學家 指出 不論是 打噴嚏 後 透過 大片 飛 沫 飄散 到 空氣 中 或是 吐 氣 後 透過 小片 飛 沫 蔓延 整個 房間 新冠 病毒 確實 會 透過 空氣 傳播 人類 吸 入 後 就 會 感染 病毒 科學家 也 指出 好幾 個 案例 都 顯示 在 空調 系統 不 佳 人群 擁擠 的 室內空間 中 病毒 確實 會 透過 空氣 傳播 據 英國 每日 郵報 daily mail 報導 今年 4 月 大陸 武漢 的 科學家 分析 醫院 中 不 同 地方 的 空氣 分子 他們 發現 除了 醫院 廁所 以及 醫護人員 更衣 的 房間 兩 個 人潮 較 多 的 地方 外 醫院 其他 地方 都 偵 測 不 到 新冠 病毒 研究 人員 推測 廁所 會 有 較 多 病毒 量 可能 是 因為 空調 系統 不 佳 另外 醫護人員 更衣室 有 較 多 病毒 可能 是 因為 人員 摘掉 口罩 手套 外衣 時 原本 沾 黏在 上面 的 病毒 又 被 揚起 重新 透過 空氣 進行 傳播 紐約時報 指出 如果 空氣 被 證實 是 新冠 病毒傳播 的 重要途徑 那麼 許多 防疫 措施 都 必須 升級 包含 即便 採取 社交距離 政策 民眾 在 室內 仍 須 戴 上 口罩 醫護人員 在 照顧 新冠 患者 時 必須 配戴 n 95 口罩 以 過濾 掉 最小 的 飛 沫 分子 學校 長 照 機構 居家 工作 場所 應該 儘量 降低 再迴圈 空氣 並且 為 空調 系統 加 裝 強大 的 篩檢程式 甚至 室內 可能 需要 裝設 紫外線 機 以 殺死 漂浮 在 空氣 中的 病毒 粒子 tribune news service 報導 who 及 美國 疾病 管制 暨 預防 中心 u s centers for disease control and prevention cdc 長期以來 告訴 民眾 只 需要 擔心 新冠 病毒 透過 近 距離 飛沫傳染 以及 觸 碰到 受 感染 物品 表面 之後 再 觸摸 眼 口 鼻 等 兩 種 感染 途徑 專家 指控 這些 機構 長期 忽視 病毒 會 藉 由 空氣 傳播 的 風險 科學家 甚至 認為 空氣 傳播 才 是 唯一 能夠 解釋 為 何在 採取 了 防護 措施 後 大陸 餐廳 以及 美國 的 合唱團 仍 會 出現 超級 傳播 者 的 情形 報導 指出 who 在 最近 一 次 6 月 29 日 的 疫情 更新 消息 中 承認 新冠 病毒 會 透過 空氣 傳播 不過 這 種 情形 只 可能 發生 在 包括 插管 等 醫療 行為 中 這些 舉動 會 產生 大量 微小 粒子 因此 who 也 只 建議 醫護人員 在 這些 情況 下 戴 上 n 95 口罩 過去 數 月 來 who 一直 不 願 證實 新冠 病毒 會 透過 空氣 傳播 主要 原因 在於 缺乏 明確 證據 而 各界 的 癥結 點 在於 病毒 微粒 在 空氣 中 能夠 存活 多久 今年 3 月 美國政府 專家 稱 病毒 能 在 空氣 中 存活 3 小時 在 塑膠 以及 鋼製品 表面 最 長 能夠 存活 3 天</t>
  </si>
  <si>
    <t>中醫大 新竹 分院 落實 社交距離 保護 醫護人員</t>
  </si>
  <si>
    <t>美國 職 籃 nba 7 月 即 將 於 奧蘭多迪士尼 世界 disney world 複賽 主辦單位 打算 出動 穿戴 式 裝置 與 大 資料 分析 希望 確保 22 支 隊伍 球員 與 工作人員 免 於新冠肺炎 的 感染 威脅 nba 為了 複賽 做 足 準備 備 妥 超過 100 頁 的 備忘錄 裡頭 詳 述 他們 計畫 如何 保護 球員 健康 以及 使用 的 工具 技術 參賽 球員 必須 接受 全面 健康 檢測 與 親友 隔離 同時 也 得 遵守 維持 社交距離 等 嚴格 規定 在 工具 方面 nba 要求 球員 配戴 智慧 戒指 smart ring 此 裝置 能量 測體溫 呼吸 功能 與 心 率 等 生理 資料 藉 此 判斷 球員 是否 生病 這 枚 鈦金 戒指 由 芬蘭 新創 公司 oura 打造 據說 可 提早 三 天 偵 測 民眾 是否 感染 肺炎 準確度 高 達 九 成 戒指 收集 到 的 資料 將 送往 密西 根 大學 判 讀 與 分析 目的 在於 掌握 所有人 完整 健康狀況 達拉斯 獨行俠 隊 老闆 庫班 mark cuban 表示 我們 將 盡 一切力量 確保 大家 健康 無 虞 我 深信 這些 方法 絕對 有用 球員 也 必須 隨時 配戴 魔術 手 環 magicband 但 練習 時間 與 比賽 除外 此 手 環 功能 類似 門卡 也 是 球員 通過 篩檢 站 的 依據 手 環 會 依據 球員 健康狀況 顯示 不 同 顏色 只有 合格 者 才能 通過 此 手 環 亦 能 記錄 球員 的 接觸 史 萬一 球員 真的 感染 肺炎 的話 便 能 迅速 查出 他 過去 與 誰 有 過 接觸 至於 維持 社交距離 更是 防疫 一大 重點 nba 希望 球員 在 證件 上頭 安裝 一個 小型 裝置 當 球員 之間 距離 少於 6 英尺 時間 超過 5 秒 時 裝置 便 會 發出 警告 聲響 但 球員 可 自由選擇 配戴 與否 此外 所有 球員 都會 分配 到 一 部 私人 血 氧 飽和 儀 與 智慧 溫度計 以 量 測 他們 每天 的 血 氧 飽和度 與 體溫</t>
  </si>
  <si>
    <t>中央 日前 宣佈 從 11 月 2 日 起 將 進一步 鬆綁 防疫 管制 措施 並 分 階段 鬆綁 分 階段 鬆綁 八大 行業 防疫 管制 以 有 無 陪 侍 服務者 為 區別 無 培 侍 服務 可 在 11 月 2 日 向 地方 政府 提出 複業 申請 臺北市 今 臨時 舉辦 防疫 記者會 臺北市 副 市長 黃珊珊 指出 11 月 2 日 起 開始 放寬 某些 管制 部分 活動 可有 條件 免 戴 口罩 會 遵循 中央 指引 開放 黃珊珊 指出 11 月 2 日 起 將 開放 社區 照顧 關懷 據點 及 長青 學 苑 課程 與共 餐 另外 舞場 夜 夜 店 業 三 溫暖 可 申請 複業 部分 體育 活動 則 有 條件 免 戴 口罩 體育場館 容留 人數 回歸 各 場館 規定 黃珊珊 強調 雖然 部分 活動 放寬 但 仍 維持 實 聯 制 量 體溫 主動 申報 健康 調查 出入口 單一 動 線 加強 手部 消毒 維持 社交距離 加強 環境 清 消 等 防疫 規則 北市 社會局 表示 11 月 2 日 起 同意 開放 長者 內 用 共 餐 及 外帶 餐 食 同意 開放 辦理 卡拉 ok 麻將 及 桌 遊 類 課程 關懷 據點 仍 應函 報 社會局 申請 複 辦 截至 11 月 1 日 已 有 260 家 社區 照顧 關懷 據點 申請 複 辦 至於 八大 行業 防疫 的 部分 黃珊珊 說 舞場 業 夜 店 業 和 三 溫暖 業 等 無 陪 侍 服務者 11 月 1 日 公告 受理 申請 複業 現 勘 符合規定 11 月 2 日 起 複業 至於 酒吧 業 酒 家業 舞廳 業 萬華 茶室 172 家業 者 須 待 11 月 9 日 公告 受理 申請 複業 現 勘 符合規定 後 11 月 16 日 起 依 中央 公佈 複業 此外 八大 行業 要 開放 需 符合 幾 個 條件 包含 從業人員 至少 接種 過 1 劑 疫苗 並 滿 14 天 以上 且 首次 服務 前 要 提供 3 日內 快 篩 或 pcr 陰性 證明 未 完整 接種 2 劑 疫苗 的 員工 須 每週 進行 一 次 快 篩 或 pcr 檢驗 顧客 進場 至少 要 完成 1 劑 疫苗 滿 14 天 證明 至於 八大 行業 是否 會 結合 健康 通行證 黃珊珊 說 當時 北農 跟 環南 有 使用 過 有 再 跟中央 爭取 介 接 臺北 通 但 時程 還 不 確定 除 八大 外 希望 也 能 在 醫院 和 老人 機構 使用 健康 通行證 管理 臺北市 已經 準備 好 了 做好 監測 只要 開放 後臺 就 可以 做 介 接 另外 被 問到 現階段 沒有 疫苗 護照 如何 做 把關 黃珊珊 回應 表示 員工 要 造冊 並 提出 相關 疫苗 證明 顧客 的 部分 則 須 持有 黃卡 或 健 保 快易通 會 請 同仁 以 抽查 方式 員警 也 會 臨檢 抽查 如 發現 不符 規定 會 依 傳染病 防治法 開 罰</t>
  </si>
  <si>
    <t>中職 棒球 比賽 開放 入場 其他 行業 八大 行業 是否 會 陸續 開放 營業 台中 市長 盧秀燕 8 日 表示 這 幾 天 有 業者 不斷 詢問 因為 考慮 到 特種行業 的 服務 業者 與 消費者 之間 還 是 較 難 保持 社交距離 可以 維持 社交距離 的 像是 戶外 打</t>
  </si>
  <si>
    <t>中職 棒球 比賽 開放 入場 其他 行業 八大 行業 是否 會 陸續 開放 營業 台中 市長 盧秀燕 8 日 表示 這 幾 天 有 業者 不斷 詢問 因為 考慮 到 特種行業 的 服務 業者 與 消費者 之間 還 是 較 難 保持 社交距離 可以 維持 社交距離 的 像是 戶外 打擊 的 球賽 場地 空曠 又 是 戶外 這 部分 可先 做 嘗試 但 室內 且 近 距離 接觸 的 會 再 檢討 盧秀燕 指出 疫情 穩定 後 會 采 循序漸進 的 開放 措施 室外 先 嘗試 性 開放 穩定 安全 後 再 開放 室內 集會 活動 可 保持 社交距離 的 活動 會 先 開放 但 如果 是 人群 密切接觸 的 活動 會 再 考慮 檢討 她 說 希望 逐漸 讓 民眾 恢復 日常生活 但 防疫 仍 不能 鬆懈 要 在 這 之間 求取 平衡 無法 一 次 全面 開放 因為 全世界 疫情 包括 臺灣 都還 沒有 完全 根絕 這 段 時間 會 逐步 讓 市民 朋友 們 恢復正常 生活 但 防疫 也 要 做 兩者 兼顧 針對 酒店 等 特種行業 等 業者 關切 何時 可以 恢復 營業 盧秀燕 表示因為 考慮 到 特種行業 的 服務 業者 與 消費者 之間 還 是 較 難 保持 社交距離 可以 維持 社交距離 的 像是 戶外 打擊 的 球賽 場地 空曠 又 是 戶外 可先 做 嘗試 但 室內 且 近 距離 接觸 的 以後 會 再 考慮 再 檢討</t>
  </si>
  <si>
    <t>國內 出現 醫護人員 確診 新冠肺炎 個案 雲 林縣 長 張麗 善為 強化 醫院 防疫 措施 14 日 巡視 縣 內 應變 醫院 除 慰勉 堅守崗位 的 醫護人員 也 呼籲 民眾 儘量 以 視 訊 或 電話 方式 探病 若要 實地 探視 需 配合 實 名 制 登記 全程 戴 口罩 維持 社交距離 張麗善 14 日 率 縣 衛生局長 曾春美 前往 台大醫院 雲林 分院 巡視 防疫 管制 措施 在 副 院長 馬 惠明 陪同 下 瞭解 民眾 就醫 防疫 管制 醫院 加強 急救 措施 及 負 壓 病房 管 控 等 情況 並 贈送 補品 為 第 1 線 醫護人員 加油打氣 同時 提醒 民眾 落實 防疫 張麗善 表示 醫護人員 站 在 第 1 線 奮不顧身 無私奉獻 全力 防護 所有 鄉親 安全 她 致 上 最 崇高 敬意 也 請 鄉親 為 緊 繃 工作 1 年 多 的 醫護人員 給予 最 溫暖 的 支援 與 體諒 大家 團結 抗 疫 張麗善 說 台大醫院 雲林 分院 為 雲 林縣 新冠肺炎 的 急救 責任 醫院 在 院長 黃瑞仁 副 院長 馬 惠明 帶領 下 發揮 最 大 的 醫療診治 能力 讓 去年 奧捷 旅遊團 中雲 林 母女 康復 出院 展現 醫院 堅強 的 實力 對於 醫院 加強 急救 措施 及 負 壓 病房 管 控 馬 惠明 認為 照顧 確診 病 患 最 危險 在於 2 個 步驟 第 1 是 氣管 插管 第 2 是 穿 脫 隔離 衣 雲林 分院 在 這 部分 做 了 許多 前瞻 部署 日前 還 獲 snq 國家 醫療 品質 標 章 戰 疫 有功 獎 認證 院方 會 持續 努力 與 縣民 共同 抗 疫</t>
  </si>
  <si>
    <t>繼 一 位 到 高雄遊 學 4 個 月 的 日本 女 學生 于 上月 24 日 返國 在 日本 機場 被 驗 出新 冠 核酸 陽性 並 被 日本 官方 登錄 為由 臺灣 境外移入 的 案例 後 本月 27 日 又 有 一 位 在 桃園 工作 兩 年 的 泰國 移 工 返國 時 被 泰國 官方 驗 出 核酸 確診 不 排除 是 在 臺灣 感染 當地 媒體 更以 頭版 報導 臺灣 社區 究竟 有 沒有 潛藏 無 症狀 感染者 病毒 是否 早 在 國內 無聲無息 流竄 連 防疫 中心 都 無法 否認 令 人 憂心 再則 這 兩 天 又 都 有 境外移入 病例 27 日 4 位 病 患 分別 來自 南非 賴索托 菲律賓 28 日 5 位 來自 菲律賓 和 香港 目前 國外 疫情 仍 嚴峻 美國 澳洲 西班牙 中美洲 多國 等 群 聚 感染 嚴重 臺灣 鄰近 的 南韓 日本 中國 香港 東南亞 各國 疫情 仍 在 延 燒 此 同時 臺灣 卻 無視 國外 疫情 媒體 和 網路 都 在 積極 輔選 報導 執政黨 推出 的 高雄 市長 候選人 官方 每天 大肆宣傳 三 倍 券 的 德政 百姓 則 沉溺 於 報復 性 消費 報復 性 旅遊 正值 暑假 旅遊區 處處 人山人海 街道 人潮 磨肩接踵 很 少人肯 戴 口罩 更 別提 防疫 要 保持 社交距離 了 國內 這種 無憂無慮 的 生活 其實 拜 媽祖 婆 無 疫情 所 賜 但 境外移入 管制 一旦 有 破 口 臺灣 恐 將 爆發 報復 性 的 疫情 矣 國際 疫情 仍 延 燒 熾烈 境外移入 病例 幾乎 每天 都 有 為 阻遏 病毒 於 境外 防疫 中心 當 針對 所有 入境 旅客 于 機場 即 采 檢 作 核酸 普 篩 嚴格執行 居家 檢疫 14 天 民眾 應保 有 今年初 對 新冠肺炎 防疫 戒慎 恐懼 的 作法 出入 公共場所 應 戴 口罩 勤洗手 注意 個人 防疫 衛生 國外 多數 國家 疫情 嚴峻 臺灣 雖 已 百 日 以上 無 本土 疫情 卻 不可 置身事外 防疫 新 生活 仍 需 遵從 否則 臺灣 究竟 能 維持 無 疫情 環境 多久 實 不可 樂觀 唐朝 杜牧 泊秦淮 的 詩 大家 都 不 陌生 煙 籠 寒水月 籠 沙 夜泊 秦准 近 酒家 商女 不知 亡國 恨 隔 江 猶 唱 後庭花 台灣 百姓 未 受 新 冠 疫情 的 直接 衝擊 至今 已 無 年初 的 警 戒心 防疫 大 鬆懈 縱情 玩樂 幾乎 已將 防疫 新 生活 置之不顧 疫情 一旦 侵 台 將 是 一 場 大 災難 此 不 就是 商女 不知 亡國 恨 隔 江 猶 唱 後庭花 的 寫照 嗎 作者 為 前 臺灣省 家畜 衛生 試驗 所 所長</t>
  </si>
  <si>
    <t>教育部 今天 發佈 新 規定 大專院校 100 人 以上 大班 授課 或 教室 難以 保持 防疫 所 需 適當 社交距離 室內 15 公尺 室外 1 公尺 之 課程 應立即 改善 環境 或 調整 授課 方式 採取 全面 配戴 口罩 分 班 上課 或 遠距教學 等 防疫 作為 教育部</t>
  </si>
  <si>
    <t>社交距離 怎 遵守 黃偉哲 愛惜 生命 就 不 要 拿 健康 開玩笑</t>
  </si>
  <si>
    <t>新冠肺炎 在 世界各地 肆虐 疫情 仍 非常 嚴峻 日前 香港 因 傳出 由 新冠肺炎 確診 患者 家中 寵物 犬 口 鼻 檢驗 出新冠肺炎 弱 陽性反應 消息 隨即 引發 社會 大眾 與 犬 貓 飼 主 恐慌 行政院 農委會 與 高雄 市政府 農業局 共同 呼籲 目前 並 沒有 證據 顯示 犬 貓 會 感染 新冠 病毒 該 檢驗 結果 應屬 環境 病原 污染 而非 犬 只 感染 請 大家 不要 恐慌 為 因應 新冠肺炎 疫情 並 維護 護人 畜 健康 與 動物 福利 動 保處 規劃 公私 協力 作法 期望 在 兼顧 民眾 安全 與 動物 福利 的 原則 下 妥善 照 護 犬 貓 目前 已 規劃 新冠肺炎 確診 患者 飼養 共居 犬 貓 照 護 措施 及 檢驗 原則 而 針對 獨居 確診 個案 動 保處 與 社團 法人 臺灣 愛 狗 人 協會 組成 照 護 隊 以 協助 獨居 個案 照 護 犬 貓 社團 法人 高雄市 獸醫 師公 會 高振庸 理事長 表示 公會 可 提供 寵物 健康諮詢 與 相關 協助 共同 守護 市民 與 毛 小孩 的 健康 衛生局 通報確診 個案 有 共居 犬 貓 在 有 親友 可 協助 照 護 情形 下 由 動 保處 提供 相關 防疫 衛教 訊息 飼養 人 須 經常 保持良好 衛生習慣 包括 與 動物 或 其 食物 及 物品 接觸 前後 洗手 以及 避免 親吻 動物 並 保持 家居環境 清潔衛生 身體 不適 者 應 避免 與 動物 接觸 如 發現 寵物 的 健康狀況 出現 變化 應 儘快 尋求 獸醫 師 的 意見 而 確診 個案 若為 獨 居者 將 由 動 保處 的 照 護 隊 每日 會同 員警 或 裡長 共同 前往 患者 住 居 協助 照 護 若 犬 貓 表現 出 特異 症狀 再 由 動 保處 協助 採樣 送 農委會 家畜 衛生 試驗 所 檢驗 農業 局長 吳芳銘 再次 呼籲 目前 並 無證據 顯示 犬 貓 會 感染 新冠 病毒 請 家中 有 飼養 毛 小孩 的 民眾 切 勿 恐慌 毛 小孩 是 家中 的 一 份子 千萬 不要 任意 棄養 飼養者 與 犬 貓 接觸 前後 應以 肥皂 水 洗手 確保 人 畜 健康 農業局 動 保處 已 規劃 相關 檢驗 及 照 護 措施 隨時 可 啟動 大家 同心協力 共同 守護 市民 與 毛 小孩 的 健康</t>
  </si>
  <si>
    <t>馬光 -ky 4139 診所 業務 成長 帶動 2 月 合併 營 收 為 新 台幣 61079萬 元 較 去年同期 成 長 5 其中 診所 業務 成長 更 達 15 前 2 月 營 收 為 1億2867萬 元 年 減 1024 馬 光 表示 2 月份 馬光 整體 合併 營 收 若 屏除 去年 10 月 出售 的 國際學校 影響 下 較 去年同期 成 長 8 其中 天津 馬光 較 去年同期 成 長 24 除 由於 去年 2 月 逢 農曆 新年 主要 原因 在於 天津 馬光 糖尿病 慢 病 業務 較 去年同期 成 長 35 不過 因為 新冠肺炎 疫情 擴散 部分 患者 減少 出門 就醫 導致 天津 馬光 一般 門診 業務 減少 以及 為 避免 病毒 傳染 目前 暫停 口腔 業務 但 整體而言 因 天津 馬光 為 當地 唯一 具 糖尿病 及 中風 後 慢 病 管理 資格 的 民營 機構 在 慢 病 管理 業務 的 剛性 需求 下 縱使 一般 門診 業務 受 新冠肺炎 影響 天津 馬光 仍然 於 2 月份 取得 成長 的 成績單 馬 光 進一步 表示 天津 馬光 糖尿病 慢 病管理 的 年度 續約 率 多年 來 均 維持 九 成 五 以上 可見 此次 因應 新冠肺炎 疫情 影響 天津市政府 特別 加速 互聯網 醫療 執照 的 審核 故 天津 馬光 可望 提前 在 第二 季 取得 執照 並 推出 互聯網 醫療 服務 提供 患者 雲端 問診 健康諮詢 送藥 到家 等 一 站 式 雲端 服務 預計 天津 馬光 將 成為 天津 首家 民營 擁有 慢 病 管理 資格 的 互聯網 醫療 暨 社區 醫療 診所 值 此 新冠肺炎 擴散 之際 可望 為 當地 輕 症 病 患 及 慢 病患者 的 首選 更進一步 加速 拓展 公司 一般 門診 及 慢 病 管理 經濟 規模 帶動 2 月 合併 營 收 較 去年同期 成長 的 另 一個 原 因為 馬 光旗 下 知名品牌 黃耀南 中草藥 保健品 清熱解毒 防疫 藥方 熱銷 業績 較 去年同期 成 長 30 另外 新加坡 診所 的 部分 雖然 因 新冠肺炎 疫情 影響 導致 部分 患者 減少 出門 就醫 但 2 月 分營 收在 疫情 影響 下 仍然 微幅 成長 顯見 新加坡 診所 自 去年 營運 體質 改 善後 到 目前 仍 持續 成長 中</t>
  </si>
  <si>
    <t>韓夜 店 群 聚 感染 再 擴大 54 人 染疫 濟州島 也 爆 病例</t>
  </si>
  <si>
    <t>新冠肺炎 疫情 持續 升溫 新北 市 瑞芳 警 分局 為了 避免 因 員警染疫 隔離 而 造成 治安工作 停 擺 特別 設置 替代 辦公室 將 分局 內部人員 分散 異地 隔離 辦公 降低 染疫 風險 瑞芳 警 分局 表示 替代 辦公室 設備齊全 若是 疫情 升溫 或</t>
  </si>
  <si>
    <t>新冠肺炎 疫情 持續 升溫 新北 市 瑞芳 警 分局 為了 避免 因 員警染疫 隔離 而 造成 治安工作 停 擺 特別 設置 替代 辦公室 將 分局 內部人員 分散 異地 隔離 辦公 降低 染疫 風險 瑞芳 警 分局 表示 替代 辦公室 設備齊全 若是 疫情 升溫 或有 案例 出現 即 可 立即 啟動 避免 治安工作 出現 斷層 並且 由於 員警須 長 時間 在外 服 勤 為了 防護 員 警 健康 各地 警 局 也 針 對內 外勤 同仁 防疫 工作 不斷 提升 保護 並建 置 戶外 偵 訊 區 以及 定期 定時 針對 員警 執勤 裝備 加強 消毒 工作 瑞芳 警 分局長 陳杏結 表示 目前 在 防疫 作戰 中 惟有 超前 部署 做好 準備 才能 確保 同仁 健康 除了 嚴格要求 人員 出入 處所 必須 量 測 額 溫及 手部 清潔 外 針對 應勤 裝備 巡邏車 及 辦公 處所 更 要求 同仁 每日 使用 消毒 液 擦拭 他 也 嚴格 的 要求 目的 在 照顧 同仁 健康 外 也 保障 洽 公民 眾 安危 也 請 民眾 配合 警方 防疫 措施</t>
  </si>
  <si>
    <t>台南 確診 2 傳 產 老闆 未戴 口罩 中標 1 北部 染疫</t>
  </si>
  <si>
    <t>近日 國內 新冠肺炎 境外移入 確診 每天 都 120 例 全台 僅剩 花 東 嘉義 及 外島 沒有 案例 長庚醫院 毒物 實驗室 在 已故 俠 醫 林 傑 梁 的 臉書 分享 了 10 種 一般 民眾 預防 感染 增強 抵抗力 的 最好 方法 連 臺灣人 最愛 的 試 吃 也 列入 其中 竟 有 感染 新冠 病毒 的 風險 林 傑 梁 的 臉書 指出 一般 民眾 預防 染疫 增強 抵抗力 的 最好 方法 有 10 個 1 注意 個人 衛生 需要 時 正確 戴好 口罩 多 洗手 不以 手 碰 觸 眼睛 及 口 鼻 2 經常 開 窗 通風 沖 馬桶 蓋 上 蓋子 3 人 與 人 之間 保持 1 2 公尺 距離 4 分 餐 吃飯 不 共 食 不 共用 餐具 5 碰 觸 過 電梯 按鈕 公共 用品 之後 也 要 勤洗手 6 回家 後 快 洗澡 若無 法 洗澡 也 要 洗手 洗 臉 漱口 7 沒 限 水 者 可以 喝 足夠 的 水 減少 含 糖 飲料 攝取 8 多 吃 天然 蔬果 及 適量 蛋白質 善用 辛 香料 9 不要 試 吃 不要 試用 貼身 物品 如 睫毛 膏 唇膏 10 充足 睡眠 適度 運動 穩定 心情 其中 第 9 條 不要 試 吃 最讓人 難以 戒 掉 像是 許多 人 去 好 市 多 大 賣 場 百貨公司 地下街 等 第一 件 事 就 是 先排 試 吃 就 連 地震 來 了 也 要 冷靜 地 排隊 等 食物 看來 這 習慣 在 疫情 期間 得 先 忍 一 忍 了</t>
  </si>
  <si>
    <t>幼稚園 群 聚 染疫 跟 長 榮 機師 有 關? 新北 不 排除 任何 可能性</t>
  </si>
  <si>
    <t>新北 市長 侯友宜 今 上午 表示 不能 完全 排除 幼稚園 群 聚 感染 跟 機師 染疫 有關 但 兩者 時間 序 對不上 質疑 市府 甩 鍋 新北 市 副 發言人 蔡 畹 鎣 回應 針對 群 聚 案 新北 市 積極 匡列 疫 調 中 一切 等 基因 定 序 結果 出來 不 排除 任何 感染 源 的</t>
  </si>
  <si>
    <t>因應 新冠肺炎 疫情 升溫 泰國 總理 帕拉 育 prayuth chan-ocha 今 24 日 宣佈 泰國 自 26 日 起 進入 緊急狀態 一個 月 屆時 總理 將 有 權 實施 宵禁 禁止 國內 旅遊 限制 人民 行動 等 路透社 報導 泰國 總理 帕拉 育 今日 下午 在 記者會 上 宣佈 為 對抗 新冠肺炎 疫情 泰國 將 於 26 日 進入 緊急狀態 一個 月 預計 持續 至 4 月 30 日 帕拉 育 說 進入 緊急狀態 代表 總理 將 有 權力 宣佈 更 多 措施 抑制 疫情 擴散 此外 也 將 賦予 官員 更 多 權力 設置 檢查站 以 限制 人員 流動 泰國 媒體 the thaiger 指出 緊急狀態 命令 將 讓 泰國政府 有 權力 實施 宵禁 禁止 國內 旅遊 無 預警 關閉 任何 一 棟 大樓 甚至 在 必要 時 賦予 政府 權力 審查 關閉 媒體 泰國 新冠肺炎 疫情 急速 升溫 幾乎 每日 都 新增 上百 確診 病例 今日 再 增 106 例 累計 境內 共有 827 人 染疫 此外 今日 再 增加 2 人 死亡 累計 共 4 人 喪命 泰國 衛生 官員 先前 指出 疫情 升溫 主要 和 曼谷 拳擊 館 群 聚 感染 有關</t>
  </si>
  <si>
    <t>新冠肺炎 延 燒 全球 正當 世界 各國 都 苦於 應對 時 美國 卻 傳出 有 大學生 開 新冠肺炎 趴 刻意 邀請 確診 者 當 嘉賓 藉 由 接觸 確診 者 比賽 誰 先 染疫 第一 名 還 可 獲得 獎金 荒唐 行徑 讓 人 傻眼 當地 議員 與 消防 局長 也 在 會議 中 證實</t>
  </si>
  <si>
    <t>染疫 1 軍人 來 吃 過 台中 牛排館 自主 關門 14 天 網 贊 佛 心 店家</t>
  </si>
  <si>
    <t>半島電視臺 al jazeera 1 日 報導 印度 4 月 再度 爆發 大規模 新冠肺炎 covid-19 疫情 該國 東北部 的 產茶 重地 阿薩姆邦 assam 也 不能 倖免 目前 已 有 超過 7000 名 採茶 工人 染疫 加上 當地 年初 降雨量 不足 恐 讓 這種 全</t>
  </si>
  <si>
    <t>半島電視臺 al jazeera 1 日 報導 印度 4 月 再度 爆發 大規模 新冠肺炎 covid-19 疫情 該國 東北部 的 產茶 重地 阿薩姆邦 assam 也 不能 倖免 目前 已 有 超過 7000 名 採茶 工人 染疫 加上 當地 年初 降雨量 不足 恐 讓 這 種 全球 知名 的 茶葉 再度 遭受 重 擊 根據 報導 自 4 月 以來 阿薩姆邦 的 800 座 大型 茶園 中 已 有 403 座 出現 工人 染疫 總數 達 7121 例 其中 53 例 死亡 且 由於 檢測 量 不足 實際 染疫 人數 可能 更 高 如 其中 一 名 工人 薩巴爾 gautam sabar 便 是 在 症狀 出現 一 周 後 茶園 內 的 醫療 設施 仍未 對 其 實施 檢測 直到 病情 發展 成 重症 後 才 送醫 最後 在 抵達 大 醫院 不久 後 病逝 不過 即使 當地政府 下令 收緊 防疫 措施 各 茶園 卻 仍 讓 當地 人數 多 達 百萬 的 採茶 工人 繼續 上工 因為 5 月 起 正是 夏 摘 茶 second flush 的 採收 時期 這時 采得 的茶葉 香氣 濃烈 主要 用於 外銷 他國 因此 茶園 不僅 沒有 暫停 作業 反而 加薪 讓 工人 繼續 採茶 茶園 辯稱 讓 採茶 工人 出門 工作 比 待在家裡 安全 因為 當地人 大多 十分 窮困 工錢 可能 每天 不 到 3 美元 約 新 台幣 828 元 所有人 都 只能 擠 在 同一個 房間 既 無 通風 也 缺乏 乾淨 飲用水 等 衛生條件 印度 是 全世界 第二 大 茶葉 生產地 僅次於 中國 大陸 其中 阿薩姆 紅茶 便 占 該國 茶葉 總產量 的 一半 當地 茶葉協會 告訴 半島電視臺 在 新冠肺炎 疫情 下 當地 2020 年 1 至 5 月 的 茶葉 產量 較 2019 年 減少 7800萬 公斤 今年初 則 由於 降雨量 不足 至今 產量 已 較 2019 年 減少 6000萬 公斤 當地 若 再 發生 大規模 疫情 恐 對 相關 產業 造成 更 大 的 衝擊</t>
  </si>
  <si>
    <t>小 編 精選 中國時報 5 件 不可 不知 大事 帶 讀者 掌握 今天 29 日 新聞 重點 1 羅志祥 今 出關 下 一 步 怎 走 考驗 智慧 周揚青 宣告 與 羅志祥 小 豬 分手 並 踢 爆 小 豬 與 愷 樂 蝴蝶 有 不 正當 男女關係 讓 小 豬 形象 一落千丈 周揚青 的 家世 背景 及 微博 小號 小 小號 陸續 被 起 底 小 豬 因 新冠肺炎 防疫 措施 在 深圳 自主 隔離 今 29 日 是 他 隔離 第 14 天 即將 出 關 而 認 了當 小 三 的 愷 樂 已 有 3 代言 遭 撤 事業 崩 毀 2 再 轟 1968 黃偉哲 諷 阿飄多 交通部觀光局 因應 五 一連 假 推出 1968 app 升級 版 提供 全台 234 個 熱點 人潮 示 警 台 南市 27 處 高居 全台 之 冠 台南 市長 黃偉哲 繼 27 日 炮轟 中央 是 跟 台南 有 仇 嗎 昨 進一步 公佈 28 日 淩晨 1 點 實測 包括 三峽 文化路 商 圈 休 市 的 台南 同安 夜市 新竹 市立 動物園 竟 顯示 人潮 略 多 他 忍不住 酸 諷 是 動物 多 還是 阿飄多 3 全球 實際 染疫 恐 逾 3000萬 人 歐美 引進 新冠 病毒 抗體 檢測 初步 結果顯示 實際 感染 人數 可能 是 確診 人數 的 10 倍 以 美國 紐約州 為 例 以 3000 人 進行 抽樣調查 的 結果顯示 139 的 人 產生 了 抗體 假如 以 紐約州 人口 推算 約 270萬 人 已 具備 抗體 達到 已 發佈 的 確診 人數 約 25萬 人 10 倍 之 多 如果 這項 調查 具有 普遍性 則 目前 全球 超過 300萬 人 確診 可能 實際 感染 人數 已經 超越 3000萬 人 4 2021 年 經濟 呈 u 型 復蘇 新冠肺炎 疫情 持續 衝擊 全球 安永 公佈 最新 全球 資本 信心 晴雨錶 報告 逾 7 成 企業 領袖 及 高階 主管 預期 疫情 會 導致 供應 鏈 中斷 消費 緊縮 重創 全球 經濟 展望未來 發展 54 受訪者 推測 2021 年 經濟 將 呈現 u 型 復蘇 但 也 有 38 認為 會 v 型 反 轉 在 今年 第 三 季即 步入 常軌 5 基隆 廟口 人 流 管制 攤 商 盼 放寬 面對 新冠肺炎 疫情 基隆 廟口 夜市 12 日 率先 啟動 人流 管制 限額 2000 人 但 實施 半 個 月 以來 人潮 高峰 僅 千 人 即使 週末 假日 也 從未 達 管制 標準 讓 攤 商 抱怨 管制 嚇 跑 遊客 認為 現在 疫情 趨 緩 全台 已 連續 3 天 出現 零 確診 都盼連 假 能 放寬 管制</t>
  </si>
  <si>
    <t>紐 籍 機師 確診 新冠肺炎 不僅 在 飛行 期間 未 佩戴 口罩 造成 兩 名 同事 染疫 還 將 病毒 傳染給 30 多 歲 的 廣達 集團 女 員工 但 依 現行 法規 無論 本 國籍 或 外籍人士 入境 臺灣 確診 後 其 治療費 用 均 由 政府 預算 支出 引發 網友 不滿 感</t>
  </si>
  <si>
    <t>紐 籍 機師 確診 新冠肺炎 不僅 在 飛行 期間 未 佩戴 口罩 造成 兩 名 同事 染疫 還 將 病毒 傳染給 30 多 歲 的 廣達 集團 女 員工 但 依 現行 法規 無論 本 國籍 或 外籍人士 入境 臺灣 確診 後 其 治療費 用 均 由 政府 預算 支出 引發 網友 不滿 感染 科 醫師 王任賢 今 也 表示 相當 不服氣 紐 籍 機師 成為 臺灣 防疫 破 口 令 不少 民眾 憤怒 有 網友 在 ptt 上 討論 其 治療費 用時 絕大多數 都 認為 應 由 本人 負擔 或是 長 榮 買 單 據 三 立 新聞網 報導 中國 醫藥 大學 附設 醫院 感染 科 主治醫師 王任賢 表示 雖然 很 不服氣 但 也 只 能 接受 由於 此事 事關 公益 政府 責無旁貸 他 無奈 說 若 政府 不出 這筆 錢 以後 有 確診 者 更 不 會 據實 以 告 不過 針對 紐 籍 機師 疫 調 不實 遭 桃園 衛生局 重罰 30萬 他 很 贊成 也 認為 本 就 該 重罰 另外 王任賢 也 呼籲 各 縣市政府 單位 應 停 或 暫緩 辦 耶誕節 跨 年 等 活動 他 認為 紐 籍 機師 與 廣達妹 都已 在 社區 趴 趴 走 15 日 絕非 指揮中心 說 采 檢 173 名 接觸 者 這麼 簡單 而已 呼籲 政府 在 這 段 時間 清查 個案 所 待 過 的 社區 足跡 徹底 檢查 消毒 好 消除 民眾 心中 的 疑慮</t>
  </si>
  <si>
    <t>江蘇 台商 染疫 搞 烏龍 結果 最 快 今天 出爐</t>
  </si>
  <si>
    <t>指揮中心 前天 13 日 公佈 一 名 台商 自大 陸 江蘇 返台 確診 新冠肺炎 是 時隔 8 個 月 又 見 大陸 移入 個案 光電 大廠 友達 也 證實 染疫 台商 為 昆山 廠 台籍 幹部 然而 昨 14 日 晚 大陸 疾 控 中心 指 收到 我方 電 郵 指 該 名 台商 案 530 的 核酸 檢</t>
  </si>
  <si>
    <t>臺灣 疫情 升溫 近日 升至 為 第二 級 警戒 後 昨 14 日 更 一口氣 爆 增 29 位 本土 病例 讓 全 臺灣 民眾 人心惶惶 不過 作家 歐陽靖 表示 現在 全世界 能 因為 日 增 十幾 位 本土 案例 就 恐慌 成 這樣 的 大概 也 只 有 臺灣 澳洲 這些 防疫 有成 的 國家 了 仍舊 肯定 臺灣 防疫 有成 歐陽靖 表示 去年 的 今天 日本 新冠肺炎 確診 人數 約 1萬5千 人 每日 新增 病例 數不到 100 人 隨 著 東京 奧運 延期 志 村 健 染疫 身故 讓 日本 民眾 人人自危 為了 避免 群 聚 及 擔憂 接觸 感染 不僅 不敢 叫 外 送 甚至 只 能 在 家用 視 訊 軟 體 聯繫 感情 但 事 隔 一 年 之後 日本 新冠肺炎 確診 人數 暴 增到 66萬 人 每日 新增 病例 數 為 3000 7000 人 即使 緊急 事態 宣佈 延長 卻 不見 民眾 加強 防疫 反而 是 四處 群 聚 飲酒 到 人 多 的 地方 逛 街 遊玩 這 讓 她 好奇 詢問 日本 的 朋友 這麼 嚴重 怎麼 反而 不 緊張 了 沒 想到 竟 得到 日子 還是 要 過 啊 的 答案 這 讓 歐陽靖 感歎 要是 當初 留在 日本 一定 也 會 變成 防疫 疲乏 面對 未知 危險 只求 盡人事聽 天命 並 說服 自己 其實 好像 也 沒 那麼 嚴重 因為 日子 還是 要 過 接 著 不 忘 讚美 臺灣 防疫 做 得 很棒 畢竟 全世界 能 因為 日 增 十幾 位 本土 案例 就 恐慌 成 這樣 的 大概 也 只 有 臺灣 澳洲 這些 防疫 有成 的 國家 了 對於 臺灣 確診 病例 爆 增 導致 政府 飽受 民眾 批評 歐陽靖 表示 呼籲 應該 少 一些 謾駡 並 保持 警戒 的 情緒 下載 好 臺灣 社交距離 app 更 要 做到 戴 口罩 勤洗手 的 動作 相信 一定 可以 再次 渡過難關 中 時 新聞網 關心 您 喝酒 過量 有礙 健康</t>
  </si>
  <si>
    <t>染疫 日籍 女 學生 接觸 者 檢驗 結果 今晚 6 點 前 出爐</t>
  </si>
  <si>
    <t>一 項 刊登 在 國際 權威 期刊 自然 nature 的 美國 研究 發現 輕 症 新冠 患者 感染 病毒 11 個 月 後 體內 還有 抗體 還 發現 了 能夠 製造 抗體 的 骨髓細胞 團隊 認為 染疫 後 或許 能夠 終身免疫 綜合 路透社 印度 人 報 the hindu</t>
  </si>
  <si>
    <t>一 項 刊登 在 國際 權威 期刊 自然 nature 的 美國 研究 發現 輕 症 新冠 患者 感染 病毒 11 個 月 後 體內 還有 抗體 還 發現 了 能夠 製造 抗體 的 骨髓細胞 團隊 認為 染疫 後 或許 能夠 終身免疫 綜合 路透社 印度 人 報 the hindu 報導 美國華盛頓大學 醫學院 washington university school of medicine 研究 團隊 24 日 在 自然 刊登 最新 研究 發現 輕 症 新冠 患者 出現 症狀 後 11 個 月 體內 還 存有 抗體 和 先前 部 份 研究 指出 抗體 數量 會 隨 時間 急速 消逝 有所 出入 研究 共同 作者 華盛頓大學 醫學院 副教授 艾勒比迪 ali ellebedy 表示 當時 有 媒體 解讀 染 新冠後 的 免疫力 無法 維持 長久 他 說 這 是 錯誤 解讀 因為 一般來說 在 急速 感染期 過後 抗體 數值 本來 就 會 下降 但 不 會 歸 零 只 是 進入 停滯 期 研究 指出 當 人體 面臨 新 的 感染 時 短暫 存活 的 成 漿細胞 plasmablast 會 先 快速 製造 抗體 導致 體內 抗體 數值 飆 高 待 病毒 被 消滅 後 這些 細胞 就 會 消失 患者 體內 抗體 數值 也 跟 著 下降 不過 同一時間 換成 其他 壽命 更 長 的 細胞 製造 抗體 記憶型 b 細胞 memory b cell 在 血管 中 巡邏 防止 再度 感染 骨髓 漿細胞 bone marrow plasma cells 則 遷移 至 骨髓 內 持續 分泌 少量 抗體 至 血管 中 幫助 防止 再度 感染 病毒 華盛頓大學 醫學院 研究 團隊 的 計畫 是 追蹤 新冠 康復 者 血液 中的 抗體 數值 團隊 一共 招募 77 名 新冠 患者 在 初 感染 後 1 個 月 開始 每 3 個 月 抽取 檢 視 血液 樣本 多數 參與者 為 輕 症 患者 只 有 6 人 有 住院 過 除此之外 在 初次 感染 78 個 月 後 團隊 也 對 當中 28 名 參與者 抽取 記憶型 b 細胞 及 骨髓 樣本 4 個 月 後 再 對 其中 5 人 第 2 度 抽取 骨髓 樣本 為了 作 比較 團隊 也 從 11 名 沒有 得 過 新冠肺炎的 參與者 身上 抽取 記憶型 b 細胞 及 骨髓 樣本 團隊 發現 在 感染 後 的 前 4 個 月 參與者 體內 的 抗體 數值 降得 很 快 然後 就 趨於平穩 甚至 在 第 11 個 月 還 能 檢測 到 抗體 被 抽取 骨髓 樣本 的 參與者 中 多數 人體 內 都還偵 測 得到 記憶型 b 細胞 15 人 測到 非常 少量 的 骨髓 漿細胞 甚至 4 個 月 後 第 2 度 抽取 骨髓 樣本 的 參與者 體內 的 骨髓 漿細胞 數值 仍 維持 穩定 艾勒比迪 指出 這些 細胞 在 清除 病毒感染 後 就 暫時 靜止 了 待 在 骨髓 內分泌 抗體 他們 會 這樣 無限期 地 持續 下去 並且 在 康復者 的 餘 生 中 持續 存在 製造 抗體 不過 團隊 也 表示 不 清楚 新冠 中度 重度 患者 康復 後 是否 也 會 有 同樣 結果</t>
  </si>
  <si>
    <t>大陸 數 月 前 自 祿 口 機場 清潔 人員 檢 出 印度 變異 株 delta 後 本土 疫情 便 在 境內 多 處 擴散 引發 國際 擔憂 國內 今 新增 一 名 桃 勤 清潔 人員 染疫 經 初步 定序檢 出 delta ct 值 僅 14 專家 擔憂 事情 大 條 由於 國內 過去 的 本土 群</t>
  </si>
  <si>
    <t>靈鷲 山 無 生 道場 今 31 日 在 貢寮 聖山 寺 舉辦 2022 年 水 陸空 第 1 場 先 修 大法 會 為 新冠 疫情 染疫 往 生 者 東 北角 濱海公路 車禍 意外 高雄 城中城 火災 及 雙溪 區 虎豹 潭 事故 罹難者 超 薦 祈福 並 捐贈 新北 市府 愛心 贊普 物資 及 消防</t>
  </si>
  <si>
    <t>靈鷲 山 無 生 道場 今 31 日 在 貢寮 聖山 寺 舉辦 2022 年 水 陸空 第 1 場 先 修 大法 會 為 新冠 疫情 染疫 往 生 者 東 北角 濱海公路 車禍 意外 高雄 城中城 火災 及 雙溪 區 虎豹 潭 事故 罹難者 超 薦 祈福 並 捐贈 新北 市府 愛心 贊普 物資 及 消防設備 由 民政局長 柯慶忠 代表 受 贈 並 回贈 感謝 牌 表達 感謝 法會 募集 白米 醬油 餅乾 罐頭 等 愛心 物資 法會 結束 後 捐 給 社會局 三 重 區 及 蘆洲 區公所 分送 地區 弱勢 族群 另外 捐贈 瑞芳區 住宅 警報器 1000 個 及 高 功率 太陽能 閃 爆 燈 100 個 等 消防 救助 裝備 充實 新北 市 消防 及 交 安量 能 柯慶忠 表示 靈鷲 山 無 生 道場 為 靈鷲 山 佛教 教團 總 本山 所在 由 開山 住持 心道 法師 所創 致力 於 各項 公益 慈善 並 積極 推動 愛 地球 愛 和平 全球 運動 與 環保 教育 是 新北 市 績優 宗教團體 感謝 捐贈 愛心 物資 及 消防設備 嘉惠 三 重 蘆洲 瑞芳 地區 弱勢 族群 傳達 法會 的 佈 施 精神 勸 發 菩 提心 心道 法師 表示 在 這 場 疫情 的 震撼 教育 中 真實感 受到 地球 上 的 萬物 眾 生 是 一個 生命 共同體 期許 人們 回到 本 初 不再 違反 地球 靈性 生態 倫理 唯有 找回 靈性 尊重 包容 博愛 彼此 分享 才能 互濟 共生 讓 地球 永 續</t>
  </si>
  <si>
    <t>她 染疫 死 前 痛 到 崩潰 求救 40 次 妹妹 聽 錄音 檔 心碎 了</t>
  </si>
  <si>
    <t>訪台 澳 籍 音樂家 確診 罹 患 新冠肺炎 造成 上百 位 接觸 者 須 居家 隔離 邀請 該 音樂家 來 台 的 國家 交響樂團 音樂 總監 呂紹嘉 在 今 10 日 發出 公開信 為 此 一 事件 造成 的 社會 恐慌 向社會 大眾 道歉 訪 台前 即有 咳嗽 症狀 的 澳 籍 音樂家 傳出 在 與 樂團 排練 時 便 有 團員 建議 他 戴 上 口罩 卻 遭 高層 斥責 呂紹嘉 發出 公開信 內 雖 未 提及 高層 為 何人 但 也 再度 引發 外界 揣測 執行長 郭玟 岑 表示 澳 籍 音樂家 事件 造成 社會 恐慌 樂團 為 大家 致 上 最深 的 歉意 對於 外界 傳言 的 高層 斥責 她 表示 其實 並 無 斥責 而是 溝通 相關 細節 有 不同 角度 思考 任何 角度 都 可 做為 借 鏡 除了 對 社會 的 公開信 外 對 團員 也 不 斷 的 持續 相互 關懷 確認 大家 健康狀況 交流 相關 資訊 呂紹嘉 在 公開信 中 坦言 這次 在 一些 處理 細節 上 我們 的 確 輕忽 了 病菌 狡詐 的 隱匿 強項 與 不 可 預測 部分 舉措 作 得 不夠 完善 身為 樂團 音樂 總監 我 責無旁貸 要 在 這裡 向 各位 致 上 最深 的 歉意 呂紹嘉 表示 從事 發到 現在 隔離 期間 無時無刻 不 感受 到 各界 對於 樂團 與 他 的 關心 經歷 這次 事件 我 親身 體驗 新冠 狀 肺炎 跟 我們 的 距離 原來 只 在 咫尺之間 呂紹嘉 除 感謝 防疫 中心 以外 他 也 表示 病毒 的 變化 快速 疫情 的 嚴峻 以及 個案 的 非 典型 症狀 對於 全國 甚至 全世界 來說 都 是 無比 的 挑戰 對於 樂團 也 是 一樣 感謝 所有 nso 的 音樂家 們 在 音樂 上 你們 總是 全力以赴 即使 遇到 這樣 的 難關 你們 也 為 社會 做 了 最好 的 示範 呂紹嘉 承諾 交響樂團 就 是 社會 的 縮影 在 這次 事件 累積 的 所有 經驗 值 都 是 樂團 進步 的 動力 未來 一定 會 做 得 更 好 深信 當 溫暖 的 樂音 再起 之時 正是 展現 人性 光明 的 時刻 祈願 社會 早日 恢復 平靜 人們 健康 平安 臉書 全文 致 所有 關心 nso 國家 交響樂團 的 大家 經歷 這次 事件 我 親身 體驗 新冠 狀 肺炎 跟 我們 的 距離 原來 只 在 咫尺之間 在 這 段 從事 發到 現在 隔離 期間 我 無時無刻 不 感受 到 各界 對於 樂團 與 我 的 關心 在 這裡 向 大家 致謝 而 我 與 樂團 也 要為 這次 事件 造成 的 社會 恐慌 向社會 大眾 致 上 最深 的 歉意 病毒 的 變化 快速 疫情 的 嚴峻 以及 個案 的 非 典型 症狀 對於 全國 甚至 全世界 來說 都 是 無比 的 挑戰 對於 樂團 也 是 一樣 謝謝 防疫 單位 的 明快 處置 細心 協助 我們 在 專業 的 社會 資源 支持 之下 調整 了 前進 的 步伐 謝謝 所有 nso 的 音樂家 們 在 音樂 上 你們 總是 全力以赴 即使 遇到 這樣 的 難關 你們 也 為 社會 做 了 最好 的 示範 在 未知 的 病菌 與 命運 面前 人人 都 是 平等 的 我 十分 理解 社會 因為 這次 樂團 音樂家 染疫 事件 所 受到 的 衝擊 更 心疼 nso 團員 音樂界 人士 以及 相關 從業人員 感受 到 的 壓力 這次 在 一些 處理 細節 上 我們 的 確 輕忽 了 病菌狡詐 的 隱匿 強項 與 不 可 預測 部分 舉措 作 得 不夠 完善 身為 樂團 音樂 總監 我 責無旁貸 要 在 這裡 向 各位 致 上 最深 的 歉意 交響樂團 就 是 社會 的 縮影 我們 在 這次 事件 累積 的 所有 經驗 值 都 是 樂團 進步 的 動力 未來 我們 一定 會 做 得 更 好 深信 當 溫暖 的 樂音 再起 之時 正是 展現 人性 光明 的 時刻 祈願 社會 早日 恢復 平靜 人們 健康 平安 呂紹嘉</t>
  </si>
  <si>
    <t>爺爺 離開 了 近日 一 名 一線 醫護人員 表示 91 歲 的 爺爺 平常 都會 去 龍山寺 拜拜 沒 想到 因此 染疫 最後 仍 敵不過 新冠 病毒 離 世 爺爺 生前 最 大 的 遺憾 就是 害 全家人 跟 著 一起 隔離 無法 再見 家人 最後 一面 令 醫護 悲痛 地 說 那</t>
  </si>
  <si>
    <t>爺爺 離開 了 近日 一 名 一線 醫護人員 表示 91 歲 的 爺爺 平常 都會 去 龍山寺 拜拜 沒 想到 因此 染疫 最後 仍 敵不過 新冠 病毒 離 世 爺爺 生前 最 大 的 遺憾 就是 害 全家人 跟 著 一起 隔離 無法 再見 家人 最後 一面 令 醫護 悲痛 地 說 那些 不 知 逃 院 砍 傷 醫護人員 的 霸 淩 醫護人員 的 我 就 問 你們 腦袋 都 在 想 什麼 該 名 醫護人員 昨 2 日 於 個人 臉書 透露 一 名 高齡 9 旬 的 爺爺 平常 固定 會 到 龍山寺 拜拜 自覺 咳嗽 後 篩檢 確診 入住 集中 檢疫所 後 因 呼吸 急促 住院 因 病況 不 穩 家屬 忍痛 簽 屬 dnr 不 施行 心 肺 復蘇 術 轉至 專責 病房 醫護人員 表示 住院 期間 爺爺 非常 配合 醫護 的 照 護 工作 每次 進入 爺爺 的 病房 都 會用 一 種 終於 有人 來 陪伴 的 眼神 就 像 怕 被 人 遺忘 某次 爺爺 忘記 如何 吞 嚥 時 還 會 不斷 地 道歉 直說 自己 會 配合 希望 藉 此 能 趕快 回家 醫護人員 回顧 爺爺 剛 入院 時 相當 自責 不斷 地 說 自己 是 壞人 害 全家人 因 此 被 隔離 不 應該 沒事 亂跑 昨日 早上 9 時許 爺爺 的 生命 徵象 十分 不 穩定 儀器 持續 發出 警告聲 當 醫護人員 沖進去 時 爺爺 已經 走 了 醫護人員 趕緊 通知 正 在 隔離 的 爺爺 兒子 透過 視 訊 電話 爺爺 的 兒子 忍 著 淚 說 爸 好好 跟 菩薩 走 家裡 我會 顧好 我會 把 你 跟 媽媽 放在 一起 此時 幫忙 拿 著 手機 的 醫護人員 眼眶 充滿 淚水 只能 勉強 拿 著 手機 避免 晃動 醫護人員 表示 入行 7 年 看 了 不少 生死 但 這次 特別 有 感觸 內心 也 格外 脆弱 但 我們 依然 會 堅強 地 完成 工作 染疫 真的 沒有 錯 反 倒是 那些 逃 院 砍 傷 醫護 我 就 問 你們 到底 知 不知足 懂不懂 珍惜 腦袋 都 在 想 什麼 中 時 新聞網 提醒您 因應 新冠肺炎 疫情 疾 管署 持續 加強 疫情 監測 與 邊境 管制 措施 如有 疑 似 症狀 請 撥打 1922 專線 或 0800 001922 並 依 指示 配戴 口罩 盡速 就醫 同時 主動 告知 醫師 旅遊 史及 接觸 史 以利 及時 診斷 及 通報</t>
  </si>
  <si>
    <t>新冠肺炎 發展 至今 已 造成數 百萬 人 染疫 數 十萬 人 死亡 速度 之 快 影響 範圍 之 大 都 是 前所未見 的 目前 看起來 北半球 的 狀況 慢慢 有 緩和 的 跡象 各國 也 開始 陸續 展開 解封 的 動作 不過 南半球 的 疫情 卻 讓 人 憂心 尤其 是 南美</t>
  </si>
  <si>
    <t>福建 莆田 3 天 增 68 人 染疫 官方 加緊 推進 12 歲 以上 疫苗 接種</t>
  </si>
  <si>
    <t>沖繩 運 將 疑 載 郵輪 客 染疫 基隆 54 名 司機 今晚 解禁 心驚 驚</t>
  </si>
  <si>
    <t>總部 員工 染疫 中 壽 同 層 員工 檢測 全棟清 消</t>
  </si>
  <si>
    <t>金融業 員工 紛 傳染疫 位於 敦化北路 的 中國 人壽 總部 大樓 20 日 亦 證實 其 14 樓有 內勤 員工 染疫 中 壽 表示 該 員工 工作 性質 單純 並 沒有 接觸 客戶 且 在職 場 均 配戴 口罩 體溫 正常 目前 已 安排 同 層 員工 進行 檢測 並 立即 居家 不要</t>
  </si>
  <si>
    <t>金融業 員工 紛 傳染疫 位於 敦化北路 的 中國 人壽 總部 大樓 20 日 亦 證實 其 14 樓有 內勤 員工 染疫 中 壽 表示 該 員工 工作 性質 單純 並 沒有 接觸 客戶 且 在職 場 均 配戴 口罩 體溫 正常 目前 已 安排 同 層 員工 進行 檢測 並 立即 居家 不要 外出 且 19 日 已 進行 全棟 大樓 的 清潔 消毒 金融業 員工 紛紛 傳出 疫情 中 壽 表示 是 19 日 晚間 接 獲 通報 14 樓一位 內勤 員工 檢測 為 陽性 這 位元 員工 工作 性質 單純 並 無 接觸 客戶 均 依 規定 于 配戴 口罩 量 測體溫 正常 後 始 進入 職 場 於職 場內 也 全程 配戴 口罩 並 做好 相關 防護 措施 中 壽 強調 重視 員工 權益 以 保護 員工 安全 為 優先 原則 確保 全體 員工 健康 及 客戶 服務 業務 皆 能 持續 營運 不受 影響 在 第一時間 依照 衛生 主管機關 指示 以 嚴謹 審慎 態度 迅速 進行 相關 處置 及 各項 應變 措施 包括 立刻 安排 同 樓層 員工 進行 檢測 通知 同 樓層 員工 返家 不外出 並 加強 自我 健康 監測 19 日 晚間 已經 安排 專業 消毒 廠商 進行 大樓 全面 性 消毒 因應 這 波 疫情 變化 中 壽 為 維護 員工 健康 安全 大幅 提升 員工 居家 辦公 比例 超過 6 成 異地 辦公 及 原地 辦公 員工 也 採取 彈性 上下班 時間 藉 由 人員 分流 分散 以 降低 感染 風險 同時 提醒 員工 加強 自我 健康 監測 定期 回報 更 提供 公司 醫師 專屬 諮 詢 專線 解決 員工 健康 疑慮 中 壽 強調 將 持續 加強 職 場 衛生 及 員工 健康 保護 並 將 配合 政府 政策 積極 努力 做好 防疫 呼籲 員工 做好 自我 健康 照顧 祈願 大家 齊心 團結 攜手 共度 難關 一起 為 臺灣 防疫 盡 一 份 心 力</t>
  </si>
  <si>
    <t>新冠肺炎 臺灣 中 壽 檢測 染疫</t>
  </si>
  <si>
    <t>桃園 市 桃園 區 北 科 附 工 1 名 學生 確診 學校 3 日 緊急 停課 不少 家長 指責 已經 知道 有人 確診 為何 今天 還 讓 其他 學生 到校 上課 校長 陳勝利 喊冤 2 日 晚間 8 點 得知 學生 自行 快 篩 陽性 先向 上 通報 11 點 半 pcr 陽性 確診 但 礙於 時間 已 晚 且 學生 需 進行 快 篩 3 日 早上 8 點 多 一併 於 校內 宣佈 停課 進一步 進行 快 篩 北 科 附 工 全校 有 2400 多 名 學生 200 多 名 教師 師生 共 將近 2700 人 桃園 市 教育局 指出 染疫 學生 案 16122 所在 班級 有 35 名 學生 曾 接觸 3 名 老師 案 16122 僅 開學日 9 月 1 日 有 到校 上課 當天 體溫 身體健康 狀況 皆 正常 但 9 月 2 日 早上 覺得 身體 疲 累 請假 未 到校 上課 晚間 在家 使用 快 篩 後 發現 陽性 再 近 一 步 做 pcr 檢測 才 確診 陳 勝利 表示 學校 2 日 晚間 接 獲 學生 聽 到 消息 學生 快 篩 陽性 已是 晚上 8 點 半夜 11 點 半 才 知道 確診 與 衛生局 討論 後 決定 3 日 宣佈 停課 等 所有 學生 到校 後 由 衛生局 先 做 衛教 並 發放 快 篩 試劑 給 學生 後來 臨時 通知 全校 都 要 做 pcr 檢測 3 點 起 醫療 人員 進駐 學校 目前 正在 進行 pcr 檢測 中</t>
  </si>
  <si>
    <t>中研院 p 3 實驗室 女 研究 助理 染疫 指揮官 陳時中 指出 個案 脫 隔離 衣 的 sop 有誤 中研 院長 廖俊智 今 更 坦承 其他 研究 人員 疑 似 也 沒有 完整 遵守 sop 臺北市 副 市長 黃珊珊 今 前往 中研院 視察 時 表示 應該 是 sop 出 問題 環境 才</t>
  </si>
  <si>
    <t>中研院 p 3 實驗室 女 研究 助理 染疫 指揮官 陳時中 指出 個案 脫 隔離 衣 的 sop 有誤 中研 院長 廖俊智 今 更 坦承 其他 研究 人員 疑 似 也 沒有 完整 遵守 sop 臺北市 副 市長 黃珊珊 今 前往 中研院 視察 時 表示 應該 是 sop 出 問題 環境 才會 有 問題 連 他們 2 位 檢測 人員 現在 也 在 隔離 被 問及 是否 掌握 實驗室 sop 出 問題 黃珊珊 表示 sop 主要 是 中央 調查 不過 看到 媒體 有 一些 報導 他們 有 去 做 環境 檢測 的確 環境 上面 不是 很 理想 可能 真 的 在 實驗室 裡面 有 一些 污染 連 我們 檢測 人員 現在 也 在 隔離 重點 是 在 於說 應該 是 sop 出 問題 環境 才會 有 問題 嘛 沒有 sop 出 問題 環境 怎麼 會 有 問題 黃珊珊 補充 檢測 的 同仁 上 週六 就 跟 著 中央 官員 一起 進去 查看 實驗室 環境 一 回來 之後 因為 環境 檢 體 是 陽性 所以 進去 的 人 有 兩 位 當天 就 被 隔離 至於 多少 檢 體 陽性 黃 表示 細節等 中央 公佈 還是 場 域 儘量 做到 確定 安全性 才 會 放鬆</t>
  </si>
  <si>
    <t>日 女 染疫 給 台 啟示 台 大公 衛 院長 被動 采 檢 一定 有 破 口</t>
  </si>
  <si>
    <t>日 女 無 症狀 返 日 被 確診 引起 社會 大眾 熱 議 臺灣 是否 如 防疫 國家隊 所說 社區 很 乾淨 安全 對此 台 大公共 衛生院 詹 長 權 認為 此 病例 帶 給 臺灣 的 啟示 被動 采 檢 就 一定 會 有 破 口 出現 漏網之魚 日本 女 學生 疑 在 台染疫 一 事</t>
  </si>
  <si>
    <t>獼猴 染 新冠肺炎 28 天內 產生 抗體 北京 研究 短期 內 不 會 再次 染疫</t>
  </si>
  <si>
    <t>海軍 敦睦 艦隊 爆發 新冠肺炎 群 聚 感染 至 昨天 4 19 為止 共 爆出 24 例 確診 都 是 在 磐石 軍艦 上 的 官兵 目前 共有 基隆 北市 桃園 台中 雲林 嘉義 台南 高雄 屏 東 共 9 縣 市 公佈 這些 海軍 確診 者 足跡 最 北 到 過 淡水 最 南 到 台南 新光 三越 新 天地 瑞豐 夜市 義大 商城 潮州 健身 工廠 運動 足跡 遍佈 全台 以下 是 中 時 新聞網 的 統 整 13 28 更新 新北 市 個案 新北 市 1 名 確診 新北 市 衛生局長 陳 潤 秋 今 表示 該 個案 4 月 15 日 下船 後 搭乘 軍方 安排 專車 返回 北部 營區 隔 天 16 日 返家 大部分 時間 都 待 在 家中 曾 外出 買 早餐 外帶 眼鏡 行 修 眼鏡 到 超 商 領錢 時間 都 很 短暫 高雄 9 名 確診 高 市 疫 調 顯示 又 增加 一 名 官兵 染疫 9 名 確診 官兵 曾 停留 漢 神 巨蛋 海港 餐廳 添 好運 cafe del sol 瑞豐 夜市 義大 商城 家樂福 鼎 山店 好 市 多 大順 店 四 維 羽 球場 及小港 郵局 停留 至少 半 小時 在 漢神 巨蛋 義大 商城 更 停留 逾 2 小時 4 月 15 日 09 00 10 00 到 四 維 羽 球場 4 月 16 日 11 30 13 30 到 漢神 巨蛋 海港 餐廳 添 好運 cafe del sol 4 月 16 日 13 30 18 00 到 義大 商城 4 月 16 日 21 00 22 30 到 瑞豐 夜市 4 月 17 日 09 00 10 00 到 好 市 多 大順 店 4 月 17 日 10 00 11 00 到 家樂福 鼎 山店 4 月 17 日 小港 郵局 停留 30 分鐘 衛生局長 林立人 指出 除了 昨 公佈 的 7 個 地點 外 經 內部 研議 確認 後 再 增 14 地點 包括 麗 馨 商旅 七 賢 館 玫瑰 汽車 旅館 赤鬼 牛排 新光 三越 高雄 左營店 等 地方 中正 一路 120 號 5 樓之 7 教室 苓 雅 區 4 16 18 00 20 00 緣 發 百 元 精緻 快速 剪 林 園區 4 17 15 00 16 00 麗 馨 商旅 七 賢 館 前金區 4 15 住宿 一 晚 天天 汕頭 火鍋 鹽埕區 4 15 19 00 20 30 玫瑰 汽車 旅館 左營區 4 16 18 30 21 00 赤 鬼 牛排 左營區 4 17 11 30 13 30 韓咪 達 韓式 料理店 三民 區 4 17 12 00 13 30 卡 布 cappu 義 式 料理 楠梓 區 4 16 18 30 19 30 mr 帕 鼓山區 4 17 19 30 21 00 吳 媽媽 餃子 館 家常菜 左營區 4 14 18 30 19 00 澤 野 燒肉 屋 左營區 4 15 18 00 20 30 新光 三越 高雄 左營店 左營區 4 15 15 00 19 00 素 香 庭 三民 區 4 17 19 00 21 00 老 四川 巴蜀 麻辣燙 鼓山區 4 17 18 30 20 00 嘉義 市 1 名 確診 嘉義 市政府 衛生局 表示 此 案例 於 4 15 由 家人 開車 接回 家 全程 均 有 戴 口罩 4 1617 休假 二 日 在 嘉義 市 及 台南 市 活動 4 月 16 日 11 30 13 30千 葉 火鍋 垂 楊店 與 家人 午餐 4 月 17 日 10 12 11 00 自強號 火車 103 車次 第 3 車 由 嘉義 市 前往 台南 4 月 17 日 12 30 14 30 台 南市 南 紡 夢 時代 momo 壽喜 燒火 鍋 與 同 袍 用餐 4 月 17 日 14 30 17 30 台南 市 享 溫馨 ktv 與 同 袍 唱歌 4 月 17 日 18 01 18 42 自強 號 火車 146 車次 由 台南 市 回到 嘉義 市 4 月 17 日 19 00 19 30 國華 街 路邊 仔 魯 肉 飯 與 家人 用 晚餐 4 月 18 日 11 00 軍隊 召回 集中 檢疫 19 日 確診 後 住院 隔離 治療 桃園 市 2 名 確診 鄭文燦 指出 案 397 男性 於 4 月 15 日 從 國防大學 政戰學校 搭 捷 運 和 台鐵 到 桃園 火車站 16 日 4 點 半 到 5 點 15 分到 統領 的 誠 品 因為 有 症狀 全程 戴 口罩 案 402 女性 活動 史都 在 嘉義 跟 高雄 17 日 去 桃園 八 德 廣 豐 新 天地 的 家樂福 另 有 住 屏 東 的 官兵 1617 日 到 龜 山 體育 大學 找 朋友 住 進 某 棟 宿舍 吃飯 剪頭髮 長庚醫院 看病 臺北市 1 名 確診 北市 副 市長 黃珊珊 今 指出 該 個案 有 見 女友 搭 公共 運輸 17 日 下午 34 時 與 女友 到 家樂福 桂林 店 爭 鮮 用餐 只有 在 用餐 時 脫 口罩 沒有 進到 賣 場 其他 時間 都 有 戴 口罩 她 強調 確定 個案 後 昨 已 派 人 到 家樂福 消毒 基隆 1 名 確診 市長 林右昌 表示 確診 個案 15 日 上午 下船 後 搭 部隊 交通車 返回 海軍陸戰隊 學校 4 月 17 日 18 55 搭乘 高 鐵 自 左營 返回 臺北 4 月 17 日 21 20 左右 轉 搭 國光 客運 返回 基隆 4 月 17 日 21 50 分 左右 下車 後 即 步行 返家 並未 搭乘 基 市公車 客運 或 計程車 林右昌 指出 請 17 日 晚上 9 時 20 分 左右 搭乘 往 基隆 的 國光 客運 乘客 能 主動 跟 市府 聯繫 屏 東 4 名 確診 屏 東 縣政府 衛生局 也 公佈 4 例 個案 皆 於 15 日 下船 第 1 例 當日 自行 騎車 返家 1 小時 即 又 返回 軍艦 未有 社區活動 史 第 2 例 16 日 下午 5 時 半 至 7 時 17 日 下午 3 時 50 分至 5 時 半 曾 出入 屏東市 國民 運動 中心 17 日 下午 5 時 半 至 7 時 出入 長治鄉 玄 天 上帝 廟 附近 球場 其他 地點 皆 短暫 且 有 戴 口罩 第 3 例 16 日 下午 至 屏 東 大學 找 朋友 17 日 至 屏 東 大學 接 朋友 並于 環球 影城 食用 晚餐 即 返家 未出 第 4 例 16 日 上午 10 時 半 至 下午 2 時 曾至 潮州 健身 工廠 運動 同日 全程 戴 口罩 搭乘 火車 及 高鐵 前往 其他 縣 市 雲 林縣 1 名 確診 雲 林縣 衛生局長 曾春美 指出 該 感染者 15 日 下午 由 父母 開車 接回 雲林 16 日 與 父母 拜訪 親友 共進午餐 16 日 下午 搭 台鐵 到 臺北 當天 晚上 10 點 多 搭 再 高鐵 到 高雄 找 朋友 並 借 住 朋友家 台中 市 3 名 確診 台中 衛生局 指出 住 清水 的 23 歲 軍艦 實習生 4 月 15 日 下船 返家 後 搭乘 火車 從 軍營 到 新 左營 火車站 並搭乘 高鐵至 烏日 站 該案 返家 後 活動 範圍 僅 有 家裡 與 診所 目前 匡列 接觸 者 7 名 居家 隔離 中 均 無 不適 症狀 住 沙鹿 的 28 歲 男 正職 士官 4 月 15 日 下船 後 自 凹 子 底 搭乘 捷 運至 左營高 鐵站 再 搭 高鐵 回 台中 烏日 站 之後 搭 巴士 到 台中 與 朋友 碰面 目前 匡列 接觸 者 5 名 4 月 15 日 20 30 22 30 與 友 到 85 度 c 沙 鹿 英才 店 喝 咖啡 4 月 16 日 20 30 21 30 與 母 到 家樂福 沙 鹿店 購物 4 月 16 日 19 30 20 30 到 歐奇 牛排 沙 鹿店 吃飯 4 月 17 日 17 00 18 00 自己 到 華 得來 清水 店 買 飲料 家住 龍井 27 歲 的 男 士官 4 月 15 日 隨 船 返 港 後 由 家人 開車 至 左營 接送 先 至 雲 林縣 外 婆家 再 返回 台中 4 月 16 日 到 歐奇 牛排 沙 鹿店 用餐 4 月 17 日 曾 開車 至 苗栗 女友 家中 再 至 新竹 某 風景區 散步 後 至 苗栗 商場 購物 晚間 返回 台中 住家 4 月 18 日 早上 部隊 召集 匡列 接觸 者 10 名 苗栗 0 確診 有 台中 第 3 例 的 遊玩 足跡 家住 龍井 27 歲 的 男 士官 4 月 17 日 曾 開車 至 苗栗 女友 家中 再 至 新竹 峨眉 湖 風景區 散步 後 至 苗栗 商場 購物</t>
  </si>
  <si>
    <t>美國 已 有 超過 41萬 人 死於 新冠肺炎 總統 拜登 上任 後 立刻 快馬加鞭 展開 抗 疫 行動 21 日 揭 櫫 長達 198 頁 的 抗 疫 國家 戰略 訂 定 疫苗 接種 擴大 檢測 複學 復工 國際 合作 等 七大 目標 當天 簽署 10 道 行政命令 包括 實施 更 嚴格 的 戴 口罩 規定 搭 機 入境 旅客 須 隔離 檢疫 等 措施 他 同時 警告 美國 新冠肺炎 死亡 人數 下 個 月 可能 突破 50萬 人 強化 疫苗 接種 及 戴 口罩 拜登 上任 後 的 第 一個 完整 工作 天 聚焦 對抗 新冠肺炎 疫情 拜登 21 日 簽署 10 項 與 疫情 有 關的 行政命令 和 指令 包括 強制 民眾 在 機場 以及 飛機 火車 和 巴士 等 大眾 運輸工具 上 戴 口罩 增加 疫苗 和 醫療 設備 的 生產 同時 試圖 安全地 讓 學校 和 企業 重新 開 門 這些 檔 與 20 日 重返 世界衛生組織 所有 聯邦 建物 內 必須 戴 口罩 等 決定 共同 組成 美國 對抗 新冠 病毒 大 流行 國家 戰略 拜登 表示 在 他 執政 下 科學家 將 不受 政治 干預 這 份 戰略 訂 定 的 七大 目標 中 恢復 美國 社會 大眾 的 信任 被 列 在 首位 依序 為 推廣 疫苗 接種 制定 公共 衛生標準 擴大 緊急 救濟 複產 複學 保護 弱勢群體 以及 加強 全球 合作 這 份 國家 戰略 指出 美國 人口 只 占 世界 人口 的 4 但 新冠 確診 病例 占 世界 的 25 染疫 死亡 人數 占 全球 染疫 死亡 的 20 拜登 稱 扭轉 情勢 需要 幾 個 月 的 時間 不過 救援 已 在 路上 了 拜登 說 防疫 視同 作戰 他 將 動用 國防 生產 法 啟動 國民兵 等 各項 聯邦 資源 全力 防疫 考慮 到 現在 出現 變種 新冠 病毒 他 頒佈 行政命令 要求 相關 部門 在 14 天內 針對 國際 旅客 制定 防疫 計 畫 26 日 起 赴美 須 隔離 7 天 根據 拜登 發佈 的 行政命令 赴美 旅客 至少 在 起飛 前 3 天 必須 接受 新冠 病毒 核酸 檢測 須 出示 檢測 陰性 報告 才能 登機 到達 美國 之後 也 必須 按照 美國 cdc 的 指示 隔離 7 天 拜登 強調 戴 口罩 跟 推廣 疫苗 接種 的 重要性 他 表示 將 在 就職 的 100 天內 為 美國 民眾 接種 1億 劑 新冠 疫苗 他 也 說 將 會 針對 第一 線 工作人員 尤其 許多 是 少數 族群 儘快 接種 疫苗</t>
  </si>
  <si>
    <t>義 大利 新冠肺炎 疫情 持續 升溫 過去 24 小時 增加 18 人 喪命 確診 數 也 飆 破 2000 人 大關 旅遊 重鎮 羅馬 也 首度 淪陷 一 名 警官 一家 4 口 全部 中 鏢 綜合 路透社 當地 媒體 the local 報導 義 大利 疫情 急速 升溫 衛生 官員 昨 2 日 晚間 表示 自 周日 以來 過去 24 小時 內 義 大利 再 新增 18 例 新冠肺炎 死亡 病例 累計 境內 已經 有 52 人 喪命 此外 義 大利 週一 再 新增 342 確診 病例 境內 總 確診 數 上升 至 2036 人 飆 破 2000 人 關卡 值得注意 的 是 義 大利 上 週六 才 宣佈 確診 數飆 破 千 人 才兩天 又 多 了 千 人 染疫 過去 幾 天 義 大利 病例 多 集中 在 較 富裕 的 北部 地區 包含 倫巴 底 lombardy 威尼托 veneto 以及 艾米利 羅馬 那區 emilia romagna 等 3 個 區域 英國 衛報 the guardian 報導 昨日 位 在 中部 的 旅遊 重鎮 首都 羅馬 也 首度 出現 確診 病例 一 名 警官 及 一 名 消防 員雙雙 確診 警官 的 妻子 2 個 孩子 等 也 全數 中 鏢 報導 說 羅馬 此前 曾 出現 3 例 確診 病例 不過 當中 2 人 是 來自 武漢 的 大陸 夫妻 另 1 人 則 是 自 大陸 撤出 的 義 大利 僑民 義 大利 國家衛生研究院 院長 布魯塞 弗羅 silvio brusaferro 週一 表示 未來 7 天將 是 阻止 義 大利 疫情 擴散 的 關鍵 時間 他們 將 會 知道 現階段 義 大利 的 防疫 機制 是否 發揮作用 他 個人 對 整個 情勢 相當 樂觀</t>
  </si>
  <si>
    <t>新冠肺炎 疫情 持續 蔓延 清明連 假 不少 地區 都 湧入 大量 民眾 就 怕 引發 群 聚 感染疫情 指揮中心 特別 示 警 不過 有 網友 認為 疫情 中心 指揮官 陳時中 僅 宣導 外出 要 戴 口罩 或 保持 社交距離 恐 造成 潛在 危險 使 防疫 出現 破 口 日</t>
  </si>
  <si>
    <t>新冠肺炎 疫情 持續 蔓延 清明連 假 不少 地區 都 湧入 大量 民眾 就 怕 引發 群 聚 感染疫情 指揮中心 特別 示 警 不過 有 網友 認為 疫情 中心 指揮官 陳時中 僅 宣導 外出 要 戴 口罩 或 保持 社交距離 恐 造成 潛在 危險 使 防疫 出現 破 口 日前 陳時中 指出 在 與非 特定 人士 或 公共場合 應 維持 至少 1 公尺 的 社交距離 否則 就要 戴 口罩 對此 ptt 網友 表示 這 幾 日 透過 新聞 畫面 可以 看到 墾 丁 旗 山 老 街 等 地區 遊客 大 爆滿 且 一半 以上 都 沒有 戴 口罩 沒有 保持 社交距離 這 可能 是 臺灣 防疫 的 大破 口 該 網友 認為 因 陳時中 在 記者會 說 戴 口罩 或 保持 社交距離 但 歐美 也 強調 社交距離 感染 人數 還 是 拼命 上升 理論 上 臺灣 一 開始 戴 口罩 是 比較 安全 的 保護 但 陳時中 說 戴 口罩 或 保持 社交距離 這 可能 使 更 多 人 不 戴 口罩 尤其 海歸者 誰 知道 他們 有 沒有 潛 在 各 遊覽 區 呢 其他 網友 則 表示 你 覺得 去 那邊 玩 的 人 會 聽 陳時中 嗎 說不定 他 是 誰 都 不 知道 事實證明 勸導 沒用 只能 法令 講 沒用 啦 出 事變 嚴重 人們 才 會 怕 一 部 份 的 人 認為 這 不能 怪 陳時中 時鐘 時中 真的 很棒 不要 罵 他 他 盡力 了 陳時中並 沒有 做 錯 什麼 也 不是 人民 的 素質 問題 而是 人 的 劣根性 如此 簡單 來說 沒有 說 不能 可以 各位 還是 好好 保護 自己</t>
  </si>
  <si>
    <t>香港 今日 19 日 最少 新增 100 宗 確診 及 初步 確診 個案 截至 昨日 18 日 累計 病例 達 1778 宗 超越 2003 年 sars 的 1755 人 確診 另外 再有 私立醫院 職員 中 招 位於 九龍 太子 道 的 聖德肋撒醫院 2 樓 的 內視 鏡 中 心 有 2 名 健康 服務 助理 染疫 屯 門 眼科 中心 3 名 職員 確診 1 人 初步 確診 根據 香港 東網 報導 香港大學 微生物學 系 講座 教授 袁國勇 估計 因 病 人 在 中心 負責 收銀 處理 病歷 等 會 接觸 求診者 的 紙幣 身份證 轉 介 信 等 或 因而 間接 感染 市民 人心惶惶 憂慮 因 接觸 物件 而 不幸 染疫 不過 有 傳染病 專家 表示 病毒 每 經過 不同 物料 其 病毒 量 均 會 減少 市民 注意 手部 衛生 毋須 過分 憂慮 袁 表示 雖然 病人 與 職員 間 有 玻璃 相隔 但要 收 錢 身份證 轉 介 信 等 過程 中 職員 每日 接觸 逾 200 病人 或有 隱性 帶菌者 的 物件 上有 病毒 致 非 直接 接觸 感染 而 職員 間 可能 透過 文件 或 在 公共 地方 按 密碼 鎖 或 在 茶水 間 脫下 口罩 進食 時 等 感染 東網 也 引述 香港大學 公共 衛生 學院 早 前 研究 新冠 病毒 在 不同 物料 及 用品 的 存活 時間 團隊 於 攝氏 22 度 相對濕度 65 的 情況 下 進行 測試 結果 病毒 在 紙張 及 紙巾 上 的 停留時間 最 短 僅 3 小時 便 失去 感染力 木材 布料 則 可 停留 兩 日 塑膠 則 停留 4 至 7 日 醫學會 傳染病 顧問 委員會 主席 梁子超 稱 病毒 在生活中 的 存活 時間 一般 會 較 在 實驗室 環境 中短 呼籲 市民 不 需 過分 擔心 因 物件 導致 的 間接 傳播 因 病毒 每 經過 不同 物料 其 病毒 量 均 會 減少 市民 只 需注意 手部 衛生 接觸 物件 後 徹底 清洗 雙手 才 接觸 眼睛 便 可 有效 防疫</t>
  </si>
  <si>
    <t>美中 概 股 染疫 汽車 族群 最 傷</t>
  </si>
  <si>
    <t>新冠肺炎 擴散 肆虐 全球 疫情 拉 警報 不少 國家 已 下達 緊急命令 將 民眾 的 外出 機 率 降到 最低 而 歐美 災情慘重 名流 娛樂 圈 確診 甚至 染疫病 逝 的 消息 頻 傳 因 此 不少 名人 選擇 居家 隔離 保障 安全 包含 足球 名將 貝克漢 一家 他</t>
  </si>
  <si>
    <t>新冠肺炎 擴散 肆虐 全球 疫情 拉 警報 不少 國家 已 下達 緊急命令 將 民眾 的 外出 機 率 降到 最低 而 歐美 災情慘重 名流 娛樂 圈 確診 甚至 染疫病 逝 的 消息 頻 傳 因 此 不少 名人 選擇 居家 隔離 保障 安全 包含 足球 名將 貝克漢 一家 他 近日 po 文 表示 全家 已 隔離 長達 4 周 生活 壓力 甚 大 因此 對外 求援 請教 的 對象 指定 是 臺灣人 貝克漢 不時 更新 各社 群 分享 他們 一家子 因 疫情 在家 隔離 的 情況 近日 他 在 臉書 po 文 表示 已經 隔離 近 4 個 禮拜 平常 會 玩樂 高 下廚 看 電影 做 運動 當然 也 多少 試 著 進行 一些 工作 但 時間 一拖 長 真的 是 有點 沒 招 了 於是 上網 求救 我 知道 你們 都 很 有 創意 所以 我 來向 在 臺灣 的 家 人們 尋求 一些 建議 貝克漢 求援 物件 竟 指定 找 臺灣人 請教 教 我 如何 保持 安適 保持 樂觀 還有 怎麼 逗 小孩 開心 請求 臺灣 的 朋友 能 留言 給 他 最 棒 的 建議 我會 挑 幾 個 喜歡 的 來 分享 而以 友善 著稱 的 臺灣 網友 們 聞言 馬上 趕來 提供 tips from taiwan 臺灣 小 撇 步 把 最近 的 風潮 都 傾囊相授 包含 製作 400 次 咖啡 自製 珍 奶 switch 新遊戲 情報 陪 孩子 畫畫 等 順勢 敲 碗 貝克 漢開 youtube 頻道 多多 分享 生活 彼此 排解 枯燥 日常 與 壓力</t>
  </si>
  <si>
    <t>陷入 這 波 染疫 風暴 的 京元電 竹南 廠 為了 徹底清除 疫情 13 日 上午 在 造橋 臨時 移 工 宿舍 展開 第 3 波 的 pcr 篩檢 受檢 男女 移 工 篩檢 前後 都 接受 徹底 消毒 京元電 在 竹南 廠 對本 籍 員工 全面 篩檢 行動 12 日 已 完成 全部 5千 多 人 篩檢 1</t>
  </si>
  <si>
    <t>我國 出現 首 起 新冠肺炎 實驗室 感染 案例 經過 連夜 匡列采 檢 110 位 接觸 者 後 86 名都 是 陰性 其 餘 24 名 仍 在 檢驗 中 初步 來看 中研院 p 3 實驗室 染疫 情況 並未 向外 擴大 但 指揮官 陳時中 10 日 說 社區 中 足跡 複雜 仍 需要 提高 警覺</t>
  </si>
  <si>
    <t>我國 出現 首 起 新冠肺炎 實驗室 感染 案例 經過 連夜 匡列采 檢 110 位 接觸 者 後 86 名都 是 陰性 其 餘 24 名 仍 在 檢驗 中 初步 來看 中研院 p 3 實驗室 染疫 情況 並未 向外 擴大 但 指揮官 陳時中 10 日 說 社區 中 足跡 複雜 仍 需要 提高 警覺 檢驗 陰性 僅 可 代表 此 時間 點 沒有 檢驗 到 病毒 目前 來看 在職 場 感 疫 可能性 較 高 還 未 規劃 防疫 升級 陳時中 指出 已經 要求 p 3 實驗室 成立 專家 調查 小組 針對 確診 一 事 做 外部 調查 並且 一 周 內 現場 查核 國內 12 間 操作 新冠 病毒 病原體 的 實驗室 也 派員 到 p 3 實驗室 及 公共 區域 做 環境 采 檢 至於 感染 來源 是否 為 老鼠 他 回應 現在 還 沒有 檢查 到 老鼠 目前 先 調查 人 相關 詳情 還 需要 等 調查報告 出來 才會 較 明朗 醫療 應變 組 副 組長 羅一鈞 說 雖然 動物 傳染 新冠肺炎 病毒 給 人類 屬 罕見 事件 但 從 美國 cdc 資料 來看 國際 上 丹麥 荷蘭 波蘭 等 國 確實 有 發生 水貂 傳 新冠 病毒 給 人 的 案例 目前 會 持續 調查 感染 來源 不 排除 動物 環境 或是 其他 傳染 途徑 目前 有 97 名 接觸 者 已 送 集中 檢疫所 隔離 醫療 應變 組 副 組長 王必勝 表示 集中 檢疫 所有 預留 一 成 的 量 能 給 春節 檢疫 等 專案 以外 使用 9 日 起 已 暫停 春節 檢疫 專案 線 上 訂 房 平臺 訂 房 會 視 疫情 狀況 來 看 是否 繼續 開放 後續 若 國內 疫情 擴大 匡列 隔離 對象 以 目前 集 檢 所 的 量 能來 看 也 足夠 因應 另 在 南非 被 列入 高風險 國家 10 日 我國 出現 首例 南非 入境 的 確診 個案 羅一鈞 指出 案 16829 在 進入 集中 檢疫所 後 當日 采 檢 就是 陽性 不 會 有 病毒 進入 社區 的 風險 個案 基因 定 序 尚未 出爐 還 不 可 確定 是否 為 omicron 不過 南非 當前 流行 的 變異 株 即是 omicron 他 坦言 若 定 序 出 omicron 病毒 也 不 意外 此外 臺北市 長 柯文哲 10 日 指出 後續 若 有 不明 確診 個案 出現 北市 大型活動 跨 年 燈會 等 恐 停辦</t>
  </si>
  <si>
    <t>新冠肺炎 疫情 延 燒 歐美 歐盟 27 個 成員國 全部 淪陷 高官 染疫 日 多 美加州 紐約 更 成 重災區 為此 疫情 指揮中心 昨 將 旅遊 警示 國家 與 地區 由 10 處 增至 36 處 即 起 比利時 荷蘭 等 歐洲 8 國 中東 巴林 科威特 2 國 旅遊 疫情 建議</t>
  </si>
  <si>
    <t>美國 疾病 管制 暨 預防 中心 cdc 上周 公佈 至今 有 將近 13萬 例 打完 新冠 疫苗 仍 住院 或 死亡 的 嚴重 突破性 感染 病例 強調 突破性 感染 仍 相當 罕見 不過 這些 案例 中 以 老年人 以及 有 多重 慢性 疾病 的 人 重症 風險 較 大 美國有線電視新聞網 cnn 報導 美國 cdc 上周 公佈 截至 8 月 30 日 美國 至今 通報 1萬2908 例 突破性 感染 導致 住院 或 死亡 的 案例 美國 至今 有 超過 173億 人 完整 接種 疫苗 這 代表 嚴重 突破性 感染 的 機會 不 到 1 13000 在 導致 住院 的 病例 中 70 為 65 歲 以上 長者 導致 死亡 的 病例 中 65 以上 長者 占 87 另外 美國 cdc 8 月 29 日 在 醫學論文 預 印本 平臺 medrxiv 網站 公佈 另 一 份 研究 這項 研究 分析 今年 1 月 24 日 至 7 月 24 日 期間 4700 名 染疫 住院 患者 結果顯示 未 接種 疫苗 成人 染疫 住院 的 機 率 比 完整 接種 疫苗 的 成人 高出 17 倍 不過 細看 突破性 感染 病例 當中 仍以 長者 以及 本身 至少 有 3 項 慢性 疾病 的 人 為主 這些 患者 的 年齡 中 位 數 為 73 歲 71 有 3 種 以上 的 慢性 疾病 包括 糖尿病 心臟病 自身 免疫 疾病 等 相較 之下 未 接種 疫苗 者 染疫 住院 的 年齡 中 位 數 為 59 歲 56 有 3 種 以上 慢性 疾病 這項 研究 也 發現 在 delta 病毒 擴散 全美 後 未 接種 疫苗 成人 染疫 住院 的 機 率 比 已 接種 疫苗 成人 高出 10 倍 耶魯大學 7 日 在 刺 胳 針 傳染病 期刊 the lancet infectious diseases 公佈 的 研究 同樣 也 發現 嚴重 突破性 感染 病例 中 以 有 慢性 疾病 的 老年 患者 居多 研究 人員 于 今年 3 月底 至 7 月 追蹤 近 1000 名 因 各種 原因 住院 的 患者 當中 18 至少 接種 1 劑 新冠 疫苗 6 已 完整 接種 疫苗 當中 出現 嚴重 新冠 症狀 的 年齡 中 位 數 為 80 歲 超過 半數 有 過重 問題 多數 人 患 有 心血管 疾病 半數 有 肺部 疾病 或 糖尿病 參與 這項 研究 的 耶魯大學 醫學院 心臟病學 副教授 hyung chun 表示 突破性 感染 案例 相當 少見 但是 隨 著 病毒 突變 這類 狀況 會 愈來愈 常見 他 說 若要 降低 突破性 感染 的 影響 找 出 哪些 人 在 打完 疫苗 後 仍 最 有 可能 變 重症 是 相當 重要 的 工作 美國 貝勒醫學院 baylor college of medicine 疫苗 專家 霍泰茲 peter hotez 表示 整體而言 嚴重 突破性 感染 的 族群 和 重症 高風險 族群 相當</t>
  </si>
  <si>
    <t>心血管 疾病 者 染疫 死亡率 高 好心 鄰 line 守護 心臟 健康</t>
  </si>
  <si>
    <t>高雄 2 日 重 回 嘉玲 行列 但有 新北 確診 個案 在 染疫 後 有 高雄 足跡 經過 初步 疫 調 發現 案 14805 曾 於 6 月 16 日 從新 北 南下 回到 美濃 婆家 待 至 20 日 返回 新北 27 日 宣佈 確診 高雄共 匡列 32 位 相關 接觸 者 目前 12 人 快 篩 8 人 pcr</t>
  </si>
  <si>
    <t>高雄 2 日 重 回 嘉玲 行列 但有 新北 確診 個案 在 染疫 後 有 高雄 足跡 經過 初步 疫 調 發現 案 14805 曾 於 6 月 16 日 從新 北 南下 回到 美濃 婆家 待 至 20 日 返回 新北 27 日 宣佈 確診 高雄共 匡列 32 位 相關 接觸 者 目前 12 人 快 篩 8 人 pcr 皆 采 陰性 其他人 仍 在 等待 采 檢 結果 出爐 衛生局 疫 調 顯示 案 14805 是 新北 40 多 歲 女性 曾在 6 月 13 日 出現 喉嚨 痛 症狀 16 日 南下 回到 美濃 婆家 18 日 到 診所 就醫 當時 並未 采 檢 通報 20 日 回 到 新北 市 27 日 因 其他 個案 確診 她 被 匡 列為 相關 接觸 者 到 醫院 采 檢 後 確診 並於 7 月 1 日 接 獲 新北 轉 介 通知 高 市府 緊急 匡列 32 位 相關 接觸 者 高 市府 衛生局 指出 案 14805 曾 於 6 月 18 日 上午 9 時 20 分至 30 分到 美濃 區 農會 超市 並於 6 月 18 上午 9 時 30 分至 40 分 19 日 中午12 時 05 分至 15 分到 7 11 月 光山 門市 雖然 在 美濃 活動 單純 但 正值 剛 發病 不久 傳染 力 相當 高 的 階段 若 有 相同 足跡 的 民眾 應 與 相關 單位 聯繫 安排 采 檢</t>
  </si>
  <si>
    <t>高雄 確診 1 居 服 員二 三 采 陰 排除 染疫</t>
  </si>
  <si>
    <t>一 名 愛爾蘭 年輕 男子 日前 在 社 群 媒體 上 分享 自己 感染 新冠肺炎 後 出現 的 極端 症狀 他 描述 自己 不僅 頭痛 全身 痛 失去 嗅覺 味覺 更 曾 咳 出 大量 血液 他 自嘲 量 多 到 就 像 捐 血 新冠 病毒 蔓延 全世界 至今 全球 超過 9000萬 人 染疫 超過 194萬 人 病 歿 不過 仍 有 許多 人 抱 持 懷疑論 相信 疫情 只 是 政治 人物 捏造 的 陰謀 拒絕 專家 的 防疫 政策 與 守則 據 愛爾蘭 媒體 dublin live 報導 一 名 愛爾蘭 年輕 男子 最近 就 在 社 群 媒體 上 向 這些 新冠 懷疑論者 自白 他 描述 自己 是 新冠 極端 案例 除了 失去 味覺 嗅覺 頭痛 全身 痛 感覺 全身 缺氧 吸 不到 空氣 外 還 曾大 咳 血 就 像 捐 血 給 需要 的 人 一樣 並且 發高燒 到 將近 40 度 warning there are pictures included that are not for the faint-hearted as the patient issued an urgent warninghttps t co eceapwxrtp 報導 還 附上 一 張 男子 口罩 上 沾滿 血 白色 容器 內 留下 大量 血跡 的 驚 悚 照片 報導 並未 透露 男子 的 身份 不過 引述 他 的 說法 指出 這 是 他 所 經歷 的 真實 他 呼籲 那些 懷疑論者 要 戴 上 口罩 勤洗手 並且 待 在 家中 據 美國 約翰霍普金斯大學 johns hopkins university 全球 疫情 統計 截至 12 日 愛爾蘭 一共 有 超過 152萬 人 確診 逾 2300 人 病 歿</t>
  </si>
  <si>
    <t>封 城 與 停工 的 警鐘 正 在 響起 台 大 癌 醫 中心 分院 副 院長 王明钜 表示 苗栗京 元 電群 聚 案 已 有 逾 140 人 確診 其中 有 80 位 是 移 工 新北 中和 印刷廠 也 有 8 位移 工 染疫 這 2 個 數字 才 是 最 可怕 並 認為 以 目前 的 狀態 來說 三級</t>
  </si>
  <si>
    <t>封 城 與 停工 的 警鐘 正 在 響起 台 大 癌 醫 中心 分院 副 院長 王明钜 表示 苗栗京 元 電群 聚 案 已 有 逾 140 人 確診 其中 有 80 位 是 移 工 新北 中和 印刷廠 也 有 8 位移 工 染疫 這 2 個 數字 才 是 最 可怕 並 認為 以 目前 的 狀態 來說 三級 警戒 恐 已 控制 不 住 王明钜 今 6 日 稍 早 在 臉書 分析 苗栗京 元 電群 聚 感染 已 有 逾 140 人 確診 全國 新冠肺炎 確診 死亡 人數 也 超過 224 人 死亡率 高 達 2 臺灣 2400萬 人 裡 到底 有 多少 比例 的 人口 感染 新冠肺炎 沒人 知道 因為 我們 根本 沒有 大量 篩檢 的 能力 只能 被動 地 等待 患者 快 篩 篩檢 王明钜 坦言 死亡 人數 變 多 的確 很 可怕 但 最 可怕 的 是 京元電 群 聚 已 至少 有 80 位移 工 確診 新北 中和 印刷廠 也 有 8 位移 工 染疫 這 2 個 數字 才 是 最 可怕 的 他 認為 移 工 語言不通 身分 不易 辨識 在 臺灣 沒有 戶籍 親友 行蹤無法 掌握 若 是 在 工廠 上工 者 居住 環境 大多 是 大 通鋪 式 的 宿舍 形成 新冠 病毒 爆炸式 感染 的 最好 溫床 另外 移 工 絕大多數 都 是 年輕人 無論 指揮中心 有 再多 的 規範 管理 都 不可能 禁絕 移 工 和 朋友 間 的 接觸 再 加上 長 照 者 需要 家庭 移 工 中小企業 需要 移 工人 力 數 十萬 的 外籍 移 工 在 臺灣 存活 空間 非常 大 即便 全體 國人 每天 都 乖乖 在家 規律 地 上班 下班 但 仍然 有數 十萬 很 可能 已 確診 的 人 天天 在 移動 聚 在 一個 大 宿舍 房間 頻繁 地 與 熟識 的 人 接觸 王明钜 擔憂 地 說 在 這樣 的 情況 下 三級 警戒 的 強度 夠 嗎 我 很 悲觀 的 認為 不可能 王明钜 說 單單 只 靠 著 保持 三級 警戒 不封 城 希望 能 一直 撐住 讓 感染者 人數 不 要 瞬間 大增 我 認為 能 達成 的 可能性 愈來愈 低 了 應立即 建立 超高 能量 的 病毒 采 檢 及 pcr 能力 才有 可能 開始 做好 准 四級 準備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金融業 染疫 消息 頻 傳 群 益 金鼎 證券 總公司 證實 一 名 內勤人員 于 16 日 傍晚 通報 新冠肺炎 covid-19 篩檢 陽性 惟 該 名 員工 並未 接觸 外部 客戶 目前 當晚 同 辦公室 人員 已 全數 通知 留在 家中 自主 健康 管理 且 下週一 除 必要 人員</t>
  </si>
  <si>
    <t>金融業 染疫 消息 頻 傳 群 益 金鼎 證券 總公司 證實 一 名 內勤人員 于 16 日 傍晚 通報 新冠肺炎 covid-19 篩檢 陽性 惟 該 名 員工 並未 接觸 外部 客戶 目前 當晚 同 辦公室 人員 已 全數 通知 留在 家中 自主 健康 管理 且 下週一 除 必要 人 員外 采 居家 上班 模式 並 陸續 進行 核酸 檢測 中 群 益 表示 已於 16 日 接 獲 消息 當晚 安排 專業 消毒 廠商 執行 該 大 樓群 益 所屬 各樓層 的 清潔 消毒 工作 並 完成 作業 目前 已 依 衛生 主管機關 指示 進行 相關 處置 且 通報 證券 主管機關 公司 也 將 持續 關懷 該 員工 並 提供 協助 此外 所有 分公司 目前 均 不 開放 現場 客戶 減低 人際 接觸 以 保障 客戶 及 公司 員工 安全 合作 廠商 之 各種 會議 也 以 視 訊 會議 代替 在 嚴密 防疫 措施 下 群 益 全數 分公司 皆 照常營業</t>
  </si>
  <si>
    <t>台 中醫 北上 就醫 染疫 匡列 22 名 接觸 者 篩檢 結果 出爐</t>
  </si>
  <si>
    <t>台中 市 17 日 新增 1 例 本土 確診 案 15492 為 北 區 62 歲 男性 醫師 6 月 23 日 因 個人 健康 因素 赴 北部 某 醫院 住院治療 然而 同 樓層 病房 6 月 29 日 開始 出現 covid-19 確診 病例 當日 即 辦理 出院 返回 台中 沒 被 通知 隔離 15 日 出現 症狀 確診 目前 住院 隔離 治療 中 衛生局長 曾 梓 展 說 已 匡列 22 名 接觸 者 其中 19 人 陰性 3 人 尚 待 結果 個案 足跡 史也 已 清 消 曾 梓 展 表示 染疫 醫師 5 月 1 日 因 個人 健康 因素 即 無 至 任職 醫院 上班 曾於 2 月 10 日 5 月 10 日 6 月 22 日 采 檢 pcr 陰性 6 月 23 日 赴 北部 某 醫院 住院治療 但 同 樓層 病房 6 月 29 日 至 7 月 1 日 陸續 出現 確診 病例 因此 該院 6 月 29 日 逐步 清 空 病房 個案 也 於 6 月 29 日 出院 返回 台中 7 月 9 日 開始 出現 症狀 7 月 16 日 因 發燒 意識 不 清 緊急 由 119 送至 醫院 急診 經 檢驗 陽性 確診 目前 住院 隔離 治療 中 曾 梓 展 指出 由於 這 名 個案 當時 未 被 匡列 居家 隔離 7 月 14 日 曾至 花旗銀行 中港 分行 此案 已 匡列 22 名 接觸 者 其中 5 名列 居家 隔離 包含 同 住 3 名 其他 2 名 采 檢 均 為 陰性 另 17 名列 自主 健康 管理 包含 119 消防 員 2 名 台中 市 醫院 接觸 者 11 名 其他 4 名 其中 14 人 采 檢 陰性 3 人 尚 待 結果</t>
  </si>
  <si>
    <t>臺灣 本土 疫情 昨天 爆 沖到 206 例 過去 短短 六 天 以來 本土 病例 累積 已經 451 例 今天 再度 新增 333 例 本土 一 周 以來 本土 已經 784 人 確診 且 今天 的 不明 案例 就 有 40 例 指揮官 陳時中 說 就是 要 調查 中 今天 還 是 以 萬 華區 茶室 還 是 最 大宗 陳時中 表示 目前 獅子 會 社團 中的 傳播 看起來 沒有 像 茶室 的 來得 快速 應該 是 慢慢 的 社團 的 傳染 會 變 得 比較 少 至於 有 多少 醫護人員 染疫 整體 區域 彰 化 的 匡列很 大 相關 個案 相關 連系 相信 彰 化 透過 大規模 采 檢 匡列 可以 把 疫情 控制 在 一定 範圍 至於 宜蘭 有 兩 個 點 一個 是 羅東 的 銀河 遊藝場 另 一個 是 礁溪 因為 也 是 遊戲場 和 羅東 有 關聯 的 關係 企業 目前 礁溪 看起來 員工 沒有 染疫 也 都 沒有 染疫 也 已經 匡列 沒 那麼 擔憂 是因為 是 有 染疫 顧客 近來 玩玩 就 走 了 沒有 進入 社區 是 員工 的 風險 比較 高 但 目前 員工都 已經 陰性 換句話說 以後 或是 以前 的 客人 風險 就 比較 低 長 時間 接觸 者 風險 才 會 比較 高 陳時中 表示 羅東 因為 樓層 多樣化 他們 把 該廠 第一 百三 十幾 位 工作人員 都 已經 居家 隔離 全數 檢驗 過 都 是 陰性 另外 學校 的 學生 也 已經 隔離 全部 檢驗 過 都 是 陰性 往 外 闊 的 樣 態 比較 小 剩下 還是 斷斷續續 銀河 的 員工 還是 每天 有 一兩 例 時間 比較 久 是因為 會員 的 名冊 用 其他 名稱 稱呼 且 電話 不實 才 要 多 花 時間 至於 醫護人員 昨天 為止 雙北 有 六 家 醫院 出現 院內 確診 狀況</t>
  </si>
  <si>
    <t>新冠肺炎 臺灣 陳時中 染疫 匡列</t>
  </si>
  <si>
    <t>台電公司 板橋 營業處 1 外 包 人員 染疫 侯友宜 掌握 中</t>
  </si>
  <si>
    <t>位於 新北 市 板橋 區 疫情 熱區 內 的 台電 臺北 南區 營業處 17 日 傳出 有 1 名 外 包 人員 確診 另 有 3 名 台電 眷屬 也 確診 對此 新北 市長 侯友宜 今 主持 防疫 會議 受訪 表示 所有 染疫 或 疑 似 個案 均 派 醫護 與 疫 調 同仁 瞭解 狀況 該 隔離 就 隔離</t>
  </si>
  <si>
    <t>位於 新北 市 板橋 區 疫情 熱區 內 的 台電 臺北 南區 營業處 17 日 傳出 有 1 名 外 包 人員 確診 另 有 3 名 台電 眷屬 也 確診 對此 新北 市長 侯友宜 今 主持 防疫 會議 受訪 表示 所有 染疫 或 疑 似 個案 均 派 醫護 與 疫 調 同仁 瞭解 狀況 該 隔離 就 隔離 該 匡列 就 匡列 一切 按照 規定 來 做</t>
  </si>
  <si>
    <t>外 包 人員 染疫 侯友宜 台電 確診</t>
  </si>
  <si>
    <t>立法 院長 游錫堃 辦公室 今日 發出 新聞稿 表示 有關 外界 關心 立 院中 興 大樓 12 樓外 包 清潔 人員 疑 似 染疫 情事 昨日 采 檢 報告 結果 為 陰性 目前 在家 自主 健康 管理 14 天 遊錫堃 辦公室 指出 立院 外 包 清潔 人員 疑 似 染疫 情事 經查 該員</t>
  </si>
  <si>
    <t>立法 院長 游錫堃 辦公室 今日 發出 新聞稿 表示 有關 外界 關心 立 院中 興 大樓 12 樓外 包 清潔 人員 疑 似 染疫 情事 昨日 采 檢 報告 結果 為 陰性 目前 在家 自主 健康 管理 14 天 遊錫堃 辦公室 指出 立院 外 包 清潔 人員 疑 似 染疫 情事 經查 該員 是 在 週一 感到 身體 不適 週二 請假 就醫 經醫生 診斷 為 扁桃腺 發炎 並 遵照 醫囑 在 家 休息 遊錫堃 辦公室 表示 該 名 清潔員 在 週四 仍 感覺 不 舒服 再度 就醫 為 求 慎重 避免 染疫 風險 遂 進行 pcr 采 檢 昨日 采 檢 報告 結果 為 陰性 目前 在家 自主 健康 管理 14 天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高雄鳳 山 麻將 群 聚 至今 已 造成 14 人 染疫 高雄 市長 陳其邁 發出 麻將 禁令 但 就 是 有人 忍不住 要 警方 查獲 湖內 一 處 民宅 內 有 5 男 1 女 群 聚 原來 林姓 男子 不顧 老父 勸阻 心想 地處 偏遠 時間 也 晚 還是 揪 人 來 摸 兩 把 林男</t>
  </si>
  <si>
    <t>高雄鳳 山 麻將 群 聚 至今 已 造成 14 人 染疫 高雄 市長 陳其邁 發出 麻將 禁令 但 就 是 有人 忍不住 要 警方 查獲 湖內 一 處 民宅 內 有 5 男 1 女 群 聚 原來 林姓 男子 不顧 老父 勸阻 心想 地處 偏遠 時間 也 晚 還是 揪 人 來 摸 兩 把 林 男 老父 忍不住 對 員警 抱怨 叫 他們 不 要來 還 是 來 哪 有 辦法 高雄 湖內 分局 接 獲 民眾 檢舉 指出 指 湖內 區 中 正路 一 間 民宅 有人 打 麻將 擔心 形成 防疫 破 口 據 中廣 新聞報導 警方 趕到 現場 果然 看到 5 男 1 女 在 屋子裡 打 麻將 只 有 2 人 有 戴 口罩 6 人 見 警方 進 門 嚇 得 目瞪口呆 臉色鐵青 警方 調查 前去 打 麻將 的 是 林姓 屋 主 兒子 的 朋友 屋 主 一 見到 警方 忍不住 抱怨 就 跟 你 說 現在 疫情 嚴峻 不 要約 人 到家 打 麻將 你 偏偏 不聽話 結果 你 看 員 警 聽到 也 直 搖頭 現場 6 人群 聚 明顯 違反 3 級 警戒 規定 嚴禁 室內 5 人 以上 聚會 員警 蒐證 後依 傳染病 防治法 全部 開單 舉 發 將 函 報 高雄 市政府 衛生局 裁 罰</t>
  </si>
  <si>
    <t>花蓮縣 今 新增 1 例 是 萬華 大舅 案 4260 上月 中旬 前往 花蓮 遊玩 期間 住 在 親戚家 同 住 共 餐 打牌 所 造成 的 家 族群 聚 感染 迄今已 累計 到 13 例 此外 雙北長 照 機構 近日 爆發 人員 相繼 染疫 縣府 已 要求 縣 內 長 照 機構 分 艙 分流 疫</t>
  </si>
  <si>
    <t>花蓮縣 今 新增 1 例 是 萬華 大舅 案 4260 上月 中旬 前往 花蓮 遊玩 期間 住 在 親戚家 同 住 共 餐 打牌 所 造成 的 家 族群 聚 感染 迄今已 累計 到 13 例 此外 雙北長 照 機構 近日 爆發 人員 相繼 染疫 縣府 已 要求 縣 內 長 照 機構 分 艙 分流 疫苗 接種 部分 則 是 將 機構 人員 列入 施打 對象 的 第二 順位 衛生局長 朱家祥 表示 案 8994 是 一 名 60 幾 歲 男性 為 案 6776 的 父親 來源 仍 是 由 萬華 大舅 造成 案 6556 家 族群 聚 案 所 延伸 上月 26 日 其 女兒 確診 後 就 前往 慈濟 醫院 pcr 篩檢 結果 呈 陰性 隔 天 就 一直 在 家中 隔離 和 同 住 妻子 做 好 一 人 一 室 保持 社交距離 30 日 晚間 出現 發燒 情形 當時 不以為意 吃 退燒藥 隔 天 持續 發燒 31 日 晚間 撥打 防疫 專線 主訴 出現 症狀 後 公衛 人員 隨即 安排 至 花蓮 醫院 采 檢 確診 迄今 也 已 累計 36 例 確診 個案 90 人 居家 隔離 中 台北市 信義 區 某 老人 長 照 機構 日前 發生 群 聚 感染 後 新北 市 土 城 某 養護中心 也 出現 確診 個案 新北 市政府 將 針對 各 長 照 機構 等 單位 的 照顧 者 被 照顧 者 進行 篩檢 並 優先 讓 其 接種 疫苗 避免 長者 染疫 產生 重症 花 蓮 縣長 徐榛蔚 有感而發 上月 28 日 已 要求 縣 內 的 長 照 機構 療養院 24 小時 住宿 的 長 照 機構 院內 醫護人員 照 護 員 一定 要 進行 分 艙 分流 禁止 相互 換班 嚴禁 行政 人員 進入 醫療 管制區 域 外聘 的 清潔員 電梯 保養 員 等 則 是 禁止 進入 長 照 機構 徐榛蔚 強調 在 機構 內 從事 醫護 的 人員 照 服 員 工作人員 等 縣府 會 盡力 安排 提早 接種 疫苗 安排 在 施打 第二 順位 延續 安小 安老 政策 另外 疫苗 抵達 花蓮 後 會 啟動 13 鄉鎮 衛生所 各 大 醫院 及 先前 配合 施打 流感 的 診所 同步 替 民眾 接種 由於 消防 局 救護 人員 也 是 防疫 第一線 有 接觸 確診 患者 出入 高風險 區 的 需求衛生局 協調 慈濟 醫院 替 消防 局 近 300 位 救護 人員 分批 接種 疫苗 據 統計 今天 是 第一 批 共有 123 位 救護 人員 接種 消防 局長 林文瑞 一早 也 現身 醫院 卷起 袖子 讓 醫護人員 施 打 盼 能 藉 此 增加 救護 人員 的 信心</t>
  </si>
  <si>
    <t>新冠肺炎 疫情 嚴峻 前線 防疫 警 消 醫護 清潔 等 人員 的 安全 不容 漠視 立 委 馬文君 彙集 志 工 們 愛心 製作 超過 8000 個 頭戴式 防護罩 希望 防疫 英雄 們 除 戴 口罩 外 能 多 加 一 層 防護罩 減少 飛 沫 接觸 眼 耳 口 鼻 機會 放心 值勤 守護 縣民 健康 馬文君 說 照片 裡 的 每 位 防疫 英雄 都 是 我們 的 臺灣 隊長 面對 疫情 衝擊 他們 沒有 流淚 的 特權 必須 面臨 三 餐 不 定時 選擇 饑餓 汗流浹背 值勤 甚至 存 在 染疫 的 風險 與 壓力 但是 他們 義無反顧 的 在 各個 角落 挺身而出 這些 人 是 帶領 全台 挺 過 危機 最 重要 的 抗 疫 主角 馬文君 強調 她 要 向 穩住 社會 的 前線 防疫 人員 致 上 最深 的 敬意 您 們 是 比 國家隊 更 強大 的 平民 抗 疫 英雄 因為 有 您 們 我們 相信 一定 能 戰勝 疫情 讓 這塊 土地 恢復 生機 與 希望 大家 加油 臺灣 加油 新冠肺炎 頭戴式 防護罩</t>
  </si>
  <si>
    <t>安南 區 家 族群 聚 8 人 染疫 南 市府 認 症狀 非 delta 病毒</t>
  </si>
  <si>
    <t>彰 化 縣 新冠肺炎 疫情 週末 兩 天 累計 有 15 人 確診 目前 已 知 新增 3 名 學生 也 染疫 彰 化 縣 衛生局 匡列 2 校 師生 共 121 人 進行 居家 隔離 與 采 檢 該國 小 確診 學童 全班學生 等候 檢測 結果 中 彰 化 縣 衛生局 也 指出 目前 彰 化 縣 核酸 檢測 量 能</t>
  </si>
  <si>
    <t>彰 化 縣 新冠肺炎 疫情 週末 兩 天 累計 有 15 人 確診 目前 已 知 新增 3 名 學生 也 染疫 彰 化 縣 衛生局 匡列 2 校 師生 共 121 人 進行 居家 隔離 與 采 檢 該國 小 確診 學童 全班學生 等候 檢測 結果 中 彰 化 縣 衛生局 也 指出 目前 彰 化 縣 核酸 檢測 量 能 最高 單日 400 支 若 疫情 快速 發展 提升 上周 也 已經 著 手 開始 整備 將 跟進 臺北市 設站 采 抗原 快 篩 目前 彰化市 彰 泰國 中 有 2 名 國 三同 班 男 同學 確診 田中鎮 某國 小 也 有 1 名 三 年級 學童 確診 疫 調 人員 匡列 校內 接觸 者 師生 共 121 人 包括 教職員 24 與 學生 97 人 並 立即 通知 學校 相關 接觸 者 居家 隔離 其他 各班級 做好 防疫 措施 田中鎮 確診 學童 為 葡萄 盤商 妻子 案 1345 的 外孫 該 家族 累計 已 有 8 人 確診 彰 化 縣 衛生局 緊急 匡列 5 月 8 日 中午 曾 一起 在 全國 麗 園 飯店 吃 喜酒 的 1300 名 賓客 自主 健康 管理 14 天 自 當日 起 算 至 5 月 31 日 為止 衛生局長 葉 彥 伯 強調 變異 的 新冠 病毒 潛伏期 很 短 染疫 很快 就 會 出現 症狀 因為 宴席 賓客 從 當天 暴露 到 現在 已 過 一 周 無 症狀 者 只 需 在 家 自主 健康 管理 有 出現 症狀 才 需要 去 醫院 采 檢 但 有些 民眾 可能 沒有 收到 正確 訊息 或是 警覺性 很 高 16 日 晚間 就 有 160 人 都 是 無 症狀 主動 前往 衛福部 立 彰 化 醫院 采 檢 也 都 已經 全數 完成 葉 彥 伯 也 指出 彰 化 縣 新冠肺炎 核酸 檢測 單日 最 高可采 檢 400 支 以上 今年 疫情 爆 開 以來 累計 已 采 檢 300 多 支 光 昨天 16 日 單日 就 160 支 且 采 檢 24 小時 報告 結果 就 會 出來 目前 更 應 考慮 未來 疫情 範圍 愈來愈 大 匡列 接觸 者 大幅 增加 時 該 如何 因應 葉 彥 伯 表示 彰 化 縣 已經 與 各 醫院 開始 試辦 將 跟進 臺北市 做法 進行 抗原 快 篩 只要 等 半 小時 快 篩 陽性 立即 收治 住院 隔離 陰性 就 返家 居家 隔離 上周 也 已 跟 各 醫院 搭配 正在 尋找 更 好 的 快 篩 站 設置 場所 設置 完整 的 設備 他 說 將 會 隨時 視 疫情 發展期 程 逐步 導入 快 篩 量 能 工具 幫助 醫護人員 儘快 熟悉 抗原 快 篩 工具 的 操作 與 作業 流程 從中 去 觀察 看 快 篩 結果 的 敏感度 病毒 的 特 異性 和 快 篩 作業 整體 的 人力 調派 估算 一旦 縣 內 疫情 再 升級 就 能 快速 到位</t>
  </si>
  <si>
    <t>六輕 再 添 1 員工 染疫 回 高雄 住處 就醫 確診</t>
  </si>
  <si>
    <t>新北 市 22 日 再 傳 出 1 起 確診 者 死亡 案例 1 名 66 歲 婦女 20 日 因 不明 原因 喘氣 異常 送醫 救治 後 仍 在 今日 逝世 院方 進一步 采 驗 驗 出 死者 為 新冠肺炎 陽性 患者 死者 女兒 也 隨之 被 要求 居家 隔離 連見 媽媽 最後 一面 都 不行 令人 鼻酸 對此 新北市衛生局 表示 相關 疫情 資訊 以 指揮中心 公佈 為主 死者 女兒 表示 媽媽 生前 無 確診 者 接觸 史 也 沒到 過 確診 者 足跡 地點 15 日 因 身體 不 舒服 曾 到 診所 就醫 並未 驗 出 確診 20 日 又 因 喘 不 過氣 來 緊急 送醫 先 送往 板橋 亞東 醫院 插管 治療 因 情況 未 好轉 再 轉 往 中和 區 雙和 醫院 救治 22 日 在 院內 逝世 院方 采 檢 後 確認 為 新冠肺炎 患者 死者 女兒 說 媽媽 送醫 後 驗 出 確診 她 與 媽媽 密切接觸 因 此 向 醫院 要求 幫 自己 采 檢 醫院 卻 要 她 馬上 回家 隔離 有 問題 詢問 1922 或 疾 管家 她 聽從 指示 乖乖 回家 不料 1922 衛生局 電話 通通 打 不通 直到 今天 新北市衛生局 才 告知 自己 還 沒 收到 隔離 通知書 要 她 明天 自行 出門 排隊 快 篩 死者 女兒 痛 批 她 家裡 還 有 一 位 高齡 78 歲 的 長者 拖 了 2 天 怕 傳染給 別人 不敢 出門 快 篩 結果 卻是 烏 龍一 場 延後 她 的 就醫 時間 政府 到底 哪個 環節 出 了 問題 由於 根據 現行 規定 新冠肺炎 患者 死亡 後 需 在 24 小時 內 通報 火化 或 深埋 如今 死者 女兒 被 居家 隔離 不僅 無法 與 媽媽 見 最後 一面 連上 個 香 出席 告別式 都 不行 情況 令人 鼻酸 新北 議員 林國春 表示 他 接 獲 死者 女兒 陳情 自己 曾 與 確診 的 媽媽 有 接觸 染疫 風險 很 高 想 前往 醫院 采 檢 確認 自己 是否 染疫 卻 因 居家 隔離 不得 外出 打 了 很多 遍 1922 也 沒人接 不知 如何是好 雖 終於 接 獲 通知 可以 外出 但 明天 能 不能 排到 快 篩 站 也 是 一個 問題 類似 狀況 很多 早就 不是 第 1 件 林 國春 說 確診 者 家屬 被 染疫 的 風險 最高 往往 因 被 匡列 居家 隔離 連 篩檢 都 不行 可見 確診 黑 數 還 很多 他 建議 相關 單位 設置 確診 者 家屬 專用 的 篩檢 站 把 醫療 資源 用 在 刀口 上 對於 死者 生前 是否 有 接觸 史 死亡 原因 匡列 狀況 新北市衛生局 表示 在 接 獲 中央 通報 確診 個案 前 相關 資訊 由 疫情 指揮中心 發佈 為主</t>
  </si>
  <si>
    <t>桃園 特殊 交友 圈 增 8 確診 文化局 同仁 也 染疫</t>
  </si>
  <si>
    <t>桃園 新增 5 起 本土 確診 案例 人數 再度 躍居 全國 第 2 全都 跟 特殊 交友 圈 相關 鄭文燦 指出 3 人和 原本 的 特殊 交友 圈 有 接觸 其中 1 人 是 文化局 同仁 因此 宣佈 圖書館 和 展覽館 閉館 到 25 日 另 有 1 婦人 是 兒子 同事 確診 而 染疫</t>
  </si>
  <si>
    <t>桃園 新增 5 起 本土 確診 案例 人數 再度 躍居 全國 第 2 全都 跟 特殊 交友 圈 相關 鄭文燦 指出 3 人和 原本 的 特殊 交友 圈 有 接觸 其中 1 人 是 文化局 同仁 因此 宣佈 圖書館 和 展覽館 閉館 到 25 日 另 有 1 婦人 是 兒子 同事 確診 而 染疫 還有 1 男 有 特殊 交友 圈 特質 衛生局長 王文彥 更 預告 明天 還有 3 例 特殊 交友 圈 呼籲 主動 快 篩 鄭文燦 說 案 15567 是 30 多 歲 男性 因 和 18 日 確診 的 臺北 電腦 員工 案 15524 有 接觸 出現 症狀 自己 快 篩 陽性 到 醫院 采 檢 確診 已 匡列 8 人 案 15568 是 20 多 歲 男性 在 中壢 某 工廠 工作 因 出現 症狀 自行 快 篩 陽性 後 至 醫院 采 檢 確診 已 采 檢 23 人居 隔 並 擴大 匡列 161 人 采 檢 自主 健康 管理 案 15574 是 文化局 30 多 歲 男性 同仁 也 是 案 15568 朋友 被 列為 居隔 物件 采 檢 後 確診 雖然 ct 值 較 高是 30 但 仍 匡列 27 人 居家 隔離 他 提到 文化局 大樓 圖書館 和 財政局 264 位 同仁 全 采 檢 pcr 都 是 陰性 仍 全部 改 為 居家 上班 自主 健康 管理 到 7 月 25 日 文化局 內 的 圖書館 和 展覽館 也 閉館 到 7 月 25 日 案 15575 是 60 多 歲 女性 初步 疫 調來 源 是 兒子 的 同事 將 于 明天 公佈 的 案 15596 曾和 臺北 電腦 員工 有 接觸 另 案 15583 是 有 症狀 就醫 采 檢 確診 他 也 有 特殊 交友 圈 特質 市府 會 把 可能 感染 來源 找 出 鄭文燦 提到 確診 5 個中 有 4 個 跟 特殊 交友 圈 有關 其他 的 是 朋友 或 家人 衛生局 從 細部 找 出 每個 人 的 關聯 做出 關係 圖 發現 這 波 特殊 交友 圈 引發 職 場 和 家庭 感染 因此 截斷 特殊 交友 圈 的 傳染源 非常 重要 不 諱言 部分 是 網友 身分 甚至 還有 跨縣 市 呼籲 若 有 相關 接觸 史 務必 讓 交往 物件 知悉 也 要 自己 快 篩 或 到 醫院 采 檢 才 是 保護 家 人和 同事 最好 的 方式 市府 也 會 列為 專案 追查 多次 匡列 防堵 特殊 交友 圈 傳播 鏈 衛生局長 王文彥 則 預告 明天 有 3 例 和 臺北 電腦 員工 案 15524 有 接觸 不 諱言 他們 有 開 趴 的 情況 強調 6 月初 至今 桃園 共有 40 位 屬於 特殊 交友 圈 近期 20 個 分屬 2 的 大 集團 和 1 個 小集團 他 贊 今 確診 2 例 就 是 自己 發現 有 交友 關係 自主 采 檢 確診 2 度 強調 主動 出來 是 好事 王文彥 不 諱言 部分 是 交友 軟 體 產生 連結 關係 比較複雜 因為 不是 真名 疫 調 恐 會 有 延遲 更 需要 大家 合作 協助 一起 清零 直言 可能 會 影響 到職 場 和 家人 像是 2 個 月 來 就 有 9 位 家屬 是 被 特殊 交友 圈 感染 鼓勵 特殊 交友 圈 自主 出來 采 檢 衛生局 和 衛生所 會 全力 協助 他 也 建議 可到 部 立 桃園 醫院 和 林口 長庚醫院 尋求 協助 必要 還 會 幫忙 施 打預防針 大家 一起 把 防疫 做好 解決 問題</t>
  </si>
  <si>
    <t>涉 掏空 蘋果 西打 母公司 孫 幼 英 怕 染疫 求 免 派出所 報到 法官 不准</t>
  </si>
  <si>
    <t>由於 美國 海軍 羅斯福 號 uss theodore roosevelt cvn- 71 航母 上有 近 100 名 人員 新冠肺炎 確診 在 指揮官 向 高層 示 警 下 部 份 美軍 將 下船 在 關島 的 旅館 隔離 據 cnn 新聞網 1 日 報導 美國 代理 海軍 部長 莫德里 thomas modly 週三 說 至今 羅斯福 號 上有 93 人 檢測 呈 陽性 意味 這 超過 所有 美軍 確診 總數 的 10 一 名 高級 國防部 官員 說 海軍 預料 隨 著 更 多 檢測 結果 回報 病例 數 還 會 增加 莫德里 說 艦 上 約 4800 人中 已 有 1273 人 接受 新冠肺炎 病毒檢測 而 海軍 仍 在 等 部 份 檢測 結果 他 說 約 有 1000 名 海軍 已 撤離 在 關島 上岸 此外 莫德里 在 五角大廈 指出 未來 幾 天內 他們 預計 會 讓 2700 人 下船 不過 海軍 作戰 部長 吉爾迪 mike gilday 說 由於 艦 上 仍 必須 執行 必要 任務 如 維持 核 反應器 的 運轉 等 因此 無法 讓 所有 的 人員撤離 他 說 約 有 1000 名 海軍 必須 留守 以 執行 任務 比 艦長 克勞齊 上校 capt brett crozier 原本 所 提議 的 約 500 名 多 莫德里 強調 艦 上有 軍火 有 昂貴 的 艦載 機 還有 核子 反應器 需要 相當 的 人員 留守 以 維護 航母 安全 新冠肺炎 在 羅斯福 號 上 迅速 蔓延 上星期 五角大廈 證實 有 3 名 海軍 檢測 呈 陽性 可是 短短 兩 天 後 就 增為 25 人 到 了 3 月 31 日 感染 人數 起碼 有 70 人 而 時至 4 月 1 日 已有近 100 人 一 名 美國國防部 發言人 透露 美國 雷根 號 uss ronald reagan cvn 76 航母 上 也 有 少數 人 檢測 呈 陽性 據 五角大廈 說 到 週三 為止 共有 814 名 美軍 染疫 而 高級 海軍 官員 說 由於 關島 住 宿處 有限 等 因素 所以 讓 人員 下船 的 速度 比克勞齊 所 希望 的 慢 而 據 要求 匿名 的 海軍 透露 從 目前 他們 住宿 的 狀況 看來 艦 上 成員 很 可能 還 會 有 更多 人 感染 他 從 3 月 28 日 起 就 和 超過 150 名 同 袍 住 在 由 體育館 改造 的 臨時 宿舍 他 說 部隊 裡 有人 咳嗽 發燒 但 說 覺得 身體 還好 後來 檢測 卻 呈 陽性 另外 還有 人 沒有 出現 任何 症狀 結果 檢測 也 呈 陽性 此外 他 指出 體育館 沒有 足夠 的 空間 以 維持 適當 的 社交距離 而 他們 也 沒有 適當 的 清潔 物資 好 消毒 相關 區域 就 目前 的 狀況 來說 會 有 更 多 人 感染 他 說 這不 是 會 不 會 的 問題 而是 時間 早晚 問題</t>
  </si>
  <si>
    <t>北市 不只 1 童 去 新北 染疫 幼稚園 中正 中山區 3 公幼 即 起 停課</t>
  </si>
  <si>
    <t>彰 化 縣 的 新冠肺炎 確診 者 8 日 新增 2 例 來自 南彰 化 的 大家族 傳播 鏈 該 鏈 橫跨 4 鄉鎮 因 阿嬤 輩 的 姊妹 感情 好 5 月初 常回 溪湖 鎮 娘家 聚會 聚餐 加上 兒孫 都 會 回來 跟 阿公 阿 嬤 吃 晚餐 先前 已 有 9 人 染疫 新增 擔任 護理 師 的 媳婦 和</t>
  </si>
  <si>
    <t>諾 獎得主 按 現在 速度 一個 月 內 半 數 美國 人 染疫</t>
  </si>
  <si>
    <t>garmin 員工 染疫 鄭文燦 7 日 入 廠采 檢 晚上 才獲 通知 確診</t>
  </si>
  <si>
    <t>新冠 重創 美 駐 印 外交 圈 上百 職員 染疫 2 死 商會 曝 真正 風險 才 要來</t>
  </si>
  <si>
    <t>印度 新冠 疫情 嚴峻 連 駐 當地 美國 外交人員 都 受到 重創 美國有線電視新聞網 cnn 引述 消息人士 透露 美 駐 印度 外交人員 中 已經 有 上百人 染疫 2 人 不幸 病逝 此外 美國商會 也 警告 真正 的 風險 才 要 來臨 疫情 暴 沖 恐 導致</t>
  </si>
  <si>
    <t>印度 新冠 疫情 嚴峻 連 駐 當地 美國 外交人員 都 受到 重創 美國有線電視新聞網 cnn 引述 消息人士 透露 美 駐 印度 外交人員 中 已經 有 上百人 染疫 2 人 不幸 病逝 此外 美國商會 也 警告 真正 的 風險 才 要 來臨 疫情 暴 沖 恐 導致 印度 經濟衰退 進一步 拖累 全球 經濟 cnn 昨 26 日 引述 2 名 消息人士 報導 印度 新冠 疫情 失控 之際 當地 美國 外交 圈 疫情 也 大 爆發 幾 周 來 有 超過 上百 外交人員 染疫 2 名 本地 職員 不幸 病逝 消息 人員 並未 透露 究竟 是 哪個 地區 的 外交人員 染疫 及 死亡 除 在 首都 新德里 設有 大使館 外 美國 目前 在 印度 其他 城市 設有 5 間 領事館 消息人士 指出 美國 駐 印度 外交人員 眷屬 及 在 當地 聘 雇 的 本地 職員 直到 過去 2 周 才 陸續 接種 新冠 疫苗 部 份 職員 對 此 感到 相當 沮喪 因為 他們 並未 收到 使團 何時 能 開始 接種 疫苗 的 明確 訊息 許多 駐 歐洲 美國 本地 的 外交人員 先前 都已經 接種 疫苗 了 駐 印度 的 外交人員 卻 不能 優先 施打 疫苗 其中 一 名 消息人士 透露 美國國務院 先前 先為 阿富汗 伊拉克 的 外交人員 運送 疫苗 可能 是 印度 外交人員 較 晚 拿到 疫苗 的 原因 不過 疫苗 到 得 太 晚 已經 有 2 人 死亡 了 太 可怕 了 今年初 美國 駐 世界各地 的 外交人員 紛紛 對 疫苗 配送 太 慢 感到 沮喪 18 日 美國 國務院 發言人 普萊斯 ned price 表示 國務院 已經 完成 所有 外館 的 疫苗 配送 值得注意 的 是 美國 國防部長 奧斯丁 lloyd austin 氣候變遷 特使 凱瑞 john kerry 先 後 於 3 月 19 日 4 月 6 日 訪 印 消息人士 說 這 2 趟 訪 印 行程 有些 驚險 因為 當時 印度 部分 地區 已經 出現 激增 病例 負責 規劃 行程 的 美國 外交人員 也 還 沒 施打 疫苗 據說 行程 結束 後 出現 了 零星 案例 但 還 無法 確定 是否 和 這 2 趟 外交 行 有關 鑒於 疫情 嚴峻 美國 駐 印度 清奈 chennai 領事館 昨日 宣佈 26 日 至 5 月 15 日 期間 非 移民 簽證 面試 美國 公民 預約 等 所有 常規 服務 全部 取消 駐 新德里 大使館 取消 本人 簽證 預約 等 服務 此外 路透社 報導 針對 印度 疫情 居高不下 連續 5 日 單日 確診 人數 創 世界紀錄 美國 全國 商會 u s chamber of commerce 昨日 警告 作為 全球 第 6 大 經濟體 的 印度 經濟 可能 因為 疫情 衰退 進一步 拖累 全球 經濟 美國商會 執行 副 總裁 薄 邁倫 myron brilliant 警告 由於 許多 美國 企業 都 在 印度 聘 雇 員工 處理 後臺 業務 當地 疫情 的 外 溢 風險 非常 高 預期 情況 變 好 之前 會 再度 惡化 指出 真正 的 風險 是 印度 經濟衰退 情況 令人擔憂</t>
  </si>
  <si>
    <t>大陸 國家 衛健 委 網站 30 日 消息 7 月 29 日 0 24 時 大陸 各地 報告 新增 確診 病例 64 例 其中 境外 輸入 病例 43 例 雲南 21 例 廣東 9 例 上海 7 例 福建 3 例 遼寧 1 例 山東 1 例 四川 1 例 本土 病例 21 例 江蘇 18 例 湖南 2 例 北京 1 例 無 新 增 死亡 病例 新增 境外 輸入 疑似病例 1 例 上海 此外 大陸 各地 報告 新增 無 症狀 感染者 25 例 其中 本土 8 例 江蘇 4 例 湖南 4 例 從 大連 成都 常德 北京 寧鄉 等 多 地 感染者 軌跡 已 拼 出 源自 南京 的 張家界 旅遊 傳播 鏈 7 月 29 日 晚 湖南省 張家界市 政府 宣佈 30 日 上午 起 張家界市 所有 景區 景點 關閉 截至 29 日 晚間 統計 張家界 還 有 754 個 旅行團 共 119萬 人 已 逐個 勸返 安排 退費 回程 交通 相關 事宜 澎湃 新聞報導 據 通報 北京 湖南 連日 新冠肺炎 新增 疫情 是 張家界 旅遊 傳播 鏈 一 環 已成 南京 傳播 鏈 二傳手 迄 29 日14 時已外 溢 7 省 17 地 傳染 206 人 張家界 魅力 湘西 劇場 先是 4 名 22 日 晚 觀 劇 者 感染 新冠 當地 已 緊急 排查 同 場次 人員 2000 多 人 這 4 人 中 有 3 人 來自 遼寧大連 此前 曾在 南京 祿口 機場 停留 2 小時 祿口 機場 正是 近期 本土 疫情 的 暴風 眼 至 少數 十 名 機場 保潔 人員 感染疫情 已 擴散 至 南京 全市 9 個 區 截至 7 月 29 日 24 時 南京 本地 感染者 已 達 191 人 上述 3 例 大連 感染者 在 去 魅力 湘西 劇場 前 還 曾去 張家界 國家森林公園 大 峽谷 等 地 遊玩 7 月 27 日 及 28 日 成都 新增 的 5 例 本土 確診 病例 也 曾 在 同期 去 過 張家界 等 地 遊玩 與 大連 病例 活動 軌跡 交叉 成都 病例 在 張家界 遊玩 後 還 去 過 湖南 常德 遊玩 常德 一 名 陪 游 友人 感染 此外 江蘇 淮安市 也 於 7 月 28 日 發現 4 例 陽性 人員 此前 去 過 張家界 至此 張家界 成為 南京 與 大連 成都 常德 北京 等 地 本土 疫情 的 傳播 中樞 南京 疫情 傳播 鏈 再 擴張 澎湃 新聞報導 截至 7 月 29 日 14 時 南京 疫情 傳播 鏈 增至 206 人 涉及 遼寧 江蘇 廣東 安徽 四川 湖南 等 7 省 市 17 地 包括 南京 大連 成都 常德 北京 寧鄉 等 多 地 感染者 軌跡 已 拼 出 張家界 旅遊 傳播 鏈 據 四川 及 成都 當地 通報 成都市 7 月 27 日 及 28 日 新增 感染者 中 5 例 確診 病例 曾去 過 張家界 等 地 旅遊 這 5 人中 3 人 為 一家 三 口 1 人 為 這家 人 的 同 游 友人 還有 1 人 是 一 名 53 歲 的 自 駕 遊 女子 四川 成都市 衛健 委 28 日 通報 成都 5 名 確診 病例 近期 前往 張家界 與 遼寧大連 報告 的 新冠 病例 有 活動 軌跡 交叉 而 大連 報告 的 病例 有 南京 祿口 機場 停 留史 大連 發佈 微信 公 號 消息 26 日 大連 報告 的 3 例 無 症狀 感染者 曾於 17 日 由 大連 乘 飛機 到 張家界 期間 在 南京 祿口 機場 中轉 航班 停留 約 2 小時 張家界 時 刻 微信 公 號 消息 大連 報告 的 3 人 曾在 7 月 20 22 日 在 張家界 國家森林公園 大 峽谷 等 地 遊玩 而 成都 的 5 例 確診 病例 也 曾 在 20 24 日 在 張家界 森林公園 天門 山 森林公園 大 峽谷 等 地 遊玩 張家界 傳播 鏈 還 延伸 到 了 湖南 常德 成都 確診 病例 中的 一家 三 口 及其 友人 在 遊覽 張家界 後 曾於 24 日 在 常德市 遊玩 一 名 陪伴 他們 遊玩 的 當地 友人 在 28 日 被 診斷 為 無 症狀 感染者 湖南 常德 傳播 鏈 又 延伸 到 了 湖南 寧鄉 這次 是 同 乘 遊船 傳播 12 歲 男孩 29 日 被 驗 出 核酸 檢測 陽性 此外 張家界 傳播 鏈 2829兩 日 還 導致 大連 新增 1 例 本土 病例 北京 新增 3 例 本土 病例</t>
  </si>
  <si>
    <t>全國 疫情 未 見 降溫 究竟 三級 警戒 是否 會 二 度 延長 至 6 月 28 日 成為 各界 關注 話題 不過 下 周 就要 迎來 端午 連 假 了 為 防堵 病毒 流動 各界 都 呼籲 大家 這次 忍耐 一點 別 返鄉 只 是 有人 配合 也 有人 認為 沒 必要 表示 只要 返鄉 過程 落實 防疫 工作 台 鐵也 沒 停 駛 全聯 也 沒 關門 阿 到底 在 怕 什麼 啦 據悉 今年 端午 連 假 國道 客運 截至 4 日 已 賣 出 12萬 張 車票 台鐵 售票 張 數則 是從 136萬 遽 減至 33萬 張 而 高鐵 截至 今 6 日 上午 8 時 約 有 56萬 人 訂 票 表示 有 10萬 人次 將 于下周 展開 移動 因此 稍 早 一 名 網友 就 在 ptt 針對 此 議題 發聲 表示 返鄉 只要 戴好 口罩 勤洗手 多 消毒 其實 不用 過度 擔心 染疫 問題 況且 這 幾 周 市場 依舊 人滿為患 大眾 運輸工具 雖然 減 班次 可 仍 持續 載客 加上 三級 警戒 未 限制 人民 不可 跨縣 市 移動 所以 買 票 返鄉 是 完全 合乎 規定 的 話鋒一轉 原 po 還 提到 剛剛 發現 嘴 我 要 返鄉 的 朋友 還 是 去年 國外 疫情 嚴重 時 逃 回來 的 留學生 根本 笑 死 該文 一 出 留言 區 隨即 挑起 兩 派 論戰 不少 人 認為 防疫 優先 再 思念 家人 也 不能 返鄉 置 親朋好友 於 染疫 風險 之中 並 表態 為了 家人 好 是 真 的 不要 回去 比較 好 是 不 會 怎麼樣 但是 可能 帶病毒 回去 感染 家 人 就 是 你 的 千 錯 萬 錯 了 回去 伴 手 禮 是 病毒 嗎 我 是 很 想 回去 不敢 家裡 都 老人 你 要 返鄉 就 去 啊 沒人 攔 你 阿 你家 人 有 中 就 別 靠 腰 至於 支持 原 po 說法 的 網友 則 強調 政府 沒 宣佈 封城 只是 呼籲 民眾 別 返鄉 不具 強制 約束力 所以 回 不 回老家 的 決定權 仍 在 大家 手上 因 此 表示 全程 合法 政府 有種 就 四級 返鄉 是 自由 啊 能 承擔風險 就 回去 啊 能 上班 不能 回家 無論如何 以 防疫 角度 來看 目前 公路 總局 已 緊急 取消 連 假 客運 85 折 優惠 希望減少 臺灣 人口 流動 而 高 鐵則 針對 尖峰 時段 載客率 超過 2 成 的 車次 進行 換 退票 手續 協助 人流 分散 又 台鐵 公佈 退票 率 達 7 成 6 預估 端午 連 假 售票 張數 可壓 到 3萬 張 以下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典範 德國 傳染疫情 新 冠狀病毒</t>
  </si>
  <si>
    <t>新北 市 22 日 再 傳 出 1 起 確診 者 死亡 案例 1 名 66 歲 婦人 20 日 因 不明 原因 喘 不 過氣 送醫 救治 後 仍 在 昨日 中午 逝世 院方 進一步 采 驗 驗 出 死者 是 新冠肺炎 陽性 患者 死者 女兒 也 隨之 被 要求 居家 隔離 連見 媽媽 最後 一面 都 不行 令人 鼻酸 新北市衛生局 表示 相關 疫情 資訊 以 指揮中心 公佈 為主 加計 昨天 疫情 中心 公佈 的 80 多 歲 及 70 多 歲 兩 名 男子 死亡 後 才 確診 案例 昨天 1 天 就 添 3 名 亡魂 死者 女兒 說 媽媽 15 日 因 身體 不 舒服 曾 到 診所 就醫 未 驗 出 確診 20 日 突然 喘 不 過氣 緊急 送醫 先 送往 板橋 亞東 醫院 插管 治療 因 情況 未 好轉 再 轉 往 中和 區 雙和 醫院 救治 22 日 中午 在 院內 過世 院方 采 檢 後 確認 為 新冠肺炎 患者 由於 根據 現行 規定 新冠肺炎 患者 死亡 後 需 在 24 小時 內 通報 火化 或 深埋 如今 死者 女兒 被 居家 隔離 不僅 無法 與 媽媽 見 最後 一面 連上 個 香 出席 告別式 都 不行 新北 議員 林國春 表示 接 獲 死者 女兒 陳情 由於 她 曾 與 確診 的 媽媽 有 接觸 染疫 風險 很 高 想 前往 醫院 采 檢 確認 是否 染疫 卻 因 居家 隔離 不得 外出 打 了 很多 遍 1922 也 沒人接 不知 如何是好 類似 狀況 很多 早就 不是 第 1 件 林 國春 說 確診 者 家屬 被 感染 風險 最高 往往 因 被 匡列 居家 隔離 連 篩檢 都 不行 可見 確診 黑 數 還 很多 他 建議 相關 單位 設置 確診 者 家屬 專用 的 篩檢 站 把 醫療 資源 用 在 刀口 上 疫情 中心 昨 公佈 2 名 死亡 案例 分別 為 案 3097 的 80 多 歲 男子 及 案 3553 的 70 多 歲 男子 案 3097 死亡 後 確診 家人 曾 表示 無 萬 華區 活動 史 亦 無 接觸 確診 個案 但 指揮中心 發言人 莊人祥 透露 該 男子 是 旅遊團 成員 目前 這 台 遊覽車 有 13 人 確診 另 案 3553 曾 接觸 過 確診 者 5 月 18 日 匡 列為 居家 隔離 電 訪 時 自述 無 症狀 5 月 19 日 至 醫院 采 檢 5 月 21 日 家人 發現 無 呼吸 心跳 當日 便 宣告 死亡 采 檢 後 確診</t>
  </si>
  <si>
    <t>花蓮 連續 5 天 0 確診 破 功 今天 一口氣 增加 7 例 主要 為 家庭 群 聚 染疫 一 名 有 煙癮 的 50 多 歲 男子 上月 17 日 從 桃園 觀音 工 班 返 花後 即 出現 輕微 症狀 直到 本月 8 日 症狀 持續 惡化 前往 醫院 篩檢 才 確診 其 妻子 兒子 及 岳父 家 共 6 人 連</t>
  </si>
  <si>
    <t>花蓮 連續 5 天 0 確診 破 功 今天 一口氣 增加 7 例 主要 為 家庭 群 聚 染疫 一 名 有 煙癮 的 50 多 歲 男子 上月 17 日 從 桃園 觀音 工 班 返 花後 即 出現 輕微 症狀 直到 本月 8 日 症狀 持續 惡化 前往 醫院 篩檢 才 確診 其 妻子 兒子 及 岳父 家 共 6 人 連帶 染疫 花蓮 縣政府 表示 該 工 班 當時 有人 確診 桃園 工人 有 接 獲 匡列 通知 個案 因 返 花 沒有 收到 通知 因 此 呼籲 民眾 返 花後 請 務必 向 衛生局 預約 快 篩 花 蓮 縣 衛生局長 朱家祥 表示 案 12137 是 名 從事 水泥工 的 男性 上月 15 日 和 老闆 到 桃園 觀音 某 工地 工作 17 日 返 花蓮 後 即 出現 咳嗽 症狀 原 以為 是 抽煙 引起 不以為意 17 至 22 日 期間 仍 在 新城鄉 仁愛路 某 工地 繼續 工作 不過 症狀 持續 惡化 22 日 到 診所 就醫 拿藥 後 返家 直到 本月 8 日 身體 喘 不 過去 妻子 及 兒子 陪同 前往 門諾 醫院 快 篩 確診 症狀 每況欲下 門諾 醫院 立即 給予 插管 治療 並 緊急 轉送 到 慈濟 醫院 診察 治療 不過 目前 狀況 不太好 案 12138 案 12139 分別 為 案 12137 的 妻子 及 兒子 朱說 太太 為 一 名 50 多 歲 的 家庭 主婦 除了 陪同 先生 和 兒子 前往 診所 就醫 外 平時 會 去 重慶市 場 7 11 豐川 門市 梅珍香 食品 行 等 處 採買 食物 也 會 去 娘家 照顧 失 智 的 父親 上月 24 日 出現 咳嗽 手腳 酸痛 等 症狀 因 2 3 天 後 症狀 消失 沒 太 在意 30 多 歲 的 兒子 則 自述 是 宅 男 已 78 年 無業 偶爾 陪 母親 出門 上月 22 日 出現 喉嚨 痛 發燒 現象 有 到 診所 就醫 藥物 雖 無 改善 症狀 卻 還 是 待 在 家中 與 母親 在 本月 8 日 陪同 父親 醫院 時 一併 篩檢 後 確診 案 12297122981229912300 分別 為 案 12138 的 家人 朱家祥 說 案 12138 確診 後 隨即 被 匡列 不過 案 12300 為 案 12138 高齡 81 多 歲 的父親 有 許多 慢性病 如 高血壓 慢性 肺 阻塞 等 由於 失 智 平常 需要 制 氧 機 供應 氧氣 40 餘 歲 的 兒子 女兒 及 18 歲 的 孫子 都會 探望 他 家族 進而 相繼 確診 目前 皆 僅 有 輕微 呼吸道 症狀 健康狀況 良好 由於 個案 染疫 父子 因 身體 不適 曾 分別 前往 診所 就醫 父親 從 外地 返鄉 卻 沒有 通報 篩檢 基層 診所 是否 缺乏 警覺 朱家祥 仍 相信 當時 的當 診 醫師 一定 有 做 好 最 適合 的 評估 不過 醫療 上 最怕 事後諸葛 仍 呼籲 基層 診所 需 做 好 第一 道 的 防線 另外 今天 一早 有 民眾 發現 許多 員警 紛紛 前往 市 衛生所 前 的 快 篩 站 進行 篩檢 縣 警 局長 蔡丁賢 說 7 日 上午 8 點 半 許 花蓮 分局 豐川 派出所 所長 帶 著 同仁 巡邏 路上 見到 一 名 81 歲 的 失 智 長者 因此 協助 他 返家 今天 衛生局 通知 這 名 長者 為 確診 者 相關 的 4 名 同仁 趕緊 前往 篩檢 目前 皆 呈 陰性 無需 匡列 不過 仍要 求 他們 進行自主 健康 管理 而 車輛 皆 有 進行 深入 的 消毒 作業 吸煙 有害 健康 中 時 新聞網 關心 您 戒煙 專線 0800 636363</t>
  </si>
  <si>
    <t>新北 市 今天 確診 案例 新增 65 例 仍 居 各縣市 之 冠 但 已 持續 減少 到 一個 月 以來 最低點 為了 阻絕 高齡者 染疫 風險 新北 市 85 歲 以上 長者 疫苗 今 15 日 開 打 侯友宜 說 金山區 有點 特殊 因 昨天 新增 一 例 確診 但因 家庭 群 聚 關係 今 再</t>
  </si>
  <si>
    <t>新北 市 今天 確診 案例 新增 65 例 仍 居 各縣市 之 冠 但 已 持續 減少 到 一個 月 以來 最低點 為了 阻絕 高齡者 染疫 風險 新北 市 85 歲 以上 長者 疫苗 今 15 日 開 打 侯友宜 說 金山區 有點 特殊 因 昨天 新增 一 例 確診 但因 家庭 群 聚 關係 今 再 新增 6 例 衛生局 已 展開 精准 疫 調 擴大 匡列 接觸 者 侯友宜 指出 今日 新增 65 例 本土 個案 連續 三 天降 至 百 例 以下 新北 累積 確診 總數 達 5780 人 以 新 店 10 人 三 重 9 例 中 和 8 例 板橋 6 例 以及 金山 6 例 侯友宜 說 金山區 6 例 有點 特殊 因 1 人 於 昨日 確診 但因 家 族群 聚 關係 今日 再 新增 6 人 確診 明天 起 機動 快 篩 隊 也 將 進駐 金山 衛生局 已 立刻 精准 疫 調 匡列 接觸 者 侯友宜 說 整個 接種 站 目前 回報 接種 率 平均 近 6 成 左右 還要 後續 觀察 長者 按照 分區 分 裡 分 時段 的 方式 接種 不 會 造成 群 聚 除了 在籍 者 以外 對於 不在 籍 長者 侯友宜 表示 大家 放心 一定 打得 到 第一 波 在籍 者 打完 分析 施打 率 後 會用 最 快 的 時間 通知 不在 籍 長者 接種 時間 地點 提早 做 準備 侯友宜 強調 新北 不在 籍 85 歲 以上 長者 一定 打得 到 疫苗 即日起 至 17 日 下午 5 時 可向 裡 辦公室 或 區公所 填寫 意願 調查表 或 電話 登記 依 區公所 公佈 通知 時間 及 地點 前往 接種</t>
  </si>
  <si>
    <t>今日 中 華長 照 暨 偏 鄉 醫療 基金會 舉辦 了 一 場 由 台 俄 雙方 醫師 參與 的 線 上 醫學論壇 由 榮民總 醫院 神經 醫學 部 主任 鄭 宏志 醫師 發起 結合 三軍 總 醫院 臨床 醫療 團隊 分享 臺灣 新冠肺炎 的 醫療 經驗 為 將來 可能 的 醫學 研究 與 防疫 工作 建立 基礎 截至 7 月 6 日 俄羅斯 共計 有 68萬 人 確診 新冠肺炎 龐大 的 病 患 的 壓力 讓 許多 醫療 人員 不但 身心 負荷 沉重 更 有 許多 參與 台方 醫療 人道 計 畫 的 醫師 染上 疾病 因此 主辦單位 希望 藉 這次 會議 為 俄羅斯 送暖 且 分享 經驗 並 持續 未來 的 合作 三軍 總 醫院 方面 由 林永崇 醫師 江宗達 醫師 商弘 升 醫師 專題報告 醫院 管理 臨床 診療 與 重症 處理 全國 醫師公會 秘書長 趙堅 醫師 也 與會 林 永崇 指出 因應 新冠肺炎 疫情 臺灣 開設 負 壓 隔離病房 運用 3 d 列印 技術 製造 醫療 用 口罩 而 1 月 21 日 臺灣 第一 位 新冠肺炎 確診 者 消息 出來 後 當天 三 總 馬上 就 開會討論 如何 因應 新冠肺炎 根據 接觸 史 群 聚 史 判斷 民眾 染疫 風險 高低 至 今 三 總共 送 篩檢 1552 人 驗 出 了 29 位 新冠肺炎 確診 者 如今 都已 康復 住院 最 長 的 住 了 54 天 趙堅 表示 臺灣 基層 醫師 在 一月 就 開始 請 民眾 看 診 時 要 戴 口罩 且 看 到 民眾 有 感冒 症狀 就 後 送 到 教學醫院 警覺高 控制 得 好 所以 疫情 沒有 爆發 俄羅斯 方面 在 烏裡揚諾斯克 直屬 總統 的 經濟 及 公共政策 學院院長 召集 他 表示 俄國 一度 極 缺乏 防疫 物資 之前 談好 要 供應 物資 的 國家 和 廠商 紛紛 無 預警 取消 供貨 當時 他 跟 歐洲 求援 罕有 回應 反而 獲得 遙遠 的 臺灣 幫助 讓 他 覺得 只要 有心 不管 距離 多 遠 都 可以 協助 呼籲 俄國 人 也 要 有 臺灣人 這種 精神 相信 一定 可以 戰勝 病毒 去年 俄國 就 有 派 醫生 到 臺灣 受訓 未來 將 擴大 與 臺灣 的 醫學 合作 不過 他 坦言 因為 如今 俄國 的 醫師 正忙 著 防疫 今天 無法 在 線 上 會議 中報 告 但 他 保證 等到 疫情 趨 緩 後 俄方 醫師 一定 會 與 臺灣 分享 他們 接觸 到 的 眾多 患者 的 情況 絕不 藏私</t>
  </si>
  <si>
    <t>國內 covid-19 疫情 連續 10 天 單日 本土 病例 破百 例 指揮中心 指揮官 陳時中 今天 表示 校正 回歸 後 疫情 還 在 高峰期 研議 延長 三級 警戒 專家 預估 這 波 疫情 6 月中 才 可能 下降 台 大公 衛學院 教授 陳秀熙 分析 這 波 本土 疫情 約 在 15 日 達 最高峰 最高 陽性率 為 10 至 13 據 指揮中心 資料 臺北市 最新 快 篩 陽性率 降 至 59 新北 快 篩 陽性率 維持 4 資料 逐漸 下降 第一 波 大 流行 群 聚 開始 趨 緩 但 國內 可能 要 等 到 6 月中 旬 後 才 可能 漸漸 回歸 正常 生活 長 庚大學 新興 病毒感染 研究 中心 主任 施 信 如 也 評估 全台 進入 疫情 警戒 第 三級 這 2 周是 關鍵期 每天 新增 確診 數 若 維持 數 百 例 還 算是 控制 中 若 全民 都 遵守 防疫 規定 照理說 3 周後 疫情 可望 下降 現在 不可能 回到 過去 零 確診 但 也 沒什麼 可怕 全世界 各地 都 是 這樣 施信如 提到 現階段 看 起來 仍 在 控制 範圍 但 若 每天 確診 數 暴 增至 千 例 以上 可能 不久 後 破 萬 屆時 就 真的 難以 控制 只能 苦 等 疫苗 接種 陳 秀 熙 強調 英國 變異 株 傳播 力 不容 小覷 醫院 工作人員 確診 或 長 照 機構 者 染疫 頻 傳 戴 口罩 社交距離 不 外出 等 非 藥物 介入 公共 衛生 手段 npi 措施 不能 只 求 60 分 及格 沒 做 到 85 分 6 月 前 恐 再現 第二 波 大 流行 全國 升 三級 首 個 週末 各 景點 人潮 消失 但 在 陳秀熙 心中 只 達到 75 分 標準 陳 秀 熙 提醒 部分 民眾 不 願 配合 口罩 政策 餐飲店 多數 取消 外帶 但 部分 店家 外帶 候 餐 區 民眾 無 保持 社交距離 恐 成 防疫 破 口 臺北醫學大學 附設 醫院 胸腔 內科主任 周 百 謙 也 表示 此 波 疫情 最 大 問題 在於 老年人 重症 比率 高 包含 醫院 住院 與 長 照 機構 的 住 民 長者 未來 還有 多少 未 爆 彈 可能 左右 疫情 走向 甚至 老年人 重症 多 可能 癱瘓 醫療 體系 周 百 謙 說明 高齡者 病況 變化 快 去年 就 有 研究 顯示 高齡者 與 吸煙 者 體內 的 武漢肺炎 受體 ace- 2 較 高 且 病況 變化 快 若 出現 呼吸 喘 等 症狀 年輕人 尚可 忍耐 但 共 病 較 多 的 老年人 可能 會 引起 心律不整 等 病變 他 也 建議 針對 醫療 與 長 照 機構 人員 應 提高 采 檢 頻率 不應 單 次 采 檢 陰性 就 放心 施信如 最後 重申 疫苗 的 重要性 她 強調 武漢肺炎 疫苗 採購 不能 比照 過去 採購 流感疫苗 的 模式 等待 疫苗 廠商 來 申請 議價 必須 更 積極 佈局 否則 以 目前 得 疫苗 就 得 天下 的 情況 被動 可能 難以 購得 疫苗 編輯 謝雅竹 1100524</t>
  </si>
  <si>
    <t>直播 磐石 艦 染疫 韓國 瑜 說明 高雄 最新 疫情</t>
  </si>
  <si>
    <t>中和 分局 偵查隊 2 員染疫 研議 全隊 居家 自我管理</t>
  </si>
  <si>
    <t>新北 市 中 和 警 分局 今 30 日 繼 上午 傳出 2 名 交通 分隊 警員 染疫 晚間 1 名 南 勢派 出 警員 確診 稍 早 偵查隊 2 名 隊員 通知 確診 已 累計 5 人 染疫 中和 分局 表示 由於 染疫 同仁 分處 在 不同 駐地 初步 研 判 應非群 聚 感染 有 疑慮 者 均 已</t>
  </si>
  <si>
    <t>新北 市 中 和 警 分局 今 30 日 繼 上午 傳出 2 名 交通 分隊 警員 染疫 晚間 1 名 南 勢派 出 警員 確診 稍 早 偵查隊 2 名 隊員 通知 確診 已 累計 5 人 染疫 中和 分局 表示 由於 染疫 同仁 分處 在 不同 駐地 初步 研 判 應非群 聚 感染 有 疑慮 者 均 已 居家 自我 健康 管理 分局 將 持續 擴大 清 消 及 實施 分流 異地 辦公 等 措施 會 謹慎 嚴肅 面對 據 瞭解 中和 分局 偵查隊 科 偵 小隊 因 與 確診 的 刑 大徐 姓 隊員 有 接觸 史 故於 本月 27 日 全 隊 前往 快 篩 兼 pcr 檢測 當天 快 篩 均 呈 陰性反應 詎 料 今晚 邱 陳 2 員 先後 接 獲 衛生局 通知 pcr 采 檢 陽性 要求 2 員 居家 隔離 等候 入住 集中 檢疫所 中和 分局 表示 為 求 謹慎 研議 偵查隊 全員 74 人 居家 自我 健康 管理 勤 業務 由 刑警大隊 及 鄰近 分局 支援 目前 正和 警察局 刑警大隊 討論 中 此外 中和 分局 今天下午 排定 內勤人員 前往 快 篩 有 1 人 陽性反應 已 居家 隔離 等候 pcr 檢測 結果</t>
  </si>
  <si>
    <t>染疫 確診 中和 分局 快 篩 pcr</t>
  </si>
  <si>
    <t>美國 食品 暨 藥物 管理局 fda 於 美東 時間 22 日 表示 將 批准 施打第 3 劑 輝瑞 bnt 加強 針 的 緊急 使用 授權 eua 不過 與 拜登 政府 原先 計畫 讓 全民 接種 的 目標 不同 fda 只 批准 讓 65 歲 以上 長者 重症 高風險 以及 工作 有 較 高染疫 風</t>
  </si>
  <si>
    <t>美國 食品 暨 藥物 管理局 fda 於 美東 時間 22 日 表示 將 批准 施打第 3 劑 輝瑞 bnt 加強 針 的 緊急 使用 授權 eua 不過 與 拜登 政府 原先 計畫 讓 全民 接種 的 目標 不同 fda 只 批准 讓 65 歲 以上 長者 重症 高風險 以及 工作 有 較 高染疫 風險 的 3 大 族群 施打 綜合 美國有線電視新聞網 cnn 路透社 報導 加強 針 將 適用於 完整 接種 2 劑 疫苗 後 至少 6 個 月 的 適用 族群 fda 代理 局長 伍 考克 janet woodcock 在 聲明 中 表示 在 考量 所有 現有 科學 證據 及 諮 詢 外部 專家建議 後 fda 批准 讓 部 份 族群 接種 bnt 加強 針 這些 族群 包括 醫護人員 教師 日托 人員 超市 工作人員 收容 中心 監獄 及 其他 等 人員 拜登 政府 8 月 宣佈 計 畫本 周 讓 16 歲 以上 民眾 施打 加強 針 這項 計 畫 一直 在 等待 fda 及 美國 疾病 管制 暨 預防 中心 cdc 批准 fda 官員 表示 cdc 專家 小組 23 日 將 針對 fda 的 加強 針 政策 投票表決 cdc 必須 批准 加強 針 計 畫 才能 正式 啟動 cdc 預防接種 諮 詢 委員會 advisory committee on immunization practices 也 能 進一步 建議 如 何施 打 第 3 劑 路透社 指出 fda 未來 仍 能 重新考慮 是否 擴大 施打 加強 針 fda 內部 對於 是否 要 擴大 讓 全民 接種 第 3 劑 意見分歧 fda 代理 局長 伍 考克 支持 這項 政策 不過 部 份 資深 科學家 反對 指出 現有 科學 證據 並 不 支持 cnn 指出 fda 這項 決定 給 了 輝瑞 pfizer 安慰 獎 輝瑞 先前 申請 讓 16 歲 以上 民眾 在 接種 完 2 劑 疫苗 後 施打第 3 劑 他們 指出 有 足夠 證據 顯示 免疫力 在 6 個 月 後 下降 加強 針 能夠 安全地 提升 免疫力 fda 的 疫苗 專家 17 日 才 一致 建議 批准 第 3 劑 bnt 疫苗 的 eua 不過 施打 範圍 僅 限 65 歲 以上 民眾 及 重症 高風險 族群 接種 時間 點 為 第2 劑 疫苗 後 6 個 月 美聯社 評論 在 專家建議 僅 讓 部 份 高風險 族群 接種 第 3 劑 後 fda 做出 這樣 的 決定 並不 令人 意外 不過 在 cdc 正式 做 決定 前 加強 針 計 畫 還 不能 正式 啟動 cdc 專家 于 昨 22 日 起 展開 為期 2 天 的 會議 他們 將 根據 自己 的 判斷 決定 是否 建議 追 打 疫苗 誰 能 接種 以及 何時 開始 接種 美國 先前 已經 批准 讓 部 份 免疫 低下 民眾 接種 第 3 劑 疫苗 不過 並未 開放 讓 全民 施 打 根據 cdc 統計 目前 全美 約 有 230萬 人 已經 接種 第 3 劑 bnt 疫苗</t>
  </si>
  <si>
    <t>好萊塢 除了 名人 染疫 外 大片 停 拍 消息 更 不間斷 包含 名導 詹姆斯卡麥隆 james cameron 的 阿凡達 系列 電影 男 神 基努李維 keanu reeves 的 駭 客 任務 4 蜘蛛 人 湯姆 霍蘭德 tom holland 改編 電 玩遊戲 的</t>
  </si>
  <si>
    <t>好萊塢 除了 名人 染疫 外 大片 停 拍 消息 更 不間斷 包含 名導 詹姆斯卡麥隆 james cameron 的 阿凡達 系列 電影 男 神 基努李維 keanu reeves 的 駭 客 任務 4 蜘蛛 人 湯姆 霍蘭德 tom holland 改編 電 玩遊戲 的 秘 境 探險 都也 逃不過 無限期 停機 的 命運 據 紐西蘭 先驅 報 報導 阿凡達 系列 續集 已 停止 原訂 4 月 紐西蘭 的 拍攝 計畫 製片 強蘭 道 jon landau 證實 團隊 已 取消 飛往 威靈 頓 的 計畫 在 威靈 頓 總部 的 weta digital 會 繼續 處理 視覺效果 其 餘 全員 留在 美國 洛杉磯 據悉 續集 總 成本 將 達 10億 美元 305億 台幣 目前 4 部 續集 確定 上映 同樣 於 紐澳地區 停 拍 的 劇組 還 包含 魔 戒 影集 梁朝偉 的 漫 威 電影 上 氣 湯姆漢克 tom hanks 的 貓 王 傳記 電影 而 因 德國 疫情 加溫 而 停 拍 的 駭 客 任務 4 原訂本 周到 當地 準備 拍攝 不過 電影 公司 考量 疫情 加上 美國總統 川普 針對 歐洲 實施 旅行 禁令 決定 以 工作人員 安全為 優先 宣佈 停 拍 此外 湯姆 霍蘭德 主演 的 秘 境 探險 改編 暢銷 電 玩遊戲 籌備 過程 波折 不斷 導演 一口氣 換 了 7 次 好不容易 敲定 人選 原定 下月 在 柏林 開拍 沒想 道 再次 面臨 停 拍 窘境 據 deadline 報導 湯姆霍蘭德 原本 7 月 將 進 組 拍攝 蜘蛛 人 3 如今 是否 受 影響 仍 是 未知數 在 全球 停 拍 的 電影 還有 羅伯派汀森 robert pattinson 的 蝙蝠 俠 j k 羅琳 怪獸 與 它們 的 產地 3 威爾史密斯 will smith 的 king richard 卡 蜜 拉 camila cabello 的 真人 版 灰姑娘 凱文哈特 kevin hart 的 喜劇 多倫多 人 伍迪 哈裡遜 woody harrelson 的 恐怖片 shrine 至於 印度 寶萊 塢 則 到 3 月底 前 停止 拍攝</t>
  </si>
  <si>
    <t>雲 林縣 今 26 日 出現 第 8 第 9 例 確診 者 案 5884 曾 載 彰 化 養生 會館 人員 去 篩檢 染疫 他 第一 次 pcr 核酸 檢測 是 陰性 居家 隔離 3 天 後 轉為 陽性 ct 值 高達 236 案 5885 是 六輕 外 包商 的 員工 老闆 案 5083 是 雲林 的 第 7 例 確診 者</t>
  </si>
  <si>
    <t>雲 林縣 今 26 日 出現 第 8 第 9 例 確診 者 案 5884 曾 載 彰 化 養生 會館 人員 去 篩檢 染疫 他 第一 次 pcr 核酸 檢測 是 陰性 居家 隔離 3 天 後 轉為 陽性 ct 值 高達 236 案 5885 是 六輕 外 包商 的 員工 老闆 案 5083 是 雲林 的 第 7 例 確診 者 他 迄今 仍 無 症狀 但 pcr 陽性 ct 值 301 雲 林縣 長 張麗善 指出 案 5884 是 38 歲 男性 住 鬥六 市 嘉 東裡 在 雲林 科技 工業區 鬥 六二 路 的 一家 公司 上班 21 日 曾 到 彰 化 養生 會館 接 朋友 去 醫院 采 檢 因 該 會館 有 6 人 確診 他 22 日 被 接 獲 居家 隔離 通知 及 需 采 檢 衛生局長 曾春美 表示 案 5884 在 22 日 下午 6 點 接 獲 采 檢 通知 到 醫院 接受 pcr 檢測 是 陰性 返回 女友 家 一 人 一 層 樓 居隔 但 不 符合 防疫 規範 23 日 下午 返回 自家 25 日 開始 出現 頭痛 症狀 安排 第二 次 采 檢 確診 ct 值236 匡列 居家 隔離 13 人 自我 健康 監測 3 人 案 5884 的 足跡 大多 在 上班 地點 女友 住家 自己 的 住家 第 九 例 是 案 5885六 輕 外 包商 工程 行 工作 的 39 歲 男員工 老闆 是 24 日 確診 的 案 5083 ct 值 19 他 雖然 無 症狀 24 日 仍 被 列為 居家 隔離 25 日 pcr 檢測 確診 目前 仍 無 症狀 他 的 足跡 單純 大多 是 到 麥寮 鄉 三 盛 村 的 公司 上班 下班 回 中興村 的 家 曾 到 全聯 7 11 案 5083 是 雲 林縣 第 7 例 確診 者 麥寮 鄉 一家 工程 行 老闆 他 的 妻子 案 2776 19 日 在 臺北 確診 新北市衛生局 未 通知 雲 林縣 衛生局 以致 沒有 匡列 他 居家 隔離 直到 23 日 他 在 麥寮 發燒 就醫 采 檢 確診</t>
  </si>
  <si>
    <t>鹿港 地藏王 廟 超 渡 法會 赫 見 白 牌 車染疫 司機</t>
  </si>
  <si>
    <t>明天 是 農曆 中元節 彰 化 鹿港 地藏王 廟 每年 農曆 7 月 13 日 至 15 日 舉辦 一連 3 天 超 渡 法會 除了 動物 與 外國 往 生 者 蓮 位 還 出現 彰 化 染疫 白 牌 車 司機 往 生 蓮 位 廟 方 指出 希望 全台 首位 染疫 過世 的 亡 者 和 全球 染疫 亡靈 皆 能 安息 鹿</t>
  </si>
  <si>
    <t>明天 是 農曆 中元節 彰 化 鹿港 地藏王 廟 每年 農曆 7 月 13 日 至 15 日 舉辦 一連 3 天 超 渡 法會 除了 動物 與 外國 往 生 者 蓮 位 還 出現 彰 化 染疫 白 牌 車 司機 往 生 蓮 位 廟 方 指出 希望 全台 首位 染疫 過世 的 亡 者 和 全球 染疫 亡靈 皆 能 安息 鹿港鎮 內 北 有 天 後宮 掌 天 南有 地藏王 廟 掌管 地 都 是 當地 信仰 中心 鹿港 地藏王 廟 主 祀 地藏王 菩薩 配 祀 境 主 尊 神 注生娘娘 及 十 殿 閻君 過去 民間 一般 誤認為 地藏王 廟 屬 陰廟 其實 地藏王 菩薩 掌管 的 是 善惡 靈魂 並且 統帥 十 殿 閻君 視為 陽神 管理 陰間 有 眼尖 民眾 發現 鹿港 地藏王 廟 超度 法 會上 出現 白 牌 車 司機 的 往 生 蓮 位 對此 廟 方總 幹事 林慧娟 指出 地藏王 廟 信 眾 遍及 全世界 今年 廟 方 特地 為 新冠肺炎 往 生 的 亡 者 設置 往 生 蓮 位 超渡 因為 疫情 死亡 的 亡靈 盼 亡 者 都能 安息 新冠肺炎 全球 肆虐 截至 目前 已 造成 2530萬 人 感染 848萬 餘 人 死亡 林慧娟 說 由於 新冠肺炎 疫情 年初 就 爆發 有 一 名 自 武漢 嫁 來 臺灣 的 新 住 民 原本 過年 期間 想 返鄉 探親 特地 前來 擲 筊 請示 神明 不料 擲 不出 聖 杯 神明 不 准 原來 是 該 女 的 父親 姊 姊 與 姊夫 都 在 武漢市 場內 擺攤 賣 雞鴨 陸續 染疫 住院 她 只好 設置 動物 蓮 位 盼 超度 雞鴨 等 市場 內 的 動物 1 個 月 後 該 名 女子 高高興興 帶 了 20 鬥 白米 答謝 還 告知 廟 方 家人 都 已 陸續 康復 住院 除 了 新冠肺炎 亡 者 蓮 位 動物 蓮 位 還有 一 名 在 墨西哥 經商 的 彰 化 台商 由於 長期 失眠 睡 不 安穩 主動 前來 地藏王 廟 拜拜 問 神 經 神明 指示 須超渡 墨西哥 當地 的 十方 孤魂 因此 法會 中 也 設置 有 國外 墨西哥 王 靈 的 往 生 蓮 位</t>
  </si>
  <si>
    <t>鹿港 地藏王 廟 白 牌 車染疫 司機 超渡 法會 新冠肺炎</t>
  </si>
  <si>
    <t>海軍 敦睦 艦隊 染疫 支隊長 陳道輝 少將 遭 調 職 外界 質疑 他 成 了 代罪羔羊 本報 對 此 舉辦 網路 投票 請問 陳道輝 遭 調 職 你 認為 是否 公平 截 稿 為止 竟 有 高達 9240 的 網友 回答 不 公平 顯然 高層 長官 想 卸責 給 他</t>
  </si>
  <si>
    <t>海軍 敦睦 艦隊 染疫 支隊長 陳道輝 少將 遭 調 職 外界 質疑 他 成 了 代罪羔羊 本報 對 此 舉辦 網路 投票 請問 陳道輝 遭 調 職 你 認為 是否 公平 截 稿 為止 竟 有 高達 9240 的 網友 回答 不 公平 顯然 高層 長官 想 卸責 給 他 中 時 新聞網 23 日 針 對此 進行 網路 投票 請問 陳道輝 遭 調 職 你 認為 是否 公平 截 稿 為止 已 有 1千 多 名 網友 投票 高達 9240 1118 票 的 網友 回答 不 公平 顯然 高層 長官 想 卸責 給 他 719 87 票 則 回答 公平 他 本來 就 該 負責 另 041 5 票 的 網友 則 表示 不 知道 無 意見 陳 道 輝 接受 立院 電話 備詢 時 一度 哽咽 表示 我 在 此 我 用 生命 保證 我 絕對 沒有 隱瞞 任何 疫情 因為 如果 我 知道 已經 有 人 感染 我 一定 會 遵照 國防部 的 命令 立刻 返航 如今 陳道輝 少將 遭 調 職 外界 質疑 其成 了 這 起 事件 的 代罪羔羊</t>
  </si>
  <si>
    <t>新冠肺炎 肆虐 全球 已 過 一 年 全球 8600 多 萬人染疫 近 200萬 人 死亡 美國 災情 最 嚴重 至今 死亡 35萬 人 染疫 人數 兩千萬 人 加州 病情 最 嚴重 部分 醫院 甚至 達到 140 收治 率 而 部分 醫院 因為 忙不過來 亟需 輸氧 的 重症 病 患 甚至</t>
  </si>
  <si>
    <t>新冠肺炎 肆虐 全球 已 過 一 年 全球 8600 多 萬人染疫 近 200萬 人 死亡 美國 災情 最 嚴重 至今 死亡 35萬 人 染疫 人數 兩千萬 人 加州 病情 最 嚴重 部分 醫院 甚至 達到 140 收治 率 而 部分 醫院 因為 忙不過來 亟需 輸氧 的 重症 病 患 甚至 得 等上 18 小時 更 有 不少 醫院 乾脆 暫停 救護車 進入 很多 殯葬 業者 喪禮 已經 排到 今年 4 月 了 我 剛 從 臺灣 到 美國 在 此 耶誕節 及 新年 期間 這裡 沒有 華麗 只有 滄桑 僝 愁 故事 聽 不 完 道 不 盡 我 的 朋友 和 同事 都 有人 中標 留下 嚴重 後遺症 在 芝加哥 的 布魯諾 一家人 先後 確診 新冠肺炎 年邁 雙親 更 不 敵 病毒 摧殘 10 天內 相繼 過世 染疫 原因 是 姊 姊 帶 著 爸 媽 來 家幫 他 理髮 順便來 看看 弟弟 及 兒子 但 23 天 後 結婚 59 年 的 父母 雙雙 染疫 身亡 染病 後 倖存 的 兒子 悔恨 地 說 如果 我 懂得 節制 做出 小小 犧牲 沒有 和 我 媽媽 相處 那幾 十分 鐘 他們 現在 都還會 活 著 去年 11 月 感恩節 帶來 的 惡果 社會 還 沒有 消耗 完畢 現在 又 來 一個 耶誕節 及 新年 預估 全美 逾 8450萬 人 擬 在 年終 耶誕 假期 期間 出遊 等於 美國 1 3 的 人口 都 要 出遊 白宮 公 衛 專家 說 新年 以後 的 兩 周將 是 新冠肺炎 高潮 估計 死亡 人數 將 達 40萬 人 真 可說是 死亡 新年 此次 美國 疫情 失控 很多 學者 都 開始 檢討 西方 價值觀 對 這次 疫情 蔓延 的 因素 其實 也 不是 西方 價值觀 皆 非 而是 西方 價值觀 裡 某些 元素 如 個人主義 及其 衍生 的 集體 行為 不足取 這次 美國 新冠肺炎 蔓延 最 主要 是 剛 開始 大家 都 不 戴 口罩 臺灣 和 亞洲 人 深受 sars 的 恐懼 很 早就 戴 上 美籍 亞洲 人 也 很 早就 戴 上 還 頻遭 騷擾 甚至 暴力 相向 西方 一向 認為 只有 生病 的 人才 戴 口罩 到 了 去年 6 月 有些 地方 才 規定 在 室內 要 戴 口罩 但 川普 卻 一直 要 表現 英雄主義 各種場合 還是 不 戴 口罩 上行下效 這些 人 認為 戴 口罩 是 私人 行為 自己 應該 有 權利 決定 也 成為 大選 的 議題 之一 殊不知 雙方 都戴 口罩 可以 避免 傳染 85 絕對 不是 個人行為 而是 公眾 行為 況且 不 戴 口罩 引發 新冠肺炎 必須 用 到 公共 健康 資源 也 不是 個人 的 事 其實 美國 歷史 上 並不 崇尚 個人主義 清教徒 移民 美國 在 英國 出發 之前 就 已 設下 嚴格 規範 有紀律 過 團隊 生活 才能 抵抗 印第安 人 個人主義 長久以來 在 歐美 意味著 自力更生 不靠 政府 不靠 父母 這種 精神 擴展 延續 到 第二次世界大戰 60 年代 才 開始 步入 自私 的 個人主義 一 如 臺灣 的 只要 我 喜歡 有 什麼 不 可以 而 這種 自私 的 個人主義 後來 演變成 西方 文化 的 種種 缺陷 例如 崇尚 離經叛道 摧毀 傳統 價值觀 解構 各種 事務 甚至 現今 的 贏 者 全 拿 導致 國家 分裂 財富 分配 不均 也 是 去年 美國 無窮無盡 的 示威 最 關鍵 的 源頭 這次 假期 美國 人 就 不 願 犧牲 血 拼 出遊 與 親友 相聚 的 機會 一定 要 及時行樂 其實 等 明年 大家 都打 了 疫苗 再來 狂歡 也 不遲 最 悲哀 的 是 青壯年 人士 在 外面 狂歡 後 把 病原 帶回家 感染 了 父母 及 祖父母 老人家 體 弱 死亡率 高 縱使 倖存 身體健康 也 大打折扣 造成 一家 的 困擾 這種 自私 的 個人主義 臺灣 更 應該 避免</t>
  </si>
  <si>
    <t>蘋果 染疫 全球股市 嚇 跌</t>
  </si>
  <si>
    <t>女主播 一家 染疫 痊癒 婆婆 卻 靠 葉克 膜 搶 命 自責 不孝 輕忽</t>
  </si>
  <si>
    <t>兩 日 激增 386 人 染疫 最新 確診 地圖 曝光 3 縣 市 一 夜 變色</t>
  </si>
  <si>
    <t>近日 本土 新冠 疫情 趨 緩 但 卻 因 中研院 確診 事件 讓 疫 調 人員 再度 忙 了 起來 就是 要 確保 病毒 不 會 進入 社區 而 面對 來勢洶洶 的 omicron 變異 株 臺北市 副 市長 黃珊珊 深夜 有感而發 指出 今 14 日 開始 入境者 可 選用 10 4 與 7 7 專案 讓 她 直言 不 知道 這個 無法挽回 的 決策 會 讓 臺灣 付出 多 大 的 代價 天 佑 臺灣 黃珊珊 深夜 在 臉書 表示 這次 中研院 事件 最讓人 擔心 的 是 國家級 的 高階 實驗室 發生 嚴重 管理 危機 工作人員 沒有 按照 sop 穿 脫 防護 裝備 造成 環境 污染 北市 衛生局 人員 為 了 確認 狀況 前往 實驗室 做 環境 采 檢 結果 發現 環境 呈 陽性反應 黃珊珊 也 要求 同仁 先 做 預防 性 隔離 以免 影響 到家 人 與 同事 黃珊珊 表示 一個 小小 的 疏忽 付出 如此 大 的 社會 成本 我 相信 沒有 人 是 故意 染疫 的 但是 處理 如此 高風險 的 專業 人員 真的 容不得 出 一點 差錯 所以 還 是 那 句 話 sop 很 重要 差一點 點 差 很多 此外 黃珊珊 也 提到 今日 入境者 適用 10 4 或 7 7 專案 但 這 兩 個 專案 都 是 在 omicron 肆虐 前 做 的 決策 如今 全世界 被 omicron 燒得 頭昏腦脹 我們 的 考驗 才 正要 開始 因為 防疫 旅館 都 已經 訂滿 了 再也 轉 不 回 14 天 了 只 是 不 知道 這個 無法挽回 的 決策 會 讓 臺灣 付出 多 大 的 代價 天 佑 臺灣</t>
  </si>
  <si>
    <t>城市 染疫 歐洲 有錢 人 逃難 鄉下 荒唐 行徑 被 罵 翻</t>
  </si>
  <si>
    <t>海軍 敦睦 艦隊 染疫 30 人 國防部 為 釋眾疑 每天 開 記者會 最新 進度 是 認定 沒 隱匿 只 有 回報 問題 同時 支隊長 陳道輝 也 改口說 沒有 回報 有 人員 發燒 且 是 他 下令 放行 下船 對此 宅 神 朱學 恒 說 既然 當事人 已 扛 責 他 本 已不 想</t>
  </si>
  <si>
    <t>海軍 敦睦 艦隊 染疫 30 人 國防部 為 釋眾疑 每天 開 記者會 最新 進度 是 認定 沒 隱匿 只 有 回報 問題 同時 支隊長 陳道輝 也 改口說 沒有 回報 有 人員 發燒 且 是 他 下令 放行 下船 對此 宅 神 朱學 恒 說 既然 當事人 已 扛 責 他 本 已不 想 多 講 但 處罰 艦隊 長 竟是 因為 沒 回報 發燒 他 怒 嗆 他 要 笑 死 解放軍 嗎 朱學 恒 在 臉書上 說 一 想到 人家 人家 遼寧 號 跟 六 艘 護衛艦 繞 台 示威 人民解放軍 回去 可能 還 會 有功 有 賞 結果 我們 敦睦 艦隊 都 還 沒 休息 就 又 出去 監視 遼寧 艦 任務 成功 圓滿 達成 最後 中華民國 的 艦隊 長 被 懲處 你 處罰 艦隊 長 的 原因 是 沒 回報 發燒 是 他 要 笑 死 解放軍 嗎 他 在 文中 引述 一 位 感染 科 醫師 的 說法 只 以 回報 這 點 來說 是 表格 設計 的 問題 比較 大 不是 醫官 也 不是 支隊長 的 問題 一 位 網友 則 認為 其實 三 方 有 責任 一個 是 誰 准 出 船 這 是 行政院 以上要 扛 一個 是 設定 海軍 沒 照 鑽石 公主 號 規格 這 是 防疫 指揮官 的 問題 一個 是 下船 放 人 這 是 海軍 責任</t>
  </si>
  <si>
    <t>新冠 疫情 在 國內 引爆 隨 著 確診 人數 持續 攀升 社區 氣氛 也 變 得 人心惶惶 許多 民眾 就算 乖乖 待 在家 中 也 擔心 染疫 兒科 醫師 徐嘉賢 坦言 新冠 病毒 千變萬化 很多 症狀 容易 和 感冒 氣喘 混淆 不過 新冠肺炎 患者 有 一個 症狀 比</t>
  </si>
  <si>
    <t>新冠 疫情 在 國內 引爆 隨 著 確診 人數 持續 攀升 社區 氣氛 也 變 得 人心惶惶 許多 民眾 就算 乖乖 待 在家 中 也 擔心 染疫 兒科 醫師 徐嘉賢 坦言 新冠 病毒 千變萬化 很多 症狀 容易 和 感冒 氣喘 混淆 不過 新冠肺炎 患者 有 一個 症狀 比例 特別 高 同時 也 是 確診 初期 的 相關 指標 徐嘉賢 在 臉書 黑 眼圈 奶 爸 dr 徐嘉賢 醫師 上 分享 門診 常 遇到 許多 病 患 身體 出現 流 鼻 水 鼻 塞 症狀 卻 不 知道 到底 是 過敏 還是 感冒 甚至 擔心 染 上 新冠肺炎 在 疫情 期間 的確 有 許多 症狀 容易 和 新冠肺炎 混淆 徐嘉賢 透露 過敏 發作 的 時間 較 固定 症狀 不太會 改變 沒有 發燒 沒有 味覺 改變 不過 長期 鼻子 過敏 鼻竇炎 也 會 有 嗅覺 上 師或 嗅覺 異常 而 氣喘 患者 有些 也 會 咳嗽 還 會 有 痰 音 但 總括 來說 過敏 是 不 會 發燒 至於 一般 感冒 症狀 就 會 隨 時間 變化 可能 剛 開始 打噴嚏 隔 天 流 鼻 水 喉嚨 痛 也 可能會 發燒 徐嘉賢 表示 新冠肺炎 症狀 千變萬化 很 像 一般 的 感冒 甚至 還 有無 症狀 感染者 要 分辨 確實 困難 唯一 能夠 確定 的 方法 就 是 做 篩檢 但 他 指出 若 出現 味覺 和 嗅覺 異常 症狀 時 需要 特別 留意 雖然 這 並 不是 新冠肺炎 獨有 的 症狀 其他 普通 的 感冒 病毒 也 會 發生 但是 新冠肺炎 的 比例 特別 高 確診 者 中 有 68 至 85 嗅覺 異常 71 至 888 味覺 異常 而且 出現 嗅 味覺 異常 症狀 是 在 確診 初期 病毒 沒有 進入 肺部 之前 的 一個 徵兆 徐嘉賢 提醒 除非 醫生 有 強烈 懷疑 或是 有 接觸 史 足跡 和 確診 者 重疊 的 民眾 千萬別 沒事 去 湊熱鬧 篩檢 看看 去 篩檢 站 急診 大 醫院 感染 病毒 的 風險 可能 更 高 而且 防疫 的 醫護人員 也 已經 很 忙 了 不要 增加 他們 額外 不必要 的 工作 徐嘉賢 說 最好 的 方法 是 等 疫苗 開放 就 趕快 去 預約 施打 疫苗 施打 率 有 普及 的 話 疫情 才有 停止 的 一 天</t>
  </si>
  <si>
    <t>高 市長 照 機構 染疫 危機 幸工作人員 pcr 全 為 陰性</t>
  </si>
  <si>
    <t>高雄市 才 宣佈 長 照 機構 工作人員 1 日 起 全面 快 篩 2 日 深夜 就 驚 傳 前鎮區 某 一 棟 大樓 8 間 長 照 機構 多 位 工作人員 快 篩 驗 出 陽性 事件 總 人數 不明 衛生局 第一時間 出動 遊覽車 載 送 相關 人員 前往 醫院 進行 pcr 采 檢 采 檢 結果 3 日 中午 出爐 全數 人員 全 為 陰性 危機 暫時 解除 衛生局 強調 高雄市 為 低度 盛行 率 目前 快 篩 偽 陽性 比率 甚 高 疫情 公佈 以 流行 疫情 指揮中心 為 准 據 瞭解 該 棟 大樓 有 9 家長 照 中心 其中 約 有 一半 的 人力 是 外籍 人員 部分 快 篩 陽性 工作人員 先 被 防疫 計程車 載 走 但 沒 想到 後續 驗 出 更 多 陽性 工作人員 衛生局 深夜 緊急 調度 防疫 遊覽車 多 名 防疫 人員 穿 著 隔離 衣 協助 將 工作人員 一 次 送 往 醫院 做 pcr 采 檢 衛生局 表示 昨晚 檢驗 發現 該 同 棟 8 家長 照 中心 多 位 工作人員 快 篩 有 偽 陽性 問題 隨即 依 sop 進入 通報 流程 針對 快篩 呈 陽性反應 者 照顧 對象 足跡 接觸 史 場 域 等 一一 厘 清 至於 快 篩 呈 陽性 的 工作人員 昨晚 在 醫院 做 完 pcr 檢驗 後 就讓 其 在 指定 處所 進行 健康 自主 管理 在 pcr 檢驗 結果 揭曉 前 嚴格要求 再 固定 定點 自我 隔離 不得 再於 機構 內 活動 也 不 得 出入 人潮 眾多 處 更 不能 搭乘 公共交通 運輸工具 衛生局 表示 目前 臺灣 北部 已 有 長 照 機構 染疫 危機 高 市府 1 日 才 宣告 長 照 機構 加強 防疫 作為 包含 限制 訪 客 探視 禁止 院 際 間 工作人員 支援 與 交流 每日 稽核 機構 防疫 作為 新 入 住 的 住 民 入住 機構 或 出院 轉入 及 返回 機構 均 需 核酸 檢測 陰性 長 照 機構 工作人員 全面 快 篩檢測</t>
  </si>
  <si>
    <t>海軍 染疫 總統府 3 點 提醒 徹底 檢討 坦承 以 對</t>
  </si>
  <si>
    <t>敦睦 艦隊 磐石 艦 24 人 確診 新冠肺炎 國軍 防疫 疑 出現 漏洞 4 月 15 日 參謀總長 黃曙光 主持 結訓 典禮 隔日 赴 官邸 與 總統 蔡英文 開會 是否 有 疑慮 也 引發 關注 對此 總統府 也 出面 說明 要求 國軍 檢討 疏失 並 務必 配合 指揮中心 規範 總統府 發言人 丁允恭 表示 第 一點 國軍 除 向社會 致歉 承擔 應有 責任 外 更 以此 為 鑒 徹底 檢討 防疫 管理 第二 點 國軍 除 全力 配合 疫 調 外 國防部 調查 小組 也 因 詳細 厘 清 過程 既然 已 造成 防疫 缺口 就要 坦承 以 對 不能 再 有 疏漏 這 攸 關 國內 疫情 管控 也 關乎 民眾 對 國軍 的 信任 沒有 絲毫 鬆懈 空間 第 三 點 所有 涉及 國 軍人 員 需 嚴格 遵守 疫情 中心 的 指引 及 規定 做好 個人 隔離 及 管理 措施 也 請 軍方 及 醫療 體系 全力 照顧 染疫 官兵 務必 做好 國軍 整體健康 跟 戰力 維繫 對於 參謀總長 黃曙光 曾 與 總統 開會 丁允恭 表示 當天 會議 都依 相關 規範 與 指引 也 有戴 口罩 消毒 且 會議 場所 也 已 加強 消毒 是 沒有 問題 的 總統 的 健康狀況 也 會 以 最 嚴格 標準 關注</t>
  </si>
  <si>
    <t>新北 市長 侯友宜 昨 14 日 表示 自己 最 討厭 政治 口水 近期 接 獲 蔡英文 總統 致電 時 特別 向 總統 善意 提醒 國難當頭 請 總統 約束 底下 的 人 一起 團結 抗 疫 對此 臺灣 民意 基金會 董事長 游盈隆 認為 硬漢 如 侯友宜 也 有 受不了 被 攻擊 的 時候 也 或許 這種 示弱 或 求饒 是 一 種 高明 的 政治 動作 雙 北市 疫情 嚴峻 對於 侯友宜 向 蔡 總統 提醒 約束 底下 的 人 媒體 今 14 日 再度 追問 是 哪些 人 需要 被 約束 侯 回應 只 是 媒體 在 詢問 的 時候 還原 當 時候 整個 談話 的 內容 最 重要 是 團結 在 一起 努力 防疫 遊 盈 隆 14 日 在 臉書 表示 硬漢 如 侯友宜 也 有 受不了 被 攻擊 的 時候 也 或許 這種 示弱 或 求饒 是 一 種 高明 的 政治 動作 是 好 是 壞 民眾 心中 自 有 一 把 尺 此外 遊盈隆 也 提到 今年 過 一個 百年一遇 的 端午節 友人 昨天 傳來 一 首 詞 作者 不詳 仿 宋朝 蘇軾 江城子 讀 之 令 人 拍案叫絕 作者 文采之 好 讓 我 眼睛 為 之一 亮 內容 如下 端午 生死 兩 茫茫 禁 返鄉 虛 解 盲 萬人染疫 無處 話 淒涼 縱使 相逢 應 不識 罩 遮 面 人心 慌 五 漢 廢 言 擺 爛 王 普 篩 擋 高端 放 相顧 無言 唯有 淚千行 料 得 來年 腸斷 處 悼 國 觴 怨 女皇 過 一個 百年一遇 的 端午節 今天 是 端午節 去年此時 臺灣人 正 興高采烈 過 端午 因 6 月 7</t>
  </si>
  <si>
    <t>臺灣 疫情 持續 升溫 民眾 人心惶惶 華視 總經理 莊豐嘉 今 20 下午 在 透過 臉書 證實 一 名 公務 車 員工 曾至 萬 華 地區 經采檢 後 確診 消息 一 出 也 引發 員工 不滿 因為 有 傳 大多數 員工 還 是 看 了 新聞 才 知道 此事 甚至 有 人 直接 在 新聞 部 群 發難 質問 公司 有 什麼 相關 配套措施 對此 莊豐嘉 稍 早 也 發出 一 封 內部 信 強調 公司 絕非 隱匿 疫情 盼 員工 安心 不要 自己 嚇 自己 華視 證實 一 公務 車 駕駛 確診 引發 許多 看 新聞 才 知道 的 員工 相當 不滿 甚至 有 記者 在 新聞 部 群 組 發難 只 想 問 關於 駕駛 確診 後續 公司 會 即時 公佈 後續 結果 嗎 雖然 採訪車 駕駛 休息室 不同於 公司 駕駛 但 公司 駕駛 也 有 來 支援 採訪 班 他們 沒有 染疫 風險 嗎 有 進一步 采 檢 嗎 相關 資訊 可以 詢問 什麼 單位 呢 對此 目前 正 在 自主 隔離 中的 總經理 莊豐嘉 稍 早 也 發出 內部 信 強調 華視 絕非 隱瞞 而是 在 當時 的 情況 下還 找 不 到 公佈 的 適當 時機 他 更 透露 確診 司機 是 16 號 致電 告知 自己 曾在 8 號 去 萬華 餐 敘 雖 無 任何 症狀 仍 被 他 要求 立刻 前往 篩檢 莊 豐嘉 再度 強調 華視 絕非 隱瞞 疫情 根據 疾 管 法規 定 確診 必須 由 政府 部門 統一 公佈 我們 自己 不能 這樣 宣稱 何況 結果 都還沒 出來 我們 當然 不能 自行 宣佈 有人 確診 而是 靜 待 結果 但是 內部 有 人 開始 外傳 各種 消息 讓 媒體 也 緊緊 跟進 造成 公司 困擾 也 讓 同仁 感到 害怕 我 要 再次 強調 這 絕非 隱瞞 而是 遵守 相關 法規 的 必然結果 同時 他 也 為 溝通 不良 造成 同仁 誤解 與 恐慌 道歉 盼 大家 諒解 華視 內部 信 如下 各位 同仁 平安 有 關本 公司 公務 車 司機 今天 被 通知 確診 及 公司 在 這 件 事 上 的 防疫 處理 因為 之前 公報 並 沒有 說 得 很 清楚 在 此 我 做 一個 簡單 而 完整 的 說明 請 大家 安心 整件事 一 開始 是 司機 在 五月 十六 日 晚上 約 六 點來電 告知 他 在 五月 八 日 去 過 萬 華和 朋友 餐 敘 雖然 沒有 任何 症狀 但 必須 跟 我 報告 這 件 事 當時 他 並未 去 做 篩檢 因此 獲知 後 我 立即 要求 他 必須 馬上 去 進行 篩檢 他 也 在 當天 晚上 很 幸運 也 很 快 的 在 新北 署 立 醫院 做 了 檢查 他 的 通報 就 如 我們 每週 各 部門 提供 同仁 足跡 疫 調 一樣 就 是 一個 疫 調 主管 也 都 知道 是 那些 人 當時 他 既非 確診 者 也 沒有 被 匡 列為 接觸 者 只 是 主動 通報 而已 像 這樣 的 足跡 疫 調 者 在 公司 就 有 八 十幾 個人 請 大家 思考 是否 現在 就要 全部 公佈 這些 人 的 名單 會 不 會 弄 得 人心惶惶 而 自己 嚇 自己 其實 同仁 近日 也 都 有人 自行 去 做 篩檢 這些 人 都還 不是 確診 者 或 準確 診 者 是否 除了 通報 他 的 主管 也 要 通報 給 所有 同仁 知情 我 要 強調 的 是 這 絕非 隱瞞 而是 在 當時 的 情況 下 還 不 到 公佈 的 時機 但 即便如此 我獲知 司機 去 過 萬 華 的 當晚 立即 要求 清查 過去 幾 天和 司機 接觸 有 那些 人 並 對 相關 空間 進行 消毒 例如 司機 休息室 等 並 要求 他們 先 自我 隔離 而 新聞 台 攝影棚 等 空間 也 額外 做 強化 消毒 的 工作 由於 和 司機 有 相當 頻繁 的 人 與 人 的 連結 我 隔 天 自己 也 去 住家 附近 醫院 進行 快 篩 並 從此 在家 遠 距 上班 迄今 當天 篩檢 後 醫院 告知 我 要 等 三 天才 會 知道 結果 而且 有 確診 才會 通知 沒 確診 就 不 會 通知 司機 的 情況 也 一樣 所以 他 到 今天 才 正式 收到 來自 醫院 pcr 陽性 的 簡訊 根據 疾 管 法規 定 確診 必須 由 政府 部門 統一 公佈 我們 自己 不能 這樣 宣稱 何況 結果 都還沒 出來 我們 當然 不能 自行 宣佈 有人 確診 而是 靜 待 結果 但是 內部 有 人 開始 外傳 各種 消息 讓 媒體 也 緊緊 跟進 造成 公司 困擾 也 讓 同仁 感到 害怕 我 要 再次 強調 這 絕非 隱瞞 而是 遵守 相關 法規 的 必然結果這 段 時間 我們 當然 有 進行 超前 部署 的 防疫 行為 也許 不夠 周詳 但 已經 盡其所能 的 儘量 做 如果 溝通 不良 造成 同仁 的 誤解 和 恐慌 我 在 此 表示歉意 但 我 一向 最 重視 危機 處理 不可能 在 這種 事情 上有 對 同仁 做 任何 的 隱瞞 這 既 不智 也 沒 任何 必要 萬 請 同仁 諒解 也 祝禱 大家 身體健康 平安無事 總經理 莊 豐嘉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az 疫苗 昨天 起 大規模 接種 加上 連日 確診 數 降到 200 例 以下 是否 28 日 就 可能 解除 三級 警戒 對此 精神 科 醫師 沈政男 認為 臺灣 要 解除 三級 警戒 最好 的 做法 是 清 零 並 指出 沒有 疫苗 不可能 壓制 疫情 是 盡信 書 吃到 阿兜仔 口 水 的 看法 並 不 適用於 臺灣 沈政男 昨天 15 日 在 臉書 發文 臺灣 在 萬華群 聚 事件 過去 後 現在 只 剩下 家戶 感染疫情 已經 降到 了 新 低點 依照 這個 趨勢 6 月 28 日 有 機會 降到 新增 兩位數 只是 屆時 大家 敢 解 封三 級 警戒 嗎 他 認為 解封 一定 會 有 疫情 再起 的 風險 只是 風險 多 大 必須 有 科學 根據 而 不是 憑直覺 來 判斷 建議 可以 把 過去 一個 多 月 來 主要 的 群 聚 感染 事件 其 發生 原因 做 一個 整理 以 找 出 危險 因數 沈政男 說 商店 實 聯 制 市場 分流 雙鐵 降 載 這些 措施 其實 無關大局 甚至 上學 上課 開會 聊天 逛 街 看 電影 這些 可以 戴 口罩 的 活動 也 都 不是 問題 重點 在於 餐廳 與 小吃店 能 不能 開放 內 用 學校 營養 午餐 該 怎麼 吃 這 才最 傷腦筋 沈政男 說 目前 要 解除 三級 警戒 最好 方法 就是 清 零 因為 一 解除 三級 警戒 疫情 就 會 死灰復燃 但 清零 的 話 就 不會 指出 清 零 是 臺灣 防疫 接下來 的 關鍵字 呼籲 大家 一定 要 有 這樣 的 雄心壯志 不然 就 會 像 英國首相 強 森 說 的 我們 要 學習 跟 covid 共存 但 沈政男 直言 臺灣人 並 不 想要 跟 新冠 病毒 共存 不可能 清 零 沒有 疫苗 不可能 壓制 疫情 是 盡信 書 吃到 阿兜仔 口 水 的 看法 並 不 適用於 臺灣 沈政男 說 即使 大 部分 人 都打 了 疫苗 如果 沒有 清零 的 決心 那麼 也 不可能 清 零 依然 必須 忍受 每日 新增 多少 例 的 日子 試問 臺灣人 要 過 這樣 的 日子 嗎 歐美國家 可以 但 我們 要 嗎 如果 不要 那麼 不管 疫苗 打 了 多少 一定 要 徹底 壓制 每 一 只 病毒 不要 放過 直到 清零 為止 現在 雙北 都 提出 了 冷 區殲滅 作戰 先 從 案例 少 的 區域 把 病毒 清 光 然後 再 逐漸 往 熱區 包圍 過去 而 中南 是 全台 疫情 相對 的 冷 區 已經 有 好幾 個 縣 市 陸續 出現 零 確診 了 清零 是 有 機會 的</t>
  </si>
  <si>
    <t>有些 新冠 患者 的 症狀 比 別人 更 嚴重 甚至 在 擊潰 病魔 出院 後 仍 持續 感到 疲憊 呼吸困難 生活 久久 無法 恢復正常 現在 耶魯大學 的 科學家 找到 關鍵 原因 疑 似是 患者 體內 的 自體 抗體 autoantibody 在 作怪 綜合 英國 每日 郵報 daily mail 衛報 the guardian 報導 新冠肺炎 被 視為 是 短期 疾病 公 衛 專家 多 指出 患者 染病 後 2 周內 多能 康復 不 過 許多 研究 及 康復者 現身說法 指出 患者 出院 後 仍 得 經歷 很 長 一段時間 的 後遺症 這些 症狀 包括 疲憊 呼吸 急促 甚至 是 大腦 損害 耶魯大學 研究 團隊 12 日 刊登 在 醫學論文 預 印本 平臺 medrxiv 網站 的 研究 顯示 新冠 患者 血液 中 存在 大量 自體 抗體 這些 自體 抗體 會 阻斷 人體 抗體 對抗 新冠 病毒 並且 攻擊 包括 大腦 血管 肝臟 在內 等 多 個 地方 導致 部分 患者 症狀 更 嚴重 患者 痊癒 後 仍 經歷 長 時間 的 後遺症 耶 魯 科學家 比對 194 名 染疫 醫護人員 患者 以及 30 名 健康 成人 體內 的 自體 抗體 數量 發現 患者 體內 的 自體 抗體 數量 遠 高於 健康 成 人 另 一 組 試驗 則 發現 體內 自體 抗體 含量 更 多 的 患者 新冠 症狀 更 嚴重 他們 的 自體 抗體 會 攻擊 已經 遭受 新冠 病毒 攻擊 的 器官 科學家 也 擔心 自體 抗體 造成 患者 痊癒 後 仍 得 經歷 很 長 一段時間 的 後遺症 該 研究 的 作者 耶魯大學 免疫 生物學家 林格 aaron ring 表示 新冠 患者 體內 產生 的 自體 抗體 實際上 會 干擾 身體 對抗 病毒 的 免疫 反應 我們 確信 這些 自體 抗體 對 新冠 患者 有害 因為 抗體 可以 存在 體內 很 長 一段時間 所以 可以 想像 它們 可能 會 導致 長期 新冠 症狀 正常 情況 下 當 病毒 進入 人體 時 人體 免疫系統 會 自動 產生 儲存 蛋白 對抗 入侵 者 這些 蛋白 稱為 抗體 antibody 抗體 會 附 著 在 病毒 表面 的 棘 狀 蛋白 spike protein 使 病毒 無法 發揮作用 但是 在 特定 情況 下 免疫系統 辨識 人體 自身 物質 的 能力 失效 錯誤 將 體內 物質 當成 侵略者 因此 對 物質 發出 免疫 反應 產生 自體 抗體 自體 抗體 也 是 一 種 抗體 但是 會 錯誤 攻擊 體內 蛋白 攪亂 正常 運作 功能 另外 北 布裡斯托 全民 健 保信讬 基金 the north bristol nhs trust 的 研究 顯示 110 名 新冠 患者 中 高達 74 的 患者 在 罹 病 12 周後 至少 還 有 一個 症狀 仍 在 持續 最 常見 的 症狀 是 疲倦 其次 是 呼吸困難 另外 還有 失眠 肌肉 酸痛 胸 痛 等 症狀</t>
  </si>
  <si>
    <t>台 中港 又 中 鏢 1 離岸 風 電 船員 染疫</t>
  </si>
  <si>
    <t>板橋 幼稚園 群 聚 再 增 2 例 同 住 爺爺 職 場 同事 染疫</t>
  </si>
  <si>
    <t>新北 市 板橋 幼稚園 群 聚 昨 天才 嘉玲 今天 再度 擴大 指揮中心 宣佈 今天 本土 新增 3 例 確診 中 有 2 例 是 幼稚園 群 聚 分別 為 一 名 幼稚園 幼童 的 爺爺 以及 媽媽 的 職 場 男同事 染疫 其中 案 16185 爺爺 無 症狀 ct 值 145 家住 新</t>
  </si>
  <si>
    <t>臺灣 本土 疫情 擴大 後 新北 市 臺北市 確診 數 雙雙 破 千 中央 地方 權責 不 清 防疫 一團亂 台 大工 務 室 日前 爆發 10 員工 感染 今 有 家屬 爆 料 指 與 確診 者 同 住 的 家人 事情 發生 後 完全 無人 聞問 連 隔離 通知 都 沒有 自己 打電話 問 1922 或 衛生 單位 結果 一問三不知 氣 得 怒駡 政府 是 要 放 我們 等 死 嗎 台 大工 務 室 集體 染疫 後 院方 緊急 針對 全院 近 萬 人 篩檢 安全 過關 有 家屬 向 中 時 新聞網 表示 因 家裡 有 長輩 外勞 與 確診 者 同 住 照 規定 應匡列 並 隔離 但 沒有 人 告訴 我們 該 怎麼 做 打電話 去 問 也 互 踢皮球 家屬 不滿 地 說 難道 要 靠 匡列者 自律 嗎 萬一 跑出去 趴 趴 走 怎麼辦 家屬 強調 她 向 確診 者 詢問 發現 工 務 室 這 批 確診 者 的 同 住 家人 都 沒 收到 衛生 單位 指引 甚至 有 單位 回 覆 若 自覺 不適 可 自 行前 往 篩檢 但 應該 要 隔離 的 人 要 怎麼 去 做 快 篩 她 強烈 懷疑 已非 個案 10 個 家庭 都 沒 收到 欸 這不 是 輕 症 在家 就 好 政府 根本 沒有 一 套 sop 也 有 一對 家 住 板橋 的 姊妹 透露 媽媽 16 日 采 檢 20 日 通知 確診 結果 媽媽 在 家裡 住 到 23 日 才 送 到 大 老遠 的 嘉義 新北 市 的 人 還 來 問 確診 者 被 送 去 哪 一個 檢疫 中心 超 屌 的 中央 把 人 送 走 都 沒 告訴 地方 政府 還要 來 問 家屬 妹妹 表示 姊 姊 有 發燒 症狀 一度 靠 吃藥 退燒 但 後來 又 燒 了 我們 是 密切接觸 者 現在 有 症狀 卻 不能 采 檢 打 1922 就是 叫 我們 自己 用藥 她 理解 現在 輕 症 或 無 症狀 者 要 待在家裡 避免 醫療系統 負荷 過 重 但 獨居 的 人 怎麼辦 政府 有 建立 制度 嗎 還是 放 他們 自生自滅</t>
  </si>
  <si>
    <t>花蓮 今天 新增 1 例 同樣 也 是 萬華 大舅 案 4260 上月 中旬 拜訪 花蓮 親友 期間 因 同 住 共 餐 打牌 不幸 造成 案 6556 家 族群 聚 感染 迄今 也 已 累計 到 14 例 此 群 聚 也 讓 衛生局 發現 後期 確診 個案 多 在 自家 進行 居家 隔離 時 染疫 呼籲 正</t>
  </si>
  <si>
    <t>普生 4117 宣佈 初步 已 完成 新冠肺炎 檢測 大宗 的 反 轉錄 聚合 酉 每 連鎖反應 rt-pcr 核酸 檢測 試劑 套 組 研發 生產 目前 已 小批量 出 貨 東南亞 中東地區 並 同步 向 臺灣 食 藥 署 tfda 和 歐盟 ce 認證 提出 許可 申請 普 生 指出 其 rt-pcr 核酸 檢測 試劑 僅 需 15 小時 的 螢 光反應 時間 即可 準確 檢測 採集 樣本 是否 感染 新冠肺炎 病毒 期待 能 盡 速 取得 tfda 緊急 使用 許可 eua 並 同時 逐步 放大 產能 展現 規模 經濟效益 而 有助於 產品 的 價格 競爭力 和 供應 客戶 端的 需求 創造 整體 營運 保持良好 的 成長 動能 普 生 表示 人體 受到 病毒感染 時會 激發 體內 免疫 反應 將 會 引發 產生 抗體 此時 若 體內 病毒 含量 較 低 時 可能 會 導致 核酸 檢測 呈現 陰性 的 結果 但因 仍 有 抗體 的 存在 可以 藉 由 抗體 檢測 得知 是否 受到 病毒感染 二 種 檢測 方法 結合 有助於 檢測 準確度 增高 普 生 已 加速 投入抗體 檢測 試劑 研發 包括 辨識 新冠 病毒 蛋白質 的 單株 抗體 群 快 篩 試劑 研發 由於 快 篩 試劑 檢測時間 較 目前 rt-pcr 核酸 檢測 約 4 小時 縮短 至 15 20 分 對於 機場 診所 以及 社區 群 聚 感染疫情 監管 能力 大幅 提升</t>
  </si>
  <si>
    <t>首 起 艦隊 淪陷 3 實習生 染疫 3 艘 艦艇 700 人 集中 檢疫</t>
  </si>
  <si>
    <t>新北 市長 侯友宜 29 日 公佈 新北 各區 確診 個案 其中 永和 今日 確診 人數 24 人 是 全市 第一 首度 超越 板橋 的 21 人 新北 市長 侯友宜 說 提醒 永和 區 有 上升 趨勢 三 重 土 城 新莊 新 店 都 比 昨天 稍微 少 一點 但 還是 要 注意 侯友宜 說 新北 市 目前 總 確診 3118 人 新北 最 重要 熱區 包含 板橋 中和 三 重 新莊 新 店 蘆洲 與 土 城 等 地 其中 板橋 至 今 737 人 最高 其次 中 和 502 人 第 三 是 三 重 346 人 新北 衛生局 統計 自 11 日 起至 29 日 為止 新北 共有 52 名 因 新冠肺炎 死亡 最 年輕 的 就 是 土 城 36 歲 男子 染疫 身亡 最 年長 為 90 多 歲</t>
  </si>
  <si>
    <t>日本 染疫 產婦 生產 嬰兒 生 了 後 還要 隔離</t>
  </si>
  <si>
    <t>日本 nhk 報導 一 名 感染 新冠肺炎 的 孕婦 在 本月 上旬 順利 生產 新生 嬰兒 在 經過 檢查 後 確定 沒有 染 上 新冠肺炎 母子 平安 出 院 這 名 產婦 是 在 快 生 產前 染 上 新冠肺炎 而且 出現 肺炎 症狀 緊急 入院 住 進 日本 神 奈川 的 北裡 大學 醫院 隔離 治療 直到 本月 初 剖腹生產 慶倖 的 是 生產 過程 順利 為了 寶寶 安全 生 產後 母子 分開 生活 新生 嬰兒 經過 反 覆 數次 檢查 確定 沒有 感染 新冠肺炎 產婦 病情 好轉 經兩次 檢查 呈 陰性反應 目前 這 對 母子 已經 出院 院方 表示 染疫 的 媽媽 在 懷孕期 間 十分 不安 一直 希望 知道 能 不能 平安生 下 寶寶 媽媽 平安 生產 出院 後 之後 依舊 負擔 很 大 仍要 注意 避免 再度 感染 更 多 ctwant 報導</t>
  </si>
  <si>
    <t>幼稚園 群 聚 截至 今天 累積 15 名 幼童 染疫 指揮中心 指出 是 delta 病毒 的 可能性 很 大 目前 確診 幼童 身體狀況 如何 醫療 應變 組 副 組長 羅一鈞 表示 有 6 名 幼童 出現 發燒 流 鼻 水 喉嚨 痛 等 症狀 都 是 輕 症 並 指出 即使 是 染 delta</t>
  </si>
  <si>
    <t>幼稚園 群 聚 截至 今天 累積 15 名 幼童 染疫 指揮中心 指出 是 delta 病毒 的 可能性 很 大 目前 確診 幼童 身體狀況 如何 醫療 應變 組 副 組長 羅一鈞 表示 有 6 名 幼童 出現 發燒 流 鼻 水 喉嚨 痛 等 症狀 都 是 輕 症 並 指出 即使 是 染 delta 幼童 重症 機 率 還是 低於 成 人 羅 一 鈞 表示 目前 小孩 的 症狀 有 6 個 幼童 有 發燒 流 鼻 水 喉嚨 痛 等 症狀 不是 每個 都 有 有的 只有 咳嗽 都 是 輕 症 皆 住 在 專責 病房 中 因為 需要 照顧 所 以 兩 人 一 室 由 兒科 感染 科 醫師 負責 照顧 所幸 羅一鈞 表示 從 相關 研究 報告 來看 小朋友 得到 新冠肺炎 即使 是 delta 發生 重症 的 機 率 還是 低於 成 人</t>
  </si>
  <si>
    <t>全國 公務人員 協會 榮譽 理事長 李 來希 3 月 21 日 在 臉書用 新聞照片 po 文 指 有 民眾 為了 排隊 買 口罩 被 車 輾斃 遭 控 違反 傳染病 防治法 等 相關 法規 新北 地 檢 署 處分 不 起訴 網友 在 李 來希 臉書 貼 文 恭喜 並 表示 公理 自在 人心 李 來希 3 月 在 臉書 張貼 口罩 排隊 奇觀 請 大家 排隊 拍照存證 一起 來 貼 往 等 文章 並 在 文章 底下 留言 回 覆 網友 如果 不是 為了 買 口罩 他 就 不 會 出門 就 不 會 遇到 死 劫 新北 地 檢 署 認為 李 來希 涉嫌 違反 嚴重 特殊 傳染性 肺炎 防治 及 紓困 振興 條例 傳染病 防治法 將 其 傳喚 到案 李 來希 到案 後 稱 自己 只 是 針對 口罩 購買 方式 及 分配 與 網友 討論 並 提出 質疑 且 口罩 政策 屬 可受 公 評 事項 應受 憲法 保障 之 言論自由 範疇 並 強調 自己 的 言論 完全 沒有 涉及 任何 新冠肺炎 疫情 內容 堅決 否認 有 散佈 謠言 之 嫌 新北 地 檢 署 調查 後 認為 該 篇文章標題 及 內容 均 未 提及 新冠肺炎 流行 疫情 同時 也 沒有 擴大 喧 染疫情 字句 難 認 違反 傳染病 防治法 罪證 不足 因此 不予 起訴 網友 在 李 來希 臉書 貼 文 恭喜 並 表示 公理 自在 人心</t>
  </si>
  <si>
    <t>新北 市 今日 新增 20 例 本土 確診 新北 市長 侯友宜 下午 主持 防疫 會議 表示 今日 板橋 增 5 人 三 重新 增 4 人 最 多 跟 臺北市 感染 源 有關 的 有 4 例 包括 永和 居民 曾在 北市 環南 市場 工作 因而 染疫 另外 三峽 新增 3 例 也 和 臺北市 感染 源 有關</t>
  </si>
  <si>
    <t>新北 市 今日 新增 20 例 本土 確診 新北 市長 侯友宜 下午 主持 防疫 會議 表示 今日 板橋 增 5 人 三 重新 增 4 人 最 多 跟 臺北市 感染 源 有關 的 有 4 例 包括 永和 居民 曾在 北市 環南 市場 工作 因而 染疫 另外 三峽 新增 3 例 也 和 臺北市 感染 源 有關 侯友宜 表示 今日 板橋 增 5 人 最 多 三 重 4 人 新 店 三峽 各 3 人 新莊 2 人 其 餘 各 區 0 到 1 例 不等 新北 市 累計 確診 6505 人 其中 4923 人 解除 隔離 侯友宜 說 今日 新增 20 例 中 有 11 例 都 是 居家 隔離 中 發現 確診 感染 源 掌握 中 另外 9 例 非 居家 隔離 者 部分 有 4 例 與 臺北市 相關 包括 一 位 永和 居民 曾在 環南 市場 工作 昨天 驗 出 染疫 另外 三峽 一 男子 在 北市 醫院 工作 染疫 並 傳染給 媽媽 還有 一 例 也 是 三峽 居民 有 萬 華 接觸 史 傳染給 媽媽 和 外籍 看護 中 時 新聞網 提醒您 因應 新冠肺炎 疫情 疾 管署 持續 加強疫情 監測 與 邊境 管制 措施 如有 疑 似 症狀 請 撥打 1922 專線 或 0800 001922 並 依 指示 配戴 口罩 盡 速 就醫 同時 主動 告知 醫師 旅遊 史及 接觸 史 以利 及時 診斷 及 通報</t>
  </si>
  <si>
    <t>近年 全球 受到 流行性 病毒 影響 繼 17 年 前 的 sars 之後 陸續 有 mers h 1 n 1 再 到 這 次 的 新冠肺炎 導致 全球 確診 人數 突破 400萬 人 死亡 人數 也 逾 30萬 讓 人類 不 得 不 重視 病毒 帶來 的 威脅 目前 最 有效 的 防疫 方式 就是 戴 口罩 勤洗手 但是 病毒 無所不在 難保 完全 杜絕 病毒 侵襲 為了 更 落實 防疫 新 潤 機構 2020 全新 推 案 主 打 心 建築 新 建築 主題 將 防疫 觀念 帶進 日常生活 打造 安全性 極 高 的 防疫 社區 讓 民眾 居住 的 每 分 每 秒 都 好 安心 新 潤 建設 機構 一直 以來 都以 心 建築 新建 築 新 潤 最 懂 你 的 家 為 初衷 總 是 用 心 傾聽 客戶 要 什麼 並 融合 消費者 意願 及 創 新 思維 打造出 最 符合 現今 消費者 的 需求 新 潤 建設 機構 於 去年 2019 推出 新 潤 氧 生 宅 希望 建造 一個 以 健康 為 走向 的 建築 他們 不但 安頓 好 消費者 的 居所 連健康 也 顧到 了 新 潤 興業協理 蔣秀婷 表示 新 潤 保持 初衷 並為 客戶 思考 能 為 他們 做 什麼 我們 開始 思考 讓 建築 變成 更 適合 居住 的 家 因此 防疫 社區 由 之 而 生 每天 外出 上班 就算 戴著 口罩 還是 經常 暴露 於 危險 之中 就算 戴好 口罩 勤洗手 還 是 容易 因 漏網之魚 而 染疫 但 若是 家中 就 有 防疫 防護罩 讓 久 待 的 空間 更 安全 那麼 防疫 就 會 讓 人 更 安心 新 潤 建設 機構 將 三 重 防護 搬進 社區 內 包含 每戶 都 有 除 氯 淨水 設備 讓 喝進 身體 的 水及 接觸 皮膚 的 水都 變 得 好 乾淨 公共 空間 配置 醫療 等級 空氣 清淨機 頻繁 進出 的 公共 空間 包含 電梯 都 能 有效 抑制 病毒 避免 交叉 感染 居家 室內 採用 防 霾 紗窗 及 日立 淨化 箱 阻隔 戶外 霧 霾 及 pm 25 的 入侵 使 室內空氣 乾淨 又 清新 新 潤 建設 協理 劉文邦 提到 防疫 社區 的 設備 是 直接 包 套 做到 好 而 這樣 的 做法 也 成為 同業 的 效仿 對象 認為 如此 可以 提升 台灣 建築 建設 樂見 其成 此外 除了 既 有 的 硬體 設備 之外 社區 內 還 會 不 定時 規劃 互動 課程 健身房 也 會 安排 教練 課程 值得一提的是 新 潤 每年 都 會 舉辦 尾 牙 邀請 住戶 共襄盛舉 進而 增加 住戶 彼此間 的 互動 新 潤 機構 成立 12 年 以來 已 超過 為 5000 戶 家庭 圓夢 成家 且 始終 為 消費者 創造 更 精緻 有 品味 的 居住 生活 提供 主動 積極 透明化 服務 及 價值 藝術 人性化 建築 服務 也 是 時時刻刻 以 消費者 的 立場 為 出發點 無論是 建材 外觀設計 施工 過程 等 甚至 到 交 屋 售後服務 的 每 一道 程式 都以 創造 好 宅 為 最終目標 一 棟 房子 好不好 入 住 就 會 有 切身感受 而 用 心 建造 的 房子 絕對值 得 你 用心 感受</t>
  </si>
  <si>
    <t>菲 男 車禍 過世 被 封成 木乃伊 醫 辯 怕 他 染疫 散播 病毒</t>
  </si>
  <si>
    <t>新冠肺炎 疫情 全球 拉 警報 不只 民眾 擔心 染疫 醫護 也 害怕 釀成 院內 感染 造成 醫療 體系 崩潰 不過 菲律賓 日前 傳出 一 名 男子 車禍 身亡 醫院 卻 擔心 他 身上 可能 帶有 新冠 病毒 竟 利用 膠帶 將 遺體 緊緊 纏繞 成 木乃伊 讓 死者</t>
  </si>
  <si>
    <t>新冠肺炎 疫情 全球 拉 警報 不只 民眾 擔心 染疫 醫護 也 害怕 釀成 院內 感染 造成 醫療 體系 崩潰 不過 菲律賓 日前 傳出 一 名 男子 車禍 身亡 醫院 卻 擔心 他 身上 可能 帶有 新冠 病毒 竟 利用 膠帶 將 遺體 緊緊 纏繞 成 木乃伊 讓 死者家屬 難以 接受 根據 鏡 報 報導 菲律賓 男子 法佈雷加斯 merwin fabregas 上月 30 日出 車禍 由於 傷勢 嚴重 被 緊急 送醫 沒 想到 竟 在 未 確診 的 情況 下 被 視為 新冠 患者 送 進 專責 呼吸道 疾病 的 病房 法佈雷加斯 的 母親 莎 比比 mitchilou fabregas sapipi 質疑 兒子 明明 是 因為 車禍 入院 卻 被 送 進 呼吸道 疾病 的 病房 沒有 給予 相 對應 的 治療 甚至 提早 將 他 的 維生 系統 儀器 關閉 才 會 導致 兒子 枉 死 之後 竟 又 用 膠帶 將 他 整個 人 裹成 木乃伊 糟蹋 遺體 對此 被 指控 的 醫院 主任 奧巴 尼亞 napoleon oba a 解釋 之所以 會 將 法佈雷加斯 送 進 治療 呼吸道 疾病 的 病房 只是 預防 性 措施 並且 是 在 他 宣告 死亡 後 才 關掉 維生 系統 至於 將 遺體 用 膠帶 捆綁 包裹 是 因為 擔心 法佈雷加斯 染疫 我們 必須 將 他 當作 疑似病例 處置 避免 他 將 病毒 傳染給 其他 人 報導 指出 現 已 知法 佈雷加斯 並未 染疫 病毒檢測 結果 呈現 陰性 目前 雙方 各執一詞 警方 也 已 介入 這 起 醫療糾紛 菲律賓 目前 是 亞洲 疫情 最 嚴峻 的 國家 死亡 人數 為 18260 人 病例 共 111萬 儘管 每日 染疫 人數 已 從 4 月 2 日 的 最高點 15310 起 下降 但 仍 保持 在 每天 平均 約 1700 病例 左右 為了 免受 其他 致命 變種 病毒 的 侵害 菲律賓 已 禁止 來自 印度 巴基斯坦 斯里蘭卡 尼泊爾 和 孟加拉 的 旅客 入境</t>
  </si>
  <si>
    <t>華航 貨運站 新北 員工 確診 妻 任職 另 家 航空 公司 也 染疫</t>
  </si>
  <si>
    <t>士 林 染疫 機構 嗆 市府 遲 不 做 快 篩 黃珊珊 回 應 了</t>
  </si>
  <si>
    <t>新加坡 新冠肺炎 確診 病例 逾 14000 人 超過 日本 和 韓國 在 亞洲 排名 僅次於 土耳其 伊朗 中國 大陸 印度 等 人口眾多 的 國家 今年 3 月 17 日 新加坡 只 有 266 例 確診 病例 一度 被 各國 譽為 防疫 典範 不料 短短 1 個 半 月 竟 暴 增 50 多 倍 公衛 醫療 水準 頗 高 的 新加坡 為 何會 從 防疫 的 模範 生 變成 末 段 班? 其中 顯然 有 特殊 的 國情 因素 存在 新加坡 近期 激增 的 病例 主要 發生 在 移 工區 這 點 和 韓國 有些 類似 韓國 疫情 大量 爆發 與 大 邱 新 天地 教會 有關 新加坡 人口 只 有 500 多 萬 卻 有 上 百萬 的 外來 移 工 從事 醫療 照 護 保安 廢棄物 處理 及 基礎 建設 等 工作 但 疫情 開始 出現 時 星國 政府 雖 採取 嚴格 防堵 策略 卻 忽略 移 工 宿舍區 這些 移 工區 和 居家 照 護 者 因此 成 了 爆發 社區 感染 的 來源 新加坡 為什麼 會 忽略 移 工 染疫 問題 有 分析 說 這 反映 出 新加坡 嚴重 的 階級意識 因為 這些 移 工 都 來自 落後地區 新加坡人 並 不 把 他們 當作 社會 的 一 分子 民間 如此 政府 也 一樣 竟然 允許 雇主 用 沒有 座位 的 卡車 運送 移 工 讓 移 工 住 在 擁擠 的 宿舍 裡 12 個 人 住 一 間 像 沙丁魚 般 彷 佛 第三世界 國家 新加坡政府 對 疫情 其實 很 有 警覺 和 臺灣 一樣 經過 sars 期間 的 教訓 建造 了 政府 第一線 的 防疫 機制 並 早 在 1 月 2 日 就 實施 邊境 警戒 和 管制 包括 檢測 疫 調 隔離 治療 等 另 還 結合 藍 牙科 技 推出 合力 追蹤 app 鼓勵 民眾 下載 記錄 足跡 和 接觸 史 等 充分 展現 新加坡政府 的 效能 但 這 只 是 第一 線 政府 正規軍 部分 屬於 點 對 點 的 作戰 不太可能 對 病毒 完全 阻隔 一旦 防疫 出現 破 口 譬如 大量 海外 新加坡人 回去 後 發生 群 聚 感染 就 必須 靠 群眾 自動自發 才能 打 贏 面對面 的 戰爭 但 新加坡 不 像 臺灣 有 著 強大 的 民間 力量 新加坡政府 平日 就 幫 百姓 做好 所有 規 畫 造成 新加坡人 對 政府 的 高度 依賴 到 了 沒有 政府 就 活不下去 的 程度 所以 當 防疫 大戰 開 打 之後 臺灣 民眾 會 自製 防疫 手冊 並 在 網上 廣為 轉發 看到 有 居家 檢疫 者 在 路上 走 會 有 正義 的 鄉民 趕快 去 勸阻 或 通報 看到 你 沒 戴 口罩 有人 會 遞 上 一個 給 你 這些 在 新加坡 很 少 看到 因為 在 政府 钜細 靡 遺 的 規範 下 民間 社會 基本上 是 沒有 自主 動能 的 新加坡 的 防疫 就是 在 群眾 戰爭 中 輸 掉 的 比較 臺灣 和 新加坡 的 防疫 成效 可以 看出 兩地 的 差別 新加坡 是 大政 府 小 社會 臺灣政府 雖然 也 不小 但 臺灣 社會 更 強大 些 人民 的 公民 素養 遠 比 新加坡 要 強 所以 當 危機 出現 時 大家 雖然 也 期望 政府 要 展現 效能 更 多 人 是 把 自己 應有 的 防疫 責任 做到 臺灣 能 維持 16 天 本土 零 確診 大 功臣 就是 民眾 的 自覺 意識 因為 大家 做好 了 勤洗手 戴 口罩 少 摸臉 和 眼睛 等 自我 健康 管理 即便 有 確診 病例 曾 進入 社區 疫情 也 擴散 不 出去 加上 臺灣人 有 更 強大 的 公民 意識 隨時 關注 公共 層面 的 情況 不怕 雞婆 地 去 提醒 別人 這些 恰恰 是 新加坡 社會 所 欠缺 的 所以 臺灣 在 防疫 上 的 表現 才能 比 新加坡 好 作者 為 信 民 兩岸 研究 協會 理事長</t>
  </si>
  <si>
    <t>編者按 新冠肺炎 疫情 持續 蔓延 防疫 挑戰 愈來愈 嚴峻 全民 的 支撐 將 是 防疫 作戰 決勝 關鍵 中國時報 基於 媒體 社會 責任 即日起 依 疫情 進展 與 防疫 作為 推出 民間 防疫站 交流平臺 提供 全民 最 即時 專業 的 防疫 資訊 協助 政府 打 贏 這 場 戰役 中小學 明天 開學 政府 單位 如臨大敵 為 避免 校園 發生 群 聚 感染疫情 指揮中心 公佈 耳 溫 38 度 額 溫 375 度 算 發燒 且 確診 2 例 全校 停課 前 衛生 署長 現任 亞洲 大學 榮譽 講座 教授 楊 志 良 與 前 疾 管 局長 現任 南台 科大 生 技 系 講座 教授 蘇 益仁均 呼籲 不管 是 不是 新冠肺炎 只要 身體 不 舒服 就 不 要 上學 最怕 沒 症狀 也 會 感染 蘇益仁 表示 現在 新冠肺炎 最 大 的 問題 是 沒 症狀 也 會 感染 因此 如果 有 社區 感染 風險 時 當 有 1 人 確診 不 曉得 社區 內 有 多少 人 被 感染 挑戰 就 在 這 地方 量 體溫 的 意義 是 發現 是否 有 發燒 不只 針對 冠狀 肺炎 也 有 可能 是 流感 或 其他 病毒感染 不管 是 什麼 病 身體 不 舒服 就 不 要 去 上課 楊 志 良 指出 有 國際 雜誌 研究 大陸 7萬 多 個 案 中 儘管 有 2 名 新生兒 從 母體 直接 感染 新冠肺炎 但 9 歲 以下 沒有 死亡 個案 39 歲 以下 患者 死亡率 僅 02 而 致死 率 隨 年齡 增加 逐漸 攀升 60 幾 歲 是 36 70 幾 歲 是 80 楊志良 說 當 大量 社區 感染 時 大陸 就是 規定 一個 社區 都 不 要 動 大家 在 家 隔離 畢竟 資源 有限 應將 資源 放在 更 需要 的 物件 身上 楊 志 良 建議 除非 該 名 年輕人 有 糖尿病 心血管 等 慢性病 症狀 不然 絕大部分 年輕人 都 較 無 感染 風險 他 呼籲 大學 以下 學生 拿下 口罩 把 口罩 留給 醫護人員 照顧 者 有 重大 傷病 或 慢性病 的 病 患 或是 工作 上 須 長期 及 近 距離 接觸 很多 人 的 職業 如 員警 大眾 運輸業 駕駛 櫃檯 人員 便利商店 店員 等 沒上 到 課 以後 可 補課 對於 沒 發燒 卻 有輕微 咳嗽 者 楊志良 表示 咳嗽 戴 口罩 是 避免 感染 別人 所以 外國人 會 覺得 沒 病 戴 口罩 很 奇怪 學校 也 不 要 強調 全勤 學生 身體 不 舒服 就 回家 休息 沒上 到 課 之後 可 補課</t>
  </si>
  <si>
    <t>好萊塢 疫情 不斷 臺灣 時間 17 日新冠肺炎 病毒 確診 數 增加 3 例 包含 雷神 索爾 47 歲 英國 黑人 男 星伊卓 斯 艾巴 idris elba 冰 與 火 之 歌 權力 遊戲 41 歲 挪威 男 星 克裡斯多夫希弗 哲 kristofer hivju 及 冰雪 奇 緣 2 26 歲 美國 女星 瑞秋麥 修斯 rachel matthews 陸續 自 揭 染疫 並 接受 隔離 治療 伊 卓斯艾 巴以漫 威 電影 雷神 索爾 系列 中的 彩虹 橋 守護 者 海姆 達爾 最為 出名 他 表示 是因為 與 確診 病例 接觸 過 才 接受 篩檢 沒 想到 結果 為 陽性 而 網友 推測 他 上周 在 倫敦 與 確診 的 加拿大 總理 夫人 蘇菲 格雷戈瓦 sophie gregoire 出席 同一 場 慈善 活動 極 可能 因 此 被 傳染 駭 客 任務 4 熄火 在 夯 劇 冰 與 火 之 歌 權力 遊戲 飾演 野人 托 蒙德 的 克裡斯多夫 則 表示 自己 和 家人 都 在 家中 自主 隔離 並 向 外界 呼籲 你們 要 非常 小心 他 3 周前才 新 加盟 演出 netflix 影集 獵魔 士 第 2 季 結果 爆出 染疫 消息 後 該 劇組 停止 在 倫敦 的 拍攝 並 關閉 片場 清潔 消毒 同 劇 演員 和 工作人員 自我 隔離 14 天 好萊塢 除了 名人 染疫 外 大片 停 拍 消息 更 不間斷 包含 名導 詹姆斯卡麥隆 james cameron 的 阿凡達 系列 電影 男 神 基努李維 keanu reeves 的 駭 客 任務 4 蜘蛛 人 湯姆 霍蘭德 tom holland 改編 電 玩遊戲 的 秘 境 探險 都也 逃不過 無限期 停機 的 命運 據 紐西蘭 先驅 報 報導 阿凡達 系列 續集 已 停止 原訂 4 月 紐西蘭 的 拍攝 計畫 製片 強蘭 道 jon landau 證實 團隊 已 取消 飛往 威靈 頓 的 計畫 同樣 於 紐澳地區 停 拍 的 劇組 還 包含 魔 戒 影集 梁朝偉 的 漫 威 電影 尚氣 湯姆漢克 tom hanks 的 貓 王 傳記 電影 秘 境 探險 停 拍 而 因 德國 疫情 加溫 而 停 拍 的 駭 客 任務 4 原訂本 周到 當地 準備 拍攝 不過 仍 宣佈 停 拍 此外 湯姆 霍蘭德 主演 的 秘 境 探險 改編 暢銷 電 玩遊戲 籌備 過程 波折 不斷 導演 一口氣 換 了 7 次 好不容易 敲定 人選 原定 下月 在 柏林 開拍 沒想 道 再次 面臨 停 拍 窘境 在 全球 停 拍 的 電影 還有 羅伯派汀森 robert pattinson 的 蝙蝠 俠 j k 羅琳 怪獸 與 它們 的 產地 3 威爾史密斯 will smith 的 king richard 卡 蜜 拉 camila cabello 的 真人 版 灰姑娘 等等 至於 印度 寶萊 塢 則 到 3 月底 前 停止 拍攝</t>
  </si>
  <si>
    <t>學生 確診 單日 增 10 人 全台 352 生 染疫 大專院校 最 多</t>
  </si>
  <si>
    <t>79 歲 男高音 多明哥 染疫</t>
  </si>
  <si>
    <t>來自 西班牙 的 世界 知名 男高音 多明哥 placido domingo 驚 爆 確診 新冠肺炎 高齡 79 歲 的 他 尚未 退休 每次 演出 場場 爆滿 他 23 日 在 臉書 發文 表示 自己 先前 有 發燒 和 咳嗽 等 症狀 經新冠肺炎 篩檢 呈 陽性反應 目前 我 和 家人 自我 隔離 要 隔離 多久 則 依 病情 而 定 現在 狀態 一切 無 虞 多明哥 並 無 多 加 透露 是 在 何時 何處 染疫 但 呼籲 民眾 需要 保持 高度 戒備 多明哥 演唱 生涯 60 餘 年 唱 功 一流 曾 出過 100 多 張 專輯 4000 多 場 演出 演唱 的 角色 多 達 150 位 曾在 2002 年 與 台語天 後 江蕙 合唱 雨 夜 花 在 歌劇界 地位 舉足輕重 但 去年 8 月 驚 爆 性 騷 醜聞 重創 形象 無獨有偶 的 是 日前 因 性侵 等 罪 被 判刑 的 67 歲 好萊塢 知名 監製 哈威韋斯坦 harvey weinstein 也 傳 確診 正 在 獄中 服刑 的 他 健康 狀態 本來 就 不太好 23 日 被 多 家外 媒 爆 料 據 知情 人士 向 華盛頓郵報 透露 哈威韋斯坦 上周 移 轉至 監獄 之前 早已 在 醫院 開刀 時 感染 新冠肺炎 對此 綜藝 報 則 披露 哈威韋斯坦 的 經紀人 律師 的 回應 表示 目前 沒有 接收 到 相關 消息 更 無法 證實 消息 並 相信 他 入獄 以來 保持 隔離 狀態</t>
  </si>
  <si>
    <t>國內 龍頭 台大醫院 員工 確診 台大今 早 發出 聲明 指 工 務 室 一 名 員工 於 5 月 18 日 出現 發燒 症狀 傍晚 采 檢 陽性 已 通知 全 辦公室 接受 采 檢 並 進行 環境 采 檢 及 清潔 消毒 目前 共 36 人 采 檢 完畢 全數 隔離 其中 10 人 確診 據悉 有人 有 萬華 地區 足跡 但 仍 需 進行 疫 調 台 大 副 院長 發言人 王亭貴 召開 記者會 表示 台大 任何人 只要 有 疑 似 症狀 如 發燒 腹瀉 等 都會 被 要求 采 檢 采 檢 陰性 才能 上班 密切接觸 者 就算 沒有 陽性 也 要 隔離 14 天 由於 確診 事件 爆發 王亭貴 希望 有 症狀 者 儘量 別 來 台大 因為 我們 可能 沒有 這樣 的 量 能 急診 現在 可以 處理 的 是 比較 急 的 新冠肺炎 重症 台大 責無旁貸 輕 症 的 話 台大 已 和 衛生局 協調 希望 改到 其他 醫院 王 亭 貴 再三 強調 住院病人 確診 才是 院內 感染 這 是 員工 從 外面 染疫 並 不 符合 院內 感染 定義 他 說 臺北市 有 很多 潛在 的 社區感染 行政 人員 醫療 人員 在外 都 有 可能 染疫 台 大 即 起 48 小時 內 8000 多 名 員工 分批 快 篩 由於 醫療 人員 采 輪班 制 到 院 上班 前 一律 先 篩檢 陰性 才 准 上班 初步 環境 采 檢 有 3 個 地方 陽性 集中 東址 地下 3 樓 的 工 務 室 辦公室 研 判 病人 傳染給 工 務 室 員工 的 機會 不 大 台 大 表示 即日起 停止 延後 非 緊急 住院 手術 門診 手術 檢查 治療 健康檢查 含 老人 健檢 等 服務 已 預約 接種 自費 covid-19 疫苗 民眾 強烈建議 延 後 所有 預約 後續 均 可 憑 預約 單 來電 改期 另 即日起 也 不收 新 病人 入院 同時 進行 門診 降 載 非 緊急 病人 延期 就診 全院 員工 普 篩 直至 確認 所有 環境 采 檢 均 為 陰性 台 大 強調 衝擊 醫療 量 能 實屬 不得已 也 請 大眾 容許 讓 院方 有 時間 處理 確保 後續 能 有 個 安全 的 環境 為 臺灣 人民 服務</t>
  </si>
  <si>
    <t>確診 3 個 月 後 仍 有 機會 染疫 柯文哲 全都 注 記 日後 補 打 疫苗</t>
  </si>
  <si>
    <t>臺北市 環南 市場 2 次 大規模 pcr 篩檢 結果 出爐 共 新增 3 名 確診 1 例 舊案 其中 有 2 人 ct 值 偏 低 臺北市 長 柯文哲 指出 近期 發現 有 個案 再度 感染 的 狀況 且 染疫 3 個 月 後 還是 有 再次 感染 可能 目前 臺灣 已 有 1萬 多 人 染疫 建議 要</t>
  </si>
  <si>
    <t>臺北市 環南 市場 2 次 大規模 pcr 篩檢 結果 出爐 共 新增 3 名 確診 1 例 舊案 其中 有 2 人 ct 值 偏 低 臺北市 長 柯文哲 指出 近期 發現 有 個案 再度 感染 的 狀況 且 染疫 3 個 月 後 還是 有 再次 感染 可能 目前 臺灣 已 有 1萬 多 人 染疫 建議 要 把 這些 人 注 記起 來 日後 再 補 打 疫苗 柯文哲 指出 無論 快 篩 或 pcr 檢查 結果 為 陰性 代表 你 現在 沒 感染 不 保證 未來 幾 周也 沒有 感染 做 普 篩 也 只 是 橫斷面 檢查 也 因 打 疫苗 是 終極 解決 方案 在 市場 首度 大規模 快 篩 時 他 就 發現 每週 照樣做 會 搞 死 大家 所以 最後 還是 全面 打 疫苗 但 攤 商 1 日 接種 疫苗 後 至少 要 等 2 周才 有 抗體 也 就 是 15 日 才 會 看到 效果 現在 有 遇到 很多 過去 感染 但 pcr 檢查 一直 是 陽性 柯 解釋 資料 顯示 多數 人 在 感染 10 天 後 傳染 率 就 很 低 臺灣 是 用 17 天 當 標準 因此 從 發病 到 滿 17 天 後 會 對 病 患 再度 檢測 pcr 和 ct 值 如果 ct 值 大於 30 就 視同 陰性 處理 但 這些 人 好像 以後 可能 會 再次 感染 柯說 原則 上 是 感染 後 6 個 月 要 再 打 疫苗 確認 他們 不 會 再 感染 所以 感染 過 的 人 經過 隔離 期 之後 傳染 他人 的 機會 不大 但 他們 可能 過 3 個 月 後 好像 還 會 再度 感染 目前 臺灣 已經 有 1萬 人 感染 這些 人 都 要 去 做 注 記 日後 要 再 補 打 疫苗</t>
  </si>
  <si>
    <t>彰 化 裡長 娘 揪 南 投 師兄 端午 連 假 赴 龍山寺 渡 靈 全染疫</t>
  </si>
  <si>
    <t>彰 化 縣長 王 惠美 22 日 宣佈 新 增 1 本土 確診 病例 為 80 幾 歲 男性 前往 南彰 化圓 明 聖 道院 問 事 靜坐 而 染疫 疫 調 發現 主持 私人 神壇 的 南彰 化 裡長 娘 本月 1112 日 還 曾 與 南 投 縣 的 師兄 連袂 北上 臺北 萬華龍 山寺 參加 渡 靈活 動 為了</t>
  </si>
  <si>
    <t>彰 化 縣長 王 惠美 22 日 宣佈 新 增 1 本土 確診 病例 為 80 幾 歲 男性 前往 南彰 化圓 明 聖 道院 問 事 靜坐 而 染疫 疫 調 發現 主持 私人 神壇 的 南彰 化 裡長 娘 本月 1112 日 還 曾 與 南 投 縣 的 師兄 連袂 北上 臺北 萬華龍 山寺 參加 渡 靈活 動 為了 超渡 染疫 死亡 眾 生 卻 因 而 將 新冠 病毒 帶回 彰 投 傳播 令 眾人 詫異 王 惠美 重申 防疫 三級 警戒 期間 根據 中央 指引 禁止 宗教 活動 嚴防 群 聚 不料 一個 多 月 來 縣府 警方 努力 與 廟宇 協調 勸導 竟是 私人 神壇 宮廟 仍 在 執 事 問 事 她 拜 讬 宗教團體 民俗 信仰 工作者 自律 共 體 時艱 切 勿 以身試法 若 有 查 到 違規 群 聚 屬實 絕對 依法 開 罰 絕不 寬 貸 彰 化 縣 22 日 新增 1 例 確診 今年 累計 254 例 已 完成 50655 人次 篩檢 居家 隔離 中 246 人 累計 居隔 人數 2913 人 本 起 民俗 信仰 宗教 活動 傳播 鏈 包括 70 歲 裡長 60 多 歲 裡長 娘 和 80 歲 男 信 眾 已 3 人 確診 另 南 投 縣 1 名 男性 壇主 師兄 也 染疫 仍 列 感染 源 不明 事件 衛生局 除 匡列 裡長 家 親友 接觸 者 16 人 累計 相關 宗教 與 社區活動 接觸 者 已 達 50 多 人 其中 采 檢 有 78 成 陰性 其 餘 仍 待 篩檢 結果 出爐 根據 彰 化 警方 與 衛生局 疫 調 人員 聯手 調查 發現 不只 萬華來 的 師姐 待 在 道院 自 4 日 留宿 至 10 日 6 日 還 與 南 投 私人 神壇 男性 壇主 3 人 在 道院 辦 消 災 祭祀 法會 本月 端午 連 假 前夕 1112 日 兩 天 這 幾 位 師兄 姐 更 連袂 北上 至 臺北 萬華龍 山寺 參加 渡 靈活 動 為 染疫 身亡 的 亡靈 超 渡 儀式 縣府 也 公佈 新增 疫 調 足跡 包括 神 腦 國際 員家中 正路 門市 小北 百貨 員林 店 全聯 員林 浮 圳 店 等 呼籲 6 月 11 日 至 18 日 之間 足跡 有 重疊 民眾 做好 自主 健康 管理</t>
  </si>
  <si>
    <t>神壇 新冠肺炎 臺灣 染疫 裡長 娘</t>
  </si>
  <si>
    <t>磐石 艦 官兵 染疫 全海軍 遭罵 翻 老 海軍 大 反彈</t>
  </si>
  <si>
    <t>艦隊 有 24 位 官兵 染疫 一夕之間 國 軍 從 防疫 模範 生 成為 全國 民眾 眼中 的 獵 巫 物件 輿論 一面倒 火力 全開 撻 伐 磐石 艦 的 感染 源 從何而來 目前 仍 一 片 謎團 但 朝野 似乎 已 定調 為 海軍 隱匿 疫情 眼見 海軍 遭到 排山倒海 指責</t>
  </si>
  <si>
    <t>新北 幼稚園 群 聚 再 增 2 確診 累計 32 人 染疫</t>
  </si>
  <si>
    <t>臺灣 近日 出現 多 例 猝死 家中 的 確診 個案 引起 外界 好奇 背後 原因 對此 胸腔 暨 重症 醫師 黃軒 表示 輕 症 或 無 症狀 患者 仍 會 死亡 當 隱形 缺氧 的 狀況 發生 早上 還 可 意識 清楚 可以 正常 應答 的 患者 晚上 可能 就 心跳 停止 了 而 這樣 的 情況 連 患者 本身 都 沒有 察覺 何況 是 未 受 專業 醫療 訓練 的 家屬 胸腔 暨 重症 醫師 黃軒 在 臉書 發文 表示 臺灣 連續 3 天 出現 多 例 死 在 家中 的 新冠肺炎 確診 病例 永和 70 多 歲 確診 男 在家 無 呼吸 送醫 不治 70 歲 染疫 婦 拒 就醫 死 在 家中 58 歲 男 猝死 家 中等 讓 許多 人 好奇 為 何新冠肺炎 的 患者 容易 猝死 在 家中 黃軒 透露 他 在 門診 也 遇過 這樣 的 狀況 一 名 62 歲 的 患者 坐下 之後 笑 著 對 他 訴說 過去 一 周 出現 的 症狀 下 秒 竟 就 嘴唇 變 黑 額頭 冒 冷汗 說話 變 得 斷斷續續 讓 他 立刻 要求 護理人員 使用 氧氣 而 這種 情況 其實 就叫作 隱形 缺氧 silent hypoxia 黃軒 指出 許多 研究 都說 新冠 病毒 會 影響 肺 功能 儘管 對 患者 來說 症狀 可能 還 不是 很 明顯 在 國外 建議 新冠肺炎 輕 症 無 症狀 感染者 在 無 明顯 症狀 的 情況 下 可以 待在家裡 但 許多 患者 要 去 醫院 就診 時 往往 都太遲 了 許多 人 已經 死 在 家中 輕 症 或 無 症狀 仍然 會 死亡 黃軒 表示 無 症狀 或 輕 症 的 感染者 如果 合併 隱形 缺氧 的 狀況 他們 的 症狀 往往 會 讓 許多 醫師 大吃一驚 因為 在 臨床 上 認為 缺氧 的 人 應該 會 語無倫次 休克 但 這些 患者 往往 意識 清楚 情緒 平穩 還 能 正常 應答 與 醫師 聊天 甚至 滑 手機 黃軒 提到 這些 隱形 缺氧 有時 逐漸 發生 有時 很快 早上 沒 症狀 晚上 就 心跳 停止 了 這 使 一般 人 難以 察覺 所以 也 被 稱為 隱形 殺手 幾乎 在 所有 臨床經驗 中 肺部 發生 疾患 時 吸收 氧 及 排除 二氧化碳 的 能力 也 都 會 出 問題 但 新冠肺炎 卻 不同 黃軒 也 說 醫 界 從 在 高 海拔 登山 者 飛行員 身上 觀察 到 這些 隱形 缺氧 的 現象 由於 山上 高度 增加 時 空氣稀薄 每次 吸氣 獲得 的 氧分子 也 較 少 但 只要 急促 呼吸 幾 下 時 仍 可 以 排 出 二氧化碳 而 新冠 患者 的 狀況 與此 有 些 類似 黃軒 指出 無 症狀 或 輕微 感染者 的 病 患 染疫 初期 多 保 有 良好 的 心臟 功能 因此 仍 有能力 將 血液 輸送到 身體 末梢 部位 但 病毒 會 讓 身體 逐漸 缺氧 初期 病 患 並 不 會 感到 呼吸困難 但 部分 患者 會 逐漸 覺得 難以 呼吸 或 感到 胸 悶 而 這 2 症狀 都 被 美國 疾病 管制 與 預防 中心 列為 緊急 危險 徵兆 的 症狀 病情 恐 變 得 相當 危急 黃軒 解釋 肺臟 和 肺泡 上有 非常 多 的 ace 2 一旦 病毒 侵犯 細胞 達到 一定 數量 人體 免疫 反應 和 病毒 之間 的 大戰 就 會 造成 許多 肺泡 破壞 恐 會 阻礙 氧氣 從 肺泡 進入 血液 的 通道 如果 病人 心臟 夠 強 可用 肌肉 多 作 幾 次的 呼吸 急促 代 償 多 吸 一點 氧分子 二氧化碳 也 可 較 快 排 出 體 外 因此 較 不受 影響 反之 就 會 慢慢 造成 隱形 缺氧 黃軒直 呼 不要 告訴 我 無 症狀 或 輕微 感染者 肺 都 是 健康 的 人 也 是 不 會 死 的 這 一切 都 只 是 死神 的 慣用手法 連 病人 本身 都 不 知道 自己 快死了 何況 是 沒有 受過 醫療 訓練 的 家人 呢</t>
  </si>
  <si>
    <t>國內 本土 疫情 仍 在 高峰 昨天 又 新增 297 例 本土 確診 及 19 名 死亡 個案 再創 單日 死亡 新高 讓 民眾 出門 買 菜 人心惶惶 怕 把 病毒 帶 回家中 因此 染疫 林口長 庚 兒科 急診 醫師 吳昌騰 表示 最新 研究 顯示 病毒 載 量 極 高 的 患者 有</t>
  </si>
  <si>
    <t>患者 說謊 害 慘 全州 澳洲 的 南澳 省 出現 36 個 新增 確診 包括 4 月 以來 首 見 的 本土 病例 因此 該省 自 19 日 起 全面 封城 6 天 但 沒 想到 這 一切都是 因為 一 名 患者 撒謊 提供 錯誤 的 接觸 史 訊息 誤導 防疫 當局 所 致 官員 表示 如果 該 患者 照實 說 南澳 省 不必 進行 大規模 封 城 因 此 21 日 午夜 起 該省 提前 3 天 解 封 這 名 男子 染疫 後 告訴 有關 單位 他 只 有 去 阿德雷得 的 一家 披薩 店 買 披薩 而已 這項 訊息 令 衛生 當局 繃緊神經 因為 官員 認為 男子 僅 暴露 在 病毒 極 短 時間 就 染疫 那麼 這 串 病毒 的 具 高度 傳染性 但 事實 並非如此 男子 是 披薩 店 的 輪班 制 員工 並非 顧客 他因 為 與 一 名 擔任 保全 的 新冠 患者 一起 工作 所以 被 傳染 真相大白 後 讓 官員 氣炸 但 也 松 了 一口氣 因為 情況 並非 預想 那麼 嚴重 南澳 省長 馬紹爾 表示 說 我 氣 到 冒煙 已經 是 很 客氣 了 我 不 會 因為 1 個 人 的 可恥 行為 就讓 全省 沒 必要 地 多 封鎖 1 天 南 澳州 警 局局長 史蒂芬斯 說 如果 此人 對 接觸 追蹤 團隊 據實 以 告 我們 也許 不必 實施 6 天 封 城 他 在 被 問到 披薩 店 員工 惹 眾怒 該店 安全 堪 慮 警方 是否 該 為 披薩 店 提供 保護 史蒂芬斯 說 他們 正在 考慮 不過 該 患者 不 會 被 罰款 或 起訴 因為 說謊 沒有 相關 罰 則</t>
  </si>
  <si>
    <t>北 市內 湖 幼稚園 老師 確診 染疫 師 住 新北 急 匡列 近百人</t>
  </si>
  <si>
    <t>中和 又 1 警員 確診 全市 累計 15 警員 染疫</t>
  </si>
  <si>
    <t>新北 市 疫情 嚴峻 中和 警 分局 偵查隊 今 5 日 再度 傳出 偵查隊 某 隊員 pcr 陽性 確診 中和 警 分局 表示 已 要求 密切接觸 者 自主 居家 健康 管理 及 再度 安排 采 驗 目前 偵查隊 業務 由 市 刑 大 接手 治安 不 打烊 全市 至今 已 累計 15 名 警員 染疫 中和 警 分局 表示 上月 2 名 交通 分隊 警員 1 名 南 勢 所 警員 及 2 名 偵查 隊員 染疫 今 5 日 再度 傳出 偵查隊 某 隊員 pcr 陽性 確診 全 分局 累計 共有 6 人 染疫 此外 據 新北 市 警察局 統計 蘆洲 3 名 新 店 1 名 刑大 2 名 樹林 1 名 板橋 2 名 中 和 6 名 共有 15 名 警員 染疫</t>
  </si>
  <si>
    <t>新冠肺炎 臺灣 染疫 偵查隊 警員</t>
  </si>
  <si>
    <t>白宮 新冠肺炎 工作組 協調官 比爾斯 deborah birx 周日 提出 警告 表示 由於 全國 醫療系統 已經 陷入 對抗 單日 死亡 數日 益 升高 的 苦戰 近來 確診 數 持續 加速 急 升 可能 成為 美國 史上 最 艱難 的 時刻 比爾斯 周日 接受 nbc 訪問 時 表示 這 不僅 是 最 嚴重 的 公衛 事件 這 是 這個 國家 所要 面對 最 嚴重 的 事件 不 只 在 公共 衛生 方面 隨 著 美國 第 三 波 疫 情急 飆 近來 許多 公衛 官員 都對 疫情 發展 表達 深切 的 擔憂 上 週三 美國 疾病 管制 與 預防 中心 cdc 主任 雷德菲爾德 robert redfield 表示 未來 幾 個 月 將 是 這個 國家 公衛史 上 最 困難 的 時刻 比爾斯 表示 這個 秋冬季 節 疫情 的 飆 升 綜合 了 我們 在 春 夏 兩 季 看到 一切 再 加上 這個 秋季 的 激增 正 在 轉變成 冬季 的 激增 我 認為 這 就 是 雷德菲爾德 博士 如此 決斷 向 美國 人民 呼籲 的 原因 美國 新冠肺炎 單日 死亡 病例 迭創新高 因為 感恩節 群 聚 的 關係 染疫 死亡 數字 料 將 進一步 惡化 根據 路透社 統計 上週五 美國 單日 確診 達 22萬8407 人 再創新高 全美 單日 多 達 2568 人 死於 新冠肺炎 目前 累計 死亡 患者 人數 逼近 279萬 人 華盛頓大學 醫學院 健康 指標 和 評估 研究所 ihme 已經 提出 警告 即使 疫 苖 開 打 美國 到 明年 4 月 1 日前 的 染疫 死亡 人數 恐 將 達到 539萬 人 較 目前 驚人 的 數字 還要 再 增加 約 一 倍</t>
  </si>
  <si>
    <t>新冠肺炎 疫情 全球 爆發 已 逾 一 年 六大 壽險 公司 陸續 擴大 對 新冠肺炎 的 理賠 範圍 共通 四大 原則 一 即 新冠肺炎 不 列入 健康 險 除外 責任 即 一律 理賠 二 是 入住 負 壓 隔離病房 視同 加 護 病房 多 有 加倍 理賠 三 是 今年 的 新 解釋 即 因 醫療 量 能 不足 確診 後 入住 檢疫所 或 防疫 旅館 亦 視同 住院 四 是 因 無 法 住院 的 門診 治療 亦 給付 住院 保險金 但 各家 還有 各自 不同 的 擴大 理賠 項目 如 投保 醫療 險 對 法定 傳染病 免 30 天 等待 期 馬上 投保 馬 上有 保障 的 有 國泰人壽 南山人壽 與 臺灣 人壽 新光人壽 是 部分 保單 有 注明 免 等待 期 而 新冠肺炎 可能 需要 插管 治療 有 特別強調 視同 氣 切 手術 理賠 的 有 富 邦 人壽 南山人壽 與 中國 人壽 國 壽 則 強調 若 因 確診 新冠肺炎 在 大陸 或 其他 海外 地區 進行 治療 相關 費用 收據 診斷書 等 檔 免 認證 以 發揮 醫療保障 功能 六大 壽險 公司 從去年 3 月 新冠肺炎 爆發 至今 亦 已 有 保戶 申請 理賠 國壽 即已 理賠 染疫 保戶 約 1201萬 元 其中 有 三 位 為 不幸 染疫 身故 身故 金 339萬 元 另 有 63 位 申請 醫療 險 理賠 金額 共 862萬 元 且 國壽挺 醫護 若 染疫 的 醫護人員 同時 是 國壽 個 險 保戶 即 提供 5萬 元 慰問金 縱使 染疫 醫護 非 保戶 亦 提供 2萬 元 慰問金 富 邦 人壽 則 表示 到 5 月底 其 入住 負 壓 隔離病房 保戶 已 累計 給 付 68 件 共 4244萬 元 插管 治療 一 件 共 11萬 元 確診 關懷 慰問金 累計 79 名 保戶 及 七 名 醫護 防疫 人員 申請 慰問金 金額 累計 734萬 元 台 壽則 表示 已 有 30 件 理賠 案 中 壽 則 有 一 件 給 付 11萬 元</t>
  </si>
  <si>
    <t>治療 理賠 染疫 視同 國壽</t>
  </si>
  <si>
    <t>李秉 穎 染疫 病毒 新冠肺炎</t>
  </si>
  <si>
    <t>獨 打完 疫苗 後 確診 五 股 某 裡長 與 妻子 雙雙 染疫</t>
  </si>
  <si>
    <t>打 疫苗 仍 染疫 新北 市 五 股 區 某 裡長 表示 5 28 注射 疫苗 後 第 12 天 他 感到 身體 不適 出現 頭痛 發燒 情形 以為 是 副作用 未 料 第 3 天 沒 出門 也 沒 打 疫苗 的 妻子 竟 發燒 第 4 天 兩 人 雙雙 確診 據 瞭解 該 裡長 曾 為 裡 內 獨居 長</t>
  </si>
  <si>
    <t>打 疫苗 仍 染疫 新北 市 五 股 區 某 裡長 表示 5 28 注射 疫苗 後 第 12 天 他 感到 身體 不適 出現 頭痛 發燒 情形 以為 是 副作用 未 料 第 3 天 沒 出門 也 沒 打 疫苗 的 妻子 竟 發燒 第 4 天 兩 人 雙雙 確診 據 瞭解 該 裡長 曾 為 裡 內 獨居 長者 送 餐 懷疑 是 當時 染疫 裡長 表示 他 並不知道 確切 感染 源 但 他 近期 確實 有 幫 裡 內 幾乎 全家 確診 的 志 工 送 餐 該 名 志 工 因 確診 被 送 到 外縣市 志 工 特別 打電話 拜 讬 裡長 照顧 家中 老小 裡長 身負重任 有 東西 都 幫 你們 送 過去 全副武裝 大包 小包 送 過去時 有 位 重聽 長者 聽 不 清楚 一直 朝 裡長 沖去 懷疑 是 當時 染疫 裡長 表示 他 於 5 28 注射 az 疫苗 隔日 出現 發燒 頭痛 等 症狀 以為 是 疫苗 副作用 不以為意 第 3 天 卻 換成 妻子 發燒 他們 認為 不 太 對勁 趕緊 去 快 篩檢驗 5 31 雙雙 確診 幸好 同 住 女兒 采 檢 呈 陰性 唉 打 疫苗 還是 確診 裡長 不 願 多 談 他 說 目前 的 狀況 就 是 一直 反 覆 發燒 咳嗽 他 也 很 擔憂 裡 內 獨居 長者 的 狀況 目前 與 妻子 分隔 不同 醫院 治療 中 五 股 區長 洪崇璉 表示 該 裡長 職務 暫由 里幹事 代理 希望 裡長 與 裡長 夫人 早日康復</t>
  </si>
  <si>
    <t>新冠肺炎 臺灣 裡長 染疫 確診</t>
  </si>
  <si>
    <t>過去 2 周 美國 確診 案例 暴 增 近 百萬 這 數位 比 整個 6 月 還要 多 也 意味著 美國 距離 疫情 完全 控制 仍 言之過早 且 正如 川普 總統 所言 情況 在 好轉 之前 會 先 變 得 更 糟糕 在 23 日 美國 確診 人數 可望 跨過 4百萬 大關 依照 約翰霍普金斯大學 的 系統 美國 至 22 日 的 總 確診 為 397萬2千 餘 例 以 當天 新增 6萬8千 多 例 確診 來看 4百萬 里程碑 鐵 定落 在 23 日 美國 第 1 個 確診 的 新冠肺炎 案例 在 1 月 21 日 通報 99 天 後 美國 被 感染 的 人數 到 達 百萬 再 經過 43 天 全美 已 有 2百萬 人 感染 新冠 病毒 在 這 之後 不 到 一個 月 28 天 後 的 7 月 8 日 美國 確診 沖 上 3百萬 可怕 的 是 僅僅 半 個 月 染疫 人數 就 飆 到 4百萬 且 新增 百萬 例 的 時間 間隔 愈來愈 短</t>
  </si>
  <si>
    <t>北 韓 領導人 金正恩 17 日 宣佈 北 韓 已經 成功 撐過 這次 新冠肺炎 威脅 締造 境內 零 確診 紀錄 但 西方 懷疑 其 隱瞞 疫情 南韓 媒體 引述 知情 人士 爆 料 北 韓 至少 有 3 人 因 新冠肺炎 遭 槍斃 包括 一 名 確診 病例 北 韓 自大 陸 爆發 疫情 後 隨即 封鎖 國界 之前 曾 傳出 境內 隔離 7000 名 疑似病例 以及 1 名 走私 碼頭 管理員 染疫 但 北 韓 官 媒 一概 否認 堅稱 國內 零 確診 北 韓 與 新冠肺炎 2 大 疫區 大陸 和 南韓 比鄰 但 宣稱僅 在 疫情 初期 出現 2 例 病例 駐 韓 美軍 司令 艾 布蘭 近日 表示 由於 北 韓 軍隊 長 時間 停止 活動 美方 相當 肯定 北 韓 仍然 有 新冠 病例 他們 的 軍隊 已經 封鎖 30 天 直到 最近 才 重新 開始 例行 訓練 而且 有 24 天 他們 一 架 軍機 都 沒 起 飛過 另外 南韓 東亞 日報 引 據 知情 人士 爆 料 雖然 北 韓 聲稱 境內 零 確診 但 因為 新冠肺炎 遭 槍斃 者 至少 就 有 3 人其中 1 人 是 確診 病 患 另 2 人 是 因為 違反 防疫 措施 遭 槍斃 確診 者 為 一家 專門 走私 無煙 炭 及 礦物 的 貿易 公司 專用 碼頭 警衛 教官 他 於 14 日 確診 感染 新冠肺炎 報導 指出 北 韓 早 在 1 月 22 日 就 下令 封鎖 邊境 但 這 名 教官 卻 在 封鎖 邊境 的 23 天 後 出現 疑 似 症狀 引發 當局 懷疑 審問 後 發現 他 曾 私下 接觸 大陸 人 違反 防疫 法規 金正恩 在 2 月初 下令 違反 防疫 規定 者 皆 以 軍法 處置 這 名 確診 者 因此 在 2 月 16 日 遭 槍決</t>
  </si>
  <si>
    <t>南 投 新增 1 確診 只 在 公墓 工作 也 染疫</t>
  </si>
  <si>
    <t>國內 新增 1 境外移入 赴 墨西哥 出差 男子 染疫</t>
  </si>
  <si>
    <t>北部 醫師 傳染疫 民眾 怕 爆 醫院 官網 被 點 到 當 機</t>
  </si>
  <si>
    <t>北部 某 醫院 昨晚 傳出 疑 似 新冠肺炎 感染 事件 引發 民眾 焦慮 由於 指揮中心 尚未 說明 情況 一早 民眾 就 到 被 傳 有 院內 感染 的 醫院 官網 查詢 導致 該 醫院 官網 當 機 直到 今 下午 1 時多 點 進 該 醫院 網站 後 網頁 不僅 一直 轉 圈圈 最終 頁面 轉 不 出來 呈現 一片空白 該 起 院內 感染 事件 疑 似是 該院 內科病房 感染 控制 不當 其中 負責 照顧 確診 病 患 的 男 住院 醫師 近日 出現 類似 症狀 因此 趕緊 通報 采 檢 據 瞭解 目前 含 男 醫師 有 二 名 醫護 采 檢 陽性 近 20 名 醫護 隔離 采 檢 由於 全案 恐是 全台 首 起 醫師 染疫 個案 引發 民眾 高度 關注 連帶 造成 醫院 官網 當 機 不僅如此 由於 院內 疑 有 感染 發生 桃園 台 茂 購物 中心 大江 購物 中心 ikea 桃園 店 都已 緊急 宣佈 為 配合 防疫 作業 關門 消毒 其中 大江 購物 中心 今 宣佈 暫停營業 一 天 而 ikia 桃園 店 則 是 貼出 消毒 作業 暫停營業 的 公告</t>
  </si>
  <si>
    <t>臺灣 本土 連續 34 天 零 確診 昨 破 功 北市 南 港 中研院 p 3 實驗室 一 名 家住 新北 市 的 女 研究員 在 試驗 中 不慎 染疫 確診 各界 關心 是否 可能 比照 過去 板橋社區 封 樓 新北 市 衛生局長 陳 潤 秋 表示 女 研究員 住處 是 單獨 進出 門戶 目前 匡列</t>
  </si>
  <si>
    <t>臺灣 本土 連續 34 天 零 確診 昨 破 功 北市 南 港 中研院 p 3 實驗室 一 名 家住 新北 市 的 女 研究員 在 試驗 中 不慎 染疫 確診 各界 關心 是否 可能 比照 過去 板橋社區 封 樓 新北 市 衛生局長 陳 潤 秋 表示 女 研究員 住處 是 單獨 進出 門戶 目前 匡列 同 住 1 名 男性 友人 且 pcr 陰性 其他 家人 在外 縣 市 沒有 鄰居 被 匡列 陳 潤 秋 說 女 研究員 主要 活動 地點 在 新北 市 汐止 與 臺北 南港 侯友宜 也 說 女 研究員 生活 單純 其他 家人 在 其他 縣 市 到底 女 研究員 怎麼 感染 陳潤秋 說 這 部分 跟 昨天 一樣 主要 是 實驗 中間 有 被 污染 到 那段 時間 該 實驗室 用 delta 變異 株 初 判 是 delta 後續 要 等 感染者 基因 定 序 才能 確認</t>
  </si>
  <si>
    <t>國際 社會 6 個 月 來 首 見 美國 單日 染疫 死亡 破 2000 人</t>
  </si>
  <si>
    <t>美國 平均 單日 染疫 死亡 人數 再度 突破 2000 人 為 6 個 月 以來 首度 又 跨過 這個 悲慘 的 門檻 根據 約翰霍普金斯大學 匯 整 的 資料 截至 本 週二 美國 呈報 的 新冠 病毒 染疫 死亡 人數 7 日 平均值 為 2031 人 儘管 新增 感染 病例 數 趨於平穩</t>
  </si>
  <si>
    <t>美國 平均 單日 染疫 死亡 人數 再度 突破 2000 人 為 6 個 月 以來 首度 又 跨過 這個 悲慘 的 門檻 根據 約翰霍普金斯大學 匯 整 的 資料 截至 本 週二 美國 呈報 的 新冠 病毒 染疫 死亡 人數 7 日 平均值 為 2031 人 儘管 新增 感染 病例 數 趨於平穩 但 染疫 死亡 人數 仍 持續 攀升 較 前 一 周 前 增加 13 與 本月 初 相比 更 大幅 增加 了 43 上 一 次 美國 平均 每日 染疫 死亡 人數 超過 2000 人 是 在 今年 3 月 1 日 不過 該國 平均 每日 染疫 死亡 人數 創下 新高 記錄 是 在 今年 1 月 中旬 的 3426 人 新冠肺炎 在 週一 正式 成為 美國 近代 史 上 最 致命 的 疫情 累計 染疫 死亡 人數 超過 1918 年 流感 大 流行 也 就 是 西班牙 流感 在 美國 奪 走 的 生命 目前 美國 呈報 死亡 人數 最 多 的 是 佛羅里達州 其 過去 一 周 平均 每日 染疫 死亡 人數 達 376 人 其次 是 德州 平均 每日 283 人 死於 新冠肺炎 兩 個 州 加 起來 的 數字 約 占 全國 平均 數 的 三 分之一 在 經 人口 調整 後 阿拉巴馬州 佛州 和 西 維吉尼亞 報告 的 每 10萬 居民 平均 每日 染疫 死亡 人數 最 多 在 染疫 死亡 人數 再度 突破 2000 人 之前 近來 美國 感染 新冠 病毒 的 病例 數 急速 增加 雖然 現在 出現 一些 緩解 的 跡象 但 數字 仍然 高得 令人擔憂 過去 一 周 美國 每日 平均 確診 數 約 為 135萬 例 較 9 月 1 日 減少 18 住院 人數 雖然 呈現 下滑 趨勢 但 仍然 偏 高 根據 美國 衛服部 公佈 的 7 日 平均數 目前 美國 因 感染 新冠 病毒 住院 的 人數 約 為 91500 人 較 9 月初 的 近 103萬 人 減少 約翰霍普金斯大學 彭博公 衛學院 分子 微生物學 和 免疫 學 系主任 dr arturo casadevall 表示 如果 曲線 病例 數 向 下走 死亡 人數 應該 會 隨之 減少 此外 新冠肺炎 的 療法 已 有所改善 現在 的 治療 方法 比 一 年前 更 好在 delta 變種 病毒 肆虐 之際 傳染病 專家 表示 如果 沒有 開發 出 疫 苖 現在 的 情況 可能 更糟 根據 美國 疾病 管制 與 預防 中心 的 資料 目前 近 55 的 美國 人口 已經 完整 接種 疫苗</t>
  </si>
  <si>
    <t>數字 美國 染疫 死亡 人數 新冠 病毒</t>
  </si>
  <si>
    <t>delta 太強 攻破 保護 力 防線 12 人 打完 兩劑 仍 染疫</t>
  </si>
  <si>
    <t>新冠肺炎 疫情 緊張 第一線 醫護 警 消 工作量 暴 增 還 得 承受 高壓 有 一 名 消防人員 在 臉書上 不滿 地 表示 開 防疫 巴士 接送 確診 者 與 消防 任務 根本 無關 要 消防 局 不要 什麼 工作 都 延攬 給 弟兄 更 控訴 若 弟兄 確診 越來越 多 哪個 局 處 會 來 幫 我們 打火 一 名 消防人員 在 臉書 專 頁 靠北 消防 20 投稿 31 日 刊出 的 內容 開頭 就 寫下 請問 開 防疫 巴士 或 防疫 救護車 去 防疫 旅館 到底 跟 消防 三大 任務 哪 一個 有 關係 並 不滿 的 表示 難道 是 會 開車 之人 穿 上 防護衣 就 可以 開 了 嗎 該 名 消防 員 抱怨 不 管 什麼 事 都 要求 消防 來 做 導致 消防 同仁 確診 不少 分隊 因此 關閉 進行 清 消 害得 其 餘 正常 運作 的 分隊 要 擴大 支援 只 會 累死 自己人 該 名 消防 員還 說 載運 新冠 陽性 患者 並 非 緊急 救護 的 工作 專案 之一 希望 消防 局 不要 對於 各局 處 包 山包 海 的 工作 來者不拒 若 確診 同仁 越來越 多 試問 究竟 有 哪個 局 處 會 來 幫忙 救災 打火 投稿 文章 刊出 後 不少 網友 于 留言 區回 覆 新北 現在 還要 開 返鄉 專車 去 各縣市 的 檢疫所 把 人 載 回來 呢 沒有 發生 的 事 我們 不 要 先 預 設 你 說 對 不對 發生 了 我們 再 想 辦法 嘛 還有 下雨天 拿 尺 去 量 積水 是 怎樣 公路 養護 單位 建設 工 務 都 沒 出門 了 實際上 醫護 警 消 傳出 不滿 已非 第一 次 日前 臺北市 政府 警察局 信義 分局 鑒 識 小隊 的 孫姓 偵查 佐 才 在 個人 臉書 發文 指稱 上月 底 接 獲 一 名 老翁 居家 死亡 到場 後 經 救護 人員 量 體溫 卻 高 達 391 度 懷疑 有 染疫 但 專責 單位 衛生局 卻 甩 鍋 不 到場 也 不 采 驗 害 他們 只好 穿 著 防護衣 硬 上 處理 對 這樣 的 防疫 sop 感到 相當 心寒</t>
  </si>
  <si>
    <t>國內 海軍 敦睦 艦隊 爆發 新冠肺炎 疫情 累計 共 24 官兵 染疫 其中 有 3 名 軍官 居住 在 台中 中 市府 緊急 公開 足跡 後 有 網友 仔細 看 完 資訊 發現 其中 一 名 官兵 早 在 13 日 出現 症狀 但 卻 還 是 見 了 外婆 女友 等 人 讓 人 直 呼太 誇張 台</t>
  </si>
  <si>
    <t>國內 海軍 敦睦 艦隊 爆發 新冠肺炎 疫情 累計 共 24 官兵 染疫 其中 有 3 名 軍官 居住 在 台中 中 市府 緊急 公開 足跡 後 有 網友 仔細 看 完 資訊 發現 其中 一 名 官兵 早 在 13 日 出現 症狀 但 卻 還 是 見 了 外婆 女友 等 人 讓 人 直 呼太 誇張 台中 市府 19 日 公佈 3 名 確診 的 敦睦 艦隊 官兵 足跡 有 網友 轉發 到 ptt 後 引起 了 熱烈 討論 其中 一 名 年 約 28 歲 的 男性 於 4 13 就 出現 喉嚨 痛 的 症狀 到 醫務所 就醫 但 15 日 17 日 還是 分別 去 見 了 外婆 北上 至 苗栗 拜訪 女友 家人 直到 18 日 早上 接 獲 回營 通知 由 父親 開 車載 往 集合 點 集中 檢疫 後 確診 網友 看 完 該案 後 紛紛 驚呼 有 症狀 還 去 女友 家 案 40 那個 太 誇張 都 什麼 時間 了 有 症狀 還 接觸 這麼 多 人 喉嚨 痛 就醫 了 還 到處跑 外婆 跟 女友 家人 星火燎原 整個 臺灣 放火燒</t>
  </si>
  <si>
    <t>智邦 估 因 新冠肺炎 染疫 衝擊 6 月 產量 將 因而 減少 一 成</t>
  </si>
  <si>
    <t>南韓 女星 尹恩惠 今 9 日 爆出 確診 新冠肺炎 本人 也 在 ig 發文 以 一 張 全黑 畫面 並 親口 證實 染疫 特地 向 粉絲 們 報平安 幸運 的 是 我 的 情況 很 好 沒有 任何 嚴重 症狀 從 尹恩惠 的 敘述 中 得知 似乎 是 和 她 同居 的 友人 身體 不</t>
  </si>
  <si>
    <t>南韓 女星 尹恩惠 今 9 日 爆出 確診 新冠肺炎 本人 也 在 ig 發文 以 一 張 全黑 畫面 並 親口 證實 染疫 特地 向 粉絲 們 報平安 幸運 的 是 我 的 情況 很 好 沒有 任何 嚴重 症狀 從 尹恩惠 的 敘述 中 得知 似乎 是 和 她 同居 的 友人 身體 不適 確診 不 小心 傳染給 她 15 歲 時就 以 童星 身份 出道 的 尹恩惠 昔日 透過 電視劇 宮 咖啡 王子一 號 店 和 想 你 爆 紅 甚至 有 被 誇讚 為 哭戲 最美 的 女 演員 但 可惜 的 是 尹恩惠 一度 到 大陸 發展 參加 時尚 類 實 境 秀 節目 卻 被 爆 料 抄襲 形象 重 損 近年 才 把 工作 重心 轉回 南韓 yoon eun hye @y 1003 _grace 分享 的 貼 文 今日 晚間 尹恩惠 突然 在 ig 曬 出 一 張 全黑 的 照片 向 粉絲 告知 自己 確診 新冠肺炎 的 消息 文中 透露 她 的 同居 友人 身體 不適 她 也 跟 著 一起 做 了 pcr 檢測 沒想 到 今日 收到 確診 消息 也 依照 檢疫 部門 的 指導 隔離 中 對此 她 對 粉絲 們 感到 很 抱歉 因為 沒有 好好 照顧 自己 的 身體 萬 幸 的 是 尹恩惠 說 目前 身體 沒有 什麼 大礙 情況 還 不錯 請 粉絲 不用 替 她 擔心 大家 都 要 好好 照顧 自己 的 身體健康 有 韓媒 指出 尹恩惠 先前 上 節目 時曾 說 到 目前 和 一起 工作 10 年 的 經紀人 及 聲樂家 好友 同 住 推測 是 兩 人 其一 染疫 尹恩惠 才 必須 接受 檢測 沒 料到 也 不幸 確診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印度 新冠肺炎 疫情 慘烈 在 印度 經商 的 跨國 和 本地 企業 紛紛 提供 財務 或 物資 援助 或是 重新 調派 人力 致力 保護 員工 安全 根據 印度 衛生部 資料 印度 5 日 新增 確診 案例 達 382315 例 已 連續 12 日 單日 新增 病例 超過 30萬 人 全國 累計 2066萬 人 確診 5 日 的 死亡 案例 亦 創 新高 達 3780 人 讓 總計 死亡 人數 超過 226萬 人 大型 銀行 將 資訊 技術 工作 外 包至 印度 行之有年 面對 印度 疫情 急速 升溫 銀行業 者 開始 將 印度 的 工作 安排 至 其他 國家 鼓勵 員工 在家 工作 並 延長 專案 截止 期限 印度 企業 亦 為 員工 和 其 家人 設立 照 護 中心 甚至 提供 疫苗 施打 美國 高盛 與 富國銀行 讓 員工 在 遠 端 工作 以 維護 人員 安全和 保持 業務 運作 高盛 日前 宣佈 捐款 1000萬 美元 援助 印度 對抗 新冠肺炎 病毒 高盛 在 班加羅爾 海德拉巴 和 孟買 設有 據點 富國銀行 資助 當地 社區 逾 300萬 美元 該 銀行 表示 印度 的 疫情 尚未 對 業務 運作 造成 重大 影響 英國 的 巴克萊銀行 國民 西敏寺 銀行 natwest 與 渣打銀行 則 將 印度 的 工作 重新 調派 至 其他 國家 以 減輕 印度 員工 的 壓力 許多 員工 不是 染疫 就 是 得 在家 照顧 生病 的 家人 巴克萊 亦 捐贈 食物 口罩 和 呼吸器 等 重要 物資 給 當地 的 慈善 團體 並 提供 員工 額外 的 醫療保險 將 新冠肺炎 相關 的 治療 費用 納入 保險 範圍 近 幾 年 投 注 數 十億 資金 拓展 印度 業務 的 全球 科技 巨擘 也 盡力 維護 印度 業務 運作 亞馬遜 為 印度 員工 準備 氧氣 機 和 血 氧 測量 儀 等 治療 設備 並 提供 飯店 房間 讓 輕 症 的 員工 和 家人 入住 隔離 穀歌 日前 宣佈 捐 1800萬 美元 協助 印度 抗 疫 在 印度 出生 的 穀歌 執行長 皮查 sundar pichai 受訪 時 表示 印度 現在 值得 外界 關注</t>
  </si>
  <si>
    <t>英國 新冠肺炎 疫情 在 政府 未 積極 遏制 病毒傳播 也 未 實施 大規模 檢測 的 鬆散 做法 之下 確診 人數 節 節 攀 高 根據 衛報 從 衛生部門 取得 的 一 份 內部 檔 顯示 預計 英國 未來 12 個 月 都 會 受 疫情 影響 直到 2021 年 春季 檔 並 做出 最壞 估計 指出 期間 可能 多 達 80 民眾 會 染疫 感染 人數 中 又 有 15 約 790萬 人 須 住院治療 死亡 人數 可能 逾 50萬 人 檔 已向 醫院 傳達 這 份文件 由 英格蘭 公共 衛生 署 phe 緊急 應變 小組 撰寫 並 已 獲得 負責 此次 疫情 的 首席 官員 霍普金斯 susan hopkins 授權 公開 給 英格蘭 各 大 醫院 負責人 及 資深 醫生 儘管 預測 數字 都 是 根據 最 糟糕 的 情況 推算 暗示 實際 情況 會 比較 好 但是 檔 明確指出 預計 未來 12 個 月 內 4 5 的 人 會 感染 新冠肺炎 其中 15 染疫 患者 需要 住院治療 檔 提到 在 疫情 高峰期 間 預期 落 在 5 月底 至 6 月中500萬 名 服務 於 基本 及 關鍵 基礎 設施 的 人 包括 100萬 醫護人員 與 150萬 從事 社會 照 護 的 人 可能 有 50萬 人 染疫 請假 此外 全英會 有 10 的 人 出現 咳嗽 症狀 按照 強森 政府 上周 公佈 的 防疫 建議 任何 有 咳嗽 症狀 的 人 都應 自我 隔離 7 天 50萬 人 請 病假 加上 自我 隔離 的 人數 恐 造成 基礎 設施 當 機 該 報告 點出 目前 有 症狀 而 須 接受 檢測 的 人數 已 超出 醫療系統 負荷 因為 實驗室 供不應求 所以 只 能 將 檢測 對 象限 縮 於 住院 的 重症 患者 長 照 中 心病 患 關在 出現 確診 病例 監獄 的 囚犯 病毒 6 月 趨 緩 但 永存 不過 東安 格利亞 大學 university of east anglia 教授 亨特 paul hunter 認為 雖然 社會 大眾 聽到 疫情 將 持續 12 個 月 可能 會 不安 與 憂慮 但 一 年 的 時間 是 合理 的 他 說 我 認為 新冠肺炎 疫情 會 在 近 6 月底 時趨 緩 11 月 左右 再度 回籠 就 和 普通 的 流感 一樣 病毒 應該 會 永遠 存在 但 隨 著 免疫力 增強 疫情 就 不 會 那麼 嚴重 英國 至 16 日 中午 為止 確診 病例 達 1391 人 35 死 全球 疫情 排行榜 裡 排名 第 10</t>
  </si>
  <si>
    <t>確診 者 自 曝 萬 華人 與 人 連結 他 人生 的 痛 害 母親 染疫病 歿</t>
  </si>
  <si>
    <t>一 名 確診 者 今 6 日 在 我 是 板橋 人臉書 社團 留 言說 自己 是 一 名 確診 者 因 自己 有 去 萬 華人 與 人 的 連結 害 母親 胞兄 染疫 母親 5 月 19 日 住院治療 於 6 月 1 日 病 歿 是 人生 的 痛 留言 也 吸引 網友 幫 他 加油打氣 但 留言 目前 已 刪</t>
  </si>
  <si>
    <t>疫情 嚴峻 掀 疫苗 搶 打 但 至今 臺灣 僅 有 71萬 劑 az 疫苗 無黨籍 立 委 傅昆萁 今天 再次 呼籲 行政院長 蘇貞昌 盡 速 開放 民間 企業 與 地方 政府採購 疫苗 民間 與 地方 絕對 有能力 來 承擔 唯有 疫苗 才能 讓 臺灣 成為 全世界 最 安全 的 地方 臺灣 應 把握 機會 讓 經濟 再度 起飛 傅昆萁 重申 很 遺憾 過去 一 年 政府 的 防疫 只 剩 三不 政策 包含 不封 城 不 設 方 艙 醫院 不 設 新冠 專責 醫院 現在 則 是 三 沒有 沒有 全民 普 篩 沒有 足夠 篩檢 量 能 更 沒有 歐美 優良 疫苗 面對 嚴峻 疫情 必須 同 島 一 命 解決目前 的 問題 傅昆萁 呼籲 行政院 過去 政府 一再 宣傳 現階段 是 台美 關係 最好 的 時刻 那 就 應該 立即 與 美國政府 協商 至少 購買 到 2000萬 劑 的 莫德納 疫苗 讓 全民 都 可以 免疫 倘若 買不到 莫德納 至少 也 應該 開放 民間 企業 與 地方 政府 來 採購 疫苗 相信 全民 都樂 見 其成 傅昆萁 表示 這 段 時間 不論是 德國 bnt 或 上海 複 星 醫藥 早就 和 臺灣 有 非常 充分 的 接觸 希望 閣 揆 蘇貞昌 能 立即 開放 地方 政府 與 民間 企業 把 全世界 最好 的 臺灣 至少 要 有 4000萬 劑 的 莫德納 或 輝瑞 才能 讓 全體 國人 都 施打 2 劑 達到 接種 率 95 以上 全台 群體 免疫 成為 全世界 最 安全 的 國家 傅昆萁 認為 臺灣 必須 以 美國 為 借 鏡 過去 美國 因 一個 疏失 而 造成 十分 之一 人口 超過 三千萬 人 染疫 變成 全世界 最 危險 的 國家 但 全面 施打 疫苗 後 美國 如今 卻 即將 解除 封城 迎接 經濟 啟動 傅昆萁 指出 立院 將 於 31 日 第 三 次 追加 紓困 預算 提高 上限 至 6300億 他 推 估 若 疫情 持續 未來 即便 突破 兆元 救災 都 不夠 然而 全球 最好 的 輝瑞 疫苗 國際 均 價 每 劑 約 22 美元 如果 臺灣 採購 4000萬 劑 一 人 打 2 劑 只要 約 264億 元 就 能 讓 全民 免疫 讓 印度 等 重災區 的 訂單 轉向 臺灣 而 我國 一整 gdp 約 22 兆 只要 經濟 成長 5 就 有 1 兆 台幣</t>
  </si>
  <si>
    <t>長 榮 機師 染疫 案 成為 第 2 起 delta 變異 株 入侵 社區 疫情 醫師 周百謙 分析 雙北 桃園 人口 密集 室內 聚集 機會 多 比起 先前 屏 東 疫情 控制 難度 更 高 並 考驗 全民 防護 措施 是否 落實 長 榮 有 3 名 機師 與 1 名 機師 之 子 確診 covid-19 20</t>
  </si>
  <si>
    <t>美西 華盛頓州 29 日 出現 感染 源 不 明 的 首例 死者 是 一 名 50 多 歲 男 病 患 原本 就 有 嚴重 健康 問題 但 該州 陸續 出現 至少 4 起 不明 感染 源 的 確診 個案 讓 專家 擔心 這 已 符合 社區 傳染 定義 此外 該州 一個 長 照 中心 出現 一 名 醫護人員 確診 也 是 美國 首 起 醫護人員 染疫 中心 另 有 50 多 人 出現 新冠肺炎 症狀 現 正在 接受 檢驗 專家 擔心 華盛頓州 除了 社區 傳染 恐 也 出現 院內 感染 華盛頓州 長 英斯 利已 宣佈 該州 進入 緊急狀態 首例 死者 就醫 地點 位於 金恩郡 king county 的 柯克蘭 kirkland 附近 有 家 生命 長 照 中心 life care center of kirkland 該 中心 29 日 新增 了 2 例 確診 個案 一 為 病 患 一 為 中心 的 員工 兩 人 也 都無 出 國史 或 接觸 史 這 也 是 美國 第一 起 醫護人員 確診 病例 但 更讓人 憂心 的 是 長 照 中心 另外 還有 多 達 52 人 出現 新冠 症狀 顯見 該 中心 恐 已 出現 院內 大規模 感染 疾病 管制 暨 預防 中心 cdc 已 派 專員 前往 支援 專家 直言 該州 在 1 月 21 日 出現 第一 例 確診 個案 從 武漢 回國 而今 至少 4 起 無 感染 源 的 確診 病例 已 屬於 社區 傳播 病例 也 顯示 病毒 在 該州 可能 已 擴散 長達 6 周 之久 感染 人數 恐 在 150 1500 人 之間 金恩郡 人口 約 220萬 約 占 華盛頓 1 3 人口 若 爆發 社區 傳染 或 院內 感染 將 是 災難 華盛頓州 疫情 擴大 但 川普 29 日 發表談話 呼籲 國人 無須 恐慌 也 無須 改變 日常 行程 稱 政府 已 做好 超級 準備 可 應付 更 廣泛 疫情 cdc 署長 瑞德菲 也 強調 染疫 風險 很 低 民眾 應該 維持 正常 生活 但 政府 加強 了 邊界 防疫 川普 宣佈 對 伊朗 實施 旅行 限制 禁止 過去 14 天內 出入 伊朗 的 外國人 入境 並 提高 對 南韓 和義 大利 的 旅行 警告 調升 至 最高級 不要 前往 川普 也 表示 考慮 關閉 美國 與 墨西哥的 邊境</t>
  </si>
  <si>
    <t>最新 確診 地圖 曝光 雙 北 累計 3193 人 染疫 中部 這 縣 市 逼近 百 人</t>
  </si>
  <si>
    <t>昨日 新增 334 例 本土 案例 及 256 例 校正 回歸 全台 僅剩 台 東縣 沒有 確診 者 據 疾 管署 全國 本土 病例 地理 分佈圖 顯示 今年以來 已 累計 3691 人 確診 雙北 為 重災區 其中 以 新北 市 1786 人 最 多 其次 為 臺北市 1407 人 桃園 市 177 人 另外 中部 則 以 彰 化 縣 96 人 最 多 警示 燈號 早已 亮紅燈 根據 疾 管署 全國 本土 病例 地理 分佈圖 顯示 今年 截至 5 月 24 日 為止 已 累計 3691 人 確診 以 新北 市 1786 人 占最多 其次 依 序 為 臺北市 1407 人 桃園 市 177 人 彰 化 縣 96 人 基隆 市 53 人 宜蘭 縣 41 人 台中 市 40 人 高雄市 25 人 屏 東縣 17 人 南 投 縣 11 人 台 南市 及 新竹 市 各 8 人 新竹 縣 及 雲 林縣 各 6 人 苗栗縣 及 花蓮縣 各 4 人 最後 嘉 義縣 市 各 1 人 除了 雙北 成 了 這 波 疫情 重災區 確診 人數 加總 達 3193 人 中部 則 以 彰 化 縣 疫情 最 嚴峻 昨日 新增 12 人 確診 累計 96 人 染疫 警戒 燈號 早已 轉為 亮 紅色 另外 台中 市 也 有 新 增 8 人 染疫 目前 共 40 人 確診 目前 僅剩 台 東縣 及 外島地區 包括 金門縣 澎湖縣 及 連江縣 零 確診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派 丁森 染疫 蝙蝠 俠 再 停 擺</t>
  </si>
  <si>
    <t>34 歲 英國 男 星 羅伯派丁森 robert pattinson 雖 因 暮 光 之城 系列 走紅 但 也 花 了 很 長 時間 才 藉 獨立 製片 電影 甩掉 發光 吸血鬼 的 形象 他 在 上映 中的 新片 天 能 正式 回歸 主流 大片 飾演 穿針引線 的 男配角 卻 搶走 男 主角 約翰大衛華盛頓 john david washington 不少 風采 將 接 棒 成為 新任 蝙蝠 俠 的 他 4 日 卻 驚 傳 確診 新冠肺炎 導致 才複 拍 3 天 的 新版 蝙蝠 俠 被迫 2 度 停 拍 新版 蝙蝠 俠 片商 華納兄弟公司 雖 僅 表示 製作 團隊 中 有 1 名 成員 的 新冠肺炎 檢測 結果 為 陽性 目前 已 遵照 既定 程式 進行 隔離 電影 拍攝 暫時 停止 並 拒絕 透露 染疫 者 的 身分 但 包括 浮華世界 與 好萊塢 報導 等 媒體 都 藉 內部消息 證實 確診 者 就是 派 丁森 新冠 疫情 不僅 重創 好萊塢 許多 a 咖 明星 也 接連 傳出 染疫 除了 湯姆 漢克斯 tom hanks 在 3 月 確診 凱文哈特 kevinhart 也 在 上周 透露 年初 染疫 巨石 強 森 dwayne johnson 則 在 3 日 宣佈 自己 妻子 與 2 個 女兒 全都 罹 患 了 新冠肺炎 新片 上映 檔 期 恐 延 後 新版 蝙蝠 俠 拍攝 過程 一波三折 先前 宣佈 派 丁森 將 化身 蝙蝠 俠 時 曾 遭 粉絲 群起 抗議 3 月 時 則 配合 疫情 停止 拍攝 沒 想到 才在 英國 複 拍 3 天 又 再度 停 擺 電影 原 預定 在 2021 年 10 月 上映 現在 恐 因 開工 進度 延誤 而 退 檔 期</t>
  </si>
  <si>
    <t>好萊塢 停止 肺炎 疫情 染疫</t>
  </si>
  <si>
    <t>新冠肺炎 疫情 打亂 日本 房市 前景 有 專家 指出 都市 的 中古 屋 可能 大 跌 二 至 三 成 原本 乏人問津 的 郊外 住宅 則 可能 重新 受到 矚目 shop prices in prime locations in tokyo and osaka that had held firm for more than a decade have fallen by nearly 30 percent 日本 現代 商業 引用 住宅 評論家 櫻 井 幸雄 的 推測 指出 東京 23 區 的 大樓 公寓 房價 2007 年 時 平均 為 6120萬 日圓 約 台幣 1724萬 元 經歷 雷曼 兄弟 金融風暴 後 2009 年 跌 至 5190萬 日圓 約 台幣 1462萬 元 新冠肺炎 疫情 限制 了 全球 的 人 物 金錢 的 流動 不動產 一定 也 會 受到 極大 的 打擊 報導 指出 不少 專家 認為 日本 人口 持續 老化 擁有 不動產 本身 就 是 風險 不動產 評論家 牧野 知 弘則 指出 東京 奧運 延期 使 原本 期待 訪 日 旅客 帶動 經濟的 期待 破滅 這 也 會 影響 不動產 市場 看 准 奧運 投資 的 企業 當中 可能 會 出現 因為 資金周轉 困難 而 無法 經營 下去 的 公司 屆時 可能 會 低價 變賣 手中 持有 的 土地 導致 土地價格 下跌 中古 不動產 恐 跌價 三 成 疫情 持續 下去 的話 飯店 零售業 中小 企 等 相繼 破產 導致 失業人數 持續 增加 還 不 起 房 貸 的 人 也 可能 變賣 房產 間接 影響 到 房價 櫻 井 還 預測 中古 不動產 價格 最終 可能 大 跌 二 至 三 成 但 他 也 說 不用 急於 脫手 股票 和 不動產 一樣 總會 有 反 轉 的 時機 不動產 大約 三 至 五 年 就 會 有 漲跌 的 輪回 如果 能 等 可到 景氣 復蘇 後 再 考慮 賣 房 相反 的 對 想 買房 的 人 而言 說不定 後 新冠 期 是 不錯 的 時機 牧野 則 指出 過去 20 年 日本 人 從 郊外 回歸 便利 的 都市 使 郊外 的 住宅 變 得 很 沒 人氣 景氣 一 變 差 房價 就 一直 跌 然而 經過 這次 新冠肺炎 疫情 後 都市人口 密集 的 地方染疫 風險 大 今後 買家 很 可能 把 焦點 再度 轉向 郊外 的 住宅 因此 在 郊外 的 房子 也 不急 著 脫手 再 等 個 五 年 看看 大 企業 為了 避免 員工 染疫 的 風險 開始 實施 居家 辦公 制度 即使 疫情 過去 也 很 可能 繼續 實施 工作 方式 改革 有些 公司 已 在 研究 每週 去 公司 三 天 的 上班 方式 也 有助於 舒緩 上下班 時間 交通 顛 峰 期間 的 擁擠 近年來 許多 人 為了 不 想 通車 而 搬 到 東京都 心 若 以後 在 家 辦公 的 時間 增長 的話 郊外 的 住宅 很 可能 會 重新 受 矚目 還 不 起 房 貸 賣家 急 脫手 此外 日本 現代 商業 雜誌 報導 受到 疫情 影響 許多 背 著 房 貸 的 蝸牛 族 開始 為 還 不 起 房 貸 而 煩惱 若 因 延遲 繳 房 貸 而 信用 破產 申請 破產 的 案例 恐 將 激增 個人 破產 的 件數 最近 一 年 約 6 7萬 件 2000 年代 初期 曾 達到 10萬 件 後 新冠 期 也 有 可能 增加 到 20萬 件 日本政府 為 因應 新冠肺炎疫情 發佈 長達 一個 月 以上 的 緊急 事態 宣言 許多 公司 要 員工 在家 上班 但 薪水 業績 獎金 津貼 都 縮水 有些 太太 平時 去 餐廳 打工 貼補家用 受到 政府 要求 店家 暫停營業 的 影響 連 打工 收入 也 沒有 了 許多 人 省吃儉用 貸款 買 了 理想 的 房子 卻 因為 疫情 關係 而 還款 困難 東京 千代田區 的 線 上 住宅 貸款 服務公司 msf 針對 新冠肺炎 疫情 對 房 貸 還款 的 影響 在 4 月 7 日 發佈 緊急 事態 宣言 後 未 滿 一個 月 時 進行 了 一 項 問卷調查 結果顯示 疫情 對 六 成 以上 的 家庭收入 有 影響 其中 313 的 人 回答 收入 減少 了 有 300 的 人 回答 現在 沒 影響 但 今後 好像 會 減少 回答 收入 減少 的 家庭 當中 有 305 的 家庭 一個 月 減少 5 10萬 日圓 約 台幣 14萬 至 28萬 元 有 225 的 家庭 減少 1 3萬 日圓 約 台幣 2800 元 至 8451 元 192 的 家庭 回答 減少 3 5萬 日圓 約 台幣8451 元 至 1萬 元 以 年齡層 來看 30 多 歲 的 人 占 了 約 四 成 調查 中 提問 受 疫情 影響 是否 為 還款 而 苦 有 137 的 人 非常 痛苦 259 的 人 有點 痛苦 兩者 加總 可 看出 有 396 的 家庭 為 還 房 貸 而 苦 還有 284 的 人 回答 今後 可能 會 痛苦 日本 住宅 金融 支援 機構 指出 2 月 時 約 接 到 20 件 左右 有 關還房 貸 的 諮 詢 3 月 時 增加 到 200 件 4 月 更 超過 1200 件 才 短短 兩 個 月 諮 詢 件數 增加 了 60 倍</t>
  </si>
  <si>
    <t>全國 升 三級 警戒 進出 營業 公共場所 等 都 必須 實施 實 聯 制 不過 最近 有 民眾 發現 有 店家 張貼 於 門口 的 qr code 遭 不肖 人士 更換 民眾 不知情 掃描 後 造成 荷包 大 失血 內政部警政署 也 在 臉書 宣導 提醒 民眾 傳送 實 聯 制 簡訊 前 先 確認 是否 傳送 至 1922 否則 連結 至 惡意 網站 個 資 恐 外泄 一 名 網友 昨 6 日 於臉書 社團 爆 怨 2 公社 指出 有 店家 將 實 聯 制 qr code 張貼 於 店 門外 卻 遭 不肖 人士 更換 連結 至 高額 付費 號碼 或 惡意 網站 讓 荷包 大 失血 因此 在 掃 完 qr code 後 發送 實 聯 制 簡訊 前 應先 確認 螢 幕 上方 傳送 物件 是否 為 1922 確定 無誤 再 傳 希望 大家 多 留意 防疫 也 要 詐騙 真的 太 可怕 內政部警政署 日前 也 在 臉書 165 全 民防 騙 網 宣導 張貼 於 店門口 的 實 聯 制 qr code 務必 不定期 檢查 以防 遭 不肖 人士 更換 也 提醒 民眾 多 加 查核 是否 傳 至 1922 確認 後 再 傳送 貼 文 曝光 後 不少 網友 相當 氣憤 紛紛表示 唉 臺灣 真是 無處 不 詐騙 耶 氣死人 了 趁火打劫 災難 已經 夠 可憐 了 這種 趁火打劫 的 不得好死 賺 這種 錢 不怕 染疫 暴 斃 嗎 都 什麼 時候 了 還 搞 詐騙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北市 信義 警 分局 有 員 警 爆 料 北市 一 名 8 旬 翁 在家 死亡 疑 有 新冠肺炎 症狀 衛生局 卻 不 到場 做 行政 相 驗 警方 只好 報請 檢察官 司法 相 驗 確認 死者 染疫 痛 批 衛生局 甩 鍋 對此 北市 副 市長 黃珊珊 7 日 表示 刑事 局 去年 的 sop 說 這</t>
  </si>
  <si>
    <t>北市 信義 警 分局 有 員 警 爆 料 北市 一 名 8 旬 翁 在家 死亡 疑 有 新冠肺炎 症狀 衛生局 卻 不 到場 做 行政 相 驗 警方 只好 報請 檢察官 司法 相 驗 確認 死者 染疫 痛 批 衛生局 甩 鍋 對此 北市 副 市長 黃珊珊 7 日 表示 刑事 局 去年 的 sop 說 這種 案子 是 由 檢 警 來 做 司法 相 驗 而 衛生局 是 針對 居家 隔離 及 居家 檢疫 去 做 匡列 但因 此 情形 太 多 因此 她 已 要求 不能 卸責 衛生局 警察局 第一時間 都 要 處理 而 警政署 也 承諾 會 對 上述 離譜 個案 進行 調查 臺北市 信義 警 分局 偵查隊 一 名 孫 姓 員警 在 臉書 發文 述說 自己 親身經歷 表示 上周 接到 通報 轄內 有 民眾 在 家中 死亡 家屬 向 他 表示 死者 年紀 大 有 慢性 疾病 上周 有 感冒 症狀 剛剛 119 到場 量 測體溫 有 發燒 家屬 透露 他們 有 聯繫 1999 轉 聯 醫 要 報 行政 相 驗 怎 料 聯 醫 卻 回 覆 他們 因為 死者 有 相關 症狀 所以 不能 報 行政 相 驗 請 員警 到場 處理 走 司法 相 驗 他們 不 會 到場 孫 姓 員警 表示 隨後 他 打 給 北市 衛生局 疾 管 課 通報 案例 並 請 他們 到場 結果 衛生局 竟 也 回 覆 他 因為 死者 不是 居家 檢疫 居家 隔離 或 遭 匡列 的 對象 也 不是 確診 者 所以 他們 不 會 到場 處理 孫姓 員警 忍不住 痛 批 是 在 哈 囉 疫情 期間 的 相 驗 案件 sop 是 訂 好看 的 嗎 放任 確診 者 擴散 病毒 這 場 疫 災 我 看不到 盡頭 除了 黃珊珊 要求 衛生局 不能 卸責 要 會同 員警 第一時間 處理 警政署 也 發出 回應 表示 會 對 上述 離譜 案例 進行 調查 並 詢問 全台 各 員警機關 有關 行政 相 驗 與 衛生 單位 連系 處理 情形 如有 問題 會 積極 協助 基層 警員 反應 給 衛生機關 未來 會 更加 落實 疑 似 確診 個案 報 驗 流程 確保 警員 人身安全</t>
  </si>
  <si>
    <t>臺北市 長 柯文哲 今天 在 臉書 爆出 北市 衛生局 今 接到 疾 管署 通知 有 兩 位 市民 可能 接觸 感染 屏 東 這 波 染疫 民眾 新北 市府 衛生局 今 也 證實 當初 搭載 秘魯 返台 租 孫 的 防疫 計程車 司機 住 在 新北 中央 下午 已 通知 要求 司機 前往 采 檢</t>
  </si>
  <si>
    <t>臺北市 長 柯文哲 今天 在 臉書 爆出 北市 衛生局 今 接到 疾 管署 通知 有 兩 位 市民 可能 接觸 感染 屏 東 這 波 染疫 民眾 新北 市府 衛生局 今 也 證實 當初 搭載 秘魯 返台 租 孫 的 防疫 計程車 司機 住 在 新北 中央 下午 已 通知 要求 司機 前往 采 檢 目前 結果 尚未 出爐 新北市衛生局 表示 該 名 司機 是 在 機場 排 班 的 防疫 計程車 該 對 祖孫 6 日 返國 由 該 名 司機 接送 回屏 東 今天 27 日 收到 中央 通知 要求 安排 該 名 司機 前往 篩檢 目前 結果 尚未 出爐 另外 衛生局 也 說 26 日 有 接 獲 中央 通知 新北 有 1 名 屏 東 delta 病毒 確診 個案 的 接觸 者 居住 新北 市 衛生局 立即 安排 該 名 接觸 者 隔離 安置 集中 檢疫所 pcr 檢驗 陰性 據 瞭解 該 名 接觸 者 是 屏 東 12 例 其中 一 人 的 友人 在 這 段 時間 有 下 屏 東 碰面 昨天 接到 通知 采 檢 中 時 新聞網 提醒您 因應 新冠肺炎 疫情 疾 管署 持續 加強疫情 監測 與 邊境 管制 措施 如有 疑 似 症狀 請 撥打 1922 專線 或 0800 001922 並 依 指示 配戴 口罩 盡 速 就醫 同時 主動 告知 醫師 旅遊 史及 接觸 史 以利 及時 診斷 及 通報</t>
  </si>
  <si>
    <t>挺 大甲 媽 繞 境 顏清標 喊話 媽祖 保護 館長 怒 轟 染疫 吃 xx</t>
  </si>
  <si>
    <t>新冠肺炎 疫情 持續 延 燒 而 臺灣 宗教 盛事 大甲 媽祖 繞 境 預計 將 在 下 個 月 19 號 開始 然 外界 擔心 如此 高 人數 的 群 聚 活動 恐 成為 防疫 缺口 認為 需 為 民眾 安全 考慮 停辦 與否 然 鎮 瀾 宮 董事長 顏清標 卻 喊話 媽祖 會 保護 大家 要 外界 不要 恐慌 被 認為 是 力挺 繞 境 照常 舉辦 引發 爭議 對於 今年 大甲 媽 繞 境 是否 照常 舉行 雖 陳時中 表示 要 再 積極 跟 相關 人士 協調 然 仍 有 不少 人 支持 照常 舉辦 而 這樣 的 態度 讓 館長 陳 之 漢 超 火大 昨晚 忍不住 在 臉書 發文 對於 說出 媽祖 會 保佑 繼續 辦 吧 希望 民眾 要 記住 那些 人 的 嘴臉 接 著 酸 嗆 若 照 這 邏輯 染疫 的 那天 媽祖 會 醫 好 你 的 想必 特效藥 也 不 用 研發 瑞德西韋 免 啦 吃 香灰 就 可以 了</t>
  </si>
  <si>
    <t>全球 新冠肺炎 單日 新增 病例 才創 新高 一 名義 大利 傳染 科 醫生 卻 表示 他 相信 新冠 病毒 正在 減弱 而且 最終 不 需要 疫苗 也 能 自行 消失 紐約 郵報 new york post 引述 英國 周日 電訊報 sunday telegraph 報導 義 大利 聖 瑪 丁諾 醫院 san martino hospital 傳染病 部門 主任 巴塞 第 matteo bassetti 表示 新冠 病毒 的 效力 似乎 出現 減弱 跡象 他 說 他 的 臨床 印 像是 病毒 正在 出現 重大 轉變 34 月 時 的 情景 迥然不同 到 急診室 求救 的 患者 病況 非常 嚴重 難以 處理 他們 大多 需要 輸氧 或是 戴 上 呼吸器 有些 還 出現 肺炎 症狀 但是 到 了 5 月 情況 已經 完全 不同 他 描述 34 月 時 新冠 病毒 是 一 只 凶 猛 的 老虎 現在 已經 變成 了 野貓 就 連 890 歲 的 年長 患者 現在 都能 坐在 病床 上 不 需要 任何 輔助 也 能 正常 呼吸 換 作 是 之前 這些 人 可能 已經 死 了 他 推測 病毒 弱化 的 原因 之一 可能 是 因應 社交距離 政策 而 出現 變異 我 認為 病毒 變異 是 因為 我們 的 免疫系統 有所 反應 再 加上 封城 戴 口罩 保持 社交距離 現在 病毒 量 比較 低 巴塞 第 還 認為 病毒 有 可能 在 疫苗 研發 出來 之前 就 滅絕 現在 愈來愈少 人 染疫 最終 病毒 可能 逐漸 消失 不過 英國 艾希 特大 學 university of exeter 醫學院 教授 潘卡 尼亞 bharat pankhania 卻 沒 這麼 樂觀 他 說 我 不 認為 病毒 這麼 快 就 會 消失 如果 沒人 感染 它 確實 會 消失 但 正 因為 它 有 非常 強 的 傳染 力 及 傳播 性 它 還 會 存在 很 長 一段時間</t>
  </si>
  <si>
    <t>逮捕 染疫 通緝犯 萬 華西門 派出所 員警 1 確診 1 快 篩 陽性</t>
  </si>
  <si>
    <t>竹縣 特殊 交友 圈 傳播 1 竹北 男 與 友人 北市 聚餐 染疫</t>
  </si>
  <si>
    <t>全球 新冠肺炎 疫情 風險 在 各國 啟動 解封 恢復 經濟 活動 後 再次 升溫 加上 國際貿易 戰 亦 重新 陷入 緊 繃 狀態 眾多 不 確定 因素 交錯 持續 推 升 金價 走 高 8 月 黃金 期貨 於 7 月 1 日 收盤價 達 每盎司 18005 美元 創 2011 年 9 月 以來 近 9 年 新 高 投 信業 者 指出 在 市場前景 未 明朗 前 預期 黃金 等 避險 商品 將 續呈 多頭 格局 建議 投資人 適逢 金價 高檔 拉回 時 可 評估 自身 風險 屬性 分批 低 接 進場 透過 增 持 黃金 部位 提升 投資 組合 配置 避險 功能 全球 新冠肺炎 疫情 持續 擴散 世界衛生組織 who 6 月 29 日 宣佈 全球 單日 新增 確診 病例 再創新高 24 小時 內 新增 染疫病 例 逾 189萬 人 而 全球 累計 確診 病例 突破 1000萬 因 染疫病 故 案例 也 逾 50萬 顯示 全球 染疫病 例 攀升 的 同時 恐 將 持續 衝擊 國際金融 市場 美國 知名 外匯 經紀 商 安達 oanda 分析 師 指出 股市 目前 最大 的 風險 變數 便 是 第二 波 疫情 不僅 可能 再次 封殺 美國 經濟 並 恐 導致 全球 經濟 再次 停 擺 而 市場 也 預期 將 有 更 多 資金 為 尋求 避風港 而 湧入 包含 黃金 在內 的 避險 性 資產 此外 美國 聯 准會 fed 將 原有 的 緊縮 貨幣政策 轉向 寬鬆 利率 由 升 轉 降 主席 鮑爾 指出 未來 不 確定性 仍 高 讓 市場 更 篤定 中短期 內應 維持 寬鬆 貨幣政策 不 變 將 使 國際 主要 央行 吹 起 降息 風 也 令 美元 指數 缺乏 大 漲 動能 低 利率 環境 即 弱勢 美元 格局 均 有助 支撐 金價 元 大 投 信 黃金 研究 團隊 指出 雖然 隨 著 金價 近期 攀上 近 9 年 新高 部分 投資人 選擇 獲利 了結 使 金價 自 高點 回落 但 疫情 陰霾 仍 壟 罩 全球 美國 二 度 封 城 防疫 可能性 提升 國際 政 經 情勢 不 樂觀 在 眾多 不 確定 因素 影響 下 金價 中長線 仍 看 多 拉回 時 為 逢 低 進場 好 時機 元 大 投 信 建議 可 透過 etf 等 金融 商品 增 持 黃金部位 動態 調整 黃金 相關 資產 約 占 個人 資產 5 10 提升 整體 資產 配置 的 避險 效能 降低 波動 性 尤其 把握 金價 回落 時 低 接 更 能 有效 發揮 黃金 的 避險 性質 高盛 預期 金價 未來 1 年 可望 上 探 2000 美元 花旗 亦 將 黃金 未來 3 個 月 現貨 價格 調升 至 1825 美元 市場 普遍認為 2020 2021 年 黃金 將 持續 維持 多頭 走勢 瑞士 鑄金 商 龐博 集團 mks pamp group 則 預期 至少 將 持續 至 2021 年 上半年</t>
  </si>
  <si>
    <t>心 悅 6575 pentarlandir 新藥 執行 編號 snb 011 covid-19 向 臺灣 衛福部 申請 臨床 試驗 據 衛福部 多國 多 中心 藥品 臨床 試驗 計 畫 審查 程式 此 申請 案 將 可循 快速通道 審查 途徑 心 悅 生 醫 董事長 暨 執行長 蔡果荃 教授 指出 該 公司 pentarlandir 與 輝瑞 開發 的 口服藥 都 是 抑制 同一個 新冠 病毒 複製 的 蛋白 酉 每 靶 點 也 同樣 具有 對抗 變種 病毒 的 潛力 目前 全世界 針對 此 靶 點 進行 人體 試驗 的 也 僅 有 本 公司 與 輝瑞 且 pentarlandir 開發進度 並未 落後 於 輝瑞 希望 二者 皆 能 順利 開發 成功 突破 covid-19 缺乏 藥物 的 困境 entarlandir 為 口服 劑型 收 案 對象 為 pcr 確診 48 小時 內 的 輕 症 患者 若 開發 成功 當 可 比喻 是 新冠肺炎 版 的 克 流感 tamiflu 病人 只 需 在 家 服藥 相當 簡單 方便 無須 入院 治療 亦 無須 強制 隔離 這種 治療方式 必可 填補 疫苗 分配 不均 疫苗 覆蓋率 保護 力 不足 等 缺口 大幅 減輕 醫療 負擔 並 可 降低 輕 症 病 患 及其 親友 染疫 之 心理 壓力 pentarlandir 人體 使用 經驗豐富 安全性 高 除 可 抑制 新冠 病毒 複製 外 亦可 阻擋 病毒 進入 人體 細胞 並 具有 良好 的 抗 發炎 功效 以免 病情惡化 故 pentarlandir 最 適合 用 于 廣大 的 輕 症 病 患 但 目前 並 不 符合 恩 慈 療法 治療 危及 生命 或 嚴重 失 能 的 條件 此外 美國 fda 規範 必須 是 設有 對照組 的 臨床 試驗 方可據 其 臨床 結果 申請 緊急 授權 使用 eua 或 正式 核准 因此 將 臺灣 納入 多國 多 中心 的 臨床 試驗 將 有助於 未來 申請 eua 及 藥 證 如此 方可為 臺灣 提供 充沛 的 抗 疫 能量</t>
  </si>
  <si>
    <t>先前 曾在社 群 媒體 上 高調 痛 批 老媽 幫 川普 工作 毀 了 自己 一生 前 白宮 顧問 凱莉安 康威 kellyanne conway 外 型亮 眼 但 性格 嗆 辣 的 女兒 克勞蒂亞 claudia conway 4 日 宣佈 自己 也 感染 了 新冠肺炎 值得注意 的 是 克勞蒂亞 上周 才 率先 爆 料 母親 染疫 外界 才 得知 這項 消息 她 更 爆 料 在 川普 確診 新冠 後 老媽 滿 屋子 咳嗽 紐約 郵報 new york post 報導 前 白宮 顧問 凱莉安 康威 的 15 歲 女兒 克勞蒂亞 4 日 在 個人 tiktok 帳 號 上 宣佈 確診 新冠肺炎 她 上傳 一 段 自己 浸泡 在 浴缸 裡 的 短片 內容 寫 著 現在 快 因為 新冠 病毒 死 掉 了 值得注意 的 是 克勞蒂亞 2 日 晚間 才在 tiktok 上 爆 料 母親 感染 新冠肺炎 當天 淩晨 川普 才 宣佈 自己 和 第一 夫人 梅蘭妮亞 確診 克勞蒂亞 上傳 影片 幾 分鐘 後 凱莉安 康威 才 在 推特 證實 自己 染疫 另 據 英國 太陽 報 the sun 報導 克勞蒂亞 也 透露 老媽 沒有 症狀 但是 自己 感覺 像 掉 進 了 地獄 感覺 不 到 任何 東西 頭 很 痛 難以 呼吸 還有 發燒 畏 寒 等 症狀 事實上 川普 2 日 宣佈 確診 新冠肺炎 當天 克勞蒂亞 已經 在 tiktok 爆 料 母親 狂 咳嗽 而且 滿 屋子 到處 咳 當晚 又 更新 自己 緊緊 戴 上 口罩 的 新 影片 率先 出賣 老 媽 確診 更 抱怨 自己 完了 兩 星期 後 再來 和 粉絲 們 見面 克勞蒂亞 也 不 改 嗆 辣 敢 言 的 性格 爆 料 完老媽 確診 後 又 發佈 新 影片 痛駡 川普 對於 川普 染疫 母親 染疫 相當 火大 她 說 我 氣炸 了 戴 上 口罩 不要 聽 我們 白癡 總統 的 蠢話 保護 你自己 也 保護 身邊 的 人 克勞蒂亞因 在 推特 tiktok 上 的 敢 言 風格 屢屢 登 上 新聞 版面 成為 網友 追蹤 話題 8 月 下旬 她 才在推特 控訴 母親 替 川普 工作 毀 了 她 一生 痛駡 母親 太 自私 一切 只 為了 名 和 利 推 文 發佈 隔 天 凱莉安 康威 就 宣佈 辭去 白宮 顧問 一 職 回歸 家庭 克勞蒂亞 是 拜登 的 擁護 者 她 多 次 公開 炮轟 川普 是 白癡 凱莉安 康威 已 在 8 月底 辭去 白宮 顧問 一 職 不過 美國有線電視新聞網 cnn 指出 她 最近 仍 和 川普 密切接觸 協助 川普 在 辯論 會上 對 戰 拜登 凱莉安 康威 也 有 出席 9 月 26 在 白宮 舉行 的 大法官 巴瑞特 amy coney barrett 提名 儀式 以及 美國 總統大選 首場 辯論會 至今 大法官 提名 儀式 上 已 有 多 人 確診</t>
  </si>
  <si>
    <t>國內 新冠肺炎 患者 陸續 康復 出院 但 近期 卻 出現 了 出院 後 又 複 陽 的 4 名 案例 醫師 表示 新冠肺炎 確診 者 出院 後 病毒 量 已 相當 低 因 家屬 是 患者 長 時間 接觸 的 人 在 出院 後 的 7 天 自主 管理 期間 應 避免 過度 接觸 若 沒有 獨立 的 衛浴 設備 供 出院者 使用 每次 用 完就 要 消毒 一 次 根據 疫情 指揮中心 規定 新冠肺炎 確診 者 經 隔離 治療 後 若 三 次 采 檢 都 為 陰性 可 解除 隔離 出院 並 在 出院 後 進行 為期 7 天 的 自主 健康 管理 截至 昨日 國內 共 累計 440 人 確診 其中 355 人 解除 隔離 確診 個案 陸續 出院 中 振興 醫院 感染 科 主任 李明政 表示 檢驗 陰性 又 複 陽者 因 屬於 病情 後期 傳染 力 不 高 但 不敢 說 100 沒有 傳染 風險 因 病毒 量 已 相當 低 基本 的 聊天 行為 應 不致於 造成 他人 染疫 出院 初期 仍 應 留意 防疫 措施 李明政 表示 新冠肺炎 患者 出院 後 先 接觸 的 是 自己 的 家人 為 避免 家人 染疫 7 天 的 自主 健康 管理 期間 不應 與 家人 過度 接觸 患者 出 院前 家人 應 準備 好 獨立 的 房間 衛浴 設備 若 沒有 單獨 的 衛浴 設備 可用 出院 個案 每次 用 完 洗手間 就要 消毒 一 次 李明政 也 提醒 民眾 出院 個案 與 家人 說話 時應 配戴 口罩 保持 好 社交距離 並 避免 與 他人 共 食 若需 外出 也 務必 配戴 口罩 若 有 疑 似 症狀 如 腹瀉 呼吸道 症狀 等 再度 出現 應盡 速 就醫 待 7 日 自主 健康 管理 結束 基本上 就 可 安心 不必 過度 擔心 是否 會 傳染 他人</t>
  </si>
  <si>
    <t>肺炎 出院 染疫 避免 自主 健康 管理</t>
  </si>
  <si>
    <t>新冠肺炎 從 大陸 武漢 爆發 後 重創 歐洲 科學家 對於 新冠肺炎 病毒 陸續 有 了 更 多 的 發現 根據 英國 研究 顯示 有 765 的 重症 患者 體重 過 胖 警告 2 3 的 英國 人 都屬 於新冠肺炎 的 高風險 群 根據 英國 威廉李德 商業 媒體 集團 旗 下 的 美食 導航者 food navigator 報導 英國 保健 署 national health service nhs 19 日 的 統計 顯示 在 196 名 確診 新冠肺炎 的 重症 患者 中 有 57 名 女性 139 名 男性 平均年齡 64 歲 其中 已 確認 23 名 患者 在 染病 前 日常生活 需要 他人 給予 某種程度 上 的 協助 155 名 可以 完全 自理 生活 在 196 例 的 患者 當中 有 56 例 的 身體 品質 指數 bmi 為 25 到 39958 例 bmi 指數 為 30 到 39913 例 bmi 指數 為 40 以上 占 所有 重症 患者 的 64 按照 英國 nhs 公佈 的 bmi 標準 bmi 185 到 249 是健康 體重 25 到 299 代表 超重 30 到 399 代表 肥胖 40 以上 代表 嚴重 肥胖 研究 顯示 肥胖 代表 病 患 可能 面臨 嚴重 併發症 且 身體 會 提高 免疫力 抵抗 相關 炎症 結果 反而 沒有 餘 力 對抗 病毒 同時 肺部 無法 舒張 吸 入 氧氣 因此 肺部 的 狀況 往往 會 迅速 惡化 此外 由於 bmi 值 超過 40 的 重度 肥胖者 多數 也 同時 罹 患 了 嚴重 的 肥胖 肺 換氣 不足 綜合症 睡覺時 肺部 換氣 不足 甚至 有 阻塞性 睡眠 呼吸 暫停 平時 呼吸困難 等 症狀 染疫 後 病情 將 更加 嚴重 包括 美國 心臟病 學會 專家 也 一致 認為 冠狀動脈 疾病 患者 對於 病 毒性 呼吸道 感染症 的 急性 發作 或 重症 發作 的 風險 都 會 增加</t>
  </si>
  <si>
    <t>本土 個案 陳時中 跌 了 一跤 排除 感染疫情</t>
  </si>
  <si>
    <t>國內 新冠 疫情 大 爆發 已經 連續 多 日 新增 破百 確診 病例 在 前線 的 醫院 人員 也 冒著 風險 堅守崗位 主持人 吳淡如 也 分享 婦科 醫師 王樂明 的 經歷 當時 他 替 一 名 確診 的 產婦 接生 儘管 成受 感染 的 高風險 他 最 擔心 的 卻是 寶寶 的 健康 讓 吳淡如 聽 了 忍不住 熱淚盈眶 框 吳 淡 如 在 臉書 發文 分享 一 位 妊娠 37 周 的 孕婦 一直 都讓 王樂明 醫師 產 檢 但 過去 一 周 家 人 陸續 染疫 她 也 被 感染 經過 一 周 的 追蹤 和 開會討論 最後 決定 立刻 為 該 名 孕婦 開刀 剖腹 他 收到 通知 換上 防護 裝備 做 好 萬 全 準備 他 在 手術臺 旁 距離 新冠肺炎 只 有 20 30 公分 但 他 只 一心 想 趕快 將 寶寶 抓 出來 王樂明 醫師 回憶 起 當時 手術 耗損 體力 與 壓力 護目鏡 早 被 汗水 與 亢進 的 體溫 弄 糊 了 子宮 劃 開 血管 的 噴 流 一度 視野 無法 清楚 止血 所幸 最後 手術 順利完成 母子 均 安 寶寶 也 立刻 讓 兒科醫師 帶走 避免 被 媽媽 感染 他 才 終於 放下 心中 大石 有 了 這次 難忘 的 經驗 他 也 呼籲 大家 要 一同 努力 抗 疫 王樂明 將 這次 手術 的 功勞 都 歸給 為 此 付出 的 各 單位 同仁 相信 我們 醫院 的 醫護 仍 會站 在 最 前線 繼續 奮鬥 也 是 身為 醫學 中心 的 責任 吳 淡 如 也 在 文中 感動 地 表示 人類 歷史 上 值得紀念 的 人 都 是 堅強 勇敢 願意 自救 而且 救人 的 人 透露 自己 已經 尊敬 這 位 好友 到 熱淚盈眶 的 程度</t>
  </si>
  <si>
    <t>吳淡如 染疫 王樂明 孕婦 醫護</t>
  </si>
  <si>
    <t>照完 肺部 ct 才 驚 覺 女嬰 染疫 44 名 醫護人員 被 隔離</t>
  </si>
  <si>
    <t>防堵 新冠 病毒 竄 入 社區 凡 歸國 旅客 確診 者 或 確診 者 接觸 者 皆 須住進 防疫 旅館 進行 居家 檢疫 一 位 自 國外 返台 的 女網友 近日 剛 結束 14 天 檢疫 未 料 防疫 旅館 櫃檯 竟 向 他 透露 館內 非 確診 者 和 疑 似 個案 都 混住 一起 不但 住 在 同 層 樓 甚至 還 會 搭 同台 電梯 讓 該 網友 倒 抽 一口氣 女網友 在 臉書 社團 爆 怨 2 公社 上 發文 指出 近日 剛從 防疫 旅館 結束 14 天 的 居家 檢疫 不過 在 她 退 房時 櫃檯 竟 告訴 她 做 到 月底 就 不 做 了 原因 是 這邊 太 危險 櫃檯 向 她 透露 現在 旅館 會 收 匡列 的 疑 似 個案 而且 還 沒有 和 返國 旅客 分開 櫃檯 最後 更 投下 震撼 彈 那個 樓層 今天 一個 匡列 的 確診 跟 你們 搭 的 也 是 同 部 電梯 女網友 聽 完 馬上 倒 抽 一口氣 慶倖 自己 已經 平安 度過 檢疫 期 如果 我 住 防疫 旅館 染疫 真的 是 不 知道 要 說 什麼 了 最後 提醒 從 國外 返台 住 防疫旅館 的 民眾 回來 時 要 注意安全 千萬 要 保護 好 自己 該 貼 文也 引起 網友 討論 紛紛表示 諾 富特 翻版 防疫 破 口 就 是從 隔離 旅館 開始 的 啊 你 應該 繼續 住 進去 一起 匡列 因為 搭 同 電梯 而且 他 確診 了 小心 你 把 病毒 也 帶回家 了 不過 也 有 網友 指出 匡列者 和 返國 旅客 本來 都 要 經過 14 天 檢疫 觀察 國外 回來 的 直接 匡列 隔離 所以 跟 疫 調 匡列 隔離 是 一樣 的 等級 防疫 旅館 本來 就 是 隔離 作用 吧 境外移入 個案 很多 也 是 在 防疫 旅館 確診 的</t>
  </si>
  <si>
    <t>台女 赴 菲 染疫 痊癒 2 個 多 月 返台 解 隔離 又 確診</t>
  </si>
  <si>
    <t>新冠肺炎 covid-19 肆虐 全球 南韓 的 疫情 也 持續 升溫 從 8 月 以來 每天 都 增加 3 位 數 的 確診 者 疫情 蔓延 的 相當 迅速 日前 韓媒 爆 料 有 部 份 確診 病 患 在 醫院 對 護理 師 提出 不合理 要求 最美 變性 人 河 莉 秀 聞 此 訊 特別 發文 炮轟 根據 韓國 媒體 報導 有 護理 師 表示 部分 確診 者 會 要求 買 咖啡 煙 甚至 還 有人 要求 幫忙 洗 內褲 最 扯 的 是 向 病 患 提問 還 有 沒有 需要 什麼 居然 有 人 回答 女人 不只 如此 有 部 份 確診 者 會 在 醫院 內 任意 尖叫 發出 噪音 用 腳 踹 門 把 擦 過 鼻涕 的 衛生紙 亂 丟 地 上等 惡劣 的 行徑 令人髮指 引起 許多 韓 民眾 譁然 河 莉 秀 在 個人 ig 轉貼 該 篇 報導 內容 憤恨 不 平地 發文 開罵 瘋子 用 國民 繳 交 的 稅金 來 治療 他們 真的 太 浪費 沒 辦法 資源 回收 的 垃圾 們 拜 讬 當 個人 並 向 這些 確診 病 患 喊話 雖然 知道 染疫 也 不是 確診 者 願意的 但 至少 接受 治療 時 要 保持 基本 禮儀 吧 有 夠 討厭 自私 的 人們 南韓 雖然 在 起初 疫情 大 爆發 但 在 5 月 時 疫情 已 趨 緩 不 少 還 被 外界 視為 模範 生 未 料 近期 又 出現 疫情 大 流行 的 現象 從 首都 周圍 的 教會 逐漸 擴散 目前 每天 都 有 新 增 三 位 數 的 確診 者 根據 澳洲 特別 廣播公司 sbs 報導 宗教 集會 是 新冠 病毒傳播 的 高風險 地點 教堂 湧入 大量 的 人們 禱告 由於 近 距離 接觸 容易 讓 信徒 受到 感染</t>
  </si>
  <si>
    <t>國內 連續 發生 3 起 機師 突破性 感染 正當 社會 防堵破口 之 際 卻 傳出 其中 1 名 確診 機師 未 誠實 回報 身體狀況 還 外出 與 人 聚餐 今 遭到 航空 公司 開除 交通部 民用航空 局局長 林 國顯 表示 已 打電話 給 華航 與 長 榮 的 董事長 請 他們 立即 檢 視 並 清理 所有 防疫 環節 尤其 是 外 站 的 防疫 泡泡 若無 法 落實 防疫 就 應該 檢討 航線 的 運作 由於 本 周 已經 發生 3 起 完整 接種 疫苗 的 機師 染疫 民航 局 今日 再次 要求 桃園 國際機場 等 有 國際 線 航班 營運 的 機場 嚴格 檢 視 機場 清 消 作為 並 應 確認 執行 林 國顯 指出 基於 對 國際 疫情 的 研 判 民航 局 先前 建議 指揮中心 修正 機組員 居家 檢疫 規定 取消 可 在 符合規定 住所 居家 檢疫 的 規定 自 上月 28 日 起 要求 需 執行 居檢 的 機組員 一律 入住 防疫 旅 宿或 防疫 宿舍 指揮中心 則 提前 自 昨日 起 針對 已經 完整 接種 疫苗 的 長 程 航班機 組員 實施 返國後 居需 接受 5 天 居家 檢疫 9 天 加強版 自主 健康 管理 規定 對於 新 防疫 要求 帶來 的 防疫 旅館 需求 民航 局 表示 已 配合 指揮中心 與 桃園 市政府 共同 檢 視 桃園 地區 5 家 防疫 旅館 只要 各項 環節 均 能 符合 防疫 規定 就 會 立即 啟用 供 機組員 入住 居檢 針對 昨天 確診 的 機師 可能 違反 防疫 規定 民航 局 表示 已 著 手 調查 相關 事 證 如果 確認 違規 就 會 依 違反 傳染病 防治法 開 罰 此外 民航 局 已 要求 長 榮 自 8 月 21 日後 飛過 芝加哥 航線 的 機組員 全部 召回 采 檢 並 執行 居家 檢疫 共 召回 283 人 林 國顯 說 他 在 今日 上午 打電話 給 華航 董事長 謝世謙 長 榮 董事長 林寶水 請 他們 立即 檢 視 並 清理 所有 防疫 環節 尤其 是 外 站 的 防疫 泡泡 務必 要 確認 符合 指揮中心 的 防疫 要求 無法 落實 就 應該 檢討 航線 的 運作</t>
  </si>
  <si>
    <t>防疫 警戒 27 日 起 降為 二級 民眾 回歸 工作崗位 餐廳 除 北 北 宜 外 開放 內 用 民眾 對於 疫情 傳播 仍 有 疑慮 聯 新 國際醫院 首席 副 院長 許詩典 認為 解封 之後 預期 民眾 可能 一窩蜂 上 餐廳 或 出遊 可能 不 利於 疫情 掌 控 首要 仍 是 戴 緊 口罩 維持 社交距離 防疫 常態 化 已成 必然 不論是 日常生活 或 旅遊 都 要 學習 與 病毒 共處 許詩典 認為 餐廳 開放 與否 影響 到 疫情 是否 有 可能 會 擴散 從 三級 降到 二級 中央 防疫 作為 仍 是 謹慎 的 心態 不 希望社區 防疫 破 功 可以 看到 開放 餐廳 內 用 仍 有 不少 限制 唯一 重點 仍 是 不 希望 民眾 群 聚 因為 聚 在 一起 就 是 會 增加 互相 感染 的 機會 他 也 說 觀察 全球 疫情 發展 狀況 可以 發現 不論是 國外 或 國內 有 越來越 多 年輕人 都 是 無 症狀 染疫 這些 隱形 的 傳播 讓 人 擔憂 加上 delta 病毒 目前 在 全球 仍 無 法 有效 獲得 控制 可以 看到 英國 在 解封 之後 確診 數 大幅 增加 有 前車之鑒 國內 疫情 防堵 仍 是 要 小心 許詩典 認為 不管 疫情 警戒 是 三級 還是 二級 新冠 疫情 並非 一時 的 面對 現階段 病毒 一直 在 變 在 沒有 有效 藥物 及 國內 疫苗 覆蓋率 仍 不 算 普及 得 狀況 之下 民眾 要 學習 與 病毒 共存 除了 戴 緊 口罩 以外 維持 社交距離 公共場所 限制 室內 人數 都 是 必要 防疫 措施 要 解決 病毒 問題 首要 還是 提升 疫苗 覆蓋率 甚至 未來 施打第 三 劑 或是 開放 疫苗 混打 都 要 積極 討論 與 考慮</t>
  </si>
  <si>
    <t>封 測 大廠 超 豐 電子 傳出 群 聚 染疫 狀況 目前 確診 人數 來到 14 人 超豐 昨 8 日 晚 發佈 重 訊 說明 此次 事件 緣由 為 1 名 新進 移 工 隱匿 發燒 症狀 並 透過 吃 退燒藥 冰水洗 臉 等 方式 躲避 體溫 量 測 導致 公司 無法 在 第一時間 發現異常</t>
  </si>
  <si>
    <t>封 測 大廠 超 豐 電子 傳出 群 聚 染疫 狀況 目前 確診 人數 來到 14 人 超豐 昨 8 日 晚 發佈 重 訊 說明 此次 事件 緣由 為 1 名 新進 移 工 隱匿 發燒 症狀 並 透過 吃 退燒藥 冰水洗 臉 等 方式 躲避 體溫 量 測 導致 公司 無法 在 第一時間 發現異常 超 豐 表示 5 月 25 日 1 名 新進 移 工 前往 公司 報到 並 開始 訓練 尚未 進 產 線 生產 因 公司 防疫 政策 每日 對 員工 量 體溫 發現 員工 出現 發燒 狀況 送醫 檢驗 後 確診 新冠肺炎 該 員工 承認 其 吃 退燒藥 及 以 冷水 洗 臉 導致 公司 未 在 第一時間 發現異常 超 豐 緊急 匡列 同 宿舍 15 名 員工 及 3 名 訓練員 及 親密 朋友 送 檢 其中 8 名 菲律賓籍 員工 確診 並 送 往 專職 醫院 醫治 檢驗 陰性 之 員工 則 依 政府 規定 送 防疫 旅館 同時 對 全體 員工 進行 普 篩 6 月 5 日 至 7 日 完成 全員 普 篩 總計 3 天 完成 快 篩 4264 人次 及 高風險 員工 加 做 pcr檢驗 208 人次 其中 快 篩 陽性 之 46 人 再經 二 次 pcr 檢驗 最終 確診 為 4 人 超 豐 採取 因應 措施 匡 列有 風險 之 員工 給與 公假 居家 隔離 公司 及 宿舍 全面 消毒 並 進行 高 規格 之 防疫 措施 加強 員工 體溫 量 測 同時 依 政府 規定 外籍 員工 仍 需 正常 上班 但 除 上班 外 不得 外出 由 公司 派員 負責 送 餐 由於 快 篩 期間 部 份 生產線 暫停 及 此次 事件 部 份 員工 必須 居家 隔離 減少 生產 人力 超豐 初 估 目前 影響 6 月份 產量 約 10 左右 減少 之 產量 將 待 疫情 控制 後 以 增加 產能 及 提高 生產 效率 來 彌補</t>
  </si>
  <si>
    <t>裕 融 企業 公司 新 台幣 60億 元 聯 貸 案 於 6 月 28 日 簽約 由 華南銀行 擔任 統籌 主辦 暨 額度 管理 銀行 臺灣銀行 為 文件 管理 銀行 本案 原以 新 台幣 50億 元 推出 因 各 銀行 參 貸 踴躍 超額 認購 達 21 倍 最終 以 新 台幣 60億 元 結案 顯見 各 銀行 對於 裕 融 企業 過去 營運 績效 與 未來 發展 給予 高度 認同 與 肯定 裕 融 企業 成立 至今 已 超過 30 年 以 新車 與 中古車 分期付款 為 主要 業務 同時 整 合格 上 租 車 行 冠 企業 等 事業 體 提供 汽車 周邊 服務 近年 亦 積極 跨入 綠色 能源 領域 透過 旗 下 裕 電 能源 發展 電動 汽機 車 充電 樁 並 參與 太陽能 電廠 投資 除 深耕 臺灣 市場 外 也 積極 於 中國 大陸 東南亞地區 擴展 業務 今年 第一 季營 收 及 獲利 均 創 歷年 同期 新高 表現 十分 亮 眼 統籌 主辦行 華南銀行 長期 耕耘 聯 貸 市場 具備 豐富 主辦 聯 貸 經驗 瞭解 企業 需求 並 客 制 化 融資 架構 協助 客戶取得 穩定 資金來源 更 積極 配合 政府 綠色 金融 行動 方案 20 政策 將 esg 的 精神 深化 納入 授信 機制 中 與 產官學 各界 協力 推動 永續 金融 引導 資金投入 相關 產業 近年來 統籌 主辦 相關 指標 案件 包括 天沖 能源 中興 電工 集團 城市 發展 電業 寶晶 能源 子公司 正隆 紙 業 榮鼎綠 能 長 榮 鋼鐵 及 中 鼎 集團 合資 子公司 等 企業 落實 透過 授信 融資 業務 實踐 對 esg 的 承諾 此外 近來 國內 新冠肺炎 疫情 嚴峻 華南銀行 為 提供 受 影響 企業 最 即時 的 資金 協助 除 積極 配合 政府 各項 紓困 專案 貸款 外 另 推出 齊心 抗 疫 華銀 挺 你 專案 貸款 對於 未能 符合 政府 紓困 資格 者 也 能 提供 自辦 優惠 貸款 協助 受 疫情 影響 的 企業 取得 營運 資金 為 鼓勵 客戶 多 利用 網路 線 上 金融服務 減少 外出 染疫 的 風險 華南銀行 更 提供 企業 24 小時 全年 無 休 的 企業 線 上 貸款 平臺 線 上 申 貸 功能 透過 數位 金融服務 在 嚴峻的 疫情 中 做 企業 最 堅實 的 資金 後盾</t>
  </si>
  <si>
    <t>彰 化 縣 一 名 女 保險 業務員 為了 沖 業績 推 防疫 保單 與 水果 盤商 妻子 去 吃 完喜 酒後 染疫 被 彰 化 縣 衛生局 通知 遭 匡列 隔離 當天 下午 竟 還 到 客戶 家 拜訪 簽 保單 不僅 害 公司 遭 罰 60萬 元 彰 化 縣 衛生局 也 證實 將 會 依 違反 傳染病 防</t>
  </si>
  <si>
    <t>彰 化 縣 一 名 女 保險 業務員 為了 沖 業績 推 防疫 保單 與 水果 盤商 妻子 去 吃 完喜 酒後 染疫 被 彰 化 縣 衛生局 通知 遭 匡列 隔離 當天 下午 竟 還 到 客戶 家 拜訪 簽 保單 不僅 害 公司 遭 罰 60萬 元 彰 化 縣 衛生局 也 證實 將 會 依 違反 傳染病 防治法 對 女 保險員 正式 開 罰 最重 可 罰 15萬 元 彰 化 縣 衛生局 強調 女 保險員 是 5 月 15 日 下午 2 點 接 獲 衛生局 通知 被 匡 列為 接觸 者 需 居家 隔離 並 采 檢 不料 她 當天 下午 5 點 還是 前往 1 名 客戶 家中 簽署 防疫 保單 由於 衛生局 人員 通知 隔離 都會 明確 告知 接觸 者 就 是 不能 出門 因此 女 保險員 已經 明顯 違反 居家 隔離 相關 規定 正在 進行 相關 裁處 衛生局長 葉 彥 伯 表示 針對 居家 隔離 者 違反 相關 規定 經 查證 屬實 就 會 依 傳染病 防治法 裁 罰 行為人 裁 罰 1萬 元 至 15萬 元 這 與 金管會 保險局 裁 罰 其 所屬 保險 公司 兩者 情節 不同罰 則 也 不同 根據 瞭解 女 保險員 在 得知 水果商 14 日報 出 確診 染疫 後 還 依舊 出門 趴 趴 走 去 洗 頭 四處 拜訪 客戶 賣 保單 導致 客戶 1 家 5 口 遭 匡列 洗 發 店 負責人 親人 也 染疫 保險 公司 因 督導 不周 遭 金管會 罰 60萬 元 如今 女 保險員 自己 因 違反 防疫 與 居家 隔離 規定 將 面臨 裁 罰</t>
  </si>
  <si>
    <t>慘 一家 8 口 染疫 早上 中午 各 4 具 棺材 抬 出</t>
  </si>
  <si>
    <t>越南 新冠肺炎 疫情 升溫 雖然 去年 曾一度 成功 遏 阻 病毒 擴散 但 今年 4 月 因 delta 變種 株 肆虐 全境 導致 病例 急遽 增加 其中 越南 的 商業 樞紐 胡志明市 平均 每天 就 有 241 人 染疫 死亡 當地 一 名 網友 更 在 臉書上 傳 一 段醫護人員 從 民宅</t>
  </si>
  <si>
    <t>越南 新冠肺炎 疫情 升溫 雖然 去年 曾一度 成功 遏 阻 病毒 擴散 但 今年 4 月 因 delta 變種 株 肆虐 全境 導致 病例 急遽 增加 其中 越南 的 商業 樞紐 胡志明市 平均 每天 就 有 241 人 染疫 死亡 當地 一 名 網友 更 在 臉書上 傳 一 段醫護人員 從 民宅 抬 出 8 具 棺材 的 駭 人 影片 綜合 外 媒 報導 越南 網友 蘇玉和 t ng c h a 音譯 臺灣 時間 今 14 日 日 淩晨 時分 在 臉書上 傳 一 段 80 秒 影片 畫面 中 可見 4 名 穿 著 藍色 防護衣 的 醫護人員 耗盡 九牛二虎之力 將 4 具 棺材 接連 抬上 救護車 據 瞭解 事發 地點 為 胡志明市 下 轄 的 守 德 市 當天 上午 就 有 一 批 醫護人員 從 一 戶 民宅 陸續 抬 出 4 具 棺材 中午 左右 又 至 同 處 再度 抬 出 4 具 棺材 這 8 具 棺材 皆 來自 同一 家庭 死因 都 是 罹 患 新冠肺炎 而 不幸身亡 報導 指出 胡志明市 的 疫情 十分 嚴峻 共有 1000 名 外地 醫護人員 趕 至當地 馳援 其中 光是 退休 醫師 就 有 多 達 數 百 人 他們 被迫 放棄 退休 生活 堅守 在 守 德 市 黎文越 野戰醫院 抗 疫 面對 疫情 持續 惡化 導致 胡志明市 死亡率 不斷 攀升 總理 范明政 本月 6 日 已 簽署 一 份 決議 宣示 將 在 9 月 15 日前 控制 住 胡志明市 的 疫情</t>
  </si>
  <si>
    <t>心血管 疾病 不敢 打 新冠 疫苗 醫 分析 染疫 後 心肌梗塞 機 率 反 增</t>
  </si>
  <si>
    <t>為 瞭解 睡眠 習慣 疲勞 與 新冠肺炎 罹 患 風險 的 關係 約翰霍普金斯大學 彭博 公共 衛生 學院 研究 團隊 針對 來自 6 個 國家 的 2884 名 高風險 醫護人員 進行 為期 2 個 月 的 網路 調查 結果 發現 夜間 睡眠 每 增加 1 小時 罹 患 新冠肺炎 的 風險 降低 12 相對 地 擁有 嚴重 睡眠 問題 的 人 感染 新冠肺炎 的 機 率 上升 88 此外 持續 感到 疲勞感 者 罹 患 新冠肺炎 的 機 率 增加 26 倍 康復 所 需 時間 與 嚴重 程度 也 都 隨之 增加 這 份 研究 已 發表 在 2021 年 3 月份 的 英國 醫學期刊 論文 中 指出 隨 著 新冠肺炎 大 流行 醫療 人員 在 診療 患者 中 扮演 著 關鍵 角色 並 阻止 新冠 的 社區 傳播 然而 醫療 人員 也 是 最 容易 染疫 的 族群 據 統計 相較 於 未 接觸 新冠 患者 的 醫護人員 診治 新冠 患者 的 醫護人員 染病 而 住院 的 風險 成 長 18 至 33 倍 現有 文獻 證實 睡眠 習慣 與 壓力 會 增加 罹 患 傳染病 的 風險 在 164 名 18 55 歲 的 健康 男 女 的 研究 中 只 擁有 短暫 睡眠 時間 者 在 與 病毒 接觸 後 感冒 的 可能性 更 高 儘管 在 一 項 針對 431 名 中國 大陸 民眾 的 研究 中 發現 睡眠不足 與 罹 患 新冠肺炎 時 病情嚴重 程度 有關 卻 沒有 指出 睡眠 習慣 與 疲勞 是否 會 影響 新冠肺炎 的 染病 機 率 因此 為 瞭解 睡眠 習慣 疲勞 與 新冠肺炎 罹 患 風險 的 關係 研究 團隊 針對 來自 法國 德國 義 大利 西班牙 英國 與 美國 的 2884 名 高風險 醫護人員 在 2020 年 7 月 至 9 月 間 展開 網路 調查 所有 參與者 必須 提供 自 陳 報告 內容 包含 夜間 睡眠 時間 白天 午睡 時間 睡眠 相關 問題 與 習慣 工作 倦怠 以及 暴露 在 新冠肺炎 下 的 狀況 參與者 每晚 平均 睡眠 低於 7 小時 但 超過 6 小時 結果 發現 這 2884 名 高風險 醫護人員 中 約 568 人 確診 新冠肺炎 考慮 各種 潛 在 影響 因素後 研究 團隊 發現 每晚 增加 1 小時 的 睡眠 感染 新冠 的 機 率 就 下降 12 此外 罹 患 新冠肺炎 的 568 名 患者 中 約 24 的 人 137 人 有 夜間 難以 入眠 的 問題 而 沒有 感染 新冠肺炎 的 參與者 擁有 此 一 障礙 的 人 約 21 495 人 研究 團隊 還 發現 在 罹 患 心 冠 肺炎 的 參與者 中 約 5 28 人 的 參與者 有 多 達 3 項 甚至 更 多 的 睡眠 問題 如 難以 入睡 睡眠 中斷 需要 服用 安眠藥 相較 之下 沒有 感染 新冠肺炎 的 參與者 出現 3 項 以上 睡眠 障礙 症狀 的 人 僅 3 65 人 然而 相較 於 沒有 睡眠 障礙 的 人 擁有 3 項 以上 睡眠 問題 的 人 罹 患 新冠肺炎 的 機 率 成長 88 相較 於 平日 不 會 感到 疲勞感 的 參與者 每天 出現 疲勞感 的 參與者 罹 患 新冠肺炎 的 機 率 高出 26 倍 感染 後 的 病情 嚴峻 程度 與 需要 的 康復 時間 也 是 沒有 出現 疲勞感 者 的 3 倍 研究 團隊 解釋 這 是 一 項 觀察 性 研究 仍 無 法 確定 這樣 現象 背後 的 原因 但 可以 推測 缺乏 睡眠 或 睡眠 障礙 會 增加 發炎 細胞 因數 與 組織胺 而 對 免疫系統 產生 不良影響 過去 研究 也 指出 職業倦怠 透過 職業 壓力 損害 免疫系統 並 改變 皮質 醇 水準 從而 直接 間接地 影響 疾病 感染 率 研究 團隊 表示 醫護 團隊 缺乏 足夠 的 夜間 睡眠 嚴重 的 睡眠 障礙 與 過度 倦怠 使 他們 處 在 新冠肺炎 的 高風險 下 換言之 在 大 流行 期間 睡飽 睡 好 不只 關乎 醫護人員 的 福祉 更 有 其 重要性 專家 則 表示 睡眠 中斷 會 影響 新陳代謝 免疫力 甚至 是 心理健康 睡眠不足 會 讓 人 攝取 高熱量 食物 脂肪 含 糖 與 含鹽 食物 這些 都 會 影響 健康 如果 又 處在 壓力 或 輪班 模式 影響 又 更為 強烈 因此 想要 為 防疫 貢獻 心力 先 從 睡 好 睡滿 開始</t>
  </si>
  <si>
    <t>花蓮縣 國 高中生 今 起 陸續 開 打 bnt 疫苗 41 所 學校 1萬5683 名 學生 同意 在校 接種 四 維 高中 打頭陣 1003 位 學生 造冊 959 位 願意 接種 接種 意願 高達 9 成 6 學生 一早 在 醫療 團隊 引 領 下 依 班級 前往 體育館 接種 所幸 目前 尚未 傳出 有人 身體 不適 校方 也 調整 室外 課程 避免 打 疫苗 後 14 天 進行 激烈 運動 並 由 學生 評估 身體狀況 從寬 認定 給予 防疫 假 今天上午 8 點 40 分 許 四 維 高中學生 依照 班級 前往 教學樓 川 堂 坐在 彼此間 隔 1 公尺 的 椅子 上 開始 填寫 接種 卡 校方 亦 安排 人員 協助 量 測體溫 再 排隊 進入 體育館 核對 身份 詢問 身體狀況 依序 挽 袖 接種 bnt 疫苗 慈 濟 醫院 醫護人員 提前 在 體育館 內 分裝 疫苗 將 準備 好 的 針劑 給 前線 施打 花蓮第 一個 打到 bnt 疫苗 的 高三 學生 徐唯 嘗 坦言 雖然 作息 規律 在 接種 前 也 沒有 特別 準備 不過 之前 看 過 一些 不良反應 的 案例 加上 媒體 大肆 報導 確實 有 點 緊張 還好 打完 沒什麼 感覺 彷 佛 被 蚊子 叮 也 沒有 不 舒服 不過 他 認為 打 疫苗 有 必要 才能 保護 自己 也 保護 身邊 的 人 四 維 高中 校長 蔡忠和 指出 有 959 位 學生 同意 接種 有 44 位 不 同意 施打 比例 約 9 成 6 施打前 學校 針對 施打 疫苗 的 指引 不斷 叮嚀 學生 防疫 注意事項 今 也 安排 校內 25 個 班級 一 班 一 班 逐一 前往 體育館 接種 至於 3 天 防疫 假 蔡忠和 表示 由 學生 依 自己 身體狀況 請假 若 沒有 異狀 則 正常 到校 上課 由於 接種 後 14 天內 不能 進行 劇烈運動 四 維 高中 也 調整 體育課 國防 通 識 等 室外 課程 移 至 室內 進行 此外 四 維 高中 9 成 9 的 教職員 已 接種 az 疫苗 蔡忠和 說 尚有 2 位 老師 因 身體 因素 仍 在 等待 其他 疫苗 相信 學生 接種 完 後 校園環境 會 更 安全 花 蓮 縣 衛生局長 朱家祥 提醒 學生 接種 後 可能 會 有 發燒 全身 不 舒服 等 反應不過 短暫 的 不適 總比 染疫 要好 鼓勵 學生 打 疫苗 接種 是 防止 重症 和 死亡 打完 後 還 是 要 戴 口罩 勤洗手 避免 感染 變種 病毒</t>
  </si>
  <si>
    <t>新冠肺炎 疫情 肆虐 全球 日本 國內 確診 人數 大幅 攀升 日本 同志網 紅 拓 也 哥 也 被 爆 疑 似 感染 不僅 連續 4 天 發燒 還 一度 燒 到 40 度 目前 則 在 加 護 病房 治療 中 拓 也 哥 本月 初在社 群 分享 一 張 體溫計 的 照片 只見 上面 標示 高燒 389 度 不過 對 此 他 僅 字 哇 說明 並未 對 自身 病況 做 詳細 說明 沒 想到 本月 4 日 再度 po 文 表示 自己 高燒 到 40 度 這 才 意識 到 狀況 似乎 不對 讓 不少 網友 擔憂 是否 染疫 對 此 他 表示 7 日 po 文 透露 人 在 加 護 病房 治療 暫時 無法 開放 會面 仍舊 未 對 病況 做出 說明 近年來 拓 也 哥 可說是 病況 不斷 先是 糖尿病 右 腳 小指 截肢 又 因為 心力衰竭 導致 呼吸困難 送醫 現在 更 因為 疑 似 感染 新冠肺炎 仍 在 醫院 持續 治療</t>
  </si>
  <si>
    <t>新冠肺炎 自 五月 份 擴大 以來 已經 造成 一萬 多 人 確診 五百 多 人 死亡 的 案例 醫療 量 能 一度 緊 繃 全國 中醫師 聯合會 副 秘書長 陳博淵 認為 在 等待 疫苗 的 同時 中西醫 合力 治療 有 機會 緩解 症狀 縮短 陽性 轉陰 性 的 時間 改變 目前 流行病 的 曲線 若 從 中醫 的 角度 來看 新冠肺炎 是 一 種 瘟疫 古今中外 都 有 傳染病 或 流行病 如 黑 死 病 傷寒 無論 動植物 皆 有 可能 染上瘟疫 造成 健康 危害 和 經濟 的 損失 細菌 病毒 在 人類 還 沒 出現 就 已經 存在 之 所 成為 病 是因為 人體 提供 它 適合 生長 的 環境 好比 潮濕 的 地方 容易 滋生 黴菌 一旦 水土 氣候 環境 條件 改變 細菌 病毒 就 會 減緩 甚至 消滅 改善 體質 遏止 病原體 肆虐 陳博淵 說 中醫 看 的 是 體質 跟 病原體 的 相對 關係 如果 身體 的 環境 是 病原體 要 的 就 會 在 體內 恣意 蔓延 我們 無法 改變 水土 氣候 但是 可以 改變 體質 來 遏止 病原體 在 體內 生長 新冠 致死 率 攀 高 有些 確診 者 在 患病 幾 日內 死亡 主要 是 肺部 瀰 漫 性 發炎 到處 充滿 痰 這些 痰 像 果凍 的 膠 狀 或 黏 稠 的 鼻涕 阻礙 肺部 氣體 交換 身體 極度 缺氧 瞬間 暴 斃 死亡 這種 黏 濕 的 痰 中醫 視為 濕 的 表現 至於 是 寒濕 或 濕熱 則 要 看 區域 或 在 人體 狀況 而 定 原則 上 身體 帶 濕氣 不管 是 寒濕 或 濕熱 都 是 病毒 喜歡 生長 的 環境 自然 比較 容易 患病 陳博淵 指出 肥胖 糖尿病 三高 都 是 屬於 濕 痰 的 表現 並 不是 說 有 三高 或 肥胖 就 一定 會 得 新冠肺炎 而是 濕 痰 的 體質 容易 讓 病毒 在 體內 恣意 坐大 比 一般 人 更 容易 罹 病 由 輕 症 轉為 重症 施打 疫苗 第一 層 衛氣 的 防禦機制 這些 致病 的 因數 古代 稱之為 火氣 或 病 邪 有些 人 遇到 病 邪 會 發病 有些 人 不會 關鍵在於 人體 的 防禦機制 強 或 弱 中醫 將 防禦機制 分為 衛 氣 營 血 四 層 衛氣 為 表 營 血 為 裡 先 表 後裡 抵禦外侮 的 病毒 邪氣 衛氣 是 邊境 防守 就 像 臺灣 初期 的 防疫 從 機場 海關 阻擋 境外移入 一旦 病毒 突破 邊境 侵入 社區 就 進入 營 血 的 範圍 必須 要 靠 地方 政府 五臟六腑 防疫 機制 阻擋 病毒 在 社區 體內 擴大 蔓延 施打 疫苗 其實 就 是 第一 層 衛氣 的 防禦 讓 身體 對 病毒 有 初步 的 認識 反應 提早 對 病毒 產生 抗體 一旦 病毒 侵入 營 血 就 必須 靠 藥物 來 治療 然而 新冠 病毒 至今 仍 沒有 藥 可 解 唯一 可靠 的 是 身體 自然 的 免疫能力 因此 把 體能 狀況 維持 好 以 時間 換取 空間 才能 提高 打 勝仗 的 機 率 陳博淵 說明 新冠 病毒 很 刁鑽 會 躲 過 身體 的 防禦機制 潛藏在 器官 隱 密 處 等到 兵力 部署 完畢 一 次 反應 出來 釀成 重病 才會 有 快樂 缺氧 或 猝死 的 情況 發生 中醫 是 看 體質 的 缺 需 哪邊 不足 哪邊 過 旺 做 適度 的 調養 讓 身體 有 充裕 的 準備 對 抗 病毒 如果 體質 好 氣血 順暢 體內 不是 病毒 要 的 環境 病毒 在 體內 無法 大量 繁殖 便 能 取得 壓倒 性 勝利 調整 免疫 支持性 療法 除了 改善 體質 之外 進一步 的 做法 是 向 病毒 宣戰 外部 的 研究 發現 清 冠一號 的 板藍根 魚腥草 就 有 抗 病毒 的 作用 輔以 其他 藥材 調整 免疫 做 支持性 療法 從 過去 發表 的 二十 一個 病例 來看 皆 收到 不錯 成效 陳博淵 認為 症狀 是 病毒 攻擊 身體 所 產生 的 混亂 狀況 病人 因為 症狀 而 面臨 死亡威脅 如果 投藥 後 症狀 減輕 意味著 這樣 的 治療 模式 對 病毒 有 壓抑 的 作用 病情 就 有 好轉 的 可能 他 強調 不要 說 中醫 比較 好 或 西醫 比較 強 重點 不 在於 追求 哪個 特效藥 如果 中西醫 合作 能夠 找 出 一個 有效 的 治療 模式 根據 病程 什麼 時機 用 什麼 藥 讓 重症 變 輕 症 輕 症 轉為 無 症狀 自然 能 減少 死亡 對 疫情 有 正面 幫助 依 現在 的 狀況 快 篩 陽性 還 不見得 有 症狀 pcr 陽性 不見得 入住 病房 有些 無 症狀 的 確診 民眾 在 防疫旅館 檢疫所 或 居家 隔離 接二連三 聽到 快樂 缺氧 或 猝死 的 情況 這 一 階段 西醫 束手無策 中醫師 確實 可以 介入 關懷 提供 諮 詢 及 治療 流行病 都 有 共同 的 特徵 以 中醫 來看 新冠肺炎 就是 濕 痰 去 濕 用藥 不可 少 臨床 上 以 清 冠一號 的 精神 為 主軸 輔 以 個人 的 體質 設計 不同 藥方 藉 以 緩解 症狀 縮短 陽性 轉陰 性 的 時間 目前 在 各 醫學 中心 的 中醫 部門 及 中醫師 全 聯會 的 line 群 組 上 陸續 皆 有 傳出 中西醫 合 治 服用 中醫藥 方後 病情 好轉 提早 出院 的 案例 透過 視 訊 關懷 看 診 穩定 病人 情緒 最好 的 狀況 是 不 要 讓 無 症狀 發病 輕 症 變為 重症 陳博淵 說 病人 關在 防疫 旅館 整天 看 電視 缺乏 運動 消耗 身體 能量 加上 情緒 低落 心情 反而 是 擊 垮 抵抗力 的 幫兇 這時 如果 中醫師 透過 視 訊 關懷 看 診 穩定 病人 情緒 開出 藥方 提升 抗病 能力 減少 發病 的 機 率 若 有 緊急狀況 也 可以 通報 衛生局 立即 處置 尋求 第一線 的 治療 全省 有 七千 多 名 中醫師 在 醫療 量 能 吃緊 的 同時 針對 上萬 名 居家 檢疫 或 被 隔離 的 患者 一個 中醫師 若 能 分配 二 到 三 位 病人 適度 看 診 問候 必要 時 開 藥 緩解 症狀 對 疫情 緩解 有 很 大 的 幫助 這 段 時間 若 能 善用 中醫師 的 力量 臺灣 的 防疫 水準 會 更上一層樓 流行病 曲線 的 發展 必然 大不相同 實際 做法 上 各縣 市政府 或 衛生局 一定 會 有 居家 檢疫 隔離 或 匡列者 的 名單 衛生局 可以 發揮作用 積極 媒 合 中醫師 視 訊 看 診 另一方面 由於 清冠 一 號 還是 自費 用藥 可以 鼓勵 企業 發揮 愛心 募款 捐 藥 並 由 各 區公所 派 人 協助 送藥 建立 社區 防疫 的 功能 清 冠一號 用藥 為 基 底 輕 症 方 預防 方 日常 保健 清 冠一號 是 屬於 確診 者 的 用藥 必須 由 醫師 開立 處方 箋 一般 民眾 不可 擅自 服用 對於 目前 尚健康 無 症狀 者 國立 中醫藥 研究所 也 有 開出 輕 症 方或 預防 方 是 以 清 冠一號 用藥 為 基 底 減輕 藥 量 用作 日常生活 的 保健 當然 每 一 位 中醫師 都有 自己 的 預防 妙方 陳博淵 分享 新冠肺炎 屬於 高度 傳染病 現在 沒有 確診 不 代表 以後 不會 染病 原則 上 以 清 冠一號 方劑 為 精神 少量 的 魚腥草 板藍根 等 抗 病毒 用藥 保持 低 度 的 警戒 濕氣 用 通風 來 解 可以 放 些 厚樸 行氣 輔以 荊芥 防風 固 表 增強 外在 抵禦 病 邪 的 能力 寒涼 食物 少碰 練 氣功 提 振 身體 能量 穴道 的 部分 可 適度 按摩 合穀 列缺 迎香 等 穴位 增強 肺部 機能 新冠 病毒 會 從 眼睛 侵入 人體 平常 可 按摩 睛明 穴 頭維 穴 或 用 毛巾 熱敷 另外 溫熱 可以 除去 身體 的 濕氣 可用 艾灸 放置 背部 的 大椎 穴 陶道 穴 及 腰部 的 大腸 俞去 濕 邪 使用 艾灸時 注意 保持 室內 通風 如果 不 方便 用 艾灸 毛巾 熱敷 也 可 達到 去 濕 的 效果 飲食 的 部分 冰涼 食物 會 阻礙 氣血 流通 把 濕氣 滯留 在 體內 造成 虛胖 的 體質 生冷 的 水果 適度 飲用 即可 燥熱 會 使 身體 處於 發炎 的 狀態 料理 食物 以 清淡 為 上乘 居家 環境 注意 室內外 通風 溫度 儘量 不 要 感冒 減少 染疫 的 風險 談到 個人 生活 防疫 除了 戴 口罩 勤洗手 之外 陳博淵 平常 會 練 氣功 像是 太極拳 八段 錦 無相 氣學 提 振 身體 的 能量 適當 飲食 不 追求 口腹之欲 特別 是 寒涼 的 食物 儘量少 碰 也 會 視 身體 的 狀況 補充 保養品 營養品 增加 抵抗能力 本文 作者 蔡武 穆 本文 摘自 理財 週刊 1087 期</t>
  </si>
  <si>
    <t>我國 接連 幾 天 染疫 確診 人數 破 百萬 華區 成為 疫情 熱點 甚至 遭 外界 標籤 化 世新大學 社會 心理 系 副教授 詹昭 能 認為 國際 間 已將 covid-19 稱為 新冠 病毒 我 官方 與 部分 媒體 還是 稱之為 武漢肺炎 政府 有意無意 灌輸 民眾 採取</t>
  </si>
  <si>
    <t>宜蘭 縣 昨 26 日 新增 2 個 確診 案例 其中 一 例 是 南澳鄉 碧 候 村 女子 父母 在 當地 開 雜貨店 女子 返鄉 後 確診 由於 該店 是 村民 常聚 的 場所 宜蘭 縣 衛生局 派員 進駐 進行 全村 約 6700 人 普 篩 晚間 傳出 有 村民 對 雜貨店 叫囂 罵 三字經 還 丟 酒瓶 有 網友 將 影片 放 上網 認為 確診 者 也 不 願意 如此 行為 太 過份 不過 有 知情 人士 揭發 內幕 指 該 女子 工作 的 大樓 有人 確診 封樓 她 不待 臺北 卻 跑 回老家 且 去年 從 國外 回來 要 自主 管理 也 是 跑 回來 老家 才讓 村民 們 如此 氣憤 有 網友 在 臉書 社團 爆 料 公社 公開 版 發文 貼出 影片 表示 宜蘭碧 候 村民 暴動 跑 去 確診 者 家 叫囂 罵人 甚至 丟 酒瓶 發文者 覺得 人家 也 很 不 願意 中 鏢 共同 抗 疫 還 這樣 調皮 的 心態 去 攻擊 恐嚇 丟 酒瓶 真的 有點 缺德 應該 是 要 多 點 關心 及 體諒 請 大家 互相 勉勵 關懷 做好 防疫 措施 不過 下面 有 疑 似 知情人 者 回應 染疫 也許 真 的 不是 她們 願意 但 事情 會 變成 這樣 你們 真 的 不 瞭解 她 公司 樓下 有 確診 整 棟 公司 大樓 都封 人員 需 自主 隔離 14 天 她 人 不 乖乖 待 在 臺北 還 跑 回來 老家 她 老家 在 這個 村莊 是 開 雜貨店 的 幾乎 全村 的 人 都 在 她家 商店 買 東西 去年 從 國外 回來 要 自主 管理 也 是 跑 回來 老家 這次 出事 了 村民 怎麼 不 會 生氣 現在 連 她 媽媽 也 確診 村民 不怕 嗎 老人家 那麼 多 其他 網友 則 回 看 影片 對罵 聲 量 還 是 很 大 完全 沒有 覺得 自己 家 人 應該 要 自主 隔離 卻 沒 遵守 的 這 件 事 有錯 一個 需要 自主 管理 的 人 不 甩 規定 硬是 從 臺北 的 隔離 地 跑 回宜蘭 老家 內文 有 提到 而且 這 狀況 聽說 是 第二 次 了 這樣 的 風險 難怪 周圍 的 人 會 憤怒 中 時 新聞網 關心 您 飲酒 過量 有礙 健康 中 時 新聞網 關心 您 開車 不 喝酒 喝酒 不 開車</t>
  </si>
  <si>
    <t>雲 林縣 部分 長者 因 對 az 疫苗 有 疑慮 改 打 肺炎 鏈球菌 疫苗 導致 肺炎 鏈球菌 疫苗 大 缺貨 雲 林縣 北 港 媽祖 醫院 表示 肺炎 鏈球菌 疫苗 無法 防治 新冠肺炎 只能 減低 感染 後 的 重症 機 率 建議 長者 還是 以 施打新冠 疫苗 為 優先 考量 雲 林縣 北港鎮 媽祖 醫院 虎尾 若瑟 醫院 台大醫院 雲林 分院 等 醫院 近日 有 許多 民眾 詢問 要 自費 施打 肺炎 鏈球菌 疫苗 尤其 是 年輕 民眾 因 不 符合 新冠肺炎 疫苗 施打 條件 希望 先 打 肺炎 鏈球菌 疫苗 減少 重症 風險 不過 各 醫院 肺炎 鏈球菌 疫苗 都 已 施打 完畢 必須 等 藥 商再 供貨 媽祖 醫院 內科 部長 蔡昆 道 表示 肺炎 鏈球菌 會 引發 細菌 性 肺炎 是 很 常見 的 菌種 醫療 人員 與 65 歲 上 民眾 幼兒 免疫力 下降 者 有 必要 施打 肺炎 鏈球菌 疫苗 可 有效 的 預防 肺炎 但 最近 卻 因 新冠肺炎 疫情 成為 搶手貨 令 人 始料未及 蔡昆 道 說 肺炎 鏈球菌 疫苗 分為 23 價 與 13 價 最近 大家 搶 打 13 價 疫苗 其 主要 作用 是 讓 免疫 t 細胞 可以 記憶 預防 時效 達 10 年 左右 但 與 預防 新冠肺炎 是否 有 相關性 其實 是 兩回事 新冠肺炎 是 病 毒性 肺炎 肺炎 鏈球菌 疫苗 是 無效 的 針對 有 醫學 研究 指出 肺炎 鏈球菌 疫苗 可 減少 新冠肺炎 重症 風險 蔡昆 道 指出 他 建議 以 施打新冠肺炎 疫苗 為主 肺炎 鏈球菌 疫苗 為輔 民眾 若 符合 新冠肺炎 疫苗 施打 條件 請 盡 速 前往 施打 如此 才能 降低 染疫 機 率 一 名 醫護人員 說 最近 除了 長者 詢問 要 施打 肺炎 鏈球菌 疫苗 也 出現 許多 年 20 至 40 歲 年輕 民眾 要 施打 呼籲 大家 還是 要 把 肺炎 鏈球菌 疫苗 留給 真正 有 需要 施 打的 族群 各種 新冠肺炎 疫苗 已 陸續 抵 台 施打 物件 將 會 持續 擴大</t>
  </si>
  <si>
    <t>疫情 指揮中心 昨日 表示 第 三 劑 最 快於 1 月 1 日 開 打 對象 以 高 危險 和 高 接觸 風險 族群 優先 一般 民眾 也 可 自行 評估 接種 對此 台 大家 醫科 醫師 何忠右 表示 接種 完整 兩劑 疫苗 6 個 月 後 保護 力 都會 下降 若 前 兩劑 皆 是 打 az 的 族群 未 出現 嚴重 不良反應 的話 第 三 劑 以 mrna 輝瑞 bnt 或 莫德納 為主 其中 又 以 bnt 及 莫德納 的 局部 副作用 會 比較 多 何 忠 右 昨 29 日 於 個人 臉書 粉 專 何忠右 醫師 dr eric 家 醫 美食 健康 體態 分析 各廠 牌 疫苗 保護 力會 隨 著 時間 遞減 且 面臨 變異 株 的 威脅 施打第 三 劑 是 可以 提供 較佳 的 保護 力 根據 美國 研究 指出 bnt 的 保護 力會 從 869 降到 433 莫德納 會 從 892 降 至 580 嬌 生 的 下降 幅度 最 大 從 864 下降 剩 131 另 一 篇 英國 研究 也 顯示 打完 兩劑 az 疫苗 4 個 月 後 保護 力也會 有 明顯的 下降 何 忠 右 也 提 國外 現行政策 表示 打 滿 兩劑 az 若 沒有 出現 嚴重 不良反應 加拿大 美國 及 英國 第 三 劑 都 是 以 mrna 疫苗 為主 且 與 第二 劑 間 格 至少 6 個 月 至於 副作用 何忠右 說 接種 三 劑 bnt 及 莫德納 第 三 劑 整體 副作用 發生率 和 第二 劑 相似 若 將 副作用 細分 成 局部 及 全身性 會 發現 第 三 劑 的 局部 副作用 較 第二 劑 高 全身性 的 副作用 較 第二 劑 則 相對 低 另外 打完 兩劑 az 再 打 一 劑 mrna 會 出現 常見 的 副作用 包括 注射 處 疼痛 持續 1 至 2 天 疲倦 全身 酸痛 及 發熱 等 症狀 何 忠 右 提醒 一般 民眾 若 不 確定 自己 是否 適合 打 第 三 劑 可以 考量 自身 染疫 風險 是否 屬於 重症 高風險 族群 對 副作用 的 耐受 度 是否 有 不 適合 接種 疫苗 的 情況 有無 疫苗 禁忌症 等 因素 做為 評估 標準</t>
  </si>
  <si>
    <t>新冠肺炎 疫情 激勵 運動 休閒 商機 且 中 美 兩 大 市場 同步 進入 第 四季 消費 旺季 包括 宏遠 1460 喬山 1736 岱宇 1598 等 15 檔 運動 休閒 概念 股 股價 響叮噹 15 檔 5 日 股價 走 揚 的 運動 休閒 概念 股 包括 宏遠 喬山 岱宇 美利達 東隆興 廣越 力山 寶成 利勤 遠東 新 建大 巨大 得力 宜進 桂盟 法人 分析 在 新冠肺炎 疫情 蔓延 期間 人們 較 以往 更 重視 健康 運動 休閒 以 戶外 不 近 距離 接觸 的 活動 如 騎 自行車 慢 跑 登山 為主 併發 展出 在家 健身 以及 線 上 互動 新 運動 需求 帶動 相關 運動 健身器材 運動 機能 服飾 等 廠商 訂單 大 增 全球 最 大 互動式 健身器材 公司 peloton interactive 的 高端 健身 腳踏車 與 跑步 機 大 賣 該 公司 財 報 也 轉 虧 為 盈 在 川普 染疫 消息 美 股 嚇 跌 之際 peloton 股價 不動 如山 持續 向上 攀升 2020 年 迄今 peloton 的 股價 累計 狂 飆 逾 261 國泰 證 期 經理 蔡明翰 指出 疫情 激勵 運動 健康 的 需求 導致 紡織 與 自行車 股價 出現 帶 量 轉 強 在 長線 基本 面 持續 復蘇 短線 具有 疫情 題材 加 持 之下 預期 運動 休閒 族群 有望 延續 相對 強勢 建議 可 持續 偏 多 操作 除此之外 蔡明翰 分析 大陸 進入 10 月 黃金周 且 線 上 銷售 迎來 雙 11 及 雙 12兩 大 促銷 檔 期 美國 則 在 第 四季 將 展開 返校 季 的 遞 延 消費 以及 感恩節 黑色 星期五 耶誕節 等 節慶 促銷 活動 在 中 美 同步 進入 傳統 消費 旺季 下 各 相關 廠商 將 喜迎 第 四季 商機 cmoney 法人 決策 系統 顧問 呂漢威 指出 根據 統計 顯示 在 過去 十五 年 的 中秋節 過後 紡織 股 上漲 機 率 達 80 主要 是 服飾 業 有 換季 需求 再 加上 第 四季 的 消費 旺季 帶動 運動 休閒 與 消費 電子 也 有 機會 受惠 1111 與 超級 星期五 等 消費 節日 只 是 今年 多 了 美國 大選 投資人 仍要 留意 短期 股價 波動</t>
  </si>
  <si>
    <t>全球 聚焦 美 西南 數 州 染疫 飆 升 前景 堪憂</t>
  </si>
  <si>
    <t>1 美 西南 數 州 染疫 飆 升 前景 堪憂 隨 著 美國 各州 重 啟 經濟 活動 新冠肺炎 疫情 在 多 達 20 個 州 有 升溫 跡象 其 中亞 曆桑 納州 佛州 加州 19 日 新增 確診 病例 創 單日 新 高 美國 南部 和 西部 幾 個 州 感染 率 飆 升 令人擔憂 尤其 川普 總統</t>
  </si>
  <si>
    <t>新北 市 猴 硐 貓 村 是 國際 知名 的 賞貓 景點 新北 市 動 保處 配合 防疫 減少 群 聚 染疫 風險 猴 硐 貓 公所 籌備處 至 5 月 28 日 暫不 對外開放 場館 封閉 期間 為 讓 愛 貓 民眾 能 遠 距 關心 貓咪 動 保處 提供 智慧 賞貓 影像 定期 於 官方 ig 更新 貓</t>
  </si>
  <si>
    <t>新北 市 猴 硐 貓 村 是 國際 知名 的 賞貓 景點 新北 市 動 保處 配合 防疫 減少 群 聚 染疫 風險 猴 硐 貓 公所 籌備處 至 5 月 28 日 暫不 對外開放 場館 封閉 期間 為 讓 愛 貓 民眾 能 遠 距 關心 貓咪 動 保處 提供 智慧 賞貓 影像 定期 於 官方 ig 更新 貓 村 街 貓 動態 讓 民眾 居家 防疫 的 同時 也 能 共同 觀賞 貓咪 猴 硐 貓 公所 籌備處 以 瑞芳金 顏色 彩繪 外 牆 大門 也 描繪 上 大 黑 貓 呈現 貓 村 新 美學 吸引 不少 遊客 拍照 打 卡 動 保員 吳明芬 表示 貓 村 目前 列 冊 125 只 貓 平時 由 當地 居民 與 店家 共同 照顧 猴 硐 貓 公所 籌備處 不 對外開放 內部 日常 例行 性 照 護 貓 咪 工作 持續 進行 包含 協助 喂 食 街 貓 施打晶 片 造冊 管 控 健康狀況 救援 受傷 或 疾病 需要 醫療 的 貓 且 每日 環境 消毒 動 保處 表示 國外 報告 指出 犬 貓 可能 被 染疫 人員 污染 尤其 貓 為 新冠肺炎 易 感受 性 動物 動 保處 為保障 貓 村 街 貓 健康 且 配合 防疫 指引 下 暫停 開放 場所 並 加強 園區 防疫 措施 添 購 背負式 消毒 機 使用 對 動物 無毒 的 廣效性 消毒劑 每日 噴灑 消毒 希望 在 防疫 措施 中 也 能 兼顧 貓 只 健康 動 保處 強調 在 疫情 嚴峻 情況 之下 新北 市 仍 為 動物 友善 目標 努力 首創 寵物 健康 生活 站 設置 全自動 超 音波 造 霧 寵物 消毒 機 來 落實 智能 防疫 規 畫 寵物 安置 旅館 讓 確診 者 寵物 能 獲得 暫時 安置 照 護 守護 毛 寶貝 健康 呼籲 民眾 接觸 犬 貓 前後 須 洗手 消毒 配戴 口罩 且 避免 親 膩 行為 養成 良好 個人 衛生習慣</t>
  </si>
  <si>
    <t>雲林 西 螺 埔心 父子 檔 染疫 全縣 6 確診 者 的 傳染 者 都 是 家人</t>
  </si>
  <si>
    <t>雲 林縣 今 23 日 再 增 2 例 新冠肺炎 確診 案 住 西螺 的 23 歲 男性 案 4019 東勢 鄉 86 歲 老婦 案 4222 全縣 達 6 例 都 是 家屬 互相 傳染 案 4019 年輕人 其父 是 昨日 確診 的 西螺 45 歲 男 有 萬 華 旅遊 史 男性 案 4222 老母 是 被 新北 三 重 的 兒子 傳染 雲 林縣 長 張麗善 表示 昨日 確診 的 案 3868 西 螺 45 歲 男性 到 萬華 唱歌 是 今日 確診 案 4019 的 父親 4019 的 ct 值 2414 匡列 19 名 親朋 居家 隔離 棘手 的 是 友人 多 在 西螺 果菜 市場 工作 接觸 期間 大多 沒有 防疫 案 4019 近日 的 足跡 14 日 到 朋友家 15 日 到 朋友家 及 虎尾 麥當勞 新興 店 16 日 淩晨 在 西螺 福 陽堂 打 麻將 早安 山丘 西 螺 中山 店 用餐 西螺 市區 17 日 18 日 未 外出 19 日 20 日 到 醫院 21 日 衛生局 送 去 就醫 案 4222 是 86 歲 老 母親 其 兒子 是 計程車 司機 案 3739 在 18 日 從 三 重 區 返回 東勢 22 日 兒子 確診 她 也 在 23 日 確診 ct 值 是 286 足跡 包括 19 日 20 日 21 日 到 東勢 鄉鎮 玄宮 晉安府 22 日 曾在 東勢 鄉 安南村 的 早餐 店 吃 1 小時 西螺鎮 埔心 父子 檔 38684019 有 萬 華 接觸 史雙雙 染疫 父子 交遊廣闊 且 潛伏期 長達 12 天 接觸 人群 無法 估計 雲 林縣 衛生局 明天 24 日 將 在 早上 9 點 至 下午 3 點 在 安定 國小 對面 的 大 牛 埔 公園 辦理 熱點 快 篩 張麗善 表示 雲 林縣 目前 確診 6 例 的 傳染 者 都 是 最 親愛 的 家屬 包括 元長 鄉 66 歲 重 大 傷病 弟弟 被 北市 的 姐姐 傳染 林內鄉 兄弟 檔 染疫 有 萬 華 接觸 史 的 哥哥 傳給 精神 障礙 的 弟弟 西螺鎮 父子 檔 染疫 東勢 鄉 老媽媽 被 三 重 兒子 傳染 新北 市 人 但 返回 崙背 鄉 的 父親 被 兒子 傳染 她 呼籲 旅外 鄉親 暫時 不 要 返鄉 雲 林縣 轄內 餐飲業 便利商店 超級市場量販店 連鎖加盟店 市場 商圈 或 其它 相 類似 提供 現場 餐飲 之 場所 也 從 23 日 起至 28 日 全面 停止 營業 場所 店 內 飲食</t>
  </si>
  <si>
    <t>盧森堡 總理 染疫 住院 血 氧 不足 呼吸 急促 情況嚴重 但 穩定</t>
  </si>
  <si>
    <t>櫃 姊 染疫 感染 源 不明 高雄 漢神 巨蛋 深夜 公告 緊急 停業</t>
  </si>
  <si>
    <t>高雄 龍頭 百貨 漢神 巨蛋 8 樓 櫃 姐 染疫 迄今 查無 源頭 原本 業者 在 大 清 消 後 預計 明 24 日 重新 營運 但 網路上 一 片 罵 聲 業者 今 23 日 深夜 緊急 發出 公告 表示 配合 政府 防疫 政策 為 維護 員工 及 民眾 健康 自即日起 至 5 28 暫</t>
  </si>
  <si>
    <t>高雄 龍頭 百貨 漢神 巨蛋 8 樓 櫃 姐 染疫 迄今 查無 源頭 原本 業者 在 大 清 消 後 預計 明 24 日 重新 營運 但 網路上 一 片 罵 聲 業者 今 23 日 深夜 緊急 發出 公告 表示 配合 政府 防疫 政策 為 維護 員工 及 民眾 健康 自即日起 至 5 28 暫停營業 漢 神 巨蛋 指出 調整 營業時間 即日起 至 5 28 五 暫停營業 5 29 六 起 正常 營業 不便 之處 敬請 見諒 針對 漢神 巨蛋 櫃 姐 染疫 案 衛生 及 警察局 已 針對 電子 足跡 調閱 百貨 監視器 畫面 及 手機 定位 紀錄 繼續 追蹤 該案 疫 調 采 三 層 方式 進行 第一圈 為 櫃 姐 家人 朋友 同事 清潔 人員 顧客 等 14 人 檢驗 結果 12 人 呈 陰性 其 餘 檢驗 中 第二 圈 為 周邊 櫃 位 美食街 等 52 人 疫 調 匡列中 第 三 圈 為 8 樓 其他 櫃 位 人員 共 148 人 疫 調 匡列中</t>
  </si>
  <si>
    <t>7 月 27 日 起 全台 降 二級 警戒 各 地方 政府 也 表態 將 逐步 開放 餐廳 內 用 宜蘭 縣 將 於 8 月 3 日 起 解除 禁內 用 規定 北 市府 今 30 日 也 坦言 將 視 疫情 發展 最 快下 週二 3 日 開放 餐飲業 內 用 對此 毒理 專家 招名威 也 樂觀其成 認為 目前 確診 趨勢 已 完全符合 開放 內 用 條件 但 仍 有 一些 事情 需要 注意 希望 全民 能 繼續 配合 防疫 好好 珍惜 二 個 月 以來 開放 內 用 的 機會 臺北市 最 快下 週二 開放 餐廳 內 用 招名威 於 臉書 表示 自己 保持 審慎 樂觀 的 想法 畢竟 確診 人數 現在 都 不 高 了 綜觀 目前 疫情 rt 值 已經 趨 近於 06 且 連續 幾 天全 台 確診 數 都 是 20 例 上下 沒有 太 大 的 變動 雙北 新增 個案 介於 5 10 人 之間 且 確診 者 多 在 已 匡列 的 範圍 內 不明 感染 源 少於 2 人 完全符合 開放 餐廳 內 用 的 條件 不過 招名威 指出 若要 開放 餐廳 內 用 仍 存在 諸多 限制 以 桃園為 例 單一 隔間 室內 不能 超過 50 人 內 用餐 點 須以 個人 餐 為主 不能 和 人 共 食 內 用 同行 的 人 就算 坐 同桌 也 要 間隔 15 公尺 同桌 之間 設有 隔板 用餐 須采 梅花座 招名威 解釋 意思 就 是 你在 吃 東西 的 時候 根本 就 看 不 到 你 的 朋友 你 還 是 孤單 一 人 唷 就算 能 坐 同桌 用餐 但 彼此 要 聊天 都 很 難 招 名 威 接 著 指出 不只 顧客 麻煩 其實 餐廳 也 很 麻煩 店家 的 基本 防疫 措施 不能 少 店員 仍 須戴 口罩 戴 防護 面罩 勤 洗口 消毒 等 有些 餐廳 為 避免 與 人 接觸 不敢 收 現金 信用卡 只 接受 行動 支付 把 自己 搞 得 很 辛苦 只要 有 顧客 或 員工 確診 餐廳 還要 被 暫停營業 3 天 清 消 並且 在 接下來 的 11 天 暫停 開放 內 用 壓力 真的 很 大 然而 招名威 擔心 若 餐廳 門口 有 長長的 排隊 人龍 會 不 會 又 是 另 一個 群 聚 的 開始 呢 他 認為 若 大家 都戴 好 口罩 應該 是 不至於 但 最好 還是維持 每人 225 平方公尺 的 社交 面積 以 降低 染疫 風險 因此 不管 是 餐廳 員工 或 顧客 仍 須多 加 留意 我們 花 了 超過 兩 個 月 從 地獄 再 回到 接近 天堂 的 地方 最後 招名威 坦言 從 三級 到 降 二級 大家 都 很 努力 特別 是 後期 的 防疫 措施 奏效 大幅 提升 疫 調 的 精准度 能 有 現在 成果 真的 實 來 不易 呼籲 大家 一定 要 好好 珍惜 這個 第二 次 機會 別 再 因為 自己 的 私欲 而 再 葬送 了 全 臺灣 自由 呼吸 的 權利</t>
  </si>
  <si>
    <t>大陸 肺炎 感染疫情 研究</t>
  </si>
  <si>
    <t>新冠肺炎 疫情 席捲 全球 連長壽 漫畫 島 耕作 系列 主人翁 都 無法 逃 過 染疫 風險 在 2 月 10 日 發售 的 漫畫 雜誌 morning 最新 一 話 中 島 耕作 吃 下 辣味 咖 哩 卻 出現 無法 感受 味覺 的 症狀 引起 讀者 熱 議 猜測 漫畫 中 已 73 歲 高齡</t>
  </si>
  <si>
    <t>新冠肺炎 疫情 席捲 全球 連長壽 漫畫 島 耕作 系列 主人翁 都 無法 逃 過 染疫 風險 在 2 月 10 日 發售 的 漫畫 雜誌 morning 最新 一 話 中 島 耕作 吃 下 辣味 咖 哩 卻 出現 無法 感受 味覺 的 症狀 引起 讀者 熱 議 猜測 漫畫 中 已 73 歲 高齡 的 島 耕作 是否 也 罹 患 新冠肺炎 若 島 耕作 因 病 死亡 可能 還 因此 迎來 完結篇 島 耕作 系列 自 1983 年 開始 連載 故事 從 年輕 上班族 島 耕作 任職 為 電器 公司 課長 開始 本 以為 能 迎來 光明前途 卻 陸續 面臨 部門 派系 鬥爭 爭權 角力 等 職 場 黑暗面 廣獲 讀者 共鳴 連載 近 40 年 來 島 耕作 從 課長 逐漸 爬升 還 成為 公司 會長 董事長 退休 後 成 公司 顧問 全 系列 故事 如 領 讀者 走 一 回 職 涯 人生 有趣 的 是 因 島 耕作 和 漫畫家 弘兼憲 史是 同年同月 同日生 也 都曾 任職 於 電器 公司 讓 不少 人 將 主角 視為 弘兼憲 史 化身 弘兼憲 史曾 於 2010 年 訪台 時 透露 其實 這 位 主角 靈感 源自 一 位 前 同事 他 的 個性 爽朗 做事 有 原則 我 只 要 一 開 筆 他 的 樣子 就 會 自己 跑 出來 弘 兼 憲 史 畢業 于 早稻田大學 法律 系 1974 年 正式 出道 為 漫畫家 作品 往往 反映 社會 真實 時下 環境 如 島 耕作 系列 最初 便 是 以 日本 泡沫經濟 時期 為 背景 其他 作品 如 政治 最 前線 也 是 以 日本 政界 為題 如今 故事 體現 世界 疫情 變化 許多 忠實 讀者 並 不 感到 意外 多次 訪台 的 弘兼憲 史 曾來台 觀摩 立 法院 取材 描繪 島 耕作 臺灣 篇 2018 年 時 他 也 談及 島 耕作 劇 情 走向 在 日本 也 有人 當 會長 當到 100 歲 所以 我 或許 會畫 到 自己 不能 畫 為止 未來 如果 我 生病 住院 出院 或許 也 會畫 住院 島 耕作 出院 島 耕作</t>
  </si>
  <si>
    <t>義 大利 佛羅倫斯 大學 分析 43 名 30 到 60 歲 罹 患 過 新冠肺炎 男性 精液 樣本 研究 顯示 康復 後 有 25 男性 的 精子 數量 較 低 20 是 空包彈 的 無 精 症 高於 全球 男子 無 精 症 的 比例 對此 指揮中心 表示 染疫 後 身心 壓力 的確 會 影響 生理 功</t>
  </si>
  <si>
    <t>新冠肺炎 疫情 嚴峻 桃園 市 社會局 宣佈 除 關懷 據點 已於 本週一 停辦 老人 會 春遊 及 參訪 觀摩 活動 長青 學 苑也 暫緩 身心 障礙 證明 到期 可 依法 展延 60 天 人民團體 如 任期 屆滿 需 改選 可 依法 申請 延期 3 個 月 避免 成染疫 破 口</t>
  </si>
  <si>
    <t>蘋果 代 工 大廠 和 碩 集團 昨天 16 日 接到 衛生 單位 通知 一 名 員工 無 症狀 感染 采 檢 陽性 還 在 厘 清是 陽性 還是 偽 陽性 尚未 確診 正 遵照 醫囑 隔離 據 瞭解 該 名 員工 是 為了 出差 去 采 檢 若 確認 染疫 將 是 繼 科技 大廠 大 立 光 印</t>
  </si>
  <si>
    <t>蘋果 代 工 大廠 和 碩 集團 昨天 16 日 接到 衛生 單位 通知 一 名 員工 無 症狀 感染 采 檢 陽性 還 在 厘 清是 陽性 還是 偽 陽性 尚未 確診 正 遵照 醫囑 隔離 據 瞭解 該 名 員工 是 為了 出差 去 采 檢 若 確認 染疫 將 是 繼 科技 大廠 大 立 光 印刷 電路板 工廠 敬鵬 富 邦 金控 後 第 4 家 有 員工 染疫 的 上市 公司 經濟日報 報導 和 碩 昨天 接 獲 通知 一 名 員工 采 撿 陽性 目前 無 症狀 由於 是 微弱 陽性反應 尚在 厘 清 是否 確診 和 碩 表示 該 員工 住 在 郊區 通勤 至關 渡 公司 上班 交通路線 及 生活 都 單純 關渡 總部 辦公室 共 分成 4 棟 獨立 建築 以及 其他 獨立 租 屋 建築 該 員工 是 在 較 小 的 獨立 建築 中 工作 和 碩 表示 接 獲 通知 後 已 展開 大 消毒 嚴格執行 員工 分流 上班 其他 則 會 遵守 主 關 機關 規定 執行</t>
  </si>
  <si>
    <t>新冠肺炎 臺灣 和 碩 員工 染疫</t>
  </si>
  <si>
    <t>歐洲聯盟 執行 委員會 主席 范德賴恩 ursula von der leyen 5 日 在 推特 上 宣佈 由於 其 日前 9 月 29 日 出席 的 一 場 會議 中 與會者 有人 確診 感染 新冠肺炎 根據 現行 防疫 法規 其 將 自主 隔離 至 6 日 早晨 這 是 繼 歐洲理事會 主席 蜜雪兒 9 月底 因特 勤 人員 染疫 而 宣佈 隔離 後 又 一 宣佈 自我 隔離 的 歐盟 官員 范德賴恩 表示 日前 與其 一同 出席會議 的 人士 中 有人 於 10 月 4 日 確診 新冠肺炎 儘管 范德賴恩 1 日 采 檢 的 結果 為 陰性 但 基於 安全 考量 與 防疫 規範 將 於 5 日 再次 采 檢 i ve been informed that i participated in a meeting last tuesday attended by a person who yesterday tested positive for covid-19 in accordance with regulations in force i m therefore self-isolating until tomorrow morning i ve tested negative on thursday am tested again today 事實上 這不 是 首 位 歐盟 官員 因 與 染疫 者 接觸 而 自我 隔離 歐洲理事會 主席 蜜雪兒 日前 才因 隨 扈 檢測 結果 呈現 陽性 而 宣佈 自我 隔離 也 讓 歐盟 27 個 會員國 領導人 峰會 延期 無獨有偶 德國 外長 馬斯 9 月 也 因為 隨 扈染疫 而 宣佈 隔離 所幸 馬斯 最終 采 檢 結果 為 陰性 隨 著 歐洲第 2 波 新冠肺炎 疫情 持續 擴散 歐洲各國 相繼 頒佈 新 的 限制 與 封鎖 措施 捷克 宣佈 緊急狀態 已 長達 30 天 試圖 遏制 確診 人數 快速 地 上升 並 減輕 醫療 體系 的 壓力 目前 捷克 4 日 新增 確診 病例 高達 1841 例 在 英國 光 4 日 單日 的 疫情 確診 數 便 高達 22961 起 病例 幾乎 為 先前 單日 病例 數 的 2 倍 在 波蘭 3 日 新增 病例 數 達 2367 人 創下 連續 3 天 以來 的 歷史 新 高</t>
  </si>
  <si>
    <t>今 增 2 確診 皆 為 境外移入 累計 395 人 染疫</t>
  </si>
  <si>
    <t>美國 歐洲新冠肺炎 疫情 趨 緩 不過 隨 著 復工 各國 紛紛 警告 第二 波 疫情 勢不可擋 英 美專家 更 表示 伴隨 流感 季 來臨 今年 冬季 的 新冠肺炎 疫情 將 更加 兇險 路透社 報導 美國 疾病 管制 暨 預防 中心 主任 芮斐德 robert redfield 昨 21 日 示 警 今年 冬季 美國 恐 遭遇 第 2 波 新冠肺炎 疫情 尤其 伴隨 流感 季 復發 第 2 波 疫情 將 更加 嚴重 芮斐德 說 美國 將 同時 爆發 流感 及 新冠肺炎 屆時 將 對 美國 醫療 體系 造成 更 大 壓力 無獨有偶 英國 專家 昨日 也 示 警 英國 將 無法 避免 面臨 第 2 波 疫情 英國 太陽 報 the sun 報導 倫敦 帝國 學院 imperial college london 醫學院 傳染 科 黏膜 感染 和 免疫 部 主任 夏塔克 robin shattock 接受 倫敦 泰晤士報 the times 專訪 時 表示 最 大 的 威脅 是 今年冬天 英國 也 有 這麼 多 新冠肺炎 病例 同時 還 伴隨 流感 季節 這 將 對英國 的 醫療系統 造成 雙重 打擊 不過 夏塔克 也 表示 科學家 目前 還 在 瞭解 新冠 病毒 還 不 知道 冬天 病毒 會 不 會 再 復發 或是 有 季節性 復發 的 情形 不過 他 認為 隨 著 人們 回歸 正常 生活 病例 數 會 再 擴大 不少 科學家 也 將 新冠肺炎 疫情 和 20 世紀 初 的 西班牙 流感 疫情 作 比較 當時 第 1 波 疫情 發生 在 1918 年 春季 第 2 波 發生 在 同年 9 月 次年 春天 再 出現 第 3 波 西班牙 流感 第 2 波 疫情 中 出現 變種 病毒 因此 死亡率 也 比 第 1 波 來得 高 此外 韓國 前鋒 日報 korea herald 報導 防疫 有成 的 韓國 週二 也 宣佈 第 2 波 疫情 無可避免 當局 將 盡全力 準備 應對 根據 美國 約翰霍普金斯大學 johns hopkins university 全球 疫情 統計 截至 22 日 中午 12 時 全球 一共 有 256萬4190 人 感染 新冠肺炎 美國 染疫 人數 高達 825萬 人 位居 第一 其次 是 西班牙 204萬 人 三四五 名 分別 是 義 大利 183萬 人 法國 159萬 人 德國 148萬 人 此外 全球 逾 177萬 人 喪命 美國 占 了 約 448萬 人</t>
  </si>
  <si>
    <t>東奧 智利 跆拳道 女將 確診 成 首例 因 染疫 退 賽 選手</t>
  </si>
  <si>
    <t>疫情 升溫 更 見 善心 台中市政府 警察局 第 四 分局 黎明 警 友 站長 陳蓀裕 亦 是 目前 惠蓀 開發 建設 及 小 王子 教育 事業 等 公司 負責人 有感于 員警 人員 身處 防疫 最 前線 為 守護 全民 杜絕 疫情 傳播 堅守 著 第一 道 防線 除 須 打擊犯罪 維護 交通安全 及 為民服務 等 勤務 工作 同時 還要 配合 政府 推行 防疫 措施 陳 蓀 裕 站長 特別 購買 防護 面罩 400 個 贈予 分局 由 第 四 分局 分局長 代表 接受 力挺 基層 員 警 提升 防護 設備 降低 染疫 風險 讓 執勤 更加 有 保障 新冠 疫情 持續 延 燒 台中 市 今年 迄今 累計 共 154 例 本土 確診 案例 其中 不乏 有 員 警 染疫 確診 個案 第 四 分局 黎明 警 友 站長 陳蓀裕 說 員警 於 疫情 期間 執行 各項 勤 業務 總是 站 在 最 前線 致使 員警 都 暴露 在 染疫 高風險 的 工作 環境 中 員警 的 辛苦 與 壓力 更 甚 一般 民眾 為 防護 員 警 執勤 安全 及 感佩 員警 同仁 在 警 政 工作 上 無私奉獻 與 全力 付出 希望 於 防疫 工作 上 也 能 盡 一點 棉薄之力 抛磚引玉 特 購置 防護 面罩 致贈 第一線 員警 執勤 使用 協助 員警 提升 防護 設備 現場 還 親自 指導 同仁 如何 穿戴 使用 讓 員警 為 市民 服務 同時 也 能 兼顧 防疫 安全 措施 讓 所有 員警 不禁 讚賞 有 你 真好 警方 表示 警 友 站長 陳蓀裕 不僅 為 防疫 無私 盡 心力 付出 眼見 現 下 民生問題 水情 吃緊 亮紅燈 也 鼎力 配合 政府 政策 提供 旗 下 由 惠蓀 與 惠田 建設 共同 投資 開發 的 新建 案 位於 南區 新 華街 與 學府 路 147 巷口 惠 田上 書房 建築工地 設置 緊急 自來水 處理 設施 每日 計有 4200 噸 的 供水量 無償 分享 水資源 供 全台 中 市民 次級 用水 使用 提供 有效 水資源 迴圈 減少 民間 鑿 井 取水 降低 環境 衝擊 為 紓 解 水荒 盡 一 份 心 力 此等 人饑己饑 人溺己溺 的 義行 善舉 值得 大力 讚揚 第 四 分局 分局長 表示 感謝 警 友 站長 陳蓀裕 平日 對 警方 全力支持 與 關照疫情 嚴峻 期間 也 不 忘 以 實際行動 力挺 贊助 防疫 裝備 提升 第一線 員 警 防疫 能量 同時 呼籲 民眾 要 共 體 時艱 防疫 絕不能 掉以輕心 務必 作好 自身 防護 措施 及 防疫 衛生習慣 外出 時應 全程 配戴 口罩 勤洗手 停止 室內 5 人 以上 室外 10 人 以上 之 群 聚 活動 保持 安全 社交距離 主動 積極 配合 各項 防疫 措施 齊心 防堵 疫情</t>
  </si>
  <si>
    <t>社區 感染疫 演 新北 推 區域 聯防</t>
  </si>
  <si>
    <t>今日 世界 肺 炎日 李慶雲 兒童 感染 暨 疫苗 發展 醫學 文教 基金會 攜手 中華民國 糖尿病 學會 臺灣 家庭 醫學 醫學會 財團法人 中華民國 心臟 基金會 及 財團法人 腎臟 病防治 基金會 現場 共同 呼籲 應 積極 採取 保護措施 控制 自身 慢性病 的 同時 更 要 主動 接種 肺炎 鏈球菌 疫苗 以 加強 自我 保護 力 遠離 肺炎 致死 威脅 全球 每年 肺炎 會 奪 走 250萬 名 生命 而 肺炎 鏈球菌 感染 是 肺炎 最 常見 的 致病菌 慢性病 患 一旦 感染 肺炎 會 增加 治療 難度 連帶 提高 重症 致死 風險 以 糖尿病 患者 為 例 肺炎 死亡 的 人數 在 近年 增加 5 倍 心臟 血管 疾病 患者 感染 肺炎 鏈球菌 的 機 率 則 為 一般 人 的 6 倍 以上 腎臟 病友 肺炎 死亡率 更 較 一般 人 高出 14 至 16 倍 更 有 近 1 4 高血壓 患者 因 肺炎 死亡 顯示 慢性病 患者 更 應 重視 肺炎 感染 的 危機 新冠肺炎 恐 合併 肺炎 鏈球菌 感染 多重 慢性病 者 罹 病 風險 增 根據 美國 疾病 管制 與 預防 中心 最新 統計 新冠肺炎 常 合併 肺炎 鏈球菌 感染 且 以 高血壓 215 糖尿病 164 心臟病 114 患者 為 多 李慶雲 兒童 感染 暨 疫苗 發展 醫學 文教 基金會 執行長 呂俊毅 表示 肺炎 鏈球菌 感染 是 肺炎 最 常見 的 致病菌 慢性病 患 一旦 感染 肺炎 會 增加 治療 難度 連帶 提高 重症 致死 風險 以 糖尿病 患者 為 例 肺炎 死亡 的 人數 在 近年 增加 5 倍 心臟 血管 疾病 患者 感染 肺炎 鏈球菌 的 機 率 則 為 一般 人 的 6 倍 以上 腎臟 病友 肺炎 死亡率 更 較 一般 人 高出 14 至 16 倍 更 有 近 1 4 高血壓 患者 因 肺炎 死亡 顯示 慢性病 患者 更 應 重視 肺炎 感染 的 危機 為 提醒 慢性病 患者 一般 大眾 提高 警覺 李慶雲 兒童 感染 暨 疫苗 發展 醫學 文教 基金會 於 世界 肺炎 日 攜手 社團 法人 中華民國 糖尿病 學會 臺灣 家庭 醫學 醫學會 財團法人 中華民國 心臟 基金會 及 財團法人 腎臟 病防治 基金會 共同 呼籲 應 積極 採取 保護措施 在 控制 自身 慢性病 的 同時 更 要 主動 接種 肺炎 鏈球菌 疫苗 以 加強 自我 保護 力 遠離 肺炎 致死 威脅 7 成 肺炎 患者 為 多重 慢性 疾病 罹 患 肺炎 後 重症 比率 高 治療 棘手 器官 易 衰竭 肺炎 已 連續 四 年 高居 國人 十 大 死因 第 3 位 每年 奪 走 1萬5千 名 以上 國人 性命 108 年 死亡 人數 更 較 107 年 增加 13 感染 肺炎 造成 的 影響 不容 小覷 呂 執行長 表示 慢性病 患 抽煙 者 染病 風險 為 一般 人 的 3 倍 以上 而 肺炎 鏈球菌 感染症 患者 中 更 高 達 7 成 同時 合併 兩 種 以上 慢性病 證實 慢性病 患者 的 罹 病 風險 是 遠 高於 想像 呂俊 毅 進一步 指出 在 臺灣 約 5 10 成人 鼻腔 中 帶有 肺炎 鏈球菌 當 人體 免疫力 低下 時 病菌 則 會 從 呼吸道 或 血液 入侵 引發 肺炎 然而 當 帶菌者 為 慢 病患者 時 一旦 罹 患 肺炎 病情 容易 快速 惡化 除了 治療 難度 較 高外 也 可能 加重 原先 病情 併發 其他 重症 例如 菌血症 多重 器官 衰竭 等 故 提醒 慢性病 患 應 立刻 採取行動 除了 接種 流感疫苗 外 可 主動 與 醫師 討論 施打 肺炎 鏈球菌 疫苗 的 必要性 糖 友 肺炎 死亡 人數 增 5 倍 血糖 控制 和 肺炎 預防 要 雙管齊下 長期 高 血糖 導致 身體 免疫力 下降 免疫 細胞 殺菌 能力 減弱 使 人體 成為 利於 細菌 生長 繁殖 的 環境 社團 法人 中華民國 糖尿病 學會 監事 葉 振聲 指出 糖尿病 引起 的 各種 感染 疾病 中 有 四 分之一 與 肺炎 有關 近年來 糖 友 死于 肺炎 的 人數 更 增加 5 倍 可見 糖 友 易 輕忽 肺炎 威脅 葉 振聲 醫師 解釋 糖尿病 患 普遍 有 高共病 特性 根據 2019 年 糖尿病 年鑒 糖尿病 共 病 比例 前三名 為 高血壓 血脂 異常 心血管 疾病 可說是 集 侵襲 性 肺炎 感染 風險 因數 於 一身 且 感染 後 更 容易 併發 菌血症 而 新冠肺炎 期間 美國 疾病 管制 與 預防 中心 也 建議 糖尿病 患 應該 要 主動 和 醫師 討論 及時 將 接種 疫苗 納入 疾病 管理 的 一部分 加強 保護 葉 醫師 提醒 糖 友 務必 控制 好 血糖 血壓 血脂 保持 充足 睡眠 並 積極 採取 預防 肺炎 的 措施 才能 降低 肺炎 的 威脅 心臟 血管 疾病 染疫 高 6 倍 對 心臟 損傷 大 接種 疫苗 可 降低 死亡率 心 肺 常有 共 病 發生 因此 心臟 血管病 患 因 抵抗力 和 肺 功能 不 佳 感染 肺炎 鏈球菌 的 機 率 是 一般 人 6 倍 以上 財團法人 中華民國 心臟 基金會 代表 陳文 鍾 醫師 提醒 心臟 血管 疾病 患者 因 血管 病變 導致 心臟 難以 輸送 足夠 血液 和 養分 到 身體 其他 部位 若 同時 肺部 感染 會 增加 心臟 肌肉 耗 氧量 容易 誘發 心臟 衰竭 根據 研究 罹 患 肺炎 會 有 21 的 人 出現 心臟 衰竭 10 會 出現 心律不整 超過 50 的 心臟 併發 發生 在 感染 肺炎 後 24 小時 之內 顯示 肺炎 會 立即 對 心臟 會 造成 極大 的 損傷 新冠肺炎 疫情 凸顯 心臟 血管 疾病 接種 疫苗 預防 肺部 感染 的 必要性 歐洲 心臟 學會 年會 中 最新 研究 證實 接種 流感 和 肺炎 鏈球菌 疫苗 可 降低 心 衰竭 患者 住院 死亡率 陳 醫師 建議 心臟 血管 疾病 患者 平時 除了 要 與 醫師 持續 控制 病情 外 可以 主動 詢問 疫苗 接種 建議 腎 友 患 肺炎 死亡率 高 16 倍 恐 加快 洗 腎 機 率 患者 需 落實 疫苗 評估 根據 調查 臺灣 因 肺炎 住院 的 患者 中 有 368 為 慢性 腎臟 病 病友 財團法人 腎臟 病防治 基金會 執行長 林 裕峰 醫師 提醒 感染 是 慢性 腎臟 病 患 透 析 和 腎臟 移植 患者 發病率 和 死亡率 的 主要 原因 腎臟 病友 罹 患 肺炎 死亡率 較 一般 人 高 14 至 16 倍 且 慢性 腎臟 病患者 一旦 感染 肺炎 鏈球菌 會 提高 急性 腎 損傷 風險 加快 腎臟 病 的 進程 甚至 有 可能 急需 進行 透 析 治療 美國 腎臟 基金會 建議 腎臟 疾病 者 應 接種 肺炎 鏈球菌 疫苗 且 根據 研究 早期 慢性 腎臟 病患者 具有 較 好 的 血清 轉化率 建議 在 透 析 或 移植 開始 之前 就 先 接種 疫苗 可以 獲得 更 好 的 免疫 保護 林 執行長 建議 腎 友 須 加強 對於 呼吸道 感染 的 預防 意識 透 析 病 患 在 透 析 前 可 詢問 醫師 進行 各項 疫苗 接種 狀態 評估 降低 肺炎 鏈球菌 肺炎 感染症 對 健康 威脅 近 1 4 高血壓 患者 因 肺炎 死亡 醫師 有 煙癮 肥胖者 健康 成 人 都 要 接種 疫苗 臺灣 家庭 醫學 醫學會 理事長 黃信彰 醫師 則 提醒 除 慢性病 患 外 高血壓 肥胖者 也 是 肺炎 高危 族群 血壓 升高 已 被 證實 會 降低 肺部 功能 增加 肺炎 感染 的 風險 且 研究 發現 248 的 高血壓 患者 因 肺炎 而 死亡 使 肺炎 成為 高血壓 患者 的 重大 威脅 黃 理事長 表示 肥胖者 罹 患 肺炎 的 風險 為 14 20 倍 吸煙 者 感染 肺炎 鏈球菌 機 率 較 非 吸煙 者 高出 15 倍 而且 一旦 感染 續發 肺炎 鏈球菌 感染 恐 加速 病程 提升 後續 重症 機 率 增加 死亡 風險 黃信彰 表示 積極 戒煙 控制 血壓 減輕 體重 減少 肺炎 感染 為 高危 族群 預防 肺炎 的 首要任務 但 黃 理事長 也 提醒 新冠肺炎 期間 為 減少 肺炎 合併 感染 的 發生 建議 健康 成人 也 要 參考 臺灣 家庭 醫學 醫學會 所 建議 的 成人 預防接種 建議 時程 表 進行 疫苗 接種 平時 就 可以 積極 預防 肺炎 鏈球菌 感染 的 發生 世界 肺 炎日 醫 界 籲 慢性病 患者 超前 部署 持續 疾病 控制 主動 詢問 疫苗 接種 建議 全球 每年 肺炎 會 奪 走 250萬 名 生命 而今 年 因 新冠肺炎 恐 會 有 440萬 人 死於 肺炎 感染 根據 美國 疾病 管制 與 預防 中心 截至 5 月底 資料 顯示 罹 患 新冠肺炎 的 人 有 32 有 心血管 疾病 30 有 糖尿病 而 慢性病 患 住院 率 高出 6 倍 死亡 人數 更 高出 12 倍 讓 慢 病 病友 處於 極大 的 肺炎 感染 風險 中 呂俊毅 執行長 提醒 臺灣 慢性病 及 多重 慢性病 人口 非常 多 慢 病患者 要 先 做 好 預防 肺炎 的 準備 雖然 新冠肺炎 尚未 有 疫苗 可以 接種 但 可以 先 接種 肺炎 鏈球菌 疫苗 進行 預防 根據 研究 顯示 接種 肺炎 鏈球菌 疫苗 對 降低 併發 肺炎 鏈球菌 感染 具有 保護 作用 呂俊 毅 醫師 表示 現今 肺炎 鏈球菌 疫苗 針對 肺炎 鏈球菌 感染症 有效率 達 75 且 疫苗 接種 費用 僅 肺炎 鏈球菌 疾病 治療 費用 的 1 10 建議 慢性病 患 應 積極 預防 肺炎 的 發生 醫 界 五大 團體 特別 在 世界 肺炎 日 共同 呼籲 高 危險 族群 除了 定期 回診 做好 疾病 管理 以及 接種 流感疫苗 外 更 應 主動 與 醫師 討論 施打 肺炎 鏈球菌 疫苗 的 必要性 加強 自我 保護 力 終結 肺炎 的 威脅</t>
  </si>
  <si>
    <t>肺炎 感染疫苗 患者 病 患</t>
  </si>
  <si>
    <t>沒 接觸 確診 者 卻 染疫 24 歲 男 星 0 症狀 帶 原 身邊 人 怕 爆</t>
  </si>
  <si>
    <t>讓步 對 染疫 者 致歉 蘇貞昌 只 希望 政府 不 要 空轉</t>
  </si>
  <si>
    <t>行政院長 蘇貞昌 修正 3 11 決策 過程 專案 報告 從 原先 讚歎 臺灣 防疫 有成 軟化 為 向 死者 道歉 對此 轉變 蘇貞昌 今 赴 立院 報告 前 表示 他 的 期望 只 有 希望 政府 不 要 空轉 人民 納稅錢 不要 浪費 行政院長 蘇貞昌 上週五 赴 立院 進行 3 11 專案 報告 他 在 書面報告 指出 臺灣 能 從 每日 確診 6700 人 降為 零 確診 一 次 又 一 次 化險為夷 守 住 疫情 讓 世界 讚歎 面對 蘇揆 自我 盛讚 文中未 對 逾 800 名 染疫 死亡者 有 表示歉意 氣 得 藍委直 斥 冷 血 撕毀 報告 灑向 蘇貞昌 要求 退回 重寫 揚言 不 退回 就 會 在 總 質詢 無限期 杯 葛 面對 僵局 蘇貞昌 今 再度 赴 立 法院 針對 國籍 航空 機組員 隔離 3 11 決策 過程 進行 專案 報告 內容 已 明確 修改 為 對 疫情 而 受苦 甚至 死亡者 我 都 深感 遺憾 與 抱歉 對此 蘇貞昌 進入 議場 前 簡短 表示 我們 對於 立 法院 的 議程 安排 我們 都 尊重 我 只 有 期望 政府 不 要 空轉 人民 納稅錢 不要 浪費</t>
  </si>
  <si>
    <t>按摩師 家人 染疫 鳳 山 賭場 群 聚 案 已 累計 15 人 確診</t>
  </si>
  <si>
    <t>山姆史密斯 自 爆 染疫 隔離</t>
  </si>
  <si>
    <t>27 歲 英國 創作 才子 山姆史密斯 sam smith 19 日 才 在 女神 卡卡 lady gaga 策劃 的 防疫 慈善 演唱會 上 大 秀 歌藝 不料 隔 天 他 卻 自 爆 曾 罹 患 新冠肺炎 山姆 接受 apple music 的 zane lowe 訪問 表示 在 上月 23 日 英國 封城 的 前 2 周 他 即 出現 新冠肺炎 病徵 雖 稱 自己 沒 辦法 接受 篩檢 但 觀察 自己 症狀 後 認為 自己 百分之百 絕對 染疫 他 表示 自己 發病 後 他 的 姊妹 也 出現 了 相同 症狀 為了 顧及 其他 家人 的 安全 加上 奶奶 年事已高 他們 決定 自我 隔離 3 周 所幸 目前 身體 已經 好轉 讓 人 虛驚一場 的 還有 哈利波特 系列小說 作者 j k 羅琳 j k rowling 她 在 本月 初自 揭 曾 出現 新冠肺炎 症狀 卻 沒 檢測 而是 遵循 醫師 老公 的 秘方 來 舒緩 呼吸道 症狀 更 強調 身體 已經 完全 康復 但 這種 沒有 醫學 根據 的 消息 曝光 後 在 疫情 敏感時期 引來 外界 撻 伐</t>
  </si>
  <si>
    <t>今年 大概 是 比利時 一 間 養老院 最 悲慘 的 耶誕節 月初 一 名 感染 新冠 病毒 卻 無 症狀 的 聖誕老人 來訪 後 至今 一共 有 18 名 長者 喪命 英國 太陽 報 the sun 報導 比利時 北部 莫爾 市 mol 的 一 間 養老院 歷經 了 相當 悲慘 的 耶誕節 12 月 稍 早 養老院 邀請 一 名 聖誕 老人 和 他 的 助理 來訪 歡慶 佳節 以 提 振 養老院 老人 們 的 士氣 不料 這 名 聖誕老人 其實 是 一 名 無 症狀 的 新冠 患者 在 聖誕 老公公 來訪 後 養老 院內 的 新冠肺炎 死亡 人數 就 快速 攀升 至今已有 18 名 長者 喪命 當中 5 人 是 在 平安 夜 及 耶誕節 當天 過世 根據 比利時 當地 法蘭德斯 廣播 電視臺 vrt news 報導 聖誕老人 來訪 後 養老院 疫情 大 爆發 一共 有 121 名 住戶 36 名 員工 染疫 養老院 疫情 大 爆炸 染疫 聖誕 老公公 被 指 是 超級 傳播 者 據 信 他 來訪 前 沒有 出現 任何 不適 症狀 他 本人 也 不 知道 自己 染上 病毒 莫爾 市 當地 官員 表示 聖誕老人 來訪 時 拜訪 了 養老 院內 好幾 個 公共 空間 強調 他 全程 戴 上 口罩 和 住戶 保持 社交距離 住戶 們 也 都 有 戴 上 口罩 不過 根據 法蘭德斯 廣播 電視臺 取得 的 畫面 養老院 住戶 幾乎 都 沒有 戴 口罩 聖誕 老公公 和 住戶 也 靠 得 很 近 養老院 甚至 指出 聖誕 老人 和 他 的 助理 實際上 是 治療師 因此 平常 也 會 進到 住戶 的 房間 莫爾 市 市長 凱 耶 斯 wim caeyers 表示 目前 實驗室 仍 在 確定 養老院 疫情 真正 的 感染 來源 因此 無法 斷定 聖誕老人 是否 就 是 超級 傳播 者 不過 他 也 坦言 接下來 10 天將 會 非常 艱難 指出 原本 立意 良好 的 活動 最後 走調 是 養老院 非常 黑暗 的 一 日 不過 比利時 病毒學家 範 朗斯特 marc van ranst 懷疑 聖誕老人 能夠 一 次 感染 這麼 多 人 認為 養老院 的 空調 系統 才是 疫情 大 爆發 的 主因 就 算是 超級 傳播 者 這個 一 次 也 太 多 感染 病例 了 但 他 也 承認 讓 聖誕老人 來訪 確實 是 個 很 蠢 的 提議</t>
  </si>
  <si>
    <t>奈及利亞 台商 染疫 包機 返台 救命</t>
  </si>
  <si>
    <t>觀光局 染疫 員工 不識 高 官子 陳時中 說 兩 人 是 叔侄 是 收到 錯誤 訊息</t>
  </si>
  <si>
    <t>觀光局 陳時中 案 269 高官 之 子 染疫</t>
  </si>
  <si>
    <t>大陸 南京 新冠 疫情 上升 23 日 新增 確診 本土 病例 12 例 4 例 無 症狀 感染者 並 外 溢 至 四川 遼寧 安徽 廣東 等 4 省分 已 出現 報告 感染者 南京政府 24 日 除 新增 3 個中 風險 地區 此前 調升 疑 似 染疫 破 口 的 祿口 機場 區域 為 高風險 區</t>
  </si>
  <si>
    <t>大陸 南京 新冠 疫情 上升 23 日 新增 確診 本土 病例 12 例 4 例 無 症狀 感染者 並 外 溢 至 四川 遼寧 安徽 廣東 等 4 省分 已 出現 報告 感染者 南京政府 24 日 除 新增 3 個中 風險 地區 此前 調升 疑 似 染疫 破 口 的 祿口 機場 區域 為 高風險 區域 外 將 適時 展開 全市 第二 輪 核酸 全市 普 篩 同時 福建廈門 新增 境外移入 確診 4 例 有 3 例 來自 臺灣 南京市 24 日 疫情 防控 通報 指出 23 日 0 到 24 時 南京 新冠肺炎 確診 病例 新增 12 例 均 為 機場 工作人員 與 密切接觸 者 累計 此 輪 疫情 共有 本土 確診 病例 35 例 本土 無 症狀 感染者 18 例 南京 疫情 防控 分析 之前 累計 至 22 日 24 時 的 37 名 本土 確診 或 無 症狀 感染者 的 職業 主要 以 機場 工作人員 為 主 其中 機場 清潔 人員 29 例 地勤人員 3 例 裝卸 人員 2 例 其 餘 3 例 為 他們 的 密切接觸 者 另外 南京 疫情 已 外 溢 4 省分 繼遼寧 瀋 陽 安徽 和縣 廣東 中山 發現 有 南京 旅居 史 的 本土 新冠 感染者 後 四川 綿陽市 23 日 也 發現 1 例 往返 南京 祿口 機場 的 確診 病例 該 病例 26 歲 楊姓 女子 系 某 公司財務 人員 住 公司 宿舍 7 月 17 日 從 祿口 國際機場 乘 飛機 返回 綿陽 公司 宿舍 23 日 核酸 檢測 陽性 南京市委 常委會 暨 應對 疫情 工作領導小組 前 晚 會議 稱 截至 23 日 晚 已對 南京 21 個中 高風險 地區 實施 重點 管控 全市 第一 輪 全員 核酸 採樣 基本 完成 要 在 此基礎 上 啟動 重點 地區 重點 人員 第二 輪 核酸 檢測 優化 組織 適時 展開 第二 輪 南京市 全員 核酸 檢測 另外 廈門市 衛健 委 24 日 通報 23 日 0 至 24 時 廈門市 報告 新增 境外移入 確診 4 病例 泰國 1 例 臺灣 3 例 都 是 入境 後 集中 隔離 期間 驗 出 分別 是 在 161921 日 入境 同時 在 22 日 陽性反應 截至 23 日 24 時 廈門 境外移入 確診 314 病例 中 臺灣 占 66 例 逾 五 分之一</t>
  </si>
  <si>
    <t>核酸 人員 感染疫情 本土</t>
  </si>
  <si>
    <t>板橋 某 大樓 再 增 3 人 染疫 非 住戶 裝修 工人 也 確診</t>
  </si>
  <si>
    <t>印度 神童 阿南德 近日 又 有 新 預言 他 表示 新冠 疫情 恐 在 12 月 再 爆發 更 大 範圍 的 傳染 尤其 是 疫苗 高 接種 的 國家 疫情 可能 會 捲土重來 另外 今年冬天 到 2022 年 的 5 月 可能 會 碰到 大寒 及 大雨 並 會 在 亞洲 歐洲 等 地區 造成 影響 要 等 到 2022 年 下半年 就 能 迎接 好日子 阿南德 abhigya anand 近日 於 個人 youtube 頻道 conscience 發佈 影片 表示 受到 木星 逆行 的 關係 12 月 第二 周 開始 可能 會 看到 更 大 的 新冠 疫情 危機 病毒 傳染 範圍 恐 再 擴大 其中 以 疫苗 覆蓋率 高 的 國家 要 小心 可能 面臨 高 感染 率 他 點 名 英國 美國 新加坡 及 以色列 等 4 國家 提醒 防疫 千萬 不能 鬆懈 否則 疫情 將 捲土重來 阿南德 以 新加坡 為 例子 說明 新加坡 過去 曾因高 接種 率 成為 全球 新冠 疫苗 完整 接種 最高 的 國家 即便如此 新加坡 的 每日 確診 人數 卻 居高不下 單日 新增 近 4千 人 染疫 18 人 死亡 確診 數字 不 斷 創 新高 新加坡政府 只好 宣佈 現有 防疫 措施 再 延長 至 11 月 21 日 除此之外 阿南德 說 除 了 新冠肺炎 外 氣候變遷 的 危機 仍舊 存在 極端 氣候 將 影響 今年 的 冬天 甚至 直到 2022 年 5 月 都會 面臨 大寒 及 大雨 且 在 整個 亞洲 和 歐洲 等 多 個 地區 造成 影響 但 阿南德 也 建議 大家 要 保持 樂觀 的 心情 凡事 往 好 的 地方 想 好事 自然 就 會 來 且 2022 年 的 下半年 開始 日子 就 會 愈 過 愈 好 中 時 新聞網 提醒您 民俗 傳說 僅供參考 請勿 過度 迷信</t>
  </si>
  <si>
    <t>位於 臺北市 萬 華區 的 家樂福 桂林 店 由於 身處 高風險 熱區 日前 傳出 2 名 員工 確診 因此 在 5 月 28 日 宣佈 關店 1 周後 又 有 5 人 pcr 陽性 共計 7 名 員工 染疫 但 家樂福 桂林 店 以其 餘 員工 健康 無 虞 為由 已 在 北市 衛生局 確認 下 準備 明</t>
  </si>
  <si>
    <t>位於 臺北市 萬 華區 的 家樂福 桂林 店 由於 身處 高風險 熱區 日前 傳出 2 名 員工 確診 因此 在 5 月 28 日 宣佈 關店 1 周後 又 有 5 人 pcr 陽性 共計 7 名 員工 染疫 但 家樂福 桂林 店 以其 餘 員工 健康 無 虞 為由 已 在 北市 衛生局 確認 下 準備 明日 上午 恢復 營業 引發 內部 質疑 是否 不 安全 衛生局 專 委 歐佳齡 指出 她 雖不 清楚 個案 細節 但 一般 大 賣 場 出現 確診 案例 都會 要求 停業 12 天 進行 全面 消毒 相關 接觸 者 也 須 接受 采 檢 倘若 采 檢 狀況 無 虞 即可 複業 上班 至於 快 篩 陽性者 則 會 進行 隔離 基本上 營業 場所 若 有 做好 適當 措施 衛生局 不會 禁止 它 複業 家樂福 桂林 店 日前 於粉專 透露 將 暫停營業 等待 政府 單位 批准 才能 複業 據悉 是 因 店 內 出現 2 名 確診 個案 皆 為 雜貨 員工 正 在 隔離 中 其 餘 190 名 員工 也 隨即 前往 快 篩 雖然 有 7 位 為 快 篩 陽性 但 最後 只 有 5 位 pcr 陽性 隨即 送往 隔離 場所 目前 桂林 店 共計 有 7 人 確診 不過 有 內部 員工 擔心 有 員工 的 核酸 檢測 還 沒 出爐 但 明天 卻 要 即刻 恢復 營業 多少 會 有 點 怕 怕 的 但 家樂福 仍 說 店 內 已 全面 消毒 並經 衛生局 確認 完畢 目前 情況 沒 問題 因 此 才會 恢復 營業 強調 身體 有 狀況 的 員工 都都 不會 上班</t>
  </si>
  <si>
    <t>台中 市府 疫情 指揮中心 13 日 公佈 擔任 家教 的 30 歲 男性 確診 者 案 15386 由於 曾 到 台中 參加 豪 宅 派對 疫 調 足跡 到 過 臺北 萬華 中正區 以及 信義 區 等 多 處 地點 目前 相關 接觸 者 已 有 4 人 確診 不 排除 家教 男 為 感染 源 憂心 足跡 擴大 到 臺北 台中 與 彰 化 等 3 縣 市 台中 市府 疫情 指揮中心 表示 下午 3 時將 在 防疫 記者會 說明 這 名 確診 的 男性 家教 目前 住院 隔離 治療 中 衛生局 持續 進行 疫 調 匡列 的 接觸 者 也 居家 隔離 衛生局長 曾 梓 展 指出 這 名 家教 男 6 月 25 日 之後 即 停止 上課 搬 到 台中 市北區 與 友人 同 住 無 新冠肺炎 相關 症狀 但 7 月 5 日 曾 與 彰 化 個案 15341 接觸 過 11 日經 彰 化 衛生局 通知 為 接觸 者 並 安排 采 檢 12 日 報告 確診 目前 住院 隔離 治療 中 這 起 年輕人 跨縣 市 的 社交 傳播 鏈 累計 有 4 人 染疫 包括 家教 男 及 協助 家教男 搬家 的 男 姓 友人 還有 一 名 1 歲 創 投 男性 業者 確診 另 一 名 為 銷售 海產 的 業者 這 起 年輕人 跨縣 市 的 社交 傳播 鏈 累計 有 4 人 染疫 引發 台中 彰 化 縣 市 衛生局 全面 警戒 懷疑 感染 源頭 可能 是 這 名 家教 男 針對 疫 調 足跡 下午 3 時 記者會 進一步 說明</t>
  </si>
  <si>
    <t>新冠肺炎 疫情 似乎 在 國際 間 為 有 減緩 跡象 根據 worldometers 即時 資料 全球 確診 病例 累計 突破 4000萬 例 染疫 死亡 人數 111萬5154 人 聯合國 秘書長 古 特瑞 斯 antonio guterres 17 日 就 表示 分裂 的 世界 在 疫情 期間 未能 通</t>
  </si>
  <si>
    <t>花蓮今 零 確診 累計 68 例 確診 案例 7 成因 家庭 群 聚 染疫</t>
  </si>
  <si>
    <t>嘉玲 今天 再度 造訪 花蓮 全縣 迄今已 累計 68 例 確診 案例 衛生局 分析 累計 案例 中 近 7 成為 家戶 染疫 2 成 5 為 外地 返鄉 且 染疫 者 年齡 多 為 40 至 64 歲 間 屬 家庭 經濟 重要 支柱 因此 仍 呼籲 外地 遊子 返鄉 時 先 到 市 衛生所 前 快 篩</t>
  </si>
  <si>
    <t>嘉玲 今天 再度 造訪 花蓮 全縣 迄今已 累計 68 例 確診 案例 衛生局 分析 累計 案例 中 近 7 成為 家戶 染疫 2 成 5 為 外地 返鄉 且 染疫 者 年齡 多 為 40 至 64 歲 間 屬 家庭 經濟 重要 支柱 因此 仍 呼籲 外地 遊子 返鄉 時 先 到 市 衛生所 前 快 篩 在家 做好 自主 健康 管理 與 家人 分開 用餐 避免 間接 接觸 口沫 同時 也 要 定期 清 消 家中 環境 6 月 10 日 以來 桃園 觀音 工 班染疫 返鄉 群 聚 案 及 崇德家 族群 聚 案 確診 人數 不斷 增加 衛生局 人員 繃緊神經 趕緊 在 新城鄉 秀林鄉 開設 快 篩 站 替 有 疑慮 的 居民 篩檢 同時 也 趕緊 依 個案 疫 調 足跡 匡列 多 名 接觸 者 連續 2 天 的 零 確診 讓 花蓮人 松 了 一口氣 衛生局 分析 68 例 男女比例 各 占 一半 最小 為 3 月 半 的 男嬰 最 大 為 81 歲 長者 47 位 為 家戶 染疫 17 位 為 外地 返鄉 主要 染疫 者 年齡 座落在 40 64 歲 間 累計 案例 中 ct 值 低於 25 占 32 位 17 位 ct 值 則 是 在 26 至 30 之間 局長 朱家祥 說 由於 確診 個案 中 較 多 正值 中年 是 家庭 最 主要 的 支柱 多 因 在外 工作 染疫 後 返鄉 目前 花蓮 尚有 137 人 居家 隔離 32 位 住院 個案 其中 20 位 輕 症 4 位 中 症 及 3 位 重症 由於 住院 個案 與 居家 隔離 者 期間 可能 因 疫情 關係 產生 不安 讓 心情 受 影響 衛生局 也 提供 轉 心安 服務 當 情緒 受到 困擾 時 可撥打 1925 尋求 相關 協助 花 蓮 明天 將 開放 第二 梯次 長者 接種 疫苗 包括 83 歲 以上 非 原民 長者 78 歲 以上 原 民 長者 及 洗 腎 患者 並 提供 疫情 熱區 崇德村 65 歲 以上 原 民 長者 及 75 歲 以上 非 原民 長者 接種 縣長 徐榛蔚 今 到 各鄉鎮 市 接種 站 視察 她 相信 這 次 的 接種 站 會 比 上次 更 舒適 同時 她 也 再度 喊 出 一 聽 二 陪 三 送 呼籲 長者 施打前 可先 與 家庭醫生 討論 請 子女 陪同 到場施打 後 多 留意 自身 狀況 若 有 不適 盡 速 送醫 另外 朱家祥 補充 花蓮 目前 分到 25000 劑 az 疫苗 若 不含 住宿 型 機構 的 住 民 已 施打逾 18000 劑 接種 率 達 7 成許 由於 住宿 型 機構 的 住 民 近 5千 人 普遍 施打 率 高 若 將 其 納入 施打 率 則 高達 8 成 8</t>
  </si>
  <si>
    <t>新冠肺炎 臺灣 花蓮 染疫 返鄉</t>
  </si>
  <si>
    <t>受到 新冠肺炎 影響 各國 政府 紛紛 採取 鎖國 政策 關閉 邊境 連帶 使 旅遊業 受到 衝擊 近期 疫情 雖 少有 緩解 仍 不能 掉以輕心 為此 柬埔寨 要求 所有 外國遊客 入境 時 必須 繳納 3000 美元 約 新 台幣 9萬 元 的 新冠肺炎 押金 用以 支付 所有 檢疫 相關 費用 根據 曼谷 郵報 報導 柬埔寨政府 要求 遊客 在 抵達 機場 時 需要 以 現金 或 信用卡 支付 3000 美元 的 押金 以 支付 新冠肺炎 服務費 並且 需 投保 5萬 美元 約 台幣 149萬 元 的 旅行 保險 目前 柬埔寨 相關 單位 已將 核准 過 詳細 收費 清單 張貼 在 官方 的 推特 帳 戶 上 由 清單 清單 中 可 看到 押金 涵蓋 專案 包含 旅客 自 機場 前往 檢測 中心 需 花費 5 美元 約 台幣 150 元 新冠 病毒檢測 費 100 美元 約 台幣 3000 元 在 規定 的 入住 酒店 或者 集中 檢疫所 過夜 費用 為 每晚 30 美元 約 台幣 900 元 和 每日 30 美元 的 餐費 其他 洗衣 服務 每天 15 美元約 台幣 450 元 檢疫所 醫務人員 服務費 每天 5 美元 約 台幣 150 元 保全 每天 3 美元 約 台幣 90 元 若 同機 旅客 檢疫 結果 皆 為 陰性 則 押金 扣 減 金額 便 到此為止 然而 旅客 仍 需 在 所 下榻 的 旅館 進行 14 天 的 自我 隔離 並 在 第 13 天 進行 第二 次 檢測 而 自 柬埔寨 離境 後 的 健康 證明 則 需 另 收費 30 美元 另外 如果 遊客 不幸 染疫 這筆 押金 便 將 作為 住院費 及 治療費 使用 粗估 每日 約 需 180 美元 約 台幣 5400 元 若 遊客 不幸 病逝 柬埔寨 官方 將 用 押金 支付 葬禮 成本 約 1500 美元 約 台幣 4萬5000 元 而 以上 這些 費用 都 將 自 押金 中 扣除 柬埔寨 當局 並 表示 上述 規定 除了 入境 的 觀光客 之外 也 適用於 所有 因 外交 以及 政府 公務 往來 的 人員 更 多 ctwant 報導</t>
  </si>
  <si>
    <t>廟 壇 群 聚 不 戴 口罩 爆 染疫 員 警 取締 也 被 隔離</t>
  </si>
  <si>
    <t>台南 今天 新增 2 確診 分別 是 案 4018 為 50 多 歲 男性 案 4221 為 60 多 歲 男性 皆 為 昨天 確診 的 案 3615 接觸 者 案 4018 為 案 3615 同事 3 人 平日 群 聚 學 甲 區 仁聖 大帝 廟 壇 感染 源 是 北部 友人 目前 已 住 院中 但 還 在 等 篩檢 結果 廟 壇 另 名 同事 住 嘉義 也 確診 眾人 平常 都 不 戴 口罩 泡茶 聊天 而 染疫 其中 案 4018 曾 在 16 日 中午 12 點 到 下午 2 點去 台 南北 區 大 潤 發 另 有 名 員 警 18 日 曾 到 廟 壇 取締 未戴 口罩 也 已 匡列 台 南市 政府 今天下午 公佈 確診 2 案例 相關 足跡 衛生局長 許以霖 表示 上述 3 案 共同 接觸 者 是 北部 住 萬 華區 友人 但 北部 人士 目前 住 院中 篩檢 報告 還 沒 出來 他 說 未來 公佈 足跡 與否 為 避免 造成 不必要 恐慌 將 依 有無 防治 必要 才 會 公佈 足跡 今天 新增 2 案 足跡 單純 都已 通知 可能 接觸 者 目前 沒有 可疑 或可能 風險 因此 不再 詳細 說明 足跡 場所 避免 引發 民眾 恐慌 他 強調 大 潤 發 也 已經 完成 清 消 台 南市 政府 今天 僅 公佈 5 月 13 日 到 18 日 學 甲 仁聖 大帝 廟 壇 以及 5 月 16 日 中午 至 下午 2 時大潤 發 台南 店 若 曾 進出 但 未 接到 通知 者 可向 衛生局 聯繫 案 4018 於 5 月 22 日 確診 接觸 者 匡列 居家 隔離 19 人 經采檢 有 2 位元 陽性 分別 為 4221 和 嘉義 確診 友人 而 案 4221 為 案 4018 朋友 21 日 因 咳嗽 至 醫院 采 檢 確診 接觸 者 匡列 居家 隔離 9 人 皆 已 采 檢 檢驗 報告 未出</t>
  </si>
  <si>
    <t>群 聚 廟 壇 不 戴 口罩 染疫 員警</t>
  </si>
  <si>
    <t>新冠 病毒 篩檢 大 進步 檢 體 發光 就 知 染疫</t>
  </si>
  <si>
    <t>美 脫 口 秀 主持人 挺 過 性 醜聞 又 染疫 親密 接觸 對象 全收 通知</t>
  </si>
  <si>
    <t>新冠肺炎 疫情 趨 緩 國內 昨 新增 7 例 確定 病例 分別 為 3 例 本土 及 4 例 境外移入 本土 個案 均 來自 雙北 而 確診 個案 則 新增 2 例 死亡 近來 國際 間 突破性 感染 頻 傳 根據 統計 7 月初 以來 全台 累計 的 145 名 境外移入 個案 中 有 40 人 接種 過 疫苗 其中 突破性 感染 有 12 人 經定序 發現 有 3 人 感染 的 是 印度 變異 株 delta 昨日 新增 的 3 例 本土 病例 為 新北 市 2 例 臺北市 1 例 其中 1 例 感染 源 不明 境外移入 個案 則 新增 4 例 分別 自 菲律賓 俄羅斯 印尼 越南 入境 昨 也 新增 2 例 死亡 為 有 慢性病 的 50 多 歲 男子 及 90 多 歲 女性 截至 目前 國內 共 累計 1萬5843 例 確診 其中 821 人 死亡 國際 間 突破性 感染 頻 傳 指揮中心 昨 也 公佈 最新 統計 醫療 應變 組 副 組長 羅一鈞 說 全台 7 月 2 日 開始 推動 入境 3 采 當時 至今 累計 145 例 境外移入 個案 其中40 人 打過 疫苗 占約 28 而 40 人 當中 有 14 人 接種 1 劑 疫苗 26 人 接種 2 劑 疫苗 但 完整 接種 滿 14 天 者 有 14 人 扣除 2 名 接種 第 2 劑 前 曾 在 國外 確診 者 則 有 12 例 境外移入 個案 完整 接種 滿 14 天 仍 染疫 占 不 到 10 羅一鈞 表示 這些 個 案 的 ct 值 平均 27 其中 3 人 經定序 發現 感染 的 是 delta 羅 一 鈞 進一步 指出 突破性 感染 12 人中 有 5 人 接種 bnt 疫苗 3 人 接種 嬌 生 3 人 接種 莫德納 1 人 接種 az 至於 40 例 曾 接種 過 疫苗 者 有 19 人 接種 bnt 7 人 接種 az 6 人 接種 莫德納 4 人 接種 嬌 生 4 人 接種 科興 各種 廠 牌 都看得 到</t>
  </si>
  <si>
    <t>804 醫院 再 添 3 確診 累積 18 人 護理 師 打完 2 劑 az 仍 染疫</t>
  </si>
  <si>
    <t>國軍 桃園 總 醫院 前身 為 陸軍 804 總 醫院 再 添 3 人 確診 分別 是 9 病房 的 女 病 患 看護 和 護理 師 都是二 采 後 確診 累積 18 人 染疫 其中 女 護理 師 已 施 打完 2 劑 疫苗 雖 確診 無 明顯 症狀 市長 鄭文燦 直指 9 病房 是 熱區 已 釀 病 患</t>
  </si>
  <si>
    <t>國軍 桃園 總 醫院 前身 為 陸軍 804 總 醫院 再 添 3 人 確診 分別 是 9 病房 的 女 病 患 看護 和 護理 師 都是二 采 後 確診 累積 18 人 染疫 其中 女 護理 師 已 施 打完 2 劑 疫苗 雖 確診 無 明顯 症狀 市長 鄭文燦 直指 9 病房 是 熱區 已 釀 病 患 看護 家屬 確診 除了 醫院 病人 醫護 要 定期 采 檢 也 要 進行 病人 回溯 和 環境 采 檢 雖然 目前 疫情 仍 局限 在 加 護 病房 和 第 9 病房 但 一定 要 築 起 防火牆 細緻 完成 醫院 清零 計 畫 衛生局長 王文彥 指出 桃園 23 日 新增 7 起 本土 確診 案例 年齡 介於 30 多 歲 至 70 多 歲 之間 其中 3 例 是 國軍 桃園 總 醫院 相關 都 是 昨日 175 人 中二 次 采 檢 中 確診 該 傳播 鍊 累積 5 病人 7 看護 3 護理 師 和 3 確診 者 家屬 共 18 人 確診 王文彥 說 案 14349 是 9 病房 的 60 歲 女 病 患 已 臥床 插 鼻 管 因 同 病 室 有 4 人 確診 而 染疫 目前 隔離 治療 中 案 14350 是 同為 9 病房 但 不同 病 室 的 醫院 看護 至於 案 14351 是 804 醫院 負責 出院 準備 服務 的 護理 師 因 曾 接近 日前 確診 的 案 14010 而 染疫 王文彥 說 該 護理 師 比較 特殊 的 地方 在於 她 已 打 了 2 劑 az 疫苗 第二 劑 是 在 5 月 27 日 應該 具有 保護 力 她 目前 無 症狀 ct 值 35 病毒 量 低 並非 疫苗 無效 而是 症狀 輕微 且 病毒 量 低 王文彥 說 今 確診 的 另外 3 名 已 疫 調 出爐 的 確診 者 分別 被 兒子 弟弟 和 照顧 的 病 患 傳染 他 強調 5 月 12 日 雙 北 疫情 爆 發來 桃園 有 598 人 確診 其中 369 人 是 第二 或 第 三 波 傳染 占 62 呼籲 要 留意 家庭 或 職 場 接觸 鄭文燦 說 醫院 感 控 策略 要 落實 分 艙 分流 醫院 的 醫護 行政 和 外 包 人員 都 要 健康 管理 桃園 經歷 過 部 桃 事件 採取 擴大 采 檢 隔離 達成 醫院 清零 計 畫 雙北 陸續 都有 醫院 發生 群 聚 感染 事件 桃園 56 月 僅 有 804 醫院 群 聚 感染 目前 已 完成 首輪 全院 采 檢 但 一定 要 進行 二三四 采 鄭文燦 進一步 解釋 過去 部 桃 事件 有 不少 染疫 者 是 二三 采 才 確診 甚至 有 病人 是 在 第 四 采 才 驗 出來 病毒 無形 也 有 很多 變化 因此 要 建立 醫院 防護 網 多次 采 檢 是 必要 的 目前 804 醫院 採取 病人 3 天 采 檢 一 次 醫護 定期 采 檢 鄭文燦 也 提到 病人 追溯 計 畫 也 很 重要 一旦 有 群 聚 感染 事件 熱區 病人 一定 要 回溯 陪 病家 人 親友 也 要 回溯 避免 潛 在 感染者 環境 部分 則 依據 風險 高低 分成 紅區 黃 區 綠區 直言 環境 有 污染 情況 下 確診 個案 就 會 多 因此 環境 污染 因素 也 必須 納入 也 要 進行 環境 采 檢 鄭文燦 強調 目前 國軍 804 醫院 采 檢 狀況 確診 都 集中 在 加 護 病房 和 第 9 病房 特別 是 第 9 病房 包括 看護 病人 和 陪 病 家人 都 有人 確診 可見 得 是 熱區 要以 更 高 標準 追溯 他 直言 要 達到 醫院 清零 還有 好幾 項 工作 往後 有 可能 會 產生 新 的 個案 要 匡列 範圍 築 起 防火牆 讓 醫院 清零 計 畫 更 細緻 要 做 很 多 次 才 能夠 達成 清零 鄭文燦 說 很多 人 質疑 醫院 有 分 艙 分流 有 入院 篩檢 但 為 何還 是 會 有 感染 事件 他 認為 是 因 病毒 無形 一旦 有 院內 群 聚 感染 就是 要 細緻 地 完成 每一項 細節 除了 要 全力 協助 國軍 桃園 總 醫院 能夠 一 步 一 步地 達成 醫院 清零 每個 確診 個案 也 要 調查 足跡 跟 隔離 避免 形成 社區 或 家庭 的 感染</t>
  </si>
  <si>
    <t>夫妻 同 染疫 張上淳 揭 40 歲 男 死亡 關鍵</t>
  </si>
  <si>
    <t>染疫 官兵 曾去 過 一中 商 圈 變空 城 商家 打算 向軍方 求償</t>
  </si>
  <si>
    <t>海軍 敦睦 艦隊 為 我國 最 大宗 群 聚 感染 目前 已 有 28 人 確診 染疫 足跡 遍 佈 全台 10 縣 市 讓 指揮中心 及 國人 都 相當 憂心 軍方 除了 選擇 台中 一中 為 集合地點 外 還有 2 名 官兵 曾 到 過 一中 商 圈 這 讓 民眾 怕 到 不敢 前往 該處 當地 店家</t>
  </si>
  <si>
    <t>海軍 敦睦 艦隊 為 我國 最 大宗 群 聚 感染 目前 已 有 28 人 確診 染疫 足跡 遍 佈 全台 10 縣 市 讓 指揮中心 及 國人 都 相當 憂心 軍方 除了 選擇 台中 一中 為 集合地點 外 還有 2 名 官兵 曾 到 過 一中 商 圈 這 讓 民眾 怕 到 不敢 前往 該處 當地 店家 生意 慘跌 至 1 成 商家 不 排除 向軍方 提出 求償 先前 就 因 疫情 影響 讓 一中 商 圈 生意 直 落 3 成 現在 爆出 磐石 艦 染疫 官兵 足跡 後 根本 沒有 人潮 有 當地 商家 表示 疫情 期間 即使 是 白天 的 午餐 時段 店 內 也 至少 會 坐 滿 一半 但 現在 街道 上 空空蕩蕩 幾乎 空無一人 只 剩 零星 的 台中 一中 學生會 來 消費 這 讓 業者 搖頭 歎氣 生意 變 得 更 難 做 了 雖然 台中市政府 在 第一時間 已經 緊急 封閉 了 確診 官兵 曾 到 過 的 商場 及 超 商 並 派 人 進行 全面 消毒 但 消息 曝光 後 民眾 根本 不敢 前往 一中 商 圈 不少 商家 的 生意 受到 嚴重 衝擊 甚至 打算 提早 打烊 或 乾脆 未來 幾 天 也 暫停營業 一中 商 圈 主委 陳信志 表示 目前 當地 商家 討論 集體 向軍方 求償</t>
  </si>
  <si>
    <t>nba 複賽 日期 逐漸 逼近 昨日 卻 驚 傳 金 塊 隊 當家 球星 約基奇 無 症狀 確診 新冠肺炎 緊接著 太陽隊 也 有 2 名 球員 染疫 加上 西區 某支 戰績 前 8 的 球隊 也 有 4 位 球員 相繼 確診 短短 1 天 就 傳出 7 名 球員 染 上 新冠肺炎 也 讓 複賽 蒙上 一 層 陰影</t>
  </si>
  <si>
    <t>nba 複賽 日期 逐漸 逼近 昨日 卻 驚 傳 金 塊 隊 當家 球星 約基奇 無 症狀 確診 新冠肺炎 緊接著 太陽隊 也 有 2 名 球員 染疫 加上 西區 某支 戰績 前 8 的 球隊 也 有 4 位 球員 相繼 確診 短短 1 天 就 傳出 7 名 球員 染 上 新冠肺炎 也 讓 複賽 蒙上 一 層 陰影 espn 知名 記者 沃納洛斯基 沃神 曾 提出 警告 nba 複賽 前 將 引爆 大量 確診 病例 沒 想到 預言 成真 尤其 是 金 塊 巨星 約基奇 感染 的 影響 更 大 畢竟 金 塊 在 停賽 前 戰績 43 勝 22 敗 西區 排名 第 三 約基奇 場 均 202 分 102 籃板 69 助攻 是 金 塊 想要 在 季後 賽 走 得 更 長遠 的 指標性 人物 約基奇 本月 11 日 在 貝爾格勒 參加 恩師 退休 告別 秀 當時 約基奇 在 球場上 與 一 位 球員 聊天 彼此 有說有笑 4 天 後 那支 球隊 宣佈 中鋒 尼克拉 染病 而 約基奇 當時 就 站 在 尼克拉 旁邊 同時 職業 網球 世界 球王 喬柯 維奇 也 出席 了 這個 活動 他 不 但 與 約基奇 交談 兩 人 在場 邊還 坐在 一起 也 沒有 戴 口罩 約基奇 在 個人 ig 放 了 與 喬柯 維奇 的 合 照 直 呼 這 是 一 張 珍貴 照片 網友 在 底下 留言 兩 位 塞爾維亞 傳奇 沒想 到 兩 人 如今 都染上 新冠肺炎 病毒 可說是 難兄難弟 其實 約基奇 早 在 上周 就 被 檢驗 出 陽性反應 但 始終 沒有 出現 症狀 現在 消息 傳出 後 返美 的 時程 也 將 受到 影響 不 過 約基奇 仍 有 機會 在 一 周 內 獲准 回到 丹佛 與 球隊 會合 亞利桑納 共和 報 指出 太陽隊 有 兩 位 球員 也 染病 但 沒有 公佈 名字 球 團 隨即 關閉 了 訓練 場館 此外 西區 某支 球隊 在 過去 幾 周 內 傳出 4 名 球員 確診 新冠肺炎 只 是 先前 沒有 對外 宣佈 西區 似乎 已成 了 疫情 重災區 聯盟 昨日 針對 22 支 參加 複賽 的 球隊 進行 新冠肺炎 篩檢 如果 再 有 多 位 球員 確診 恐怕 會 引發 球員 退 賽 風潮</t>
  </si>
  <si>
    <t>新冠肺炎 疫情 嚴峻 許多 縣市政府 已 發文 要求 長 照 及 安養 機構 暫停 探訪 不過 屏 東縣 目前 仍未 禁止 而是 交由 業者 決定 因 無 強制力 業者 只 能 柔性 勸導 衍生 問題 因此 希望 縣府 能 明文禁止 縣府 表示 會 依據 中央 疫情 指揮中心 的 資料 及 建議 來 行政 屏 東縣 目前 已 有 衛福部 屏 東 醫院 屏 東 基督教 醫院 等 10 家 醫院 不 開放 探病 不過 縣府 並未 明文禁止 長 照 及 安養 機構 暫停 探視 而是 交由 業者 決定 縣府 建議 業者 除了 特殊 需求 外 多 運用 視 訊 錄音 等 讓 家屬 獲知 服務 物件 照顧 情形 也 要 向 家屬 委婉 說明 不過 因 沒有 強制力 尤其 是 私人機構 業者 迫于 家屬 壓力 仍 會 開放 家屬 探視 增加 染疫 風險 有 老人 機構 業者 表示 雖然 有 家屬 自覺 疫情 嚴重 取消 探視 但 仍 有 有 孝心 的 家屬 每天 都會 到 院 探視 老人家 因 無 縣府 下令 禁止 也 不好意思 拒絕 只能 做好 防疫 措施 迦南 身心 障礙 養護 院 秘書 杜佳樺 說 若無 公 權力 基於 人道 立場 很 難 拒絕 家屬 探訪 因此 決定 開放 下午 2 小時 家屬 除了 得 做好 防疫 措施 也 只能 在 戶 外訪 視 中間 要 隔 著 一 層 塑膠 膜 並 禁止 喂 食 或 撫摸 所有 業者 都 擔心 因 一 人 染疫 就 得 全院 隔離 的 狀況 縣府 社會 處 副 處長 徐紫雲 表示 縣府 政策 都 是 依據 中央 疫情 指揮中心 的 科學 資料 及 建議 來 行事 目前 屏 東縣 確診 案例 不 多 加上 親情 倫理 的 考量 因此 未 由 縣府 明文禁止 近日 統計 探訪 的 家屬 人數 確有 下降 未來 若 中央 宣佈 全國 禁止 縣府 一定 遵循</t>
  </si>
  <si>
    <t>官邸 志 工 染疫 府 無 文獻 顯示 貓 犬 會 傳 病毒 給 人</t>
  </si>
  <si>
    <t>總統 官邸 協助 照顧 退役 工作犬 的 志 工 確診 由於 國外 也 有 動物 染疫 前例 總統 官邸 所 養 的 犬 貓 是否 會 安排 篩檢 對此 總統府 今天 表示 府 方已跟 農委會 防 檢 局 做 過 相關 確認 目前 沒有 任何 文獻 顯示 新冠肺炎 病毒 會 由 貓 犬 傳染</t>
  </si>
  <si>
    <t>總統 官邸 協助 照顧 退役 工作犬 的 志 工 確診 由於 國外 也 有 動物 染疫 前例 總統 官邸 所 養 的 犬 貓 是否 會 安排 篩檢 對此 總統府 今天 表示 府 方已跟 農委會 防 檢 局 做 過 相關 確認 目前 沒有 任何 文獻 顯示 新冠肺炎 病毒 會 由 貓 犬 傳染給 人 官邸 內 的 4 只 退役 犬 此次 都有 被 染疫 的 志 工 照顧 到 外界 也 關注 蔡英文 總統 養 的 貓 犬 健康 和 傳染 問題 總統府 發言人 張惇涵 表示 府 方有跟 農委會 防 檢 局 確認 也 跟 醫療 團隊 做 過 完整 的 確認 他 說 府 方從 三 個 科學 層面 來 看待 這個 問題 一 目前 臺灣 並 沒有 對 動物 進行 篩檢 二 目前 這 4 只 退役 的 工作犬 都 有 定期 在 洗澡 在 昨天 也 有 在 進行 洗澡 跟 消毒 犬 舍 的 部分 也 進行 全面 消毒 所以 研 判 安全 無 虞 三 昨天 篩檢 的 人員 都呈 陰性 所以 也 沒有 安全 的 疑慮 張惇涵 表示 官邸 內 4 只 退休 工作犬 目前 是 讓 他們 住 在原本 的 犬 舍 當中 暫時 不 會 進入 總統 起居 的 寓所 也 暫停 志 工 支援 服務 所以 這 個 部分 我 想 大家 可以 一定 程度 的 來 放心 張惇涵 強調 總統 醫療 團隊 非常 專業 而且 科學 昨天 第一時間 獲知 訊息 後 醫療 團隊 馬上 啟動 緊急 應變 機制 過程 也 都 按 sop 來 進行 最 重要 的 目標 並 不是 萬 一總 統 確診 而是 一定 要 保護 總統 健康 無 虞 外界 關注 此次 事件 後 蔡 總統 近日 是否 暫停 活動 他 說 總統 跟 確診 志 工 並 沒有 接觸 官邸 範圍 之內 也 沒有 被 指揮中心 有 任何人 被 列為 匡列 物件 府 方是 為了 確認 國家元首 的 健康 安全 以 最 嚴謹 的 方式 啟動 應變 機制 進行 相關 人員 的 篩檢 他 也 再一 次 強調 無論是 總統 還 是 官邸 相關 人員 所有 的 篩檢 都 是 陰性 請 大家 放心 至於 總統 是否 會 停止 對外 活動 當 全國 提升 為 三級 警戒 的 時候 總統 希望 也 呼籲 全體 國人 非必要 不要 外出 總統 也 是 會 減少 非必要 的 接見 跟 公開 行程 相關 的 規 畫 原則 不 會 改變 至於 蔡英文 520 第二 任 就職 周年 的 心情 張惇涵 表示 總統 的 心情 是 這樣 自從 這 一 波 的 疫情 升溫 以來 每 一 天都 是 全民 團結 抗 疫 的 重要 時刻 即便 今天 是 大家 所 關心 的 520 也 不 例外 他 說 我們 還是 要 再次 強調 蔡 總統 從 上任 的 第一 任 到 現在 開始 啟動 多 項 改革 工作 從 加薪 減稅 長 照 幼 托 年金 改革 國防 改革 能源 轉型 都 在 持續 推進 當中 張惇涵 表示 在 這 一 波 國內外 疫情 都 非常 嚴峻 的 時刻 總統 還 是 只 有 希望 全體 國民 團結 一致 中央 地方 團結一心 全國 一致 標準 一致 就 像 過去 一 年 一樣 即便 這 一 次 的 挑戰 非常 嚴峻 我們 一定 能夠 戰勝 疫情 也 克服 這項 難關</t>
  </si>
  <si>
    <t>染疫 機師 密切接觸 2 空姐 7 縣 市 收 110萬 簡訊 挫 咧 等</t>
  </si>
  <si>
    <t>長 榮 航空 3 名 機師 確診 風暴 延 燒 由於 確診 足跡 遍佈 雙 北 桃園 新竹 苗栗 台中 和 高雄 7 縣 市 指揮中心 昨天 4 日 發出 110萬 則 細胞 告警 簡訊 長 榮 則 針對 近 1500 名 機師 全面 普 篩 抓 出 染疫 黑 數 且 染疫 危機 還 燒 到 後艙 的 空服</t>
  </si>
  <si>
    <t>長 榮 航空 3 名 機師 確診 風暴 延 燒 由於 確診 足跡 遍佈 雙 北 桃園 新竹 苗栗 台中 和 高雄 7 縣 市 指揮中心 昨天 4 日 發出 110萬 則 細胞 告警 簡訊 長 榮 則 針對 近 1500 名 機師 全面 普 篩 抓 出 染疫 黑 數 且 染疫 危機 還 燒 到 後艙 的 空服 員 疫 調 發現 台中 2 名 空服 員 與 染疫 機師 密切接觸 導致 空服 員 及其 同 住 家人 遭到 隔離 範圍 之 廣 可能 成為 下 波 疫情 關鍵 長 榮 目前 已 有 3 名 機師 1 名 機師 兒 確診 足跡 擴散 至 雙北 桃園 新竹 苗栗 台中 和 高雄 7 縣 市 加上 擔心 是 傳染 力 極 高 的 delta 變異 株 指揮中心 昨 緊急 發佈 110萬 則 細胞 告警 簡訊 提醒 8 月 13 日 至 9 月 2 日 期間 曾經 與 確診 者 足跡 重疊 的 人 若 出現 症狀 趕快 就醫 其中 案 16120 機師 於 8 月 26 日 飛 芝加哥 28 日 發病 返台 加強 自主 管理 期間 回苗栗 探親 違規 與 友人 聚餐 8 月30 日 飛 澳洲 布里斯本 時 還 在 健康 聲明書 上 隱匿 症狀 31 日 入境 後 私下 到 診所 就醫 不 通報 衛生 單位 直到 9 月 3 日 才 確診 已 遭到 長 榮 開除 不只 如此 現在 疫 調 發現 台中 一 名 29 歲 空服 員 與 案 16120 是 密切接觸 者 30 日 一同 飛 布里斯本 當時 案 16120 已經 有 傳染 力 導致 空服 員 及 他 的 同 住 家人 都 遭到 隔離 而 案 16119 機師 則 是 足跡 廣 到 過 桃園 新竹 高雄 21 日 出現 症狀 前 曾經 和 妻子 去 高雄 推拿 館 按摩 28 日 還 去 過 內 灣 老 街 家樂福 中原 店 29 日 去 2021 桃園 蓮 花季 等 8 月 30 日 飛 布里斯本 31 日 入境 當天 就 去 湖口 車站 和 新豐鄉 某 汽車 旅館 下午 轉戰 藏 壽 司 青埔 店 吃飯 9 月 2 日 采 檢 3 日 確診 雖然 短 班 僅 需 自我 健康 監測 但 確診 機師 的 自由 隨 興 卻 讓 全台 百萬 人 陷 在 感染 風險 中 同時 昨天 4 日 也 傳出 台中 另 一 名 空服 員 是 案 16119 密切接觸 者 於 8 月 23 日 飛 馬尼拉 時 接觸 同 住 7 名家 人 也 一起 遭到 隔離 至於 案 16119 和 案 16120兩 名 機師 是 是 何時 遭到 感染 指揮中心 醫療 應變 組 副 組長 羅一鈞 昨 指出 案 16119 和 案 16120 於 9 月 2 日 采 檢 ct 值 分別 為 3028 隔 天 再 采 ct 值 下降 為 18 及 28 病毒 量 增加 顯示 是 近期 的 感染 社區 風險 也 增加</t>
  </si>
  <si>
    <t>年輕人 染疫 防疫 鬆懈 台 大妹 新冠肺炎</t>
  </si>
  <si>
    <t>中壢 超級 傳播 者 案 13091 在 短短 2 周內 釀 近 20 人 確診 其中 包括 中壢 旅 宿王 案 14590 桃園 市 衛生局長 王文彥 坦言 他 最初 供 出 的 20 名 友人 有的 沒 電話 有的 複雜 市府 只 找到 18 人 可能 還 有 漏掉 的 但因 他 已 插管 無法 持續 疫 調 只能 加強 匡列 隔離 中壢 有 位 50 餘 歲 的 超級 傳播 者 案 13091 在 短短 2 周內 分別 造成 7 名 家人 包括 中壢 某 食品廠 3 員工 1 名 家人 同事 及 11 位 朋友 群 共 20 人 先 後 確診 王文彥 說 中壢 超級 傳播 者 確診 後 有 提到 約 20 個 朋友 但 講 沒多久 以後 他 就 插管 了 原本 提到 的 朋友 有 的 沒有 電話 有的 很 複雜 市府 花 了 很 大 的 行政 跟 員警 力量 才 找 出 18 個 目前 有 10 個 已經 確診 可能 還 是 有 漏掉 的 王文彥 直言 中壢 超級 傳播 者 插管 後 資訊 獲得 困難 像是 中壢 旅 宿王 案 14590 是從 案 14590 回 追 才 知道 兩 人 在 4 月 的 時候 有 見面 但是 可能 跟 朋友 的 朋友 之間 互相 有 來往 而 染疫 王文彥 多次 提到 這 群 友人 關係 很 複雜 指標 個案 又 因 插管 不能 再 繼續 提供 資訊 所以 目前為止 僅 能用 現有 的 疫 調 結果 加強 匡列 加強 隔離 關懷 看 能 不能 把 這個 網 能夠 網 住 至於 中壢 超級 傳播 者 未 在 第一時間 供 出 中壢 旅 宿王 是否 涉及 隱匿 王文彥 認為 如果 有 隱匿 應該 不是 有意 的 隱匿 的 強調 他 一 開始 就 提 到 20 個 友人 已經 把 很多 朋友 都 交代 清楚 有時候 人 的 記憶 可能 交往 太 多 會 忘記 是 有 可能 的 後續 會 再 判斷 厘 清 另外 30 餘 歲 的 中壢 旅 宿王 案 14590 19 日 至 24 日間 足跡 遍及 8 旅店 有 商務 旅館 汽車 旅館 還有 電競 旅館 不乏 一 天 跑遍 中壢 和 桃園 王文彥 也 提到 已 匡列其 女友 采 檢 陰性 仍 在 隔離 關 心中</t>
  </si>
  <si>
    <t>美國 疾病 管制 暨 預防 中心 cdc 17 日 發佈 報告 指出 少數 青少年 及 年輕 成人 在 施打新冠 疫苗 後 出現 心肌炎 myocarditis cdc 已經 就 此 展開 調查 目前 尚 無法 認定 心肌炎 是否 和 疫苗 有關 強調 染 新冠 的 風險 大於 施打 疫苗 的 副作用 紐約時報 new york times 22 日 報導 美國 cdc 轄下 的 疫苗 安全 技術 工作 小組 covid-19 vaccine safety technical work group 17 日 在 官網 公佈 報告 指出 至今 發現 少數 青少年 年輕 成人 在 施打 莫德納 moderna 或是 輝瑞 及 德國 biontech 研發 的 mrna 新冠 疫苗 後 出現 心肌炎 的 案例 這些 案例 發生 在 男性 的 比例 高於 女性 多數 在 施打第 2 劑 後 的 4 天內 發病 當中 多數 為 輕 症 心肌炎 是 心臟 肌肉 發炎 主要 由 感染 而 起 cdc 指出 目前 對 這些 案例 的 調查 仍 在 早期 階段 尚 無法 判定 是否 由 疫苗而 起 cdc 已經 要求 醫護人員 多 加 注意 年輕人 施打 疫苗 後 是否 出現 不 尋常 的 心臟 症狀 不過 也 強調 民眾 接種 疫苗 後 的 心肌炎 案例 和 預期 差異 不 大 紐約 貝爾維尤 醫院中心 bellevue hospital center 傳染病 專家 剛德 celine gounder 指出 民眾 接種 疫苗 後 出現 心肌炎 有 可能 只 是 巧合 因為 現在 太 多 人 打 疫苗 了 比較 像是 碰巧 發生 專家 強調 與 罹 患 新冠肺炎 相比 出現 心肌炎 罕見 副作用 的 潛在 風險 根本 是 小巫見大巫 甚至 急性 新冠 症狀 本身 就 可能 引發 心肌炎 根據 美國 小兒科 學會 american academy of pediatrics 統計 截至 13 日 全美 有 超過 390萬 兒童 染疫 逾 16萬 人 住院 約 300 人 病 歿 一般來說 每年 每 10萬 人中 會 有 20 至 30 人 出現 心肌炎 症狀 症狀 包含 疲倦 胸 痛 心律不整 心臟 驟 停 等 許多 人 症狀 輕 甚至 不 曾 被 診斷 出來美國 cdc 強調 目前 年輕人 接種 疫苗 後 通報 的 心肌炎 案例 看 起來 並 沒有 比 平常 還 要 多</t>
  </si>
  <si>
    <t>坎城影展 如火如荼 舉行 在 今年 有 4 部 片 在 影展 播映 的 新 一代 龐德 女郎 法國 女星 蕾 雅 瑟 杜 l a seydoux 卻 傳出 在 出發 參加 活動 前 新冠肺炎 病毒檢測 呈 陽性 可能 因 此 取消 去 坎城影展 的 行程 而 經紀人 也 證實 此 消息 據 綜藝 報 10 日 報導 指出 蕾 雅瑟 杜正 在 拍 新片 每天 都 接受 檢測 不過 還是 在 拍攝 期間 染疫 目前 已 在 巴黎 家中 自我 隔離 了 一個 多星期 她 的 經紀人 指出 儘管 她 已 完全 接種 疫苗 且 無 症狀 但 她 檢測 呈 陽性 在 醫生 認為 她 可以 安全 前往 坎城 並 活動 之前 將 繼續 隔離 作為 後 疫情 時代 下 的 國際 活動 防疫 作為 備受 關注 不過 也 陸續 有 群 聚 染疫 的 傳聞 坎城影展 向 綜藝 報 嚴正 否認 這 則 假消息 並 表示 影展 6 日 開幕 以來 4 天 在 上千人 篩檢 之中 平均 每天 有 3 例 確診 1 天 最 多 曾 出現 6 例 不過 沒有 發生 群 聚 感染 如果 我們 將 病例 比例與 接受 檢測 的 人數 相比 是 遠 低於 全國 平均水準 針對 開幕 片 放映 和 典禮 當天 被 拍到 許多 賓客 拿下 口罩 觀影 且 沒 遵守 社交距離 影展 方 回應 則 是 頭 一 天 大家 實在 對 久違 的 重 聚 太 熱情 了 隨後 到 了 現在 我們 有 嚴格執行 防疫 也 加派 了 更 多 人手 盯 場 對 自己 仍 在 疫情 之下 的 這 件 事 我們 是 很 有 意識 的</t>
  </si>
  <si>
    <t>南非 專家 警告 新冠 變異 株 omicron 在 南非 各地 造成 大量 5 歲 以下 幼童 住院 形容 這種 情況 前所未見 綜合 美 媒 每日 野獸 the daily beast 美國哥倫比亞廣播公司 新聞網 cbs news 報導 南非政府 首席 醫療 顧問 賈 薩特 waasila jassat 3 日 警告 當地 疫情 中心 豪登省 gauteng 每週 新增 的 確診 人數 及 住院 人數 都比 之前 都高 各 年齡層 的 住院 人數 急遽 增加 尤其 是 5 歲 以下 她 說 5 歲 以下 幼童 的 住院 人數 僅次於 60 歲 以上 的 年齡 組別 她 說 兒童 通常 不 會 受到 新冠 疫情 嚴重 影響 住院 人數 也 不 多 kids hospitalizations the highly transmissible #omicron variant is putting disproportionately large numbers of children under the age of 5 years old in hospitals a top south african government medical adviser said friday #covid 19 https t co zdyan 19 ofr pic twitter com 8 aaleynnuf 賈 薩特 也 以 南非 首都 茨 瓦尼 tshwane 大都會 地區 為 例 5 月 第 3 波 疫情 前 2 周 當地 送醫 治療 的 5 歲 以下 兒童 人數 不 到 20 人 如今 第 4 波 疫情 前 2 周 已經 有 超過 100 名 兒童 送醫 關於 為何 5 歲 以下 兒童 住院 人數 暴 增 賈 薩特 推測 可能 和 兒童 未 打 疫苗 有關 她 說 隨 著 成人 疫苗 施打 率 逐步 上升 兒童 逐漸 成為 染疫 必須 送醫 的 族群 另外 她 也 引述 茨 瓦尼 當地 醫師 的 說法 指出 醫院 裡 12 至 18 歲 的 未成年 患者 全數 未 打 疫苗 這個 族群 實際上 符合 疫苗 接種 資格 12 歲 以下 未成年 不 符合 接種 資格 這個 族群 的 患者 中 除 了 3 人 外 其 餘 患者 的 父母 皆 未 施打 疫苗賈 薩特 說 這個 現象 顯示 成人 接種 疫苗 才能 保護 家中 幼童 的 重要性</t>
  </si>
  <si>
    <t>國王 3 人 染疫 溜 馬 主控 也 中 鏢</t>
  </si>
  <si>
    <t>隨 著 全球 新冠 疫情 持續 惡化 大陸 宣稱 多次 在 進口 冷凍 食品 上 檢 出新冠 病毒 大陸 網路 與 媒體 正 開展 一 場 病毒 起源 的 言 論戰 對 進口 冷凍 食品 檢 出 病毒 以及 任何 早於 去年底 在 外國 出現 新冠 病毒 跡象 的 訊息 擴大 報導 再次 試圖 以 媒體 宣傳 戰 扭轉 國際 上 對於 病毒 起源 於 武漢 的 印象 美國之音 指出 這 場 宣傳 戰 是 由 官方 媒體 推動 關鍵 訊息 是 許多 城市 都 發現 零星 的 新冠肺炎 感染 案例 經過 詳細 調查 後 發現 許多 進口 冷凍 食品 與 其 包裝 中 檢測 出 病毒 痕跡 包括 厄瓜多爾 的 蝦 俄羅斯 的 魷魚 挪威 和 印尼 的 魚 巴西 雞翅 以及 巴西 和 紐西蘭 的 牛肉 另 有 一 例 原 被 認為 是 德國 豬腳 最後 以 號稱 是 福爾摩斯 探 案 手法 追查 到 實際 感染 源 是 北美 豬頭 德國 豬腳 與 北美 豬頭 立即 成為 網路 熱 搜 題材 受到 網 民 嘲諷 這些 冷凍 食品 染疫 的 爭議 也 被 外國 食品 出口商 質疑 其 背後 的 科學性 懷疑 可能 構成 大陸 拒絕 引進 某國 食品 的 藉 口 形成 不 公平 貿易壁壘 不過 大陸 媒體 更 感 興趣 的 並 不是 進口 哪 一 國 或 哪 一 種 冷凍 食品 而是 近期 又 有 義 大利 國家 癌症 研究所 發現 去年 9 月 的 樣本 中 發現 新冠 病毒 抗體 大部 份 陸媒 與 網路 對此 再度 廣為 傳播 並 重新 掀起 新冠 病毒 並非 起源 於 武漢 的 論戰 以 進口 冷凍 食品 染疫 來 證明 去年 的 新冠 疫情 是 由 外國 輸入 到 大陸 另 一 篇 曾於 今年 早些時候 發表 的 論文 也 有 類似 說法 研究 人員 在 2019 年 3 月 採集 西班牙 巴賽 隆 納 污水 系統 樣本 中 發現 了 新冠 病毒 的 痕跡 但 這項 研究 與 義 大利 的 研究 都 一樣 招到 西方 學術界 不少 批評 報導 說 這 是 中共 自 病毒 大 流行 爆發 以來 對 病毒 源頭 提出 的 最新 看法 在此之前 中共 官方 多次 改變 說法 曾將 病毒 來源 歸咎 於義 大利 西班牙 美國 等 大陸 外交部 發言人趙立堅 甚至 個人 推特 指責 是 美軍 把 病毒 帶 到 武漢 並 要求 美國 給 世界 一個 解釋 當時 陸媒 也 同時 展開 病毒 來 源自 美國 的 各種 論證 與 宣傳 但 此舉 隨後 遭到 美國 的 大幅 反彈 陸媒 有關 起源 的 言論 戰才 受到 制約 觀察 人士 表示 或許 是 害怕 美國 和 西方 國家 聯手 向 北京 追 責 才 逐步 降低 了 把 病毒 起源 推 給 美國 的 聲音 轉而 悄悄地 把 責任 推 給 進口 冷凍 食品 報導 認為 武漢 是 最先 發現 病毒 並 觸發 廣泛 疫情 的 重災區 被 視為 重要 的 源頭 之一 但 北京 一直 拒絕 外國 研究 組織 進入 武漢 近期 世界衛生組織 who 才 表明 已 獲 中共 保證 儘快 安排 前往 武漢 進行 新冠 病毒 調查 倫敦大學學院 university college london 的 遺傳學 家 巴盧 克斯 francois balloux 在 推特 上 說 在 沒有 對 更 廣泛 的 現 有 證據 進行 必要 的 審查 和 考慮 的 情況 下 一些 用 站不住腳 的 證據 支持 的 主張 被 廣泛 報導 他 說 即使 病毒 在 9 月份 出現 在 義 大利 也 不 一定 意味著 它 起源 於 那裡 巴盧 克斯 對 路透 說 一個 強有力 的 證據 是 到 目前為止 我們 所 知道 的 最 接近 sars-cov- 2 的 病毒 是 在 中國 的 蝙蝠 中 傳播 的 隨 著 時間 的 推移 源頭 仍 有 可能 在 東亞 最 有 可能 是 中國 然後 傳播 到 世界 的 其他 地方</t>
  </si>
  <si>
    <t>鄭文燦 因公 染疫 視同 職業 災害</t>
  </si>
  <si>
    <t>職 場 群 聚 感染 發生 勞動部 職業 安全衛生 署 和 桃園 市政府 研議 若 上班時間 因公 染疫 視同 職業 災害 桃園 市長 鄭文燦 4 日 主持 防疫 會議 說 適用 勞工 職業 災害 補償 相關 規定 包含 工資 醫療 失 能 補助 死亡 給付 等等 鄭文燦</t>
  </si>
  <si>
    <t>職 場 群 聚 感染 發生 勞動部 職業 安全衛生 署 和 桃園 市政府 研議 若 上班時間 因公 染疫 視同 職業 災害 桃園 市長 鄭文燦 4 日 主持 防疫 會議 說 適用 勞工 職業 災害 補償 相關 規定 包含 工資 醫療 失 能 補助 死亡 給付 等等 鄭文燦 表示 這 段 時間 陸續 發生 職 場 群 聚 感染 社會 也 討論 這 算不算 職 災 根據 職 安 署 市府 研議 若 因公 染疫 視同 職業 災害 可用 勞工 職業 災害 補償 相關 規定 勞工 災害 保險法 規定 等 需有 工資 醫療 失 能 補助 及 死亡 給付 等等 他 也 說 不只 市府 勞基 法人 員 民間 企業 也 適用</t>
  </si>
  <si>
    <t>新冠肺炎 臺灣 職業 災害 染疫 視同</t>
  </si>
  <si>
    <t>新冠肺炎 變異 病毒 染疫 年輕化</t>
  </si>
  <si>
    <t>女 研究 人員 染疫 醫 曝 感染 主因 喊 1 例 delta 都 擋不住 別 想開 國門</t>
  </si>
  <si>
    <t>中央研究院 南 港 p 3 實驗室 一 名 20 多 歲 的 女性 研究 人員 疑 似 在 實驗室 染疫 讓 連續 35 天 本土 0 破 功 消息 一 出 引起 人心惶惶 臺北市 市立 聯合醫院 忠孝 院區 醫師 陳昶宇 指出 因 感染 源 明確 還 不 需要 過度 恐慌 不過 他 也 說 如果 真</t>
  </si>
  <si>
    <t>中央研究院 南 港 p 3 實驗室 一 名 20 多 歲 的 女性 研究 人員 疑 似 在 實驗室 染疫 讓 連續 35 天 本土 0 破 功 消息 一 出 引起 人心惶惶 臺北市 市立 聯合醫院 忠孝 院區 醫師 陳昶宇 指出 因 感染 源 明確 還 不 需要 過度 恐慌 不過 他 也 說 如果 真的 連一 例 delta 都 擋不住 外面 世界 還 一 堆 delta 甚至 omicron 等 著 進來 那 我們 也 別 想 開放 邊境 國門 了 陳 昶 宇 指出 感染 的 女性 研究 人員 近期 沒有 出國 以 當前 社區 疫情 狀況 要 在 社區 感染 機 率 很 低 目前 看 起來 有 高度 可能性 是 在 中研院 p 3 實驗室 接觸 病原體 時 感染 另外 個案 曾 被 實驗鼠 咬 到 但 實驗鼠 帶 的 是 alpha 變異 株 所以 可能 不是 感染 原因 他 指出 這 幾 個 月 來 有 在 顧 專責 病房 就 會 知道 一 堆 肺炎 篩檢 都 是 陰性 社區 根本 不可能 會 有 來源不明 的 delta 應該 就 真的 是 實驗室 感染 無誤 了 陳 昶宇 說 感染 來源 明確 目前 只 有 一 例 做好 疫 調 匡列 隔離 就算 多少 有 擴散 出去 以 臺灣 這 幾 個 月 卯起來 打 疫苗 目前 疫苗 覆蓋率 第一 劑 達 7839 第二 劑 也 有 6285 影響 應該 還 不至於 太 大 如果 真的 連 這樣 一 例 delta 都 擋不住 外面 世界 還 一 堆 delta 甚至 omicron 等 著 進來 那 我們 也 別 想 開放 邊境 國門 了 陳昶宇 表示 目前 75 歲 以上 長者 疫苗 施打 覆蓋率 第一 劑 都 還 停 在 737 真的 太 低 有 病人 擔心 慢性 疾病 太 多 身體 太 差 不 適合 打 疫苗 但 身體 越 差 就越 該 施打 疫苗 保護 他 呼籲 病毒 無孔不入 如果 沒有 特別 不能 打的 因素 真的 還是 建議 要 打 個 疫苗 至少 就 能 降低 9 成 以上 重症 死亡 的 風險</t>
  </si>
  <si>
    <t>臺灣 已 出現 無 旅遊 史新冠肺炎 確診 案例 民眾 憂心 防疫 更加 困難 有 專家 甚至 直指 沒有 旅遊 史 完蛋 啦 它 就 跟 流感 一模一樣 而且 病毒 可能 會 躲 過 人體 免疫系統 的 攻擊 初期 很 難 被 偵 測到 對於 無 出 國史 確診 案例 外界 擔心 國內 將 出現 社區 感染 過去 曾 擔任 sars 指揮官 的 中華民國 防疫 學會 榮譽 理事長 王任賢 接受 媒體 訪問 時 表示 若 沒有 旅遊 史就跟 流感 一模一樣 很 難 從 芸芸眾生 裡 篩 出 他 建議 政府 應該 從 偵 測 轉向 防護 清 空 部分 醫院 讓 確診 病 患 集中 治療 目前 官方 認定 新冠肺炎 病毒 潛伏期 約 14 天 但 日前 已 出現 潛伏期 長達 27 天才 確診 的 案例 王任賢 認為 新冠 病毒 恐 勝過 當年 的 sars 傳染 力 更 強 可能 會 躲 過 人體 免疫系統 的 攻擊 而且 少量 病毒 初期 很 難 被 偵 測 一旦 變成 家庭 感染疫情 可能 會 一發不可收 十</t>
  </si>
  <si>
    <t>國內 新冠肺炎 本土 疫情 嚴峻 波及 各 大 醫療 院所 連醫界 龍頭 台大醫院 日前 也 都 爆發 工 務 室 15 名 員工 確診 台大 院長 吳明賢 今天 特別 發信 給 住院 醫師 內容 直言 所有 的 重大 災難 都 是 一面 照妖鏡 痛 批 藉 機 放長假 的 住院 醫師 無情 且 傲慢 讓 師長 們 痛心 吳明賢 隨後 接受 媒體 訪問 時 強調 自己 是 要 提醒 年輕 的 住院 醫師 不要 太 早 有 功利主義 台大醫院 在 上周 發生 感染 事件 有 10 名 工 務 室 員工 染疫 院方 緊急 啟動 全院 快 篩 針對 全院 近 一萬 人 普 篩 最後 又 抓 出 5 名 行政 同仁 確診 迅速 防堵 病毒 向 外 傳播 因 感 控 得宜 沒有 任何 醫護 染疫 為 臺灣 防疫 注入 一 劑 強心針 台 大 院長 吳明賢 今天 在 公開信 中 提及 所有 的 重大 災難 都 是 一面 照妖鏡 大多數 的 住院 醫師 不 忘 初衷 的 熱血 行為 讓 人 熱淚盈眶 但是 聽 聞有 少數 科別 之 住院 醫師 把 自己 當成 局外人 甚至 藉 機 放長假 這些 行為 不僅 無情 而且 傲慢 讓 師長 們 痛心 信 中 強調 我 要 重申 醫道 即 人道 想要 在 醫學 生涯 走 得 遠 必須 要 培養 團隊 及 體系 意識 學習 配合 人生 不是 線性 的 千萬 不要 以 為 一 班車 就 能 把 你 從 現在 的 位置 帶 到 你 所 期待 的 位置 缺乏 系統 思維 的 人 總是 從 此時此地 去 衡量 一 件 事情 眼前 的 價值 不 懂得 把 這 件 事情 放在 人生 系統 中 去 衡量 所以 經常 放棄 看起來 無用 的 事情 這 是 典型 的 功利主義者 吳明賢 在 發出 公開信 之後 接受 媒體 聯 訪 表示 表示 自己 動機 很 單純 是 提醒 住院 醫師 們 也 要 注意 身體 並 謝謝 他們 的 付出 但 的確 有 少數 科 別的 老師 反應 有 住院 醫師 藉 機 放長假 是 另 一個 大 問題 吳明賢 進一步 表示 此次 台大醫院 在 短短 3 天內 做 完 超過 1萬 人次 的 全院 篩檢 比 臺北市 做 一 周 還要 多 並 肩負 起 照顧 確診 病 惠 的 責任 正是 因為 不只 動員 一個 科別 就 做到 全 賴 各科 別 主治醫師 住院 醫師 以及 行政 人員 挑燈夜戰 同舟共濟 完成 了 不可能 的 的 任務 讓 台大醫院 暫時 脫離 困境 他 也 要 致 上 十二萬分 的 謝意</t>
  </si>
  <si>
    <t>嘉義 東石 超 商店 員 染疫 逾 1500 人次 顧客 收 通知 緊張 了</t>
  </si>
  <si>
    <t>彰 化 縣 5 月 14 日 爆發 新冠肺炎 家庭 群 聚 感染 案例 水 果盤 商 家族 有 12 名 親人 相繼 確診 一家人 順利 康復 出院 擔任 社區 理事長 的 長子 與 母親 接受 本報 專訪 述說 住院治療 期間 被 當成 戰犯 圍剿 的 複雜 煎熬 盼 政府 媒體 和 社會 別 再 獵 巫 一起 做好 防疫 該 做 的 事 多些 體諒 與 包容 讓 康復者 出院 後 有勇氣 面對 未來 長路 變異 病毒 找到 國門 邊境 破 口 長驅直入 新冠 疫情 5 月 起 如 海嘯 席捲 全台 水 果盤 商家庭 一 夕 間 成為 繼 新北 獅子 會長 後 最 受 全國 矚目 的 焦點 透過 喜宴 歌唱 班員 直 間接 傳播 整個 傳播 鏈 共計 112 人 染疫 占 全縣 確診 人數 逾 5 成 溪湖 鎮 成為 萬華 第二 的 重災區 理事長 表示 沒有 人 自願 染疫 還 導致 全家人 感染 他們 也 是 受害者 住院 期間 母親 身心 煎熬 天天 以淚洗面 媒體 大肆 渲染 貼 標籤 母親 彷 佛 成 了 超級 帶 原者 全家 被 譏諷 為 葡萄 王 有 不 理性 民眾 肉 搜 後 打電話 咒駡 甚至 專程 帶 幾 大袋 垃圾 砸 向 他家 幸好 鄰居 及時發現 制止 他 強調 家人 沒 出國 父母 只 是 去 趟 萬 華將 葡萄 交給 訂貨 的 客戶 母親 初期 沒 症狀 才會 去 吃 喜酒 等 看到 新聞報導 去 診所 醫生 開 了 感冒藥 要 她 回家多 休息 接 著 大 姊 也 出現 症狀 察覺 不對 2 人 主動 前往 彰 基 自費 篩檢 才 知 確診 住院 期間 家人 每天 通話 母親 得知 他 與 論及 婚嫁 的 女友 弟弟 姊夫 外甥 連 親家母 親家 嬤 都 住院 幾乎 寢食難安 看 著 母親 心碎 令 他 好 心疼 母子倆 常 在 電話 中 無語 哽咽 仍 在 防疫 旅館 隔離 的 他 指出 父母 為了 討 生活 30 幾 年 來 靠 賣 葡萄 養 大 3 姊 弟 照顧 許多 葡萄 農 收益 出院 後 千頭萬緒 生活 如何 重新 開始 全家人 恐 將 失業 好 一陣子 姊夫 的 阿嬤 近日 病逝 親友 見 不 到 最後 一面 更 讓 母親 無 顏面 對 親家 雖 慶倖 家人 在 醫護 悉心 照顧 下 都能 康復 也 肯定 彰 化 縣 衛生局 快速 圍堵 阻絕 疫情 策略 成功 但 想到 其他 案例 個 資 都 隱匿 只有 他們 家 身分 被 揭露 在 媒體 上 不斷 報導 心情 還是 氣憤 難以 釋懷 母親 則 說 不會 怪 任何人 對 他們 指責 不 諒解 疫情 來 的 實在 突然 所有人 生活 失去 重心 措手不及 尤其 害 到 女兒 婆家 歌唱 班 學員 非常 自責 難過 不知 如何 面對 他人 眼光 和 這些 受 影響 的 家庭 除了 透過 媒體 記者 向 大家 表達 最深 的 歉意 也 盼望 這 場 疫情 能 早日 結束 全民 恢復正常 的 生活 希望 確診 者 都能 早日 恢復 身體健康</t>
  </si>
  <si>
    <t>離 東京 奧運 開幕 只 剩 最後 一 天 的 時間 了 世界 各國 好手 都 陸續 抵達 日本 東京 備戰 中華隊 好手 有的 也 開始 展開 賽前 訓練 目前 都 平安無事 相信 接下來 他們 會 全力 將 目標 放在 奪 牌 上面 不過 有 幾 位 選手 可 沒 那麼 好 過 了 繼 昨天 傳出 智利 跆拳道 選手 染疫 退 賽後 今天 又 傳出 壞 消息 據 俄羅斯 游泳 協會 稍 早 表示 俄羅斯 18 歲 游泳 好手 鮑羅廷 ilya borodin 染上 了 新冠肺炎 目前 確定 退出 本屆 東京 奧運 游泳 比賽 相當 令人震驚 而 據悉 他 是 在 抵達 東京 前 就 已經 確定 染疫 俄羅斯 游泳 協會 發聲 明說 他 是 歐洲 冠軍 也 是 奧運 代表團 領袖 之一 他 在 新冠肺炎 檢測 呈 陽性 意味 他 不 會 參加 奧運 world jr record holder ilya borodin will miss olympics after covid-19 positive https t co aog 9 fgrkic 而 奧運 還 沒開 打 疫情 似乎 就 開始 蔓延 除了 智利 跆拳道 好手 和 鮑羅廷 之外 另外 還 傳出 英國 射擊 選手 希爾 amber hill 捷克 桌 球 選手 席魯 切克 pavel sirucek 荷蘭 滑板 選手 賈可 布斯 candy jacobs 染疫 退 賽 目前 一共 有 5 人 因為 新冠肺炎 無奈 退出 東京 奧運 這 對 世界 各國 及 日本 主辦國 都 是 一大 打擊 18 歲 游泳 小將 鮑羅廷 是 2020 年 男子 400 公尺 個人 混合 歐洲 冠軍 並 在 2019 年 歐洲 青年 夏季 奧林匹克 節 200400 公尺 個人 混合 獲得 金牌 才 小小年紀 就 有 超齡 的 成績 另外 捷克 桌 球 好手 席 魯 切克 目前 世界排名 52 因 2020 年 東京 奧運 2020 東京 奧運會 運動 專案 特殊 規則 在 桌 球 比賽 中 被 標記 為 did not start 簡稱 dns 即 放棄 參加 比賽</t>
  </si>
  <si>
    <t>測試 大廠 京元 電子 2449 染疫 事件 越 演 越 烈 中央 疫情 指揮中心 cdc 今日 有 宣佈 設立 京元電 指揮所 京元電 也 公告 將 自 今晚 7 點 20 分起 停工 2 天 進行 徹底 消毒 作業 京元電 為 聯發 科 2454 重要 封 測 夥伴 對此 聯發 科 最新 表示</t>
  </si>
  <si>
    <t>測試 大廠 京元 電子 2449 染疫 事件 越 演 越 烈 中央 疫情 指揮中心 cdc 今日 有 宣佈 設立 京元電 指揮所 京元電 也 公告 將 自 今晚 7 點 20 分起 停工 2 天 進行 徹底 消毒 作業 京元電 為 聯發 科 2454 重要 封 測 夥伴 對此 聯發 科 最新 表示 目前 與 京元電 緊密 溝通 合作 中 預期 京元電 目前 的 停工 計 畫 對 六月 營 收 將 有 部分 短暫 影響 但 對於 第二 季 以及 全年 營運 的 成長 目標 依舊 維持 不 變 聯發 科 表示 與 京元電 緊密 溝通 合作 中 期望 將 因應 疫情 停工 之 影響 降 至 最低 聯發 科 預期 京元電 目前 的 停工 計 畫 對 六月 營 收 將 有 部分 短暫 影響 但 不 影響 第二 季營 收成 長 10 18 及 毛利率 的 目標 此外 因 終端 市場需求 仍然 健康 聯發 科 全年 營 收成 長 超過 40 與 毛利率 44 46 的 目標 維持 不 變 聯發 科 先前 法 說 會 即 預期 第二 季 合併 營 收 將 可望 季成長 10 18 1188 1275億 元 也就是說 聯發 科 第二 季營 收 將 可望 續 創新 高 水準 同時 聯發 科 將 上調 全年 合併 營 收 目標 達到 年成 長 四 成 以上 並 上 修 全年 平均 毛利率 區間 至 44 46 聯發 科 最後 也 強調 期待 在 疫情 之下 大家 互聯 互助 砥礪 前行 同舟共濟 互相 扶持 讓 臺灣 早日 恢復正常 生活 京元 電 苗栗 竹南 廠 爆發 群 聚 感染 截至 3 日 已 有 67 人 確診 為 避免 感染 擴大 京元電 公告 將 自 今晚 7 點 20 分起 停工 2 天 針對 新竹 總部 及 苗栗 竹南 銅鑼 廠 區 進行 徹底 清潔 消毒 預期 影響 月 產 能 4 6</t>
  </si>
  <si>
    <t>王力宏 近年 重心 轉 往 大陸 去年底 12 月 2930 日 正好 在 武漢 開 唱 在 1 月 10 日 更 一度 發燒 到 39 度 王力宏 一度 懷疑 自己 染疫 趕緊 就醫 幸好 當下 排除 未 中標 為 求 謹慎 回台 後 進行 自主 居家 隔離 14 天 如今 過 了 2 個 月 他 日前 po 出 影</t>
  </si>
  <si>
    <t>王力宏 近年 重心 轉 往 大陸 去年底 12 月 2930 日 正好 在 武漢 開 唱 在 1 月 10 日 更 一度 發燒 到 39 度 王力宏 一度 懷疑 自己 染疫 趕緊 就醫 幸好 當下 排除 未 中標 為 求 謹慎 回台 後 進行 自主 居家 隔離 14 天 如今 過 了 2 個 月 他 日前 po 出 影片 和 粉絲 報平安 20 日 也 po 洗手 照 用 中英文 寫道 謝謝 大家 這 幾 天 的 關心 很 慶倖 我 和 家人 都 健康 又 接 著 說 不管怎樣 現在 最 重要 的 是 大家 繼續 警惕 一起 團結 打 持久戰 繼續 手 牽 手 堅信 愛 會 贏 等 疫情 過 了 一定 會 出現 最 美麗 的 彩虹 日前 因 身體狀況 王力宏 告假 天 賜 的 聲音 錄 影 在家 期間 仍然 透過 通訊 軟 體 開 視 訊 會議 依舊 相當 忙碌 而 他 也 多 了 時間 陪伴 家人 與 3 個 小孩 玩 switch 享 天倫之樂 還 兼 運動 飆 汗 王力宏 希望 大家 一起 攜手 走過 這 段 疫情 照顧 好 自己 也 就 是 保護 別人 也 叮嚀 大家 防疫 之 餘 不要 忘 了 社交 換 個 方式和 親友 多多 聯繫 心 在 哪裡 人 就 在 哪裡 喔 王力宏 近期 推出 新 單 曲 forever your dad 登上 亞洲 新 歌 榜 港澳臺 榜 的 總分 排名 和 社會 影響力 排名 雙料冠軍 好 消息 讓 他 相當 感動 而 王力宏 日前 得知 高中 昔日 同窗好友 dave 得了 漸 凍 症 隨 著 時間 消逝 包括 感官 行動 力 等 身體 功能 逐漸 下降 王力宏 決定 寫下 此曲 並 將 這 首 英文 單 曲 的 所有 收益 透過 漸 凍 人 協會 als 捐 給 同窗好友 作為 醫療 費用 以及 漸 凍 症 研究 基金 從小 在 紐約 長大 的 王力宏 認為 高中同學 dave 很 優秀 好 人緣 加上 有 才能 立刻 選為 班長 投緣 的 兩 人 至今 仍 是 好友 先前 在 得知 好友 罹 病 時 晴天霹靂 消息 讓 王力宏 很 難過 而 好友 dave 和 妻子 育 有 3 女 讓 同為 人 父 的 王力宏 完全 感同身受 他 在 臉書 寫道 爸爸 對 女兒 的 愛 是 獨一無二 的 透過 這 首 英文歌 獻給 dave 一家人 近期 因 疫情 影響 美國 許多 學校 停課 dave 樂觀 說 因禍得福 多 出 和 女兒 相處 時間 他 也 格外 珍惜 把握 每 分 每 秒 王力宏 forever your dad mv 已 在 王力巨集 youtube 官方 頻道 播出</t>
  </si>
  <si>
    <t>16 00 更新 繼 突破 千 人 大關 後 韓國今 26 日 下午 再 新增 115 新冠肺炎 確診 病例 加上 上午 宣佈 的 169 新 病例 韓國 單日 新增 病例 達 284 人 累計 境內 共 1261 人 染疫 10 00 更新 韓國 確診 數 突破 千 人 大關 今 26 日 再</t>
  </si>
  <si>
    <t>16 00 更新 繼 突破 千 人 大關 後 韓國今 26 日 下午 再 新增 115 新冠肺炎 確診 病例 加上 上午 宣佈 的 169 新 病例 韓國 單日 新增 病例 達 284 人 累計 境內 共 1261 人 染疫 urgent s korea reports 115 more cases of new coronavirus total now at 1261 https t co goq 9 suw 5 jn 10 00 更新 韓國 確診 數 突破 千 人 大關 今 26 日 再 新增 169 確診 累計 境內 共 1146 人 染疫 此外 韓國 今日 也 新增 1 例 新冠肺炎 死亡 案例 至今已有 12 人 死亡 韓聯社 報導 韓國 今日 再 新增 169 例 新冠肺炎 確診 病例 累計 境內 已 1146 人 染疫 新增 病例 中 153 例 來自 於大邱 及 慶尚 北 道 目前 約 8 成 確診 病例 都 發生 于大 邱 新 天地 教會 及 慶尚 北 道 清道 郡 大南 醫院 的 群 聚 感染 光是 大 邱 確診 病例 數 就 高達 800 人 此外 韓國 今日 也 增加 1 例 死亡 案例 韓聯社 報導 死者 是 一 名 73 歲 大 邱 新 天地 教會 教徒 他 於 26 日 確診 後 住院 本身 即 患 有 高血壓 糖尿病 等 慢性病 至今 韓國 境內 累計 12 例 死亡 病例 韓國 中央 災難 安全 對策 本部 下 稱 對策 本部 表示 境內 幾乎 各 大城 主要 行政區 均 已 出現 確診 案例 首都 首 爾 今日 再 新增 4 起 病例 第二 大城 釜山 新增 8 起 病例 京 畿 道 增加 1 例 韓國 國務總理 丁 世 均 今天 表示 政府 誓言 動員 所有 資源 防止 大 邱 及 慶尚 北 道 的 疫情 擴散 他 說 政府 將 會 動用 所有 資源 和 措施 以 避免 失去 防治 疫情 的 黃金時間 他 也 提到 本 周 是 對 抗 病毒 的 關鍵 時間 丁世均 昨日 抵達 大 邱 市 這 是 他 首度 主持 政府 防災 會議 他 預計 持續 留在 大 邱 監督 疫情 韓國 昨 25 日 單日 共 新增 144 例 新增 病例 截至 昨晚 共 977 人 確診 11 人 死亡 昨日 更 首度 新增 1 名 外國 人士 死亡 死者 是 一 名 36 歲 蒙古人 韓國 衛生 當局 23 日 將 病毒 警示 層級 提升 至 紅色 的 最 高等級 專注 防治 大 邱及 慶尚 北 道 的 疫情 擴散 對策 本部 昨日 表示 將 對 新 天地 教會 超過 21萬 名 教徒 進行 檢疫 專家 預期 未來 幾 天 韓國新冠肺炎 確診 數 將 持續 飆 升</t>
  </si>
  <si>
    <t>北 捷 龍山寺 站 1 人 確診 3 人 快 篩 陽性 保全 及 清潔員 染疫 均 為 接觸 旅客 人員</t>
  </si>
  <si>
    <t>美國有線電視新聞網 cnn 與 衛報 30 日 報導 美國 莫德納 生物技術 公司 公佈 最新 一 波 新冠肺炎 疫苗 第 3 階段 臨床 測試 結果 資料 顯示 其 防疫 效果 高 達 941 且 能 完全避免 染疫 者 惡化 為 重症 莫德納 表示 正向 美國 與 歐洲 的 監管</t>
  </si>
  <si>
    <t>美國有線電視新聞網 cnn 與 衛報 30 日 報導 美國 莫德納 生物技術 公司 公佈 最新 一 波 新冠肺炎 疫苗 第 3 階段 臨床 測試 結果 資料 顯示 其 防疫 效果 高 達 941 且 能 完全避免 染疫 者 惡化 為 重症 莫德納 表示 正向 美國 與 歐洲 的 監管 機構 申請 批准 據 cnn 報導 第 3 階段 實驗 共 3萬 人 參與 其中 15萬 施打 疫苗 令 15萬 人 則 接種 安慰 劑 接受 疫苗 的 實驗組 僅 11 人 染疫 施打 安慰 劑 的 則 有 185 人 感染疫苗 有效性 約 941 甚至 實驗組 的 11 人 並 沒有 轉為 重症 而 對照組 的 185 人中 有 30 人 轉為 重症 1 人 死亡 對 老人 與 少數 族群 而言 莫德納 的 疫苗 也 有 同樣 功效 衛報 指出 莫德納 目前 已將 相關 研究 資料 遞交 美國 歐洲 與 英國 的 監管 機構 以 獲得 疫苗 緊急 授權 其 希望 美國 食品 暨 藥物 管理局 fda 能 在 12 月 17 日 的 會議 上 進行 審查 除 輝瑞 已於 20 日 提交 申請 外 莫德納 為 第 2 家 向 fda 申請 疫苗 緊急 授權 的 國家 事實上 英國 已 購買 700萬 劑 的 莫德納 疫苗 隨 著 莫德納 公佈 中期 結果 為 945 的 有效性 又 再 購 買 500萬 劑 而 上周 又 採購 200萬 劑 但是 要到 2021 年 3 月 才能 向 英國 供應 疫苗 目前 莫德納 已 獲得 美 聯邦 政府 248億 美元 的 約 新 台幣 7211 8億 元 資金 援助</t>
  </si>
  <si>
    <t>長 榮 機師 父子 染疫 中央 發送 百萬 封 警示 簡訊 外界 質疑 如此 做法 是 打 臉 實 聯 制 根本 沒用 也 讓 地方 收 爛攤子 埋 單 篩檢 費用 臺北市 長 柯文哲 6 日 表示 唯一 辦法 是 實 聯 制 要 確實 他 還 透露 到 年底 pcr 篩檢 費用 搞不好 要 上 百億</t>
  </si>
  <si>
    <t>長 榮 機師 父子 染疫 中央 發送 百萬 封 警示 簡訊 外界 質疑 如此 做法 是 打 臉 實 聯 制 根本 沒用 也 讓 地方 收 爛攤子 埋 單 篩檢 費用 臺北市 長 柯文哲 6 日 表示 唯一 辦法 是 實 聯 制 要 確實 他 還 透露 到 年底 pcr 篩檢 費用 搞不好 要 上 百億 也許 終究 要用 美國 英國 和 新加坡 的 戰略 每個 人 打 滿 2 劑 就 不 管 制 了 這 比較 實際 如果 每天 驚弓之鳥 過 生活 恐怕 撐 不了 幾 年 柯文哲 今 午 主持 防疫 記者會 指出 現在 細胞 簡訊 是 用 靠近 就 發送 以北 市 一 條 街 店鋪 有 好幾 家 為 例 民眾 不見得 有 進到 店裡 所以 老百姓 要 反省 一 遍 如果 不 要 讓 中央 一 次 發 百萬 封 簡訊 實 聯 制 要 更 落實 進入 店家 就要 掃描 實 名 制 若 大家 都 不是 很 確實 時 只好 這樣 他 表示 有些 比較 麻煩 的 是 大 賣 場 在 入口 掃 qrcode 但 一 天 進去 幾 千 人 甚至 可能 有 上萬 人 到底 這個 效果 如何 不 知道 發出 110萬 封 簡訊 讓 篩檢 站 爆滿 造成 人人 不安 這 條 沒有 標準答案 大家 若 不 想 再 出現 有 發送 百萬 封 簡訊 情況 唯一 方法 就是 實 聯 制 要 確實 切割 的 很 清楚 大 賣 場 在 入口處 只用 一個 qrcode 管理 裡面 不 太 管制 這 恐怕 要 再 想 一下 辦法 柯文哲 還 提到 pcr 篩檢 每次 是 3000 元 1萬 人 就 3000萬 元 每天 做 幾 千 個 他 相信 健 保 署 還 沒 想到 年底 怎麼 結算 幾 十億 元 搞不好 有 上 百億 元 他 說 也許 終究 要用 美國 英國 和 新加坡 的 戰略 每個 人 打 滿 2 劑 就 不 管 制 了 這 比較 切合實際 如果 每天 驚弓之鳥 過 生活 這 撐 不了 幾 年</t>
  </si>
  <si>
    <t>亞東 院內 感染 擴大 再 爆 3 人 染疫 陪 病 家屬 確診</t>
  </si>
  <si>
    <t>亞東 醫院 爆 院內 感染 17 日 1 名 86 歲 確診 者 病逝 18 日 下午 新增 2 名 護理 師 19 日 上午 再 發現 1 名 病人 1 名 病人 家屬 1 名 看護 二 次 采 檢 時 呈 陽性反應 目前 累計 14 人 確診 院方 表示 已於 今日 上午 陸續 對 匡列者 進行 第 3 次 采 檢 亞東 醫院 17 日 爆 院內 感染 9 人 確診 新冠肺炎 其中 1 名 8 旬 翁 不幸 病逝 昨日 下午 又 傳 出 2 名 護理 師 呈現 陽性反應 稍 早 院方 也 證實 今 再 增 3 名 染疫 者 分別 為 病 患 病 患 家屬 及 看護 目前 累計 14 人 染疫 對此 亞東 醫院 表示 目前 匡列 醫護人員 107 人 病人 及 家屬 225 人 總計 332 人 今日 上午 已 針對 匡列 對象 進行 第 3 次 采 檢 亞東 醫院 新 增 3 例 確診 外界 擔心 出現 院內 感染疫情 指揮中心 回應 相關 狀況 會 再 去 了 解 但 據 瞭解 中午 以前 得到 的 資訊 是 昨天 沒有 新增 醫院 今天 會 進行 第 3 輪 采檢 因此 有 新增 的 案例 應該 是 居家 隔離 中 已 被 匡列 的 物件 不 會 對 醫院 產生 影響</t>
  </si>
  <si>
    <t>染疫 住院 77 天 金 芭 黎 台商 傳出 好 消息</t>
  </si>
  <si>
    <t>金門縣 衛生局 今天 宣佈 已 完整 接種 新冠肺炎 疫苗 滿 5 個 月 的 民眾 可 前往 衛生 福利 部 金門 醫院 接種 第 3 劑 追加 劑 莫德納 提醒 符合 的 鄉親 儘快 接種 以 提升 自我 保護 力 避免 感染 後 重症 之 發生 衛生局 說明 各廠 牌 新冠肺炎 疫苗 接種 後 之 免疫 保護 力會 隨時 間 而 逐漸 下降 加上 新冠肺炎 病毒 變異 株 具 免疫 逃脫 之 特性 即使 完整 接種 2 劑 疫苗 仍 可能 因 免疫 保護 力 不足 導致 染疫 建議 符合 接種 間隔 之 民眾 可 接種 追加 劑 特別 是 醫護人員 防疫 工作人員 第一線 高 感染 風險 工作人員 65 歲 以上 長者 長 照 機構 住 民 與 工作者 及 容易 感染 與 疾病 嚴重 風險 者 該局 指出 目前 金門 提供 接種 第 3 劑 莫德納 疫苗 追加 劑 的 指定 院所 為 衛生 福利 部 金門 醫院 12 月份 門診 時間 為 17 及 24 日 上午 呼籲 符合 資格 之 民眾 可 逕行 上網 預約 掛號 接種 衛生局 也 提醒 符合 資格 民眾 前往 接種 時 應備 妥 疫苗 接種 紀錄 卡 及 健 保 卡 並於 接種 前 說明 過往 疫苗 接種 史 以利 醫生 評估 未來 縣府 將 視 接種 人數 服務 量 能 滾 動式 檢討 增加 第 3 劑 接種 服務 院所 衛生局 另 提醒 10 月 1 日 起 也 開始 接種 流感疫苗 接種 流感疫苗 應 與 新冠肺炎 疫苗 間隔 至少 7 天 同時 疫情 期間 應 落實 勤洗手 戴 口罩 室內外 應 保持 社交距離 減少 不必要 的 活動 和 集會 配合 各項 防疫 措施 共同 守護 金門</t>
  </si>
  <si>
    <t>本土 新冠 疫情 嚴峻 不少 民眾 外出 返家 後 除了 勤於 消毒 清潔 之外 採買 的 民生 物品 也 會用 酒精 擦拭 降低 染疫 風險 不過 日前 就 有 民眾 透露 將 買回來 的 袋裝 義 大利 拿 去 水洗 也 噴 了 酒精 沒 想到 事後 發現 包裝袋 內 的 面 體 竟然 發</t>
  </si>
  <si>
    <t>本土 新冠 疫情 嚴峻 不少 民眾 外出 返家 後 除了 勤於 消毒 清潔 之外 採買 的 民生 物品 也 會用 酒精 擦拭 降低 染疫 風險 不過 日前 就 有 民眾 透露 將 買回來 的 袋裝 義 大利 拿 去 水洗 也 噴 了 酒精 沒 想到 事後 發現 包裝袋 內 的 面 體 竟然 發 黑 讓 她 相當 錯愕 對此 廠商 出面 解釋 因為 包裝 上 的 一個 特殊 設計 才 會 出現 發黴 情況 原 po 在 臉書 社團 我 愛 全 聯 好 物 老實 說 po 文 勸 世 給 那些 疫情 期間 有 強迫症 什麼 都想洗 一 洗 的 朋友 義 大利 面 不要 洗 呀 不然 會 和 我 一樣 沒有 午餐 吃 畫面 中 可見 打開 義 大利 面 包裝袋 後 麵條 竟 出現 發 黑 發黴 的 情況 讓 她 既 無奈 又 錯愕 貼 文一 出 原 po 就 接 獲 廠商 聯繫 對方 解釋 因為 義 大利 面 需要 通氣 才 不 會 因為 空氣 擠壓 而 破 包 所以 包裝 上面 都 有 細微 的 小洞 這 是 正常 的 而且 世界 上 所有 的 廠 牌 都 一樣 另外 廠商 也 大器 表示 如果 你 不介意 我們 可以 寄 一 包 新 的 過去 給 你 但是 不 適合 用 水洗 收到 廠商 的 暖 心 回 覆 後 原 po 也 藉 著 自己 的 經驗 再次 呼籲 大家 義 大利 面 的 包裝 上面 會 有 小 孔 不 適合 把 它 拿 去 洗 變成 這樣 是 人為因素 和 廠商 沒有 關係 不少 網友 紛紛 留言 直 呼 長 知識 了 沒有 想 過 包裝袋 有 洞 啊 謝謝 提醒 最近 什麼 都想洗 感謝 你 的 犧牲 下次 我會 注意 的 不經一事 不長一智</t>
  </si>
  <si>
    <t>2020 年 才過 3 個 月 就 已 陸續 有 多 位 名人 過世 還 爆發 嚴重 的 流行性 疫病 至 今 更 造成 上萬 人 死亡 但 星座 專家 唐綺陽 日前 透露 預測 顛覆 現狀 的 星象 今年 將 有 3 波 目前 只 是 第 1 波 後面 接續 還有 2 波 大家 要 做好 心理準備 唐 綺 陽 在 3 30 4 05 星座 運 勢 週報 指出 3 到 5 月 在於 一個 創造 歷史 的 時間 點 當中 預測 有 緊急 意外 激烈 的 事件 發生 更 有 民情 輿論 或 與 網路 科技 相關 的 重大 影響 由於 土星 甫 進 水 瓶 爆出 各種 體現 社 群 之 惡 的 事件 像是 更 多 人 因 群 聚 而 感染疫病 韓國 n 號房 性 剝削 的 可怕 事件 無論 疾病 嚴重 程度 亦 或 對 生活 經濟 都 帶來 相當 巨大 的 影響 唐 綺 陽 也 表示 31 日 火星 正式 進入 水 瓶 引發 各國 更 積極 於社群 之 戰 或是 惡質 社 群 災難 降臨 衝突 兇殺 暴 走 激動 在所難免 另外 魔羯 星 群 的 木星 冥王星 將 於 1 周後 相 合是 關於 大錢 政府 的 星象 她 預測 接下來 會 有 國際性 影響 經濟 等 攸 關 企業 生死 的 事件 發生 恐怕 還 有 更 多 重要 人物 因 染病 而 死 最後 唐綺陽 點出 2020 年 共 會 有 3 波 衝擊 第 1 波 將 在 3 至 4 月初 發生 第 2 波 則 落 在 6 月 第 3 波 則 是 9 和 10 月 這些 事件 的 影響力 驚人 她 叮嚀 大家 要 系 好 安全帶 可能 會 令 人 感到 不 舒適 不 適應 但 卻 無法 避免 更 多 ctwant 報導</t>
  </si>
  <si>
    <t>新冠肺炎 疫情 蔓延 好萊塢 繼 湯姆 漢克斯 凱文哈特 巨石 強 森 確診 後 4 日 再 傳出 因 演出 電影 暮 光 之城 系列 走紅 的 34 歲 英國 男 演員 羅伯派丁森 也 染疫 據 外 媒 報導 他 目前 正在 趕 拍 的 新版 蝙蝠 俠 已 二 度 停 拍 片商 華納</t>
  </si>
  <si>
    <t>新冠肺炎 疫情 蔓延 好萊塢 繼 湯姆 漢克斯 凱文哈特 巨石 強 森 確診 後 4 日 再 傳出 因 演出 電影 暮 光 之城 系列 走紅 的 34 歲 英國 男 演員 羅伯派丁森 也 染疫 據 外 媒 報導 他 目前 正在 趕 拍 的 新版 蝙蝠 俠 已 二 度 停 拍 片商 華納兄弟公司 的 發言人 表示 蝙蝠 俠 製作 團隊 中 有 1 名 成員 的 新冠肺炎 檢測 結果 為 陽性 目前 已 遵照 既定 程式 進行 隔離 電影 拍攝 暫時 停止 片商 雖 保護 當事人 未 透露 確診 者 的 身分 但 已 有 外 媒 指出 確診 者 正是 男 主角 羅伯派丁森 由 羅伯派丁森 主演 的 蝙蝠 俠 上 月底 釋出 預告 起初 他 不 被 看好 認為 經典 角色 的 坎 難 跨越 且 在 早 前 劇組 為 配合 政府 實施 的 疫情 封鎖 已 暫停 拍攝 5 個 月 沒 想到 複 拍 才 3 天 卻 又 傳出 男 主角 染疫 導致 拍攝 再度 停 擺 電影 一波三折 原 預定 在 2021 年 10 月 上映 也 因 拍攝 進度 延誤 檔 期 恐 增添 變數</t>
  </si>
  <si>
    <t>北市 南 港 的 中研院 p 3 實驗室 發生 一 名 女性 研究 人員 疑 似 在 做 新冠肺炎 實驗 中 不慎 染疫 確診 北市 副 市長 黃珊珊 今 證實 個案 曾 兩 度 被 實驗鼠 咬 傷 10 月 15 日 被 咬 傷 後 有 做 快 篩 陰性 11 月 19 日 在 p 3 實驗室 再度 被 染疫 老鼠 咬 傷</t>
  </si>
  <si>
    <t>北市 南 港 的 中研院 p 3 實驗室 發生 一 名 女性 研究 人員 疑 似 在 做 新冠肺炎 實驗 中 不慎 染疫 確診 北市 副 市長 黃珊珊 今 證實 個案 曾 兩 度 被 實驗鼠 咬 傷 10 月 15 日 被 咬 傷 後 有 做 快 篩 陰性 11 月 19 日 在 p 3 實驗室 再度 被 染疫 老鼠 咬 傷 沒有 做 快 篩 11 月 26 日 開始 出現 咳嗽 黃珊珊 表示 這 位 案 16816 是 25 歲 女性 在 中研院 基因 體 研究 是 做 研究 人種 已 接種 兩劑 莫德納 接種 時間 分別 是 6 月 28 日 及 7 月 26 日 從 tocc 來看 沒有 任何 出入境 紀錄 唯一 工作 就是 在 中研院 基因 體 研究 中 黃珊珊 指出 個案 曾 在 10 月 15 日 曾在 實驗室 被 染疫 老鼠 咬 傷 當時 有 做 快 篩 陰性 之後 便 沒有 進入 實驗室 操作 一個 月 之後 11 月 19 日 在 p 3 實驗室 再度 被 染疫 老鼠 咬 傷 但 她 這次 沒有 做 快 篩 黃珊珊 說 個案 於 11 月 26 日 開始 出現 咳嗽 狀況 12 月 1 日 開始 頻繁 咳嗽 12 月 4 日 打噴嚏 流 鼻 水 12 月 8 日 發現 嗅 味覺 異常 到 診所 買 快 篩 劑 在 家裡 篩檢 發現 陽性 黃珊珊 表示 12 月 9 日 上午 由 男友 帶 著 她 到 醫院 後來 轉 介 到 聯合醫院 忠孝 院區 采 檢 結果 pcr 是 陽性 ct 值 是 1517 昨天 接 到 第一時間 通報 緊急 應變 采 檢 包括 疫 調到 深夜 收治 在 忠孝 院區 專責 病房 下午 4 點 15 分 轉到 和平 院區 治療</t>
  </si>
  <si>
    <t>衛福 部長 陳時中 今日 指出 疫苗 施打 順序 為 中央 說 得 算 地方 若 自行 調整 將 減 配 疫苗 對此 臺北市 長 柯文哲 回應 北市 從來沒 說 不 照 中央 順序 施打 有 問題 也 會 舉手 反應 如 日前 長 照 機構 出現 群 聚 才會 將 機構 人員 接種 順序 往 前移 強調 在 疫苗 施打 順序 上 北市 中央 沒有 不 同調 疫苗 問題 吵 得 沸沸揚揚 配給量 與 施打 順序 都 讓 地方 傷透 腦筋 外界 好奇 北市 在 施打 順序 上 是否 會 自行 調整 此外 由於 市立 聯合醫院 防疫 負擔重 內部人員 質疑 為 何不 將 施打 重擔 分給 基層 診所 要求 市府 應 考量 人力 吃緊 給予 配套措施 柯文哲 指出 科學 問題 科學 解決 有時 媒體 標題 會 有 誤差 但 北市 從來 沒有 不 按照 中央 順序 施打 但有 問題 會 反映 例如 長 照 機構 日前 出現 群 聚 個案 因此 施打 順序 應該 往 前移 尤其 他 有 醫療 專業 講 得有 道理 的話 中央 也 會 聽取 建議 進行 調整 目前 來說 北市 和 中央 無 不同意見 此外 柯也 說 打 疫苗 的 地點 有 分 3 線 這 沒 問題 但 麻煩 的 是 疫苗 進 來時 程 變來變去 量 也 不 確定 北市 都 是 臨時 被 通知 畢竟 生產線 設計 有 流程 固定 的 話 就 能 有效率 運作 但 他 也 知道 中央 難處 因為 全世界 都 在 募 疫苗 進來 的 量 很 不 穩定 柯 表示 日前 中央 說 7 日 打 疫苗 不 用錢 我們 都 開玩笑 說 後面 還有 一 句 話 打 疫苗 不 用錢 但是 沒有 疫苗 有 什麼 用 咧 但 目前 不 需 擔心 會 按照 中央 給 的 數量 擴充 生產線 至於 殯葬 業者 爭取 施打 疫苗 北市 副 市長 黃珊珊 則 說 中央 與 地方 的 開放 順序 都 是 以 第一 類 到 第 三類 的 人員 為 主 畢竟 殯葬 業 不是 所有人 都 會 處理 到 染疫 的 人 業者 目前 也 有 相應 的 處理 手法 未來 疫苗 若 充足 會 儘快 將 殯葬 業者 排 進 施打 順序 中</t>
  </si>
  <si>
    <t>新北 市 幼稚園 老師 打過 疫苗 仍 染疫 外界 認為 採取 定期 快 篩 似乎 更 安全 臺北市 長 柯文哲 7 日 表示 pcr 篩檢 是 黃金 標準 作為 最後 確認 乾脆 以 簡單 有效 直接 的 方式 不 要用 快 篩 猜來猜去 他 強調 還是 主張 打 2 劑 疫苗 後 放</t>
  </si>
  <si>
    <t>除了 京元電 超豐 智 邦 科技 也 有 1 員工 染疫</t>
  </si>
  <si>
    <t>garmin 林 口 廠 員工 染疫 桃 市 衛生局 急 采 500 人</t>
  </si>
  <si>
    <t>國際 穿戴 大廠 garmin 林 口 廠 區 1 名 員工 染疫 桃園 市 衛生局 表示 接 獲 消息 後 立即 協助 全廠 區 近 500 名 員工 采 檢 目前 356 人 結果 出爐 全部 呈現 陰性反應 該 確診 員工 為 新北 市民 相關 疫 調 由 新北市衛生局 負責 調查 桃園 市 衛生</t>
  </si>
  <si>
    <t>媒體 人 周玉蔻 昨日 於 疫情 中心 發佈 消息 前 逕 自在 個 人臉書 發文 暗示 當日 新增 207 例 確診 外界 關注 如此 是否 該 開 罰 對此 有 粉 專在 社 群 平臺 發起 投票 活動 高達 91 的 受訪者 認為 政府 應該 開 罰 周玉蔻 以 召 公 信 周玉蔻 昨 16 日 中午 時分 在 臉書 貼 文 明確指出 一個 207 數字 並說 還好 不是 幾何 式 成長 好 家 在 繼續 防疫 此文 一 出 引發 外界 熱 議 許多 網友 也 在 此 po 文 底下 留言 表示 不 贊同 周玉蔻 搶先 指揮中心 記者 會前 散佈 不明 來源 遭 周玉蔻 反 嗆 回應 針對 周玉蔻 搶先 爆 料 確診 人數 衛福 部長 陳時中 第一時間 竟 反問 講 這 數目 有 違法 嗎 僅 表示 要 請 法治 研議 一下 對於 陳時中 回應 網友 譏諷 顏色 對了 什麼 都 對了 對此 粉 專 不禮貌 鄉 民團 今 17 日 在 臉書 發起 投票 活動 詢問 媒體 人 周玉蔻 昨天 在 疫情 指揮中心 新聞 發佈 之前 搶先 公佈 臺灣 當日 染疫 人數 你 認為 政府 是否 應該 開 罰 截至 今日 中午 為止 已 有 3161 位 網友 投票 認為 應該 開 罰 已 召 公 信 的 高達 91 而 認為 沒有 惡意 可以 不 罰 僅 為 9 投票 時間 將 於 18 日 停止 大批 網友 在 其 po 文 底下 留言 表示 我 覺得 這種 行為 很 不 妥當 如果 不 罰 那是 不是 其他 記者 也 可以 鑽 漏洞 隨便 公佈 疫情 相關 事情 覺得 指揮中心 裝 死 的 機 率 比較 高 開 罰 啊 她 又 不是 指揮中心 如果 這 都 不 罰 那陳 時 中 就 包一 包 以後 給 周玉蔻 開 防疫 記者會 了 啦 因為 陳時中 之前 說 過 不論 真假 都 不行 現在 是 蔻 冠姐 在 當 防疫 中心 指揮官 嗎 法律 是 左邊 但是 自己人 是 右邊</t>
  </si>
  <si>
    <t>高雄 2 日 新增 1 例 本土 確診 個案 該 名 染疫 者 與 近日 發生 的 特殊 交友 圈 旅館 群 聚 開 趴 案 有關 同時 是 案 15770 的 密切接觸 者 被 匡列 隔離 後 發病 確診 目前 整 案 在 高雄 已 導致 5 人 染疫 共 匡列 3 圈 共 403 位 相關 接觸 者 除了 已 公佈</t>
  </si>
  <si>
    <t>高雄 2 日 新增 1 例 本土 確診 個案 該 名 染疫 者 與 近日 發生 的 特殊 交友 圈 旅館 群 聚 開 趴 案 有關 同時 是 案 15770 的 密切接觸 者 被 匡列 隔離 後 發病 確診 目前 整 案 在 高雄 已 導致 5 人 染疫 共 匡列 3 圈 共 403 位 相關 接觸 者 除了 已 公佈 的 5 位 確診 個案 其 餘 398 人 pcr 采 檢 皆 呈 陰性反應 根據 高 市府 衛生局 疫 調 顯示 高雄 新增 的 確診 個案 是 30 多 歲 男性 他 於 7 月 26 日 與 先前 公佈 確診 的 染疫 男子 有 過 接觸 史 7 月 31 日 出現 發燒 全身 倦怠 酸痛 咳嗽 寒 顫 等 症狀 並 在 同日 被 匡 列為 接觸 者 前往 醫院 采 檢 8 月 1 日 醫院 通知 pcr 檢驗 結果 陽性 確診 ct 值 167 目前 在 負 壓 隔離病房 治療 當中 高 市府 衛生局 說明 新增 的 確診 個案 在 7 月 26 日 下午 4 時 到 晚間 9 時 30 分 有 到 先前 公佈 的 30 歲 染疫 男子 住家 長 時間 聚會 在 雙方 密切接觸 下 新增 確診 的 個案 在 31 日 出現 症狀 整起 事件 從 指標 個案 到 最新 確診 的 個案 共 匡列 3 圈 相關 接觸 者 403 人 除了 已經 公佈 染疫 的 5 例 個案 其 餘 pcr 采 檢 均 為 陰性 因此 研 判 社區 擴散 風險 在 可 控 範圍 內 高雄 市長 陳其邁 表示 雖然 該案 的 社區 擴散 風險 不 高 但 父親節 就要 到來 南北移動 還是 有 一定 風險 所以 他 建議 南北移動 的 民眾 不管 是 回家 或 訪 客 儘量 能免則免 但 假如 真 的 有 必要 則 務必 戴 上 口罩 回到 獨立 房間 後 再 脫 下 口罩 才能 確保 家庭 不 被 感染 衛生局 2 日 在 防疫 記者會 上 公佈 該 名 確診 個案 的 相關 足跡 他 曾 在 26 日 到 過 全家 便利商店 高雄 鼎 華 店 接 著 到 三民 區 上 泰 藥局 隔日 也 曾 分別 前往 7 -eleven 樹 科 門市 及 甲 圍 門市 購物 30 日 到 過 全聯 岡山 大 仁北 門市 31 日 赴 丁丁 藥局 右 昌店</t>
  </si>
  <si>
    <t>特殊 交友 圈 確診 染疫 高雄 匡列</t>
  </si>
  <si>
    <t>沒 把 新冠 放在眼裡 墨 總統 坦承 染疫</t>
  </si>
  <si>
    <t>墨西哥 總統 羅培茲 歐 布拉多 andres manuel lopez obrador 周日晚 宣佈 他 已 罹 患 新冠肺炎 並 進行 居家 隔離 據 美聯社 和 值得 axios 新聞網 報導 67 歲 的 羅培茲 歐 布拉多 推 文說 他 的 症狀 輕微 並 正在 接受 治療 一 如 往常 我 很 樂觀 他 說 我們 全都會 向前 邁進 最初 新冠肺炎 開始 大 流行 時 有人 問 他 要 如何 保護 墨西哥 而 他 驕傲地 從 皮夾 拿 出 兩 個 宗教 護身符 示人 據 約翰霍普金斯大學 johns hopkins university 統計 至今 墨西哥 有 超過 170萬 人 染疫 近 15萬 人 喪生 然而 羅培茲 歐 布拉多 一直 淡化 戴 口罩 的 必要 他 去年 7 月 說 你們 知道 我 甚麼 時候 會 戴 口罩 嗎 直到 沒有 貪腐 的 時候 到 那時 我 就 會 戴 上 口罩 閉上嘴 此外 他 還 說 封城 和 強制 規定 戴 口罩 是 獨裁 專政 的 手段 他因 為 應對新冠肺炎 疫情 的 方式 還 有 在 公開場合 未 以身作則 適當採取 防疫 措施 而 廣受 批評 羅培茲 歐 布拉多 很 少戴 口罩 就算 疫情 期間 也 忙 著 搭 機 四處 飛 此外 他 堅持 為 了 經濟 而 不封 城 說 那 會 影響 許多 墨西哥 人 的 生計 羅 培 茲 歐 布拉多 推 文說 在 他 療養 復原 期間 內政部長 柯黛 蘿 olga sanchez cordero 會 暫 代 他 的 職務 而 出席 週一 到 週五 每日 記者會 的 將 是 柯黛 蘿 而 不是 一 上臺 通常 就 滔滔不絕 連續 講 個 兩 小時 中間 毫不 間斷 的 羅培茲 歐 布拉多</t>
  </si>
  <si>
    <t>日本國 新冠肺炎 今天 新增 確診 1635 例 超越 8 月 7 日 單日 新增 1605 例 創下 新高 紀錄 專家 認為 隨 著 氣溫 下降 第 三 波 疫情 實際上 已經 爆發 面對 疫情 急速 擴大 日本政府 決定 繼續 限制 大型活動 人數 到 明年 2 月 電影院 則 有 條件 放寬 nhk 報導 東京都 今天 新增 確診 393 例 連續 兩 天 超過 300 例 上次 東京都 單日 新增 病例 超過 390 例 是 3 個 月 前 的 8 月 8 日 北海道 新增 236 人 染疫 改寫 新高 其中 札幌 市 占 了 164 例 也 是 札幌 市 新高 紀錄 北海道 已經 8 天 連續 新增 破百 例 專家 認為 北海道 已經 進入 傳染 加速 的 第 三 波 疫情 另外 神奈川縣 和 兵庫縣 兩 縣 都 創下 單日 新增 病例 最高 紀錄 日本政府 對於 傳染 風險 較 低 的 活動 人數 限制 則 加以 放寬 例如 電影院 看 電影 即使 有 觀眾 在 看 電影 時 吃 爆米花 等 食物 若 在 沒有 飲食 的 時候 戴 口罩 場地 有 充分 通風 就 可以 容許 坐 滿 觀眾</t>
  </si>
  <si>
    <t>嘉義 市政府 鼓勵 民眾 依 身分 證 字型大小 尾數 單 雙號 分流 到 傳統 市場 買 菜 嘉義 市 共和 攤販 協會 理事長 陳志全 坦言 出入口 有 10 多 個 很 難 強制 管制 倒是 攤 商 向 客人 道德 勸說 今天 多 買 些 明天 不 要來 比較 有用 今天 人流 約 減少 了 34 成 嘉義 市政府 建設處 督促 嘉義 市 共和 市場 自治 會 在 市場 出入口 的 車 阻 欄杆 上 各攤 商 攤位 上 建置 qrcode 簡訊 實 聯 制 條碼 方便 消費者 掃描 鼓勵 市民 依 身分 證 字型大小 尾數 單 雙號 分流 採購 配合 實 聯 制 全程 戴 口罩 一 次 買好 買 滿 買 完就 走 不 聊天 不 逗留 勤洗手 等 陳志全 指出 共和 市場 目前 有 近 300 位會員 攤 商 已 協助 完成 簡訊 實 聯 制 或 手 寫 登記 並 請 攤 商 協助 向 顧客 宣導 市府 推行 的 分流 採購 措施 陳志全 說 共和 市場 是 街道 型 菜市場 出入口 多 達 10 多 個 難 強制 管制 進出 的 人流 不過 連日來 透過 攤 商 主動 向 顧客 勸導 今天 多 買 一些 明天 不 要來 漸 有 效果 今天 上 菜市場 的 人 約 減少 34 成 還有 攤 商 教 顧客 掃 瞄 簡訊 實 聯 制 條碼 qrcode 有 8 成 客人 會 配合 掃 瞄 市府 建設處 表示 市府 已 協助 轄內 傳統 市場 建置 簡訊 實 聯 制 建議 民眾 依 身分 證 字型大小 尾數 單 雙數 分流 採買 單號 每週 三五 日 雙號 每週 二四六 以 降低 人潮 聚集 的 染疫 風險 初一 十五 或 假日 還 會 加強 宣導 防疫 措施 籲請 大家 配合 共同 防疫</t>
  </si>
  <si>
    <t>阿斯特 捷利康 製藥 公司 astrazeneca 與 牛津大學 共同開發 的 新冠 疫苗 第 三 階段 臨床 試驗 初步 結果 出爐 疫苗 保護 力達 70 不過 當 調整 至 適當 劑量 時 疫苗 保護 力可達 90 此外 儘管 牛津 疫苗 的 有效性 不及 莫德納 輝瑞 等 疫苗 但 牛津 疫苗 相對 便宜 且 一般 冰箱 即可 冷藏 保存 針對 疫苗 保護 力才 70 bbc 評論 直言 失望 綜合 英國廣播公司 bbc 英國 太陽 報 the sun 報導 阿斯特 捷利康 製藥 公司 與 牛津大學 共同開發 的 新冠 疫苗 第 三 階段 大規模 臨床 試驗 結果 今 23 日 出爐 結果顯示 疫苗 能夠 防止 70 的 志願者 出現 新冠 症狀 也 就 是 保護 力達 70 bbc 指出 牛津新冠 疫苗 的 成果 同時 揭示 勝利 與 失望 儘管 此款 疫苗 的 保護 力 不如 美國 生 技 大廠 莫德納 公司 moderna inc 或 美國 藥廠 輝瑞 pfizer 與 德國 biontech 聯手 開發 的 疫苗 這 2 支 疫苗 保護 力高達 90 以上 不過 它 也 較 便宜 且 一般 冰箱 就 可 保存 bbc 因此 指出 牛津 疫苗 一旦 獲得 主管機關 許可 在 對抗 疫情 上 仍 能 扮演 重要 角色 一共 有 超過 2萬 名 志願者 參與 牛津新冠 疫苗 第 三 階段 大型 臨床 試驗 一半 試驗者 在 英國 另 一半 在 巴西 初步 結果顯示 整體而言 牛津 疫苗 的 保護 力為 704 施打 2 劑 疫苗 的 志願者 中 有 30 人 染 新冠 施 打假 疫苗 的 志願者 有 101 人 染疫 研究 顯示 如果 志願者 連續 施打 2 劑 高 劑量 或 稱 全 劑量 疫苗 兩劑 中間 間隔 一個 月 保護 力只 有 62 但是 如果 志願者 先 施打 低 劑量 疫苗 或 稱 半 劑量 疫苗 一個 月 後 再 施 打 全 劑量 疫苗 保護 力高達 90 研究 團隊 目前 尚不 清楚 確切 原因 不過 推測 人體 免疫系統 是 以 漸進 有效 的 方式 啟動 兩 組 實驗 的 平均 保護 力為 70 牛津 疫苗 使用 一 種 經過 弱化 的 讓 黑猩猩 生病 的 普通 感冒 病毒 作為 載體 儘管 保護 力 不如 莫德納 及 輝瑞 疫苗 不過 牛津 疫苗 可以 在 一般 冰箱 溫度 下 保存 因此 更 方便 運送 至 世界各地 bbc 指出 即便 70 的 保護 力 相對來說 令 人 失望 不過 一個 月 以前 疫苗 效力 若 超過 50 就 已經 被 視為 巨大 成功 英國政府 已經 提前 下 訂 1億 劑 牛津 疫苗 足夠 讓 5千萬 人 接種</t>
  </si>
  <si>
    <t>台大 麻醉 護 師 染疫 員工 看 新聞 才 知 憂 傳給 家中 親友</t>
  </si>
  <si>
    <t>新北 1 北市 松 山 確診 國 中生 外婆 也 染疫</t>
  </si>
  <si>
    <t>桃園 特殊 交友 圈 釀 5 家 人 染疫 足跡 包括 奇異 果 旅店 華泰 名品 城</t>
  </si>
  <si>
    <t>桃園 特殊 交友 圈 釀 2 家 6 人 染疫 讓 桃園 2 日 確診 數 再度 居全國 之 冠 桃園 市府 也 公佈 足跡 包括 中壢 奇異 果 共用 旅店 國泰 世 華大 湳 分行 大樹 藥 局內 壢 二 店 711 中壢 興 榮 珍 門市 華泰 名品 城 自由 聯盟 中壢 中正 店 呼籲 足跡 重</t>
  </si>
  <si>
    <t>桃園 特殊 交友 圈 釀 2 家 6 人 染疫 讓 桃園 2 日 確診 數 再度 居全國 之 冠 桃園 市府 也 公佈 足跡 包括 中壢 奇異 果 共用 旅店 國泰 世 華大 湳 分行 大樹 藥 局內 壢 二 店 711 中壢 興 榮 珍 門市 華泰 名品 城 自由 聯盟 中壢 中正 店 呼籲 足跡 重疊 者 要 自我 健康 管理 桃園 2 日 新增 5 起 本土 案例 都 位 於八德 為 昨 新增 確診 者 中壢 區 60 多 歲 女性 的 家屬 因 小 兒子 為 特殊 交友 圈 接觸 者 而 染疫 市府 也 公告 2 家庭 關係 圖 包括 昨 確診 婦人 的 兒子 婦人 的 哥哥 嫂嫂 哥嫂 的 2 外孫 小兄弟 檔 5 人 5 人 都 是 確診 者 接觸 者 5 人 案 15799 案 15800 案 15801 案 15802 案 15803 累計 確診 921 人 目前 居家 隔離 人數 229 人</t>
  </si>
  <si>
    <t>桃園 特殊 交友 圈 染疫 新冠肺炎 臺灣</t>
  </si>
  <si>
    <t>az 疫苗 15 日 正式 開 打 不 過 施打 三 日 卻 頻 傳 長輩 施打 疫苗 後 多 人 猝死 案件 雖然 大多 具有 慢性 疾病 但 正式 死因 還 有待 衛福部 厘 清 對此 藝人 李明依 在 臉書 感歎 最終 難道 都 只 剩下 數字 沒 想到 貼 文一 出 馬上 又 遭到 網友 出征 炮轟 李明依 昨 17 日 在 臉書 曬 出 電視新聞 截 圖 只見 新聞標題 寫道 有無 打 az 死亡率 差 不 到 0006 讓 她 不禁 擔憂 表示 所以 家裡 有 80 歲 以上 的 長者 到底 子女 們 要 不 要 帶 她們 去 施打 疫苗 最終 難道 都 只 剩下 數字 更 呼籲 家裡 長輩 自己 做 決定 子女 尊重 但 也 不 忘 喊話 第一線 醫護人員 辛苦 了 我們 都 在 等 適合 的 疫苗 此 番 言論 一 岀 立刻 遭 網友 痛 批 所有 疫苗 都 有 風險 這 就 是 為什麼 民間團體 不 可以 自己 進口 疫苗 還是 要 有 政府 把關 這 是 機 率 跟 醫學 不然 都 不 要 打 每天 關在 家裡 不用 出門 絕對 不 會 染疫 最 安全 有 疫苗 可以 選擇 不 打 個人 選擇 不同 承擔風險 也 不同 有 疫苗 也 罵 沒 疫苗 也 罵 對此 她 也 撂下 狠 話 反擊 要 加入 討論 可以 故意 謾駡 及 人身攻擊 的 恕 我 直接 封鎖 你們 也 不必 費事 留言 5 月 時 因 電力 供需 失衡 再度 發生 大規模 停電 當時 李明依 在 臉書 炮轟 政府 要 不 要 坦承 透明 誠實 面對 現狀 直球 對 決 這樣 我們 人民 也 能 全然 信任 然後 完全 配合 但 此 番 言論 多數 人 都 不 買 單 讓 她 遭到 網友 留言 圍剿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高雄染疫 1 麻將 群 聚 案 已 13 確診</t>
  </si>
  <si>
    <t>國內 新冠肺炎 疫情 持續 延 燒 高雄 28 日 新增 1 例 本土 個案 該 確診 者 與 日前 確診 的 案 5888 按摩師 互有 關連 由於 該 按摩師 染疫 前後 曾 到 鳳 山瑞 竹 街 牌 間 打 麻將 與 牌 友 互相 傳染 牌 友再 到 立 信 街 牌 間 傳染給 28 日 確診 的 民眾 目前</t>
  </si>
  <si>
    <t>國內 新冠肺炎 疫情 持續 延 燒 高雄 28 日 新增 1 例 本土 個案 該 確診 者 與 日前 確診 的 案 5888 按摩師 互有 關連 由於 該 按摩師 染疫 前後 曾 到 鳳 山瑞 竹 街 牌 間 打 麻將 與 牌 友 互相 傳染 牌 友再 到 立 信 街 牌 間 傳染給 28 日 確診 的 民眾 目前 麻將 群 聚 案 已 有 13 人 確診 高雄 本土 確診 共 累計 44 例 經 高 市府 疫 調 發現 28 日 公佈 的 確診 者 案 7010 是 50 多 歲 男子 與 鳳山 賭場 群 聚 案 相關 由於 案 7010 曾 於立信 街 牌 間 與 跟 按摩師 交互 傳染 案 6365 有 相同 足跡 經 衛生局 匡列采 檢 後 確診 目前 與 相關 牌 間 有關 的 接觸 者 共 匡列 583 人 衛生局 指出 案 7010 在 24 日 出現 咳嗽 流 鼻 水 症狀 26 日 采 檢 27 日 確診 ct 值 15 傳播 能力 相當 高 其 足跡 包含 5 月 21 至 25 日 上午 8 點 50 分至 9 點 曾至鳳 山區 mr 裡歐 歐式 早餐 5 月 2124 日 中午 12 點 至 12 點 15 分 曾 到 鳳 山區 文 龍東路 的 新 宿 便當</t>
  </si>
  <si>
    <t>國軍 桃園 總 醫院 確診 增為 13 人 2 護理 師 家 人 也 染疫</t>
  </si>
  <si>
    <t>桃園 市長 鄭文燦 20 日 指出 國軍 桃園 總 醫院 發生 院內 感染 事件 累積 13 人 染疫 包括 2 加 護 病房 護理 師 2 護理 師 親友 其中 1 人 列 案 於 新竹 縣 4 病 患 和 5 看護 衛生局長 王文彥 強調 最先 確診 的 89 歲 病 患 是 指標 個案 曾 在 加 護 病</t>
  </si>
  <si>
    <t>關 8 橫山 裕 確診 才上 紅 白 大 咖 明星 陷 染疫 危機</t>
  </si>
  <si>
    <t>日本 又 一 男 星 確診 傑尼斯 男團 關 8 成員 橫山 裕 因 出現 喉嚨 疼痛 症狀 且 發燒 到 38 度 檢測 後 確認 染 新冠肺炎 而 2 位 經紀人 也 都 是 陽性 所幸 其他 4 名 成員 成員 檢測 結果 是 陰性 去年 9 月 關 8 成員 大倉 忠義 率先 確診 沒 想到 現 又 有 第 2 位 成員 染疫 橫山 裕 3 日 上午 發燒 到 38 度 且 出現 喉嚨 疼痛 症狀 經檢測 後 確定 中 鏢 公司 也 緊急 安排 其他人 篩檢 結果 2 位 經紀人 也 被 傳染 呈現 陽性反應 而 他 5 天 前 才 出席 日本 跨 年 盛會 紅 白 歌唱 大賽 當時 參與 的 還有 不少 大 咖 歌手 如 福山雅治 米希亞 動 漫 歌 姬 lisa 等 還有 參加 自家 跨 年 演唱會 接觸 不少 藝人 疫情 是否 擴大 也 備 受 外界 關注 其實 去年 下半年 開始 傑尼斯 就 不斷 傳出 疫情 news 加藤 成亮 小山 慶 一 郎 hey say jump 伊 野 尾 慧 等 都曾 確診 經紀 公司 多次 消毒 仍 無法 阻止 旗 下 藝人中 鏢</t>
  </si>
  <si>
    <t>美國 疾病 管制 及 預防 中心 cdc 主任 瓦倫斯基 周 16 日 警告 美國 過去 一 周 確診 病例 增加 7 成 而 病 歿 人數 則 上升 26 部分 疫苗 接種 率 低 的 地區 疫情 複 燃 瓦倫斯基 表示 新冠 變種 病毒 delta 仍 持續 在 低 接種 率 地區 傳播 沒 接種 疫苗 就 面臨 染疫 風險 白宮 疫情 協調員 齊 茨 指出 全美 過去 一 周 逾 40 新 症 來自 阿肯色州 佛羅里達州 路易斯安那州 密蘇里州 及 內華達州 而 上述 地區 疫苗 接種 率 偏 低 自 6 月 22 日 起 美國 新增 確診 人數 增加 兩 倍 以上 48 州 疫情 升溫 病 歿 人數 亦 同時 攀升 估計 已 陷入 第 4 波 疫情 美國 16 日 通報 單日 新增 逾 7萬4000 例 確診 比 前 一 天 突然 飆 升 近 3 倍 創 4 月中 以來 新 高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英國 一 名 106 歲 的 女子 在 與 新冠肺炎 抗爭 2 次 後 感覺 比 以往 任何 時候 都健康 她 透露 自己 的 長壽 秘訣 就是 全 脂 牛奶 和 威士卡 根據 每日 郵報 報導 住 在 默西賽德 郡 merseyside 聖海倫 st helen s 伊莉莎白 閣 護理 院 elizabeth court care home 的 瑪麗·尼科爾森 mary nicholson 經歷 了 2 次 世界大戰 和 3 次 流感 大 流行 近日 更 2 度 戰勝 新冠肺炎 慶祝 了 她 的 106 歲 生日 瑪麗 在 新年 前夜 被 檢測 出 covid-19 陽性 但 她 表示 在 12 日 生 日前 及時 克服 病毒 後 她 感覺 比 以往 任何 時候 都健康 她 透露 她 的 長壽 秘訣 是 喝 全 脂 牛奶 奶油 同時 還 喜歡 在 晚上 喝 一小 杯 威士卡 瑪麗 出生 於 1915 年 1 月 12 日 正值 第一次世界大戰 期間 她 經歷 了 2 次 世界大戰 和 1918 年 1957 年 及 1968 年 的 流感 她 在 5 歲 時 失去 了 母親 5 年 後 又 失去 了 父親 生活 十分 艱難 她 的 父親 曾 作為 軍醫 入伍 卻 被 毒氣 毒死 回到 英國 後 不久 就 去世 了 近日 瑪麗 再次 戰勝 了 新冠肺炎 後 迎來 了 她 的 106 歲 生日 她 表示 雖然 還 是 有點 咳嗽 但 我 感覺 好多 了 在 因 病毒 而 被 隔離 之後 還 能夠 慶祝 我 感到 非常高興 同時 也 迫不及待 和 家人 見面 我 愛 他們 所有 的 人 他們 對 我 來說 就 是 全世界 瑪麗 一直 沒有 結婚 生 子 且 由於 新冠肺炎 的 限制 她 無法 與 家人 見面 但 她 說 她 很 期待 在 新冠肺炎 結束 後 與 家人 一起 慶祝 瑪麗 今年 68 歲 的 侄女 吉恩 漢弗理斯 jean humphreys 形容 她 非常 獨立 同時 也 很 幽默 很 有 愛心 她 的 生活 並 不 輕鬆 她 這麼 年輕 就 失去 雙親 還 經歷 了 戰爭 但 她 堅持不懈 努力 工作 她 每天 都 在 激勵 著 我 吉恩 透露 瑪麗 在家 裡 一直 住 到 102 歲 她 一個 人 生活 非常 獨立 照顧 瑪麗 的 工作人員 簡 恩 jane 提到 瑪麗 在 第一 次 染疫 時 他們 以 為 要 失去 她 了 好在 她 二 次 感染 又 康復 後 才 親眼 見證 她 的 身體 很棒 她 是 一個 戰士 我 想 她 的 家 人 也 會 同意 我 的 看法 她 一生 都 是 這樣 的 簡恩 問 瑪麗 你 106 歲 的 秘訣 是 什麼 瑪麗 回答 一直 保持警惕 簡恩 則 笑 虧 她 沒有 男人 和 美食 就 是 你 的 秘訣 不是 嗎 更 多 ctwant 報導</t>
  </si>
  <si>
    <t>美國 新冠肺炎 疫情 再度 邁向 可怕 里程碑 死亡 人數 於 昨 18 日 突破 25萬 人 新冠 死亡 時間 快 轉 每 1 分鐘 就 有 至少 1 人 喪命 疫情 嚴峻 的 德州 艾爾帕索 el paso 還 得 動用 10 台 冷藏 貨車 充當 行動 停 屍 間 讓 囚犯 充當 屍體 搬運工 美國有線電視新聞網 cnn 報導 美國 於 昨日 再度 創下 新 紀錄 新冠 死亡 人數 在 短短 10 個 月 內 突破 25萬 人 根據 美國 約翰霍普金斯大學 johns hopkins university 全球 疫情 統計 自 2 月 29 日 華盛頓州 通報 首例 死亡 案例 以來 至今 全美 已經 有 250426 人 喪命 超過 1151萬 人 染疫 17 日 美國 新增 1707 例 死亡 案例 刷新 6 個 月 以來 新 紀錄 cnn 指出 現在 新冠 病毒 每 1 分鐘 至少 奪 走 1 條 美國 人 性命 不過 喬治 華盛頓大學 george washington university 教授 芮 納 jonathan reiner 表示 情況 只 會 變 得 更糟 昨天 我們 看到 的 可怕 新冠 死亡 數字 反映 的 只 是 3 周 以前 的 染疫 數字 他 說 2 至 3 周 以前 平均 每日 新增 7萬 至 8萬 例 前 一 天 則 新增 約 155萬 新 病例 所以 現在 一 天 新增 1700 人 喪命 代表 3 周後 單日 死亡 人數 可能 會 上升 至 3000 人 位於 美國 與 墨西哥 邊界 的 德州 艾爾帕索 郡 是 目前 全美 疫情 最 嚴峻 的 地區 之一 據 當地政府 官 網 統計 艾爾帕索 至 今 約 有 77萬 人 染疫 804 人 喪命 其中 約 1000 人 住院 英國廣播公司 bbc 報導 艾爾 帕 索新冠 病 患 爆 量 醫院 負荷 能力 已 達 上限 部分 患者 必須 運送 到 其他 城市 治療 當地 的 停 屍 間 也 不夠 放 當地政府 已經 調來 10 台 冷藏 貨車 充當 行動 停 屍 間 就 停 在 法醫 辦公室 外頭 上周 已經 處理 超過 150 具 遺體 此外 不只 空間 不夠 人手 也 不足 艾爾帕索 郡 轉 而 向 當地 囚犯 請求 支援 穿 著 黑白 條紋 外衣 的 囚犯 也 被 拍到 用 拖車 搬運 遺體 將 遺體 放上 冷藏 貨車 的 畫面 當地 官員 表示 這些 囚犯 都 是 罪 刑 較 輕 的 犯人 他們 都 是 自願 幫忙 每 小時 獲得 2 美元 約 新 台幣 57 元 補助 而且 有 提供 他們 防護 措施 艾爾帕索 法官 莎 瑪 尼 哥 samaniego 無奈 表示 沒有 其他 選擇 了 cnn 指出 幾乎 每 一個 州 都 走 在 錯誤 方向 上周 高達 47 個 州 每天 新增 超過 10 新 病例 只 有 夏威夷州 新增 病例 數 持續 下降 美國 國家 過敏 與 傳染病 研究院 niaid 主任 佛 奇 anthony fauci 昨日 接受 bbc 專訪 時 表示 美國 在 非常 危險 的 時期 走 在 錯誤 方向 他 呼籲 民眾 要 加倍 注意 公共 衛生 措施 包括 戴 口罩 保持 社交距離 遠離 人群</t>
  </si>
  <si>
    <t>獨家 隔 1 天才 說 載到 確診 客 染疫 台 女 搭 高鐵 車次 曝光</t>
  </si>
  <si>
    <t>第 33 例 疑 大 阪 染疫 網友 怨氣 大 爆發</t>
  </si>
  <si>
    <t>彰 化 縣 covid-19 新冠肺炎 本土 疫情 9 日 零 確診 但 新增 1 名 死亡 案例 為 40 出頭 歲 女性 肝癌 患者 發病 67 天 後 死亡 是 彰 化 縣 今年以來 累計 13 例 新冠 確診 死亡 案例 中 最 年輕 的 一 位 彰 化 縣 衛生局長 葉 彥 伯 表示 死亡 案例 年 約 40 歲 至 44 歲 間 是 一 名 女性 肝癌 患者 來自 南彰 化 某 大型 醫院 6 樓 6 b 病房 群 聚 染疫 確診 者 肝癌 細胞 已 移 轉至 肺部 腦 部 治療 期間 ct 值 一度 高於 30 但 轉至 安寧 病房 後 ct 值 再度 下降 又 轉入 負 壓 隔離病房 於 8 日 病逝 葉 彥 伯 說 死亡 個案 為 彰 化 縣 13 例 確診 死亡 案例 中 最 年輕 者 今年 5 月底 南彰 化 某 醫院 爆發 院內 感染 後 女子 於 6 月 2 日 確診 ct 值 1518 月 8 日 死亡 彰 化 縣 累計 270 人 確診 13 人 死亡 其中 來自 水 果盤 商 傳染 鏈 有 5 人 死亡 南彰 化 醫院 群 聚有 6 人染疫 死亡 另 2 例 死亡 案例 分別 來自 不同 傳染 鏈 的 家 族群 聚 事件 針對 中央 宣佈 降 二級 後 陸續 解封 彰 化 縣長 王 惠美 臉書 直播 線 上 說明 會上 有 網友 留言 質疑 游泳池 都 開放 了 為何 夾 娃娃 機台 卻 不能 開放 亦 有 網友 怒吼 快 餓 死 了 空 燒 3 個 月租金 電費 稅金 了 都快 死 人 了 怎麼 吃飯 王 惠美 回應 中央 雖 開放 游泳池 但 烤箱 蒸氣 室 等等 附設 室內 設備 空間 未 開放 此外 國家級 遊樂 場所 開放 戶外 空間 讓 民眾 可以 去 走 一 走 但 採行 預約 制 針對 娃娃 機 店 部分 一切 仍 須 依照 中央 規定 辦理 社區 大學 等 仍 先采 線 上 授課 是否 恢復 開課 有待 中央 確實 公佈 細則 指引 再 另行 宣佈</t>
  </si>
  <si>
    <t>百事 食品 公司 在 北京 大興區 磁 魏 路 分廠 20 日 驚 傳 有 8 人 感染 新冠肺炎 其中 2 人 曾 到 過 新發 地市 場 密切接觸 者 87 名 全部 集中 隔離 該廠 除 隨即 宣佈 關閉 其 餘 480 名 員工 立刻 集中 隔離 篩檢 檢驗 結果 皆 為 陰性 百事 中國 昨 緊急 發聲明 表示 染疫 工廠 並未 生產 可樂 此外 北京 昨日 再 有 2 地 提升 為 高風險 地區 短短 10 天 累計 確診 達 227 例 蔓延 10 個 區 2 確診 案例 曾 到 過 新發 地 北京市疾控中心 副 主任 龐星火 表示 傳出 確診 的 8 人 為 北京 大興區 孫村鄉 磁 魏 路 1 號 一 食品 公司 的 員工 該廠 隨即 宣佈 停產 停工 並 採取 產品 封存 環境 消毒 和 相關 人員 隔離 等 措施 目前 該廠 區 其 餘 480 名 員工 被 轉 往 集中 隔離 點 隔離 並 篩檢 初步 檢測 結果顯示 所有人 均 為 陰性 上述 8 名 確診 員工 中 有 2 位 曾經 到 過 新發地批發市場 採購 物品 是 一起 與 新發 地 市場 相關聯 的 聚集 性 疫情 消息 傳出 後 為 避免 民眾 恐慌 百事 中國 在 官方 微博 發出 聲明 強調 包括 北京百事可樂飲料有限公司 在內 的 生產 可樂 等 飲料 產品 的 各 灌 裝廠 迄今為止 並未 發現 任何 新冠肺炎 確診 病例 目前 通報 發生 疫情 個案 的 工廠 只 是 位於 北京 大興區 磁 魏 路 1 號 的 百事 食品 一個 分廠 該廠 從未 生產 任何 飲料 產品 據 瞭 解 該 工廠 主要 生產 樂事 洋芋片 百事公司 大中華 區 集團 事務 部 企 宣 總監 樊志敏 昨 稱 北京 分廠 監測 到 新發地批發市場 輸入 個案 後 立刻 採取 停產 停業 產品 封存 環境 消毒 殺菌 人員 隔離 等 措施 目前 測試 產品安全 同時 保證 新發 地 疫情 後 的 產品 均 已 封存 10 天 累計 227 例 擴 及 10 區 北京 20 日 新增 本地 確診 病例 22 例 10 天 累計 227 例 疫情 擴 及 豐台 朝陽 及 大興 等 10 個 區 而 豐台區 新村 街道 大興區 黃村 地區 鎮 由 中 風險 調整 為 高風險 截至 昨日 為止 北京 共有 4 個 高風險 區 37 個中 風險 地區 不過 復旦大學附屬華山醫院 感染 科 主任 張文宏 認為 北京 疫情 仍 不能 認定 為 第 2 波 疫情 來臨 所謂 的 第 2 波 疫情 必須 要 有 非常 顯著 的 波峰 這次 疫情 應該 是 一 次 比較 突然 小 範圍 的 爆發 但 他 也 坦言 未來 將 爆發 更 多 小規模 且 意想不到 的 疫情</t>
  </si>
  <si>
    <t>1 名 高雄市 籍 的 敦睦 艦隊 染疫 官兵 4 月 17 日 晚間 曾 到 台南 市 新營 交流 道 附近 的 麥當勞 用餐 餐廳 直到 24 日 才 接 獲 通知 緊急 停業 大 消毒 下午 3 點 台南 市政府 環保局 也 進行 戶外 消毒 敦睦 艦隊 確診 個案 活動 足跡 擠 牙膏 市府 衛</t>
  </si>
  <si>
    <t>1 名 高雄市 籍 的 敦睦 艦隊 染疫 官兵 4 月 17 日 晚間 曾 到 台南 市 新營 交流 道 附近 的 麥當勞 用餐 餐廳 直到 24 日 才 接 獲 通知 緊急 停業 大 消毒 下午 3 點 台南 市政府 環保局 也 進行 戶外 消毒 敦睦 艦隊 確診 個案 活動 足跡 擠 牙膏 市府 衛生局 24 日 接 獲 通報 指 1 名 高雄市 的 確診 個案 曾於 17 日 晚間 7 點 到 8 點 到 新 營區 交流 道 附近 的 麥當勞 用餐 衛生局 表示 該 餐廳 接 獲 通知 後 24 日 立即 暫停營業 並 請 特約 消毒 公司 進行 全面 清 消 後 才 營業 下午 3 點 環保局 也 進行 戶外 消毒 但 時隔 確診 個案 的 用餐 時間 已經 超過 1 周 衛生局 疫情 發現 該 餐廳 的 員工 都有 佩戴 口罩 桌椅 採用 梅花座 隔 開 用餐 距離 客人 離開 後會 先 進行 桌面 消毒 每 整 點 再 執行 地面 丶 門把 丶 廁所 等 設備 重點 消毒</t>
  </si>
  <si>
    <t>新冠肺炎 疫情 在 海軍 磐石 艦 上 爆發 造成 24 人 染疫 網路上 不少 人 質疑 艦 上 醫官 是否 隱匿 但 肝膽 腸胃 專科 醫師 吳 文傑 臉書上 表示 不可能 有 隱匿 的 情況 而 醫護 因為 常常 在 第 一線 出事 後 也 是 第 一個 被 檢討 就 盼 大家 能 多</t>
  </si>
  <si>
    <t>新冠肺炎 疫情 在 海軍 磐石 艦 上 爆發 造成 24 人 染疫 網路上 不少 人 質疑 艦 上 醫官 是否 隱匿 但 肝膽 腸胃 專科 醫師 吳 文傑 臉書上 表示 不可能 有 隱匿 的 情況 而 醫護 因為 常常 在 第 一線 出事 後 也 是 第 一個 被 檢討 就 盼 大家 能 多 體諒 吳 文傑 在 臉書 吳 文傑 醫師 的 健康 筆記 上 透露 自己 曾 在 海軍 醫務室 服役 過 海軍 官兵 生活空間 小 這次 船上 疫情 可能 感染 人數 會 比 郵輪 多 接 著 針對 不少 人 認為 醫官 隱匿 這 點 他 表示 哪些 有 症狀 的 人 需要 篩檢 這 說 交給 醫官 決定 我 是 覺得 很 困難 啦 最好 是 有 感冒 症狀 就 篩檢 不然 我 覺得 一定 會 漏掉 吳 文傑 認為 船上 不太可能 有 隱匿 疫情 的 狀況 畢竟 醫官 比 誰 更 瞭解 如果 一個 人 得到 感染 全艦 官兵 風險 是 會 有 多 高 常常 第一線 的 醫師 都 在 煩惱 要 不 要 篩檢 若是 篩檢 病 患 的 生活 工作 一定 會 受 很 大 的 影響 檢查 出來 不是 新冠 後 難保 患者 秋後算帳 認為 是 看 診 醫師 誤判 吳 文傑 補充 醫護 常常 是 第 一線 出事 後 也 常常 是 第一 線 被 責怪 檢討 希望 大家 多多 體諒 不 會 有 醫師 要 隱匿 病情 的 尤其 是 海軍 船上 軍醫 官 這個 機會 真的 是 不大可能</t>
  </si>
  <si>
    <t>高雄群 聚 案 13 人 染疫 扯 出 20 年前 往事 眾人 一 聽 都 淚 了</t>
  </si>
  <si>
    <t>高雄市 仁 武 區 爆發 家庭 群 聚 感染 13 人 陸續 確診 由於 指標 個案 曾 在 三峽 恩 主公 醫院 就醫 一度 引爆 高雄 杠 新北 疫 調 不實 個案 被 公佈 足跡 後 位 在 高雄市 新興區 的 西服店 透過 臉書 發表 聲明 揭露 一 段 20 多 年 前 的 往事 充滿 濃濃 洋蔥 該 名 個案 今年 60 多 歲 平常 在 桃園 工作 5 月 24 日 住 進 恩 主公 醫院 動手術 6 月 22 日 確診 這 段 期間 他因 返回 高雄 造成 家庭 群 聚 家 人 又 跑 去 上班 再 傳染給 同事 導致 共 13 人 染疫 高雄 市政府 公佈 其 足跡 分別 去 過 cs kingsman 紳士 西裝 西服店 及 勾 勾 手 自助 婚紗 店 店員 快 篩 全 為 陰性 目前 自主 管理 中 cs kingsman 陳 姓 負責人 在 臉書 po 出 聲明 呼籲 民眾 不要 責怪 指標 個案 團結 一起 度過 這 波 疫情 才是 最 重要 的 陳 姓 負責人 透露 個案 於 6 月 19 日 由 女兒 陪同 到 店裡 做 西裝 只因 女兒 想 替爸爸 圓夢 原來 父親 20 多 年前 結婚 時 沒 拍 婚紗 一直 以來 不無遺憾 貼心 的 女兒 希望 爸爸 能 一 圓 夢想 才會 帶 他 來 製作 西服 負責人 強調 這 對 父女 是 當天 最後 一 組 顧客 依 規定量 體溫 也 無 異樣 經過 此 事件 希望 大家 不要 帶 著 批評 仇視 的 角度 去 責怪 誰 他 認為 發生 這種 事 大家 都 不樂 見 遇到 了 該 面對 還是 要 面對</t>
  </si>
  <si>
    <t>川普 染疫 肺 受損 機 率 高?醫 揭 驚人 資料 老 和 胖 是 危險 關鍵</t>
  </si>
  <si>
    <t>韓再增 70 確診 累計 833 人 染疫 13 軍 人中 鏢 死亡 8 例</t>
  </si>
  <si>
    <t>一 場 世紀 瘟疫 新冠肺炎 在 全世界 已經 奪 去 近 490萬 人 的 性命 約等於 臺灣 20 的 人口 而 全球 染疫 人數 等於 臺灣 10 倍 人口 已 達 2億3千萬 人 疫情 能否 平息 還 得 看 今年 秋冬 是否 大幅 感染 而 定 同時 得 過 新冠肺炎 卻 幸運 逃 過死</t>
  </si>
  <si>
    <t>一 場 世紀 瘟疫 新冠肺炎 在 全世界 已經 奪 去 近 490萬 人 的 性命 約等於 臺灣 20 的 人口 而 全球 染疫 人數 等於 臺灣 10 倍 人口 已 達 2億3千萬 人 疫情 能否 平息 還 得 看 今年 秋冬 是否 大幅 感染 而 定 同時 得 過 新冠肺炎 卻 幸運 逃 過死 劫 的 人 及其 家屬 也 多數 面臨 身 心靈 巨大 的 後遺症 值得 國人 注意 發表 在 權威 期刊 刺 胳 針 the lancet 的 中國 研究 發現 1700 名 從新冠肺炎 痊癒 的 人 有 76 的 人 至少 出現 一 種 後遺症 並 持續 6 個 月 之久 最 常見 的 症狀 包括 疲倦 肌肉 無力 睡眠 障礙 焦慮 和 沮喪 肺部 功能 傷害 腎 功能 下降 的 現象 感染 程度 愈 嚴重 後續 的 症狀 會 持續 愈久 有 個 最 新名詞 叫 長 新冠 我 在 美國 常 遇到 新冠肺炎 的 倖存者 一 位 曾 任 癌症 病房 的 護士 姐姐 爸爸 及 祖父 都因新冠 過世 她 染疫 已 過 1 年 仍 會 高度 緊張 失眠 氣喘 疲倦 至今還 不能 回去 工作 才 28 歲 的 她 說 身體 和 心理 覺得 像 82 歲 bbc 記者 露西 亞當斯 在 去年 3 月 染疫 今年 1 月 回去 工作 不久 居然 再度 染疫 我 今年 44 歲 但 我 的 身體 卻 像 一個 80 多 歲 的 老人 大多數 日子 裡 我 從 疼痛 中 醒來 然後 帶 著 疼痛 入眠 他們 是 典型 的 長 新冠 患者 我國 控制 新冠肺炎 得當 除了 疫苗 及 藥品 準備 匱乏 外 大約 是 世界 少數 最 成功 的 國家 之一 但 此 冠冕 不是 沒有 代價 的 政府 在 疫 調 及 隔離 做 得 徹底 是 主因 因為 對 防疫 的 迫切需要 政府 某些 危害 隱私 及 人權 的 措施 民眾 不 願 置 喙 連 人權 協會 都少 有 批評 再 加上 媒體 推波助瀾 大幅 報導 患者 隱私 使 新冠 患者 及 家人 受到 再度 或 三 度 四 度 傷害 恐 將 造成 許多 人 成為 永遠 的 長 新冠 患者 例如 入境 要 隔離 14 天 現在 一定 要 住 防疫 旅館 很多 旅館 防疫 措施 比 家裡 還 差 實在 沒 道理 有 公寓 只因 兩 人 確診 就 要求 該 棟 樓 所有 居民 都 得到 防疫 場所 住 14 天 對此 媒體 及 鄉民 都少 有 批評聲 量 中央 疫情 指揮中心 及 縣市政府 公佈 患者 足跡 的 作法 也 侵害 了 個人隱私 歐洲 美國 都 沒有 採取 這種 作法 非 不能 也 乃 不為 也 否則 被 疫 調 的 民眾 告 政府 是 可以 告 到 政府 破產 的 而 媒體 更 是 罔 顧新聞 倫理 將 確診 者 冠以 各種 外號 如 葡萄 家族 跑 趴 男 獅子王 k 歌王 等 更 大幅 報導 去 過 萬 華 茶室 的 人 極 盡 諷刺 能事 讓 確診 者 彷 佛 被 烙 上 一個 恥辱 標誌 猶如 霍桑 所寫 的 紅 字 通姦 的 人 必須 終生 戴著 一個 紅色 的 a 字 一樣 確診 者 的 家 人 也 受到 很 大 歧視 甚至 在 第一線 抗 疫 的 醫生 及 護理人員 的 子女 在 學校 都 受到 歧視 令人 深深 遺憾 多 位 醫生 出面 呼籲 政府 要 促成 醫院 對 長 新冠 的 重視 進行 3 r 正視 recognition 研究 research複健 rehabilitation 而且 越 早 進行 越 好 西方 國家 目前 是 一面 防疫 一面 開放 經濟 今年初 就 已 開始 對 後 新冠 患者 展開 援助 措施 對 患者 增加 病假 天數 民營企業 也 得 遵守 他們 不單 認為 同 島 一 命 更是 全世界 一 命 大家 都得 負 責任 並 鼓勵 長 新冠者 接受 心理 諮 商 成立 支持 團體 以 獲得 身 心靈 的 療 愈 這 值得 臺灣 學習</t>
  </si>
  <si>
    <t>染疫 家人 後遺症 肺炎 確診</t>
  </si>
  <si>
    <t>伊朗 疫情 失控 革命 衛隊 指揮官 染疫 病逝 高官 死亡率 為 全球 之首</t>
  </si>
  <si>
    <t>新冠肺炎 病毒 持續 在 全球 肆虐 伊朗 官方 公佈 的 確診 病例 破 萬 超過 500 人 死亡 是 僅次於 大陸 義 大利 之外 疫情 最為 嚴重 的 國家 繼 多 位 伊朗 高級官員 陸續 染疫 伊斯蘭 革命 衛隊 高級 指揮官 納賽爾·沙巴尼 nasser shabani</t>
  </si>
  <si>
    <t>新冠肺炎 病毒 持續 在 全球 肆虐 伊朗 官方 公佈 的 確診 病例 破 萬 超過 500 人 死亡 是 僅次於 大陸 義 大利 之外 疫情 最為 嚴重 的 國家 繼 多 位 伊朗 高級官員 陸續 染疫 伊斯蘭 革命 衛隊 高級 指揮官 納賽爾·沙巴尼 nasser shabani 也 傳出 因 感染 新冠肺炎 病逝 綜合 外 媒 報導 伊朗 伊斯蘭 革命 衛隊 irgc 發言人 夏立夫 ramezn sharif 在 當地 時間 13 日 證實 先前 確診 感染 的 高級 指揮官 沙 巴尼 已不 治 身亡 革命 衛隊 至少 有 5 名 隊員 死于 新冠肺炎 伊朗 至少 有 7 名 政要 24 名 議員 染疫 當中 共有 3 人 死亡 高級官員 因 染 新冠肺炎 病逝 的 比例 位居 全球 之首 更 多 ctwant 報導</t>
  </si>
  <si>
    <t>台南 市 新近 獲 分配 的 1萬6000 劑 疫苗 2 日 開 打 台南 市 議長 郭信良 除 肯定 市府 先前 的 施打 效率 外 也 建議 開放 部分 疫苗 給 年長 及 病 弱者 施打 郭信良 表示 台 南市 5 月 27 日 獲 配 1萬3000 劑 疫苗 5 月 30 日 就 全數 施打 完畢 顯示 市府 衛生局 的 效率 相當 高 但 民眾 們 更 想 知道 的 是 優先 施 打的 族群 是 如何 造冊 其中 還 有 多少 人員 尚未 施打 以及 如何 安排 其他 施打 順序 的 族群 郭信良 指出 目前 各縣市 分配 到 的 公費 疫苗 數量 有限 依據 中央 的 規定 醫 事 人員 防疫 人員 及 高 接觸 風險 第一 線工作人員 等 3 類 為 最 優先 接種 對象 優先 施打 順序 的 族群 施打 完畢 後 才能 進行 到 下 一個 施打 順序 的 族群 也 因此 疫苗 施打 效率 格外 重要 郭信良 還 說 今天 將 再 開 打 的 1萬6000 劑 疫苗 中 市府 決定 優先 分配 部分 疫苗 給 環保局 第一線 清潔 人員 及 殯葬 人員 對於 這項 安排 他 予以 肯定 但 也 要 特別 提醒 年長 及 病 弱者 目前 的 施打 排序 不 高 但是 最 脆弱 的 一 群 由於 抵抗力 低 染疫 後 極容易 演變成 重症 或 死亡 希望 市府 也 能 開放 部分 疫苗 給 年長 及 病 弱者 施打 維護 民眾 的 生命安全</t>
  </si>
  <si>
    <t>根據 美國 製藥 大廠 默沙東 集團 今天 公佈 的 臨床 期中 分析 結果 還 在 實驗 中 用 來 治療 covid-19 2019 冠 狀 病毒 疾病 的 口服藥 可使 重症 高風險 患者 的 住院 或 死亡 機 率 降低 約 50 法新社 報導 默沙東 集團 merck co 與 ridgeback biotherapeutics 發表 聲明 說 還 在 實驗 中的 口服藥 molnupiravir 給予 染疫 初期 的 高風險 患者 服用 可 大幅 降低 住院 或 死亡 的 風險 聲明 指出 根據 期中 分析 服用 molnupiravir 的 染疫 患者 中 至 29 天 有 73 住院 而 服用 安慰 劑 的 患者 至 29 天 有 141 住院 或 死亡 默沙東 集團 與 ridgeback biotherapeutics 計畫 針對 這個 口服藥 儘快 向 美國 提出 緊急 使用 授權 並且 向 全球 監管 機關 遞交 申請 由於 臨床實驗 結果 證實 有 療效 在 外部 監測 人員 建議 下 第 3 期 臨床 試驗 提早 喊停 ridgeback biotherapeutics 藥廠 執行長 霍爾曼 wendy holman 表示 迫切需要 能 讓 染疫 患者 居家 服用 並 避免 住院 的 抗 病毒 療法 譯者 曹宇帆 核 稿 劉學源 1101001</t>
  </si>
  <si>
    <t>確診 病例 染疫 新冠肺炎 血栓</t>
  </si>
  <si>
    <t>海軍 敦睦 艦隊 赴 帛 琉 出訪 後 染疫 除了 責任 最 大 的 國軍 外交部 也 難辭其咎 外交部長 吳釗燮 今 早 在 立院 外交 與 國防委員會 報告 但 報告 的 不是 軍艦 案 而是 談 口罩 等 醫療 物資 援助 友邦 的 運用 報告 是否 會 談及 軍艦 案 爭</t>
  </si>
  <si>
    <t>海軍 敦睦 艦隊 赴 帛 琉 出訪 後 染疫 除了 責任 最 大 的 國軍 外交部 也 難辭其咎 外交部長 吳釗燮 今 早 在 立院 外交 與 國防委員會 報告 但 報告 的 不是 軍艦 案 而是 談 口罩 等 醫療 物資 援助 友邦 的 運用 報告 是否 會 談及 軍艦 案 爭議 也 讓 人 好奇 國民黨 立 委 李德維 昨 22 日 在 立院 司法 法制委員會 檢舉 吳釗燮 散佈 假消息 外交部 與 美國在台協會 臺北辦事處 3 月 18 日 發佈 台 美 防疫 夥伴關係 聯合 聲明 我 援助 美國 10萬 口罩 換取 美國 提供 臺灣 30萬 防護衣 原料 但有 媒體 披露 是 我方 向 美國 購買 法務部 次長 陳明堂 表示 會 帶回去 交給 業 管 機關 處理 至於 是不是 假 訊息 要 認定 以後 才 知道 吳釗燮 今 23 日 在 立院 報告 口罩 援外 案 的 疑雲 會前 接受 記者 聯 訪 他 表示 口罩 援外 案 沒有 其他 的 政治 目的 是 為 幫助 邦交國 對抗 新冠肺炎 就 30萬 件 防護衣 原料 目前 全球 都 缺 料 外交部 是 透過 友好 友邦 人士 協助 確保 第一 線 防護 人員 防護衣 是否 有 交換 一 事 吳釗燮 強調 希望 發問 記者 看 清楚 外交部 發出 的 新聞稿 這 是 某些 政治 人物 扭曲 對於 南美 友邦 巴拉圭 收 中國 大陸 防疫 物資 吳釗燮 說 與 巴拉圭 邦交 關係 很 穩定 實際上 這 是 巴拉圭 商人 向 大陸 進行 商業 採購 並非 贈送 是 有些 巴拉圭 國民 誤會 是 中國 大陸 捐贈 對於 充分 尊重 國防部 敦睦 艦隊 出訪 國防部 出訪 外交部 全力 配合 和 準備 執行 前置 作業 對於 國軍 敦睦 艦隊 案 吳釗燮 重申 國軍 有 對外 例行 演 訓 外交部 絕對 配合 也 絕對 支持 國軍 對於 外交部 人事 異 動 傳聞 吳釗燮 說 這 部分 他 目前 不 做 說明</t>
  </si>
  <si>
    <t>新北 就業 服務處 志 工 染疫 勞工 局 第一時間 大 清 消</t>
  </si>
  <si>
    <t>華航 新增 1 機師 染疫 足跡 公佈 去 過海 真 私房 菜</t>
  </si>
  <si>
    <t>新冠肺炎 連 3 天 零 確診 逾 半 月 沒 本土 案例 疫情 中心 士氣 大振 停業 近 3 周 的 酒店 舞廳 業者 盼 政府 歡欣 之 餘 儘快 讓 他們 重新 營業 業者 估計 全台 酒店 從業人員 依附 酒店 為生 約 25萬 人 停業 迄今 損失 營業額 破 百億 衍生 的 生計 治安 問題 政府 須 正視 林森錢 櫃 大火 外界 質疑 政府 為 防疫 設立 八大 行業 停業 標準 不一 若 ktv 也 歇業 5 人 或 不 會 枉 死 北市 張 姓 酒店業 者 直言 錢 櫃 消防 安檢 疏失 一 籮筐 酒店 一直 被 外界 放大 檢 視 安檢 卻 馬虎 不得 但 政府 一聲令下 就 歇業 讓 他們 猝不及防 業者 批 政府 欺負 合法 繳稅 者 敦睦艦 確診 案例 後 國內 連 3 天 零 確診 月初 確診 造成 停業 令 的 酒店 女 公關 證實 接觸 者 都 陰性 自身 感染 源 不明 已 結案 張姓 業者 說 酒店 停業 導火線 沒了 政府 何不 表態 他 認為 政府 看 准 業者 不敢 與 官鬥 且 社會輿論 多少 歧視 酒店業 者 相較 醫護 禁止 出國 等 議題 不會 激起 大眾 同情 對 重開 與否 擱置 不理 欺負 合法 繳稅 的 有 牌 業者 防疫 雙 標準 ktv 阿公店 照開 曾 姓 舞廳 業者 說 對 政府 來講 都 不 出門 娛樂 染疫 風險 可 降 最低 但 也 應 顧及 人民 生計 吧 況且 當初 停業 是 避免 群 聚 感染 但 ktv 夜 店 阿公店 密集 群 聚 卻 能 倖免 道理 說 不通 曾 姓 業者 說 疫情 中心 指揮官 陳時中 聲稱 科學 防疫 但 停業 標準 不一 非常 不公 他 估計 所有 立 委 都 收過 業者 陳情 他 也 反映 過 對方 卻 面有難色 回應 現在 順 時 中 比較 好 該 立 委 私下 向 業者 表示 防疫 優先 疫情 中心 行政命令 淩駕 一切 除非 重大 缺失 立 委 也 不敢 嚴詞 批評 稍 有 立場 不同 可能 就 被 網 軍 出征 酒店 重 洗 牌 恐 生 地盤 爭奪戰 地方 民 代 也 四處 陳情 但 縣市政府 都 推 稱 是 中央 防疫 規定 沒人 敢 逆 時 中 業者 說 這 是 25萬 人 的 生計 問題 政府 不能 雙 手 一 攤 只要 防疫 得當落實 自 主管 裡 就 該 讓 業者 重新 營業 此外 近來 犯罪 層出不窮 政府 卻 把 責任 推 給 警方 要求 專案 查緝 警方 私下 抱怨 八大 行業 妥善 規範 管理 犯罪 自然 就 少 警方 也 說 停業 愈久 資金 不夠 雄厚 的 小 業者 未來 將 被 大業 者 併吞 酒店 版圖 重新 洗 牌 連帶 背後 圍 事 黑道 也 會 為 爭奪 地盤 起 衝突 治安 衝擊 愈來愈 大</t>
  </si>
  <si>
    <t>新冠肺炎 本土 疫情 嚴峻 住 新北 的 60 歲 婦女 染疫 被 南送 到 嘉義 縣 集中 檢疫所 後 病情 轉為 重症 拒絕 插管 治療 嘉義 基督教 醫院 醫護人員 及 家人 透過 視 訊 用 親情 喚醒 她 的 求生 意念 她 接受 插管 治療 20 天 後 拔 管 出院 為 感謝 嘉基</t>
  </si>
  <si>
    <t>新冠肺炎 本土 疫情 嚴峻 住 新北 的 60 歲 婦女 染疫 被 南送 到 嘉義 縣 集中 檢疫所 後 病情 轉為 重症 拒絕 插管 治療 嘉義 基督教 醫院 醫護人員 及 家人 透過 視 訊 用 親情 喚醒 她 的 求生 意念 她 接受 插管 治療 20 天 後 拔 管 出院 為 感謝 嘉基 團隊 捐款 6萬 元 讓 醫院 添 購 防疫 設備 這 位元 曾姓 婦人 因 感染 新冠肺炎 被 送 到 嘉義 縣 集中 檢疫所 內 發燒 不 舒服 透過 檢疫所 醫師 視 訊 問診 血 氧 機 驗 出血 氧 濃度 下降 至 80 5 月 28 日 轉送 嘉義 基督教 醫院 治療 到 院 時 高燒 不退 全身 寒 顫 意識 模糊 拒絕 插管 照 x 光 檢查 發現 雙 側 肺葉 嚴重 浸潤 嘉 基 內科 部 醫師 陳柏君 診斷 曾婦 無 慢性病 及 癌症 病史 鼓勵 她 積極 治療 但 家屬 不能 探病 醫護人員 協助 曾婦 與 丈夫 用 視 訊 談話 丈夫 看到 太太 虛弱 的 模樣 很 不 舍 不斷 呼喚 她 在 親情 的 鼓舞 下 她 才 接受 插管 治療 嘉 基 醫院 表示曾婦 的 丈夫 向 醫院 說出 原委 曾婦 很 韌性 強 很 能 忍痛 不 願意 麻煩 別人 這次 一定 是 難以忍受 才 會 打 1922 求助 原本 期待 會 到 慈濟 醫院 治療 因而 送到 嘉基時 有所 遲疑 曾 婦 及 丈夫 為 感謝 嘉基 醫護人員 能 以 同 理 心 化解 她 的 遲疑 讓 她 安心 接受 插管 治療 最後 拔 管 出院 決意 捐款 6萬 元 給 嘉基添 購 防疫 物品 分享 他們 的 幸運 陳柏君 醫師 表示 曾姓 患者 肺部 浸潤 情形 在 出 院前 已 明顯 改善 血 氧 也 相當 穩定 目前 南部 醫療 量 能 尚 足以 因應 重症 患者 希望 患者 要 對 醫療 有 信心 治療 過程 中 好好 配合 就 能 期待 治癒 出院 與 家人 團聚 重溫 親情</t>
  </si>
  <si>
    <t>海軍 敦睦 艦隊 高雄 有 9 人 染疫 高雄 市長 韓國瑜 今天 表示 744 位 官兵 中 扣 掉 24 位 已 確診 350 位 戶籍 在 高雄 當中 有 92 人 表示 因 未接 獲 上級指示 拒絕 配合 市府 進行 疫 調 高雄 衛生局 表示 若 拒絕 可 依法 重罰 30萬 對此 中</t>
  </si>
  <si>
    <t>日前 傳出 爆發 疫情 的 法國 唯一 航空母艦 戴高樂 號 charles de gaulle r 91 艦 上 人員 染疫 情況 超乎想像 法國 軍方 表示 總共 有 2300 名 人員 的 戴高樂 號 航母 已 有 1081 人 病毒檢測 呈 陽性 比例 將近 半 數 目前 該 航空母艦 已 返回 母</t>
  </si>
  <si>
    <t>日前 傳出 爆發 疫情 的 法國 唯一 航空母艦 戴高樂 號 charles de gaulle r 91 艦 上 人員 染疫 情況 超乎想像 法國 軍方 表示 總共 有 2300 名 人員 的 戴高樂 號 航母 已 有 1081 人 病毒檢測 呈 陽性 比例 將近 半 數 目前 該 航空母艦 已 返回 母港 法國 土倫 港 而 隨 著 檢測 持續 進行 染疫 確診 的 人數 可能 還 會 增加 據 路透 報導 法國 國防部長 帕 莉 florence parly 稱 戴高樂 號 航母 上 已 有 1081 名 人員 的 新冠 病毒檢測 呈 陽性 約 占 戴高樂 號 艦 上 2300 名 人員 近 半 數 報導 說 確診 的 戴高樂 號 人員 中 有 545 人 出現 明顯 症狀 已 有 24 人 入院 治療 戴高樂 號 航母 於 1 月 21 日 啟航 前往 地中海 東部 支援 法國 在 伊拉克 和 敘利亞 對抗 極端 主義 分子 的 軍事行動 隨後 前往 大西洋 和 波羅的海 參加 與 北歐國家 海軍 進行 的 聯合演習 但 上周 戴高樂 號 傳出 40 名 船員 感染 新冠肺炎 疫情 航母 被迫 提前 2 周 返回 法國 土倫 港 並 空運 大量 檢測 設備 到 艦 上 為 官兵 進行 檢測 目前 法國 軍方 正在 調查 戴高樂 號 是 在 何處 感染 以及 如何 暴發 疫情</t>
  </si>
  <si>
    <t>機師 確診 長 榮 染疫 進度</t>
  </si>
  <si>
    <t>國內 新冠 疫情 出現 趨 緩 但 仍 造成 逾 6百 人 染疫病 亡 旅美 學者 林環 牆 表示 迄 6 月 27 日 止 臺灣 確診 死亡率 高 達 432 是 世界 平均 確診 死亡率 217 的 兩 倍 以 臺灣 的 醫療 進步 程度 與 經濟 發展 水準 言 這個 數字 太 反常 了 他 對 此</t>
  </si>
  <si>
    <t>韓再增 293 確診 累計 5621 人 染疫 近 7 成為 集體 感染</t>
  </si>
  <si>
    <t>台中 市北 屯 區大坑 裡 家庭 群 聚 感染 累計 21 例 確診 首例 72 歲 婦人 案 7527 的 78 歲 染疫 丈夫 案 7928 2 日 過世 成為 中 市 首 起 新冠肺炎 重症 死亡 個案 市長 盧秀燕 說 疫情 期間 民眾 遭遇 生離死別 她 感同身受 市府 將 成為 市民</t>
  </si>
  <si>
    <t>台中 市北 屯 區大坑 裡 家庭 群 聚 感染 累計 21 例 確診 首例 72 歲 婦人 案 7527 的 78 歲 染疫 丈夫 案 7928 2 日 過世 成為 中 市 首 起 新冠肺炎 重症 死亡 個案 市長 盧秀燕 說 疫情 期間 民眾 遭遇 生離死別 她 感同身受 市府 將 成為 市民 強力 後盾 全力 協助 家屬 各項 治喪 事宜 請 市民 安心 防疫 民政局長 吳 世瑋 指出 中 市 首 起 死亡 個案 遺體 3 日 已 移 往 大甲 殯儀館 火化場 進行 火化 因 家 屬 3 個 兒子 和 3 個 媳婦 都 在 隔離 治療 中 由 住 在外 縣 市 女兒 處理 後事 目前 往 生 者 骨灰 先 由 葬 儀 業者 收 置 暫 厝 4 日 將 移 往 潭子 生命 紀念館 進塔 吳 世瑋 說 往 生 者 遺體 依 傳染病 防治法 規定 需 於 24 小時 內 火化 若 往 生 者 家眷 尚 在 隔離 中 無法 親自 處理 喪葬 事宜 市府 就 啟動 急難 救助 市府 將 以 電話 聯絡 授權人 協助 火化 骨灰 暫 厝 安置 等 待 家眷 居家 隔離 期滿 再 交由家眷 處理 後續 事宜 吳 世瑋 強調 台中 市 目前 有 2 座 火化場 分別 附設 於 東海 及 大甲 殯儀館 一經 接 獲 確診 者 遺體 現場 防疫 小組 即刻 啟動 防疫 機制 由 穿 著 全套 防護 設備 人員 執行 棺木 火化 作業 立即 就 棺木 行進路線 及其 周邊環境 設備 采 嚴謹 高 規格 消毒 作業 落實 防疫 作為 提升 殯葬 環境 防疫 能量</t>
  </si>
  <si>
    <t>中 市 新增 5 例 確診 東海 大 一生 和 萬華 朋友 吃飯 染疫</t>
  </si>
  <si>
    <t>刑事 局 偵查 第 三大隊 楊 姓 偵查員 20 日 因 腹瀉 請假 前往 臺北醫學大學 附設 醫院 就醫 並且 在 戶外 篩檢 區 採樣 核酸 檢測 23 日 下午 1 時 左右 衛生 單位 通知 楊員 新冠肺炎 核酸 檢測 pcr 陽性 確定 這 是 新冠肺炎 疫情 以來 全國 刑事 龍頭 首 名 確診 個案 未 料 昨天 晚間 又 有 一 名 同 大隊 警官 快 篩 後 呈現 陽性反應 但 兩 人 並未 有 接觸 史 目前 進行 pcr 檢測 昨天 刑事 局 三大隊 一 名 偵查員 染疫 消息 傳出 後 刑事 局 立即 通知 廠商 于 晚間 7 時至 辦公室 消毒 及 期間 與 該員 有 接觸 者 進行 自主 健康 管理 至 醫院 抗原 快 篩 或 pcr 核酸 檢測 及 居家 分流 辦公 等 作為 未 料 又 有 一 名 新進 警官 在 進行 快 篩 後 出現 陽性反應 讓 刑事 局 大為 緊張 立刻 清查 兩 人 是否 有 接觸 史 但因 該 為 警官 與 楊姓 偵查員 不同 隊 並未 有 接觸 因此 為何 呈現 陽性反應 仍 有待 進一步 調查 足跡 後 厘清 刑事 局 說 正 依 規定 調查 楊員 近日 足跡 及 密切接觸 對 象 于 衛生 單位 通知 後續 處理方式 前 先予 接觸 同仁 休假 停止 上班 居家 隔離 後續 將 依 衛生機關 指示 及 相關 規定 辦理 匡列 快 篩 並 啟動 異地 分流 及 居家 上班 等 機制 以 確保 勤務 運作 及 保護 員警 健康 安全 初步 瞭解 該員 近來 無 萬 華 接觸 史 是否 因 外出 調閱 監視器 跟 監 埋伏 染疫 仍 待 厘 清 昨 刑事 局 獲 知 楊員 確診 昨晚 緊急 針對 辦公大樓 清潔 消毒 該 大隊 包括 大隊長 等 25 名 官 警 也 全數 至 醫院 快 篩檢測 刑事 局 正 配合 衛生 單位 調查 楊 近日 足跡 及 密切接觸 對 象 包括 同事 等 人 匡列 居家 隔離 並 根據 警政署 規定 依 程度 啟動 異地 分流 及 居家 上班 機制 據 瞭解 15 日 雙 北 三級 警戒 地 檢 署 暫緩 專案 楊 大多 待 在 辦公室 但 仍 有 外出 調 監視器 佈線 埋伏 疫 調 足跡 厘 清中</t>
  </si>
  <si>
    <t>delta 確診 者 摸 過手 扶梯 他 105 分鐘 後 再 碰到 竟 染疫</t>
  </si>
  <si>
    <t>嘉義 工廠 群 聚 染疫 老闆娘 到 嘉義 市 拜廟 男員工 去 過 耐 斯 百貨 及 家樂福</t>
  </si>
  <si>
    <t>新冠肺炎 全球 大 流行 民眾 紛紛 排隊 搶購 口罩 但 嬰兒 卻 買不到 美國 又 有 6 周大 嬰兒 染疫 身亡 讓 家長 擔憂 桃園 議員 都為 嬰兒 請命 衛生局長 王文彥 表示 嬰兒 防疫 采 被動 防護 呼籲 大人 戴 好 戴 滿 保護 嬰兒 進出 醫</t>
  </si>
  <si>
    <t>新冠肺炎 全球 大 流行 民眾 紛紛 排隊 搶購 口罩 但 嬰兒 卻 買不到 美國 又 有 6 周大 嬰兒 染疫 身亡 讓 家長 擔憂 桃園 議員 都為 嬰兒 請命 衛生局長 王文彥 表示 嬰兒 防疫 采 被動 防護 呼籲 大人 戴 好 戴 滿 保護 嬰兒 進出 醫院 打預防針 風險 高 議員 陳治文 指出 昨 新增 4 歲 男童 被 返台 爺爺 傳染 美國 芝加哥 4 月 1 日 也 傳出 不足 1 歲 僅 6 周大 的 嬰兒 感染 新冠肺炎 不治 身亡 成為 全球 年紀 最小 的 死亡 病例 她 強調 嬰幼兒 是 被 遺忘 的 一 群 尤其 要 打預防針 一定 要 進出 高風險 的 醫院 或 衛生所 新手 爸 媽 都 感到 擔憂 議員 劉茂群 也 說 嬰兒 戴 成人 或 幼童 口罩 都 過 大 如今 口罩 量 提高 應該 向下 延伸 到 嬰兒 議員 謝美英 則 指出 口罩 有 棉布 醫用 活性碳 n 95 等 各式 款式 當場 出示 11 種 款式 要 王文彥 猜猜看 辨識 哪 款 有 防疫 作用 目前 沒 製造 嬰兒 專用 口罩 王文彥 坦言 目前 國內 沒有 製造嬰兒 專用 口罩 強調 是 特殊 規格 一來 嬰兒 手 會 拉掉 二來 流口水 易 沾濕 戴起來 沒 意義 且 嬰兒 耳朵 不夠 硬 掛不住 也 擔憂 嬰兒 呼吸 力 較 弱 口罩 恐 讓 嬰兒 過度 費力 呼吸 而有 窒息 風險 因此 不 建議 1 歲 以下 嬰兒 戴 口罩 王文彥 直言 嬰兒 本來 就是 要 大人 保護 防疫 以 被動 防護 為主 如要 外出 可 在 嬰兒車 上 加套 防風 罩 周 遭 大人 也 全都 要 戴 口罩 他 也 會 指示 醫院 和 衛生所 做好 消毒 跟 分 艙 分流</t>
  </si>
  <si>
    <t>長 榮 航空 三 名 機師 突破性 感染 新冠 病毒 delta 變異 株 不但 造成 一 名 機師 兒子 染疫 風暴 也 延燒到 台中 讓 兩 名 職 場 接觸 者 空服 員 及其 9 名 親友 遭到 匡列 隔離 繼 日前 接觸 案 16119 空姐 和 其 7 名 同 住 家屬 解 隔離 後 另外 接觸</t>
  </si>
  <si>
    <t>全球 新冠 疫情 自 爆發 以來 已 逾 7 個 月 如今 疫情 並未 減緩 反而 有 加速 趨勢 據 路透社 統計 全球 新冠肺炎 確診 於 17 日 統計 累計 超過 1400萬 也 是 首度 100 小時 內 增加 100萬 人 染疫 此外 在 單日 確診 中 此外 美國 新冠 疫情 仍 是</t>
  </si>
  <si>
    <t>全球 新冠 疫情 自 爆發 以來 已 逾 7 個 月 如今 疫情 並未 減緩 反而 有 加速 趨勢 據 路透社 統計 全球 新冠肺炎 確診 於 17 日 統計 累計 超過 1400萬 也 是 首度 100 小時 內 增加 100萬 人 染疫 此外 在 單日 確診 中 此外 美國 新冠 疫情 仍 是 全球 最為 嚴重 的 國家 全球 17 日 單日 確診 的 237萬 人中 美國 就 占 了 近 三 分之一 同一時間 確診 數 為 77萬 人 路透社 報導 指出 自大 陸 武漢 傳出 首 起 病例 後 過 了 3 個 月 才 累積 100萬 例 如今 卻 只 花 了 4 天 時間 就 從 13 日 的 1300萬 例 增加 到 1400萬 例 目前 有 超過 360萬 人 確診 疫情 最為 嚴峻 的 美國 在 第一 波 疫情 的 每日 新增 確診 人數 仍 日日 攀升 17 日 逾 77萬 人 感染 不僅 打破 全球 單日 新增 確診 紀錄 更 在 全球 237萬 新增 確診 中 占 了 近 三 分之一 路透社 根據 各國 政府 報告 的 統計 顯示 美洲 疫情 發展 最 快速 占 全球 感染 人數 逾 半 病故 人數 則 占 一半 美國 至今已有 364萬 人 確診 13萬 人 死亡 而 同樣 在 美洲 的 巴西 確診 數 已 達 204萬77 人 死亡 確診 與 死亡數 皆 排名 第 2 排名 第 3 的 印度 也 剛於 近日 突破 百萬 確診 世界衛生組織 who 表示 17 日 新增 確診 多 為 來自 上述 國家</t>
  </si>
  <si>
    <t>2019 年 起 全球 新冠肺炎 covid-19 疫情 延 燒 現 先進 國家 已 廣泛 接種 新冠 疫苗 臺灣 上 一 年 相安無事 不料 近 月 臺灣 疫情 開始 延 燒 對此 台中 市 大裡 區 立 仁裡 長 鄭伯其 1 日 在 臉書 發文 呼籲 不怕 政府 查 水錶 的 來 發動 請 認同 的 朋友 網友 大家 一起 來 一 人 一 通 電話 打 給 你 選區 的 立法委員 要求 他 公開 在 臉書 或 媒體 或於 立 法院 臨時 會 公開 要求 行政院 承諾 立即 放寬 並 協助 各界 取得 疫苗 鄭伯其 在 臉書 寫道 當 全國 人民 為了 疫情 蔓延 惶恐不安 之時 染病 等 不 到 病床 的 之時 更當 人民 急切需要 疫苗 的 時候 我們 的 總統 重視 的 是 竟然 是 國家 需要 發展 疫苗 生 技 產業 所以 請 民眾 再 等待 要 支持 要求 蔡英文 總統 咱們 要 的 是 病床 要 的 是 疫苗 請 你 正視 人民 的 懇求 別 再 用 行政 石頭 卡 各縣市 或 企業界 宗教團體 的 疫苗 採購 及 贊助 活動 了 可以 嗎 鄭伯其 指出 他 自己 是 上有 年邁 的 母親 下有 3 個 國 中小學 孩子 的 父親 心中 惶恐 壓力 很 大 每每 看到 報導 那些 染疫 個案 不管 是 確診 死亡 或 重症 找 不 到 醫院 找 不 到 病床 的 個案 時 實在 不敢相信 這 真的 是 臺灣 嗎 往日 那種 安居樂業 的 臺灣 到 哪裡 去 了 質疑 那麼 多 的 防疫 預算 到底 超前 部署 去 哪 了 而 那些 民選 出來 領 很多 年 薪 的 立法委員 你們 到底 再 幫 我們 監督 個 什麼 東西 啊 鄭伯其 在 臉書 呼籲 為了 我們 的 家人 親人 朋友 的 生命安全 要 勇敢 的 不怕 政府 查 水錶 的 來 發動 請 認同 的 朋友 網友 大家 一起 來 一 人 一 通 電話 打 給 你 選區 的 立法委員 要求 他 公開 在 臉書 或 媒體 或於 立 法院 臨時 會 公開 要求 行政院 承諾 立即 放寬 並 協助 各界 取得 疫苗 而 我 自己 將 打電話 要求 我 的 選區 全國 第一 高票當選 立法委員 的 何欣純 立 委 請 大家 跟 我 一起 這樣 作 就 不 相信 喚 不 回 公理與 正義</t>
  </si>
  <si>
    <t>疫情 急速 升溫 花蓮 今天 一口氣 增 6 人 染疫 其中 5 人 是 家族 接觸 另 1 人 北上 聚餐 染 案 家族 確診 中 1 人 是 任職 花蓮 縣政府 行政 暨 研 考處 採購 行政 女 員工 她 於 本月 15 日 與 來自 新北 萬 華區 的 舅舅 接觸 期間 家族 有 聚餐 打牌 等 近距</t>
  </si>
  <si>
    <t>疫情 急速 升溫 花蓮 今天 一口氣 增 6 人 染疫 其中 5 人 是 家族 接觸 另 1 人 北上 聚餐 染 案 家族 確診 中 1 人 是 任職 花蓮 縣政府 行政 暨 研 考處 採購 行政 女 員工 她 於 本月 15 日 與 來自 新北 萬 華區 的 舅舅 接觸 期間 家族 有 聚餐 打牌 等 近 距離 接觸 隔 沒 幾 天 返 北 的 舅舅 確診 之後 女 員工 的 公婆 大 姐夫 二 姐夫 等 共 5 人 都染疫 縣府 神經 緊 繃 立即 通知 縣府 111 位 同仁 篩檢 經 初步 篩檢 全是 陰性 縣府 員工 染疫 外界 關切 縣府 運作 以及 防疫 作為 縣長 徐榛蔚 今 下午 防疫 記者會 表示 縣府 已於 21 日 啟動 縣府 異地 辦公 作為 這 名 染疫 的 女 員工 是 在 異地 辦公區 也 就 是 花 蓮社 福 館 目前 已 通知 女 同仁 辦公室 同事 接受 篩檢 目前 社 福 館 已 全面 閉館 今天 開始 也 有 部分 同仁 啟動 居家 辦公 防堵 染疫 縣府 運作 一切正常 今天 新增 6 例 截至 目前 花蓮 已 有 12名 確診 個案 縣府 表示 本月 15 日 該 名 員工 案 6776 有 臺北 萬華 舅舅 來訪 隔 天女 同仁 去 台東 玩 18 日 同 住 的 公公 出現 感冒 症狀 19 日 女 同仁 先回到 娘 家住 20 日 她 出現 一點 感冒 症狀 隔 天 下班 後 到 某 耳鼻喉科 看 診 但 當時 沒有 發燒 到 了 24 日 萬華 的 舅舅 的 pcr 檢驗 報告 出爐 為 陽性 確診 被 隔離 了 疫 調 期間 與 篩檢 發現 家族 有 聚餐 打 家庭 麻將 被 通知 到 醫院 篩檢 包括 女 科員 共有 公婆 大 姐夫 二 姐夫 共 5 人 染疫 另 1 人 則 是 案 67555 月 10 日 該 染疫 女子 與 丈夫 孩子 到 臺北 萬 華區 某 海鮮 餐廳 聚餐 11 日 返 花蓮 直到 17 日 得知 有 人 確診 因此 她 與 先生 小 女兒 到 醫院 快 篩 當時 都 是 陰性 但 24 日 早上 發燒 流 鼻 水 25 日 到 醫院 檢查 26 日 確診 不過 該案 有 警覺性 當 17 日 得知 聚餐 有人 確診 雖然 初步 篩檢 是 陰性 但 仍 自主 健康 管理 沒有 外出 活動</t>
  </si>
  <si>
    <t>縣府 確診 染疫 花蓮 新冠肺炎</t>
  </si>
  <si>
    <t>突破性 感染 頻 傳 甚至 有 境外移入 個案 混打 3 劑 疫苗 仍 確診 精神 科 醫師 沈政男 表示 疫苗 不是 金鐘罩 打完 疫苗 也 無法 恢復正常 生活 突破性 感染 得 重症 的 機 率 是 沒 打 疫苗 者 的 75 只能 說 疫苗 保護 力 與非 疫苗 防護 手段 有關 不 好好 戴 口罩 打完 2 劑 mrna 疫苗 的 突破性 感染 機 率 也 高達六 成 沈政男 昨 在 臉書 發文 表示 每個 階段 的 防疫 主題 都 不 一樣 現在 這個 階段 最熱 門 的 就是 突破性 感染 全世界 都 在 搶 打 疫苗 以色列 絕對 是 打得 最 凶 也 最 充分 的 國家 但 如今 卻 每天 新增 上萬 例 的 確診 個案 那些 說 打 疫苗 可 大幅 降低 重症 與 住院 率 的 都 是 英國 alpha 變種 時代 的 思維 如今 印度 delta 變異 株 已經 君 臨 大地 了 沈政男 分享 最新 一期 新英格蘭 醫學期刊 的 研究 加州大學 聖地牙哥 附設 醫院 的 醫療 人員 今年 6 月 前 完整 施打 疫苗 的 保護 力 超過 90 但 到 了7 月 卻 只 剩下 655 也就是說 打 了 兩劑 mrna 疫苗 得到 突破 感染 的 機會 依然 高達 35 只要 有 3 個 沒 打 疫苗 的 人 被 感染 就 可能 有 1 個 打過 疫苗 的 人 被 感染 更 不要 說 只 打過 一 劑 疫苗 的 人 沈政男 指出 許多 人 以為 打 疫苗 後 染疫 90 以上 都 是 輕 症 不過 根據 發佈 在 刺 胳 針 感染 醫學期刊 上 的 英國 研究 指出 突破性 感染 得到 重症 的 機 率 是 沒 打 疫苗 者 的 75 住院 機 率 則 是 30 至 40 左右 所謂 打 了 疫苗 即使 染疫 也 是 輕 症 主要 原因 是 打 了 疫苗 後 染疫 機會 大大降低 但 染疫 後 重症 的 機會 其實 沒 降 太 多 沈政男 認為 疫苗 保護 力 與非 藥物 防護 手段 根本無法 分開 加州大學 附設 聖地牙哥 醫院 的 醫護 在 7 月 突破性 感染 機 率 大增 除了 因為 delta 開始 盛行 也 跟 口罩 強制 令 解除 有關 以色列 也 是 如此 民眾 打完 兩劑 疫苗 就 有恃無恐 什麼 防疫 手段 都 不 管 才讓 delta 趁虛而入 沈政男 說 以色列 的 染疫 住院 與 死亡 曲線 與 一 年前 疫情 最 熾烈 時 相差不多 了 不是 說 新冠 疫情 會 流 感化 只要 疫苗 打到 7080 的 覆蓋率 達到 群體 免疫 就 能 與 病毒 共存 大錯特錯 連 三 錯 以色列 就 是 前車之鑒 沈政男 接 著 說 若 打完 疫苗 不 戴 口罩 認為 反正 有 2 劑 mrna 疫苗 就是 神功 附 體 再多 的 病毒 都 不怕 那 病毒 將 如 潮水 一般 衝垮 抗體 防線 攻 入 體內 新冠 疫苗 雖 好 即使 是 mrna 疫苗 都 不是 金鐘罩 啦 病毒 量 只要 夠 多 就 會 衝垮 抗體 防線 沈政男 也 說 疫苗 保護 力 與非 疫苗 防護 手段 有關 不 好好 戴 口罩 打完 2 劑 mrna 疫苗 的 突破性 感染 率 高達六 成 反之 如果 繼續 戴好 口罩 那麼 即使 只 有 打 一 劑 az 也 是 有 不錯 的 保護 力</t>
  </si>
  <si>
    <t>突破性 感染 mrna 染疫 疫苗 臺灣</t>
  </si>
  <si>
    <t>近來 臺灣 鮪 延 繩 釣 協會 接 獲 逾 百 名 漁民 陳情 直指 遠洋漁業 是 邊境 防疫 一 環 漁民 應 列入 優先 打 疫苗 類別 因 目前 有 多國 港口 開放 停靠 而 船長 年齡 偏 長 有 慢性病 若無 疫苗 防護 除 增加 感染 風險 還 會 因 海上 醫療 資源 匱乏 而有 生命危險 漁民 反映 現今 有 許多 國家 因 漸漸 解封 港口 也 陸續 開放 外籍 漁船 停靠 而 有的 則 要 確定 船上 人員 都 打過 疫苗 後 才 准許 停靠 對此 臺灣 漁船 真的 陷入 兩難 前者 看似 方便 但 存在 感染 風險 至於 後者 是 直接 否決 臺灣 漁船 停靠 的 機會 漁民 說 遠洋漁船 的 船長 平均年齡 560 歲 且 多 數 有 慢性病 許多 船長 每次 出海 時都 要 帶 一大 箱 的 藥 若 不幸 染疫 且 在 船上 發病 的 話 後果 真的 不堪設想 因為 海上 的 醫療 資源 不僅 極度 匱乏 還 不 比 陸地 可以 立即 施 救 對此 臺灣 鮪 延 繩 釣 協會 指出 遠洋漁業 真的 是 邊境 防疫 中 很 重要 的 一 環 雖然 目前 有 嚴格 防疫 措施 漁民 需 隔離 14 天 pcr 采 陰後 才能 入境 且 入境 後 還要 自主 管理 7 天 但 讓 漁民 打 疫苗 才能 更 確實 阻絕 病毒 入侵 國內 且 以 人道 觀點 來看 也 能 保護 漁民 降低 重症 發生率 臺灣 鮪 延 繩 釣 協會 說 漁民 的 陳情 已向 漁業 署 反映 而 漁業 署 說 已 有 造冊 但 後續 狀況 未 明 希望 政府 能 重視 漁民 需求 其實 去年 全球 疫情 大 爆發 時 漁 界 已 在 討論 漁民 打 疫苗 的 問題 畢竟 他們 就 是 全世界 跑來跑去 的 一 群 不料 疫苗 出來 後 漁民 完全 被 漠視 與 大家 的 期待 很 不同 三級 警戒 下 外籍 漁 工 無法 入境 許多 漁船 因 缺 工 無法 出港 東港 鹽埔 漁港 進入 漁船 停好 停 滿 高峰期 而今 微 解封 在即 漁民 一邊 期待 能 藉 此 緩解 漁業 慘 況 但 又 憂心 疫苗 問題</t>
  </si>
  <si>
    <t>治療 中的 癌症病人 因 無 法 等待 治療 必須 頻繁 進入 醫院 感染 新冠肺炎 的 風險 比 平常人 更 高 一旦 染病 還 容易 導致 重症 或 死亡 和信 治 癌 中心醫院 及 癌症 病友 團體 呼籲 政府 應將 目前 需 予 積極 治療 的 癌症 病友 列入 7 月 起 的 疫苗 施打 對象 和信 治 癌 中心醫院 指出 癌症 的 治療 樣 態 以及 癌症病人 在 治療 之間 的 身體 免疫力 起伏 不若 一般 慢性 疾病 病人 依 處方 箋 領 藥 遵循 醫囑 服藥 即 可 保持 疾病 的 控制 癌症 的 治療 需 依 治療 週期 抽血 檢驗 或 安排 相關 影像 檢驗 來 評估 病人 的 身體狀況 副作用 影響 以及 腫瘤 變化 來 決定 病人 需不需要 調整 劑量 或 治療 方式 以 持續 或 接續 治療 而 癌症 的 治療 多 需 專業 人員 操作 下 才能 給予 例如 化療 放療 標 靶 等 舟車 往返 於 醫院 到 院 檢查 及 治療 是 癌症病人 治療 時期 的 生活 常態 及 寫照 多數 癌 友 的 身體 較為 虛弱 或 因 白血球 低下 而 易於 被 感染 這 讓 大多數 病友 于 疫情 期間 出入 醫療 院所 或者 必須 倚賴 大眾交通 工具 的 接觸 感染 風險 最近 就 有 許多 癌 友 反映 為了 要命 得到 院 治療 但 到 院 呢 又 有 染疫 風險 可能 會 沒命 是 去 還是 不 去 呢 和信 治 癌 中心醫院 表示 美國 國家 癌症 資訊 網路 nccn 在 2021 年 6 月 9 日 所發 佈 的 癌症 與 covid-19 接種 cancer and covid-19 vaccination 就 明確 建議 治療 中的 癌症病人 在 獲得 其 主治醫師 評估 且 建議 施打新冠 疫苗 時 應得 優先 順序 儘快 施打 疫苗 給予 保護 力 中央 流行 疫情 流行 指揮中心 6 月 22 日公 佈 7 月 起 新冠 疫苗 接種 的 對象 名單 罕見 疾病 及 重大 傷病 卻 僅 列 第 9 位 排在 體健 之 65 至 74 歲 國民 之後 和信 治 癌 中心醫院 及 癌症 病友 團體 呼籲 應將 目前 需 予 積極 治療 之 癌症 病友 列入 7 月 起 的 疫苗 施打 對象 和信 疫苗 小組 召集人 王詠 醫師 及 血液 與 腫瘤 內科 部 主任 褚乃銘 醫師 呼籲 癌症病人 應 在 主治醫師 依據 下 述 標準 評估 下 將 其 納入 疫苗 較 優先 施打 物件 包括 正在 接受 化學治療 中 或 一 年 內 接受 過 化療 的 病人 正在 接受 放射 治療 的 病人 任何 罹 患 癌症 第 4 期 的 病人 以及 正在 接受 標 靶 治療 中的 病人</t>
  </si>
  <si>
    <t>新增 2 境外移入 台 男 9 月 在 緬甸 染疫 上周 返台 又 確診</t>
  </si>
  <si>
    <t>14 50 更新 國內 今日 新增 2 名 新冠肺炎 境外移入 個案 為 30 多 歲 本 國籍 男性 案 605 及 50 多 歲 本 國籍 男性 案 606 分別 自 緬甸 印尼 入境 其中 案 605 曾 在 緬甸 確診 且 在 當地 和 案 501 及 案 505 一起 吃飯 研 判為 案 501 及 案 505 的 指標 個案 截至 目前 國內 共 累計 605 例 確診 案例 指揮中心 發言人 莊人祥 表示 案 605 今年 3 月 至 緬甸 工作 9 月 6 日 起 陸續 出現 嗜睡 發燒 嗅 味覺 喪失 等 症狀 於 當地 就醫 確診 新冠肺炎 隔離 期間 未再 采 檢 因 症狀 緩解 於 9 月 下旬 解除 隔離 案 605 在 11 月 8 日 返國 入境 時 因 主動 告知 曾於 緬甸 確診 且 曾 在 當地 曾 與 案 501 及 案 505 一起 吃飯 由 機場 檢疫 人員 安排 采 檢 同日 在 檢疫所 等待 檢驗 結果 時 出現 喉嚨 癢 及 輕微 咳嗽 症狀 後續 因 機場 采 檢 結果 為 陰性 轉至 防疫 旅館 居家 檢疫 案 605 在 11 月 13 日 咳嗽 症狀 加劇 主動 回報 衛生 單位 安排 就醫 采 檢 於 今日 確診 ct 值 33 研 判為 案 501 及 案 505 的 指標 個案 個案 同 班機 前後 二 排座位 旅客 共 4 人 3 人 列 居家 隔離 1 人 未 入境 機組員 共 5 人 因 有 適當 防護 列 自主 健康 管理 案 606 因 工作 於 今年 9 月 前往 印尼 11 月 9 日 起 陸續 出現 咳嗽 味覺 異常 呼吸 不順 發燒 腹瀉 及 肌肉 酸痛 等 症狀 僅 自行 服藥 未 就醫 個案 11 月 15 日 入境 時 持有 登機 前 3 日內 血清 抗體 檢驗 陰性 報告 因 主動 告知 曾有 症狀 且 曾 接觸 確診 個案 於 機場 進行 采 檢 並於 今日 確診 莊 人 祥 表示 案 606 檢具 的 報告 為 血清 抗體 陰性 報告 抗體 是 染疫 後 才 會 出現 的 不是 我們 要 的 核酸 檢測 陰性 報告 個案 同 班機 前後 二 排座位 旅客 共 1 人 未 入境 機組員 共 21 人 因 有 適當 防護 列 自主 健康 管理 指揮中心 統計 截至 目前 國內 累計 605 例 確診 分別 為 513 例 境外移入 55 例 本土 病例 36 例 敦睦 艦隊 及 1 例 不明 另 1 例 案 530 移除 為 空號 確診 個案 中 7 人 死亡 539 人 解除 隔離 59 人 住院 隔離 中</t>
  </si>
  <si>
    <t>臺北市 今 新增 2 例 本土 個案 其中 案 16254 為 士 林區 20 多 歲 女性 在 19 日 采 檢 為 陽性 ct 值 34 衛生局 說明 案 16254 曾 在 去年 9 月 在 國外 確診 治癒 在 3 月 和 7 月 都 有 回國 當時 采 檢 都 是 陰性 並 在 6 月 24 日 接種 過 第一 劑 bnt 疫苗 因 準備 出國 念書 采 檢 才 發現 pcr 陽性 另外 案 16255 為 1 歲 男童 因 同 住 母親 確診 案 16150 匡 列為 居家 隔離 對象 19 日 隔離 期滿 前 采 檢 於 今日 確診 衛生局 指出 案 16254 曾 在 18 日 到 大 葉 高島 屋 和 美麗 華大 直 影城 19 日 到 過 sogo 百貨 天母 店 已 透過 實 聯 制 找到 493 人 皆 發送 細胞 簡訊 通知 如有 疑 似 症狀 要到 醫院 采 檢 另外 案 16254 匡列 家人 和親 戚共 21 人 已 陸續 安排 居家 隔離 采 檢 中 外縣市 足跡 包括 高雄 彰 化 台南 和 新北 等 地 都 已向 外縣市 衛生局 做 相關 確認衛生局 表示 另 一 名 個案 16255 為 1 歲 男童 是 確診 個案 16150 的 兒子 因 案 16150 確診 案 16255 被 匡 列為 居家 隔離 對象 19 日 解除 隔離 前 采 檢 為 陽性 接觸 者 僅 案 16150 母親 因此 延長 父親 居隔 時間 至於 個案 16254 曾 染疫 過 是否 有 可能 為 舊案 衛生局 表示 案 16254 自述 去年 9 月 曾 確診 3 月 和 7 月 回台 做 過 pcr 都 是 陰性 這 部分 要 再 跟 中央 厘 清 可能 要 看 他 的 抗體 和 反應 不 確定 去年 感染 到 現在 是否 為 舊案 仍要 請 專家 做 判定</t>
  </si>
  <si>
    <t>臺灣大學 今 26 日 首度 舉辦 線 上 畢業典禮 校長 管中閔 以 預 錄 影片 發表 致詞 時 提到 對於 正 在 醫療 前線 奮戰 的 眾多 醫護人員 務必 心存 感念 他們 是 真正 的 英雄 只要 大家 共同努力 疫情 終 會 過去 我們 一定 會 贏得 抗 疫 的 最後 勝利 最後 也 用 臺灣人 與 朋友 告別 時常 說 的 一 句 話 要 小心 哦 送給 所有 畢業生 以下 是 管中閔 致詞 稿 全文 去年 新冠 疫情 初起 學校 雖 仍 舉辦 實體 的 畢業典禮 但 規模 大為 縮小 許多 師生 和 家長 均 以 無 法 參加 典禮 為 憾 今年初 臺灣 的 疫情 持續 穩定 大家 原本 期待 今年 畢業典禮 能 按照 往年 方式 辦理 不料 五月 時 疫情 急轉直下 臺北市 疫情 警戒 程度 提高 我們 於是 推遲 畢業典禮 並 改以 線 上 方式 進行 這 也 是 台大 首次 以 線 上 方式 舉辦 畢業典禮 隨 著 疫情 發展 線 上 活動 如今 已 成為 生活 中的 新 常態 我們 雖 逐漸 習慣線 上 教學 線 上 會議 線 上 交流 線 上 購物 訂餐 等 但 連 期待 了 四 年 的 畢業典禮 也 只能 在 線 上 參加 許多 同學 與 家長 們 難免 失望 為此 學務 處 與 許多 同學 攜手 精心策劃 了 今天 這 場 特殊 的 線 上 畢業典禮 希望 能 讓 大家 留下 不 一樣 但 仍 美好 的 記憶 因為 新冠 疫情 有些 同學 會 抱怨 這樣 大 的 疫情 怎麼 就 正好 被 我們 在 畢業 時 碰上 了 也 有些 同學 則 樂觀 的 想 一旦 有 了 疫苗 疫情 得到 控制 世界 最終 還 是 會 回到 以前 的 軌道 大家 仍 可 以 過 著 平穩 安定 的 日子 然而 這個 世界 從 不曾 平靜 今年 畢業 的 同學 多數 出生 於 1999 年 那 正是 規模 達 73 的 921 大 地震 發生 的 那一年 時隔 四 年 亞洲 包括 臺灣 爆發 了 罕見 的 急性 呼吸道 感 染病 sars 不過 五 年 之後 源自 美國 的 金融 海嘯 席捲 全球 影響 全世界 經濟 數 年 之久 2009 更是 不 平靜 的 一 年 臺灣 出現 莫拉克 風災 造成 慘重 傷亡 全球 則 爆發 了 h 1 n 1流感 大 流行 數 十萬 人 因 此 死亡 這些 當時 都曾 被 認為 是 數 十 年 甚至 百年 一 遇 的 重大 災難 回顧 二十 多 年 來 的 這些 事件 這 還 僅僅 是 一 部 份 與 臺灣 相關 的 事件 我們 就 會 發現 巨大 的 天災人禍 過去 曾 頻繁 出現 未來 應該 也 不 會 少見 當然 新冠 疫情 的 影響 範圍 遠超過 sars 與 h 1 n 1 流感 對 世界 的 衝擊 則 更 大 于 金融 海嘯 近代 能 與 這次 疫情 相比 的 是 一 百年 前 1918 1920 的 全球 流感 大 流行 據 後來 估計 當時 全世界 人口 三 分之一 染疫 約 有 五千萬 人 因 此 不幸 喪生 那次 流感 爆發 時 正值 第一次世界大戰 末期 對 當時 的 德軍 主力 造成 嚴重 打擊 而後 疫情 時代 戰敗 的 德國 被 列強 宰割 奧 匈 帝國 及 奧圖曼 帝國 亦 隨之 瓦解 徹底改變 了 舊 的 國際 秩序 也 為 後來 的 世局 從 歐陸 到 中東 和 亞洲 埋 下 許多 不 安定 的 種子 這次 新冠 疫情 並未 伴隨 著 世界大戰 但 出現 在 國際 強權 針鋒相對 世界 產業 供應 鏈 重整 的 關鍵時刻 後 疫情 時代 因 此 充滿 不 確定性 而 重組 後 的 國際 政 經 秩序 我 不 知道 那會 是 一個 美好 或 不 美好 的 新世界 但 它 就 是 大家 必須 面對 的 世界 那裡 將 充滿 挑戰 和 機會 如何 善用 所學 回應 挑戰 如何 從 機會 中 脫穎而出 都 是 大家 新 的 功課 這些 功課 沒有 標準答案 你們 必須 自己 解答 自己 審閱 答案 我 也 希望 利用 這個 機會 提醒 同學 們 對於 正 在 醫療 前線 奮戰 的 眾多 醫護人員 其中 包括 了 許多 學校 師長 與 大家 的 學長 姐 們 我們 一定 要 心存 感念 當 疫情 大 浪 襲來時 他們 勇往直前 力挽狂瀾 不僅 保護 病人 也 捍衛 著 臺灣 社會 他們 是 真正 的 英雄 只要 大家 共同努力 疫情 終 會 過去 我們 一定 會 贏得 抗 疫 的 最後 勝利 最後 我 謹 代表 所 有 老師 和 行政主管 向 所有 畢業 同學 們 表達 最 深切 的 祝福 也 恭喜 辛苦 多年 的 家長 們 敬祝 大家 未來 一切順利 身體健康 最後 我 還 想 講 幾 句 話 我 記得 我 看 過 一 篇 外國人 寫 的 文章 他 說 他 在 臺灣 多年 注意 到 臺灣 有 個 很 奇怪 的 習慣 朋友 分手時 都 常常 會 說 要 小心 哦 我 看到 這 篇文章 的 時候 也 突然 心 有所 感 多 年 來 我 媽媽 每次 看到 我 出門時 會 跟 我 講 這 句 話 而 後來 我 跟 自己 的 小孩 也 會 講 這樣的話 所以 在 畢業典禮 這個 時刻 我 敬祝 大家 未來 一切順利 身體健康 大家 都 要 小心 哦</t>
  </si>
  <si>
    <t>香港 機師 染疫 專家 憂 恐 爆發 第 五 波 疫情</t>
  </si>
  <si>
    <t>機組人員 香港 新冠肺炎 機師 染疫</t>
  </si>
  <si>
    <t>恩 主公 醫院 護理 師 染疫 病人 操 弄</t>
  </si>
  <si>
    <t>茶藝 館 1 染疫 女 是 伊 拉客 趴 趴 走 揪 男 消費 接觸 人數 難 估計</t>
  </si>
  <si>
    <t>萬華阿 公 店 疫情 持續 升溫 14 日 又 公佈 有 16 例 確診 據 當地 業者 表示 其中 1 名 50 多 歲 的 染疫 女子 是 三 水 街 313 茶藝 館 的 伊 拉客 花名 是 跳 跳 伊 拉客 就是 阿公店 派駐 街頭 嚮往 來 民眾 拉客 的 女子 因 嚴重 影響 市容</t>
  </si>
  <si>
    <t>新冠肺炎 疫情 全球 擴散 不少 出國者 返台 染疫 遭 撻 伐 台南 市長 黃偉哲 日前 急 令兩名 出國 旅遊 公務員 停 休 返台 其中 1 人 蜜月旅行 泡湯 台南 市 警 3 分局 偵查 佐 王 詠 程 新婚 原定 出國 到 奧地利 度 蜜月 碰上 新冠肺炎 疫情 自行 改 成</t>
  </si>
  <si>
    <t>新冠肺炎 疫情 全球 擴散 不少 出國者 返台 染疫 遭 撻 伐 台南 市長 黃偉哲 日前 急 令兩名 出國 旅遊 公務員 停 休 返台 其中 1 人 蜜月旅行 泡湯 台南 市 警 3 分局 偵查 佐 王 詠 程 新婚 原定 出國 到 奧地利 度 蜜月 碰上 新冠肺炎 疫情 自行 改 成 環島旅行 覺得 可惜 但 也 有趣 人生 唯一一 次 度 蜜月 竟然 出國 變 環島 從警 的 王詠程 與 擔任 教師 的 妻子 楊雅涵 近期 完婚 原訂 2 月底 要 去 奧地利 捷克 10 天 竟 碰上 新冠肺炎 疫情 全球 擴散 兩 人 決定 取消 出國 改 為 臺灣 環島 9 日 游 平白 損失 20 旅費 近 兩萬 元 金錢 損失 事 小 人生 唯一 的 蜜月旅行 竟是 歐洲 旅遊 變 環島 王員 覺得 有 點 可惜 幸好 妻子 不 計較 兩 人 3 月初 快樂 完成 9 日 環島 踏 遍 臺灣 各 景點 夫妻 第一 次 相 偕 暢遊 臺灣 兩 人 趁機 看 到 臺灣 各地 美景 都 覺得 有趣 直 呼 幸好 沒 出國 不然 可能 除了 返台 要 被 居家 檢疫 最難 受 的 是 面對 親友 擔心 的 眼光 公務員 法定 婚假 14 天 有請 假期 限 臺灣 這 波 出國 禁令 讓 不少 原訂 蜜月 旅遊 的 新婚 夫妻 都得 更改 出國 或者 延期 配合 防疫 卻 損失 荷包 疫情 沸騰 期間 王員 以 自身 為 例 希望 社會 多 點 包容 這 段 期間 非必要 儘量 不 要 出國</t>
  </si>
  <si>
    <t>46 歲 性感 女星 唐玲 身材 火 辣 大方 健談 經常 穿梭 在 各 大 綜藝節目 前年 卻 悄悄 淡出 原來 她 得 了 胃癌 眼見 最近 本土 疫情 升溫 主治醫師 派 去 前線 支援 篩檢 唐玲 也 擔心 醫院 量 能 不足 遲遲 不敢 回診 唐玲 2 年 前 被 診斷 出 胃癌 起初 因 不 想 留 疤 婉拒 開刀 被 醫生 警告 會 有 生命危險 才 開啟 1 年 多 的 化療 與 手術 過程 相當 艱辛 身 心靈 都 瀕臨 崩潰 邊緣 這 陣子 本土 確診 數飆 高 唐玲 上月 30 日 在 臉書 憂心忡忡 最近 疫情 升溫 醫院 量 能 超載 緊張 我 躲 在 家裡 面 防疫 不敢 去 醫院 回診 不 知道 什麼 時候 才好 回去 追蹤 檢查 協助 切除 胃部 惡性腫瘤 的 主治醫師 因 疫情 關係 支援 篩檢 她 不禁 感歎 如此 技術 高超 的 外科 主任醫師 也 要 去 第一 線 跟 病毒 打仗 現在 醫療 人員 真的 很 辛苦 很 危險 唐玲 希望 醫師 要 多多保重 自己 感謝 對方 幫 我 開刀 拿出 胃癌 而且 沒有 留下 疤痕 同時 呼籲 外界 要 提高 警覺 保持 社交 安全 距離 勤洗手 並 戴 口罩 不要 隨意 的 趴 趴 走 許多 網友 看到 唐玲 的 遭遇 忍不住 留言 我 能 懂得 癌症 的 人 的 心情 趕快 就醫 不要 拖 了 命 是 自 已 的 乖乖 回診 吧 沒染疫 胃癌 也 會要 你 命 事實上 唐玲 得知 罹 胃癌 需 進行 化療 聽到 血液 腫瘤科 醫師 詢問 家裡 還 有 誰 父 母 可以 陪 你 嗎 情緒 數度 崩潰 因為 她 單身 獨居 我 家裡 都 沒有 人 父母 皆 雙 亡 好在 醫師 拿出 名片 直接 告訴 唐玲 不能 只 有 一個 人 有 任何 問題 都 可以 來 問 他 才讓 唐玲 感受 到 人間 溫暖</t>
  </si>
  <si>
    <t>家裡 比 外面 還 危險 專家 曝 這 行為 染疫 風險 最 高</t>
  </si>
  <si>
    <t>夫妻 旅美 30 年 染疫 返台 苦 苓 揭 檢討 關鍵 別 譙 回台 治療 的 人</t>
  </si>
  <si>
    <t>新冠肺炎 疫情 持續 升溫 各國 為 防堵 疫情 疲於奔命 臺灣 方面 近來 確診 案例 多 屬 境外移入 其中 一對 先後 從 美國 返台 的 夫妻 引發 熱 議 理由 是 2 人 30 年 來 鮮 少 回 臺灣 且 早 在 搭 機 前 就 都 出現 染疫 症狀 先生 雖 先 一 步 抵 台後 確</t>
  </si>
  <si>
    <t>新冠肺炎 疫情 持續 升溫 各國 為 防堵 疫情 疲於奔命 臺灣 方面 近來 確診 案例 多 屬 境外移入 其中 一對 先後 從 美國 返台 的 夫妻 引發 熱 議 理由 是 2 人 30 年 來 鮮 少 回 臺灣 且 早 在 搭 機 前 就 都 出現 染疫 症狀 先生 雖 先 一 步 抵 台後 確診 然 相關 單位 正 通報 注 記 攔截 時 同樣 有 症狀 的 妻子 已 在 機上 而 兩 人 確診 的 相關 隔離 治療 費用 卻是 由 臺灣政府 負擔 因此 引發 爭議 旅美 夫妻 案 引發 外界 議論紛紛 今 4 15 作家 苦 苓 在 臉書 po 文 討論 此事 呼籲 眾人 不要 再 幹 譙 這 對 出國 30 年 如今 卻 回來 免費 隔離 並 治療 的 夫妻 了 直 揭 關鍵點 應該 檢討 的 是 雙重國籍 問題 畢竟 沒有 後者 根本 不 會 有 前者 網友 也 支持 這個 立論 認為 應就 這 狀況 訂 定 自費 模式 盼 立院 盡 速 修 法</t>
  </si>
  <si>
    <t>新北 幼稚園 群 聚 案 今天 新增 2 人 確診 累計 32 人 染疫 其中 21 人 的 基因 定 序 結果 是 delta 而 居住 在 臺北市 的 裝修 工人 案 16168 與 妻子 也 在 其中 疫情 指揮中心 醫療 應變 組 副 組長 羅一鈞 表示 兩 人 病毒 序列 都 與 幼稚園 病毒 序</t>
  </si>
  <si>
    <t>繼 臺北市 長 柯文哲 先前 發出 特赦令 呼籲 5萬 無 證 移 工 出面 篩檢 就醫 不會 抓捕 移民署 宜 蘭 服務站 也 針對 在 4 月 21 日 至 5 月 14 日 曾經 出入 萬華 或 周邊地區 的 失 聯 移 工 提出 安心 采 檢 防疫 專案 強調 不 收費 不 通報 不 查處 無論是 合法 或 失 聯 逾期 移 工 只要 疑 似 出現 染疫 症狀 都可 儘快 前往 羅東 聖母 醫院 陽大 醫院 免費 采 檢 全國 仍 處於 新冠肺炎 疫情 的 紅色警戒 狀態 特別 是 行蹤 更 難 掌 控 的 逃逸 外籍 移 工 是否 會 成為 四處 藏匿 傳染 病毒 的 帶 源 者 更讓人 擔憂 配合 移民署 的 整體 政策 宜蘭 服務站 另外 與 宜蘭 縣政府 衛生局 商議 除了 不 通報 不 查處 宜 蘭縣 進一步 提供 不 收費 的 服務 只要 是 在 4 月 21 日 至 5 月 14 日 曾經 出入 萬華 地區 或 周邊地區 不論是 合法 或 失 聯 逾期 的 移 工 只要 出現 疑 似 染疫 的 症狀 都可 立即 前往 羅東 聖母 醫院 陽大 醫院 采檢 一律 免 收 采 撿 費用 相關 的 就醫 資料 也 不 會通 報警 政 及 移民 等 治安機關 這 段 期間 也 不 會 因為 接受 篩檢 治療 而 被 治安機關 查處 另外 因應 這 波 嚴重 疫情 移民署 宜 蘭 服務站 及 專勤 隊 也 啟動 分 區 及 異地 辦公 機制 並 推動 外籍人士 安心 采 檢 防疫 專案 如果 發現 身邊 有 外籍人士 失 聯 移 工 曾 出入 萬華 地區 周邊 或 宜蘭 高風險 地區 可 立即 向 移民署 宜 蘭 服務站 聯繫 服務站 將 會 協助 聯繫 醫院 進行 核酸 檢測 篩檢 同樣 是 採取 不 收費 不 通報 不 查處 的 方式 協助 移民 朋友 們 安心 平安 渡過 這次 的 疫情 難關</t>
  </si>
  <si>
    <t>1 名 員 警 在 值勤 時 獲 報 1 名 疑 似 染疫 的 民眾 在 家中 死亡 他 依 流程 通報 衛生局 對方 卻是 回 覆 不 到場 不 篩檢 一切 都 給 員警 檢察官 跟 法醫 處理 他 最後 只 能 硬 著 頭皮 穿 防護 裝備 到 現場 處理 而 現場 3 名 家屬 之後 做 篩檢 均 確</t>
  </si>
  <si>
    <t>1 名 員 警 在 值勤 時 獲 報 1 名 疑 似 染疫 的 民眾 在 家中 死亡 他 依 流程 通報 衛生局 對方 卻是 回 覆 不 到場 不 篩檢 一切 都 給 員警 檢察官 跟 法醫 處理 他 最後 只 能 硬 著 頭皮 穿 防護 裝備 到 現場 處理 而 現場 3 名 家屬 之後 做 篩檢 均 確診 他 痛 批 中央 衛生 單位 完全 不 照 sop 執行 不 及時 阻斷 風險 放任 確診 者 擴散 病毒 臉書 發文 罵 這 場 疫 災 我 看不到 盡頭 1 名 員 警 在 臉書上 表示 他 日前 接 獲 報案 有 民眾 在 家中 死亡 詢問 後 得知 死者 年紀 大 有 慢性病 上周 有 感冒 症狀 119 到場 量 測體溫 有 發燒 死者家屬 之後 聯絡 醫院 希望 做 行政 相 驗 對 方則 回應 因為 死者 有 相關 症狀 所以 不能 報 行政 相 驗 請 員警 到場 處理 走 司法 相 驗 該員 警 通報 1922 後 對 方則 要 他 自行 聯繫 北市 衛生 局 該員 警 說 之後 聯繫 衛生局 對方 回應 因為 死者 不是 居家 檢疫 居家 隔離 或 遭 匡列 對象 也 不是 確診 者 所以 不會 到場 處理 要求 他 請 檢察官 做 司法 相 驗 若 有 必要 再 由 法醫 采 檢 他 痛 批 明明 死者 是 確診 疑 似 個案 醫院 和 衛生局 卻 甩 鍋 不理 三 個 小時 過去 對於 新冠肺炎 的 高度 疑 似 確診 死亡 案件 衛生 單位 給 的 答案 就是 不 到場 不 篩檢 一切 都 給 員警 檢察官 跟 法醫 處理 該員 警 說 他 之後 還 是 與 同事 穿戴 完整 防護 裝備 到 現場 當下 完全 不 知道 死者 是否 染疫 而 戴著 醫療 口罩 的 家屬 離 僅 遺體 1 公尺 雖 傷痛 家人 逝世 但 也 同樣 緊張 會 染疫 他 後來 建議 家屬 做 自費 篩檢 稍晚 獲 知 3 位 家屬 結果 均 為 陽性 而 他 也 超級 焦慮 處理過程 自己 是否 也 不慎 染疫 當晚 選擇 入住 旅館 不 回家 隔 天 馬上 去 做 快 篩 所幸 結果 陰性 該員 警 說 他 5 月 26 日 處理 案件 但 直到 6 月 5 日 才 在 cdc 公佈 的 死亡 名單 看見 該 個案 直言 如果不是 家屬 有 聽 建議 自費 采 檢 他們 會 再 接觸 多少 人 更 別說 對 這 4 位 確診 者 我 也 是 應該 要 被 匡列 的 接觸 者 吧 除 了 我 5 27 5 29 自主 管理 外 我 完全 沒 接到 任何 衛生 單位 的 電話 該員 警 說 類似 的 案件 不 只 這 1 件 許多 員警 單位 都 有 處理 過 類似 案件 衛生 單位 都 是 不 到場 不 采 檢 完全 沒有 照 sop 流程 執行 cdc 的 超前 部署 部 在 哪邊 我 看不到 只 看 得 到 各種 甩 鍋 各種 鴕鳥 疫情 期間 類似 案件 一定 不少 衛生 單位 難道 連 組織 辦理 可疑 染疫 死者 的 評估 快 篩 人員 都 做 不到 po 文 最後 提到 太 多 的 無力感 反正 這 場 疫 災 我 看不到 盡頭</t>
  </si>
  <si>
    <t>新冠肺炎 臺灣 基層 員 警 甩 鍋 染疫</t>
  </si>
  <si>
    <t>臺灣 疫情 趨 緩 究竟 未來 疫情 會 如何 發展 有 沒有 機會 清零 精神 科 醫師 沈政男 表示 清零 絕對 有 可能 且 內 用 與 清零 並 不 違背 從 香港 經驗 就 可以 看到 他們 從 確診 一萬一千 多 例 目前 已經 本土 零 確診 超過 50 天 更 點出 臺灣 現在 的 全民 公敵 就是 特殊 社交 群 聚 國內 昨天 28 日 新增 18 例 本土 確診 沈政男 在 臉書 表示 從 7 月 8 日 出現 18 例 以來 已 經過 了 20 天 還 是 18 例 代表 最近 三 周 傳染 力 r 值 已經 維持 在 09 1 有 往 下降 但 速度 很 慢 為什麼 當然 是 特殊 社交 群 聚 今天 高雄 又 傳出 確診 可能 也 是從 臺北 傳下來 而且 一直 到 前 幾 天都 還 在 聚會 顯見 即使 成為 全民 公敵 也 是 不怕 更 懷疑 北 市長 照 機構 住 民 染疫 是不是 間接 來自 特殊 社交圈 這 也 得 把 疫 調 做 清楚 否則 清零 遙遙無期 接下來 臺灣 疫情 會 怎麼 發展 沈政男 表示 可以 參考 香港 經驗 香港 至 今 確診 1萬1千 多 例 幾 個 月 前 也 有 一個 高峰 後來 慢慢 下降 目前 已經 本土 零 確診 超過 50 天 並 指出 清零 之路 很 漫長 因為 到 了 新增 個 位數 以後 r 值 就 會 拉 抬 到 接近 1 這時 必須 施加 另外 的 防控 力 道 才 可能 繼續 壓制 傳播 鏈 至於 開放 內 用 沈政男 表示 看 香港 的 防疫 須知 便 知 規定 非常 清楚 依 餐廳 每 桌 用餐 人數 畫分 防疫 要求 而非 一概而論 但 共通點 是 餐廳 人員 必須 接種 疫苗 或 定期 檢測 pcr 從 香港 的 新增 確診 曲線 來看 後半段 看起來 跟 臺灣 現在 很 像 但 臺灣 有 其他人 去 看 嗎 沒有 了 強調 內 用 與 清零 並 不 違背 清零 絕對 可能 但 前提 是 不要 放棄 清零 目標</t>
  </si>
  <si>
    <t>彰 化 縣 13 日 零 確診 但 新增 1 名 死亡 案例 為 萬華 家族 返鄉 聚餐 導致 彰 化 4 名 親友 染疫 男子 1 名 年 約 65 歲 男性 在 5 月 15 日 采 檢 確診 後 同月 19 日 收治 住院 至 本月 12 日 宣告 不治 而 中部 年輕人 跨縣 市 社交 傳播 圈 因 社交活動 型態</t>
  </si>
  <si>
    <t>彰 化 縣 13 日 零 確診 但 新增 1 名 死亡 案例 為 萬華 家族 返鄉 聚餐 導致 彰 化 4 名 親友 染疫 男子 1 名 年 約 65 歲 男性 在 5 月 15 日 采 檢 確診 後 同月 19 日 收治 住院 至 本月 12 日 宣告 不治 而 中部 年輕人 跨縣 市 社交 傳播 圈 因 社交活動 型態 十分 隱 密 私 密 已 知 參與者 10 人 台中 彰 化 已 相繼 有 1 人 確診 後續 恐 還有 新增 確診 者 彰 化 縣 新增 第 11 位 新冠肺炎 染疫 死亡 個案 為 臺北 萬華 夫妻 5 月 8 日 帶 孩子 回 娘家 母親節 聚餐 餐會 後 又 前往 岳 父母 的 表姊 家 拜訪 泡茶 導致 岳父 岳母 外甥 與 岳 父母 的 表 姊夫 等 人 確診 該 傳播 鏈 共 造成 縣 內 8 人 確診 其中 60 幾 歲 表 姊夫 死亡 60 幾 歲 的 表姐夫 5 月 12 日 發病 5 月 15 日 采 檢 確診 ct 值 16 由於 他 沒有 慢性 病史 身體健康 且 家族 其他 染疫 成員 均 相繼 康復 出院 他 卻 一直 收治 中 住院 近 60 天 直到 7 月 12 日 病逝 死亡 原因 還 有待 收治 醫院 瞭解 其 收治 期間 樣 態 由 臨床 醫師 進一步 判斷 厘 清 針對 台中 市 新增 1 名 30 歲 男 家教 確診 與 彰 化 曾 逛過 台中 新光 三越 的 20 幾 歲 確診 男 有 過 接觸 彰 化 縣 衛生局長 葉 彥 伯 指出 這個 橫跨 中部 地區 3 縣 市 的 年輕人 社交圈 共同點 是 曾 一同 參與 7 月 5 日 的 一 場 活動 葉 彥 伯 說 參與 那場 社交活動 共 10 人 有些 是 透過 社交 軟 體 交友 app 相約 有些 人 原本 彼此 就 認識 此 社交圈 的 社交 樣 態 多元 且 活動場所 多半 較 隱 密 又 是 不 通風 的 室內 場所 近 距離 接觸 又 沒 戴 口罩 風險 很 高 目前 該 社交圈 設 籍彰 化 縣 內 約 34 人 其中 彰 化 確診 男 的 家族 與 職 場 接觸 者 初步 采 檢 皆 陰性 疫 調 持續 進行 中 而 其他 參與 跨縣 市 社交活動 的 年輕 人中 有 2 人 初采 陰性 另 1 人 近日 才 追蹤 聯繫 上 采 檢 結果 尚未 出爐</t>
  </si>
  <si>
    <t>敦睦 艦隊 於 疫情 期間 出訪 造成 24 名 官兵 確診 全台 防疫 一 夕 拉 警報 磐石 艦 從 曾有多 人 看 診 5 人 發燒 至 軍艦 靠港 後 有 官兵 休假 等 說法不一 軍方 的 解釋 如同 擠 牙膏 讓 人 懷疑 海軍 是否 隱瞞 官兵 染疫 情事 或是 敦睦 支隊 刻</t>
  </si>
  <si>
    <t>敦睦 艦隊 於 疫情 期間 出訪 造成 24 名 官兵 確診 全台 防疫 一 夕 拉 警報 磐石 艦 從 曾有多 人 看 診 5 人 發燒 至 軍艦 靠港 後 有 官兵 休假 等 說法不一 軍方 的 解釋 如同 擠 牙膏 讓 人 懷疑 海軍 是否 隱瞞 官兵 染疫 情事 或是 敦睦 支隊 刻意 隱瞞 海上 所 發生 的 事 而 軍方 卻 未 察覺 看 診 放假 高層 全 不知 以 艦隊 靠港 官兵 的 休假 時間 言 海軍 最 早 對外 說 是 4 月 15 日 即 參謀總長 黃曙光 校閱 後 才放 軍方 高層 也 信以為真 但 台 南市 高雄市 的 疫 調 都 指出 官兵 早 在 14 日 就 到 市區 消費 海軍 昨 才 坦承 14 日 上午 即 架設 舷梯 讓 部分 非 輪值 人員 放假 外界 直指 軍方 說謊 軍方 是 百口莫辯 據 瞭解 敦睦 支隊 依 許可權 提早 放 人 高層 根本 不 知 海軍 參謀長 敖以智 上周 在 立 法院 說 沒有 官兵 確診 情況 相同 連 一個 官兵 放假 的 事 都 說不清 又 爆出 有 70 人 不 舒服 看 診 還有 人 發燒 又 怎 能 怪 外界 不 信任 軍方 認定 軍方 可能 隱瞞 疫情 中尉 醫官 恐 成 替死鬼 令人不解 的 是 磐石 艦 指派 的 醫官 並非 資深 有 經驗 的 高階 醫官 而是 一 位 中尉 艦 上 所有 軍官 階級 都 比 這 位 醫官 高 擺 明 了 吃定 菜 鳥醫官 海軍 用意 是 希望 醫官 醫術 不要 太 高明 或是 打算 用 階級 壓制 醫療 專業 意見 耐人尋味 更 令 人 訝異 的 是 立 法院 國防委員會 明天 舉行 專案 報告 指名 這 位 中尉 醫官 視 訊 備詢 軍方 竟 也 同意 在 這 節骨眼 上 軍方 如果 把 他 送 到 質詢 台 等於 送 上 斷頭臺 讓 醫官 當 替死鬼 疫 期 出訪 決策 仍 是 謎 由於 敦睦 官兵 現 全住 檢疫所 軍方 接觸 不 到 人 要 瞭解 事件 始末 有 一定 難度 但 真相 只 有 一個 軍方 說法不一 相信 陳時中 對 軍方 處理 疫情 方式 也 有 疑慮 為什麼 敦睦 非要 在 疫情 期間 出訪 有 綠 委 爆 料 因 有 重要 機密 任務 但 這 說法 不通 套 句 美國 羅斯福 航母 艦長 克勞齊 對 海軍 高層 說 的話 現在 不是 戰時 無需 讓 弟兄 犧牲 敦睦 艦隊 再 怎樣 的 天大 任務 會 比 艦 上官兵 健康 重要 決策 過程 如何 軍方 仍 須對 國人 交代</t>
  </si>
  <si>
    <t>全國 染疫 人數 突破 萬人 蔡 總統 幾度 透過 視 訊 公開 喊話 要 民眾 不要 群 聚 和 隨便 移動 遭到 網友 炮轟 東華大學 教授 施正鋒 直言 蔡英文 的 談話 內容 有 種 何不 食 肉 糜 的 感覺 並 指 現在 的 防疫 三級 警戒 其實 只 是 半吊子 同時 也</t>
  </si>
  <si>
    <t>全國 染疫 人數 突破 萬人 蔡 總統 幾度 透過 視 訊 公開 喊話 要 民眾 不要 群 聚 和 隨便 移動 遭到 網友 炮轟 東華大學 教授 施正鋒 直言 蔡英文 的 談話 內容 有 種 何不 食 肉 糜 的 感覺 並 指 現在 的 防疫 三級 警戒 其實 只 是 半吊子 同時 也 有 民眾 對 蔡英文 所言 感到 十分 不滿 中天 新聞 8 日 報導 施正鋒 表示 蔡英文 這種 講法 有點 何不 食 肉 糜 那種 感覺 他 更 指出 現在 的 情況 有如 已經 進入 第 三 次 世界大戰 然後 他 躲 在 防空洞 裡面 施正鋒 還 認為 三級 這樣 子 的 防衛 其實 我 必須 講 還是 半吊子 好 嘛 有 一 位 民眾 接受 中天 新聞 採訪 時則 表示 她 蔡英文 完 全都 沒有 負 責任 你 今天 減班 了 可是 很多 人 還 是 一樣 下去 沒有 用 啊 如果 今天 要 這 樣子 不如 封城 就 好 病毒 也 不 會 擴散 同時 這 位 民眾 也 說 因為 疫苗 沒有 來 應該 先 封 城 現在 這個 病毒 早就 已經 擴散 出去 現在 疫苗 過來 也 不夠 疫苗 本來 就 是 政府 要 去 跟 人家 接洽 的 一 年 多 怎麼 沒 辦法 準備 各國 的 疫苗 可以 收集 多少 個 就 進來 嘛 應該 要 每個 人 都去 打 另 一 名 受訪 民眾 則 指出 從 去 元旦 有 這個 肺炎 開始 就 說 我們 有 疫苗 我們 自己 會 做 疫苗 都 騙人 的 不要 老是 講 假話 天天 開 那個 電視 會 有 屁用 此外 蔡英文 總統 今天 再度 呼籲 民眾 放棄 回家 的 機會 用 視 訊 向家人 報平安 對於 將 車票 退 掉 的 人 她 說 真的 謝謝 大家 也 向 大家 說 聲 不好意思 今年 端午 為了 減少 接觸 的 風險 線上 上 團聚 就是 我們 為 彼此 努力 最 大 的 心意</t>
  </si>
  <si>
    <t>憂 垃圾 染疫 環保 署 防疫 廢棄物 已 分流 家戶 資源 垃圾 正常 分類 回收</t>
  </si>
  <si>
    <t>北 屯 老 夫婦 染疫 相繼 離 世 奶奶 遺願 要 與 尪 同安 厝 不要 再 被 隔離 了</t>
  </si>
  <si>
    <t>台 中北 屯 家族 傳播 鏈 再 添 一 死 繼 6 月 2 日 78 歲 李 爺爺 染疫 身亡 後 其妻 72 歲 的 奶奶 也 在 12 日 不治 身亡 子孫 悲痛 因 隔離 治療 無法 送別 協助 處理 後 事 的 民政局長 吳 世瑋 說 家屬 透露 奶奶 生前 遺願 是 火化 後 要 和 爺爺 的 骨灰壇 安厝 在</t>
  </si>
  <si>
    <t>國內 新冠肺炎 疫情 穩定 但 醫師 紛紛 呼籲 打 疫苗 仍 是 必要措施 未來 萬一 疫情 再度 爆發 才能 發揮 群體 保護 力 近來 國內 青少年 bnt 第 2 劑 暫緩 施打 醫師 認為 疫苗 預防 重症 住院 的 效果 比 心肌炎 的 風險 來得 高 仍 鼓勵 年輕人 都 要 打 疫苗 我 心臟 不好 不敢 打 疫苗 這 是 許多 民眾 對於 新冠 疫苗 都 有 的 疑慮 臺北市立 萬芳 醫院 內科 部 主任 謝敏雄 今天 在 疾病 管制 署 covid-19 疫苗 與 心血管 疾病 臨床 處置 研討會 指出 心臟病 患者 因 新冠肺炎 死亡 比率 是 一般 人 的 265 倍 染疫 後 重症 的 比率 更 高 達 386 倍 這個 數值 非常 高 因此 鼓勵 心臟病 患者 一定 要 打 疫苗 不過 他 認為 有 幾 種 情況 建議 暫緩 接種 像是 正 處於 急性 疾病 例如 胸 痛 不受 控制 的 高血壓 和 心律不整 至於 慢性病 患 或 正在 服用 長期 藥物 者 可 諮 詢 醫師 再 接種 國內 az 開 打 初期 不少 人 擔心 發生 血栓 問題 謝敏雄 指出 az 疫苗 確實 在 女性 比較 容易 發生 血栓 尤其 以 第 1 劑 發生率 較 高 可能 發生 在 接種 後 4 到 28 天 在 各國 報告 中 最高 的 是 德國 每 8萬 多 人 就 有 1 人 相 較之 下 mrna 疫苗 發生 血栓 機 率 低 大約 每 100 多 萬 人才 會 有 1 人 而 近來 bnt 接種 後 心肌炎 風險 引發 討論 謝敏雄 指出 在 大量 接種 bnt 疫苗 的 以色列 發生 心肌炎 比率 是 10 萬分 之 2 其中 30 歲 以下 族群 發生率 是 10 萬分 之 55 如果 針對 30 歲 以下 男性 發生率 則 為 10 萬分 之 107 值得注意 的 是 報告 中的 預測值 和 真實 世界 的 觀察 值 有 落差 30 歲 以下 女性 和 50 歲 以下 男性 打 bnt 疫苗 得到 心肌炎 的 比率 都比 預測值 來得 高 目前 國內 青少年 bnt 第 2 劑 接種 與否 仍 在 討論 中 謝敏雄 認為 利弊 權衡 確實 需要 評估 但 從 國際 文獻 來看 即使 18 歲 以下 族群 打 疫苗 預防 重症 住院 的 效果 都 遠 高於 心肌炎 的 風險 還是 鼓勵 年輕人 都 要 打 疫苗 好處 比 壞處 多 很多 至於 新冠 疫苗 是否 會 引發 其他 心臟 疾病 謝敏雄 分享 萬芳 醫院 曾 收治 一 名 60 歲 男性 打完 新冠 疫苗 第 1 劑 後 短短 2 小時 就 出現 嚴重 胸 痛 檢查 發現 動脈 明顯 狹窄 為 急性 心肌梗塞 但 他 補充 目前 國際 間 沒有 很 明確 的 資料 顯示 新冠 疫苗 會 產生 心肌梗塞 該 個案 的 關聯 性 仍 有待 厘 清 謝敏雄 進一步 比較 心肌梗塞 和 心肌炎 的 差異 新冠 疫苗 接種 後 的 心肌炎 大多 發生 在 年輕 族群 以 接種 後 3 天 發生率 最高 而 新冠 疫苗 接種 後 的 心肌梗塞 通常 發生 在 年紀 大 的 族群 以 接種 後 1 天 發生率 最高</t>
  </si>
  <si>
    <t>境外移入 爆炸 女 留學生 英國 確診 急 返台 印尼 移 工 再 增 20 人 染疫</t>
  </si>
  <si>
    <t>香港 新生代 女星 施匡翹 外 型 清新自然 2019 年 因為 翻 唱歌曲 假如 真的 再有 約會 脫俗 的 嗓音 讓 她 開始 受 關注 在 2020 年 不幸 成為 香港 首位 確診 新冠肺炎 的 女星 意外 讓 她 爆 紅 施匡翹 在 染疫 康復 後 突然 轉換 風格 最近 曬 出</t>
  </si>
  <si>
    <t>香港 新生代 女星 施匡翹 外 型 清新自然 2019 年 因為 翻 唱歌曲 假如 真的 再有 約會 脫俗 的 嗓音 讓 她 開始 受 關注 在 2020 年 不幸 成為 香港 首位 確診 新冠肺炎 的 女星 意外 讓 她 爆 紅 施匡翹 在 染疫 康復 後 突然 轉換 風格 最近 曬 出 穿 性感 高 衩 泳衣 的 美 照 展現 不 科學 長 腿 讓 網友 超 驚 豔 施匡翹 今年 25 歲 青春 洋溢 的 她 時常 在 ig 更新 個人 近況 尤其 去年 她 確診 新冠肺炎 後 粉絲 意外 暴 增 讓 她 除了 唱歌 外 今年 4 月 更 成為 香港無線電視臺 簽約 藝人 未來 可能 看到 她 演戲 的 另 一面 此外 從 施匡翹 ig 也 能 得知 她 熱愛 瑜 珈 5 月 時 她 更 考取 rys 200 瑜 珈 導師 執照 從 2019 年 出道 以來 施匡翹 都 是 給 外界 清新 可人 的 模樣 昨 1 日 她 罕見 po 出 穿 著 一 套 高 衩 設計 的 酒 紅色 泳衣 上 半身 看到 渾圓 雙 球 外 下 半 身 更 有 著 一 雙超 逆 天美 腿 站 在 階梯 上 的 施匡翹 美 腿 就 佔據 多 達 9 個 臺階 不 科學 長 腿 超 犯規 她 自己 也 笑 說 為什麼 我 的 雙 腿 有 一點 好像 穿 了 絲襪 的 感覺 粉絲 看到 有別于 平時 的 施匡翹 也 忍不住 讚歎 你 這雙 腿 太 誇張 怎麼 感覺 你 不同 了 人 長 得 甜美 身材 卻 那麼 火 辣 太 超過 了 好 迷人 好 誘人 第一 次 看到 你 穿 得 那麼 辣 耶</t>
  </si>
  <si>
    <t>臺灣 日前 再度 發生 新冠肺炎 院內 感染 前 衛生 署長 楊志良 在 政論 節目 稱 應將 染疫 醫師 開除 對此 臺北市 長 柯文哲 認為 罵 完 以後 還 是 應該 鼓勵 他 醫護人員 長期 打仗 要 隨時 都 緊 繃 神經 其實 不容易 柯文哲 表示 大家 當然 可</t>
  </si>
  <si>
    <t>臺灣 日前 再度 發生 新冠肺炎 院內 感染 前 衛生 署長 楊志良 在 政論 節目 稱 應將 染疫 醫師 開除 對此 臺北市 長 柯文哲 認為 罵 完 以後 還 是 應該 鼓勵 他 醫護人員 長期 打仗 要 隨時 都 緊 繃 神經 其實 不容易 柯文哲 表示 大家 當然 可以 怪 那位 醫生 穿 脫 衣服 保護 做 得 不太好 不過 自己 在 第一線 作戰 就 知道 最好 外科 醫師 也 不可能 手術 死亡率 是 0 只 是 會 比較 低 而已 柯文哲 表示 假設 自己 還 是 柯 p 去 檢查 那位 醫生 口罩 沒 戴好 衣服 沒有 穿 好 脫 的 技術 不好 相信 還是 可以 找到 他 缺點 不然 怎麼 會 被 感染 但 如果 是 老師 罵 完 以後 還是 要 關心 對方 罵 完 之後 應 要 給 他 點 鼓勵 柯文哲 指出 新冠肺炎 到 目前為止 全世界 醫護人員 死亡 已經 超過 一萬 人 因此 這次 很 高風險 的 北市 今 上午 也 開 防疫 會議 並 把 衛生局長 與 聯合醫院 總 院長 找來 建議 負責 照顧 確診 案例 的 醫護人員 如果 未婚 沒有 家庭 的 儘量 住 在 市府 準備 後 的 旅館 減少 跟 人群 接觸 柯文哲 直言 現在 國內 疫情 比較 趨 緩 導致 醫護人員 比較 鬆懈 所以 該 案例 出現 感染 女朋友 的 情形 如果 是 疫情 比較 緊張 時 候 相信 對 方會很 謹慎 一 有 發燒 就 會 去 做 檢查 然後 不敢 回家 但 醫護人員 這麼 長 時間 打仗 要 隨時 都 緊 繃 神經 其實 也 不容易</t>
  </si>
  <si>
    <t>柯文哲 醫護 楊志良 染疫 新冠</t>
  </si>
  <si>
    <t>桃園 龜 山 清潔隊 成員 家 人 也 染疫 金沙酒店 確診 再 1</t>
  </si>
  <si>
    <t>新冠肺炎 疫情 在 臺灣 持續 延 燒 近日 更 爆發 海軍 集體 染疫 的 事件 而 國外 疫情 方面 南韓 雖然 經歷 過 疫情 大 爆發 如今 確診 人數 卻 狂 降到 單日 剩下 10 例 左右 消息 傳到 ptt 上 後 讓 不少 網友 狂 贊 根據 韓媒 報導 2 月 爆發 超級 傳播</t>
  </si>
  <si>
    <t>新冠肺炎 疫情 在 臺灣 持續 延 燒 近日 更 爆發 海軍 集體 染疫 的 事件 而 國外 疫情 方面 南韓 雖然 經歷 過 疫情 大 爆發 如今 確診 人數 卻 狂 降到 單日 剩下 10 例 左右 消息 傳到 ptt 上 後 讓 不少 網友 狂 贊 根據 韓媒 報導 2 月 爆發 超級 傳播 事件 後 疫情 失控 爆炸 南韓 時隔 60 多 天 在 19 日 僅 新增 8 例 確診 20 日 到 昨日 更 分別 僅 增 13911 例 由於 近期 每日 的 確診 新增 人數 都 在 10 例 上下 這 讓 臺灣 網友 看到 後 忍不住 讚歎 佩服 南韓 豬 隊友 爆炸 後 還 能 穩住 看到 這個 數字 起 雞皮疙瘩 壓 住 了 真得 厲害 日本 最 該 參考 的 就 是 韓國 的 做法 可是 太 猛 了 而 臺灣 近日 正好 出現 海軍 敦睦 艦隊 的 疫情 讓 部分 網友 紛紛 擔心 唉 韓國 結束 了 臺灣 正要 開始 比 臺灣 安全 了 嗎</t>
  </si>
  <si>
    <t>澎 湖 今 增 1 確診 曾 與 首例 個案 聚餐 染疫</t>
  </si>
  <si>
    <t>離 島 澎湖縣 31 日 再 發現 染疫 第 2 例 1 名 50 多 歲 婦人 疑 似 與 第 1 例 個案 聚餐 染疫 經 醫院 兩 次 采 檢 都 呈 陽性 後續 仍 待 中央 認定 縣府 表示 第 2 例 女 個案 於 24 日 晚上 曾經 與 第 1 例 聚餐 衛生局 隨即 匡列 送醫 30 日 下午 醫院 進行 兩 次 p</t>
  </si>
  <si>
    <t>離 島 澎湖縣 31 日 再 發現 染疫 第 2 例 1 名 50 多 歲 婦人 疑 似 與 第 1 例 個案 聚餐 染疫 經 醫院 兩 次 采 檢 都 呈 陽性 後續 仍 待 中央 認定 縣府 表示 第 2 例 女 個案 於 24 日 晚上 曾經 與 第 1 例 聚餐 衛生局 隨即 匡列 送醫 30 日 下午 醫院 進行 兩 次 pcr 采 檢 結果 都 是 陽性 31 日 上午 緊急 將 檢 體 寄送 臺北 昆陽 實驗室 進一步 化驗 中 縣府 指出 疫 調 發現 22 日 晚間 第 2 例 與 第 1 例 同 住 處 的 友人 餐 敘 同桌 人數 共有 5 人 相關 接觸 者 都已匡 列 並 進行 pcr 采 檢 目前 除 了 第 1 例 第 2 例 其他 3 人 是 陰性 現 已 強制 隔離</t>
  </si>
  <si>
    <t>鑽石 公主 號 郵輪 因 爆發 新冠肺炎 群 聚 感染疫情 確診 人數 已 逼近 700 如今 出現 第 4 名 死者 據 nhk 報導 這 名 新冠肺炎 患者 高齡 80 送醫 治療 後 不治 至今 鑽石 公主 號 上 的 3711 名 乘客 和 工作人員 中 已 有 691 人 確診 而 據</t>
  </si>
  <si>
    <t>鑽石 公主 號 郵輪 因 爆發 新冠肺炎 群 聚 感染疫情 確診 人數 已 逼近 700 如今 出現 第 4 名 死者 據 nhk 報導 這 名 新冠肺炎 患者 高齡 80 送醫 治療 後 不治 至今 鑽石 公主 號 上 的 3711 名 乘客 和 工作人員 中 已 有 691 人 確診 而 據 cnn 新聞網 24 日 報導 經營 鑽石 公主 號 的 公主 郵輪 說 經過 徹底 消毒 後 這 艘 郵輪 將 從 4 月 29 日 起 複航 鑽石 公主 因為 陸續 出現 新冠肺炎 確診 病例 在 日本 橫濱 港 停泊 了 兩 星期 進行 隔離 檢疫 從 19 日 開始 讓 高齡 慢性病 患 和 艙 房內 沒有 窗戶 的 乘客 優先 下船 直到 21 日 原本 船上 有 2666 名 乘客 和 1045 名 工作人員 如今 許多 乘客 都已 撤離 據 公主 郵輪 說 等 船上 所有 的 人 都下船 後 郵輪 將 按照 疾病 管制 與 預防 中心 cdc 還有 世界衛生組織 who 的 指導方針 進 幹 船塢 進行 徹底 消毒 而 鑽石 公主 號 複航 的 4 月 29日 當天 也 是 日本 黃金周 連 假 的 第一 天</t>
  </si>
  <si>
    <t>美國 新冠肺炎 疫情 持續 升溫 根據 約翰霍普金斯大學 統計 美國 新冠肺炎 確診 人數 在 過去 一 周 新增 逾 100萬 人 讓 美國 染疫 的 總 人數 超過 1103萬 人 此外 住院 人數 亦 創下 紀錄 截至 15 日 已 逼近 7萬 人</t>
  </si>
  <si>
    <t>國內 兩 天 暴 增 386 本土 個案 雙北 今天 早上 宣佈 高中 以下 包括 幼稚園 補習班 全部 停課 2 周 多 所 大學 也 開始 遠距教學 既然 不用 到校 學生 也 整理 行李 準備 返鄉 但 醫護 粉 專 美 的 好 朋友 疾呼 拜 讬 遠 端 工作 及 停課 者 這 兩 種 人 請 停止 返鄉 移動 萬一 染疫 把 病毒 帶回去 給 爸爸媽媽 阿公 阿媽 可不是 開玩笑 的 學校 停課 不是 要 讓 你 放大 假 回老家 休息 的 粉 專 美好 朋友 昨天 在 臉書 表示 看到 新聞報導 不少 年輕人 因 停課 搭 高鐵 回到 高雄 或者 搭乘 其他 大眾 運輸 回到 中南部 當下 的 感覺 就 是 這下 麻煩 了 根本 搞 錯 停課 的 意義 之所以 宣佈 遠 端 工作 或 停 班 停課 目的 是 降低 通 勤 風險 以及 工作 或 學習 場 域 的 近 距離 接觸 風險 不是 讓 你 放假 回家 美好 朋友 解釋 現在 疫情 正 延 燒 此時 移動 除了 在 大眾 運輸 染疫 風險 高 以外 萬一 已經 染疫 把 病毒 帶回去 給 老家 的 爸爸媽媽 阿公 阿媽 就 完蛋 了 老人家 萬一 感染 重症 或 死亡率 是 比 你 高出 很多 很多 的 美好 朋友 勸 大家 打消 返鄉 念頭 如果 已經 回家 了 請 先 不要 跟 家人 共 餐 這 風險 最 大 最好 比照 居家 隔離 自己 用 獨立 的 浴室 儘量 不 要 外出 外出 時 全程 戴 口罩 保持 社交距離 對此 網友 紛紛 留言 這 時期 返鄉 增加 移動 風險 的 人 到底 在 想 什麼 啊 臺灣人 的 防疫 觀念 亟待 加強 雙 北 已成 災區 在家 不要 移動 才 不 會 把 中南部 一起 拖 成災 區 但 也 有人 緩 頰 如果 學校 叫 學生 離開 宿舍 回家 住宿 的 學生 不 回 家鄉 也 沒 地方 去 也 不 一定 是 這些 學生 願意 的</t>
  </si>
  <si>
    <t>國際 經濟 內外 需 染疫 德國 q 1 經濟 陷 衰退</t>
  </si>
  <si>
    <t>球類 陪練員 染疫 狀況 穩定</t>
  </si>
  <si>
    <t>西洋 流行 樂壇 天 後 瑪丹娜 madonna 日前 才自 爆 體內 驗 出新冠肺炎 抗體 還 口出狂言 會 外出 呼吸 新冠 病毒 空氣 更 去 參加 攝影師 好友 史蒂文卡萊恩 的 生日派對 完全 無視 病毒 今 7 日 她 發文 承認 的確 有 感染 病毒 同台 表演者 也 生病 但 現在 大家 都 很 健康 已經 痊癒 了 im grateful that i can be a part of supporting research to find the cure for covid 19 and just to clear things up for people who would rather believe sensationalist headlines than do their own research about the nature of this virus i am not currently sick when you test positive for anti-bodies it means you had the virus which i clearly did as i was sick at the end of my tour in paris over 7 weeks ago along with many other artists in my show but at the time we all thought we had a very bad flu thank god we are all healthy and well now hope that clears things up for the band wagon jumpers knowledge is power #covid 19 a post shared by madonna @madonna on may 6 2020 at 10 18 am pdt 新冠肺炎 疫情 重創 世界 各國 流行 天 後 瑪丹娜 madonna 日前 才在 網上 自 曝 她 日前 接受 檢測 結果 驗 出 體內 有 抗體 引發 外界 一 片 熱 議 而 她 在 臺灣 時間 7 日 再 發文 表示 約 在 2 個 月 前 在 巴黎 舉行 巡迴 演唱會 時 她 的 表演者 都 掛 病號 而 瑪丹娜 自己 也 出現 症狀 瑪丹娜 起初 以為 他們 只 是 一般 流感 因此 沒 放在 心上 而 瑪丹娜 也 感性 歎 所幸 他們 都 已 康復 痊癒 強調 他們 都 很 好 很 健康 她 也 強調 不是 最近 生病 的 大約 2 個 月 前 到 巴黎 展開 巡迴 演唱會 活動 快 結束 時 她 出現 症狀 合作 同台 的 人 也 都有 生病 瑪丹娜 日前 雖 檢驗 出新冠肺炎 抗體 但 她 無視 社交 禁令 自行 解除 隔離 表示 要 開車 去 兜風 之後 又 去 攝影師 好友 史蒂文卡萊恩 的 生日派對 引起爭議 因為 世界衛生組織 who 之前 才 發聲明 表示 目前 還 沒 證據 表明 具有 新冠 病毒 抗體 染疫 康復者 可以 躲 過 二 次 感染 因此 就算 有 抗體 也 有 感染 風險</t>
  </si>
  <si>
    <t>施打 疫苗 仍 染疫 台南 牙醫 全副武裝 植牙 1 小時 確診 超 錯愕</t>
  </si>
  <si>
    <t>牙醫 全副武裝 確診 看 診 染疫</t>
  </si>
  <si>
    <t>台商 返台 植 牙 暴 斃 死 前 猛 咳嗽 爆 染疫 疑慮</t>
  </si>
  <si>
    <t>nba 籃 網 巨星 杜蘭特 確診 新冠肺炎 至 今 7 人 染疫</t>
  </si>
  <si>
    <t>新冠肺炎 疫情 入侵 nba 繼 爵士 戈貝爾 米契爾 與 活塞 伍德 之後 籃 網 宣佈 隊 中 4 名 球員 確診 新冠肺炎 雖然 沒有 公佈 球員 名字 但 超級 巨星 杜蘭特 對外 宣告 自己 中標 希望 大家 能夠 保護 好 自己 的 健康 現年 31 歲 的 杜蘭特 2104 年 獲選 年度 最 有價值 球員 4 度 摘 下 得分 王 10 次 入選 全明星賽 幫助 勇士 2 度 奪得 總 冠軍 去年 總 決賽 受傷 夏天 脫離 合約 加盟 籃 網 缺 賽 至今 沒 想到 卻 因為 隨隊 到 客場 出賽 而 感染 了 新冠肺炎 可說是 無妄之災 籃 網 在 聲明 中 表示 全隊 目前 正 在 隔離 檢驗 目前 有 4 位 球員 確診 已 告知 曾經 與 染疫 球員 接觸 的 人士 杜蘭特 表示 目前 感覺 很 好 每個 人 都 要 小心 照顧 好 自己 並且 做 好 防範措施 我們 會 度過難關 的</t>
  </si>
  <si>
    <t>基隆 成功 市場 豬肉 攤 商 日前 確診 市場 緊急 封閉 市府 昨天 針對 所有 攤 商 186 人 進行 pcr 檢測 有 6 人 呈現 陽性 陽性率 達 32 市長 林右昌 表示 其中 有 1 確診 攤 商 也 在 仁愛 市場 營業 因此 下令 仁愛 市場 今天 晚上 6 點 關閉 至 6 月 24 日 零 時 成功 市場 則 延長 休 市 至 6 月 23 日 零 時 林右昌 指出 6 個 確診 案例 中 有 2 豬肉 攤 商 2 雞肉 攤 商 1 水產 攤 商 另外 1 案 則 是 與 攤 商 有 接觸 的 小吃 業者 被 列為 新北 個案 其中 有 1 豬肉 攤 商 也 在 仁愛 市場 營業 為 預防 擴大 傳播 團隊 決議 仁愛 市場 今晚 6 點 起 休 市 到 6 月 24 日 零 時 並 要求 所有 攤 商 下午 自主 用 消毒藥水 清潔 攤位 休 市 後 環保局 將 進入 全面 清 消 另外 衛生 單位 也 會 安排 所有 仁愛 市場 攤 商 進行 pcr 采 檢 林右昌 說 成功 市場 新 確診 案例 中 有 5 例 皆 為 生鮮 肉品 攤 商 生鮮 攤販 比例 相當 高 他 認為 這 是 一個 警示 決定 採取 更 積極 作為 包括 市場 延休 至 6 月 23 日 零 時 只要 有 攤 商 染疫 立即 休 市 並 進行 清潔 待 防疫 到位 後 再 複市 林右昌 進一步 說明 這次 新冠肺炎 疫情 是從 生鮮 市場 開始 許多 專家學者 寫 的 文章 也 提到 傳統 市場 是 病毒 最 容易 滋生 的 場所 只要 場 域 通風 加上 人流 就 會 具有 傳播 風險 他 提及 臺灣 許多 民眾 在 採買 生鮮食品 時 都 會用 手 觸摸 確定 新鮮度 但 無形之中 可能 會 形成 新 的 傳播方式 林右昌 強調 昨天 已 下令 所有 傳統式 市場 一律 比照 崁 仔 頂漁 市 採取 雙 罩 一 套 需 戴 上 口罩 面罩 及 拋棄式 矽膠 手套 但 也 呼籲 民眾 在 採購 時 儘量 不 要用 手 觸摸 食品</t>
  </si>
  <si>
    <t>從 昨晚 傳出 北部 某 醫院 出現 緊急事件 到 指揮中心 公佈 今 12 日 有 本土 2 確診 臺灣 民眾 一直 關注 此 消息 現在 得知 發生 首例 醫生 感染 大家 都 很 緊張 對此 精神 科 醫師 沈政男 認為 醫師 照顧 病 患 時 被 感染 沒人 會 怪罪 他們 反 該 審視 哪個 環節 出錯 必須 補強 院內 感 控 他 還 特別 指出 桃園 市長 鄭文燦 也 露臉 宣佈 相關 防疫 措施 應是 想 角逐 大位 告訴 大家 自己 有 在 做事 在 防疫 上 不能 失分 沈政男 今 在 臉書上 評論 首例 醫生 染疫 事件 表示 官員 今天 急 著 說 不要 責難 醫療 人員 事實上 臺灣 人大 都 能 體諒 他們 的 辛勞 根本 沒人 怪罪 只是 如果 是 照顧 病 患 時 被 感染 尤其 是 臺灣 首例 醫生 被 感染 當然 應該 審視 到底 哪個 環節 出 了 問題 才能 減少 類似 情形 發生 至於 醫師 是否 在 插管 時 被 感染 指揮中心 已經 講 得 很 清楚 插管 是 由 麻醉 科 醫師 執行 那位 被 感染 的 主治醫師 只 是 站 在 旁邊 沈政男 認為 事情 是 這樣 主治醫師 當時 站 在 旁邊 也 不 意味 就 是 那時 被 感染 而是 必須 回想 可能 是 什麼 時候 疏忽 了 給 了 病毒 機會 第 一個 可以 改進 的 是 新冠 插管 準則 國外 都已 編定 但 臺灣 呢 只 有 個別 醫學會 的 建議 指揮中心 應 結合 專家 意見 整理 出 新冠 插管 準則 給 醫療 人員 參考 新冠 插管 的 醫療 人員 感染 率 已 有 研究 資料 大約 是 一 成 左右 臺灣 因為 重症 個案 相對 較 少 目前 問題 不大 但 仍 須 訂 出 準則 沈政男 指出 雖然 不是 插管 時 被 感染 但 國外 插管 準則 有 說 插管 時 其他 非必要 醫療 人員 儘量 不 要 在場 這 就讓 人 納悶 被 感染 的 醫生 為什麼 當時 要 待 在 旁邊 了 至於 一般 照顧 新冠 病 患 的 醫療 人員 感染 風險 根據 國外 大 規模 研究 約 是 一般 人 的 3 倍 而 醫療 人員 的 家屬 注意 了 約 是 17 倍 因此 醫療 人員 的 家屬 必須 比 一般 人 更 注意 感 控 避免被 傳染 再來 的 問題 是 病毒 有 沒有 傳給 其他 院內 人員 以 疫情 初期 那起 北部 醫學 中心 的 院內 感染 來說 只 傳給 直接 照顧 的 護理人員 或 清潔工 並 沒有 繼續 傳播 下去 因此 如果 此次 這家 發生 院內 感染 的 醫院 也 能 做到 類似 的 感 控 水準 就 不用 太 擔心 但 如果 不是 呢 那 就 必須 等 看看 後續 的 病毒檢測 結果 雖然 如此 目前 住院 中的 患者 與 家屬 以及 前往 就診 的 民眾 也 不必 太 擔心 因為 只要 大家 戴好 外科 口罩 傳染 率 極 低 至於 封院 那是 對 病毒 不 瞭解 或者 醫療 資源 崩潰 之下 才 可能 有的 決策 臺灣 感 控 早已 脫離 了 那個 時代 沈政男 指出 現在 要 加強 的 是 有 沒有 注意 到 醫生 的 女友 有 在 念書 而且 到 學校 考試 試問 當時 教室 內 的 師生 都 有 戴 口罩 嗎 秋冬 防疫 專案 對於 教室 上課 並 沒有 強制 戴 口罩 但 還是 戴 上 比較 好 對於 指揮中心 隔 了 一 晚 才 公佈 這 起 疫情 沈政男 頗 不以為然 社會 上 早就 傳得 沸沸揚揚 其實 可以 在 昨晚 說 北部 傳出 有 限度 院內 與 社區 感染 狀況 已 在 掌握 中 大家 不要 驚慌 但 必須 加強 自我 防護 這樣一來 那些 潛 在 接觸 者 是不是 可以 提早 把 口罩 戴 好 把 社交距離 拉 出來 多少 降低 後續 感染 的 風險 觀察 這 起 本土 醫護 雙 染疫 案例 沈政男 特別 點出 鄭文燦 的 出場 意義 他 說 鄭文燦 出來 開 記者會 他 有 講到 什麼 嗎 不過 是 露 露臉 讓 大家 知道 我 有 在 做事 鄭文燦 想要 角逐 大位 當然 在 防疫 上 不能 失分 事實上 元旦 前 傳出 社區 感染 後 如果 不是 總統府 先 取消 元旦 升旗 聚會 桃園 恐怕 也 還 是 會 辦 事實證明 減少 不必要 的 大型 聚會 利多於弊 因為 當 你 沉醉 於 歡樂 氛圍 就 會 鬆懈 防疫 給 了 病毒 可乘之機</t>
  </si>
  <si>
    <t>陸軍 十 軍團 昨 22 日 證實 1 名 國 軍 同仁 的 配偶 日前 因 身體 不適 就醫 後 確診 國軍 同仁 後 赴 醫院 篩檢 也 確診 對此 時代 力量 立 委 王婉諭 表示 自己 接 獲 許多 國軍 弟兄 陳情 爆 料 說 雖然 睡覺 有 戴 口罩 但是 竟然 用 保鮮 膜 當 隔板 在 床 中間 還有 維持 超過 千 人 以上 在外 集合 唱國歌 增加 飛沫傳染 危險 但 就算 她 已 持續 跟 國防部 討論 多 日 卻 總是 只得 到 敷衍 徒具形式 的 回 覆 這樣 只 會 讓 弟兄 們 陷入 危險 更 讓 無數 的 眷屬 們 擔心 不已 陸軍 十 軍團 傳出 一 名 士官 長 的 確診 案例 十 軍團 表示 這 名 國 軍 同仁 赴 醫院 采 檢 後 即 未再 返回 部隊 部隊 獲悉 後 除 配合 中 市 衛生局 疫 調 也 啟動 應變 程式 進行 營區 消毒 疫 調 分流 區隔 管理 等 作業 並 持續 監測 人員 健康狀況 目前 相關 密切接觸 者 的 狀況 都 正常 對此 王婉諭 今 23 日 在 臉書 發文 表示 根據 自己 所 掌握 的 消息 目前 疫 調 出來 的 三 位 密切接觸 者 狀況 均 正常 快 篩 皆 為 陰性 不過 令 她 擔心 的 是 這 名士 官長 在 確診 前 是否 都 在 營區 內 從 17 號 到 21 號 篩檢 之前 該 名士 官長 在 空間 狹小 高度 擁擠 的 軍營 中 所有 的 接觸 者 都有匡 列 采 檢 嗎 在 得知 此 消息 後 王婉諭 直言 自己 團隊 隨即 聯絡 了 相關 單位 想要 瞭解 相關 情形 和 後續 配套措施 然而 從 國防部 陸軍 司令部 到 軍醫 局 都僅 表示 會 遵守 防疫 規範 卻 未有 具體 的 緊急 應變 措施 更 令人擔憂 的 是 近萬名 國 軍 弟兄 們 即將 又 要 收假 返回 營 隊 了 國防部 真 的 準備 好了嗎 爆發 確診 事件 後 國防部 若 沒有 完善 防疫 措施 數以萬計 的 弟兄 們 恐怕 就 暴露 在 染疫 的 風險 之中 王 婉 諭 稱 上周 她 揭露 國軍 防疫 的 問題 後 國防部 雖然 大 動作 否認 她 的 說法 然而 她 的 粉 專 至今 仍 每天 湧入 非常 多 役男 家屬 的 陳情 每 一則 訊息 她 和 團隊 都看 過 了 結果 不僅 令人擔憂 更讓人 氣憤 集合 移動 方式沒 改善 還要 役男 拉下 窗簾 以免 被 媒體 拍到 再三 要求 國軍 弟兄 不得 受訪 爆 料 難道 是 國防 布 再現 王 婉 諭 進一步 表示 有 非常 多 的 役男 們 私 訊 揭露 目前 軍中 的 各種 荒唐 防疫 措施 包括 吃飯 的 時候 要 我們 全部 人 排 好 隊 間隔 距離 只 為了 拍 一 張 照片 應付 軍中 有 做好 安全 距離 拍 完 才能 吃飯 百 人 在 大 餐廳 共同 用餐 但 打菜 的 餐具 餐盤 都 是 共 用 的 雖然 有 隔板 但是 挺身 以 碗 就 口 之後 大家 的 頭 都 超出 了 隔板 隔離 的 人 都 在 同一 間 隔離 寢室 睡 不 下去 就 跟 無 症狀 的 人 睡 同 間 大 寢室 用 跟 塑膠袋 一樣 薄 的 塑膠 布 把 床 左右 隔離 起來 確實 要求 他們 戴 口罩 睡覺 還要 用 保鮮 膜 當 隔板 在 床 中間 每天 早上 仍 維持 超過 千 人 以上 在外 集合 唱國歌 基本 操練 跳 軍操 唱國歌 還要 大聲 唱 增加 飛沫傳染 風險 只有 一則 私 訊 的話 可能 還 算是 個別情況 但 面對 海量 的 陳情 恐怕 就 不是 零星 個案 了 國防部 面對 這些 鐵錚錚 的 事實 還要 睜 眼 說瞎話 嗎 除此之外 最 令王婉 諭 擔心 的 是 疫情 指揮中心 一再強調 目前 全國 都 處於 3 級 警戒 的 狀況 不要 做 任意 移動 這 是 最高 原則 在 這樣 艱 困 的 時刻 應該 要 避免 役男 進行 跨 區域 的 大量 移動 還是 要 避免 役男 們 留在 顯然 有 防疫 缺失 的 營區 內 群 聚 這 兩者 間 的 權衡 顯然 需要 專業 意見 評估 到底 國防部 有 沒有 跟 指揮中心 討論 過 這 件 事 還是 要 繼續 埋頭苦幹 執意 讓 常備 役 們 先 回家 後 再 集體 回到 充滿 防疫 漏洞 的 營區 以上 的 種種 情況 她 已 持續 跟 國防部 討論 多 日 卻 總是 只得 到 敷衍 徒具形式 的 回 覆 王 不禁 要 再 問 一 次 面對 全台 3 級 警戒 的 嚴峻 疫情 已經 出現 確診 案例 的 國軍 真 的 準備 好了嗎</t>
  </si>
  <si>
    <t>新冠肺炎 疫情 嚴峻 雙北 尤為 重災區 第一線 警 消 暴露 在 染疫 風險 中 北 市府 29 日 緊急 釋出 3千 多 支 疫苗 給 暴露 風險 較 高 且 未曾 接種 者 優先 提供 接種 不過 卻 有 基層 警 爆 料 2 名 三線 一 星 的 督察 也 跑 去 施打 對此 臺北市 警 局 回</t>
  </si>
  <si>
    <t>新冠肺炎 疫情 嚴峻 雙北 尤為 重災區 第一線 警 消 暴露 在 染疫 風險 中 北 市府 29 日 緊急 釋出 3千 多 支 疫苗 給 暴露 風險 較 高 且 未曾 接種 者 優先 提供 接種 不過 卻 有 基層 警 爆 料 2 名 三線 一 星 的 督察 也 跑 去 施打 對此 臺北市 警 局 回應 督察 人員 也 屬 高風險 對象 之一 不 過 不在 此次 名單 中 2 名 督察 誤以為 符合 資格 遂 前往 接種 已 通報 各 單位 要 確實 依照 提報 衛生局 名單 施打 避免 誤 接種 狀況 北 市府 在 29 日 下午 13 時許 突 公佈 防疫 專案 提供 3200 支 疫苗 給 北市 警 指定 時間 內 持 服務證 健 保 卡 可到 仁愛 醫院 和平醫院 進行 施打 疫苗 但是 主要 提供 派出所 交通 分隊 等 外勤 單位 不過 有 基層 警 在 臉書 靠北 員警 爆 料 指 2 名 三線 一 星 的 督察 人員 也 跑 去 搶 接種 疫苗 對此 臺北市 警 局 發 佈 新聞稿 回應 表示 本次 發放 covid-19 疫苗 數量 有限 針對 暴露 風險 較 高 且 未曾 接種 者 優先 提供 接種 服務 包括 實際 執行 居家 檢疫 居家 隔離 確診 個案 及 自主 健康 管理物件 違規 事件 第一線 人員 以及 檢疫所 快 篩 站 值勤 之 第一線 警務人員 等 造冊 送 衛生局 轉 各 相關 責任 醫院 辦理 施打 市 警 局 督察室 督察 人員 同屬 高風險 對象 之一 本 在 優先 施打 之列 但 疫苗 數量 有限 不在 本次 專案 施打 名單 中 經查 有 督察 2 人 誤以為 符合 本次 施打 資格 遂 前往 醫院 接種 疫苗 市 警 局 已 再 通報 各 單位 重申 要求 確實 依照 提報 市府 衛生局 名單 安排 員警盡 速 前往 施打 並於 30 日 派員 于 各施 打點 協同 衛生局 人員 管制 核對 施打 人員 身分 避免 有誤 接種 情事 發生 另 要求 員警 排隊 時 保持 社交距離 避免 群 聚</t>
  </si>
  <si>
    <t>案 269 上周 桃 機 接待 官員 兒子 2 人 都染疫</t>
  </si>
  <si>
    <t>昨天 3 28 臺灣 新增 了 2 個 本土 病例 其中 一 位 案 269 是 一 名 北部 30 多 歲 男性 3 次 就醫 後 沒 好轉 被 通報 采 檢 最後 確診 新冠肺炎 最新消息 指出 他 的 工作 是 在 桃園 機場 接待 貴賓 上周 曾 接待 一 名 菲律賓 返台 的 某部 會 官員 兒子 此人 也 在 今日 確診 同時 該 官員 也 正 在 居家 隔離 中 指揮中心 表示 案 269 於 3 月 23 日 24 日 出現 肌肉 酸痛 腹瀉 發燒 3 次 前往 就醫 都 沒 改善 25 日 被 醫院 采 檢 通報 28 日 確診 案 269 是 觀光局 在 桃園 機場 的 派駐 人員 于 旅客 服務 中心 任職 上周 曾 接待 一 名 菲律賓 返台 人士 為 某部 會 官員 的 兒子 回台 後 也 染疫 得知 兒子 確診 後 該 官員 也 開始 居家 隔離</t>
  </si>
  <si>
    <t>案 269 官員 兒子 確診 染疫</t>
  </si>
  <si>
    <t>高雄市 6 日 新增 3 名 肺炎 確診 案例 兩 例 為 小港 家庭 群 聚 感染 再 擴大 祖母 女婿 疑 似 因 母親節 聚餐 接觸 雙雙 確診 造成 該 家族 共 5 人 染疫 另 一 例 為 北部 軍人 開車 回到 高雄 發病 但 無 接觸 連結 史 風險 不 大 市長 陳其邁 再度 呼</t>
  </si>
  <si>
    <t>高雄市 6 日 新增 3 名 肺炎 確診 案例 兩 例 為 小港 家庭 群 聚 感染 再 擴大 祖母 女婿 疑 似 因 母親節 聚餐 接觸 雙雙 確診 造成 該 家族 共 5 人 染疫 另 一 例 為 北部 軍人 開車 回到 高雄 發病 但 無 接觸 連結 史 風險 不 大 市長 陳其邁 再度 呼籲 端午節 宅 在家 高雄 高 鐵 火車 客運站 都將 采實 聯 制 詳細 方案 預計 7 日 再 公告 衛生局 說明 案 11253 為 小港 染疫 家庭 的 60 多 歲 祖母 5 月 2223 日 中午 曾去 小港 區 買 中餐 有志 工 服務 足跡 疑 母親節 時 與 北部 親戚 接觸 被 感染 該案 也 暫時 被 定為 小港 家庭 群 聚 感染 源 源頭 仍 不明 須 仰賴 溯源 疫 調 案 1125440 多 歲 男子 為 案 11253 的 女婿 也 是 因為 母親節 聚餐 談話 被 感染 該 男 3 至 4 日 在 林 園區 有 4 處 消費 記錄 該案 相關 接觸 者 仍 在 采 檢 中 部分 結果 尚未 出爐 目前 已 造成 5 人 感染 另 一 名 染疫 者為 30 多 歲 在 北部 服役 的 軍人 據 瞭解 他 在 臺北 的 同居 室友 先 被 確診 但 臺北市 匡列 不及 他 1 日 已 先 開車 回到 高雄 4 日 北 市府 才 轉 知 高 市府 緊急 開出 居家 隔離 通知書 當時 他 已 有 感染 症狀 5 日 確診 目前 匡列 他 5 名 同 住 家人 由於 沒有 其他 接觸 史 所以 判定 風險 不 大 陳其邁 分析 高市 疫情 發展 迄今 57 為 家庭 群 聚 43 為 南北移動 端午 連 假 將 至 呼籲 民眾 儘量 不 要 移動 返鄉 民眾 務必 做 自主 健康 管理 高市 也 將 在 高鐵 火車 客運站 設置 實 聯 制 qrcode 上下車 都 要 落實 陳其邁 強調 除非 在 房間 在家 也 要 戴 口罩 避免 到 公共場所 或 搭乘 大眾 運輸工具 高 市 企業 風險 控管 也 升級 企業 雇用 移 工 300 人 以上 宿舍 每 房 住宿 降 載 不同 公司 移 工 不得 混住 分 艙 分流 管理 若 公司 無法 符合標準 則 入住 媒 合 的 防疫 旅館 移 工 依 風險 等級 擴大 篩檢 科技產業園區 與 科學園區 3 天內 設置 篩檢 站 限制 移動 嚴格 管理 每日 至少 做 一 次 環境 清潔 消毒 並 記錄</t>
  </si>
  <si>
    <t>臺北 車站 k 區 誠 品 地下街 4 店 5 人 染疫 臺北市 副 市長 黃珊珊 表示 這 應該 是 職 場上 的 群 聚 對此 精神 科 醫師 沈政男 昨 發文 表示 臺北 地下街 k 區 的 群 聚 最 有 可能 是 在 公廁 被 感染 的 未來 如果 成功 解封 大家 會 特別注意 用餐</t>
  </si>
  <si>
    <t>臺北 車站 k 區 誠 品 地下街 4 店 5 人 染疫 臺北市 副 市長 黃珊珊 表示 這 應該 是 職 場上 的 群 聚 對此 精神 科 醫師 沈政男 昨 發文 表示 臺北 地下街 k 區 的 群 聚 最 有 可能 是 在 公廁 被 感染 的 未來 如果 成功 解封 大家 會 特別注意 用餐 保持 距離 但 不少 人 可能 進 廁所 以後 就 鬆懈 所以 應 要 特別注意 這個 部分 沈政男 昨天 在 臉書 發文 表示 現在 的 新增 個案 主要 仍 在 雙北 多數 其實 都 是 篩檢 而來 的 像是 陪 病 前 的 篩檢 就 有 好幾 例 也 有些 是從 雙 北 的 社區 篩檢 撈 出來 的 不過 臺北市 的 報告 只有 選擇性 疫 調 公佈 並 沒有 辦法 看出 新增 案例 到底 是 怎麼 被 感染 的 沈政男 指出 臺北 地下街 k 區 累計 5 人 確診 最 有 可能 是 在 公廁 被 感染 的 除此之外 真想 不 到 其他 可能性 了 但 這 是 個 重要 的 經驗 如果 未來 解封 大家 必須 注意 公廁 傳染 的 可能性 尤其 是 餐廳 的 部分 很多 人 以為 吃飯 保持 距離 就 可以 但 跑 到 廁所 裡面 就 鬆懈 了 臺北 車站 k 區 誠 品 地下街 爆 群 聚 目前 累計 5 人 染疫 櫃 位 包含 3 c 用品 店員 手搖 飲店 超 商 和 速食店 臺北市 副 市長 黃珊珊 昨 在 記者會 上 表示 是 職 場上 的 群 聚 人員 關係 有 交錯 而 店家 開業 前 會 再次 消毒 k 區 所有 同仁 都 在 篩檢 篩檢 陰性 會 先 打 疫苗 黃珊珊 昨日 表示 新增 兩 名 確診 店員 都 是 女性 所以 女性 廁所 和 這 區塊 共 用 的 場 域 都 已 封閉 但 能否 排除 廁所 的 傳染性 還要 跟 專家 討論</t>
  </si>
  <si>
    <t>3 艘 國際 商船 停靠 高雄 港 傳出 多 名 船員 染疫 高市 衛生局 共 匡列 295 名 接觸 者 最新 采 檢 報告 出爐 295 人 pcr 全 為 陰性 高雄 市長 陳其邁 14 日 一早 至 高雄港 視察 宣佈 邊境 管制 加 嚴 強化 港埠 防疫 措施 陳其邁 表示 近 兩 周內 3 艘</t>
  </si>
  <si>
    <t>登 船 新冠肺炎 臺灣 高雄港 染疫</t>
  </si>
  <si>
    <t>東奧 南非 足球隊 3 人 染疫 又 增 橄欖球 隊 教練 確診</t>
  </si>
  <si>
    <t>東京 奧運 今天 首度 傳出 選手村 內 有 選手 確診 南非 足球 協會 說 確診 者 是 南非國家 足球隊 的 2 名 隊員 與 1 名 影片 分析 師 晚間 傳出 又 1 名 南非 橄欖球 隊 教練 確診 日本放送協會 nhk 報導 日本 東奧 暨 帕 運 組織委員會 今天 公佈 提供 給 參加 東奧 的 各國 選手 等 人士 入 住 的 選手村 有 2 名 海外 選手 在 病毒 篩檢 陽性 是 選手村 內 首度 有 選手 確診 選手村 昨天 有 1 名 大會 相關 人士 感染 covid-19 2019 冠 狀 病毒 疾病 則 是 選手村 確診 首例 朝日新聞 報導 南非 奧會 表示 昨天 染疫 的 相關 人士 以及 今天 染疫 的 2 名 選手 都 隸屬 南非國家 足球隊 南非國家 足球隊 經理 西邦 mxolisi sibam 透過 南非 足球 協會 發佈 聲明 稿 表示 確診 球員 為 莫揚 涅 thabiso monyane 和 馬赫 拉西 kamohelo mahlatsi 昨天 確診 的 人 是 影片 分析 師馬 夏 mario masha 南非隊 預定 22 日 出戰 地主 日本隊 組織委員會 幹部 表示 由於 南非 足球隊 幾乎 全 隊 都 被 判 定為 密切接觸 者 必須 在 賽前 獲得 病毒 篩檢 陰性 結果 才能 出場 南非 的 多災多難 並 沒有 止於 足球隊 今天 晚間 傳出 南非隊 第 4 人 染疫 這次 確診 的 是 橄欖球 隊 教練 鮑爾 neil powell 美聯社 報導 鮑爾 抵達 日本 時 被 篩檢 陽性 目前 正 在 鹿兒 島 市 隔離 南非 橄欖球 隊 目前 正 在 鹿兒 島 市 進行 賽前 訓練 除了 選手村 首例 以及 選手村 內 的 選手 首例 都 被 相繼 打破 外 國際奧林匹克委員會 ioc 今天 也 出現 首位 確診 成員 確診 的 是 南韓 籍 的 國際 奧 會 成員 柳承敏 他 昨天 入境 東京成田機場 時 被 篩檢 陽性 柳承敏 是 2004 年 雅典奧運 桌 球 男單 金牌 韓國mbc電視臺 報導 柳承敏 表示 出國前 曾經 在 13 日 和 15 日 兩 度 篩檢 16 日 得到 陰性 結果 譯者 戴雅真 核 稿 陳政一 1100718</t>
  </si>
  <si>
    <t>枋山 芒果 遭 退訂 農委會 全球 無 因 蔬果 包裝 染疫</t>
  </si>
  <si>
    <t>屏 東 枋山 發生 delta 變種 病毒 群 聚 感染 連帶 影響 當地 芒果 遭 退訂 農委會 今天 表示 目前 全球 並未 有 因 蔬果 及 包裝 而 染疫 的 案例 發生 將 媒 合 企業 團體 訂購 盼 全民 一同 消費 挺 農民 屏 東縣 枋 山鄉 發生 最 早 在 印度 發現 的 delta 變</t>
  </si>
  <si>
    <t>屏 東 枋山 發生 delta 變種 病毒 群 聚 感染 連帶 影響 當地 芒果 遭 退訂 農委會 今天 表示 目前 全球 並未 有 因 蔬果 及 包裝 而 染疫 的 案例 發生 將 媒 合 企業 團體 訂購 盼 全民 一同 消費 挺 農民 屏 東縣 枋 山鄉 發生 最 早 在 印度 發現 的 delta 變種 病毒 群 聚 感染 縣府 正 進行 大量 篩檢 及 疫苗 接種 有 農民 反映 枋山 芒果 連帶 被 汙名 化 被 退訂 及 拒買 縣府 呼籲 民眾 要 理性 也 會 協助 農民 銷售 行政院 農業 委員會 發佈 新聞稿 表示 全台 芒果 已 進入 盛產期 但因 疫情 3 級 警戒 消費型 態 改變 且 力道 受 影響 尤以 近日 屏 東縣 因 疫情 發生 波及 不相干 的 芒果 部分 人士 產生 疑慮 導致 購買 意願 降低 農委會 強調 國內 專家 表示 全球 目前 並未 有 因 蔬果 及 包裝 而 染疫 的 案例 發生 消費者 可以 放心 採購 只要 國人 注意 食用 前 的 清洗 國產 芒果 既 美味 又 營養 農委會 指出 為 協助 枋山 地區 農民 芒果 行銷 已 請 枋山 地區 農會 協助 收購 農民 生產 優質 芒果 農委會 將 媒 合 企業 團體 訂購 消費者 可 透過 農會 網站 訂購 籲請 全台 消費者 一起 以 實際行動 挺 農民 農委會 說 屏 東 枋 山地 區位 近 屏 東南部 恒 春 半島 北方 為 一 狹長 丘陵地形 的 芒果 產區 背山 面 海明顯 的 亞熱帶 環境 氣候 具有 生產 優質 芒果 的 地理 條件 加上 長年 來 農民 積極 研習 提高 芒果 品質 的 栽培技術 使得 枋山 地區 芒果 優質 名聲 響徹 國內外 農委會 提到 今年 年初 枋山 地區 因 乾旱 使得 芒果 開花結果 減少 加上 年初 低溫 的 淬鍊 讓 芒果 品質 較往年 為 優 不但 外觀 火紅 鮮豔 且 甜度 高 風味 佳</t>
  </si>
  <si>
    <t>芒果 農委會 枋山 染疫 退訂</t>
  </si>
  <si>
    <t>印度 變種 病毒 delta 進入 屏東社區 引發 民眾 恐慌 台 大公 衛學院 流 病 與 預 醫 所 教授 陳 秀 熙 表示 感染 delta 與 英國 變異 株 alpha 的 症狀 不同 發燒 已不 是 主要症狀 與 一般 感冒 症狀 類似 因此 建議 詢問 tocc 時 除了 旅遊 史 接觸 史 職業 別 等 還要 加強 詢問 有無 頭痛 喉嚨 痛 及 流 鼻 水 等 兩 痛 一 水 症狀 並 建議 4 種 人 都 要 做 基因 定 序 才能 避免 變異 株 再 入侵 陳 秀 熙 指出 delta 病毒 傳染 力 為 alpha 病毒 的 16 倍 因此 篩檢 疫 調 都 要 快 才能 有效 圍堵 其 擴散 且 delta 和 alpha 出現 的 症狀 不 太 感染 delta 後 出現 症狀 與 一般 感冒 症狀 極為 類似 不 一定 會 有 發燒 症狀 主要 會 出現 頭痛 喉嚨 痛 及 流 鼻 水 因此 他 建議 詢問 tocc 時 要 加強 詢問 兩 痛 一 水 陳 秀 熙 說 若 境外移入 個案 在 集中 檢疫所 中 出現 類似 症狀 應 要 趕緊 通報 並 做 pcr 采 檢 另外 他 也 建議 4 種 人 應該 都 要 做 基因 定 序 第一 為 打過 2 劑 疫苗 仍 染疫 者 需 靠 基因 定 序 才能 區分 無法 避免 染疫 原因 第二 為 二 度 確診 者 此類 人 也 要 透過 基因 定 序 追查 是否 有 感染 變異 株 第 三 則 是 已 有 群 聚 傳播 地區 目前 就是 以 屏東社區 及 北農 快 篩 陽性者 做 基因 定 序 可 從中 監測 是否 有 變異 株 威脅 最後 為 境外移入 個案 陳秀熙 認為 目前 已 有 92 國 遭 delta 侵襲 若無 法 同時 針對 多 人 做 基因 定 序 建議 每 5 人 就 做 一個 定序 定期 監測 可 防止 變異 株 再度 入侵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日 朝日電視臺 男 主 播 染疫 網 罵 主 播 失 格</t>
  </si>
  <si>
    <t>日本 朝日電視臺 tv asahi 新聞節目 報導 站 的 43 歲 男 主 播 富川 悠 太 11 日 確診 感染 新冠肺炎 他 發燒 後 連續 4 天 播報 新聞 7 日 在 鏡頭 前 還 咳 到 受 觀眾 關注 富川 染疫 後 網上 引起 新聞 主 播 失 格 關掉 報導 站 等 嚴厲 的 批</t>
  </si>
  <si>
    <t>日本 朝日電視臺 tv asahi 新聞節目 報導 站 的 43 歲 男 主 播 富川 悠 太 11 日 確診 感染 新冠肺炎 他 發燒 後 連續 4 天 播報 新聞 7 日 在 鏡頭 前 還 咳 到 受 觀眾 關注 富川 染疫 後 網上 引起 新聞 主 播 失 格 關掉 報導 站 等 嚴厲 的 批判 朝日電視臺 指出 富川 4 月 3 日 4 日 發燒 到 38 度 後 不久 就 退燒 於是 6 日 至 9 日 都 照常 到 電視臺 播報 新聞 富川 7 日 在 鏡頭 前 出現 聲音 沙啞 乾咳 等 症狀 8 日 開始 感覺 呼吸 不順 疑 似 肺炎 的 症狀 持續 不斷 10 日 到 東京 的 醫院 住院 檢查 11 日 確診 感染 有 網友 說 7 日 他 在 播報 新聞 時 一直 咳 我 還 擔心 沒 問題 嗎 天天 在 播報 新冠肺炎 擴散 的 危險性 以及 感染 後 出現 的 症狀 怎麼 自己 一點 警覺心 都 沒有 他 本人 和 公司 都 欠缺 危機意識 聽說 他 9 日 才 向 電視臺 報告 身體 不適 身 為 主 播 這 是 不 應該 的 行為 疫情 期間 只要 一度 發燒 就 應 自主 觀察 健康狀況 才 是 就 是 有 很多 這樣 的 人 東京 才 會 疫情 大 爆發</t>
  </si>
  <si>
    <t>電視臺 播報 新聞 染疫 新冠肺炎</t>
  </si>
  <si>
    <t>97 歲 高齡 也 抗 疫 成功 2 月 29 日 上午 湖北 武漢 的 華中科技大學 附屬 協和醫院 西院 有 一 位 97 歲 的 新冠肺炎 危重症 患者 治癒 出院 為 目前 院內 成功 治癒 歲數 最 大 的 患者 與其 同時 染疫 入院 治療 的 75 歲 女兒 也 已於 2 月 23 日出 院</t>
  </si>
  <si>
    <t>97 歲 高齡 也 抗 疫 成功 2 月 29 日 上午 湖北 武漢 的 華中科技大學 附屬 協和醫院 西院 有 一 位 97 歲 的 新冠肺炎 危重症 患者 治癒 出院 為 目前 院內 成功 治癒 歲數 最 大 的 患者 與其 同時 染疫 入院 治療 的 75 歲 女兒 也 已於 2 月 23 日出 院 這 對 高齡 母女 雙雙 治癒 出院 的 好 消息 相當 振奮人心 1 月 29 日 武漢 江漢區 的 付姓 老婦 人 與 女兒 因 持續 高熱 咳嗽 同時 被 送 到 協和 西院 並經 確診 為 新冠肺炎 出院 時 付 老太太 雙手 合十 向醫護人員 連連 致謝 我 都 能 戰勝 病毒 相信 其他 患者 也 一定 可以</t>
  </si>
  <si>
    <t>新冠肺炎 疫 擴大 嚴重 衝擊 觀光 飯店 餐飲 生意 由於 擔心 染疫 外 食 人口 銳減 觀光 飯店 繼 啟動 餐飲 外 賣 與 外 送 服務 開源 後 更 正式 實施 節流 方案 紛紛 調整 館內 餐廳 酒吧 甚至 room serveci 客房 餐飲 服務 與 供餐 時間</t>
  </si>
  <si>
    <t>新冠肺炎 疫 擴大 嚴重 衝擊 觀光 飯店 餐飲 生意 由於 擔心 染疫 外 食 人口 銳減 觀光 飯店 繼 啟動 餐飲 外 賣 與 外 送 服務 開源 後 更 正式 實施 節流 方案 紛紛 調整 館內 餐廳 酒吧 甚至 room serveci 客房 餐飲 服務 與 供餐 時間 臺北 陸續 有 多 家 飯店 從 館內 最 有 人氣 最 賺 錢 的 金雞 母 吃到 飽 自助餐 廳 下手 停止 供應 晚餐 希望 減少 人力 與 食 材 成本 全面 節能 節流 減少 開支 據 調查 位 在 大直 周邊 豪 宅 林立 的 臺北 萬豪酒店 已 低調 通知 客人 館內 garden kitchen 餐廳 晚餐 時段 暫時 停止 服務 至 2 29 日 凱撒 飯店 連鎖 旗 下 臺北 凱撒 大 飯店 館內 checkers 自助餐 餐廳 停止 供應 平日 與 假日 晚餐 與 平日 下午 茶 萬華 凱達 飯店 館內 百 宴 自助餐 廳 4 月底 前 週一 至 週四 晚上 亦 暫停營業 而 臺北 w 飯店 的 the kitchn table 自助餐 廳 週二 至 週四 晚餐 暫停營業 午餐則 改 為 單點 菜單 國泰 萬 怡 酒店 mj kitchen 亦 暫停 供應 晚餐 臺北 文華 東方 酒店 則 在 官 網上 公告 調整 館 內部 份 餐廳 與 酒吧 營業時間 至於 詳細 內容 則 希望 客人 直接 去 電 詢問 另外 日 系 大倉 久 和 酒店 館內 自助餐 廳 則 下午 茶 時段 暫停營業 寒舍 艾 麗 酒店 則 告知 房客 room service 客房 餐飲 只 從 上午 6 點 供應 至 早上 11 點 客人 有 需求 則 改到 6 樓 餐廳 上述 觀光 飯店 除 臺北 凱撒 萬華 凱達 以及 寒舍 艾 麗 酒店 外 分屬 不 同 國際 酒店 集團 體系 下直 營 或 加盟 酒店 如今 這些 觀光 飯店 先後 發難 調整 餐廳 營業時間 甚至 停止 供應 晚餐 預料 將 引發 骨牌效應 後續 還 會 有 更 多 同業 跟進 上述 觀光 飯店 調整 營業時間 的 餐廳 多 屬 飯店 內 的 全日 營業 的 自助餐 廳 這些 餐廳 除 接待 國人 午 晚餐 下午 茶 外 另 一 項 重要 功能 是 負責 供應 下榻 飯店 房客 的 早餐 如今 業者 紛紛暫停 晚餐 時段 顯示 新冠肺炎 疫情 確 使 外人 來 台 旅行 市場 量 縮 急凍 且 即便 是 吃到 飽 也 無法 誘 使 國人 走 出 家門 外 食 迫使 業者 必須 採取 更 積極 的 節流 方式 自保 臺北 萬豪酒店 近期 住房 率 平均 約 二 至 三 成 且 餐飲 生意 亦 因 客人 不敢 出門 衰退 於是 率 同業 之 先 2 月底 前 停止 garden kitchen 晚餐 飯店 認為 現在 客人 不 上 門 的 原因 是 怕 不是 貴 殺價 促銷 客房 或 多 賣 一二 個 便當 實 無濟於事 臺北 凱撒 飯店 與 萬豪 凱達 飯店 調整 餐廳 營業時間 主要 是 可 集中 客源 避免 人力資源 浪費 重新 調整 人力 配置 進行 有效 運用</t>
  </si>
  <si>
    <t>新冠肺炎 疫情 期間 不少 民眾 有 檢測 是否 染疫 的 需求 臺北 榮總 為 因應 近日 暴 增 的 篩檢 人潮 減少 民眾 在 酷熱 天氣 下 排隊 候檢 的 不便 在 微 遠 文化 藝術 基金會 顧芸 董事長 及 微風 慈善 基金會 廖曉喬 策略 長 善款 捐助 下 緊急 增 建 第二</t>
  </si>
  <si>
    <t>新冠肺炎 疫情 期間 不少 民眾 有 檢測 是否 染疫 的 需求 臺北 榮總 為 因應 近日 暴 增 的 篩檢 人潮 減少 民眾 在 酷熱 天氣 下 排隊 候檢 的 不便 在 微 遠 文化 藝術 基金會 顧芸 董事長 及 微風 慈善 基金會 廖曉喬 策略 長 善款 捐助 下 緊急 增 建 第二 戶外 防疫 篩檢 站 於今 28 日 上午 正式 完工 啟用 特別 設置 專業 空氣 過濾 空調設備 可 有效 保障 采 檢 人員 安全 提供 民眾 舒適 乾淨 的 候檢 環境 臺北 榮總 許 惠恒 院長 表示 疫情 雖 十分 嚴竣 但 社會 的 愛心 卻 源源不絕 誠摯 感謝 顧芸 董事長 及 廖曉喬 策略 長 的 善行 讓 北 榮 在 短短 十 天內 完成 國內 設備 最 完善 的 篩檢 站 臺北 榮總 全體同仁 將 盡 最 大 努力 堅守 抗 疫 第一線 全力 守護 國人 的 健康 臺北 榮總 急診部 顏鴻章 主任 指出 原 設於 急診 室外 的 第一 篩檢 站 空間 不足 侯檢 環境 不 佳 為了 改善 民眾 候檢 的 需求 第二 戶外 防疫 篩檢 站 以 組合 屋 形式 建置 采 檢 區 為 全 外氣 供應 的 空調 空調 的 氣流 方向 由 采 檢 人員 流向 被 檢 人員 排 出 的 空氣 經過 過濾 效果 9997 高效 濾 網 hepa 及 紫外線 殺菌 再 排到 戶外 除了 可讓 采 檢 人員 獲得 最 完善 的 防護 更 可 避免 造成 空氣污染 除此之外 並 設置 空調 及 戶外 二 處 候檢區 依 社交距離 設置 座椅 民眾 可 依 需要 選擇 同時 貼心 提供 流動 廁所 提供 民眾 舒適 安全 的 篩檢 服務</t>
  </si>
  <si>
    <t>染疫 破 600 例 2 台女 自 日本 美國 入境 嗅覺 異常 確診</t>
  </si>
  <si>
    <t>我 需要 快 篩 嗎 醫 揭 染疫 關鍵 症狀 4 種 人才 需 快 篩</t>
  </si>
  <si>
    <t>新冠肺炎 與 感冒 症狀 極為 相似 不少 人 擔憂 自己 可能 染疫 前 高雄長庚醫院 兒童 內科 主治醫師 徐嘉賢 指出 兩者 症狀 的 確 容易 混淆 但 確診 新冠肺炎 的 患者 主要症狀 包含 發燒 乾咳 倦怠 以及 呼吸 急促 因此 建議 4 種 人才 須要</t>
  </si>
  <si>
    <t>新冠肺炎 與 感冒 症狀 極為 相似 不少 人 擔憂 自己 可能 染疫 前 高雄長庚醫院 兒童 內科 主治醫師 徐嘉賢 指出 兩者 症狀 的 確 容易 混淆 但 確診 新冠肺炎 的 患者 主要症狀 包含 發燒 乾咳 倦怠 以及 呼吸 急促 因此 建議 4 種 人才 須要 采 檢 包括 有 收到 細胞 簡訊 相關 接觸 史 到 過 高風險 地區 及 上呼吸道 出現 症狀 沒事 千萬別 去 篩檢 站 徐嘉賢 醫師 日前 在 臉書 粉 專 黑 眼圈 奶 爸 dr 徐嘉賢 醫師 表示 過敏 感冒 症狀 與 新冠肺炎 相似 因此 門診 多 了 許多 求 診 的 民眾 狂 問 流 鼻 水 鼻 塞 是 感冒 還是 過敏 會 不 會 是 新冠肺炎 一般來說 感冒 的 症狀 會 隨 著 時間 變化 一 開始 可能 只 有 打噴嚏 隔 天 就 會 開始 流 鼻 水 喉嚨 痛 等 也 可能 會 發燒 徐嘉賢 說 過敏 發作 起來 會 流 鼻 水 鼻 塞 或 過敏 咳 有的 甚至 會 氣喘 的確 很 容易 跟 感冒 甚至 是 新冠肺炎 混淆 但 過敏 的 症狀 通常 時間 比較 固定 症狀 也 不太會 改變 也 沒有 發燒 味覺 改變 的 病症 但是 鼻子 長期 過敏 及 鼻竇炎 影響 下 也 會 有 嗅覺 喪失 或 嗅覺 異常 的 狀況 另外 過敏 的 氣喘 咳 並 不是 只 有 喘 而已 有些 咳嗽 還 會 帶有 痰 音 且 過敏 並 不 會 發燒 徐嘉賢 進一步 表示 新冠肺炎 的 症狀 多變 且 現在 又 有 許多 無 症狀 感染者 味覺 及 嗅覺 異常 也 不是 獨有 的 症狀 其他 普通 感冒 也 會 發生 其 主要症狀 為 發燒 乾咳 倦怠 以及 呼吸 急促 有 68 至 888 會 有 嗅覺 味覺 失常 與 其他 疾病 相較 之下 比例 特別 高 通常 發覺 異常 是 在 初期 還 沒 進入 肺部 之前 的 徵兆 目前 唯一 能夠 確定 的 方法 就 是 做 篩檢 但 徐嘉賢 認為 有 收 細胞 簡訊 相關 接觸 史 到 過 高風險 地區 及 上呼吸道 出現 症狀 者 才有采 檢 的 必要 否則 沒 是 千萬別 抱 著 想去 篩檢 看看 的 想法 因為 篩檢 站 急診室 及 大型 醫療 院所 風險 更 高 千萬 不要 增加 醫護人員 不必要 的 工作 最後 徐嘉賢 也 呼籲 疫情 期間 都 要 好好 控制 過敏 至少 把 一個 干擾 因素 控制 免得 自己 擔心 懷疑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蔡英文 總統 今 在 臉書 表示 今天 本土 確診 案例 的 數量 明顯 增加 說明 了 疫情 確實 難 纏 她 也 提出 三 個 拜 讬 總統 指出 不要 氣餒 更 不 可以 鬆懈 有 三 件 事情 我 要 拜 讬 大家 一起 繼續 努力 第一 拜 讬 大家 繼續 堅持 防疫 指引 她 說 疫情 還 沒有 穩定 前 都 不能 大意 少 出門 不 群 聚 做好 自主 健康 管理 落實 各項 防疫 措施 就是 保護 彼此 最好 的 方式 第二 拜 讬 大家 去 傳統 市場 和 賣 場 注意 防疫 最近 有 許多 確診 案例 都有 傳統 市場 或 賣 場 的 足跡 說明 了 這 兩 類 場所 是 現階段 必須 強化 防疫 的 重點 請 大家 幫忙 提醒 家 人和 朋友 去 傳統 市場 或 賣 場 採買 時 一定 要 配合 實 聯 制 措施 並 小心 保持 社交距離 她 強調 尤其 大部分 的 地方 政府 已經 公佈 了 傳統 市場 分流 採買 的 措施 也 要 拜 讬 大家 體諒 和 遵守 第 三 拜 讬 大家 一起 支持 第一 線 防疫 人員 醫護 警 消 防疫 人員 都 在 疫情 的 最 前線 奮戰 都為 大家 承受 著 許多 的 風險 請 大家 一起 給 他們 支持 和 鼓勵 她 說 也 必須 強調 任何 的 暴力 攻擊 和 言語 羞辱 都 無助於 克服 疫情 政府 絕不允許 醫療 暴力 該 依法 究辦 的 絕不 寬 貸 對於 因公 染疫 或 受傷 的 醫護 警 消 防疫 人員 政府 也 一定 會 提供 最 妥善 的 照顧 最後 強調 疫情 之下 人 與 人 之間 不該 彼此 對立 病毒 才 是 我們 的 敵人 只有 團結 一致 才能 更 快 控制 住 疫情 早 一 天 讓 生活 恢復正常</t>
  </si>
  <si>
    <t>葡萄 盤商 傳播 鏈 今天 19 日 再 添 6 例 包括 了 10 日 去 吃 個 燒烤 1 家 3 口 就 染疫 了 其中 1 歲 男童 還是 父母 輪流 抱 著 另外 3 例 是 昨天 公佈 歌唱 班 成員 的 家屬 彰 化 縣 衛生局 更新 公佈 最新 足跡 呼籲 搭配 時間 留心 注意 有 接觸 史</t>
  </si>
  <si>
    <t>葡萄 盤商 傳播 鏈 今天 19 日 再 添 6 例 包括 了 10 日 去 吃 個 燒烤 1 家 3 口 就 染疫 了 其中 1 歲 男童 還是 父母 輪流 抱 著 另外 3 例 是 昨天 公佈 歌唱 班 成員 的 家屬 彰 化 縣 衛生局 更新 公佈 最新 足跡 呼籲 搭配 時間 留心 注意 有 接觸 史 有 症狀 就 要 注意 葉 彥 伯 表示 新增 燒烤店 確診 者 就 是 典型 從 公佈 足跡 檢 出 的 個案 衛生局 16 日 公佈 足跡 曾去 燒烤店 的 父母 15 日 晚上 就 發現 小孩 發燒 對照 公佈 的 足跡 緊急 到 醫院 采 檢 連日來 發現 確診 者 幾乎 都 在 餐會 或是 室內 的 閉密 空間 活動 呼籲 仔細 看 一下 足跡 只要 是 室內空間 有 飲食 聊天 打 麻將 都 是 高風險 場 域 新增 6 例 又 新 匡 列 300 人 列入 追蹤 葉 彥 伯 也 強調 公佈 足跡 並 不是 獵 巫 或是 標籤 化 請 民眾 不要 過度 恐慌 設置 快 篩 站 也 並 非要 一般 人 都去 篩檢 縣府 和 中央 的 做法 一致 有 接觸 史 並且 有 症狀 才 需 前往 篩檢 縣長 王 惠美 也 說明 篩檢 第一 關 就是 問 接觸 史 如果 沒有 到 過 這些 地方 是 不 會 給 篩 避免 造成 醫療 人力 的 癱瘓 和 增加 感染 風險 葉 彥 伯 表示 彰 化 累計 49 例 確診 葡萄 盤商 家族 的 傳播 鏈 包含 刮痧 到 麗 園 飯店 歌唱 班和 燒烤店 共 達 41 人 累計 49 例 確診 都 是 輕 症 4 天 來 已經 有 兩千 人 多 人 檢測 做到 早期 圍堵 目前 4 個 核酸 實驗室 一 天 可以 檢測 到 8900 個 一 天內 就 可 得到 棒 告 彰 化 負 壓 病床 和 專責 隔離病房 也 近 90 個 發現 的 確診 個案 只要 圍堵 的 越 成功 民眾 配合 的 越 好 疫情 就 能 越 早 得到 控制 縣長 王 惠美 也 呼籲 今天 中央 指揮中心 已經 宣佈 全國 從 2 級 升為 3 級 相關 的 規定 一定 會 嚴格 的 執行 務必 戴 上 口罩 不 戴 罰 3000 至 1萬5000 元 室內 不 超過 5 個人 室外 不 超過 10 個人 拜 讬 鄉親 在 這14 天 中 辛苦 一點 人流 若 能 控管 下來 後 相信 疫情 一定 會 有所 趨 緩 最後 強調 鄉親 務必 配合 勤洗手 戴 口罩 保持 社交距離 並且 不 要 隨便 外出 活動</t>
  </si>
  <si>
    <t>臺北 榮總 將 遠 距 會診 模式 擴大 應用 於 防疫 專責 病房 協助 醫護人員 與 隔離 區內 病人 診療 與 跨 團隊 互動 醫務 企管 部 李偉強 主任 表示 過去 護理 師 協助 家屬 提供 病人 關懷 時 僅 能 利用 手機 視 訊 然而 許多 老人家 視力 不好 或 聽力 退化 且 手機 螢 幕 較 小 關懷 效果 並 不 理想 遠 距 行動 醫療 推 車 因 螢 幕 大 且 操作 簡單 除了 臨床 照 護 之 應用 外 最 重要 的 是 能 給予 隔離 中的 病人 親情 的 支持 藉 由 遠 距 會診 模式 病人 家屬 可 從 家中 同時 與 醫護人員 與 病人 進行 三 方 視 訊 對話 一同 討論 病情 既 可 避免 感染 風險 即時 表達 對 病人 的 關心 不因 疫情 造成 隔閡 更 能 拉 近 彼此 的 距離 是 防疫 專責 病房 的 好 幫手 81 歲 染疫 住院 病危 的 張 伯伯 因 情緒 不 佳 出現 輕生 的 行為 護理 師 發現 後 立即 啟動 跨 團隊 照 護 由 社 工 師 運用 遠 距 行動 醫療 推 車進行 視 訊 關懷 在 20 分鐘 訪談 後 張 伯伯 才娓娓 道 出 心中 掛念 染疫 也 被 隔離 的 妻子 社 工 師 立即 給予 同 理 支持 持續 引導 以 正向 積極 的 態度 面對 病情 張 伯伯 深受 鼓勵 表示 會 堅強 努力 的 活 下去 期待 能 與 家人 再度 團聚 9 個 月 大 的 小 明因 被 家人 傳染 不幸 染疫 媽媽 需 共同 照顧 也 不幸 確診 住院 期間 兒科 醫師 藉 由 遠 距 行動 醫療 推 車 觀察 小朋友 的 活動力 及 臨床表現 兒科 護理 師 在 病房 內 接受 醫師 指示 共同 協助 評估 小 明 的 症狀 及 活動力 醫護人員 及 病人 都 表示 行動 醫療車 看 得 很 清楚 病人 也 能 清楚 的 跟 醫療 人員 溝通 比起 只 用 電話 會談 只 聽 到 聲音 更 有 溫度 也 更 安心 李偉強 主任 指出 醫護人員 可 利用 遠 距 行動 醫療 推 車 在 護理 站內 面對面 與 隔離 中的 病人 進行 視 訊 問診 解釋 病情 與 說明 未來 治療 方向 病人 亦 能 在 大 螢幕上 看到 醫護人員 真正 能 感受 到 有人 關心 透過 即時 視 診 及 與 病人 互動 討論 有效 提升 照 護 品質 更 減少 醫護人員 穿 脫 隔離 衣 的 時間 與 防護 裝備 的 耗損 無形中 提高 了 防疫 效能 臺北 榮總 板橋 榮民之家 與 研 華科技 自 今 110 起 透過 遠 距 行動 醫療 推 車 讓 榮 家住 民 不必 外出 就 可 與 臺北 榮總 醫師 進行 線 上 會診 對談 此 亦 為 退輔會 自 109 年 起 推動 金字塔 計 畫 的 一 環 提升 高齡 長者 就醫 品質 成效 卓著 5 月中 旬 covid-19 疫情 急遽 升溫 之後 為 降低 醫護 同仁 穿 脫 防護衣 及 頻繁 進出 病房 所 產生 之 照 護 風險 研 華科技 與 研 華 文教 基金會 與 臺北 榮總 合作 捐贈 四 套 遠 距 行動 醫療 推 車及 平板 電腦 成為 防疫 專責 病房 的 好 幫手</t>
  </si>
  <si>
    <t>他 秀 內 用 照 誰 說 會 染疫 恐 罰 300萬 網 叩 1922 諷 引 戰技術 好 差</t>
  </si>
  <si>
    <t>新冠肺炎 疫情 遲遲 未 趨 緩 若 染疫 也 只能靠 自身 免疫力 戰勝 病毒 醫院 只是 提供 支持性 療法 大陸 工程院 院士 抗 疫 專家 鍾 南山 建議 吃 雞蛋 牛奶 2 種 食物 增加 免疫力 補充 蛋白質 平時 不妨 多 吃 早餐 更是 不能 少 了 它們 大</t>
  </si>
  <si>
    <t>新冠肺炎 疫情 遲遲 未 趨 緩 若 染疫 也 只能靠 自身 免疫力 戰勝 病毒 醫院 只是 提供 支持性 療法 大陸 工程院 院士 抗 疫 專家 鍾 南山 建議 吃 雞蛋 牛奶 2 種 食物 增加 免疫力 補充 蛋白質 平時 不妨 多 吃 早餐 更是 不能 少 了 它們 大陸 lily 美食 談 報導 84 歲 的 鍾 南山 老當益壯 持續 在 一線 工作崗位 奮戰 他 光是 早餐 他 一 人 就 吃光 2 顆 柳橙 一 碗 紅豆 粥 一塊 加 了 乳酪 的 麵包 雞蛋 牛奶 麥片 且 特別 重視 雞蛋 和 牛奶 這 兩 樣 食 材 對 提升 免疫力 很 有 幫助 是 早餐 不可或缺 的 食物 鍾 南山 提 倡 早 好 午 飽 晚 少 的 飲食 理念 早餐 以 奶 豆 蛋 蔬果 為主 要 吃 最好 午餐 吃 肉 魚 蛋 豆 為主 要 吃得飽 晚餐 要 吃 少 一點 以 五 股 食物 類 為主</t>
  </si>
  <si>
    <t>嘉義 新增 3 本土 案例 最新 足跡 曝光 男 大生 母親 也 染疫</t>
  </si>
  <si>
    <t>北市 牙醫師 染疫 侯友宜 強調 要 這麼 做 才能 有效 控制 疫情</t>
  </si>
  <si>
    <t>新北 市長 侯友宜 今 25 日 上午 視察 新 店 集中 檢疫 中心 並 慰問 檢疫 中心 的 醫護人員 房務 後勤人員 關於 北市 傳出 施打 疫苗 後 的 牙醫師 染疫 及 確診 者 年輕化 趨勢 侯 強調 不斷 篩檢 才 能夠 有效 的 控制 疫情 所以 社區 篩檢 企業 篩</t>
  </si>
  <si>
    <t>新北 市長 侯友宜 今 25 日 上午 視察 新 店 集中 檢疫 中心 並 慰問 檢疫 中心 的 醫護人員 房務 後勤人員 關於 北市 傳出 施打 疫苗 後 的 牙醫師 染疫 及 確診 者 年輕化 趨勢 侯 強調 不斷 篩檢 才 能夠 有效 的 控制 疫情 所以 社區 篩檢 企業 篩檢 居家 篩檢 都 希望 市民 出來 篩檢 不怕 確診 高 只怕 你 不 出來 大家 一起 來 篩 找到 隱形 的 傳播 鏈 侯友宜 表示 新北 市 從 一 開始 在 整個 篩檢 的 量 就 是 全國 第一 不斷 的 篩檢 不斷 希望 能夠 把 隱形 的 傳播 鏈 找 出來 所以 新北 市 設 的 40 處 的 社區 篩檢 站 幾乎 90 以上 找到 無 症狀 確診 者 目前 已經 找到 了 1100 多 個 陽性率 大概 平均 是 1 無 症狀 者 如果 不 趕快 找 出來 其實 在 社區 的 傳播 就 會 大肆 地 往 上 讓 市民 染疫 的 機 率 提高 所以 篩檢 再 篩檢 不斷 的 篩 絕對 是 新北 市 從 一 開始 到 現在 的 方向 所以 也 不 斷 的 篩 才 能夠 有效 的 控制 疫情 所以 社區 的 篩檢 企業 篩檢 居家 篩檢 所有 的 篩檢 都 希望 市民 朋友 大家 出來 篩檢 讓 這個 篩檢 找 出 可能 還 有 社區 的 隱藏 的 黑 數 不怕 確診 高 只怕 你 不 出來 大家 一起 來 篩 找到 隱形 的 傳播 鏈 及時 控制 疫情 不要 擴散</t>
  </si>
  <si>
    <t>本土 疫情 嚴峻 其中 又 以 雙北 病例 最 多 被 視為 重災區 一 名 網友 表示 他 同事 的 父親 過世 因此 從 臺北 南下屏 東 奔喪 沒 想到 竟 遭 屏 東 老家 的 左鄰右舍 大罵 防疫 破 口 甚至 說 把 臺北 的 病毒 帶來 屏 東 想 害 死 誰 不禁 令 他 質疑 現在 的 正義 魔 人 到底 有 多 病態 原 po 在 臉書 社團 爆 怨 2 公社 表示 公司 有 一個 同事 老家 在 屏 東 但是 他 是 在 臺北 工作 上周 他 住 在 屏 東 老家 的 父親 過世 因此 從 臺北 回屏 東 奔喪 畢竟 父親 過世 作為 子女 的 回家 處理 後 事 也 屬 正常 沒 想到 他 同事 回到 老家 之後 承受 不少 左鄰右舍 的 壓力 因為 左鄰右舍 都 知道 他 在 臺北 工作 左鄰右舍 竟 大罵 他 是 防疫 破 口 甚至 不 客氣 的 說 把 臺北 的 病毒 帶來 屏 東 想 害 死 誰 原 po 強調 他 同事 自始至終 都 沒有 染疫 回 故鄉 奔喪 也 有 做好 個人 防護 質疑 現在 的 正義 魔 人 到底 有 多 病態 難道 自己 父親 過世 做 兒子 的 不能 回家 奔喪 嗎 如果 喪禮上 沒 出現 是不是 又 要 被 罵 不孝子 原 po 詢問 大家 該 同事 到底 該不該 回去 貼 文一 出 引起 熱 議 網友 紛紛 回應 不用 理會 那些 只 會 嘴 的 三姑六婆 官方 一直 強調 非必要 不要 返鄉 父親 就 過世 了 這 就 是 必要 必要 必要 3 11 都 沒關係 了 守 孝 就是 破 口 臺北 工作 何時 變 原罪 不是 在 臺北 每個 人 都 陽性 有 網友 建議 可以 回去 但 不 要 搭乘 大眾交通 工具 回去 以後 儘量 不 要 出門 或 事先 通報 當地 裡長 或者 村長 有 特殊 原因 不得已 才 回去 並且 最好 在 家裡 自主 健康 管理 14 天 以策安全</t>
  </si>
  <si>
    <t>本土 零 確診 再度 破 功 繼 中研院 女 助理 案 16816 染疫 後 臺北市 一 名 8 旬 老婦 人 今 證實 確診 她 日前 因 身體 不適 自行 到 醫院 就醫 采 檢 後 確診 初步 瞭解 這 名 老婦 不常 出門 大部分 時間 都 待在家裡 足跡 相對 單純 目前 匡</t>
  </si>
  <si>
    <t>本土 零 確診 再度 破 功 繼 中研院 女 助理 案 16816 染疫 後 臺北市 一 名 8 旬 老婦 人 今 證實 確診 她 日前 因 身體 不適 自行 到 醫院 就醫 采 檢 後 確診 初步 瞭解 這 名 老婦 不常 出門 大部分 時間 都 待在家裡 足跡 相對 單純 目前 匡列 3 名 家人 居家 隔離 個案 ct 值 也 出爐 為 399 研 判 應為 舊 案 據 指出 該 名 老婦 與 中研院 女 助理 北市 中正區 防疫 旅館 房客 確診 經 調查 後 無 關聯 細節 將 待 臺北市衛生局 整理 後 統一 對外 發佈</t>
  </si>
  <si>
    <t>8 旬 老婦 確診 染疫 本土 新冠肺炎</t>
  </si>
  <si>
    <t>美國 已 成為 全球 新冠肺炎 確診 病例 最 多 的 國家 紐約州 疫情 尤其 嚴重 累計 病例 達 37802 例 占全國 逾 4 成 最新 一 天 病亡 人數 激增 逾 100 人 累計 達 454 例 而 人口稠密 的 紐約市 死亡 人數 為 281 人 則 占全州 的 73 由於 醫療 物資 嚴重 短缺 市內 有 醫院 已 開始 試 行 2 名 患者 共同 1 個 呼吸器 紐約市 長白 思 豪 25 日 更 警告 全市 最終 可能 有 一半 人 感染疫情 持續 惡化 的 同時 美國 的 醫護 人力 似 也 已 告急 據 香港中通社 報導 美國國務院 領事 事務 局 26 日 在 社交 平臺 發文 鼓勵 各國 的 醫療 工作者 赴美 幫助 美國 抗 疫 尤其 是 那些 致力 於 治療 或 緩解 新冠肺炎 疫情 的 專業 人員 目前 在 全美 重災區 紐約市 停 屍 間 已經 爆滿 當局 調動 45 部 冷凍 貨櫃車 充當 臨時 停 屍 間 每間 可 容納 44 具 遺體 市政府 同時 在 搭建 冷凍 帳篷 儲存 屍體 官員 稱 臨時 措施 會 使 紐約市 能 容納3600 具 遺體 皇后 區 是 紐約市 確診 感染 人數 最 多 的 區 在 當地 的 艾姆赫斯特 醫院 1 天 之內 就 有 13 人 死於 新冠肺炎 紐約市 醫療系統 不勝負荷 瀕臨 崩潰 曼哈頓 西奈 山西 區 醫院 先前 有 3 名 護士 因 防護 裝備 耗盡 只好 穿 上 用 黑色 垃圾袋 自製 的 防護衣 照片 在 社交 媒體 廣傳 如今 同 院 48 歲 男 助理 護士長 凱利 則 感染 新冠肺炎 身亡 凱 利於 2 周前 確診 上 週二 入院 搶救 24 日 不治 身亡 凱利 至少 有 4 名 同事 亦 確診 染疫 多 名 同事 直指 院方 無法 為 前線 醫護 提供 足夠 防護 裝備 要為 凱利 之 死 負責 與 紐約 相鄰 的 新澤西州 近日 疫情 也 不斷 加重 26 日 猛增 2492 例 刷新 單日 新增 紀錄 確診 總數 達 6876 例 死亡 81 人 已經 超越 加州 成為 全美 疫情 第二 嚴重 的 州 新澤西州 衛生部 25 日 公佈 該州 伍德布裡奇 市 一 間 老人 院 爆發 集體 感染 院內 94 人 料 全部 受 感染 包括 院 友 及 職員</t>
  </si>
  <si>
    <t>隔 8 個 月 又 1 大陸 輸入 病例 40 歲 台男 江蘇 工作 染疫</t>
  </si>
  <si>
    <t>美國 部分 學 區 近期 相繼 打開 大門 讓 師生 返校 上課 不過 現在 傳出 有 中學 開學 第一 天 就 傳出 學生 感染 新冠肺炎 迫使 校方 在 開學 幾 小時 就 祭出 隔離 措施 綜合 紐約時報 new york times 美國哥倫比亞廣播公司 新聞網 cbs news 報導 美國 印第安那州 indiana 葛林斐 德 中央 中學 greenfield central junior high school 7 月 30 日 讓 師生 重返 學校 上課 開學 第一 天 幾 小時 後 就 傳出 有 學生 新冠 病毒檢測 呈現 陽性 當地 衛生 官員 指出 該 名 學生 是 在 回 學校 前 幾 天 進行 病毒檢測 當天 下午 檢測 結果 出爐 後 當局 立刻 通知 學生家長 以及 有關 單位 據 瞭解 該 名 染疫 學生 當天 曾在 學校 走廊 上 穿梭 並且 出席 不同 教室 的 課程 學校 在 接 獲 通知 後 已 立即 要求 學生 以及 所有 相關 接觸 者 隔離 14 天 目前 尚不 清楚 染疫 學生 是否 感染 了 其他人 主管 印第安那州 葛林斐 德 中央 地區 學校 的 教育局長 歐林 harold olin 表示 當局 早就 預期 今年 秋天 學校 可能 會 出現 確診 病例 只是 沒有 想到 開學 第一 天 就 發生 這種 事 儘管 學校 重新 開放 才幾 小時 就 傳出 確診 消息 當地 學 區 仍 不 改 開學 計 畫 只 是 因應 情況 啟動 病毒檢測 方案 所有 密切接觸 者 必須 隔離 14 天才 能 重 回 學校 確診 者 必須 隔離 10 天 並且 在 出現 症狀 的 72 小時 後 才能 回到 學校 除了 葛林斐 德 中央 中學 印第安那州 印弟安納波里斯 市 indianapolis 的 雅 芳 高中 avon high school 一 名 教職人員 也 傳出 確診 新冠 所幸 該 名 職員 近期 並未 到校 因此 校方 不 需要 對 相關 人員 祭出 隔離 措施 不過 美國 學校 複學 後 傳出 確診 並非 單一 事件 美國有線電視新聞網 cnn 報導 密西西比州 科林斯 高中 corinth high school 在 開學 一 周後 一 名 學生 也 傳出 新冠 病毒檢測 結果 為 陽性該 名 學生 及 相關 接觸 人員 已 被 要求 在家 隔離 紐約時報 指出 隨 著 部分 學 區 堅持 讓 學校 重新 開放 校方 也 得 做好 師生 面臨 隔離 或是 學校 重新 關閉 的 準備 不過 學校 是否 關閉 各 地區 有 各自 的 規定 以 紐約市 為 例 一個 班級 若 有 1 至 2 人 確診 全班 必須 停課 隔離 14 天 若 一個 學校 不同 班級 有 2 名 以上 師生 染疫 學校 必須 關閉 至少 14 天 進行 調查 加州 則 是 2 周內 全校 有 超過 5 的 師生 染疫 後 才須 關閉</t>
  </si>
  <si>
    <t>全國 三級 警戒 延至 6 28 許多 人 關注 是否 再 繼續 延長 台大醫院 前 副 院長 王明钜 發文 表示 是否 延長 應 看 這 5 個 指標 並 表示 要 完成 這些 指標 就 必 須要 主動 大量 快速 的 採集 檢 體 與 完成 檢驗 的 能量 否則 就算 達成 了 也 只 是 所有人 忍耐 自動 封 城 的 結果 一旦 解除 了 三級 警戒 的 管制 疫情 大火 必將 重新 燃起 王明钜 今 12 日 在 臉書 發文 表示 臺灣 5 15 起 雙 北 提升 至 三級 警戒 緊接著 停課 停止 聚會 停止 餐飲 內 用 公司 改 采 居家 辦公 全國 進入 半 封城 狀態 雖然 這個 三 警戒 狀態 在 大家 的 努力 配合 下 已經 撐 4 周 但 到 昨天 單日 確診 數 仍 高 達 286 人 死亡 人數 24 人 甚至 還有 3 人 是 死亡 當天 或 死 後 才 確診 2 人 是 在 確診 3 天內 死亡 王明钜 指出 目前 臺灣 延長 三級 警戒 至 6 28 未來 是否 可以 降級 他 認為 可以 觀察 這 5 個 指標 分 別是 死亡 人數 死亡 當日 確診 或 死亡 後 才 確診 的 病人數 確診 後 3 天內 死亡 人數 雙 北 連 14 天 確診 數 持續 下降 或 維持 在 10 人 以下 以及 全國 各 地區 連 14 天 不 再 出現 確診 新高 峰 王明钜 認為 死亡 人數 代表 臺灣 應對新冠 病毒 大 流行 的 診斷 找 出 每 位 確診 者 治療 確診 者 能 獲得 足夠 且 相當 品質 的 醫療 照顧 以及 因 疫苗 施打 而 減少 感染者 與 預防 死亡 的 整體 醫療 能量 因此 應該 要 連續 14 天 每 一 天 的 死亡 人數 都 要 持續 減少 到 剩個 下 位數 甚至 少 到 變成 3 人 以下 王明钜 解釋 死亡 當日 確診 或 死亡 後 才 確診 的 病人數 代表 臺灣 公衛 和 醫療 體系 能 早期 診斷 出 染疫 者 的 能力 這項 指標 應該 要是 0 人 而且 要 連續 14 天都 是 0 人 只要 出現 一個 這樣 的 案例 就 代表 社區 內 還 有 太 多 感染者 因 沒 被 發現 而 無法 得到 好 的 醫療 監測 才會 在 死亡 當天 或 死 後 確診 確診 後 3天內 死亡 人數 最好 也 要 是 0 人 而且 是 連續 14 天內 都 是 0 人 但 如果 做 不到 連續 14 天內 也 應該 只有 非常少 的 天數 出現 1 人 王明钜 也 說 新北 市 與 臺北市 的 每日 篩查 人數 持續 增加 而且 確診 人數 連續 14 天 的 期間 內 能 持續 下降 或 維持 在 10 人 以下 除了 雙北 之外 的 地區 每日 篩查 人數 也 要 持續 增加 且 每個 地區 連 14 天都 不再 出現 確診 人數 新高 峰 這樣 才能 避免 臺灣 內部 任何 一個 新 破 口 的 出現 王明钜 表示 在 臺灣 疫苗 施打 人數 達到 70 之前 要 達成 上述 的 5 個 指標 的 方法 只 有 一個 那 就 是 主動 大量 快速 的 採集 檢 體 與 完成 檢驗 的 能量 如果 沒有 就 要 達成 上述 5 點 的 可能性 很 低 就算 達成 了 也 可能 是 靠 著 全國 民眾 的 忍耐 與 配合 自動 封 城 的 結果 一旦 解除 了 三級 警戒 與 管制 疫情 大火 必將 重新 燃起 王明钜 也 提到 只要 有 一個 無 症狀 的感染者 猝死 只要 仍然 有無 症狀 的 感染者 死亡 後 才 確診 全國 民眾 心中 的 恐慌 將 很 難 消除 只要 這種 恐懼 不 消除 目前 已 幾乎 完全 停 擺 的 服務業 與 其他 產業 就算 政府 在 其他 考量 下 降低 三級 警戒 在 實質 上 恐怕 也 很 難 達到 恢復 經濟 的 效果</t>
  </si>
  <si>
    <t>新北 市 某 幼稚園 群 聚 案 各界 猜疑 埃及 爸 就是 這 起 事件 的 傳染源 疫情 指揮中心 發言人 莊人祥 表示 目前 無法 確定 是 境外 或 國內 染疫 會 儘量 做 基因 定 序 厘 清 感染 途徑 但 不 會 回頭 匡 列當 時 與 埃及 爸 搭 同 班機 入境 的 旅客 因為 即</t>
  </si>
  <si>
    <t>中研院 基因 體 研究 中心 p 3 實驗室 爆發 感染 其中 一 名 女 研究 助理 疑 未 落實 sop 兩 度 被 實驗 小鼠 咬 傷 成為 染疫 關鍵 國家 政策 研究 基金會 今 針對 中研院 的 調查報告 提出 五大 質疑 認為 管理 實驗室 的 關鍵人物 詹 中校 詹家琮</t>
  </si>
  <si>
    <t>新北 市 今日 新增 195 本土 病例 115 名 校正 回歸 共 增 310 例 本土 個案 累計 3947 人 新北 市長 侯友宜 下午 主持 防疫 會議 表示 今天 新增 個案 以 板橋 39 例 最 多 土 城區 因為 有 長 照 機構 群 聚 染疫 事件 導致 數字 大幅 增加 若 扣除 長 照</t>
  </si>
  <si>
    <t>新北 市 今日 新增 195 本土 病例 115 名 校正 回歸 共 增 310 例 本土 個案 累計 3947 人 新北 市長 侯友宜 下午 主持 防疫 會議 表示 今天 新增 個案 以 板橋 39 例 最 多 土 城區 因為 有 長 照 機構 群 聚 染疫 事件 導致 數字 大幅 增加 若 扣除 長 照 機構 染疫 人數 整體 數字 沒有 上升 此外 三 重 30 人 中 和 27 人 皆 比 平常 略 高 侯友宜 說 提醒 大家 新北 市 沒有 樂觀 權利 每日 仍 增加 百 例 一定 要 低度 再 低度 的 活動 截至 今日 累計 3947 人 板橋 區 885 中和 區 635三 重 區 452 另外 樹林 汐止 林口 三峽 泰山 還是 要 密切 觀察</t>
  </si>
  <si>
    <t>高雄鳳 山 賭場 群 聚 案 共 造成 15 人 染疫 先前 卻 一直 找 不 到 感染 源 經過 多 日 調查 高 市府 2 日 召開 防疫 會議 宣佈 抓到 感染 源頭 兇手 竟是 先前 確診 的 仁惠 醫院 男 行政 人員 該 男 確診 後 對 衛生局 疫 調 人員 隱匿 曾 到 鳳 山瑞 竹 路 賭</t>
  </si>
  <si>
    <t>高雄鳳 山 賭場 群 聚 案 共 造成 15 人 染疫 先前 卻 一直 找 不 到 感染 源 經過 多 日 調查 高 市府 2 日 召開 防疫 會議 宣佈 抓到 感染 源頭 兇手 竟是 先前 確診 的 仁惠 醫院 男 行政 人員 該 男 確診 後 對 衛生局 疫 調 人員 隱匿 曾 到 鳳 山瑞 竹 路 賭場 打牌 的 事實 高 市府 將 對 他 依 傳染病 防治法 43 條 67 條 處以 30萬 元 罰款</t>
  </si>
  <si>
    <t>一向 自詡 為 防疫 模範 生 的 臺灣 近期 卻 從 華航 機師 染疫 起 疫情 持續 擴大 中小企業 好不容易 從 去年 的 疫情 中 恢復 如今 又 再度 面臨 因為 疫情 導致 經營 危機 民眾 則 面對 沒有 疫苗 可以 打的 焦慮 與 恐慌 對 蔡 政府 來說 是 前所未有</t>
  </si>
  <si>
    <t>一向 自詡 為 防疫 模範 生 的 臺灣 近期 卻 從 華航 機師 染疫 起 疫情 持續 擴大 中小企業 好不容易 從 去年 的 疫情 中 恢復 如今 又 再度 面臨 因為 疫情 導致 經營 危機 民眾 則 面對 沒有 疫苗 可以 打的 焦慮 與 恐慌 對 蔡 政府 來說 是 前所未有 的 執政 危機 根據 媒體 數 新 調查 新北 市長 侯友宜 在 31 個 政治 人物 中 被 看好 度 第一 高達 791 民眾 認為 侯友宜 最 有 潛力 成為 後 蔡英文 時期 的 政治 領袖 臺北市 長 柯文哲 排名 第二 ettoday 新聞 雲 於 2021 年 5 月 30 日 至 6 月 1 日 以 手機 簡訊 進行 調查 回收 有效 樣本數 為 1520 份 本 問卷 提供 臺灣 目前 最 有 知名度 以及 影響力 的 31 位 政治 人物 名單 由 受訪者 選出 十 個 依據 挑選 次數 最 多 的 前十名 做為 榜單 的 依據 調查結果 顯示 新北 市長 侯友宜 在 31 個 政治 人物 中 被 看好 度 第一 高達 791 民眾 認為 侯友宜 最 有 潛力 成為 後 蔡英文 時期 的 政治 領袖 臺北市 長 柯文哲 排名 第二 副 總統 賴清德 排名 第 三 鴻 海 創辦 人 郭台銘 排名 第 四 立法委員 蔣 萬安 排名 第 五 第 六 到 第 十 名 的 排名 依次 為 前 國民黨 主席 朱立倫 台中 市長 盧秀燕 桃園 市長 鄭文燦 高雄 市長 陳其邁 衛生 福利 部長 陳時中 和 前次 調查結果 相比 2021 年 3 月 侯友宜 維持 高 看好 度 續 居 第一 名 柯文哲 憑 藉 醫生 專業 包括 醫護 徵召 與 防疫 旅館 等 快 狠 准 的 果斷 決策 在 此次 疫情 中 抗 疫 表現 突出 獲得 民眾 看好 排名 從 第 六 名 上升 到 第二 名 郭台銘 則 因 近日 新冠肺炎 疫情 嚴峻 在 國內 急需 疫苗 的 情況 下 提出 申請 進口 500萬 劑 bnt 疫苗 首次 進入 榜 內 就 一舉 沖到 第 四 名 賴清德 及 蔣 萬安 都 小幅 下滑 一 名 分 列 第 三 名 與 第 五 名 在 後續 排名 朱立倫 看好 度 提升 從 第 八 名 上升 至 第 六 名 為 藍營 人士 入 榜 的 第 三 名 而 首度進入 榜 內 的 還有 盧秀燕 除 多次 針對 中火 發電廠 增設 等 議題 與 中央 對抗 外 面對 本次 新冠肺炎 社區 感染 擴散 迅速 指揮 展開 積極 抗 疫 獲得 人氣 與 看好 度 排名 大幅 躍進 至 第 七 名 為 十 大中 唯一 的 女性 政治 人物 受 部 桃群 聚 感染 與 華航諾 富特 事件 的 影響 鄭文燦 由 前次 的 第 三 名 下滑 至 第 八 名 陳其邁 由 第 七 名 下滑 至 第 九 名 同樣 受到 疫情 影響 前次 第 五 名 的 陳時中 因 華航 機師 檢疫 期限 放寬 成 3 11 導致 出現 防疫 破 口 指揮 部署 遭受 質疑 加上 疫苗 採購 爭議 失去 人氣 以及 好感度 排名 下滑 至 第 十 名</t>
  </si>
  <si>
    <t>臺北市 松山區 某國 中學生 染疫 周邊 校園 紛紛 預防 性 停課 昨日 共有 12 校 受 影響 4399 名 學生 請 防疫 假 北市 副 市長 蔡炳坤 今日 指出 今日 請 防疫 假 的 人數 已 從 4339 名 增加 到 5113 名 目前 共有 61 個 班仍 在 停課 中 共有 1550 名學</t>
  </si>
  <si>
    <t>臺北市 松山區 某國 中學生 染疫 周邊 校園 紛紛 預防 性 停課 昨日 共有 12 校 受 影響 4399 名 學生 請 防疫 假 北市 副 市長 蔡炳坤 今日 指出 今日 請 防疫 假 的 人數 已 從 4339 名 增加 到 5113 名 目前 共有 61 個 班仍 在 停課 中 共有 1550 名 學生 受到 影響 北 市府 下午 舉行 防疫 記者會 媒體 詢問 今日 請 防疫 假 的 人數 停課 學校 總數 和 影響 學生 人數 有 多少 不少 學校 即將 在 週一 恢復 上課 周邊 補習班 和 家教 班 是否 也 比照 作法 一併 在 週一 恢復 實體 授課 蔡炳 坤錶 示 昨天 請 防疫 假 的 人數 為 4339 名 占總 學生 數 的 134 今日 已 增加 到 5113 人 占 總數 的 158 等於 增加 了 774 位元 停課 部分 則 有 61 個 班 包括 國中 28 個 班 國小 6 個 班 幼稚園 27 個 班 共有 7 校 5 園 停課 所 影響 的 學生 則 有 1550 人 至於 複課 部分 蔡 表示 除了 松山區 的 2 個 國中 跟 中山區 的 1 個 國小 人數 總共 619 位 星期一 可以 複課 其他 學校 還 要 等 和 核酸 檢測 pcr 結果 才能 做出 決定 北市 副 市長 黃珊珊 也 補充 有 確診 學生 的 那班 還 是 會 持續 停課 因為 學生 都 在 居家 隔離</t>
  </si>
  <si>
    <t>以 搞 笑 綜藝 起家 的 日本 藝人 志 村 健 靠 著 怪 叔叔 瞳 婆婆 一角 創下 演藝事業 高峰 受 封 喜劇 王 的 他 在 螢幕上 活躍 48 年 卻 在 全球 爆發 新冠肺炎 時 染疫 過世 志 村 健 留下 的 14億 資產 和 他 的 私生活 再度 成熱 議 出生 公</t>
  </si>
  <si>
    <t>以 搞 笑 綜藝 起家 的 日本 藝人 志 村 健 靠 著 怪 叔叔 瞳 婆婆 一角 創下 演藝事業 高峰 受 封 喜劇 王 的 他 在 螢幕上 活躍 48 年 卻 在 全球 爆發 新冠肺炎 時 染疫 過世 志 村 健 留下 的 14億 資產 和 他 的 私生活 再度 成熱 議 出生 公教 嚴肅 家庭 志 村健 為 爸爸 成諧 星 志 村健 出生 傳統 家庭 爸爸 是 小學 副 校長 家中 排行 老三 的 他 兩 個 哥哥 是 公務員 志 村 健 之所以 會 成為 諧 星 全和 爸爸 有關 志 村 健 發現 嚴肅 的 爸爸 只 看 到 搞 笑 節目 就 會 難得 露出 笑容 這 也 促使 志 村 健 努力 朝 喜劇演員 的 之路 邁進 1972 年 入行 的 志 村 健 出道 前 曾 擔任 諧 星 加藤茶 的 助理 隔 年 他 以 實習 身分 加入 tbs 電視臺 的 招牌 節目 8 時 全員 集合 固定 班底 志 村 健 以 滑稽 誇張 表演 方式 爆 紅 接 著 在 漂流 者 大 爆 笑 志 村 大 爆 笑 等 節目 都 可以 看到 志 村 健 的 演出 其中 志 村 健以 節目 志 村 大 爆 笑 最為 廣受人 知 並以 怪 叔叔 一角 創下 演藝事業 高峰 同時 志 村 健在 傻瓜 殿下 不計 形象 把 臉 塗白 畫 粗 眉毛 加上 他 砍 脖子 的 動作 更是 經典 志 村 健 獨特 的 肢體 動作 和 幽默 喜劇 節奏 不只 逗樂 日本 觀眾 他 在 臺灣 泰國 甚至 歐美 都 享有 高 知名度 志 村健 對 臺灣 演藝圈 也 影響 不小 陽帆 模仿 的 楊婆婆 和 陶晶瑩 與 謝祖武 的 愛情 情境 喜劇 安室 愛美 惠 還有 綜藝 大哥 胡瓜 的 主持 風格 也 都 是 當年 受到 志 村 健 搞 笑 風格 的 影響 志 村 愛 臺灣 愛 吃 美食 愛美 女 卻 無 婚 無 子 志 村健 生前 和 臺灣 淵源 很 深 多次 因 工作 或 私下 來 台 旅遊 對 臺灣 美食 和 文化 更是 瞭 若 指 掌 志 村 健 最後 一 次 抵達 寶島 應該 是 2017 年 當時 他 為 節目 天才 志 村 動物園 來 台 出外景 除了 在 ig 曬 造訪 自由 廣場 吃 美食 照 外 還 被 藝人 山 豬 捕獲 到 志 村 健 現身 西門 町 在 藝界 打 滾 48 年 志 村 健 帶 給 觀眾 無限 歡樂 他 風光 受 封 喜劇 王 外 感情生活 也 屢 成 焦點 70 歲 的 志 村 健 風流 一生 曾 與 女星 優香 加藤 綾子 以及 前 av 女 優朝 美 穗 香 傳緋聞 但 志 村 健 卻 始終 未婚 他 也 曾 透露 和 每 任 女友 都 是 以 結婚 為 前提 交往 自己 也 很 想有 自己 的 孩子 但 都 沒能 如願 抽煙 喝酒 樣樣 來 才立志 養生 就 染疫 志 村健 確診 新冠肺炎 前 就 曾 傳出 健康 狀態 亮紅燈 志 村 健 嗜 酒 煙癮 很 重 他 在 2016 年 2018 年 傳出 得 肺炎 和 肝病 而有 肝臟 慢性病 的 志 村 健 在 年初 因 被 檢查 出 胃部 有 瘜 肉 讓 志 村 健 開始 重視 養生 但他卻 在 此刻 確診 新冠肺炎 志 村健 3 月 17 日 因 疲勞 症狀 在家 休息 19 日 出現 發燒 和 呼吸困難 症狀 20 日 住院 被 診斷 有 嚴重 肺炎 並 在 23 日 確診 新冠肺炎 未 料 志 村 健 搶救 後 仍 在 29 日 晚上 宣告 不治 享壽 70 歲 志 村健 原本 要為 2020 東京 奧運 傳遞 聖火 如今 卻 不幸 染疫 辭世 成為 他 永遠 都 無法 完成 的 任務 志 村 健 輝煌 搞 笑 48 年 日本 喜劇 泰斗 在 70 歲 畫下 句 點 不過 他 留下 的 財產 也 不容 小覷 據悉 高達 50億 日 幣 約 14億 台幣 由於 志 村 健 未婚 沒有 子女 由於 他 沒有 立 遺囑 日 媒 分析 他 的 2 個 哥哥 將 會 成為 法定 繼承人 但 他 在 多年 前 發表 的 書籍 中 曾 提及 自己 有 一個 私生子 若 出現 認 親 恐怕 也 讓 財產繼承 添 下 變數 喝酒 警語 中 時 新聞網 提醒您 酒後 不 開車 安全 有 保障 中 時 新聞網 關心 您 喝酒 過量 有礙 健康 吸煙 警語 中 時 新聞網 提醒您 吸煙 有害 健康</t>
  </si>
  <si>
    <t>華航 機師 染疫 案 持續 延 燒 中央 疫情 指揮中心 今 公佈 桃園 諾 富特 飯店 某 主管 染疫 新冠肺炎 曾 到 診所 三 度 就醫 據 瞭解 該 診所 在 新北 市 三 重 區 診所 接 獲 中央 通報 後 已 緊急 歇業 新北 市環保局 白天 也 完成 全面 大 消毒 全力</t>
  </si>
  <si>
    <t>新竹 縣 新增 3 例 又 見 京元 電子 員工 染疫 足跡 曝光</t>
  </si>
  <si>
    <t>員工 染疫 三星 暫 關 手機 工廠</t>
  </si>
  <si>
    <t>美國 繼 參議院 率先 出現 新冠肺炎 確診 病例 後 眾議院 近日 也 有 二 名 議員 染疫 使 越來越 多 議員 被迫 自主 隔離 令 國會 不得不 考慮 改 采 代理人 或 遠 距 投票 等 其他 替代 表決 方案 眾議院 議長 裴洛西 nancy pelosi 在 23 日 發表 的 調查</t>
  </si>
  <si>
    <t>美國 繼 參議院 率先 出現 新冠肺炎 確診 病例 後 眾議院 近日 也 有 二 名 議員 染疫 使 越來越 多 議員 被迫 自主 隔離 令 國會 不得不 考慮 改 采 代理人 或 遠 距 投票 等 其他 替代 表決 方案 眾議院 議長 裴洛西 nancy pelosi 在 23 日 發表 的 調查報告 指出 在 眾多 議員 因 疫情 而 無 法 出席 議會 的 情況 下 民主黨 議員 主張 採取 無 異議 通過 經濟 振興 方案 然而 只要 議會 中 有 一 人 反對 就 無法 達成 無 異議 通過 在 此 情況 下 議會 只能 考慮 代理人 或 其他 替代 表決 方案 自從 共和黨 籍 肯塔基州 參議員 保羅 rand paul 在 22 日 確診 成為 國會 首位 感染 新冠肺炎 的 議員 後 已 有 多 位 議員 被迫 隔離 共和黨 參議員 李 麥克 mike lee 及 羅姆尼 mitt romney 都 因為 和 保羅 接觸 而 展開 14 天 居家 隔離 而 民主黨 參議員 克 羅布查 amy klobuchar 也 因 丈夫 確診 而 被迫 隔離 民主黨 眾議員 麥克亞當斯 ben mcadams 及 共和黨 眾議員 狄亞茲 巴拉特 mario diaz-balart 也 先後 確診 新冠肺炎 再 加上 其他 多 位 因 接觸 確診 病例 而 隔離 的 議員 恐怕 使 議會 協商 陷入僵局 近日 已 有 部分 議員 提出 遠 距 線 上 投票 的 替代 方案 但 眾議院 規範 委員會 主席 麥克高文 james mcgovern 強烈 反對 因為 遠 距 投票 牽涉 太 多 資 安 考量 眾議院 在 執行 代理人 投票 前 須先 修改 一 項 法規 但 這個 步驟 也 需要 議員 無 異議 通過 否則 議員 還 是 得 親自 出席 進行 表決 眾議院 少數党 領袖 麥卡錫 kevin mccarthy 表示 目前 無從 得知 代理人 投票 的 表決 方案 在 眾議院 能 獲得 多少 支持</t>
  </si>
  <si>
    <t>ait 油 漆工 確診 打過 2 劑 bnt 仍 染疫 兒 在 手搖 店 工作 先 發病</t>
  </si>
  <si>
    <t>全球 因 新冠肺炎 疫情 影響 各行各業 多少 都 受到 影響 各國 演藝圈 明星 也 有 受到 波及 日本 南韓 接連 傳出 有 藝人 確診 令 粉絲 都 相當 不 舍 南韓 人氣 女 歌手 請 夏在 去年 12 月初 證實 確診 新冠肺炎 暫停 所有 活動 接受 治療 近日 在 症狀 治癒 後 複出 病 後首 露面 受訪 卻 看到 她 雙 頰 凹陷 略顯 憔悴 讓 人 不禁 又 擔心 她 的 身體 是否 真的 康復 據 韓媒 報導 在 去年 2 月 請 夏 的 工作 團隊 就 有 人員 傳出 染疫 當時 她 接受 檢測 為 陰性 但 隔 了 數 個 月 12 月初 她 因 和 確診 者 有 接觸 主動 通報 接受 檢測 結果 出現 陽性 還是 躲 不過 疫情 肆虐 確診 原先 請 夏 準備 推出 首 張 正規 專輯 但 確診 後 所有 工作 都 只能 喊 卡 連 專輯 計 畫 也 只能 延期 全面 停工 後 的 請 夏 除了 在家 休養 並 接受 治療 外 哪裡 都 不能 去 只能 學著 享受 獨處 的 時光 不過 近期 請 夏 傳出 好 消息 她 在 接受 治療 後身體 已 康復 並重 回 工作崗位 13 日 出席 gaon chart music awards 2020 頒獎典禮 是 她 確診 治癒 後首 度 露面 她 和 丹麥 歌手 christopher 合作 的 單曲 bad boy 獲獎 請 夏 受訪 時 網友 注意 到 她 看 起來 比 生病 前 更 瘦弱 尤其 雙 頰 凹陷 一 種 有氣無力 的 感覺 略顯 憔悴 的 模樣 讓 人 看 了 心疼 而 請 夏 復工 後 就 馬不停蹄 地 準備 她 的 首 張 正規 專輯 querencia 經紀 公司 預告 在 19 日 會 正式 推出 接下來 將 會 進行 一連串 的 宣傳 活動 粉絲 得知 此 消息 後 一則以喜 一則以憂 看到 女神 回歸 縱然 開心 但 還 是 希望 她 能 適度 休息 深怕 她 又 被 病痛 纏身</t>
  </si>
  <si>
    <t>delta 株 有 多 強 10 秒 擦 肩 就 染疫 專家 疫苗 外 更 要 高 規格 防堵</t>
  </si>
  <si>
    <t>delta 變種 病毒 不 只 入侵 臺灣 也 在 全球 各地 投下 震撼 彈 疫苗 施打 率 搶先 全球 的 以色列 解除 口罩 令 才 短短 一 周 也 擋不住 delta 來勢洶洶 單日 確診 暴 增 200 例 不禁 讓 各界 恐慌 連 疫苗 也 沒效 了 嗎 群體 免疫 策略 該 往 哪裡 去 世衛 才 剛 公佈 2 月 以來 最低 的 確診 與 死亡數 全球 疫情 趨 緩 沒 維持 多久 近百 個 國家 又 因 delta 印度 變種 b 16172 強襲 才剛 要 開啟 的 解封 之門 馬上 又 闔上 解 封 標竿 領頭羊 的 以色列 近日 更 傳出 噩耗 部分 接種 完 2 劑 疫苗 的 成人 確診 新冠肺炎 確診 者 中 高達 半 數 是 孩童 高達九 成 的 新增 病例 全是 感染 delta 變種 病毒 口罩 脫 太 早 解 封 標竿 以色列 日 增 200 例 以色列 在 疫情 初期 就 搶 訂 疫苗 為 國民 購入 大批 的 輝瑞 和 莫德納 也 研發 自己 的 國產 疫苗 想靠 疫苗 迎戰 病毒 今年 他們 快馬加鞭 只 花 短短 6 個 月 接種 完成率 就 攀升 到 57 其中 約 80 超過 16 歲 的 成人 施打 的 是 輝瑞 pfizer bnt 疫苗 高 接種 率 遏止 以色列 的 疫情 衛生部 在 6 月 16 日 宣佈 解除 口罩 令 更 準備 重開 國境 迎接 國際 遊客 前段時間 幾乎 所有 國家 都 拿 以色列 當 榜樣 加速 施打 疫苗 但 就 在 上周 情勢 大 逆轉 以色列 單日 暴 增 破百 例 確診 24 日 甚至 新增 多 達 249 例 且 還 出現 令人擔憂 的 現象 1 確診 的 成 人中 有 將近 半 數 都 已 打完 2 劑 新冠 疫苗 2 新增 確診 者 中 有 一半 是 不 到 16 歲 的 學童 當地 2 所 中學 爆出 學生 確診 他們 大多 沒有 施打 疫苗 這 可能 意味著 新冠 疫苗 對 變種 病毒 的 保護 力 不足 還有 過去 被 認為 染疫 風險 低 的 孩童 很 可能 也 需要 疫苗 當地 學校 在 5 月 全面 開放 室內外 都 不必 戴 口罩 6 月初 以色列 才 開始 幫 12 15 歲 孩童 的 接種 疫苗 該 年齡層 接種 率 目前 只 有 2 4 因應 疫情 生變 以色列 當局 翌日 即 下令 恢復 室內 戴 口罩 規定 也 加強 佈署 機場 檢疫 更 將 原訂 於 7 月 1 日 開放 國外 旅遊 的 政策 順延 至 8 月 delta 傳染 力 有 多 強 5 10 秒 擦 肩 就 恐 傳播 delta 變種 病毒 肆虐 各地 秘書長 譚 德塞 tedros adhanom ghebreyesus 說 delta 變種 是 目前 已 知 傳染 力 最 強 的 出現 於 至少 85 國 在 尚未 接種 疫苗 的 群體 裡 快速 散播 根據 以色列 初步統計 當地 有 高 達 9 成 的 新增 確診 都 是 delta 變種 病毒 引起 美國 公衛 官員 推測 接下來 1 個 月 以色列 恐怕 還 無法 立即 擺脫 delta 病毒 究竟 delta 有 多 容易 傳染 澳洲 防疫 專家 根據 疫 調研 判 把 delta 病毒 傳染給 別人 很 可能 只 需 約 5 10 秒 比如 到 室內 的 超級市場 購物 時 對方 與 你 擦肩而過 單單是 這樣 的 短暫 接觸 就 足以 讓 人 感染 到 delta 病毒 面對 如此 驚人 的 傳染 力 科學家 至今 還 不 知 原因 諾克 推測 delta 變異 株 之所以 傳播 迅速 可能 有 3 個 主因 1 個體 的 delta 病毒 負載量 大 因此 會 容易 傳染 2 感染 delta 病毒 所 需 的 病毒 量 較 小 3 感染 delta 病毒 所 需 的 時間 較 短 諾克 說 如果 符合 上面 任何 一 種 猜想 那麼 當 一 名 未 感染者 靠近 帶 原者 只 需 短短 數 秒鐘 就 可能 吸 入 足以 感染 的 病毒 量 但 她 也 說 這 還 有 一定 的 機 率 因素 也 就 是 帶 原者呼 氣 而 被 感染者 剛好 吸 入 了 空氣 有鑒於 delta 病毒 的 超強 傳染 力 世衛 警告 即便 是 已經 打完 2 劑 疫苗 的 人 仍 應 謹慎 為 上 持續 戴 口罩 保持 社交距離 並 遵守 所有 防疫 措施 在此之前 包括 以色列 澳洲 美國 等 地 都 不 強制 已經 施打 疫苗 的 人 戴 口罩 世衛 助理 秘書長 艾 沃德 bruce aylward 說 必須 小心 不要 再 傳遞 這種 訊息 給 民眾 讓 他們 以為 只要 打完 疫苗 就 什麼 都 能 做 了 確診 數增 重症 卻 少 以色列 疫苗 仍 具 保護 力 不幸 之 幸 是 以色列 雖然 出現 了 更 多 新增 確診 但 病情惡化 的 患者 並不多 以色列 官方 安撫 民眾 說 他們 相信 打 疫苗 仍然 有效 可以 保護 患者 免于 最糟 的 狀況 也 因此 除了 恢復 室內 口罩 令 他們 暫時 不 會 回到 封鎖 狀態 也 不 會 再 祭出 其他 嚴格 的 限制 措施 雖然 新增 確診 數 變 多 了 但 住院 人數 卻 沒有 大增 以色列 新任 總理 班奈特 naftali bennett 說 不過 我們 確實 得 當心 已經 打完 疫苗 的 人 還 是 會 被 delta 病毒感染 資料 先前 也 顯示 打完 2 劑 疫苗 確實 能 有效 對 delta 病毒 產生 防護力 英國 公共 衛生 署 發現 接種 2 劑 輝瑞 疫苗 對 住院 的 防護力 達 96 而 施打 2 劑 az 疫苗 防護力 則 有 92 英國 緊急 科學技術 顧問 裡 茲 大學 空氣 傳染病 專家 諾克 catherine noakes 則 說即便 沒有 爆出 大量 的 死亡 案例 病毒 在 社會 中 流竄 仍 讓 社會存在 許多 隱憂 民眾 必須 負擔 隔離 成本 很多 人 身體 不適 當然 還 包括 後遺症 專家 疫苗 之外 還 需要 高 規格 防堵 16 歲 以下 也 該 施打 在 專家 眼中 要 對付 delta 變異 株 多數 國家 寄 望 打 疫苗 的 思維 還 是 太 過 大意 英國 裡 茲 大學 病毒學家 葛裡芬 stephen griffin 認為 把 所有 期待 放在 疫苗 上 覺得 達到 群體 免疫 就 能 解決 問題 這種 想法 本身 很 有 問題 要 對付 傳染 力 強大 的 變異 株 得 靠 更 高 規格 的 防堵 行動 應該 做 好 做 滿 而 不是 半 調子 的 策略 他 認為 最 理想 的 情況 是 在 變異 株 侵 門 踏 戶 之前 趕快 加緊腳步 幫 人民 全數 打完 疫苗 這樣 即便 爆發 大規模 感染 也 有 足數 的 人 具備 抗體 葛裡芬 也 認為 除了 盡 速 完成 接種 以外 替 孩童 施打 疫苗 更是 當務之急 此外 在 一邊 施打 疫苗 同時 也 不能 掉以輕心 仍然 必須 同步控制 住 確診 數 才能 有效 阻止 疫情 擴散 輝瑞 莫德納都 已 個別 針對 年輕 孩童 做 試驗 保護 力 資料 分別 是 96 還有 將近 100 目前 全球 僅 以色列 美國 等 少數 國家 有 替 18 歲 以下 的 孩童 施打 疫苗 美國 兒童 傳染病 學家 拜 蘭 wassim ballan 說 兩 款 疫苗 的 原理 差不多 推薦 家長 不必 特別 挑選 哪 一 支 有 疫苗 就 趕快 讓 孩子 接種 資料 來源 washington post the guardian wsj forbes</t>
  </si>
  <si>
    <t>青少年 下 周開 打 bnt 第 九 輪 的 bnt 疫苗 預計 在 九月 底 開 打 不過 近日 頻 傳 打 bnt 恐 誘發 心肌炎 讓 不少 民眾 擔憂 緊張 對此 胸腔 科 醫師 蘇一峰 表示 打 第二 劑 出現 心肌炎 的 風險 比較 高 建議 家長 可讓 孩子 先 打 第一 劑 再 觀望 是否 要 打 第二 劑 另 根據 美國 統計 年輕人 與 老人 打 bnt 後 發生 心肌炎 的 機 率 差 了 快 百倍 老人 打 其實 相對 較 安全 蘇一峰 今 在 臉書 發文 表示 近日 許多 人 都 注意 到 打 mrna 疫苗 bnt 和 莫德納 須 注意 心肌炎 副作用 特別 是 年輕 的 男性 為 高風險 族群 根據 美國 的 疫苗 副作用 統計資料 來看 年紀 越 大 的 人 打 mrna 疫苗 越 安全 年輕人 與 老人 的 心肌炎 發生 機 率 相差近 百倍 從 圖表 中 可見 接種 mrna 疫苗 男性 發生 心肌炎 的 機 率 遠 高於 女性 而 男性 發生 心肌炎 的 比例 又 以 年輕 男性 的 發生率 為 最高 接 著 依 年齡 增加 而 遞減 蘇一峰指出 青少年 預計 下 周開 打 bnt 許多 家長 擔憂 孩子 打 疫苗 恐 誘發 心肌炎 但 他 認為 可先 打 第一 劑 bnt 看看 第二 劑 的 部分 則 可 再 觀望 因為 打 第二 劑 bnt 出現 心肌炎 的 風險 才 會 增加 幾 十 倍 加上 青少年 染疫 本 就 不易 重症 因此 打 一 劑 預防 重症 就 夠 了 不少 家長 看 完 表示 這樣 的 說法 有 讓 心 放 一點 下來 了 感覺 很 彷徨 我 有 一點 安心 了 這 是 對 家長 很 好 的 建議 bnt 和 莫德納 第一 劑 比較 不 會 有 症狀 是 第二 劑 才 會 有 家長會 擔心 的 可先 打 第一 劑 第二 劑 可 觀望</t>
  </si>
  <si>
    <t>不少 民眾 盼 能 解封 但 專家 認為 須先達 到 群體 免疫 胸腔 暨 重症 醫師 黃軒今 發文 表示 感染 過 新冠肺炎 仍 可能 二 次 染疫 未來 若 大規模 打 疫苗 新冠肺炎 仍 沒 被 消滅 那麼 疫情 恐 會 進入 地方 性 的 戰役 面對 這樣 的 狀況 各國 該 如</t>
  </si>
  <si>
    <t>新北 市 疫情 嚴峻 部分 執勤 員警染疫 為 讓 第一 線 外勤 員 警 出勤 安心 新北 市政府 與 警政署 取到 8000 劑 的 新北 員警 專用 疫苗 於今 1 日 開始 為 第一 線 員警施 打 瑞芳 警 分局 雖然 轄區 人口 不 多 但因 處於 風景區 外來 遊客</t>
  </si>
  <si>
    <t>新北 市 疫情 嚴峻 部分 執勤 員警染疫 為 讓 第一 線 外勤 員 警 出勤 安心 新北 市政府 與 警政署 取到 8000 劑 的 新北 員警 專用 疫苗 於今 1 日 開始 為 第一 線 員警施 打 瑞芳 警 分局 雖然 轄區 人口 不 多 但因 處於 風景區 外來 遊客 絡繹不絕 為 杜絕 因此 帶來 的 染疫 風險 瑞芳 分局 也 特別 協調 瑞芳 衛生所 為 第一 線 同仁 施 打 疫苗 有 意願 施 打者 均 可於 本 周 內 施打 完畢 瑞芳 分局 表示 第一線 執勤 員警 除了 打擊犯罪 更須 面對 可能 染疫 的 風險 希望 能 讓 大家 出勤 安心 因此 除了 鼓勵 所屬 積極 施打 疫苗 並 安排 分流 施打 避免 群 聚 造成 更 大 風險 瑞芳 分局長 陳忠龍 表示 感謝 市長 侯友宜 及 警察局長 黃宗仁 積極爭取 同時 也 感謝 相關 衛生 單位 能 在 百 忙 之中 協助 施打 讓 同仁 能 在 疫情 嚴峻 下 自我 保護 進而 守護 更 多 人 的 健康</t>
  </si>
  <si>
    <t>新北 市 確診 數 高居 不下 昨日 累計 破 4000 人 染疫 新北 市長 侯友宜 今 視察 防疫 車隊 清 消 基地 受訪 時 媒體 追問 是否 有 更新 的 方法 解決 問題 侯友宜 表示 希望 所有 市民 朋友 能夠 低度 再 低度 的 活動 落實 防疫 規定 尤其 重 熱 裡</t>
  </si>
  <si>
    <t>新北 市 確診 數 高居 不下 昨日 累計 破 4000 人 染疫 新北 市長 侯友宜 今 視察 防疫 車隊 清 消 基地 受訪 時 媒體 追問 是否 有 更新 的 方法 解決 問題 侯友宜 表示 希望 所有 市民 朋友 能夠 低度 再 低度 的 活動 落實 防疫 規定 尤其 重 熱 裡 高風險 區域 的 裡民 能 出來 快 篩 讓 自身 的 狀況 能夠 掌握 大家 一起 面對 防疫 相信 疫情 就 會 得到 控制 侯友宜 說 新北 市 確診 數 非常 龐大 運送 確診 者 的 過程 中 仰賴 抗 疫 車隊 將 患者 送 到 北 中南 各個 檢疫所 再 從 檢疫所 接回來 每個 司機 身穿 防護衣 來來回回 一 趟 高 達 10 多 個 小時 不僅 要 面對 感染 風險 車上 還要 撫平 確診 者 情緒 本身 壓力 真的 很 大 侯友宜 表示 這 一路 走來 市長 真的 非常感謝 抗 疫 車隊 所有 好 朋友 的 幫忙 讓 患者 運送 過程 當中 非常 順暢 今天 特別 到 防疫 車隊 清 消 場所 致謝 獻上 十二萬分 的 感謝</t>
  </si>
  <si>
    <t>新冠肺炎 疫情 肆虐 全球 即便 事 隔 一 年 仍 不 見 趨 緩 不過 傳出 英國 樂壇 巨星 羅比威廉斯 robbie williams 年底 前往 加勒比海 度假 後 竟 確診 新冠肺炎 目前 一家 六 口 都 在 當地 進行 隔離 此外 長達 14 天 的 天價 隔離 費 也 因此 曝光 根據 外 媒 tulsa world 報導 羅比威廉斯 去年 年底 與 妻子 帶 著 4 個 孩子 前往 加勒比海 跨 年 沒 想到 度假 期間 卻 突然 感到 身體 不適 被 診斷 出 感染 新冠肺炎 目前 只能 待 在 別墅 隔離 難得 共用 天倫之樂 的 假期 因此 泡湯 對 此 有 消息人士 透露 羅比威廉斯 1 月初 才 被 拍到 和 家人 坐 遊艇 出海 即便 全程 都 有 戴 口罩 仍 不幸 染疫 至於 家人 是否 也 被 感染 目前 仍 尚未 確定 但 據悉 羅比威廉斯 目前 病 得 很 重 此外 羅比威廉斯 為了 度假 租下 的 豪華 別墅 光是 一 周 租金 就 高達 10萬 英鎊 相當於 台幣 400萬 元 如今 羅比威廉斯 確診 新冠肺炎 隔離 14 天 至 少 得 再 花費 800萬 新 台幣 費用 可以 說 是 相當 驚人 而 去年 羅比威廉斯 從 澳洲 返回 洛杉磯 後 也 曾 身體 不適 出現 相似 症狀 當時 獨自 在 酒店 隔離 3 周後 確認 只是 罹 患感冒 才 返家 與 妻 兒 團聚 沒想 到 1 年 後 卻 還 是 不幸 確診 英國 壞 小子 羅比威廉斯 多次 被 葛萊美 和 全英 音樂 獎提名 及 獲獎 也 受 邀 入選 英國 音樂 名人 堂 是 揚名 國際 的 樂壇 巨星 不過 2018 年 6 月 在 國際 足 總 世界盃 開幕 儀式 時 演唱 過程 竟 對 鏡頭 豎起 中指 不雅 行徑 一度 引起 網友 撻 伐</t>
  </si>
  <si>
    <t>印尼 新增 染疫 死亡 人數 創 單日 新高</t>
  </si>
  <si>
    <t>印尼 今日 新增 2069 例 染疫 死亡 病例 創 單日 新高 累計 8萬6835 例 印尼 衛生部 27 日 通報 該國 新增 4萬5203 例 確診 高於 26 日 的 2萬8228 例 累計 323萬9936 例 印尼 衛生部長 26 日 說 印尼 正 在 提高 其 抗 新冠肺炎 藥物 的 生產能力</t>
  </si>
  <si>
    <t>印尼 今日 新增 2069 例 染疫 死亡 病例 創 單日 新高 累計 8萬6835 例 印尼 衛生部 27 日 通報 該國 新增 4萬5203 例 確診 高於 26 日 的 2萬8228 例 累計 323萬9936 例 印尼 衛生部長 26 日 說 印尼 正 在 提高 其 抗 新冠肺炎 藥物 的 生產能力 隨 著 新 病例 的 增加 需求 自 6 月 以來 增長 了 12 倍 印尼 也 在 從 其他 國家 訂購 抗 新冠 病毒 藥物 因為 國內 製藥 公司 無法 生產 瑞德西韋 remdesivir actemra 和 gamaras 等 藥物 這些 藥物 預計 將 分 階段 進口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印尼 藥物 染疫 單日 新高 累計</t>
  </si>
  <si>
    <t>首 張移工 防疫 保單 問世 金管會 16 日 宣佈 核准 富 邦 產險 送 審 的 移 工 新冠肺炎 住院 醫療 個人 險 及 團 險 兩 張 保單 保障 期間 是 30 天 要 保人 即 付 保險費 者 是 引進 移 工 的 雇主 移 工 入境 30 天內 若 確診 將 以 實支 實 付 方式 給付 最高 50萬 元 的 保障 金管會 核准 富 邦 產 送 審 的 移 工 嚴重 特殊 傳染性 肺炎 covid-19 住院 醫療 費用 健康 保險 及 移 工 嚴重 特殊 傳染性 肺炎 covid-19 住院 醫療 費用 團體 健康 保險 現在 待 勞動部 放行 外籍 移 工 重新 引進 後 保單 即可 開放 投保 保險局 主 秘蔡火 炎 表示 以往 移 工 入境 後 確定 染疫 即 會用 疫情 指揮中心 的 公費 進行 治療 且 每 位移 工 醫療 費用 並 不 低 未來 則 是 使用者 付費 勞動部 要求 雇主 替 移 工事 先 投保 才准移 工 入境 保險局 強調 移 工 防疫 保單 算是 配合 勞動部 開放 外籍 移 工 入境 政策 的 政策性 保單 要 保人 是 雇主 在 移 工 入境 前 就要 替 移 工 投保 若 聘 雇 外籍 移 工 人數 四 人 以下 只能 買 移 工 防疫 險 的 個人 險 五 人 以上 則 可 投保 移 工 防疫 險 的 團 險 保單 個人 險 每人 保費 1100 1200 元 團 險 則 可 節省 附加 費用 但 每人 保費 相近</t>
  </si>
  <si>
    <t>新增 1 境外移入 印尼 生來 台 念書 確診 曾 接觸 染疫 者</t>
  </si>
  <si>
    <t>供應 鏈 染疫 微軟 財 測 拉 警報</t>
  </si>
  <si>
    <t>臺北 農產 運銷 公司 近日 傳出 有 多 位 員工 染疫 北市 產 發 局 回應 截至 昨日 為止 恐 有 45 人 確診 衛福部 醫 福 會 執行長 王 必勝 已 前往 瞭解 外界 質疑 北市 防疫 工作 出 問題 綠 委 何志偉 今日 表示 中央 派 人 進駐 是 象徵性 意義 此時 不該</t>
  </si>
  <si>
    <t>臺北 農產 運銷 公司 近日 傳出 有 多 位 員工 染疫 北市 產 發 局 回應 截至 昨日 為止 恐 有 45 人 確診 衛福部 醫 福 會 執行長 王 必勝 已 前往 瞭解 外界 質疑 北市 防疫 工作 出 問題 綠 委 何志偉 今日 表示 中央 派 人 進駐 是 象徵性 意義 此時 不該 苛責北 市府 應該 把 事情 做 好 也 不 要 再 罵來罵去 何 志 偉 指出 北農 是 大臺北 地區 最 大 的 農產品 集散地 不僅僅 是 北農 員工 還有 批發商 很多 人 都會 進出 民眾 也 很 擔心 食 材 會 不 會 有 問題 農委會 應該 要 儘快 關注 掌握 狀況 隨時 對外 說明 何 志 偉 說 中央 指揮中心 在 這個 時候 進駐 主要 只是 象徵性 的 意義 重點 是 要 實質 把 事情 做 好 現在 絕對 不是 苛責 臺北市政府 的 時候 而是 要 解決 問題 如果 中央 地方 互相 指責 各黨 支持者 繼續 罵來罵去 也 只 是 甩 鍋 口水 對 防疫 沒有 幫助 社會 不會 樂見</t>
  </si>
  <si>
    <t>4 類 慢性病 患 若 染疫 最 致命</t>
  </si>
  <si>
    <t>新冠肺炎 導致 重症 與 死亡 的 程度 慢性病 是 關鍵 國健署 昨天 引用 刊登 於 大陸 流行病 學 雜誌 上 的 近期 研究 指出 慢性病 會 增加 致命 風險 其中 又 以 心血管 疾病 居 冠 指揮中心 則 指出 患者 若 出現 肺炎 是 最難 治療 的 提醒 高血壓 患者 及 年長者 疫情 期間 儘量 待 在家 以 減少 病毒感染 風險 國 健 署 慢性 疾病防治 組 科長 張櫻淳 表示 該 研究 是 分析 大陸 2020 年 2 月 11 日 以前 的 所有 上報 病例 結果 發現 慢性病 會 增加 染疫 後 的 致命 風險 病 死 率 以 心血管 疾病 的 105 最高 其次 為 糖尿病 的 73 慢性 呼吸道 疾病 63 和 高血壓 6 比 總體 病 死 率 的 23 高出 許多 有 慢性病 在 身 者 不 可以 輕忽 新冠肺炎 病 患 會 出現 發燒 咳嗽 肺炎 流 鼻 水 及 味覺 嗅覺 消失 指揮中心 專家 諮 詢 小組 召集人 張上淳 表示 依照 臨床 治療 經驗 肺炎 是 最難 治療 的 發燒 及 流 鼻 水 復原 狀況 較 好 至於 味覺 嗅覺 消失 有些 病 患 恢復 得 快 有的 則 慢 由於 其 為 後期 才 出現 的 症狀 需要 再一 段 時間 觀察 及 資料 才能 較 清楚 眼睛 是否 也 會 出現 症狀 張上淳 表示 從 國內 確診 者 觀察 目前 沒看 到 個案 有 抱怨 眼睛 痛 國外 倒 是 有 少部分 有 結膜炎 現象 國外 根據 新加坡 采 檢 分析 也 沒 發現 眼睛 有 新冠 病毒 存在 他 認為 病毒 可能 會 經過 眼睛 粘膜 進入 人體 但 眼睛 會 痛 發炎 等 病變 不 會 是 重點 國民 健康 署 署長 王英偉 表示 目前 正值 高血壓 與 心血管 疾病 的 高發 季節 高血壓 患者 及 長者 對於 新冠肺炎 自我 防護 很 重要 應 每日 在 家 量 血壓 避免 到 醫院 或 公共場所 量 測 監控 血壓 變化 可 在 就診 時 提供 醫療 人員 參考 依據 在 疫情 期間 高血壓 糖尿病 患者 及 長者 應 儘量 待 在家 室內 保持 通風</t>
  </si>
  <si>
    <t>俄國 聲樂 女王 巡演 染疫 涅 翠 柯 不 後悔 演出</t>
  </si>
  <si>
    <t>口罩 趕緊 戴起來 醫 喊 日 女 染疫 端午 這 波 來不及 擋 了</t>
  </si>
  <si>
    <t>日本 女 學生 疑 在 台染疫 消息 傳出 許多 人 感到 訝異 為何 臺灣 連 73 天 無 本土 病例 會 無端 冒出其 感染 源 來自 臺灣 對此 精神 科 醫師 沈政男 認為 這 是 一個 重大 警訊 而今 端午 連 假 國內 旅遊 爆 量 要 阻止 已經 來不及 了 他 呼籲 大</t>
  </si>
  <si>
    <t>日本 女 學生 疑 在 台染疫 消息 傳出 許多 人 感到 訝異 為何 臺灣 連 73 天 無 本土 病例 會 無端 冒出其 感染 源 來自 臺灣 對此 精神 科 醫師 沈政男 認為 這 是 一個 重大 警訊 而今 端午 連 假 國內 旅遊 爆 量 要 阻止 已經 來不及 了 他 呼籲 大家 趕快 把 口罩 戴起來 以防 疫情 升溫 沈政男 在 臉書上 表示 在 連續 73 天 本土 零 確診 之後 爆出 一 例 在 日本 確診 的 臺灣 本土 病例 是 一 位 在 南部 就讀 大學 的 日本 女 學生 今年 二月 底 入境 臺灣 直到 六月 二十 日 才 回 日本 顯然 該 例 是 在 臺灣 感染 不是 其他 來源 這 是 一個 重大 警訊 提醒 國人 絕對 不能 對 疫情 掉以輕心 臺灣 本土 久 無 感染 病例 突然 傳出 日本 女 學生 在 台染疫 對此 許多 人 覺得 不可思議 也 有人 質疑 該 女 有無 可能 是 偽 陽性 沈政男 認為 當然 有 可能 問題 是 你 永遠 沒 辦法 確認 因為 沒有 更 精確 的 方法 可以 推翻 而 假使 接下來 pcr 再次檢測 呈現 陰性 也 只能 說 是 轉陰 至於 檢測 抗體 如果 也 是 陰性 那麼 也 可能 是 抗體 檢測 不夠 準確 所以 說 無論如何 此 例 必須 被 當成 本土 病例 謹慎 進行 接下來 的 疫 調 與 防疫 還有 人 感到 不解 為何 73 天 以後 才 迸 出 一 例 沈政男 直言 病毒 當然 不 會 無中生有 而是 73 天 以來 不絕如縷 你 以 為 沒有 病例 了 其實 正 以 無 症狀 的 方式 持續 在 社區 存在 這 病毒 的 可怕 在 此 北京 最近 的 第二 波 疫情 以及 香港 每 隔 十幾 二十 天 零 確診 就 爆出 零星 病例 都 是 明證 南韓 日本 還有 歐美 那些 防疫 相對 鬆散 的 國家 當然 不可能 完全 清除 病例 甚至 臺灣 準備 開放 的 紐西蘭 也 是 隔 了 幾 個 禮拜 以後 又 出現 確診 病例 沈政男 說 日 女 染疫 當然 也 可能 是從 居家 檢疫 的 漏網之魚 感染 而來 因為 臺灣 並未 全面 檢測 所有 入境 人士 而是 有 症狀 才 采 檢 或許 就 會 錯放 無 症狀 病例 那位 日本 女 學生 如果 入境 臺灣 就 只 會 居家 檢疫 不 會 在 機場 采 檢 至於 日 女 染疫 的 時間 點 依 中央 疫情 指揮中心 發言人 莊人祥 的 說法 如果 ct 值 小 就是 近期 感染 ct 值 乃 達成 陽性 閥 值 所 需 迴圈 數 如果 較 小 代表 原始 病毒 數量 多 因 此 是 近期 感染 沈政男 認為 此 例 出現 其實 是 對於 臺灣 即將 開放 邊境 的 一個 提醒 千萬 不 可 吃 快 弄 破碗 什麼 有 pcr 檢測 陰性 證明 就 可 縮短成 五 天 檢疫 根本 是 跟 病毒 在 賭博 最後 沈政男 疾呼 端午 假期 國內 旅遊 爆 量 情 如今 要 阻止 已經 來不及 只能 相互 提醒 拜 讬 請 把 口罩 戴起來 尤其 年輕人</t>
  </si>
  <si>
    <t>美 媒 引述 消息人士 指出 美國 前 總統 川普 去年 染 上 新冠肺炎 時 症狀 比 外界 知道 的 還要 嚴重 出現 了 肺 浸潤 等 重大 急性症狀 醫生 甚至 一度 考慮 要為 他 戴 上 呼吸器 美國有線電視新聞網 cnn 報導 消息人士 證實 美國 前 總統 川普 2020 年 10 月 染 上 新冠肺炎 時 病況 一度 令人擔憂 醫療 團隊 甚至 考慮 讓 他 戴 上 呼吸器 紐約時報 new york times 昨 11 日 率先 披露 川普 去年 染疫 時 症狀 比 外界 已 知 還 要 嚴重 的 消息 報導 指出 川普 當時 實際上 出現 了 肺 浸潤 的 狀況 肺 浸潤 是 一 種 肺部 出現 液體 細菌 等 物質 的 發炎 狀況 出現 肺 浸潤 時 患者 通常 已經 併發 其他 症狀 從 一般 x 光 攝影 掃描 等 程式中 就 可以 輕易 檢查 出來 患者 部分 肺部 會 呈現 不透明 的 白色 報導 指出 肺 浸潤 是 新冠肺炎 的 急性症狀 紐 時 也 指出 川普 當時 的 血 氧 濃度 甚至 降到 只 剩下 80 多 報導 指出 川普 御醫 康利 sean conley 當時 對於 外界 詢問 川普 病情 閃爍其詞 直到 川普 恢復 後 才向 記者 表示 川普 的 血 氧 濃度 從未 降到 80 另外 他 也 回避 記者 們 有關 川普 是否 接受 輸氧 治療 的 提問 cnn 指出 當時 康利 只 回應 川普 現在 不 需要 輸氧 針對 記者 詢問 川普 是否 曾經 接受 過 輸氧 治療 等 問題 時 康利 也 答非所問 強調 他 今天 早上 完全 不 需要 輸氧 治療 他 現在 不 需要 昨天 今天 他 都 沒有 接受 輸氧 治療 針對 川普 當初 病況 可能 比 原先 知道 的 更為嚴重 布朗大學 brown university 公共 衛生 學院院長 吉 哈 ashish jha 表示 康利 對外 隱瞞 川普 病情 的 行為 令人不安 他 說 康利 當時 明顯 在 回避 及 欺騙 他 說 如果 當時 康利 醫生 及 白宮 對 美國 民眾 公開 病情 的話 會 更 好 現在 這種 狀況 不 只 令 人 失望 也 讓 人 難以忍受 川普 當時 靠 著 美國 雷傑納隆 藥廠 regeneron inc 的 實驗性 抗體 療法 康復 不過 前 美國 第一 夫人 梅蘭妮亞 melania trump 則 從未 接受 這種 療法 消息人士 透露 梅蘭妮亞 堅持 讓 病毒 走 完 自己 的 病程 並且 只 使用 藥草 茶 以及 其他 藥效 較 止痛藥 弱 的 藥物 來 治療 症狀 所以 梅蘭妮亞 花 了 非常 非常 久 的 時間 病情 才 好轉</t>
  </si>
  <si>
    <t>荷蘭 農業部 19 日 表示 國內 傳出 一起 養 貂 場 員工 被 貂 感染 新冠肺炎 案例 是 荷蘭 第一 件 通報 的 動物 傳染給 人 的 病例 荷蘭 南部 荷蘭 北布拉班特 省 north brabant 的 大城 愛 因 霍芬 eindhoven 東部 有 兩 座 養殖場 新冠肺炎 病毒 便 是 在 其中 之一 所 飼養 的 哺乳動物 貂 身上 被 發現 而 該 養殖場 的 貂 毛皮 利潤 可觀 每年 可 帶來 不少 進帳 卻 在 今年 4 月底 傳出 有 飼養 的 貂染疫 而 遭 當局 封鎖 荷蘭 農業部長 史 考登 carola schouten 表示 研究 人員 將 在 染疫 的 貂中 與 受 感染 員工 的 新冠肺炎 基因 做 對比 並 將 以此 繪製 追蹤 病毒 突變 的 系譜 樹 family tree 史 考登 在 致函 國會議員 時 表示 經 調查 可 斷定 染疫 的 養 貂 場 員工 確實 極 有 可能 是 被 貂 感染 了 病毒 同時 他 也 提到 養 貂 場外 的 空氣 和 土壤 採樣 中 未 發現 病毒 因此 民眾 對於 動物 傳人 的 可能 不必 過度 擔心 另外 政府 表示 兩 座 養殖場 中的 一 座 曾在 上周 發現 有 3 只 野貓 感染 了 新冠肺炎 病毒 有關 當局 目前 正在 研究 野貓 在 兩 座 染疫 的 養 貂 場 之間 散播 病毒 的 可能性 史 考登 表示 荷蘭 將 加強 控管 措施 所有 養 貂 場 都 必須 實施 檢測 並 禁止 所有 染疫 的 養 貂 場 對外開放 參觀 延伸 閱讀 更 多 ctwant 報導</t>
  </si>
  <si>
    <t>荷蘭 養 貂 場 染疫 員工 新冠肺炎</t>
  </si>
  <si>
    <t>美國 國務卿 蓬佩 昨 31 日 證實 一 名 國務院 官員 不幸 因 新冠肺炎 逝世 這 也 是 美國 外交 官員 病逝 首例 綜合 美 媒 cnbc 美國 野獸 日報 daily beast 報導 美國 國務卿 蓬佩 奧 昨日 證實 一 名 國務院 官員 因為 新冠肺炎 喪命 成為 美國 外交官 病逝 首例 蓬 佩奧 並未 透露 這 名 外交官 身分 細節 僅 表示 國務院 內 有 數 十 名 同仁 都 感染 了 新冠肺炎 至少 有 48 至 60 人 部分 染疫 人員 是 在 美國 本土 服務 蓬 佩奧 說 未來 幾 周將 持續 撤回 數 千 美國 人 強調 會 把 所有 美國 人 帶 回來 呼籲 那些 想 回國 的 人 立刻 回國 因為 他 不 確定 未來 全球 各地 還 有 多少 航班 會 持續 提供 服務 除了 國務院 美國國防部 3 月 30 日 也 證實 美軍 再 添 一 例 死亡 案例 一 名 在 紐澤西 州 服務 的 陸軍 國民兵 army national guard 於 21 日 住院治療 28 日 不治 這 是 美國國防部 第 4 名 因為 新冠肺炎 病逝 的 人員 截至 昨日 美國防部 一共 有 1259 人 染疫 當中 51 人 痊癒 4 人 死亡</t>
  </si>
  <si>
    <t>金融業 疫情 持續 燒 合 庫 城東 分行 實習生 染疫</t>
  </si>
  <si>
    <t>新竹 縣 55 歲 住 長 照 機構 的 徐姓 婦人 染疫 住院治療 後 4 日 解除 隔離 但 2 天 後 慢性病 情 加重 身亡 醫師 在 死亡 證明 載明 新冠肺炎 死亡 引發 殯葬 人員 恐慌 經 縣府 民政 處 協調 後 9 日 完成 火化 衛生局長 殷東成 表示 徐姓 婦人 經</t>
  </si>
  <si>
    <t>新竹 縣 55 歲 住 長 照 機構 的 徐姓 婦人 染疫 住院治療 後 4 日 解除 隔離 但 2 天 後 慢性病 情 加重 身亡 醫師 在 死亡 證明 載明 新冠肺炎 死亡 引發 殯葬 人員 恐慌 經 縣府 民政 處 協調 後 9 日 完成 火化 衛生局長 殷東成 表示 徐姓 婦人 經 確診 住院治療 後 ct 值 已 高於 308 月 4 日 解 隔離 已不 具 傳染性 從 加 護 病房 轉到 一般 病房 持續 治療 慢性 疾病 在 解 隔離 2 天 後 因 病情 加重 死亡 殷東成 指出 醫師 在 開 死亡 診 明 書 時 沒有 說 清楚 徐婦 死亡 原因 應是 慢性 疾病 曾經 罹 患 新冠肺炎 這樣 比較 精確 會 與 醫院 溝通 避免 日後 發生 類似 情形 東 元 醫院 表示 醫師 考量 死者 是 因 新冠肺炎 住院 治療 期間 引發 慢性病 而 死亡 ct 值 已 高於 30 沒有 傳染 力 可以 解 隔離 綜合 考量 下 才 開立 死者 因 新冠肺炎 死亡 的 證明書 可能 引起 誤會 將 與 衛生局 及 民政 處 做好 橫向聯繫 避免 引發不必要 的 恐慌 由於 死者 解 隔離 且 無 傳染 力 認定 不用 依 傳染病 防治法 於 24 小時 火化 遺體 交由 家屬 處理 後事 經 民政 處 與 家屬 協調 後 9 日 火化 殯葬 人員 為 慎重 起見 都 穿 上 防護衣 將 死者 棺木 送到 竹東 火化場 並 派 人員 在 現場 消毒 完成 火化 工作</t>
  </si>
  <si>
    <t>敦睦 艦隊 染疫 真相 王定宇 預告 明日 調查</t>
  </si>
  <si>
    <t>delta 印度 變異 株 來勢洶洶 目前 已 入侵 臺灣 本土 造成 3 起 群 聚 事件 分別 為 屏 東 枋山 案 桃園 機師 案 以及 新北 板橋 幼稚園 案 不過 對照 枋山 群 聚 這次 delta 病毒 並 沒有 造成 新北 幼稚園 個案 出現 重症 對此 指揮中心 專家 小組 召集人 張上淳 指出 幼稚園 群 聚 案 中 有 足夠 的 單株 抗體 加入 治療 因此 沒有 重症 發生 臺灣 陸續 發生 多 起 本土 delta 染疫 事件 後 個案 的 病況 也 有所 差異 媒體 針對 新北 幼稚園 案 提出 群 聚 鏈 確診 者 中 有 高齡 長者 卻 沒有 引發 重症 這 跟 有 疫苗 保護 還 是 跟 照顧 方式 提升 有 關? 對此 指揮中心 指揮官 陳時中 指出 屏 東 枋山 群 聚 案 的 長者 較 多 而 桃園 機師 案 3 例 包括 2 位 機師 1 位 小孩 都屬 年輕 個案 幼稚園 群 聚 長者 也 不 算 多 只 有 2 個 祖母 級 的 另 一 位 年紀 稍 大 的 則 為 幼稚園 園長 張上淳 指出 目前 delta 事件 中 屏 東 確實 有 出現 重症 個案 但 北部 都 沒有 任何 狀況 新北 幼稚園 案 主要 是 手上 剛好 有 足夠 單株 抗體 從輕 症 時就 加入 治療 這些 少數 年紀 大 個案 幾乎 都 有 使 用到 單株 抗體 情況 也 都 維持 地 很 好</t>
  </si>
  <si>
    <t>朝陽 科大 1 學生 染疫 全校 教職員 明起 兩 天 遠 距 上班</t>
  </si>
  <si>
    <t>鴻 海 用 唾液 驗 出 員工 染疫 暫不 列 確診 原因 曝光</t>
  </si>
  <si>
    <t>新北 市 今日 公佈 沒有 確診 案例 不過 卻 在 下午 傳出 染疫 幼稚園 的 負責人 確診 由於 她 先前 身體 不 佳 已 鮮 少 出入 幼稚園 是否 也 是 同一 批 群 聚 案 新北市衛生局 表示 今天 接 獲 通知 一 名 與 幼稚園 相關 個案 采 檢 pcr 陽性 立即 啟</t>
  </si>
  <si>
    <t>中和 警 分局 5 人 染疫 市府 急 調度 100 劑 疫苗 優先 給 外勤 同仁 施打</t>
  </si>
  <si>
    <t>疫情 嚴峻 新北 市 中 和 警 分局 5 名 警員 染疫 分局 立即 做 駐地 大 清 消 的 動作 分局長 李建 廣為 避免 再有 同仁 染疫 極力爭取 疫苗 供 第一線 員 警 施 打 市府 調配 100 劑 的 疫苗 今 31 日 優先 提供 給 中和 警 分局 的 同仁 施 打 李建廣 表</t>
  </si>
  <si>
    <t>因應 疫情 全國 三級 警戒 到 5 月 28 日 雙北 首長 認為 疫情 還 沒 趨 緩 28 日 解除 不太可能 要 有 心理準備 基隆 市長 林右昌 建議 再延 2 周 今天 宜蘭 縣 確診 數 加 零 但 縣長 林姿 妙 坦言 疫情 嚴峻 隨時 會 有 滾 動式 變化 宜蘭 縣 相關 管制 措施 都 到 6 月 8 日 縣府 會 配合 中央 防疫 宜 蘭縣 今天 確診 數 維持 在 41 例 有 2 例 在外 縣 市 住院 有 8 人 有 肺炎 狀況 41 例 中 參加 宜 蘭金 樽 餐廳 喜宴 有 6 名 縣民 確診 另 有 3 人 是 外縣市 民眾 案 258925904318 不 計入 宜 蘭 確診 數 中 所 匡列 的 106 人 篩檢 結果 最 快 明天 出爐 在 花蓮 的 案 3464 曾 從 樹林 搭 火車 到 花蓮 列車 有 行經 宜 蘭 羅東 站 宜蘭 縣 衛生局長 徐迺維 表示 經向花 蓮 縣 衛生局 聯繫 後 該 個案 沒有 在 中途下車 且 因 搭車 須戴 口罩 該案 在 火車 上 並未 匡列 居家 隔離 個案 雖然 案 2372 等 一家 四口 染疫 感染 源 不明 但 徐迺維 指出 該案 總共 匡列 380 人 目前 檢測 結果 是 陰性 雖然 沒 找到 明確 感染 源 但 社區 防疫 的 目的 就 是 讓 疫情 不再 擴散 隨 雙北 首長 基隆 市長 發聲 後 全國 三級 警戒 是否 延長 衛福 部長 陳時中 今 表示 正 在 研議 中 三級 警戒 是 到 5 月 28 日 宜蘭 縣政府 秘書長 林 茂盛 指出 宜蘭 縣 相關 業者 暫停營業 水 上游 憩 活動 禁止 內 用 等 都 是 維持 到 6 月 8 日 中央 是否 延長 三級 警戒 縣府 會 配合 中央 林 姿 妙 表示 宜蘭 縣 今天 沒有 新增 病例 累積 確診 41 人 但 疫情 嚴峻 隨時 會 有 滾 動 的 變化 呼籲 鄉親 不要 大意 輕忽 遵守 防疫 措施 宜 蘭縣 已 有 被 匡列者 脫離 居家 隔離 回到 自主 健康 管理 程式 目前 居家 隔離 人數 468 人 已 完成 篩檢 3398 人 陽性率 121</t>
  </si>
  <si>
    <t>青少年 到底 該不該 打 bnt 第二 劑 讓 許多 家長 非常 掙扎 對此 台大前 感染 科 醫師 林氏 璧 今 表示 臺灣 青少年 打 bnt 發生 心肌炎 機 率 較 美國 和 日本 都高 其中 臺灣 年輕 男生 心肌炎 發生率 為 百 萬分 之 225 比 美國 多 了 4 倍 而 國外 研究 顯示 第二 劑 心肌炎 發生率 又 會 比 第一 劑 高 10 倍 若 按 此 來 算 臺灣 年輕 男 生 第二 劑 心肌炎 機 率 恐 高達 百 萬分 之 200 認為 青少年 第二 劑 也許 不 用 那麼 急 著 打 林 氏 璧 今 在 節目 pop 撞 新聞 上 表示 當初 臺灣 規 畫 要 打 青少年 新 冠 疫苗 的 時候 就 有 不少 專家學者 很 擔心 而 臺灣 12 至 17 歲 青少年 已 大 批 接種 第一 劑 bnt 後 其中 統計 出 年輕 男生 心肌炎 發生率 為 百 萬分 之 225 女生 百 萬分 之 55 對比 美國 第一 劑 心肌炎 的 發生率 為 百 萬分 之 5 看起來 相差 了 4 倍 左右 林 氏 璧 指出 國外 研究 顯示 接種 第二劑 心肌炎 的 機 率 較 第一 劑 多 會 高 10 倍 以上 第二 劑 的 不良反應 較 多 以 臺灣 資料 來看 年輕 男 生 的 發生率 恐 變成 百 萬分 之 200 而 臺灣 現在 大約 有 50萬 名 青少年 男性 已 打完 第一 劑 這樣 換算 下來 等於 會 有 100 人 出現 心肌炎 林 氏 璧 也 說 是否 讓 青少年 打 疫苗 需 判斷 利有 沒有 大於 弊 而 打 疫苗 的 好處 包括 減少 重症 住院 的 比例 減少 後遺症 出現 及 不幸 染疫 停課 恐 讓 就學 權益 受損 壞處 則 是 心肌炎 等 不良反應 的 發生 除此之外 也 必須 將 當地 的 疫情 狀況 納入 考量 林 氏 璧 透露 日本 第一 劑 bnt 心肌炎 發生率 也 是 百 萬分 之 5 左右 臺灣 的 數字 真的 看起來 比較 高 不過 明明 日本 與 臺灣 都 是 東方人 心肌炎 發生率 卻 差 這麼 多 他 認為 可能 有 幾 個 原因 包括 人種 的 問題 或是 臺灣 比較 小心 因為 大家 不斷 提醒 可能 會 出現 心肌炎 所以 有 小 症狀 就 立刻 跑 去 檢查 而 臺灣 目前 心肌炎 的 個案 症狀 多 很 輕微 林 氏 璧 指出 臺灣 目前 打 疫苗 後 出現 心肌炎 的 個案 中 僅 1 例 屬於 嚴重 案例 為 一 名 桃園 女 學生 個案 一 住院 就要 裝 葉克 膜 不過 他 認為 這 有 可能 不是 疫苗 造成 的 因為 她 的 症狀 與 打 疫苗 後 出現 心肌炎 的 症狀 稍稍 不 太 一樣 因此 推 估 也 有 可能 是 感染 其他 病毒 導致 的 但 詳情 還要 等 指揮中心 調查 為主 林 氏 璧 坦言 依照 臺灣 目前 疫情 的 現況 來看 青少年 現在 打 一 劑 就 很 夠用 不 需要 急 著 去 打 第二 劑 疫苗 而且 現在 說 的 也 只是 暫緩 施打 並 不是 就 不讓 這些 青少年 打 第二 劑 只 是 可以 妥善 分析 利弊 厘 清 狀況 後 再 打 而 中研院 生 醫 所 兼任 研究員 何美鄉 昨 發文 建議 青少年 不 要 去 打 第二 劑 的 bnt 她 認為 目前 打 第一 劑 出現 副作用 的 比例 較 美國 高 2 倍 根據 美國 資料 顯示 打 第二 劑 出現 心肌炎 的 機 率 會 比 第一 劑 高 10 倍 因此 她 認為 青少年 的 第二 劑 施打 可 再 緩緩</t>
  </si>
  <si>
    <t>桃園 與 臺北市 因 garmin 公司 員工 染疫 事件 隔 空 交火 基隆 市 因 確診 案例 在 北市 上班 未 被 匡列 而 怒 批 疫 調 台中 市長 盧秀燕 11 日 表示 很 感謝 彰 化 縣府 昨晚 漏 夜 通報 有 確診 者 足跡 到 台中 讓 中 市 立即 啟動 應變 她 強調 中部 地區</t>
  </si>
  <si>
    <t>孫大千 衛福部 桃園 醫院 群 聚 感染疫苗 新冠肺炎</t>
  </si>
  <si>
    <t>鳳山 大樓 5 人 確診 住 不同 樓層 疑 搭乘 電梯 染疫</t>
  </si>
  <si>
    <t>鳳山 大樓 染疫 確診 電梯 仁武 家庭 群 聚</t>
  </si>
  <si>
    <t>學生 確診 人數 達 118 位 淡江 4 師生 染疫</t>
  </si>
  <si>
    <t>苗栗 疫情 趨 緩 京元電 員工 群 聚 事件 接近 清零 移 工 陸續 解 隔離 返回 宿舍 然而 昨 24 日 晚 卻 爆出 京元電 缺乏 相關 配套 移 工 的 個人 物品 被 擅自 打包 像 垃圾 一樣 堆 在 走廊 或 大街 引發 熱烈 討論 此外 有 移 工 向日 媒 爆 料 京元電 為了 趕在 本 周 通過 政府 檢查 完成 全面 復工 的 目標 以 混亂 且 不人道 的 手段 對待 移 工 3 坪 大 房間 沒有 床 還要 擠 6 個 人 京元 電 6 月初 爆發 群 聚 感染 累積 確診 人數 突破 200 人 甚至 波及 鄰近 超 豐 智邦 等 大廠 隨 著 指揮中心 於京元 電 設立 前進指揮所 後 逐步 控制 疫情 前進指揮所 也 於 21 日 撤離 日經 亞洲 評論 報導 京元電 被 規定 要 降低 每間 宿舍 的 居住 人數 但 過程 卻 被 移 工 批評 相當 混亂 且 不人道 有 部分 移 工 在 週二 22 日 的 大 雨 中 搬遷 進 新 的 宿舍 但 個人 物品 卻 被 當成 垃圾 一般 隨意 棄置 有些 新 宿舍 甚至 沒有 床 化名 為 jennifer 的 移 工 指出 公司 在 大家 隔離 時 隨意 打包 私人物品 還要 大 家 迅速 搬家 令 人 措手不及 而且 新 宿舍 只 有 10 平方公尺 約 3 坪 大 在 沒有 床位 的 狀況 下 擠 了 6 名 員工 另 一 位 化名 為 cristylyn 則 表示 我 的 許多 朋友 從 隔離 的 地方 回來 才 發現 他們 的 東西 已經 被 打包 並 散落 在 各處 隨意 碰 觸 我們 的 東西 是 相當 不人道 的 日經 也 訪問 一 名 菲律賓 駐 台 代表處 的 前 員工 gina lin 她 說 從 我 接 獲 的 消息 發現 狀況 非常 混亂 京元電 要求 數 百 名 移 工 在 24 小時 內 搬 到 新 的 地方 但 新 宿舍 根本 沒有 準備 好 移 工 還 必須 在 新 宿舍 外 排隊 再次 接受 篩檢 這 可能 會 造成 新 的 群 聚 感染 危機 因為 根本 沒有 保持 社交距離 對此 京元電 承認 為了 符合 政府 降 載 的 規定 在 移 工 遷移 的 處理 上 出現 問題 會 儘快 解決 這個 狀況 並 在 週末 前 讓 所有移 工 復工 鑒於 目前 全球 供應 鏈 緊 繃 我們 需要 儘快恢復 生產 事實上 我們 已 在 6 月份 對數 千 名 移 工 和 本地 員工 進行 了 多次 pcr 檢測 我們 的 員工 和 生產線 是 安全 的 目前 臺灣 約 有 713萬 名 的 外籍 員工 其中 63 任職 於 製造業 其 餘 則 任職 於 醫療 產業 在 科技產業 中 日 月光 雇用 約 1萬 名 移 工 占 全體 員工 的 18 京元 雇用 超過 2000 人 此次 也 有 員工 染疫 的 超豐 逾 1000 人 京鼎 則 有 62 人</t>
  </si>
  <si>
    <t>幫助 歌後 江 蕙 在 歌壇 發展 的 貴人 吉馬 唱片 創辦 人 陳維祥 本月 4 日 因 身體 不適 就醫 確診 新冠肺炎 covid-19 人 住 進 加 護 病房 中 而 確診 後 不過 幾 天 原本 還 叮嚀 親友 要 注意 防疫 的 他 如今 驚 爆 因 呼吸困難 已 插管 失 聯 多 日 而 陳維祥 如今 終於 親自 給予 回應 吉馬 唱片 創辦 人 陳維祥 過去 曾 替 江蕙 葉啟田 鳳飛 飛 詹雅雯 等 知名 歌手 製作 專輯 張 張大 賣 堪稱 是 歌王 歌後 黃金 推手 即便 他 近 10 年 已 從 唱片業 急流勇退 但 仍 與 眾多 知名 歌手 保持 好 交情 跨 界 美食 界 也 有 不錯 成績 昔日 培養 的 歌手 們 都 熱情 幫 陳 老闆 月臺 足 見 彼此 友好 程度 也 因此 這 回 70 歲 的 陳維祥 確診 新 冠 讓 許多 圈 內 朋友 都 非常 擔心 陳維祥 日前 爆出 確診 他 事後 透露 是 因 確診 3 天 前 高燒 不退 而 到 馬偕 醫院 檢查 隨即 確認 了 確診 馬上 住 進 隔離病房 內心 其實 恨 害怕 推測 是日前 跟 朋友 喝茶 聊天 不是 染疫 感歎 這 病毒 傳染 力 太 高 好運 的 人 就算 康復 了 也 會 有 後遺症 運氣 不好 的 就 直接 掛 掉 了 當時 他 還 預測 自己 只是 輕 症 應該 23 天 就 能 出院 還 叮嚀 朋友 要 好好 防疫 不料 如今 狀況 變 差 傳出 插管 消息 對於 插管 一 事 陳維祥 也 給予 確認 表示 自己 在 隔離病房 插管 4 天 今天 中午 病情 才轉往 普通 病房 但 對於 何時 開始 插管 治療 沒什麼 印象 只是 聲音 虛弱 地 說 自己 差點 掛 掉 幸好 脫離險境 命 撿回來 陳維祥 也 呼籲 大家 真 的 要 注意 防護 再次 強調 如果 出門 一定 要 全程 戴 口罩 都 不 要 拿 下來 也 要 勤洗手 消毒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付費 防疫 專線 1922 0800 001922</t>
  </si>
  <si>
    <t>本土 連 8 天 破百 例 守 在 一線 的 醫護人員 忙 翻 一 名醫 師在 臉書 po 出 與 女兒 的 對話 紀錄 只見 他 受 疫情 影響 已 5 天 沒有 回家 女兒 孤零零 待 在家 除了 覺得 寂寞 想 哭 之外 也 很 擔心 爸爸 會 染疫 對此 原 po 只能 溫聲 安慰 女兒 這</t>
  </si>
  <si>
    <t>桃園 染疫 機師 多次 訪 新竹 竹 縣 居隔 25 人 采 檢 結果 出爐</t>
  </si>
  <si>
    <t>板橋 1 警 染疫 同 組 9 人 采 檢 均 陰性</t>
  </si>
  <si>
    <t>長 榮 航空 繼 1 名 機師 檢 出 delta 後 又 有 2 名 機師 1 名 機師 小孩 染疫 指揮中心 不 排除 感染 delta 的 可能 對此 資深 媒體 人 感歎 可惜 新北 市長 侯友宜 3 次 預警 沒人 聽 結果 delta 又 進來 了 侯友宜 因 在 新北 施政 獲 高度 民意 相 挺</t>
  </si>
  <si>
    <t>長 榮 航空 繼 1 名 機師 檢 出 delta 後 又 有 2 名 機師 1 名 機師 小孩 染疫 指揮中心 不 排除 感染 delta 的 可能 對此 資深 媒體 人 感歎 可惜 新北 市長 侯友宜 3 次 預警 沒人 聽 結果 delta 又 進來 了 侯友宜 因 在 新北 施政 獲 高度 民意 相 挺 早已 成 政壇 不能 忽視 的 大 咖 媒體 人 韋安 今 6 日 在 臉書 發文 表示 侯友宜 通常 兩耳 不 聞 政治 事 過去 幾 個 月 都 把 全部 頭腦 和 精力 用 在 防疫 工作 上 但 侯友宜 曾 3 次 預警 強調 delta 病毒 可能 入侵 首先 是 在 6 月 15 日 侯就 說 印度 delta 變種 病毒 來勢洶洶 早晚 會 到 臺灣 不可 掉以輕心 當時 侯 呼籲 一定 要 加強 邊境 管制 只有 規 畫 準備 好 才 能夠 面對 高風險 高 傳染 的 delta 病毒 其次 韋安 稱 侯在 8 月 4 日前 往 萬里 區 野 柳 漁港 視察 漁 工 防疫 情形 呼籲 嚴防 delta 從 包括 海岸線 港口 等 邊境 入侵 最後 在 8 月 25 日 當日 全國 0 但 侯 表示 一 天 的 0 不 代表 永遠都是 0 要 小心 delta 變種 病毒 入侵 並 提出 強化 防疫 旅館 防護 確保 檢測 及 增加 醫療 量 能 疫苗 全面 催 貨 學校 施打 規 畫 與 境外 生 入校 前 免費 pcr 等 五 項 措施 全面 做好 準備 韋安 感歎 侯友宜 這些 預警 並 沒有 受到 中央 重視 結果 除 了 6 月底 返台 嬤 孫 旅客 引發 屏 東 delta 病毒 群 聚 外 這次 又 因為 機師 防疫 破 口 再次 侵 台 韋安 直言 侯 為什麼 長期 受到 民意 最高 的 信任 與 支持 其實 沒什麼 秘密 就是 侯 說到做到 一直 堅持 做事 第一 的 初 心</t>
  </si>
  <si>
    <t>磐石 艦 確診 再 增 1 例 累計 28 人 染疫</t>
  </si>
  <si>
    <t>綾瀨 遙 染疫 康復 後首 露面 私下 真實 模樣 全 被 拍</t>
  </si>
  <si>
    <t>日本 36 歲 知名 女星 綾瀨 遙 9 月份 因 感染 新冠肺炎 被迫 停工 期間 還 傳出 綾瀨 遙 的 媽媽 在 她 染疫 前 遭人 詐騙 讓 綾瀨 遙 受到 雙重 打擊 如今 已 康復 出院 並 火速 復工 的 她 終於 露面 與 大眾 見面 媒體 也 拍到 私下 的 真實 狀態 被 封為</t>
  </si>
  <si>
    <t>日本 36 歲 知名 女星 綾瀨 遙 9 月份 因 感染 新冠肺炎 被迫 停工 期間 還 傳出 綾瀨 遙 的 媽媽 在 她 染疫 前 遭人 詐騙 讓 綾瀨 遙 受到 雙重 打擊 如今 已 康復 出院 並 火速 復工 的 她 終於 露面 與 大眾 見面 媒體 也 拍到 私下 的 真實 狀態 被 封為 國民 女神 的 綾瀨 遙 先前 因 工作 滿檔 擔心 疫苗 的 副作用 會 影響 工作 而 遲遲 未 打 疫苗 因 此 8 月份 宣佈 感染 新冠肺炎 被迫 停工 後 便 傳出 濫 用 特權 優先 住院治療 等 負面 消息 遭到 不少 人 批評 一度 還 因 檢查 出 肺部 出現 白影 的 中級 症狀 讓 外界 相當 震驚 綾瀨 遙 染疫 前 還 傳出 她 的 媽媽 遭人 詐騙 高達 1億 日圓 約 新 台幣 2500萬 元 但 綾瀨 遙 針對 此事 不 願 多 談 敬業 的 她 也 在 狀況 好轉 後 火速 回歸 劇組 繼續 拍攝 與 木村拓哉 合作 的 新片 織田信長 讓 不少 粉絲 們 相當 擔心 她 的 身體 是否 受得了 經過 多 日 的 等待 綾瀨 遙 也 終於 在 10 月 27 日 露臉 參加 2021 東京 電視劇 大 賞 的 頒獎典禮 榮獲 女 優 獎 的 她 穿 著 一 件 白色 的 洋裝 並 將 長髮 盤起 展現 往日 的 女神 風采 網友 看到 後 也 紛紛 留言 終於 看到 我 的 遙 感覺 瘦 了 一點 但 狀態 還 不錯 天 哪 女神 真的 瘦 好多 小 遙 身體 好好 的 比 什麼 都 令人感動 沒事 就 好 終於 看到 會動 的 遙 了 雖然 還 是 美 但 瘦 了 一些 還是 讓 人 心疼 意外 引發 話題 綾 瀬はるか fan @ayaseharuka_fan 0324 分享 的 貼 文 另外 日本 媒體 女 7 近日 也 捕捉到 綾瀨 遙 趕 拍 繼母 與 女兒 的 藍調 續集 的 身影 當時 的 她 雖 戴著 口罩 全身 包 緊緊 但 素顏 時 的 狀態 還是 略顯 疲憊 讓 粉絲 們 相當 心疼 而 她 在 此 劇中 將 與 佐藤健 及 竹野內豐 合作 預計 明年初 上 檔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 @ayaseharuka__fan 分享 的 貼 文</t>
  </si>
  <si>
    <t>新冠肺炎 疫情 衝擊 觀光 產業 大 鵬 灣 國家 風景區 的 遊湖 船 及 水上 活動 業者 也 受 影響 搭乘 遊玩 人次 腰斬 大 鵬 灣 管理處 在 與 業者 座談 過後 決定 免收 廠商 1 至 6 月 的 租金 希望 與 廠商 共 體 時艱 達到 政府 紓困 善意 大 鵬 灣 今年 2 月 搭乘 遊湖 船 的 遊客 人數 較 去年同期 減少 約 6 成 以上 讓 業者 大 歎 快活 不 下去 沒想 到 3 月 更慘 迄今 遊覽車 團體 還 來 不 到 10 團 就算 假日 有 到 大 鵬 灣 遊玩 的 散客 但 也 都只 是 走走 逛逛 很 少 坐船 或 消費 鵬 管處 瞭解 業者 的 困境 後 決定 免去 區內 紅樹林 濕地 公園 濱 灣 公園 帆船 基地 等 遊湖 船 及 水域 遊 憩 業者 1 至 6 月 的 租金 希望 實際 減輕 業者 的 營運 成本 負擔 鵬 管處 表示 大 鵬 灣 景點 都 在 戶外 較 無 染疫 風險 歡迎 大家 多 到 大 鵬 灣 遊玩 業者 也 強調 遊湖 船 均 有 相關 防疫 作為 包括 遊客 登 船 前 會 量 測體溫 並加強 手部 酒精 消毒 游程 結束 後會 進行 全船 座椅 清潔 消毒 作業 遊湖 船 全 為 開放 空間 空氣流通 陽光 照射 度 高 遊客 可 放心 搭乘</t>
  </si>
  <si>
    <t>巴西 增 近 2000 例 新冠肺炎 染疫 死亡 創 單日 新高</t>
  </si>
  <si>
    <t>巴西 今天 通報 單日 新增 的 新冠肺炎 covid-192019 冠 狀 病毒 疾病 染疫 死亡 人數 接近 2000 人 打破 先前 紀錄 疫情 正 使得 巴西 醫院 不堪 負荷 當地 疫苗 接種 進度 也 緩慢 巴西 衛生部 今天 通報 單日 有 1972 人 染疫病 故 目前 為</t>
  </si>
  <si>
    <t>巴西 今天 通報 單日 新增 的 新冠肺炎 covid-192019 冠 狀 病毒 疾病 染疫 死亡 人數 接近 2000 人 打破 先前 紀錄 疫情 正 使得 巴西 醫院 不堪 負荷 當地 疫苗 接種 進度 也 緩慢 巴西 衛生部 今天 通報 單日 有 1972 人 染疫病 故 目前為止 巴西 累計 已 有 26萬8370 名 新冠肺炎 患者 不治 高居 全球 第 2 僅次於 美國 巴西 今天 還 通報 新增 7萬764 宗 確診 病例 意味 累積 染疫 人數 已 達 1110萬 人 巴西 先前 單日 染疫病 故 人數 最高 紀錄 在 3 月 3 日 創下 當時 才剛 破 1900 人 但 過去 2 周 這個 數位 持續上升 根據 巴西 公共 衛生機構 克魯茲 基金會 fiocruz 今天 發佈 的 報告 巴西 疫情 正 面臨 嚴峻考驗 全國 27 州 首府 有 25 座 城市 的 加 護 病房 占 床 率 已 超過 8 成 巴西 總統 波索納洛 jair bolsonaro 一直 對 專家建議 的 抗 疫 作法 嗤之以鼻 上周 甚至 要 巴西 民眾 對 疫情別 再 發牢騷 並 再度 批評 居家 限令 世界衛生組織 who 秘書長 譚 德塞 tedros adhanom ghebreyesus 已 敦促 巴西 採取 積極 作為 並 警告 巴西 若 不 嚴肅 對待 疫情 恐 影響 鄰國 甚至 更 遠 的 國家 巴西 的 疫苗 施打 進度緩慢 目前 僅 共 860萬 人 注射 首 劑 疫苗 占 總人口 的 4 1 其中 更 只 有 290萬 人 施打第 2 劑 疫苗 巴西 使用 的 是 中國 科興 生物 研發 的 疫苗 coronavac 以及 英國 藥廠 阿斯特 捷利康 astrazeneca 與 牛津大學 oxford universtiy 合作 研發 的 疫苗</t>
  </si>
  <si>
    <t>巴西 疫苗 染疫 今天 疫情</t>
  </si>
  <si>
    <t>新冠肺炎 疫情 趨 緩 北市 7 日 再度 鬆綁 各項 規範 包括 開放 學校 及 學生 辦理 社團活動 恢復 各項 球類運動 團體 競賽 及 跨 班 體育 活動 吹奏 類 樂器 課程 可 暫時 脫 口罩 練習 且 在 雙十連 假 前 再 放寬 動物園 天文館 及 兒童 新 樂園 管制 措施 9 日 起 全面 取消 預約 制 吹奏 練習 可 暫時 脫 口罩 對於 社團活動 教育局 指出 進行 社團活動 時 室內 保持 15 公尺 室外 保持 1 公尺 以上 社交距離 全程 配戴 口罩 禁止 飲食 落實 實 聯 制 聘 教師 入校 須 完成 疫苗 第一 劑 接種 且 滿 14 日 或 提供 3 日內 抗原 快 篩 或 pcr 檢測 陰性 證明 而 辦理 成果 發表會 或 跨 校 性 之 社團活動 需 向 學校 提報 相關 計畫 集會 人數 上限 為 室內 80 人 室外 300 人 國小 不 開放 跨 校 性 社團活動 體育 活動 保持 社交距離 在 體育課 方面 教育局 表示 所有 球類運動 恢復正常 授課 包括 傳球 對打 及 團練 活動 等 全程 配戴 口罩 除 團練或 對打 外 應 保持 防疫 社交距離 已 完成 施打 疫苗 之國 中 高中職 學校 開放 跨 校 體育 活動 訓練 及 競賽 國小 不 開放 校際 活動 至於 游泳 課程 仍 暫緩 實施 藝術 才能 班 課程 及 教學活動 部分 教育局 說明 室內 在場 人數 符合 場所 容留 人數 得 不 受限 室內 80 人 上限 以 實際 座 位數 入座 且 不 限 梅花座 室外 上限 為 300 人 並 應 落實 課堂 點名 以 作為 日後 疫 調 之 參考 另外 迎接 雙十連 假 動物園 天文館 兒童 新 樂園 皆 於 9 日 起 取消 入 園 預約 制 改以 容留 人數 上限 管制 天文館 每日 容留 上限 為 1200 人 兒童 新樂 園 為 4800 人 動物園 為 10000 人 兒童 新 樂園 開放 室內 兒童劇場 如果 劇場 假日 營運 劇場 內 采 梅花座 幼兒 與 同行 家人 得 視 需要 調整 並 座 天文館 開放 展示 場 兒童 區 與 觀測室 動物園 熱帶雨林 室內 館 因 考量 國外 有 靈長 類 動物 染疫 案例 暫不 開放 其 餘 室內 管區 皆 全面 開放 西門 錢 櫃 抓到 未戴 口罩 不過 北市 6 日 有 20 間 ktv 解 封 複業 警方 即 進行 擴大 臨檢 發現 西門 錢 櫃 的 中華 新館 有 2 名 消費者 在 包廂 內 未戴 口罩 北市 商業 處 7 日 表示 待 接 獲 警方 臨檢 紀錄 進行 確認 判斷 若 屬實 可 分別 對 業者 和 消費者 開 罰 3千 至 1萬5千 元</t>
  </si>
  <si>
    <t>新冠肺炎 肆虐 全球 累計 逾 359萬 人 確診 25萬 多 人 染疫 死亡 荷蘭 科學家 在 實驗室 發現 一 種 可以 有效 阻斷 新 冠 病毒 sars-cov- 2 感染 細胞 的 全人 源 抗體 這項 研究成果 是 針對 治療 或 預防 新 冠 病毒 的 全人 抗體 研究 的 第一 步 具</t>
  </si>
  <si>
    <t>花蓮 新增 1 確診 家 族群 聚 已 15 人 染疫</t>
  </si>
  <si>
    <t>花蓮今 新增 一 例 確診 是 上個月 萬華 大舅子 到 花蓮 妹婿 家中 作客 已 使得 整個 家族 親友 累計 15 人 染疫 另 染疫 民眾 已 有 3 人 出 院 因 疫情 仍 嚴峻 未來 疫苗 將 陸續 到位 縣長 徐榛蔚 稍 早 號召 退休 退職 醫護人員 加入 防疫 行列</t>
  </si>
  <si>
    <t>花蓮今 新增 一 例 確診 是 上個月 萬華 大舅子 到 花蓮 妹婿 家中 作客 已 使得 整個 家族 親友 累計 15 人 染疫 另 染疫 民眾 已 有 3 人 出 院 因 疫情 仍 嚴峻 未來 疫苗 將 陸續 到位 縣長 徐榛蔚 稍 早 號召 退休 退職 醫護人員 加入 防疫 行列 協助 各鄉鎮 市 施打 疫苗 徐 今天 說 已經 召募 到 111 位 退職 退休 醫護人員 報名 感謝 醫護人員 幫忙 花 蓮 縣 衛生局長 朱家祥 說 新增 案 10364 是 60 多 歲 女性 病毒 最初 感染 源 來自 萬華 大舅子 因 家族 相聚 導致 病毒 一路 傳播 迄今 家族 已 有 14 人 被 傳染 因 家 族群 聚 已 被 匡列 居家 隔離 但 60 多 歲 女性 的 丈夫 前 幾 天 確診 這 位 女性 30 日 才 出現 發燒 發熱 2 日 晚上 11 點 左右 發燒 不退 衛生局 3 日 安排 前往 部 立 花 蓮 醫院 采 檢 3 日 陽性 確診 朱家祥 說 新增 個案 家族 多 人 因 稍 早已 匡列 居家 隔離 沒有 外出 但 提醒 居家 隔離 家 人間 仍要保持 適當 距離 否則 仍 有 互相 感染 之 虞 所以 本 週末 假日 希望 民眾 待 在家 大掃除 保持 室內 乾淨 通風 減少 病毒 傳染 徐榛蔚 說 日本 捐贈 124萬 劑 疫苗 已 抵 台 中央會 規劃 分配 地方 數量 醫護人員 消防人員 都 會 施 打 再來 長 照 機構 人員 也 會 施 打 慢性病 也 是 規劃 先 施打 物件 目前 惟有 疫苗 到位 才能 逐漸 阻擋 疫情 因此 縣府 已經 號召 到 111 位 退職 退休 人員 後續 會 安排 受訓 內容 為 未來 協助 施打 疫苗 做 準備 至於 昨天 開 罰 不 戴 口罩 仍 有 25 件 徐榛蔚 說 員警 執法 開 罰 碰上 不 理性 民眾 開罵 她 要 跟 鄉親 說 疫情 緊張 也 都有 勸導 時間 員警 也 很 不 願意 對 鄉親 長輩 開 罰 但 戴 口罩 是 基本 防疫 作為 唯有 從 保護 自己 做 起 才能 不 傳染 他人</t>
  </si>
  <si>
    <t>新冠肺炎 臺灣 花蓮 家族 確診 染疫</t>
  </si>
  <si>
    <t>超 商店 員 染疫 嘉 縣 啟動 社區 千 人 篩檢</t>
  </si>
  <si>
    <t>屏 東 delta 群 聚 案 增 1 人 無 症狀 二 采 陽 確診 累計 17 人 染疫 2 重症</t>
  </si>
  <si>
    <t>屏 東 6 日 新增 1 確診 案 15184 他 曾 與 確診 白 牌 車 司機 案 14298 共同 泡茶 6 月 23 日 已 被 匡列 隔離 3 天 後 轉 往 集中 檢疫所 時 與 案 14905 同 車 二 采 陽無 症狀 確診 而 屏 東 delta 群 聚 案 至今 累計 17 人 染疫 當中 有 2 人 重症 救</t>
  </si>
  <si>
    <t>新冠肺炎 臺灣 屏 東 delta 染疫</t>
  </si>
  <si>
    <t>宜蘭 縣 連續 8 天 零 確診 但 今天 4 日 新增 2 例 確診 累積 確診 數 達 98 例 確診 者 分別 是 外籍 看護 工 案 15109 與 一 名 20 多 歲 的 男子 案 15110 ct 值 分別 是 3533 另外 頭城鎮 大 溪 漁港 在 假日 湧 進 人潮 縣府 農業 處 表示 今天 已 做 總量 管制 單一 出入口 要求 保持 社交距離 等 措施 案 15109 是 1 名 40 多 歲 的 外籍 看護 工 5 月 12 日 入境 時 持有 3 日內 陰性 檢驗 報告 證明 5 月 26 日 檢疫 結束 時 檢測 是 陰性 之後 自主 健康 管理 6 月 7 日 再度 接受 檢驗 仍 是 陰性 7 月 1 日 因為 勞動部 的 要求 再次 篩檢 結果 ct 值 35 而 確診 衛生局 已 展開 追查 匡列 6 個 居家 隔離 個案 其中 5 位 是 陰性 1 人 仍 在 等待 結果 案 15110 是 1 名 20 多 歲 的 男性 是 案 12924 的 弟弟 兄弟兩人 曾 於 3 月 至 美國 從事 餐飲業 哥哥 4 月 染疫 確診 當時弟弟 也 有 類似 症狀 但 采 檢 是 陰性 兄弟倆 5 月 17 日 持有 3 日內 陰性 檢驗 報告 回國 在 臺北 防疫 旅館 檢疫 後 再 回到 宜蘭 家裡 居家 隔離 案 12924 再 去 醫院 采 檢 確診 案 15110 就 被 匡 列為 居家 隔離 對象 進一步 接受 14 天 的 居家 隔離 及 7 天 的 自主 健康 管理 案 15110 居家 隔離 時 采 檢 是 陰性 14 天 之後 居家 隔離 期滿 采 檢 也 是 陰性 宜蘭 縣 衛生局 要求 居家 隔離 的 個案 于 自主 健康 管理 期滿 時 須再 做 一 次 采 檢 案 15110 再次 采 檢 結果 是 陽性 而 確診 ct 值 33 衛生局長 徐迺維 表示 新增 2 案 都 經過 好幾 次 篩檢 陰性 ct 值 偏 高 感染 源 還 要 積極 追蹤 案 15109 所 匡列 的 6 個人 有 5 人 陰性 其中 還 包含 該案 所 照顧 的 長者 案 15110 居家 隔離 前 後 采 檢 陰性 可能 是 有些 病毒 比較 遲緩 才 讓 前幾次 采 檢 為 陰性 另外 有 外縣市 的 確診者 曾在 6 月 20 日 中午 開車 到 頭城 的 大 溪 漁港 購物 買 完魚 後 滯留 約 一 小時 回 到 新北 市 縣府 將 該 行程 列為 足跡 縣府 6 月 28 日 為 大 溪 漁港 的 員工 篩檢 結果 全是 陰性 衛生局 表示 若 當地 民眾 近來 感到 不 舒服 仍 可到 社區 篩檢 站 篩檢 縣府 雖然 在 今天 公佈 大 溪 漁港 6 月 20 日 有 確診 者 的 足跡 但 7 月 3 日 大 溪 漁港 的 民眾 仍 多 縣議員 林麗 在 臉書上 說 每天 仍 有 外縣市 民眾 湧 進 漁港 採買 魚貨 攤 商 們 個個 心 生恐 懼 直說 沒 政府 擔心 出現 防疫 破 口 農業 處長 康立和 表示 大 溪 漁港 已經 立即 做 100 人 的 總量 管制 原先 3 個 出入口 現 為 單一 出入口 昨天 啟動 後 秩序 良好 大家 也 都有 保持 社交距離 莫德納 疫苗 施打 狀況 部分 宜蘭 縣 目前 分配 18200 劑 已經 施打 4981 人次 完成 27 衛生局 表示 目前為止 沒有 收到 不良反應 報告</t>
  </si>
  <si>
    <t>這次 前所未有 的 經濟大衰退 朱學 恒 表示 政府 紓困 就 是 救命 但 現在 公務員 紓困 慢條斯理 民眾 都快 掛點 了 朱學 恒 今 18 日 在 臉書 指出 身邊 朋友 去 問 銀行 有 沒有 紓困 貸款 要 嘛 說 沒有 要 嘛 又 問 有 沒有 不動產 再不然 說</t>
  </si>
  <si>
    <t>這次 前所未有 的 經濟大衰退 朱學 恒 表示 政府 紓困 就 是 救命 但 現在 公務員 紓困 慢條斯理 民眾 都快 掛點 了 朱學 恒 今 18 日 在 臉書 指出 身邊 朋友 去 問 銀行 有 沒有 紓困 貸款 要 嘛 說 沒有 要 嘛 又 問 有 沒有 不動產 再不然 說 現在 狀況 不好 還 要 增加 保證人 結果 搞了半天 xxx 比 疫情 之前 還 難 貸 朱學 恒 呼籲 只是 看到 政策 宣傳 是 沒有 用 的 要 拿 到 錢 要 發下去 貸款 要 放寬 從速 救命 就是 要 大家 都 減稅 發現 金 給 個人 中小企業 貸款 加速 流程 趕快 把 錢 給 下去</t>
  </si>
  <si>
    <t>韓國 6 日 才 放寬 社交距離 政策 不過 幾 天 又 傳出 疫情 今 10 日 新增 34 例 新冠肺炎 確診 病例 是 一個 月 來 最高 當中 多數 和 有 梨 泰 院 毒 王 之 稱 的 夜 店 男子 有關 至 今夜 店 群 聚 感染 病例 增加 至 54 例 最遠 的 還 遍及 濟州島 韓國 總統 文在寅 今日 發表 就職 3 周年 演說 時 強調 疫情 尚未 結束 絕不能 鬆懈 對抗 新冠肺炎 疫情 有成 韓國 6 日 宣佈 長達 45 天 的 社交距離 嚴守 期 結束 全國 轉為 生活 防疫 期 儘管 當局 強調 生活 防疫期間 仍 須 保持 社交距離 例如 認真 洗手 避免 公共場所 長 時間 聚餐 等 不過 由於 並非 強制性 措施 民眾 遵守 成效 如 何令人 質疑 百貨公司 餐廳 公園 等 也 自 上個月 下旬 開始 逐漸 出現 人潮 解 封 是否 帶來 第 2 波 疫情 綜合 韓聯社 美聯社 報導 韓國 中央 防疫 對策 本部 今日 宣佈 新增 34 例 新冠肺炎 確診 病例 這 是 韓國 28 天 以來 首度 新增 超過 30 例 也4 月 9 日 以來 最高 的 新增 病例 數 當中 8 例 為 境外移入 24 為 本土 案例 本土 案例 中 至少 有 15 人和 有 梨 泰院毒 王 之 稱 的 29 歲 男子 有關 該 名 男子 1 日 晚間 到 酒吧 夜 店 林立 的 首 爾梨泰 院 地區 當晚 至 隔日 淩晨 至少 流連 5 間 酒吧 他 隨後 確診 新冠肺炎 同時 引爆 首 爾夜 店 群 聚 感染 危機 韓聯社 指出 至今 和 夜 店 群 聚 感染 相關 的 病例 增加 至 54 例 其中 43 人 曾 造訪 夜 店 11 人 為 感染者 家人 韓國 疾病 管理 本部 中央 防疫 對策 本部長 鄭銀敬 jeong eun-kyeong 今日 坦承 夜 店 群 聚 感染 出現 擴散 跡象 54 例 病例 中 30 例 在 首 爾 14 例 在 京 畿 道 6 例 在 仁川 2 例 在 忠清北道 最遠 的 釜山 及 濟州島 各 有 1 例 針對 韓國再 爆出 群 聚 感染 情形 韓國 總統 文在寅 今日 發表 就職 3 周年 演說 時 強調 疫情 尚未 結束 我們 絕對 不能 鬆懈 他 說 近期 的 群 聚 感染 情形 顯示 新冠 病毒 隨時 都能 重新 席捲而來 疫情 真正 結束 之前 都 不 叫 結束 我們 處在 長期 戰役 中 政府 還 將 提前 應對 疫情 復發 為 長期 戰 疫 作好 萬 全 準備 希望 國民 們 在 回歸 日常生活 的 同時 堅持 遵守 防疫 規定</t>
  </si>
  <si>
    <t>新冠肺炎 疫情 日益 嚴峻 內政部長 徐國勇 邀請 民間 攜手 共同 防疫 南 投 縣 魚池 鄉長 劉啟帆 及 農會 理事長 劉 啟行 兄弟 率領 當地 茶農 攜手 北上 捐贈 自產 13萬 茶 包 為 第一 線 防疫 人員 打氣 其中 還 有 90 歲 茶農 及 6 歲 小 童在每 包 茶葉 上 親筆 寫 的 感謝 紙條 讓 人 感動 徐國勇 表示 員警 消防 移民 及 空勤 等 許多 同仁 都 是 站 在 防疫 第一線 的 人員 例如 為 協助 降低 防疫 破 口 員警 不僅 須 找尋 居家 檢疫 及 隔離 失 聯 人 員外 為 確保 落實 社交距離 在 各 大 景點 大眾交通 運輸 場站 等 人群 較易 聚集 處所 都能 看到 員警 不時 提醒 民眾 保持 距離 或 配戴 口罩 相當 辛勞 徐國勇 指出 在 防疫 艱難 時刻 需要 民間 與 政府 攜手 合作 共同 防疫 相當 感謝 魚池 鄉長 及 農會 理事長 支援 政府 防疫 工作 他 說 很 高興 捐 出 的 茶葉 各 式樣 有 60 歲 阿公 在 茶葉 裡 寫 紙條 也 有 6 歲 小朋友 寫 的 都 是 滿滿的愛心 徐國勇 表示 內政 部 在 防疫期間 民政 司 同仁 經常 加班 到 半夜 23 點 捷 運 公車 都 沒有 了 無法 回家 還要 家人 接送 也 因為 防疫 人員 的 努力 茶農 才能 在 臺灣 繼續 深耕 下去 但 他 也 要 感謝 這麼 多 種 紅茶 的 茶農 尤其 疫情 使 全世界 的 經濟 都 受到 影響 各國 政府 紛紛 祭出 紓困 措施 除了 紓困 我們 更 應該 振興 內需 日月 潭 紅茶 聞名 世界 所以 民眾 該 喝茶 也 要買 茶 魚池 鄉長 劉啟帆 則 說 表示 嘉義 長 庚 研究 出 臺灣 本土 茶葉 對 新冠肺炎 具 效果 已 登 上 國際 期刊 南 投 縣 魚池鄉 是 日月 潭 紅茶 的 產地 當地 茶農 為了 向辛 苦 的 第一線 防疫 人員 致敬 打氣 自主 發起 捐 茶 包 慰勞 活動 在 公所 號召 下 魚池鄉 農會 率先 捐贈 後續 吸引 近百家 茶農 熱情 響應 短短 3 天 就 募 到 逾 10萬 包 的 茶 包 希望 共同 為 防疫 盡心 力 內政 部 表示 這次 獲 贈 的 茶 包 都 是 魚池鄉 當地 茶農 自產 茶葉包括 知名 的 日月 潭 阿薩姆 紅玉 等 將 配發 員警 消防 移民 及 空勤 等 第一 線 防疫 人員</t>
  </si>
  <si>
    <t>勞動部 勞工 紓困 貸款 今 6 15 日 開始 接受 申請 不少 銀行 據點 大排長龍 甚至 網頁 也 當 機 顯示 民眾 資金 需求 殷切 不過 勞工 紓困 貸款 每人 最高 額度 僅 為 10萬 元 利率 1845 若 想要 增加 貸款額度 就 必須 自行 申請 一 筆 信貸 也 因此 國內 有 銀行 推出 超低 利 小 額 信貸 前 90 天 的 利率 僅 為 15 比 勞工 紓困 貸款 還要 低 90 天 後 則 根據 個人信用 條件 計算 利率 水準 此外 該筆 貸款 有 動用 才 計息 沒有 動用 就 不收 利息 且 免 手續費 免 出門 線 上 即可 申辦 最 快 一 天 擁有 可 動用 額度 國內 持續 壟 罩 新冠肺炎 疫情 各行各業 及 民生 經濟 大 受 衝擊 不僅 自營 店家 服務業 小型 攤販 等 面臨 營 收 驟減 或 停業 的 窘境 部分 上班族 甚至 必須 請 防疫 照顧 假 或者 有 些 勞工 也 開始 放 無 薪 假 導致 生活 收入 銳減 為了 讓 民眾 手頭 有 寬裕 的 資金 度過難關 凱基 銀行 即日起 至 12 月 31 日 止 推出 佛 心 速 還 金 享 動用 後 90 天內 優惠 利率 15 且 免 申辦 手續費 凡是 有 防疫 照顧 假 自主 居家 管理 或 無 薪 假 證明 者 均 可 在家 線 上 完成 申辦 及 簽約 手續 從 申請 到 核准 撥款 最 快 1 天 即 擁有 一 筆 可 動用 額度 幫助 安渡 疫情 艱難 時刻 政府 勞工 紓困 貸款 每人 額度 最高 10萬 元 利率 1845 若是 民眾 需要 的 資金 超過 10萬 想 再 申請 一 筆 信貸 一般 都 需要 額外 支付 開辦 費 凱基 銀行 指出 佛 心 速 還 金 是 額度 型 貸款 最 大 特色 是 提供 一 筆 可以 隨時 動用 的 額度 沒有 動用 就 不計 利息 適合 緊急 救援 申請 不 需 支付 開辦 費 90 天內 利率 只 要 15 相當於 每 借 1萬 元 一 天 利息 不 到 1 元 可 隨時 提 領 沒有 合約 限制 想 提前 還款 也 不 需 負擔 任何 費用 讓 有 需要 的 民眾 更 能 彈性 周轉 運用 資金 因應 短期 疫情 帶來 的 衝擊 舉例來說 上班族 陳小姐 于 疫情 期間 因 照顧 小孩 需 請 防疫 照顧 假 收入 暫時 減少 但 仍 需 支付 房租 貸款 電信 費 水電費 等 必要 生活 支出 需要 短期 3 個 月 的 小額 資金周轉 便 可 申請 佛 心 速 還 金 作為 緊急 備用金 如於 7 月 1 日 線 上 申請 5萬 元 額度 申請 當下 可先 省 下 一 筆 一般 信貸 所 需 負擔 的 開辦 費 9 月 30 日 還款 時 只 需 支付 利息費用 約 185 元 與 200 元 的 動用 手續費 換算 下來 每天 不 到 5 元 的 利息費用 如果 收入 恢復 穩定 隨時 可 提前 還款 減少 利息支出 且 不 收取 提前 還款 的 違約金 較 可 彈性 處理 資金 上 的 臨時性 支出 防疫期間 為 方便 民眾 無須 外出 佛 心 速 還 金 提供 線 上 申辦 管道 從 申請 簽約 到 對 保 全程 皆 可 線 上 完成 同時 也 可以 線 上 24 小時 隨時 動用 撥款 至 多數 的 銀行 同名 帳 戶 中 申請人 不論是 在 家 防疫 或是 因 居家 隔離 無法 出門 只要 使用 手機 或 電腦 即可 申辦 順利 取得 救急 資金</t>
  </si>
  <si>
    <t>超 商 雙雄 統 一超 2912 7 -eleven 及 全家 5903 搶攻 宅 經濟 商機 其中 7 -eleven 提供 逾 10 款 有機 蔬果 箱 禦 料 小 館 全新 配 菜 居家 自 煮 一 站 購 足 全家 便利商店 則 與 玉 美 生 技 合作 推出 每日 限量 500 箱 蔬菜 箱 只要 在 全 1 行動 購 購買 即可 宅 配到 府 本土 新冠肺炎 疫情 延 燒 宅 經濟 及 自 煮 商機 湧現 統一 超 及 全家 分別 推出 各式 生鮮 採買 組合 其中 統一 超 7 -eleven 因應 防疫期間 消費者 傾向 就近 採買 計畫性 補 貨 每日 變化 菜色 的 需求 即日起 於 i 預購 推出 多種 組合 產 地直 送 的 有機 蔬果 箱 實體 門市 則 因 熱 食 自助 區 調整 改 為 整 包 販 售 的 包裝 鮮 食 滿足 民生 所 需 而 鮮 食品 牌 禦 料 小 館 6 月 2 日 起 新 增多 款 異國 料理 地方 小吃 等 全新 配 菜 預計 可 創造 逾 百 種 配餐 組合 提供 居家 防疫 安心 新 選擇 煮 婦 們 採買 免 擠 賣 場 到 7 -eleven 就近 買 安心 吃 統一 超 表示 疫情 期間 外出 採買 民生 物資 講求 精准 快速 以 降低 群 聚 感染 風險 7 -eleven 提供 豐富 的 生鮮 商品 選擇 其中 觀察 到 消費者 偏好 有 完整 包裝 的 食 材 7 -eleven 於 去年 已將 熱 食 自助 區 的 地瓜 熱狗 等 開發 成 微波 覆 熱 方便 的 包裝 鮮 食 至今 已 熱銷 超過 800萬 份 近日 更 提供 整 包 販 售 的 現 蒸 地瓜 所長 茶葉蛋 關東煮 等 簡單 覆 熱 即可 輕鬆 上桌 另外 冷藏 包裝 的 熱 壓 吐 司 多 達 8 款 鹹甜 口味 在家 自行 加熱 快速 方便 近日 買氣 也 有 提升 再者 7 -eleven 觀察 到 生鮮 商品 於 住宅 型 商 圈 深受 小家庭 客 層 青睞 於 超過 3500 間 門市 擴大 導入 冷凍 雙 門 冰箱 結構 在 鄰近 住宅 外島 購物 不便 商 圈 門市 引進 嚴 選 素材 鮮 物 海島型 冷凍 冰箱 販 售 多 達 50 款 冷凍 調理 食品 海鮮 與 肉品 此外 為 讓 茹素 及 蔬食 愛好者 就近 購買 蔬 素食 商品 7 -eleven 積極 擴大 蔬食 規模 於 超過 1000 間 門市 導入 天 素地 蔬 專區 部分 門市 更 設有 生鮮 蔬菜 專區 提供 20 多 款 具有 機 認證 的當 令 蔬菜 加上 多樣化 的當 令 水果 是 民眾 在家 附近 最 快速 方便 齊全 的 社會 廚房 在家 用餐 最 傷腦筋 的 便是 每日 變化 菜色 且 疫情 期間 許多 餐館 縮短 營業時間 7 -eleven 除 提供 上百 種 微波 即食 鮮 食 方便 消費者 選購 看好 搭 餐 商 機 自 6 月 2 日 起 將 全新 推出 一系列 主食 型 配 菜 滿足 24 小時 全 時段 用餐 需求 深受 市場 喜愛 的 禦 料 小 館 系列 鮮 食 目前 商品 結構 涵蓋 冷藏 配 菜 及 冷凍 食品 整體 品 項數 已 超過 30 款 預期 可 帶動 相關 業績 成 長 10 至 20 以上 全家 看好 自 煮 需求 大增 全家 與 主 打 產銷 履歷 和 有機 認證 蔬菜 的 玉 美 生 技 合作 推出 每日 限量 500 箱 蔬菜 箱 只要 在 全 1 行動 購 購買 即可 宅 配到 府 不用 出門 領取 每箱 販 售 699 元 內含 14 種 蔬菜 再者 疫情 影響 消費者 飲食習慣 全家 觀察 家庭 號 土司 對比 前 周 銷售 成長 40 顯示 消費者 會 在 前日 準備 隔日 早餐 儘量 在家 吃 早餐 全家 提供 早餐 匠 土司 洗 選 蛋 應 援 方案 全家 表示 防疫期間 滿足 消費者 自 煮 期望 口味 多變 需求 全 1 行動 購 每日 推出 近 10 款 冷凍 冷藏 常溫 日用品 等 限量 商品 每週 約 百 款 新品 供 民眾 選購 除了 可 使用 myfamipay 線 上 支付 外 即日起 新增 全家 fami 錢包 線 上 支付 功能 消費者 可 訂購 後 就近 到 指定 店鋪 取 貨</t>
  </si>
  <si>
    <t>新冠肺炎 疫情 衝擊 餐飲業 營運 即時 外 送 平臺 foodpanda 對此 承諾 透過 補貼 外 送 服務費 振興 餐飲業 增加 上線 獎金 協助 短期 就業 及 推廣 安全 配送 建立 安心 保障 3 大 方針 盼 在 抗 疫 期間 成為 合作 店家 外 送 員及 消費者 的 安心 靠山 協助 度過 非常 時期 難關 經濟部長 沈榮津 先前 指出 新冠肺炎 疫情 導致 夜市 商圈 及 傳統 市場 業績 最 多 衰退 5 成 百貨 購物 中心 營業額 減少 2 成 情況 在 34 月 將 最 嚴重 foodpanda 對 此 於 3 月 祭出 免 外 送 服務費 指定 店家 優惠 滿額 折 抵 等 優惠活動 全力 協助 店家 彌補 流失 來客 針對 新 加入 店家 foodpanda 除 協助 加速 上線 投入 行銷 資源 助 其 增加 曝光 並 全力 配合 經濟部 餐飲業 紓困 方案 共同 研 擬 方案 內容 努力 讓 全台 店家 所受 衝擊 降 至 最低 且 能 更 專注 於 製作 優質 餐 點 及 維持 服務 品質 其次 許多 公司 因 疫情 衝擊 為 減少 開銷 而 縮編 人事 foodpadna 對 此 提供 新 上線 補助 新進 夥伴 只要 完成 50 張 訂單 即 領 2000 元 獎金 等同 補助 裝備 費用 讓 有 短期 就業 需求 的 民眾 能 即時 上線 賺取 報酬 緩解 燃眉之急 foodpanda 同時 提供 完整 配套 助 外 送 夥伴 管控 感染 風險 除 不斷加強 宣 導 防疫 觀念 主動 發放 口罩 頭巾 並 將 攜手 富 邦 產險 規 畫 合適 的 個人 法定 傳染病 補償 健康 保險 盼 主動 提供 所 有 foodpanda 外 送 員更 完整 的 健康 保障 foodpanda 亦 同步 推動 無 接觸 送 餐 鼓勵 外 送 員 每日 執行 防疫 自主 檢查 定期 調查 外 送 員 呼吸道 症狀 及 旅遊 史 持續 宣導 正確 防疫 觀念 等 4 項 新 制度 以 建立 安心 配送 服務 流程 積極 確保 外 送 流程 不 成為 防疫 漏洞 foodpanda 董事 總經理 方俊強 表示 公司 將 盡其所能 陪伴 全台 消費者 合作 店家 與 外 送 夥伴 希望 在 非常 時期 發揮 平臺 效益 讓 大家 都 能 維持 既 有 生活品質 陪伴 餐飲業者 及 需 短期 就業 的 人 度過難關 也 讓 消費者 更 安心 面對 疫情 同時 因應 防疫期間 第一 線 醫護人員 工作量 大增 foodpanda 將 贊助 1萬 份 醫護人員 專屬 的 免費餐 點 優惠 碼 首 波 針對 雙 北部 分 重度 級 隔離 醫院 發放 使 醫護人員 在 忙碌 作戰 的 同時 也 能 輕鬆 享受 美味 餐 點 安心 用餐</t>
  </si>
  <si>
    <t>新冠肺炎 的 疫情 在 全球 持續 延 燒 雖然 正值 防疫期間 上週末 的 清明連 假 卻 在 各地 湧現 人潮 防疫 中心 憂 出現 防疫 破 口 特別 針對 11 個 景點 發出 國家級 警報 許多 企業 也 都 跟進 要求 有 到 景點 的 員工 居家 辦公 對此 就 有</t>
  </si>
  <si>
    <t>新冠肺炎 的 疫情 在 全球 持續 延 燒 雖然 正值 防疫期間 上週末 的 清明連 假 卻 在 各地 湧現 人潮 防疫 中心 憂 出現 防疫 破 口 特別 針對 11 個 景點 發出 國家級 警報 許多 企業 也 都 跟進 要求 有 到 景點 的 員工 居家 辦公 對此 就 有 網友 好奇 發問 居家 辦公 到底 爽 不爽 啊 文章 也 掀起 網友 熱烈 的 討論 一 名 網友 在 ptt 八卦板 以 標題 居家 辦公 到底 爽 不爽 啊 發文 表示 現在 越來越 多 企業 要求 員工 居家 辦公 他 認為 對 員工 來說 爽 的 是 不用浪費 通 勤 時間 也 開玩笑 稱 壞處 是 沒有 正 妹 同事 可以 看 但 最後 還是 忍不住 好奇 想 知道 有 沒有 居家 辦公 到底 爽 不爽 的 卦 啊 文章 曝光 之後 引起 熱 議 不少 正 在 居家 辦公 的 過來人 紛紛 跳出 來 表示 不爽 超級 麻煩 不爽 下班時間 更 不 定時 隨時 視 訊 電話 來 哦 更 不爽 吧 上下班 時間 更 模糊 不爽 工時 還 變長 貓貓 一直 會 來 亂 效率很差 煩 最 多 一個 禮拜一 天 不然 受不了 但 也 有人 認為 可以 一邊 吸 貓 一邊 工作 還 不賴 在家 工作 我 願意 減 薪 20 30 應該 不錯 不用 擔心 天氣 問題 光 節省 通 勤 時間 就 很爽 平常 效率 越 高 的 越 爽 多 超 多時 間 打 電動</t>
  </si>
  <si>
    <t>連日 因為 新冠肺炎 疫情 大 爆發 各 大 賣 場 造成 搶購 總統府 秘書長 陳菊今 表示 家 買 好吃 的 同時 也 別忘了 不要 搶購 囤積 浪費 食物 過度 消費 以免 荷包 哭 哭 陳菊 今天 在 臉書 指出 臺灣 物產 豐饒 米 食 漁產 蔬果 自產自銷 最 新鮮 他 說 目前 國內 的 公糧 米 倉 都 有 90萬 公噸 以上 豐富 的 漁產 蔬果 更是 供應 無 虞 各項 物資 也 都 準備 充足 面對 大家 的 熱情 採購 政府 也 媒 合 業者 加大 物流 產能 大家 也 要 多多 交關 我們 臺灣 在 地 好吃 的 農漁 特產 喔 陳菊 表示 購買 國產 優質 且 具 溯源 的 農產品 讓 大家 在 防疫期間 買 得 安心 買 得 開心</t>
  </si>
  <si>
    <t>經濟部 日前 5 日 表示 為了 減輕 產業 衝擊 由 工業 局 轄 管 的 62 處 工業區 配合 嚴重 特殊性 傳染性 肺炎 防治 及 紓困 振興 特別 條例 實施 期間 推動 延長 土地 租金 紓困 措施 各 事業 有 承租 工業區 內 土地 以及 國有 房舍 者 如 營業額 較 同期 衰退 15 以上 可以 申請 土地 租金 減 收 二 成 至 110 年 6 月 30 日 止 工業 局 指出 工業區 內 產業 以 中小企業 為主 自 去 109 年 受到 新冠肺炎 的 影響 不少 中小企業 到 衝擊 工業 局 也 於 去年 4 月 推出 嚴重 特殊 傳染性 肺炎 防疫期間 工業區 紓困 方案 透過 將 產業 應 繳納 的 維護費 土地 租金 污水 處理費 等 規費 透過 減收 或 緩繳 的 方式 藉 此 來 減輕 產業 的 負擔 由於 工業區 內 產業 型態 以 出口 外銷 為 導向 在 國外 肺炎 疫情 仍 嚴峻 的 情況 下 仍 有 許多 企業 營 收 受到 衝擊 為 協助 廠商 度過 難過 經濟部 於今 110 年 1 月 核定 將 工業區 紓困 方案 再 延長 至今 110 年 6 月 30 日 工業 局 表示 此次 工業區 紓困 方案 在 土地 租金 減收 方面 需 由 企業 提出 佐證 於 109 年 12 月 起 營業額 較 同期 衰退 15 以上 才可 申請 租金 減 收 20 去年 申請 減 收 的 企業 在 申請 月份 不 重疊 的 情形 下 仍 可 提出 申請 工業 局 也 提醒 因為 配合 國家 能源 政策 能源 法規 執行 期限 地方 回 饋 承諾 事項 以及 相關 優惠 不重 覆 等 原則 工業區 紓困 方案 針對 再生能源 發電 業者 或 已經 申請 租金 緩繳 之 廠商 不 適用 此次 的 申請 提醒 廠商 在 申請 之前 可以 洽 詢 當地 工業區 服務 中心 確認 是否 符合 申請 的 資格</t>
  </si>
  <si>
    <t>新冠肺炎 疫情 延 燒 歐美 歐盟 27 個 成員國 全部 淪陷 高官 染疫 日 多 美加州 紐約 更 成 重災區 為此 疫情 指揮中心 昨 將 旅遊 警示 國家 與 地區 由 10 處 增至 36 處 即 起 比利時 荷蘭 等 歐洲 8 國 中東 巴林 科威特 2 國 旅遊 疫情 建議 等級 升至 二級 警示 盧森堡 英國 等 申根 區域 16 國 升至 一級 注意 民眾 自 這些 地方 返台 需 自主 健康 管理 14 天 外交部 即 起 也 調升 上述 10 國 旅遊 警示 至 黃色 民眾 宜 檢討 應 否 前往 美 尚未 升級 擬 分 州 處理 至於 美國 部分 州 已 進入 了 緊急狀態 指揮中心 指揮官 陳時中 說 美國 人口 多 尚未 達到 升級 標準 將 分 州 處理 旅遊 警示 至於 人 在 歐美 的 台僑 疫情 僑委會 委員長 吳新興 昨 表示 據 統計 目前 有 14 位 台商 僑胞 確診 感染 分散 亞洲 歐洲 美洲 確診 僑胞 分別 是 日本 1 位 法國 1 位與 美國 12 位 此 統計 不 包括 陸 港澳地區 的 臺灣人 由於 疫情 日趨嚴重 歐美國家 口罩 也 缺貨 吳新興 說 因為 歐美國家 平常 沒 戴 口罩 習慣 不過 到 目前為止 還 沒有 僑界 反應 希望 國內 設法 提供 口罩 他 說 給 全球 僑胞 也 是 龐 大 工程 僑委會 將 密切注意 後續 發展 歐美台 僑 已 有 14 人 確診 另 為了 因應 新冠肺炎 衛福部 日前 公佈 防疫 的 補償 辦法 追溯 至 1 月 15 日 起 被 安排 居家 隔離 檢疫 或 照顧 者 每人 可 按 日 發給 新 台幣 1000 元 外界 質疑 民眾 可 取巧 搭 機 出境 再 返台 藉 此 獲 補償 陳時中 說 會 規勸 別 在 防疫期間 來 亂 若 故意 賺取 補償 行 為 將 予 處分 指揮中心社區 防疫 組 副 組長 莊人祥 也 表示 將 與 相關 單位 研議 開 罰 等 相關 意見 傳 騙取 隔離 補償 將 開 罰 指揮中心社區 防疫 組 副 組長 莊人祥 說 各國 旅遊 疫情 建議 等級 提升 多 以 德國 為 參考 基準 德國 新冠肺炎 每 10萬 人 發生率 077 低於 此 標準 者 但有 一定 風險 者 將 列 一級 注意與 德國 相近 列 二級 警示 若 疫情 嚴峻 甚至 接近 南韓 幾 千 名 案例 則 升為 第 三級 警示</t>
  </si>
  <si>
    <t>美女 眼科 醫師 黃宥嘉 是 談話 性 節目 常客 個性 仗義執言 有話直說 然而 疫情 當頭 她 日前 搭 捷 運 就 因 見到 2 位 乘客 不斷 交談 忍不住 開口 勸說 捷 運 車廂 內 不 要 一直 交談 疫情 嚴重 請 共同 協助 抗 疫 想不到 其中 一 位 短褲 女 卻 反 嗆 黃宥嘉 正義 人士 行徑 令 人 不敢 苟同 黃宥嘉 經常 在 臉書 與 粉絲 分享 日常生活 點滴 她 今 27 日 更 po 出 一對 男女 在 捷 運 上交 談 的 照片 稱 照片 中的 兩 人 一直 嘰嘰喳喳 在 捷 運 車廂 內 講話 好幾 個 站 都 不 停歇 於是 她 喊 一下 捷 運 車廂 內 不 要 一直 交談 疫情 嚴重 請 共同 協助 抗 疫 想不到 短褲 女 竟 在 下 車前 拿 手機 寫 了 一 堆 字 給 她 看 最後 一 句 則 是 清楚 寫 著 正義 人士 黃宥嘉 也 不是 省油的燈 被 嗆 正義 人士 沒 在 忍 趁 著 短褲 女 下 車前 反擊 沒看 到 啦 未 料 短褲 女 又 回 她 沒 看到 我 也 沒 辦法 事後 黃宥嘉 更 在 臉書 諷刺 寫下 講話 囉 嗦 的 人 寫字 也 囉 嗦 黃宥嘉 的 捷 運 奇遇記 引發 不少 網友 熱 議 這種 的 要 開 直播 聊 得 這麼久 應該 是 有 困難 大家 可以 一起 幫 他 解決 很怕 搭 電梯 和 搭 大眾 運輸工具 的 口沫橫飛 黃 醫師 好 勇敢 昨天 搭 公車 司機 和 乘客 在 聊天 本來 很 想 請 他們 不 要 聊 但 沒 膽 啊 防疫期間 車廂 內 真的 不宜 交談 老實 說 我 覺得 就 是 像 這樣 不 知道 事情 輕重 的 人 造成 這次 臺灣 的 疫情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防疫期間 民眾 外出 戴 口罩 幾乎 已 成為 下意識 習慣 但 網路上 有 網友 提問 護目鏡 是否 必須 配戴 該 網友 認為 護目鏡 是 多 一 層 保護 其他 網友 則 列出 必須 戴 的 2 大 理由 其 1 是 飛 沫 可能 經由 淚液 進入 人體 其 2 是 若 手部 會 沾染 細</t>
  </si>
  <si>
    <t>高鐵 企業 工會 昨日 在 臉書 發文 表示 25 日 下午 公司 以 備忘錄 突然 宣佈 原訂 自 3 月 執行 的 員工 調 薪 因 新冠肺炎 疫情 影響 將 無限期 暫緩 消息 一 出 員工 譁然 工會 指出 在 公司 預期 疫情 衝擊 營 收 的 情形 下 工會 雖 理解 公司 為 控制 營運 成本 暫緩 調 薪 作業 但 不解 公司 無視 防疫期間 各 職 種 員工 努力 不懈 堅守 自身 崗位 無私 地 配合 高鐵 公司 之 超前 防疫 政策 犧牲 休假 和 增加 輪班 的 疲勞度 甚至 面對 有 感染 風險 的 第一線 接觸 最後 換來 的 是 期望 落空 對 員工 士氣 打擊 甚 巨 凝聚 之 向心力 更是 狠狠 的 撕裂 殆盡 工會 表示 在 此 嚴正 敬告 高 鐵 公司 節 流 不應 只 會 訴 求 基層 員工 要 共 體 時艱 用 輿論 道德 壓力 框住 員工 的 薪資 成長 卻 不 去 盤點 公司 在 營運 維修 及 行銷 等等 沒 效益 的 開支 更 遑 論 檢討 高層 薪資 然而 暫緩 不應 是 無止盡 的 等待 針對 暫緩 調 薪 之 備忘錄 高鐵 公司 應 詳細 解釋 疫情 趨 緩 要件 為何 營 收回 穩 的 標準 為 何?殷 盼 公司 做出 具體 說明 工會 呼籲 高鐵 切 勿 舉 著 防疫 大旗 行 違法 犯紀 之 實 破壞 勞資 和諧</t>
  </si>
  <si>
    <t>全國 高中 以下 學校 因為 新 冠狀病毒 肺炎 防疫 而 延遲 至 2 月 25 日 開學 面對 即將 到來 的 開學日 在 疫情 尚未 穩定 之前 高中 以下 各級 學校 約 300萬 名 學生 的 防疫 工作 將 會 是 非常 重要 的 一 環 全國 家長會 長 聯盟 以下 簡稱 全長 聯 提出 對於 校園 防疫 措施 的 8 點 建議 希望 各 校 在 做 準備 與 規劃 時 能夠 更 充分 與 完整 全長 聯 提出 的 8 點 呼籲 如下 1 各級 學校 須 瞭 解 假期 中 是否 有 中 港澳 轉機 大陸 旅遊 史 或是 高風險 接觸 史 需要 隔離 防疫 的 學生 2 全校 需 在 開學 前 進行 全面 性 消毒 在 開學 後 每 一 周 都 需要 至少 一 次 3 於 校門 口 進行 體溫 監控 及 消毒 防疫 入校 學生 或 校外 人士 皆 應以 酒精 噴 消 雙手 如果 體溫 高於 375 度 即 應 勸導 離 校 4 防疫期間 校園 應 減少 校外 人士 的 進出 且 暫不 開放 校 區 於 放學 後 供 社區 居民 使用 5 教育部 應 提供 各級 學校 充分 供應 有 需求 學生 的 口罩 並且 充分 告知 家長 相關 防疫 規範 6 因為 學校 屬 群 聚 場 域 而 每週 上課 五 天 建議 將 持有 學生證 或 學費 繳費 證明 的 18 歲 以下 學生 得于 7 天內 購買 5 個 口罩 的 規定 納入 口罩 實 名 制 中 7 提供 居家 隔離 或 是因為 疫情 無法 到校 上課 的 學生 視 訊 上課 的 協助 8 在 疫情 尚未 穩定 前 若 在校 師生 有 確診 病例 則 應 辦理 全校 停課 相關 措施 待 確診 病例 康復 且 全校 師生 未有 新 確診 病例 時 再行 安排 補課 事宜 全長 聯 表示 期待 大家 一起 來 守護 我們 的 下一代 做好 完備 防疫 相關 流程 作業 讓 孩子 能夠 在 學校 健康 學習 讓 家長 放心 拼 經濟</t>
  </si>
  <si>
    <t>新冠肺炎 疫情 持續 北市 警方 在 防疫期間 酒後 駕車 違規 執法 不 打烊 統計 今年 1 至 2 月 取締 酒後 駕車 違規 達 840 件 提醒 駕駛人 勿 僥倖 酒 駕 上路 為 避免 員警 和 民眾 在 酒 測 過程 感染 新冠肺炎 警方 表示 執行 取締 酒 駕車 勤務員 警 除</t>
  </si>
  <si>
    <t>新冠肺炎 疫情 持續 北市 警方 在 防疫期間 酒後 駕車 違規 執法 不 打烊 統計 今年 1 至 2 月 取締 酒後 駕車 違規 達 840 件 提醒 駕駛人 勿 僥倖 酒 駕 上路 為 避免 員警 和 民眾 在 酒 測 過程 感染 新冠肺炎 警方 表示 執行 取締 酒 駕車 勤務員 警 除 一律 佩戴 口罩 外 攔 停 車輛 後會 與 駕駛 保持 一定 距離 觀察 過濾 駕駛人 如有 酒 容 酒 氣 者 再 指揮 至 路旁 平車 熄火 對 駕駛人 酒 測 警方 呼籲 民眾 配合 員警施 測 受測者 使用 的 吹 嘴 皆 是 以 塑膠套 包裝 的 全新 吹 嘴 用 過 即 換 掉 絕不會 重複使用 且 落實 儀器 消毒 確保 衛生 安全 中 時 新聞網 提醒您 酒後 不 開車 安全 有 保障</t>
  </si>
  <si>
    <t>新冠 疫情 仍然 嚴峻 彰 化 縣長 王 惠美 縣府 團隊 結合 全縣 26 鄉鎮 市 21 日 起 連 三 天 進行 全縣 大 消毒 全力 防堵 疫情 擴散 並 呼籲 民眾 一起 進行 居家 消毒 工作 用 漂白 水 1 比 50 的 調配 比例 來 擦拭 桌椅 門把 開關 地板 家裡 有 幼兒 的話 玩具 也 要 進行 消毒 一起 努力 把 環境 做 得 更 清潔 落實 防疫 守護 家園 防疫 不分 你 我 王 惠美 呼籲 縣民 配合 防疫 措施 落實 勤洗手 戴 口罩 並 遵守 社交距離 的 規定 同時 加強 消毒 家中 經常 接觸 的 表面 隨身攜帶 酒精 消毒 加強 自我 健康 監測 減少 出入 公共場所 避免 參加 不必要 的 集會 共 體 時艱 齊心 防疫 透過 公私 協力 嚴防 疫情 擴散 縣府 已 號召 各鄉鎮 公所 組成 口罩 糾察隊 沒 配戴 都 將 開 罰 3000 元 到 1萬5000 元 開車 兩 人 以 上 也 要 戴 口罩 並 呼籲 口罩 戴 好 戴滿 沒事 也 不 要 出門 躲 好 躲 滿 阻絕 病毒 的 傳播 鏈 彰 化 縣政府 城市 暨 觀光 發展 處 即日 也 到 八卦山 大佛 風景區 全區 清潔 消毒 除 加強 區內 熱門 景點 之 清潔 防疫 工作 外 並於 防疫期間 組成 口罩 糾察隊 派員 勸導 民眾 應 全程 配戴 口罩 以 降低 染疫 風險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自 美 返台 的 10 多 歲 少年 遭 彰 化 縣 衛生局 檢驗 出新冠 病毒 陽性反應 中央 疫情 指揮中心 指揮官 陳時中 得知 後 下令 政風 處 調查 引發 軒然大波 對 此前 疾 管局 副 局長 施文 儀 則 表示 啼笑皆非 施文 儀 在 臉書 po 文 采 檢 條件 非 天條 他 舉出 病情 初始 階段 北部 南部 某 醫學 中心 都有 確診 案例 但 若 依照 當時 的 通報 定義 都 無法 采 檢 是因為 醫師 高度 懷疑 而 這 兩 家 醫院 又 都 是 pcr 檢驗 認可 醫院 因此 自行 做 了 采 撿 最終 驗 出 陽性 更 因而 發現 院內 感染 施文 儀錶 示 這 就 是 通報 采 檢 條件 定義 的 精神 條件 定義 是 給 大家 遵守 操作 的 但 允許 有 例外 絕對 不該 是 天條 施文 儀 指出 衛生局長 有所 懷疑 做 了 有所為 的 防疫 作為 這 是 在 協助 防疫 抓 漏 而 不是 逆 時 中 他 表示 地方 單位 應該 先 報告 後 執行 若 事態 緊急 進行 的 同時 也 必須 第一時間 報 備 但 指揮中心 大 動作 要求 政風 調查 讓 人 無法 理解 更 懷疑 防疫 過程 中 中央 地方 究竟 結下 什麼 標 子 施文 儀 嘲諷 陳時中 要求 政風 調查 的 行為 絕非 傳染病 防治法 所 授權 範圍 但 不知 自己 是否 孤陋寡聞 漏看 了 什麼 莫須有 的 天條 他 呼籲 防疫期間 中央 地方 必須 多 溝通 中央 也 必須 更 勤勞 向 在野 的 學者 專家 們 請 益 防疫 至今 尚未 成功 秋冬 仍須努力 采 檢 條件 非 天條 八月 十七 日 彰 化 縣 衛生局 未 依采檢 條件 規定 采 檢 無 症狀 居家 檢疫 者 意外 找到 確診 者 指揮中心 下令 政風 調查 疫情 初始 階段 北部 某 醫學 中心 案 34 及 更 先前 南部 某 醫學 中心 的 病例 若 依照 當時 的 通報 定義 都 是 無法 采 檢 的 但是 由於 醫</t>
  </si>
  <si>
    <t>因應 春節 返鄉 需求 指揮中心 近期 宣佈 於 12 月 14 日 至 2 月 14 日 推動 春節 期間 入境 檢疫 方案 允許 同住者 一起 在 防疫 旅館 集中 檢疫所 檢疫 檢疫 天數 都 是 14 天 但 若 家中 環境 許可 最後 4 天 也 可 返家 檢疫 10 4 方案 宣佈 後 不少 民眾 向 旅館 修改 入 住 時間 引發 爭議 對此 指揮官 陳時中 今日 致歉 表示 這 是 不得已 的 需要 讓 更 多 人 返台 相聚 請 大家 多多 包涵 指揮中心 今日 說明 在 12 月 14 日 至 2 月 14 日 期間 將 推動 春節 期間 入境 檢疫 方案 允許 同日 入境 的 家人 同住者 同 住 防疫 旅館 或 集中 檢疫所 但 需 依 民眾 意願 並 配合 房型 單人房 建議 不 超過 2 名 成人 同 住 春節 入境 檢疫 方案 分為 a b 兩 種 其中 a 方案 是 14 天都 入住 防疫 旅館 或 集中 檢疫所 入境 時需依 現行 措施 進行 pcr 檢測 檢疫 期滿 前 第 12 至 14 天 需 接受 pcr 檢測 自主 健康 管理 期間 的 第 6 至 7 天 需 以 家用 快 篩 探 檢 1 次 b 方案 則 是 10 4 方案 前 10 天 需 入住 防疫 旅館 或 集中 檢疫所 後 4 天 可 返家 檢疫 但 後 4 天 需 以 1 人 1 戶 為 原則 不過 若 是 在 防疫 旅館 檢疫所 同住者 返家 的 4 天 則 可 同 住 1 室 另 若 同 戶 家人 都 已 完整 接種 14 天 也 可 1 人 1 室 檢測 措施 方面 b 方案 與 a 方案 略有不同 除 入境 需要 進行 pcr 檢測 外 b 方案 在 檢疫 第 9 10 天 即 返家 檢疫 前 必須 進行 1 次 pcr 檢測 若 檢測 陰性 才能 返家 繼續 檢疫 另 居家 檢疫 期滿 前 1 天 需 進行 pcr 檢測 自主 健康 管理 期間 則 不 需要 快 篩 春節 方案 宣佈 後 導致 民眾 修改 旅館 入住 日期 引發 爭議 陳時中 今 對 民眾 旅館 的 困擾 表達 歉意 他 坦言 這 是 不得已 的 情況 還是 要 讓 更 多 人 返台 相聚 也 請 大家 多多 包涵 配合 另外 防疫期間 因 注射 疫苗 醫護 的 工作 繁重 行政 人員 也 有 額外 工作 大家 都 很 辛苦 我們 也 表達 謝意</t>
  </si>
  <si>
    <t>新冠肺炎 疫情 嚴峻 有感 臺灣 許多 社 福 團體 面臨 募款 不易 資源 捐助 中斷 但 仍 持續 堅守崗位 照顧 弱勢 族群 台新 銀行 公益 慈善 基金會 發起 防疫期間 愛心 不 打烊 活動 展開 對 社 福 團體 的 關懷 不間斷 物資 不停 送 認購 不 缺席</t>
  </si>
  <si>
    <t>新冠肺炎 疫情 嚴峻 有感 臺灣 許多 社 福 團體 面臨 募款 不易 資源 捐助 中斷 但 仍 持續 堅守崗位 照顧 弱勢 族群 台新 銀行 公益 慈善 基金會 發起 防疫期間 愛心 不 打烊 活動 展開 對 社 福 團體 的 關懷 不間斷 物資 不停 送 認購 不 缺席 及 學習 不 中斷 等 行動 台 新 集團 常年 號召 同仁 擔任 愛 心志 工 因應 疫情 問題 台新志 工 近期 雖 無法 實地 探視 社 福 團體 但 不 斷 透過 各種 關懷 方式 瞭解 社 福 團體 目前 概況 台 新 銀行 公益 慈善 基金會 日前 依社福 團體 所 需 除 積極 媒 合 各界 提供 各種 物資 外 亦 發動 台新 員工 參與 各種 關懷 行動 以利 紓 解 社 福 團體 困境 如 提供 抗 疫 物資 抗 菌 皂 兒童 口罩 醫療 口罩 及 額 溫槍 以及 募集 兒童 繪 本 玩具 米糧 及 二手 休 旅 車 等 讓 物資 不停 送 緩解 燃眉之急 有鑒於 許多 社 福 團體 生產 或 製作 的 公益 商品 滯銷 台新志 工 除 內部 定期 發起 團購 外 也 邀請 客戶 及 員工 購買 社 福 團體 種植 的 有機 無毒 蔬菜 及 水果 宅 配到 府 讓 愛心 認購 不 缺席 除 幫助 社 福 團體 及 農民 外 也 能 在家 吃 得 健康 安心 防疫 達到 共 好 的 公益 迴圈 為 避免 群 聚 素有 口碑 的 微光 課程 則 改以 線 上 影音 進行 並 輔 以 天 使團 資源 定期 於台新 銀行 公益 慈善 基金會 的 臉書 粉絲 團 及 youtube 影音 頻道 進行 直播 或 錄 影 播出 首 波 邀集 陳 永泰 公益 信 讬 傳 善 獎 感恩 社會福利 基金會 萬海 航運 社會福利 慈善 基金會 安麗 希望 工廠 慈善 基金會 及 度度 客 區塊 鏈 群眾 募 資 分享 各 輔助 型 機構 對 社 福 團體 征 件 的 重點 之後 也 將 陸續 推出 防疫 心靈 療 育 短片 如 瑜 珈 紓 壓 與 台新 銀行 文化 藝術 基金會 共同 推出 線 上 音樂會 等 主題 讓 社 福 團體 能 持續 進修 精進 學習 不 中斷 而 在 身 心靈 部分 也 能 充分 得到 慰藉</t>
  </si>
  <si>
    <t>橋頭 地 檢 署 日前 接 獲 警方 情 資 指 有 業者 仿冒 知名 口罩 品牌 對外 販賣 口罩 檢 警 循線 到 高雄市 阿蓮 區 與 台南 市 新市區 等 地 搜查 查獲 一 批 口罩 與 標籤 等 證物 檢 方訊 後 向 橋頭 地 院 聲 請 羈押 黃姓 負責人 獲 准 檢 方 9 日 說 目前 是 防疫期間 為 避免 仿冒 口罩 影響 民眾 健康 造成 防疫 破 口 因此 接 獲 情 資 後 高雄 與 台南 檢 警 保二 總隊 衛生局 等 單位 組成 專案小組 全力 偵 辦 專案小組 於 9 月 8 日 搜索 高雄市 阿蓮 區 大 社區 2 處 販 售 據點 後 查出 疑 似 仿冒 口罩 是 由 台南 市 新市區 一家 材料 行 供貨 因此 前往 該處 搜索 在 該 住 倉庫 內 起 出 仿冒 臺灣 制 醫用 口罩 15萬 片 仿冒 口罩 盒 500 盒 以及 標籤 貼紙 2000 張 等 證物 並 通知 黃姓 負責人 到案 說明 專案小組 調查 黃姓 負責人 從 今年 上半年 陸續 從 大陸 與 越南 等 地 取得 非 醫用 口罩 分別 仿冒 知名品牌 的 臺灣 制 醫療 口罩 以及 自行 印製 三 層 防塵 口罩 字樣 裝入 非 臺灣 制 的 一般 非 醫用 口罩 對外 販 售 經 專案小組 初步 清查 仿冒 的 知名 口罩 已經 約 有 200 餘 盒 流入 市面 檢察官 訊問 後 認為 黃姓 負責人 違反 商標法 刑法 詐欺罪 且 有 滅 證 之 虞 因 此 向 法院 聲 請 羈押 禁 見 獲准 檢 警 將 擴大 追查 仿冒 口罩 的 來源 與 流向</t>
  </si>
  <si>
    <t>新冠肺炎 疫情 持續 延 燒 民眾 連 一般 的 口罩 酒精 等 也 難 買到 甚至 還有 價格上漲 等 問題 對此 公平 會 主委 黃美瑛 在 今天 業務 報告 時 表示 從 春節 前 就 派 人 至 各地 通路 訪查 口罩 市況 目前 也 受理 包括 口罩 耳 溫槍 酒精 等 檢舉 案件 依 公平交易 法 如有 查獲 未 更正 最高 可 處 1億 元 罰 鍰 立 法院 經濟委員會 今天 邀請 公平 會 業務 報告 黃美瑛 指出 將 持續 關 壑 新冠 病毒 引發 的 防疫 物資 衛生紙 等 民生 用品 市場 供需 變化 如果 有 業者 趁 防疫期間 聯合 哄抬 口罩 衛生紙 等 將 依 公平交易 法 嚴處 黃美瑛 說 將 透過 防制 人為 操縱 物價 專案小組 及 行政院 穩定物價 小組 掌握 各類 民生 物資 市場動態 如有 價格 異常 情形 將 會 立案 調查 也 發 函 警示 相關 業者 及 公會 不得 有 共同 調 漲 價格 等 違反 公平交易 法 行為 預先 防範 不法</t>
  </si>
  <si>
    <t>社 福 團體 營運 受 疫情 重創 頂新 和 德 文教 基金會 今天 16 日 公佈 最新 調查 逾 8 成 5 的 受訪 社 福 團體 認為 這 波 疫情 造成 的 衝擊 為 17 年 來 最 嚴重 有 7 成 因此 被迫 中斷 或 暫停 服務 逾 半 數 預估 要 一 年 以上 才能 恢復 營運 基金會 特別 以 創辦 人 魏應 充 的 墨寶 及 樂山 教養 院 院 生 畢卡平 的 畫作 樣式 印製 象徵 滿載 愛 與共 好 心願 的 公益 共 好 包 首 波 將 送 500 個 鼓勵 民眾 捐款 給 社 福 團體 疫情 下 國人 先砍 公益 捐款 逾 8 成 5 社 福 團體 表示 慘 過 sars 和 金融 海嘯 根據 網路 媒體 dailyview 網路 溫度計 的 調查 發現 許多 網友 在 疫情 期間 首要 減少 的 項目 就 是 公益 捐款 疫情 期間 一般 民眾 捐款 意願 下降 仰賴 企業 及 民眾 捐款 的 社 福 團體 又 因 避免 群 聚 取消 實體 募款 活動 曝光 宣傳 資源 不足 嚴重 衝擊 今年 善款 收入 頂新 和 德 文教 基金會 本月 進一步針對 今年 紓困 專案 捐助 的 社 福 團體 進行 2020 年 社 福 團體 困境 大調 查 以 深入 瞭 解 他們 在 疫情 期間 面臨 的 困境 結果顯示 8 成 5 的 社 福 團體 認為 與 2003 年 的 sars 2008 年 的 金融 海嘯 期間 所受 的 影響 相比 今年 新冠肺炎 疫情 影響 他們 的 程度 最 大 堪稱 17 年 來 最 嚴重 參與 調查 的 社 福 團體 認為 疫情 下 受到 最 大 的 影響 是 義賣 收入 有 超過 9 成 的 社 福 團體 受到 衝擊 這 段 期間 有 7 成 因為 政府 政策 或 經費不足 被迫 中斷 或 暫停 部分 服務 然而 也 有 超過 3 成 的 社 福 團體 因為 提供 全天 收容 安置 服務 不能 斷 只能 咬緊牙根 勉強 度日 超過 5 成 的 社 福 團體 認為 疫情 造成 的 傷害 需要 1 年 以上 才能 回復 更 有 1 成 5 表示 可能 數 年內 都 無法 修復 避免 群 聚 社 福 團體 人力 更少 照顧 對象 情緒 受 打擊 天主教 白永恩 神父 社會福利 基金會 執行長 宗 景宜說 防疫期間 除了 讓 社 福 團體 減少 收入 外 受限於 不能 群 聚 志 工 沒 辦法 去 幫忙 服務 物件 的 家 人 也 不能 去 探訪 他們 許多 服務 的 老人 身心 障礙者 許久 不見 家人 情緒 受到 打擊 不間斷 服務 除了 需要 錢 也 缺 紙 尿 褲 營養品 等 物資 勵馨 社會福利 事業 基金會 董事長 林靜文 表示 該會 協助 弱勢 婦幼 重建 生活 捐款 比 去年同期 少 3 成 受 贈 物資 也 減少 他們 服務 的 許多 個案 面臨 排 班 減少 或 失業 這 段 期間 光是 經濟 扶助 協助 就業 就 花 掉 562 的 資源 樂山 教養 院 院長 張嘉芳 說 今年 4 月 最慘 每週 都 要 看 錢 夠不夠 有些 照 護 的 孩子 不 明白 為何 不能 回家 情緒反應 大 有 教師 無法 負荷 而 離職 花蓮縣 老人 暨 家庭 關懷 協會 執行長 蔡智全 也 說 他們 的 捐款 比 往年 下降 3 成 善 慧 恩 社會 慈善 基金會 董事長 彭春貴 指出 疫情 之下 他們 每個 月 都 虧 錢 但 感謝 頂新 和 德 文教 基金會 伸出 援手 他們 收到 的 不 只 是 足以 支應 2 個 月 的 薪資 經費 更 是 一 份 溫暖 一 份 愛 讓 他們 給 沒 辦法 選擇 原生 家庭 又 被 學校 排斥 的 青少年 們 一點 愛 一點 信賴 頂新 和 德 文教 基金會 捐助 逾 5000萬 元 推 共 好 包 邀 您 助 社 福 團體 頂新 和 德 文教 基金會 魏應 充 創辦 人 憂心 社 福 團體 長期 支撐 弱勢 者 的 力量 中斷 連月來 已 累積 捐助 逾 5000萬 元 協助 40 多 個 社 福 團體 紓困 統計 逾 10萬 人次 受惠 然而 對 全台 社 福 團體 的 困境 來說 仍 是 杯水車薪 為 帶動 民眾 關心 社 福 團體 困境 並 伸出 援手 頂新 和 德 文教 基金會 今天 也 宣佈 推出 公益 共 好 包 鼓勵 捐款 活動 民眾 透過 基金會 紓困 專區 網頁 連結 至 各個 社 福 團體 的 捐款 頁面 捐款 並 登錄 資料 即有 機會 抽中 公益 共 好 包 單筆 捐款 達 3000 元 不必 抽獎 可 直接 獲 贈 限量 公益 共 好 包 組合 內含 基金會 加碼 回 饋 的 社 福 團體 義賣 產品 頂新 和 德 文教 基金會 副 執行長 蕭巧怡 表示 公益 共 好 包 外 印製 的 圖樣 由 創辦 人 魏應 充 的 墨寶 共 好 二 字 及 唐 氏症 患者 畢卡平 的 畫作 好 朋友 所 組成 象徵 基金會 攜手 民眾 以 愛 邁向 臺灣 共 好 蕭巧怡 表示 創辦 人 魏應 充 習字 39 年 隸書 作品 自成一格 去年 還 曾 與 國寶級 書法 大師 周良敦 同 框 揮毫 魏應 充 先生 一生 行善 卻 飽受 外界 誤解 內心 極 艱 困 的 情況 下 從未 放棄 以 公益 志業 促成 臺灣 共 好 的 心願 這次 使用 的 共 好 字樣 取自 魏 應充 今年 1 月 7 日 所寫 的 書法作品 他 被迫 失去 自由 的 前夕 寫下 以誠待人 以 正 做事 上天 淬鍊 逆 增上 緣 善 愛 為 寶 臺灣 共 好 24 字 表明 心跡 此後 與 外 隔絕 仍 持續 隔 空 送暖 給 社 福 團體 好 朋友 畫作 則 由 樂山 教養 院內 號稱 畢卡平 的 院 生 劉 樂平 與 朋友 小 卿 的 共同 創作 劉 樂平 是 唐 氏症 合併 自 閉 症 患者 平日 很 少跟 外人 說話 魏應 充 過去 從事 公益 曾 兩 度 造訪 樂山 基金會 因此 獲悉 畢卡平 的 故事 與 天分 這次 特別 商請 院方 授權 盼 好 朋友 畫作 與 共 好 二 字 象徵 的 意 涵 讓 滿載 愛 與 願 的 公益 共 好 包 為 社 福 團體 的 寒冬 帶來 暖流 頂新 和 德 文教 基金會 邀請 您 伸出 援手 支持 社 福 團體 一起 成就 公益 共 好 理念 助 他們 度過 疫情 難關 活動 網址 https tinyurl com y 3 o 6 ug 2 n</t>
  </si>
  <si>
    <t>新冠肺炎 疫情 蔓延 台南 市 佳裡 區 21 歲 女子 花 淑珍 不顧 規定 還 在 居家 檢疫 期間 竟 在 16 日 晚 偷 跑 到 新竹 關西 訪友 成為 在 這次 新冠肺炎 防疫期間 第 一個 遭 台 南市 政府 公佈 姓名 協 尋的 民眾 警方 17 日 晚間 查獲 行蹤 連夜 開 警車</t>
  </si>
  <si>
    <t>新冠肺炎 疫情 蔓延 台南 市 佳裡 區 21 歲 女子 花 淑珍 不顧 規定 還 在 居家 檢疫 期間 竟 在 16 日 晚 偷 跑 到 新竹 關西 訪友 成為 在 這次 新冠肺炎 防疫期間 第 一個 遭 台 南市 政府 公佈 姓名 協 尋的 民眾 警方 17 日 晚間 查獲 行蹤 連夜 開 警車 北上 要 將 她 帶回家 花 淑珍 是 臺灣人 母親 是 陸配 花母 離 婚後 帶 著 女兒 住 在 佳裡 區 母女 兩 先前 一同 回大陸 廈門 探親 本月 4 日 返台 依 傳染病 防治法 規定 小 三通 回台 者 需 居家 檢疫 14 天 不得 無故 失 聯 花女依 規定 必須 居家 檢疫 至 19 日 才 解禁 想 不 到 17 日 上午 卻 突然 失蹤 區公所 人員 聯繫 不 上 花女 的 母親 也 不 知 女兒 行蹤 台南 市民 政局 追查 一 天 無果 晚間 決定 公佈 姓名 請 全民 協 尋 並 請 警方 追查 警方 查出 她 16 日 晚間 7 時許搭 計程車 到 台南 市 火車站 再 搭 火車 跑 到 新竹 造訪 男性 友人 警方 17 日 晚 8 時許 派 警員 開 警車 載 著 區公所 人員 連夜 北上 將 她 帶回 防疫 人員 說 花女稱 搭 客運 到 關西 找 朋友 未說明 何時 抵達 及 接觸 哪些 人 據 瞭解 花女 回台 居家 檢疫 之 初 就 曾 出外 購物 讓 防疫 人員 撲空 居家 期間 未 滿又 消失 令 人 頭痛 台南 市 衛生局 將 依 傳染病 防治法 開 罰 最重 可 罰 15萬 元 台南 市 公佈 第 1 個 居家 檢疫 失 聯 者 使 民眾 陷入 恐慌 不少 人 打電話 到 市府 詢問 花女 住處 搭乘 何種 交通 工具 等 問題 台南 市民 政局 強調 現階段 最 重要 的 事 是 把 人 找到 帶 回來 完成 居家 檢疫 期 花女 目前 仍 算是 個 健康 者 不是 病 患 民眾 不要 過度 憂慮</t>
  </si>
  <si>
    <t>在 防疫 關鍵 期間 眾人 疾呼 勿 亂 丟 口罩 之際 屏 東縣 環保局 運用 科技 執法 查獲 首 宗 亂 丟 口罩 及 垃圾 案件 突破 傳統 守株待兔 追查 方式 在 易 棄置 廢棄物 熱點 隱 密 處 廣設 移動 式 監控 系統 於 4 月 7 日 在 佳 冬 查獲 一起 連續 棄置 垃圾 手套 及 口罩 案件 全程 均 被 錄 影 存 證 依 違反 廢棄物 清理 法 重罰 6000 元 以 遏 阻 口罩 垃圾 任意 棄置 亂象 屏 縣 環保 局長 顏幸苑 指出 為 取締 境內 非法 棄置 廢棄物 案件 採用 最新 科技 執法 技術 在 各處 易 成為 非法 棄置 之 熱點 廣設 移動 式 電眼 監控 揪 出 非法 棄置 行為人 設備 在 去年 12 月 上線 啟用 至今 已 查獲 多 起 非法 棄置 案件 所有 棄置 行為 完全 被 電眼 監控 錄下 這次 更 錄下 連續 棄置 垃圾 手套 及 口罩 案件 依法 予以 重罰 顏幸苑 說 使用 過 的 口罩 如 經 任意 丟棄 不僅 影響 市容 觀瞻 也 會 造成 防疫 死角 徒 增 清理 成本 一起 守護 環境 整潔 使用 過 的 口罩 應 丟入 垃圾桶 環保局 除 加強 取締 外 特此 呼籲 全民 監督 歡迎 民眾 檢舉 提供 足 資 辨識 身分 例如 拍 清晰 的 車牌號碼 違規 照片 或 影片 供 裁 罰 一旦 查證 屬實 可 依 廢棄物 清理 法規 定 於 防疫期間 查獲 違規行為 者 最重 可 處 6000 元 罰款</t>
  </si>
  <si>
    <t>國內 新冠肺炎 疫情 擴散 南 投 縣 觀光 處 匯 整 縣 內 各 風景區 休 園 或 暫停營業 情形 也 呼籲 民眾 共 體 時艱 防疫期間 儘量 待在家裡 不要 任意 移動 或 到 前往 公共場所 降低 群 聚 感染 風險 竹 山瑞龍 瀑布 園區 及 竹山 梯子 吊橋 天梯</t>
  </si>
  <si>
    <t>國內 新冠肺炎 疫情 擴散 南 投 縣 觀光 處 匯 整 縣 內 各 風景區 休 園 或 暫停營業 情形 也 呼籲 民眾 共 體 時艱 防疫期間 儘量 待在家裡 不要 任意 移動 或 到 前往 公共場所 降低 群 聚 感染 風險 竹 山瑞龍 瀑布 園區 及 竹山 梯子 吊橋 天梯 即日起 封閉 至 南 投 縣政府 公佈 開放日 清 境 高空 觀 景 步道 雙龍 瀑布 七彩 吊橋 埔裡 鎮 地理 中心 碑 埔裡 鎮 鯉魚潭 都 是 休 園 至 5 月 28 日 九 族 文化 村 泰雅 渡假村 及 杉林溪 森林 生態 渡假 園區 日月 潭 國家 風景區 管理處 所屬 向山 遊客 中心 伊達邵 遊客 中心 埔裡 遊客 中心 車 埕 遊客 中心 向山 日升月恒 藝 廊 參 山 國家 風景區 管理處 松柏 嶺 遊客 中心 關閉 至 5 月 28 日 東勢 林區 管理處 合歡 山 森林 遊樂區 關閉 室內 場 域 住宿 亦 暫停 南 投 林區 管理處 奧 萬 大 國家 森林 遊樂區 暫停營業 九九 峰 森林 步道 封閉 至 5 月 28 日 台 大 實驗林 管理處 溪頭 及 鳳凰 自然 教育 園區 暫停 一般 遊客 入 園 僅 接受 已 預訂 園區 內 住宿 旅客 入 園 未來 將 視 疫情 提早 或 延後 園區 開放 日期 下坪 自然 教育 園區 暫停 所有 遊客 入 園 未來 將 視 疫情 發展 狀況 公告 園區 開放 日期 台大 山地 實驗 農場 梅峰 農場 營 隊 活動 全部 暫停 翠峰 農場 卡爾 小鎮 暫停營業 至 5 月 28 日 中興 大 學林 管理處 惠蓀 林場 因 森林 火災 已 休 園 清 境 農場 清 境 國民 賓館 及 小 瑞士 暫停營業 至 5 月 28 日 國立 自然科學 博物館 車籠埔 斷層 保存 園區 及 鳳凰穀 鳥園 生態 園區 6 月 8 日前 暫停 開放 竹山鎮 公所 竹 山 煙葉 館 7 月 20 日前 暫停營業 竹山 文化 園區 5 月 28 日前 暫停營業 南投市 猴 探井 天空 之 橋 暫停營業 至 5 月 28 日 信義鄉 坪 瀨 琉璃 光 之 橋 休 園 到 5 月 28 日 國立 臺灣 工藝 研究 發展中心 園區 閉館 開館 日 視 疫情 發展 而 定 水裡蛇 窯 暫停營業 至 5 月 28 日 埔裡 元首 館 5 月 28 日前 暫停營業</t>
  </si>
  <si>
    <t>林森北路 錢 櫃 大火 指揮中心 呼籲 防疫期間 少去</t>
  </si>
  <si>
    <t>新冠肺炎 疫情 持續 19 日 傳出 1 名 發燒 的 印尼 失 聯 移 工 在 就診 時 落 跑 雖然 後 遭 警方 逮捕 但 已 引發 社會 虛驚 更 有 人 直指 這些 逾期 失 聯 的 移 工 就是 防疫 的 大破 口 移民署 20 日 推出 擴大 自行 到案 20 鼓勵 外來人口 主動 投案 3 大 優惠 措施 為 不 收容 不 管制 低 罰 鍰 希望 失 聯 在逃 的 移 工 可以 儘快 出面 並 在 專案 安排 下 返回 自己 國家 移民署 副 署長 鍾 景 琨 指出 肺炎 疫情 蔓延 全球 而 國內 第 32 例 失 聯 移 工 確診 後 失 聯 移 工 是否 成為 防疫 缺口 引起 廣泛 討論 為 配合 我國 防疫 政策 移民署 即日起 推動 擴大 自行 到案 專案 專案 實施 期間 為期 3 個 月 自 2019 年 4 月 1 日 起至 6 月 30 日 止 宣導 期間 3 月 20 日 至 3 月 31 日 也 可以 適用 專案 減免 處罰 移民署 指出 3 大 措施 為 不 收容 不 管制 低 罰 鍰 鼓勵 逾期 外來人口 及 失 聯 移 工 主動 投案 由 移民署 協助 他們 儘快 返回 母國 專案 期間 自行 到案 者 除 免予 收容 外 還 免除 禁止入 國 或 不予 許可 期間 處 法定 最低 額度 逾期 罰 鍰 新 台幣 2000 元 而 專案 結束 後 移民署 將 推動 完成 入 出國 及 移民法 修 法 作業 參照 其他 先進 國家 作法 加重 逾期 的 相關 罰 則 此外 俟 疫情 和緩 後 也 會 加強 查緝 力 道 推動 全國 大掃蕩 勤務 移民署 表示 防疫期間 將 加強 外來人口 的 衛教 宣 導 工作 透過 移民 輔導 臨櫃 受理 網路 社 群 等 各種 多元 管道 另 增設 防護 隔離 設備 保護 執勤 同仁 安全 移民署 呼籲 逾期 停 居 留 外來人口 能夠 在 專案 期間 主動 投案 儘早 返家 相關 專案 資訊 可撥打 移民署 0800 024 881 專線 或 勞動部 1955 專線 洽 詢</t>
  </si>
  <si>
    <t>因應 全球 新冠肺炎 疫情 為 協助 社區 做好 防疫 及 維護 管理 台中市政府 特別 針對 防疫期間 社區 防疫 整備 如何 進行 區分 所有權 人 會議 等 議題 製作 好讀 易懂 的 指引 懶 人 包 協助 社區 持續 管理 組織 運作 都發局 指出 依 公寓 大廈 管</t>
  </si>
  <si>
    <t>因應 全球 新冠肺炎 疫情 為 協助 社區 做好 防疫 及 維護 管理 台中市政府 特別 針對 防疫期間 社區 防疫 整備 如何 進行 區分 所有權 人 會議 等 議題 製作 好讀 易懂 的 指引 懶 人 包 協助 社區 持續 管理 組織 運作 都 發 局 指出 依 公寓 大廈 管理條例 規定 各 社區 每年 至少 應 召開 1 次 定期 的 區分 所有權 人 會議 社區 若 因應 疫情 延期 召開 雖 內政 部 函示 得 暫不 處罰 等 疫情 趨 緩 後 仍 應于 本年 底 前 擇期 召開 但 許多 社區 面臨 管委會 任期 將 至 擔心 委員 解任 後 社區 僅 推舉 1 位 召集人 作 管理 負責人 恐 有 事權 集中 與 社區 長久 的 委員會 合意 制度 有所 差距 的 疑慮 都 發 局 表示 為 利 防疫期間 社區 召開 區分 所有權 人 會議 需求 都發局 特別 製作 區權 會 召開 指引 用 4 招 輕鬆 解決 分別 是 區權 會 配合 防疫 變更 開會 進行 方式 工作 與 財務報告 提供 區權 人 書 審 社區 分 棟 分區 分處 報到 以 投票 方式 決議 與 選任 委員 計票 過程 配戴 口罩 手套 會議 結束 須 全面 消毒 逾 管委會 任期 區權 人 可 互推 1 人 為 召集人 再 依 前 3 招 快速 避免 群 聚 討論 的 方式 召開 區權 會議 協助 社區 組織 運作 順暢 住宅 處 強調 針對 防疫期間 社區 維護 管理 措施 有關 管理 服務 人員 社區 住戶 等 不同 物件 市府 也 以 簡單 易懂 的 方式 製作 成 社區 整備 指引 並 提供 社區 自主 檢核 表 訪 客 登記表 檔 供 防疫期間 有 需求 的 社區 管理 運用 懶 人 包 請 上 網站 https thd taichung gov tw 2154346 post 查詢</t>
  </si>
  <si>
    <t>新冠肺炎 疫情 升溫 中央 疫情 指揮中心 1 日 起 建議 民眾 采 安全 社交距離 人 與 人間 隔 1 公尺 但 在 人群 聚集地 仍 有 民眾 未 聽 勸 台南 市長 黃偉哲 昨晚 會 同台 南市 消防 局 通訊 義 消 中隊 在 夜市 等 人群 上空 操作 無人機 吊 掛 大聲 公宣導 防疫 這 也 是 臺灣 首度 有 縣市政府 將 無人機 運用 在 防疫 作為 上 新冠肺炎 疫情 日趨 嚴峻 為 加強 防疫 台南 市長 黃偉哲 今 4 日 率 經發局 環保局 警察局 與 消防 局 等 單位 前往 台南 相當 具 代表性 的 花園 夜市 向 攤 商 及 消費者 宣導 戴 口罩 勤洗手 及 保持 社交距離 等 防疫 觀念 期望 透過 自我 保護 也 保護 他人 的 各項 防疫 作為 將 新冠肺炎 病毒 傳染 的 機 率 降 至 最 低 黃偉哲 市長 現場 透過 無人機 廣播 向 民眾 宣導 保持 社交距離 及 戴 口罩 以 降低 疫病 感染 與 傳播 的 機會 黃偉哲 市長 表示 夜市 菜市場 賣 場 及 觀光 景點 都 是 容易 產生 人潮 聚集 的 熱點 因此 保持 社交距離 有 相當 的 必要性 市府 為 增強 宣導 效能 更 導入 科技 執法 採用 無人機 廣播 擴大 宣傳 效益 未來 對於 公民 營 市場 賣 場 及 交通運輸 場站 都 將 加強 宣導 民眾 戴 口罩 並 提供 酒精 與 強化 環境 消毒 盡全力 降低 疫病 傳染 風險 黃偉哲 市長 進一步 表示 防疫期間 需要 全民 齊心 共度 難關 傳統 市場 與 夜市 人潮 出入 頻繁 防疫 作為 不可 疏忽 目前 市府 因應 疫情 將 原來 傳統 市場 1 個 月 1 次 的 清潔 消毒 工作 提高 次數 為 1 周 1 次 黃偉哲 市長 並 不斷 呼籲 大家 出入 公共場所 務必 戴 口罩 養成 勤洗手 的 好 習慣 並 保持 社交距離</t>
  </si>
  <si>
    <t>新北 市 板橋 區 一 名 新冠肺炎 確診 者 陳小姐 因 共居 的 的 柯基 犬 仔 仔 罹 癌 急需 就醫 但 她 因 被 隔離 無法 帶 愛犬 出門 就醫 致電 新北 市 動 保處 求助 動 保處 隨即 派員 接送 仔仔 就醫 再 將 它 安全 送回 解決目前 居家 隔離 陳 小姐 的 困擾 陳 小姐 向 動 保處 表示 14 歲 的 仔仔 今年 1 月底 突然 罹 患 鼻腔 腫瘤 從 一 開始 口服 止痛藥 至今 需 使用 高 劑量 嗎啡 貼片 才能 止住 疼痛 她 因 居家 隔離 無法 出門 帶 仔仔 去 動物醫院 就醫 心中 非常 著 急 眼看 仔仔 因 疼痛 而 食欲不振 精神 鬱悶 非常 心疼 她 曾 詢問 動物醫院 可否 幫忙 郵寄 嗎啡 貼片 但 由於 嗎啡 是 第二 級 管制 藥品 無法 郵寄 她 因 此 向動保 處 尋求 幫助 動 保處 獲 報 後 隨即 前往 陳小姐 家中 人員 作好 全身 防護 措施 使用 安全 無害 消毒劑 先 將將 仔 仔 進行 全面 皮毛 消毒 再 運送 到 指定 動物醫院 看 診 由 獸醫 師 幫 仔仔 貼 上 嗎啡 貼片 再將 仔仔 安全 送 回家 讓 陳小姐 萬分 感謝 動 保處 表示 疫情 期間 確診 者 被 隔離 寵物 無 親友 代為 照料 如有 安置 或 就醫 需求 可撥打 1999 通報 動 保處 協助 呼籲 在 防疫期間 碰 觸 寵物 前後 仍 需 落實 手部 衛生 避免 有 親密 接觸 攜帶 寵物 外出 返家 也 應 清潔 腳 部 或 洗澡 避免 沾染 病原 帶回家 做好 防疫 措施 共同 保護 家 人 與 毛 寶貝</t>
  </si>
  <si>
    <t>嘉義 縣長 翁章梁 4 日 在 嘉義 縣 社會 局長 蕭英成 陪同 下 前往 嘉 義縣 樸子市 敏 道 家園 瞭解 防疫 情形 翁章梁 指出 在 社 福 機構 安養 中心 服務 的 物件 免疫力 相對 較 弱 相關 防疫 也 更 重要 平日 家屬 或 善心人士 都 會 前來 園內 包含 工作人員 都 會 有 必要 的 進出 因此 防疫 上 需 比 其它 機關 更 慎重 敏 道 家園 收容 人數 為 120 位 多 為 中重度 心智 障礙者 院長 鄒輝堂 說 員工 每天 需 量 體溫 並 戴 口罩 每日 院方 會 使用 漂白 水 進行 環境 消毒 第一 線工作人員 則 是 全面 戴 口罩 並 加強 勤洗手 行政 人員 進入 住宿 區 時 也 一律 戴 口罩 進入 翁章梁 指出 目前 在 防疫期間 入 園 都 需 量 體溫 調查 旅遊 史 探訪 個案 也 只能 在 開放 空間 院方 已 成立 防疫 小組 最壞 狀況 也 有 規 畫 及 演練 整個 防疫 作業 採取 最 高標準 且 停止 參訪 服務 志 工 服務 及 外出 參與 大型活動 等 因應 疫情 社會局 已 請 縣 內 各社 福 機構 每日 回傳 工作人員 及 服務 物件 符合 具 感染 人數 調查表 到 社會局 再 匯 整 送至 疾 管署 通報 系統 此外 針對 機構 防疫 措施 衛生局 會 進行 無 預警 抽查 社會局 表示 嘉義 縣長 青學苑 會 延至 16 日 開課 另外 社區 照顧 關懷 據點 親 子 館 將 加強 防疫 措施</t>
  </si>
  <si>
    <t>3 月 30 日 是 大陸 中小學生 安全 教育 日 大陸 地震局 當天 組織 推出 居家 防疫期間 如何 做好 地震 安全 準備 影片 和 疫情 期間 中小學生 地震 安全 知識 圖解 旨在 抗 疫 期間 共同提高 中小學生 地震 安全意識 和 能力 疫情 期間 中小學</t>
  </si>
  <si>
    <t>3 月 30 日 是 大陸 中小學生 安全 教育 日 大陸 地震局 當天 組織 推出 居家 防疫期間 如何 做好 地震 安全 準備 影片 和 疫情 期間 中小學生 地震 安全 知識 圖解 旨在 抗 疫 期間 共同提高 中小學生 地震 安全意識 和 能力 疫情 期間 中小學生 地震 安全 知識 圖解 圖文並茂 包括 做好 防震 準備 牢記 震 時 避險 原則 掌握 就近 躲避 的 方法 明確 撤離 時 的 要求 熟知 震後 疏散 方法 震後 疏散 應 遵循 的 要求 等 六 方面 內容 希望 中小學生 在 主動 配合 學校 做好 疫情 防控 的 同時 認真 學習 防震 減災 科學知識 提升 防震 減災 意識 和 能力 防震 準備 方面 要 記住 應急 避難 場所 的 標誌 嚴肅 對待 應急 演練 準備 一 包 和 一 卡 等 一 包是 裝有 應急 物品 和 藥物 用品 的 應急 包 一 卡 是 寫有 家庭 住址 父母 姓名 聯繫電話 等 聯絡 小 卡片 震 時 避險 原則 方面 要 根據 震 時 就近 躲避 震後 迅速 疏散 能 跑 則 跑 不能 跑 則 躲 等 有效 地震 避險 方法 按 各自 實際 情況 因地制宜 迅速 做 出 抉擇 同時 要 行動 果斷 不要 猶豫不決 在 學校 上課 和 校園 活動 時 要 聽從 老師 指揮 據 瞭解 自 1996 年 起 大陸 將 每年 3 月份 最後 一 周 的 星期一 設為 全國 中小學生 安全 教育 日</t>
  </si>
  <si>
    <t>內政部長 徐國勇 宣佈 暫時 取消 全國性 酒 測 臺灣 酒 駕 防制 社會 關懷 協會 理事長 陳喬琪 5 日 晚間 表達 嚴正 抗議 指 酒 駕 造成 的 殺傷力 絕對 比 新冠肺炎 病毒 來 的 更 立即 與 危險 一 秒 鐘 就 會要 人命 對於 酒 駕 防制 團體 批評 徐國勇 強調 疫情 嚴峻 防疫 工作 最為 優先 除了 保障 員警 執勤 安全 目前 警政署 如 保 保四 保五 總隊 的 同仁 皆 全力 配合 投入 警力 於 執行 邊境 防疫 居家 隔離 檢疫 訪查 與 協 尋 等 相關 防疫 工作 而 地區性 酒 測 勤務 仍 持續 進行 民眾 勿 以身試法 徐國勇 說 酒 駕 肇事 造成 不少 家庭 破碎 是 民眾 最 痛惡 的 行為 酒 駕 零 容忍 為 防制 酒 駕 防疫期間 員警機關 仍 會 以 嚴格 態度 取締 酒 駕 以 有效 保障 用 路人 的 安全 陳 喬琪 表示 請 內政 部 正視 酒 駕 曾經 造成 的 國人 嚴重 傷亡 與 慘痛 代價 去年 因 酒 駕 造成 1萬1877 人 嚴重 死傷 293 死亡 嚴重 死傷 2014 年高 達 1萬8097 人 死傷 534 死亡 近 幾 年 警方 每年 取締 酒 駕 違規 高達 10萬 件 上 下 好不容易 在 警方 加強 取締 以及 酒 駕 修法嚇 阻 之下 這 6 年 來 酒 駕 傷亡 在 警方 與 國人 共同努力 下 減少 了 近 35 陳 喬琪 強調 酒 駕 悲劇 的 減少 要 感謝 第一線 員警 同仁 辛苦 付出 但 防 酒 駕 沒有 假期 防 酒 駕 絕對 不能 走回頭路 尤其 在 嚴峻 的 疫情 裡 我們 的 員警 同仁 必須 在 獲得 足夠 的 裝備 下 可以 繼續執行 安全 的 酒 駕 監測 任務 協會 並 強烈要求 中央 必須 編 列 警方 執行 酒 測 防疫 設備 與 專屬 預算 不能 因為 酒 測 設備 不足 就 減少 酒 駕 取締 任務 取締 酒 駕 是 保護國 人 更 要 保護 員警 中央 必須 盡 速 提供 充足 與 安全 完善 的 防疫 設備 給 員警 執行 任務 防疫 優先 警員 更 要 完善 的 防護 裝備 人命關天 取締 酒 駕 零 假期 中 時 新聞網 關心 您 飲酒 勿 過量 開車 不 喝酒</t>
  </si>
  <si>
    <t>新竹 縣 27 日 新增 一 名 確診 者 案 15701 為 住 在 竹北市 的 30 多 歲 男性 為 新北 市 確診 個案 15604 的 接觸 者 據 瞭解 為 特殊 交友 圈 傳播 與 確診 者 案 15604 曾 在 臺北市 接觸 新竹縣政府 也 立即 匡列其 室友 4 人 采 檢 目前 均 為 陰性 案 15701 與 4 名 友人 在 竹北市 共同 租 一 棟 透天 厝 居住 並 與 另 名 男 友人 住 同房 其 餘 3 人 則 有 各自 獨立 房間 案 15701 在 18 日 曾 前往 臺北市 與 先前 確診 者 案 15604 在 同 個 地方 用餐 接觸 超過 2 小時 後 得 知 15604 有 相關 症狀 21 日 起 就 在家 自我 隔離 然而 15604 在 22 日 確診 案 15701 隨後 也 接到 居家 隔離 通知 當時 采 檢 為 陰性 25 日 開始 咳嗽 且 症狀 未 改善 26 日 居家 快 篩 為 陽性 因此 通報 衛生局 送醫 再次 pcr 采 檢 後 確診 新竹 縣長 楊文科 時隔 多 日 再度 舉辦 疫情 記者會 直播 他 指出 全案 匡列 4 名 接觸 者 並 采 檢 同房 室友 安排 到 防疫 旅館 居家 隔離 3 人 自主 健康 管理 4 人 采 檢 結果 都 是 陰性 新竹 縣 環保局 也 完成 周邊環境 消毒 楊 文科 表示 桃園 市 26 日 公佈 的 2 確診 個案 為 寶山鄉 某 科技 業 的 外 包 廠商 一共 匡列 145 人 其中 16 人 居家 隔離 40 人 自主 健康 管理 89 人 自主 健康 監測 楊 文科 說 防疫期間 很多 假消息 在 網路 傳播 例如 有人 說 哪裡 可以 打 莫德納 哪裡 還 有 疫苗 他 提醒 民眾 消息 傳播 前 要 先 查證 不要 隨意 分享 散佈 以免 觸 法 最高 可 罰 3 年 有期徒刑 並 科 300萬 元 罰金 楊 文科 也 說 假消息 造成 民眾 的 恐慌 打擊 防疫 人員 士氣 也 由 檢 警 偵 辦 中 提醒 民眾 勿 以身試法</t>
  </si>
  <si>
    <t>因應 新冠肺炎 疫情 各地 景點 實施 人流 管制 太 魯 閣 國家公園 即日起 實施 停車場 減半 管制 措施 有 遊客 繞 了 幾 圈 沒 停車位 就 離開 但 多 表示 配合 不覺 得 不 方便 另 縣府 做出 最新 決定 配合 中央 疫情 指揮中心 規定 花蓮東 大門 夜市 規劃 單一 出入口 一 次 最 多 開放 5000 人 進入 預計 下 周 實施 太 魯閣 國家公園 管理處 副 處長 張登 文說 配合 中央 防疫 措施 今 起 在 遊客 中心 布洛 灣 天 祥 3 個 園區 內 大型 停車場 實施 停車 格 減半 的 管制 措施 停車場 設有 告示牌 與 移動 式 護欄 機車 格 不 管制 行政 中心 遊客 中心 及 各 管理站 也 都 必須 戴 口罩 才能 進入 室內 設置 排隊 標 線 讓 遊客 維持 15 公尺 的 社交距離 太 管處 表示 遊客 中心 原有 小 客車 位 67 格 大客車 19 格 布洛 灣 小 客車 158 格 大客車 30 格 天 祥 則 有 小 客車 59 格 大型 車 19 格 全部 減半 此外 防疫期間 避免 夜市 人潮擁擠 中央 擬 要求 夜市 市場 采 單一 入口 方向 管制 人流 並 依照 空間 計算 合適 流量 花蓮 縣府 觀光 處 工商管理 科長 林政穎 說 東 大門 夜市 面積 換算 安全 人數 最 多 可 容納 7000 人 縣府 將 標準 提高 至 5000 人 林政穎 指出 目前 計畫 各 夜市 單一 出入口 有 管制 人員 駐 點 統計 人數 提醒 遊客 戴 口罩 4 月底 前 也 將 設置 紅外線 熱 顯 像 儀量 測體溫 管制 時間 從 傍晚 5 時至 9 時 30 分 並 視 人潮 狀況 延長 林政穎 說 進 出口處 管制 人員 每 半 小時 至 1 小時 統計 人數 若 超過 限額 就 停止 放行 預計 13 日 會 與 各 夜市 管委會 主委 開會討論 細節 最 快 14 日 起 實施</t>
  </si>
  <si>
    <t>長期 居住 在 香港 的 潘迎紫 分享 在 香港 防疫 近況 過 年前 爆出 新冠肺炎 因 香港 和 大陸 相通 所以 香港 很快 便 開始 有 確診 病例 政府 機構 關門 大家 也 都在家 辦公 她 則 是 在家 忙 股市 操盤 香港 官方 呼籲 民眾 儘量 待 在家 她 形容 自己 宛如 身 在 曾看 過 的 災難 電影 中 所以 她 平常 除了 出去 買 日用品 和 去 媽媽 家 平時 都宅 在 家 防疫期間 她 有 段 驚險 經歷 上周 有 天 早上 醒來 忽然 感覺 喉嚨 又 癢 又 痛 乾咳 胸口 感覺 很 緊 心中 很 驚恐 為了 安全 起見 去 看 了 醫生 還好 是 虛驚一場 現在 她 的 出門 三寶 是 口罩 護目鏡 即 棄 膠 手套 或 酒精 搓 手 液 每週 都會 倒 半 公斤 水 進 廁所 下水道 避免 若 大廈 有 確診 病 患 病毒 會 從 下水道 口 飛上來 提醒 大家 要 保持 好 的 心態 去 面對 疫情 否則 沒 得 新冠肺炎 卻 得了 恐慌 症</t>
  </si>
  <si>
    <t>新冠肺炎 疫情 延 燒 各種 假 訊息 充斥 造成 民眾 恐慌 政府 修法 嚴懲 提高 罰 責 外 各 員警機關 更 全力 查 察 幾乎 天天 有 績效 藉 以 遏止 假 訊息 擴散 阻礙 防疫 工作 警政署長 陳 家 欽 疾呼 司法 機關 應盡 速 偵 處 審結 共同 防堵 假 訊息 警政署 表示 訊息 傳播 不受 時間 與 空間 限制 導致 未經 查證 之 爭議 訊息 日漸 犯 濫 防疫期間 更 可能 造成 治安 事件 發生 警政署 在 1 月底 及 2 月中 旬 兩 度 要求 各 員警機關 嚴密 查 察 違反 傳染病 防治法 第 616263 條 規定 案件 積極 蒐集 具體 事 證 並且 查辦 尤其 為 避免 影響 疫情 控制 及 民眾 恐慌 一旦 查獲 案件 各 員警機關 即時 發佈新聞 澄清 相關 不實 訊息 以免 以訛傳訛 以 降低 擴散 遏制 不法 例如 有 民眾 捏造 某 醫院 因 疫情 封院 還有 湖北 武漢 每家 屋頂 住 蝙蝠 甚至 是 大麻 可 殺死 新冠肺炎 病毒 等 都 迅速 傳喚 涉案人 說明 此外 警政署 也 呼籲 司法 機關 盡 速 偵 結 除 達到 嚇 阻 作用 外 是因為 假 訊息 案件 常 涉及 特別法 如 傳染病 防治法 等 與 社會秩序 維 護法 員警機關 依 特別法 優先 普通法 及 先 刑事 後 行政 刑罰 優先 刑事 先行 原則 會 先 移送 地 檢 署 偵查 若 司法 機關 認定 該案 不 符合 特別法 要件 員警機關 會 在 社會秩序 維護 法 裁處 時效 2 個 月 內 移 請 簡易 庭 裁 罰 同時 為 強化 防疫期間 囤積 哄抬 查處 工作 警政署 提升 防疫期間 偵破 囤積 哄抬 案件 獎勵 額度 激勵 員警 同仁 士氣 並 請 各 員警機關 持續 主動 與 其他 相關 政府 主管機關 包括 公平 會 衛福部 消 保 官 等 機關 保持聯繫 如 遇 具體 個案 盡 速 厘 清 案情 配合 案件 執行 查 察 並 據 以 偵 辦</t>
  </si>
  <si>
    <t>新冠肺炎 疫情 延 燒 大臺北 地區 僅 基隆 市 仍 維持 0 確診 市長 林右昌 25 日 在 市政 會議 宣佈 取消 今年 基隆 市 中小學 聯合 運動會 開 閉幕式 活動 接下來 如 2020 基隆 童話 藝術節 市府 幹部 策勵 營 等 活動 都會 延期 辦理 等到 疫情 和緩 再 舉辦 林右昌 表示 為 減少 群 聚 感染 風險 原訂 3 月 21 日 舉辦 市府 幹部 策勵 營 活動 將 延期 並 等 疫情 和緩 後 再行 辦理 4 月 2 至 5 日 舉行 的 童話 藝術節 活動 將 延期 舉行 至於 基隆 市 中小學 聯合 運動會 取消 開 閉幕 儀式 其 餘 賽事 正常 進行 緊接著 清明 掃墓 祭祖 民政 處 正 研 擬 相關 作法 像是 延長 服務 期間 以 疏散 清明 掃墓 人潮 另 針對 近來 韓國 疫情 大 爆發 基 市府 公務員 含 約 聘 雇 人員 等 適用 公務人員 任 用法 之 員工 24 日 起 禁止 休假 出國 前往 中 港澳 以及 疾 管署 公告 的 1 至 3 級 旅遊 警示 地區 針對 防疫期間 醫療 院所 控管 酒精 酒精 棉片 及 口罩 等 物資 醫護人員 口罩 戴 到 耳朵痛 洗手 洗到 乾燥 脫皮 穿 上 隔離 衣 的 悶熱 缺氧 以及 無法 隨意 喝 水 如 廁 的 辛苦 和 照顧 疑 似 個案 的 壓力 林右昌 也 特別 向 醫護人員 致敬 並 祭出 對策 對於 醫護人員 對 醫療 口罩 的 需求 林右昌 也 指示 即日起 採取 一 次 發放 七 天 共 21 個 的 方式 務必 讓 醫護人員 在 對抗 疫情 時 沒有 後顧之憂 此外 市內 330 名列 管 居家 檢疫 民眾 所 需 口罩 也 要求 一 天一 片 一 周 共 7 片 務必 確實 到位 最 多 可 一 次 發放 14 片</t>
  </si>
  <si>
    <t>擔心 坐 月子 太 貴?為 使 新 產婦 在 防疫期間 享受 五星級 月子 中心 服務 新 寶 產後 護理 之家 督導 長 黃 琦 惠 透露 6 月 30 日前 入駐 試 營運 期間 不 限 房型 入住 天數 全面 58 折 優惠 新 寶 產後 護理 之家 可 遠眺 觀音 山 淡水 河 景觀 采</t>
  </si>
  <si>
    <t>擔心 坐 月子 太 貴?為 使 新 產婦 在 防疫期間 享受 五星級 月子 中心 服務 新 寶 產後 護理 之家 督導 長 黃 琦 惠 透露 6 月 30 日前 入駐 試 營運 期間 不 限 房型 入住 天數 全面 58 折 優惠 新 寶 產後 護理 之家 可 遠眺 觀音 山 淡水 河 景觀 采 歐式 獨棟 建築風格 且 電梯 與 磁 扣 有 樓層 管 控 每 層 不 超過 四 間 月 子房 人員 進出 單純 宛如 在 自己 家裡 保有 隱私 黃琦 惠 強調 新 寶 產後 護理 之家 系 以 豪 宅 建 案 理念 設計 空間 寬廣 的 現代 及 古典風格 月 子房 讓 產婦 和 baby 都 能 有 最好 的 休息 與 照 護 新 寶 產後 護理 之家 有 專業 小兒科 婦產科 內科 複健 科 等 醫療 團隊 進駐 定時 巡診 用心 照 護 每 位 媽媽 及 寶寶 提供 健康 安心 舒適 環境 嬰兒 室 24 小時 空氣淨化 管控 嚴格 的 負 壓 觀察 隔離室 讓 寶寶 在 安全 環境 成長 也 有 專為 寶寶 量 身 設計 的 迷你 游泳池 可 促進 寶寶 感覺 統 合 發展 為 防範 新冠肺炎covid-19 新 寶 產後 護理 之家 24 小時 門 禁 嚴格 管 控 進入 館內 必須 量 額 溫 若 體溫 超過 375 度 或有 出 國史 皆 不得 進入 入 內 手部 須先 消毒 並 換上 消毒 過 後 的 室內拖鞋 及 隔離 衣 公共 區域 每天 中午 與 晚上 定時 紫外線 消毒 配合 衛生局 防疫 措施 防疫期間 陪 宿者 限 一 位 全面禁止 訪 客 探視 新 寶 產後 護理 之家 對 月子 餐 的 設計 主 打 多樣 創意 料理 天天 新鮮 現 煮 菜單 不重 覆 食 材 嚴選 臺灣 在 地 產出 無 重金屬 農藥 雙 主菜 設計 補充 產婦 優質 蛋白質 由 專業 營養師 團隊 調配 新 寶 產後 護理 之家 於 4 月 1 日 開 幕後 廣受准 媽媽 們 的 好評 紛紛 預約 報名 參觀 為了 貴賓 們 的 健康 及 全力 配合 政府 全面 防疫 特 採取 一 次 只 接待 一 組 參觀 貴賓 以防 群 聚 感染 另于 貴賓 參觀 後 消毒</t>
  </si>
  <si>
    <t>新冠肺炎 疫情 延 燒 口罩 供給 成為 防疫 重中之重 口罩 實 名 制 上路 讓 各 大 藥局 忙 翻天 中央 疫情 指揮中心 指揮官 衛福 部長 陳時中 提出 研 擬 請 社 工 支援 口罩 包裝 販 售 人力 對此 時代 力量 立 委 王婉諭 昨 18 日 表示 看到 新聞 嚇了一跳 社 工 不是 志 工 若是 部長 口誤 指揮中心 應 主動 澄清 避免 社 工 困擾 王 婉 諭 說 看到 新聞 內容 表示 由於 目前 各地 藥局 的 口罩 配送 量 將 增加 陳時中 部長 研議 將 請 社 工 支援 包裝 販 售 人力 該 新聞 讓 她 嚇了一跳 因為 原先 工作 負擔 就 相當 繁重 的 社 工 們 真 的 有 能量 去 支援 口罩 實 名 制 的 發放 嗎 王 婉 諭 表示 透過 同仁 致電 衛福部 確認 後 才 確定 這個 新聞 應該 是 陳時中 部長 一時 口誤 將 志 工 誤 稱為 社 工 她 也 提出 兩 個 想法 第一 衛福部 及 指揮中心 應 主動 澄清 避免 造成 社 工 的 困擾 與 恐慌 第二 建議 勞動部 媒 合 失業 勞工 投入 口罩 需求 人力 舒緩 第一線 防疫 人員 的 辛勞 王 婉 諭 也 強調 防疫期間 陳時中 部長 和 相關 的 人員 一定 都 辛苦 了 她 的 發言 並 無 針對 責備 之 意 只 是 希望 善意 提醒 呼籲 相關 單位 應該 儘早 澄清 避免 不 必要 的 誤會 更 多 ctwant 報導</t>
  </si>
  <si>
    <t>新冠肺炎 的 疫情 不斷 升溫 但 網路上 有 不少 謠言 造成 民眾 無謂 的 恐慌 紛紛 跑 至 賣 場 掃 貨 無論是 衛生紙 還是 泡 面 只要 上架 後 就 立刻 被 掃光 對此 有 全 聯 的 工讀生 在 網路上 透露 賣 場 慘 況 直 呼 這 景象 比 中元節 還 誇張 這 名 工讀生 在 dcard 上 發文 表示 自己 是 個 全聯 資深 的 小小 兼職 透過 這 幾 天 的 新聞 大家 應該 都 知道 各 賣 場 的 慘 況 原 po 貼出 一 張圖 可以 看到 光是 紙箱 就 有 4 大 捆 他 就 直言 我們 店 的 紙箱 平常 一 天 是 一 捆 甚至 不 到 一 捆 今天 一 天 就 4 捆 這麼 多 紙箱 這麼 多 貨 真的 比 中 元 誇張 在 防疫期間 雖然 進貨 量變 多 工作量 也 跟 著 變大 但 原 po 也 表示 在 這 防疫期間 辛苦 各行各業 全聯 身為 本土 企業 為 社會 物資 貢獻 小小 力量 而 在 我 個人 心中 能 對 這次 戰 疫 做 小小 小小 貢獻 也 是 十分 榮幸</t>
  </si>
  <si>
    <t>秋 冬 防疫 專案 今 12 月 1 日 起 正式 上路 進入 8 大類 高 感染 傳播 風險 場所 需 強制 戴 口罩 未戴 口罩 經 勸導 不 聽 者 將 開 罰 3千 至 1萬5千 元 此外 防疫期間 違規 亂 丟 口罩 者 第一 次 遭 北市 環保局 查獲 罰 鍰 將 加重 為 3600 元 再犯</t>
  </si>
  <si>
    <t>新型 冠狀 肺炎 疫情 升溫 南 投 縣政府 公告 自助 選 物 販賣機 店 夾 娃娃 機 暫停營業 至 5 月 28 日 仍 有 許多 業者 繼續 插 電 營業 南 投 警 分局 配合 防疫 政策 查獲 7 家 埔裡 警 分局 查獲 1 家 依 傳染病 防治法 移交 主管機關 裁 罰 南 投 警 分局 轄內 共有 自助 選 物 販賣機 店 夾 娃娃 機 105 家 警方 加強 稽查 發現 7 家業 者 仍 照常營業 經 現場 蒐證 拍照 並 聯繫 負責人 後 除 勸導 業者 配合 政策 停業 也 將 移交 主管機關 裁 罰 南 投 警 分局長 鄭 有益 表示 警方 全力 配合 查 察 縣府 公告 禁止 營業 的 場所 同時 呼籲 業者 配合 防疫 政策 切 勿 心存僥倖 也 建議 民眾 於 防疫期間 減少 外出 不要 涉足 公告 8 大類 場 域 若 發現 業者 違規 營業 將 依法 蒐證 後 移交 主管機關 裁 罰 民眾 若 發現 業者 違法 營業 也 可向 員警機關 或 主管機關 檢舉 共同 度過 疫情 難關 埔裡 警 分局 為 防止 業者 暗中 營業 成為 防疫 破 口 要求 各 派出所 利用 巡邏 勤務 密集 清查 相關 暫時 停業 業者 分局 也 成立 聯合 複查 小組 連續 編排 聯合 稽查 勤務 由 分局長 方秋梅 親自 帶隊 針對 轄內 各 類 8 大 場所 及 46 間 娃娃 機 店 查 察 在 埔裡 鎮東 榮 路 查獲 1 家 自助 選 物 販賣機 店 店 內 50 多 台 娃娃 機 仍然 插 電 營業 中 警方 現場 蒐證 拍攝 照片 並 聯繫 負責人 然後 移交 主管機關 裁 罰 方 秋梅 表示 疫情 嚴峻 警方 不容許 業者 有 暗中 經營業 也 呼籲 業者 配合 政府 防疫 措施 勿 心 僥倖 以身試法 違規 未 停業 者 蒐證 後 將 依 傳染病 防治法 移交 主管機關 裁 罰 最高 可 處 30萬 元 罰款</t>
  </si>
  <si>
    <t>新北 市 新 店 警 分局 獲 報 新 店 區 安豐路 某 老 舊 三合院 內藏 有 職業 賭場 警方 跟 監 多時 於今 14 日 淩晨 1 時許 前往 取締 當場 逮捕 61 歲 張姓 負責人 及 44 歲 周姓 發 牌 員 賭客 共 33 人 查獲 抽頭 金 3800 元 賭 資 44萬2600 元 等 證物 警訊 後 依 賭博罪 嫌 將 張嫌 周嫌 移送 法辦 據悉 張嫌 承租 新 店 區 安豐路 某 老 舊 三合院 經營 職業 賭場 以 麻將 作為 賭具 進行 俗稱 推 筒子 的 賭博 方式 新 店 警 分局 於 7 月初 獲 報 連日 蒐證 及 監控 發現 該處 夜間 人員 出入 頻繁 警方 於 13 日 向 臺北地院 聲 請 搜索 票 獲准 今 14 日 淩晨 1 時許由 偵查 隊長 曾柏 仲 率 22 名 帶隊 前往 取締 查獲 張 嫌 周嫌 及 31 名 賭客 現場 查扣 麻將 牌 4 付 骰子 數 顆 籌碼 陣列 監視器 一 組 抽頭 金 3800 元 賭 資 44萬2600 元 等 證物 警方 訊 後 依 賭博罪 嫌 將 張嫌 周嫌 移送 法辦 其 餘 賭客 則 依 違反 社會秩序 維護 法 裁 罰 曾柏仲 表示 新冠肺炎 疫情 趨 緩 防疫期間 無 法律 假期 對於 違法 案件 警方 一定 會 主動 偵 辦</t>
  </si>
  <si>
    <t>造紙 大廠 正隆 1904 因應 新冠 病毒 疫情 持續 延 燒 主要 生產 家庭 用紙 的 竹北 廠 為 照顧 鄰近 居民 需求 宣佈 今 24 日 起 免費 提供 附近 居民 次氯酸鈉 水 鼓勵 居民 做好 環境 消毒 維護 安全 空間 為 疫情 防護 貢獻 心力 正隆 造紙 事業 部副 總 張 清標 表示 防疫期間 的 環境 清潔 相當 重要 為 鼓勵 鄰近 居民 在 經常 接觸 之處 消毒 特別 動員 竹北 廠 內化 研 中心 同仁 參照 衛服部 公告 方式 將 次氯酸鈉 原液 稀釋 100 倍 後 調 製成 消毒 用水 500 ppm 並 自 24 日 起 免費 提供 正隆 表示 民眾 只要 自備 不透光 容器 可 在 每天 上午 9 點 至 下午 4 點 間 在 竹北 廠 區 門口 自行 取用 不過 正龍 也 指出 稀釋 後 的 消毒水 在 24 小時 後 殺菌 效果 將 降低 希望 民眾 不要 囤積 並 盡可能 在 有效 期間 內 使用 完畢 正隆 表示 可 使用 消毒水 對門 把 桌面 電源開關 水龍頭 樓梯扶手 等 經常 接觸 處 進行 消毒 並 印製 說明 卡 呼籲 民眾 勤洗手 並 提醒 使用 消毒水 時 須 注意 避免 接觸 眼睛 皮膚 使用 時需 配戴 口罩 和 手套 並 保持 環境 通風 等 因應 國 高中 及 國小 等 各級 學校 明 25 日 開學 正隆 表示 竹北 廠 將 配合 當地 裡長 持續 提供 免費 消毒水 以 守護 附近 居民 和 學生 學習 環境 與 健康 平安 健康 的 度過 此次 新冠肺炎 疫情 難關 正隆 竹北 廠 成立 於 1973 年 主要 生產 家庭 用紙 及 塗布 卡 紙 包括 春風 情人 雪 柔 蒲公英 品牌 等 衛生紙 面紙 紙巾 產品 集團 規 畫 3 年內 斥資 15億 元 於 該廠 增設 1 座 90 噸 生 質 能 cfb 熱電 系統 以 提升 替代 燃料 率 減少 用煤量 預計 2021 年 第 四季 商轉</t>
  </si>
  <si>
    <t>因應 新冠肺炎 疫情 英國 已經 封城 一個 多 月 這 段 期間 學校 關閉 學生 在 家 自學 英國王室 也 不 例外 喬治 王子 prince george 與 夏綠 蒂 公主 princess charlotte 在家 學習 媽媽 凱特 王妃 爆 料 小 喬治會 對 妹妹 吃醋 因為 夏綠 蒂 的 作業 比較 好玩 英國 每日 郵報 daily mail 報導 凱特 王妃 7 日用 視 訊 方式 接受 英國獨立電視臺 itv 今晨 this morning 節目 專訪 分享 自己 近期 的 新 計畫 以及 防疫期間 家人 的 近況 她 在 節目 中大 爆 料 指出 2 個 孩子 在家 自學 期間 6 歲 的 小 喬治會 嫉妒 5 歲 的 夏綠 蒂 因為 妹妹 的 回家 作業 比較 好玩 喬治會 非常 生氣 因為 他 想要 做 所有 夏綠 蒂 的 作業 蜘蛛 三明治 比 讀 寫 功課 酷 多 了 凱特 也 提到 封城 期間 他們 一家 使用 視 訊 的 機會 比 以前 多 更 多 了 她 透露 現在 幾乎 每天 都會和 家族 成員 視 訊 聊聊 最新 近況 因 此 現在家 人間 比 以前 更 常 聯絡 了</t>
  </si>
  <si>
    <t>為 加強 防疫 減少 感染 機會 東吳大學 從 3 月 17 日 開始 中午 11 點 到 12 點 半 的 用餐 尖峰 時間 暫停 同學 在 兩 校 區 的 學生 餐廳 內 用餐 現場會 有 工讀生 高舉 防疫期間 為 疏散 人流 請 儘量 外帶 的 立 牌 希望 學生 多 在 空氣流通 的 室</t>
  </si>
  <si>
    <t>為 加強 防疫 減少 感染 機會 東吳大學 從 3 月 17 日 開始 中午 11 點 到 12 點 半 的 用餐 尖峰 時間 暫停 同學 在 兩 校 區 的 學生 餐廳 內 用餐 現場會 有 工讀生 高舉 防疫期間 為 疏散 人流 請 儘量 外帶 的 立 牌 希望 學生 多 在 空氣流通 的 室外 用餐 初春 天氣 怡人 也 降低 感染 風險 今年 適逢 東吳大學 建校 120 年 無奈 新冠肺炎 肆虐 為了 降低 群 聚 風險 學校 延後 系列 校慶 活動 3 月 16 日 校慶 當天 則 在 安素堂 舉辦 祈禱 會 出席 的 師長 依 棋盤 間 格 入座 成為 疫情 下 的 另 類 風景 現場 還 送出 蘋 安桔利 祈福 袋 裡面 裝有 蘋果 和 橘子 等 水果 象徵 疫情 早日 平息 全球 平安 吉利 目前 東吳大學 人 在 國外 的 交換 生 約 60 人 在 歐洲 的 交換 學生 已經 全數 聯繫 上 得知 有 7 人 打算 返台 學生 回台 後 將 不 會 直接 進入 校園 按 政府 規定 在家 進行 14 天 的 居家 檢疫 除了 鄰里 長 關懷 之外 東吳大學 的 護理 師 每天 也 將 瞭解 關心 同學 的 體溫 和 身體狀況 教務處 同仁 則 會 協助 註冊 及 選課 工作 待 確認 同學 身體 無 虞 之後 才會 同學 進入 校園</t>
  </si>
  <si>
    <t>新冠肺炎 防疫期間 民眾 減少 出門 改在 線 上 採購 民生 用品 處 方藥 有聲書 或 電影 消費者 對 數位 付款 服務 需求 激增 產業 分析 師 指出 許多 電子 付款 業者 啟動 因應 季節性 線 上 購物 需求 揚升 的 應變計 畫 例如 黑色 星期五 或是 透</t>
  </si>
  <si>
    <t>新冠肺炎 防疫期間 民眾 減少 出門 改在 線 上 採購 民生 用品 處 方藥 有聲書 或 電影 消費者 對 數位 付款 服務 需求 激增 產業 分析 師 指出 許多 電子 付款 業者 啟動 因應 季節性 線 上 購物 需求 揚升 的 應變計 畫 例如 黑色 星期五 或是 透過 雲端 服務 拓增 處理 能力 根據 顧問 公司 麥肯錫 mckinsey 估計 自 2 月底 以來 義 大利 的 電 商 交易 躥 升 81 義 國是 率先 宣佈 封城 防疫 的 國家 之一 全球 越來越 多 國家 和 地區 開始 採行 類似 措施 包括 法國 英國 紐約 和 加州 等 研究 機構 idc 全球 付款 策略 部門 研究 主管 普瑞斯 aaron press 指出 電子 付款 需求 大幅 增加 商家 面臨 付款 處理 需求 暴 增 難題 線 上 付款 業者 paypal 技術 長 席 瓦 南達 sri shivananda 表示 公司 的 平臺 設計 便 是 要 處理 全球 付款 需求 突然 激增 paypal 婉拒 評論 新冠肺炎 對 付款 處理量 的 影響 每當 客戶 利用 轉 帳 卡 或是 信用卡 線上 上 購物 付款 交易 資料 會 先 加密 再 送至 付款 處理 方 後者 依賴 買家 髮卡 銀行 的 資訊 來 查核 額度 若 銀行 批准 交易 付款 處理 方 通知 賣家 的 銀行 扣 款 雖然 整個 付款 流程 僅 費時 兩秒 但 系統 仍 可能 無力 應付 突然 湧 進 的 大量 交易 網 飛 netflix alphabet 旗 下 youtube 和 臉書 皆 宣佈 降低 歐洲 視 訊 串流 畫質 避免 寬 頻 壅 塞</t>
  </si>
  <si>
    <t>檢場 李翊君 愛 女王 敏淳 香奈兒 簽 入 嚴爵 成立 的 鮪 魚 度 影音 推出 首 支 單 曲 和 你 一起 闖蕩 歌壇 目前 她 正 就讀 美國 柏克利 音樂 學院 因 受 新冠肺炎 疫情 影響 導致 學校 停課 她 今天上午 于 ig 報平安 表示 已 安全 返台 接下來 將 進行 14 天 居家 防疫 卻 遭 酸 民 留言 攻擊 她 寫道 終於 平安 回家 開始 我 的 14 天 的 居家 防疫 雖然 不 太 方便 但 相信 都 是 值得 的 希望 大家 都 能夠 平安 疫情 趕快 遠離 有 粉絲 歡迎 她 回來 希望 她 健康 平安 多多 在 網路 分享 音樂創作 不過 也 有 酸 民 攻擊 就 是 有 這種 人 在 防疫期間 硬 要 回台 嫌 臺灣 防疫 破 洞 太 小 嗎 不少 粉絲 看 了 忍不住 幫忙 叫屈 你 管 人家 有 做好 居家 隔離 才 是 最 重要 她 又 不是 出國 玩 回 臺灣 有錯 嗎 難道 她 錯 了 嗎 臺灣 國民 本來 就 有 回台 的 權利 掀起 一 波 網路 論戰 王敏淳 經紀 公司 表示 美國 各地 學校 開課 放假 時間 不 一樣 有的 比較 早 有的 晚 香奈兒 就讀 的 美國 柏克利 音樂 學院 12 日 才 宣佈 這 學期 全面 停課 並 要求 留學生 準備 返家 但 這 段 期間 機票 不好 買 加上 整個 學期 取消 上課 等於 要 搬回 家 5 個 月 時間 短短幾天 內 要 將 所有 行李 整理 好 真的 很 倉促 所有 事情 都 得 同步 處理 而 她 17 日 晚間 離開 波士頓 轉機 到 洛杉磯 再 搭機回 臺灣 到 今天 順利 返台 面對 網友 各種 發言 公司 也 表示 尊重 網友 發言 經紀 公司 指出 這次 疫情 關係 香奈兒 回 美 前 家 人 就 已 備 妥 口罩 幹 洗手 等 消毒 用品 在 美 1 個 月 時間 很 少 出門 大多 在家 自行 烹 煮 避免 和 人群 接觸 但因 疫情 越來越 嚴峻 學校 宣佈 停 課後 依舊 得 持續 課程 因此 全改成 線 上 授課 香奈兒因 課程 安排 有 不少 是 下午 的 課程 對照 臺灣 和 美國 時差 返台 後 仍 得 半夜 3 點 起床 上課 十分 具有 挑戰性</t>
  </si>
  <si>
    <t>新冠肺炎 疫情 導致 延後 開學 造成 學校 契 作 農友 蔬菜 無處 去 新北 市府 啟動 雙 菜 雙 保 政策 協助 契 作 農友 販 售 產銷 履歷 蔬菜 及 有機 蔬菜 不僅 保證 銷售 更 保障 價格 新北 市長 侯友宜 12 日 前往 板橋 慈惠宮 推廣 民眾 團購 時 表示 新北 是 人口眾多 的 直轄市 願意 協助 宜蘭 縣 等 各縣市 消費 相關 農產 大家 齊心協力 一起 度過 這次 新冠肺炎 難關 新北 市農業局 指出 新北 市政府 4 1 安心 蔬菜 計畫 供應 本市 中小學 每週 4 天 產銷 履歷 蔬菜 及 1 天 有機 蔬菜 不過 這次 因為 疫情 延後 開學 農友 已 種 下去 的 菜 不得不 採收 讓 農友 相當 頭大 新北 市農業局 與 新北 果菜 公司 啟動 雙 菜 雙 保 機制 透過 優先 拍賣 保證 銷售 及 保障 價格 產銷 履歷 蔬菜 每公斤 25 元 有機 每公斤 35 元 蔬菜 價格 高歸 農友 不足 則 由 市府 補貼 中間 管 銷 成本 由 新北 果菜 公司 負擔 且 每 3 天 滾 動 檢討 作業 機制 必要 時 提高價格 或 延長 收購 並 透過 預約 交易 尋找 新 買 加 通路 預計 2 周 協助 調配 180 噸 蔬菜 侯友宜 今 下午 到 板橋 慈惠宮 協助 推廣 邀 民眾 一起 來 團購 他 表示 新冠肺炎 期間 大家 要 共 體 時艱 互相 包容 大家 一起 來 照顧 中 南部 農友 感謝 慈惠宮 訂 了 200 箱 也 謝謝 前 議員 歐 金獅 訂 了 200 箱 當地 裡長 也 買 了 20 箱 新北 市 跟 所有 農友 一定 站 在 一起 共同 面對 艱 困 時刻 照顧 農友 也 照顧 外縣市 被 問到 宜 蘭 協調 新北 協助 拍賣 縣 內 過剩 有機 蔬菜 侯友宜 表示 新北 市 是 個 人口眾多 的 直轄市 願意 跟 宜蘭 縣 一起 並肩作戰 照顧 宜蘭 縣 的 農民 協助 拍賣 宜蘭 有機 蔬菜 新北 市農業局 指出 因應 民眾 防疫期間 減少 外 食 增加 在 家 開 夥 新北 小農 也 透過 新北 市農業局 輔導 的 超市 通路 增加 供應量 確保 民眾 可以 吃 的 到 新鮮 蔬菜 欲 團購 有機 小 松菜 及 有機 黑 葉 白菜 即日起 至 19 日 可洽 新北 果菜 運銷 公司 8965 1000 轉 176 黃小姐 或 fb 搜尋 新北 果菜</t>
  </si>
  <si>
    <t>新冠肺炎 疫情 日益加劇 臺灣 確診 病例 數 攀升 且 24 日 已 突破 200 例 大關 晶圓 代 工 龍頭 台 積 電 總裁 魏哲家 近日 向 員工 發出 通告 即日起 到 4 月 12 前 實施 第一 階段 限制 限定 員工 不能 出國 同時 鼓勵 非生產 線 的 員工 在 分組 辦公 營運 模式 下 亦 可以 選擇 在家 上班 估計 台積電 非 生產線 直接 員工 約 3萬 人 台積電 強調 目前 生產線 運作 維持 正常 營運 不受 影響 台 積 電 指出 因 有 一 名 非 生產線 員工 確診 新冠肺炎 所以 內部 決議 啟動 分組 辦公 而 居家 辦公 是 分組 辦公 的 選項 之一 這 是 台積電 成立 33 年 以來 首度 讓 員工 可 選擇 在家 上班 新冠肺炎 去年底 在 中國 大陸 爆發 疫情 後 台積電 就 已 擬定 對應 計畫 而 台積電 先前 因 一 名 員工 確診 新冠肺炎 所以 立即 啟動 分組 辦公 台積電 先前 指出 以 防疫 安全 及 保護 員工 健康 為 首要 考量 在 現有 防疫 相關 規定 外 決議 將 啟動 分組 辦公 營運 模式 臺灣地區 員工 於 參加 會議 訓練 或 身處 公共 區域 期間 一律 全程 配戴 口罩 台 積 電 今年以來 也 已經 管制 員工 出差 限制 供應商 與 客戶 進 出廠 區 由於 新冠肺炎 疫情 在 世界各地 擴散 台積電 除了 進一步 要求 員工 避免 非必要 公務 出差 也 請 員工 這 段 時間 內 暫停 所有 出國 計畫 另外 居家 辦公 適用於 非 生產線 員工 所以 台積電 生產線 會 維持 正常 運作 營運 不受 影響 台 積 電 在 公告 中 指出 因 將 防疫 為 首要 考量 有鑒於 確診 個案 數 持續上升 在 未來 幾 周 的 防疫 關鍵期 除 了 20 日 開始 啟動 人員 分組 辦公 的 營運 模式 外 依 總裁 指示 非生產 直接 相關 人員 即日起 至 4 月 12 日 止 儘量 採取 居家 辦公 居家 辦公 的 人員 由 廠長 處長 以上 的 主管 決定 再者 請 同仁 暫停 所有 出國 計畫 特殊 情況 需 經 單位 最高 功能 組織 主管 核准 以 降低 同仁 感染 新冠肺炎 風險 最後 防疫期間 請 同仁 確實 遵守 政府 及 公司 相關 規定 措施 台 積 電 上周 實施 分組 辦公 後 由於 組織 架構 複雜 且 員工 眾多 有的 組別 被 分配 到 同 大樓 不同 樓層 上班 也 有 分配 到 別的 廠 區 上班 不少 組別 員工 是 全面 或 輪流 改 成 在家 上班</t>
  </si>
  <si>
    <t>新冠肺炎 疫情 嚴峻 許多 人 開始 在 家 自己 煮 但 想 吃 得 健康 關鍵在於 食 材 是否 新鮮 panasonic 電冰箱 的 三大 保鮮 科技 全面 讓 你 的 食 材 即使 在 炎熱 夏天 也 能 保住 一整 周 的 新鮮 美味 panasonic 電冰箱 的 三大 保鮮 科技 第一 是 新鮮 急 凍結 能 配合 平時 保鮮 及 烹 煮 需求 切換 急凍 急 冷 與 冷卻 模式 能 快速 鎖 鮮 料理 省時 又 方便 再者 3 微 凍結 室 在 食 材 表面 形成 冰 膜 維持 鮮 度 與 營養 就算 放 七 天 也 一樣 新鮮 不用 等 解凍 就 能 直接 料理 此外 蔬果 就 放 智慧 保濕 蔬果 室 搭載 自動 控 濕 濾 網 能 自動 調節 濕度 維持 蔬果 最佳 保鮮 狀態 另外 再 搭配 全新 nanoex 健康 科技 全室 迴圈 強效 抑 菌 除 臭 還 有 大容量 設計 及 100 全開 即使 防疫期間 減少 出門 買 菜 一 次 採買 整 周 的 量 也 放得 下 有 了 這 台 電冰箱 食 材 輕鬆 保鮮 吃 得 更 健康</t>
  </si>
  <si>
    <t>因應 新冠肺炎 桃園 市長 鄭文燦 14 日 到 八 德 視察 護理 之家 瞭解 第一 線 工作人員 辛勞 他 也 說 桃園 目前 還有 2萬 多 劑 流感疫苗 鼓勵 符合 公費 物件 施打 共同努力 加強 防疫 工作 鄭文燦 表示 旭 登 護理 之家 環境 良好 提供 長者 舒適 的 照 護 環境 也 早 在 年假 前 就 已經 充 份 準備 防疫 物資 包括 酒精 氧氣瓶 及 口罩 等 相信 可 有效 防止 群 聚 感染 鄭文燦 也 提到 適逢 重要 防疫期間 仍 必須 同步 推動 流感疫苗 接種 日前 桃園 市 採購 的 56萬8500 劑 公費 流感疫苗 已 陸續 施打 完畢 全市 尚存 2萬 餘 劑 鼓勵 65 歲 以上 長者 高風險 慢性病 50 歲 以上 中 壯年 族群 6 個 月 以上 嬰幼兒 等 公費 對象 若 尚未 施打 可 儘快 攜帶 健 保 卡 前往 13 區 衛生所 接種 學校 老師 也 可 請 公假 前往 施打 共同努力 加強 防疫 工作 針對 消費 券 部分 鄭文燦 說 防疫 會議 針對 政府 紓困 對策 包括 觀光旅遊 交通運輸 5 大 內需除了 消費 券 外 政府 可以 聽聽 業者 的 聲音 讓 業者 度過 疫情 14 日 早上 召開 防疫 會議 鄭文燦 也 說 學校 將 在 25 日 開學 額 溫槍 還有 不足 的 部分 除了 向 教育部 申請 外 也 請 衛生局 經發局 負責 調度 讓 學校 在 開學 之前 有 充足 的 額 溫槍 公共 區域 的 消毒水 供應 也 要 足夠 使用 鄭文燦 也 提到 目前 桃園 有 1300 多 位 居家 檢疫 者 防疫 會議 中 他 也 指示 民政局 要 給 負責 的 里幹事 手機 通話 補助 每人 約 在 1000 元 到 1500 元間</t>
  </si>
  <si>
    <t>一 名 住 在 苗栗 地區 的 在家 檢疫 男子 卻 在 檢疫 期間 按 奈 不住 無聊 搭乘 白 牌 計程車 道 鬧區 戰 酒家 苗栗縣 衛生局 開出 首例 裁 罰 這 名 疫 男 30萬 元 據 指出 這 名 趴 趴 走 的 男子 是從 大陸 地區 返國 依 規定 必須 居家 檢疫 14 天 但是 他 去 不安於室 在 本月 14 日 利用 深夜 偷偷 外出 搭乘 無 執業 登記證 的 白 牌 計程車 道 鬧區 酒店 尋 歡 經 衛生 單位 通 報警 局 調閱 監視器 後 確認 這 名 男子 的 確有 外出 行為 衛生局 說 衡量 可能 危害 大眾 安全 程度 予以 裁處 30萬 元 這 也 是 苗栗 地區 在 防疫期間 依 嚴重 特殊 傳染性 肺炎 防治 及 紓困 振興 特別 條例 2 月 25 日 起 生效 後 開 罰 的 首例</t>
  </si>
  <si>
    <t>新冠肺炎 疫情 蔓延 全球 新北 市 中 和 區 瓦 磘 裡長 林 綺 芳 10 日 揪 團 前往 西班牙 葡萄牙 返國 後 還 可 領取 1萬4000 元 防疫 補償 金 引發 喧然 大 波 新北 市民 政局 長 柯慶忠 上午 受訪 表示 該 裡長 預計 今 下午 返國 全團 16 位 入境 後 民政局 會 要求 落實 居家 檢疫 裡長 也 強調 絕對 不 會 領取 補償 金 但 其他 團員 他 無法 代表 回答 柯慶忠 說 昨 已 跟 裡長 聯絡 上 裡長 表達 非常 抱歉 造成 軒然大波 她 說明 因 在 國外 通訊 不便 無法 及時 向 媒體 說明 裡長 的 團 從 10 日 出國 前往 葡萄牙 西班牙 行程 共 10 天 原訂 在 20 日 返國 柯慶忠 說 裡長 行程 從 巴賽 隆 納 里斯本 再 到 馬德里 回國 第一 天 先 到 巴賽 隆 納 里斯本 時 中央 14 日 發佈 三級 警告 時 他們 就 決定 要 提前 回國 透過 旅社 安排 15 日 就 從 布里斯本 回到 杜拜 目前 正 在 泰國 曼谷 轉機 預計 今天 回到 臺灣 柯慶忠 指出 因 裡長 為民選 沒有 服務 時間 地方 制度 法 沒有 上班時間 差 假 也 不 需 報 備 民政局 得知 訊息 後 已 請 公所 全面 調查 目前 新北 市 1032 裡長 都 在 國內 裡 內 近期 無 出國 計畫 昨晚 也 緊急 透過 系統 區公所 向 裡長 轉達 全球 疫情 尚未 趨 緩 各區 應以 最 嚴謹 態度 面對 防疫 工作 防疫期間 非有 必要 不得 出國</t>
  </si>
  <si>
    <t>新冠肺炎 疫情 延 燒 大甲鎮 瀾 宮因 堅持 續 辦 媽祖 繞 境 活動 引發 外界 熱 議 而 國內 其他 大型 宗教團體 如 慈濟 法鼓山 中台 禪寺 及 佛光山 皆 對 疫情 審慎 評估 紛紛 宣佈 取消 近期 的 大型 法會 禪 修 與 營 隊 等 活動 其中 舉辦 超過 20 年 的 佛光山 禪 淨 共 修萬人 活動 更是 首度 改為 線 上 直播 法鼓山 也 表示 防疫期間 不 提供 齋食 為 的 就 是 全力 配合 政府 的 防疫 措施 佛光山 國際 佛 光會 表示 因 新冠肺炎 的 關係 讓 舉辦 超過 20 年 的 禪 淨 共 修 首次 改以 線 上 直播 的 方式 進行 國際 佛 光會 中華 總會 總 會長 趙怡 補充 禪 淨 共 修是 每年 佛光山 的 重要 活動 每場 都 有 破 萬 名 的 信 眾 參加 今年 原定 要 在 北部 的 林口 體育館 中部 的 彰 化 體育館 以及 高雄小 巨蛋 舉行 現在 因 新冠肺炎 疫情 改為 線 上 直播 法 鼓 文化 編輯 總監 果賢 法師 則 認為 現在 必須 配合 政府 政策 以 防疫 作為 第一考量 因此 減少 大型 集會 活動 有 其 必要 法鼓山 也 已 公告 直到 4 月 5 日前 的 大小 活動 包含 禪 修 營 隊 等 課程 都 全數 暫停 但 考量 到 仍 有 菩薩 有 修行 需求 因此 僅 保留 4 月 的 菩薩 禮 佛 活動 但 相關 的 防疫 措施 也 會 確實 完成 至於 因 疫情 受 影響 的 信 眾 可 透過 法鼓山 官方網站 上 的 法 鼓 講堂 繼續 網路 共 修 歡迎 多 加 利用 中台 禪寺 則 是 宣佈 全省 各院 精 舍 及 本 寺 的 所有 共 修 課程 將 全面 暫停 待 疫情 緩和 後 再 考慮 是否 複 辦 並 呼籲 信 眾 進入 中台 禪寺 時 配合 防疫 措施 佩戴 口罩 測量體溫 並用 酒精 消毒 雙 手 慈濟 基金 也 取消 及 延後 3 月份 的 所有 大型 營 隊 活動 其 餘 共 修 一般 會務 及 會議 則 配合 政府 防疫 規定 繼續 辦理</t>
  </si>
  <si>
    <t>受 新冠肺炎 疫情 影響 屏 東 山川 琉璃 吊橋 遊客 數 減少 為了 行銷 推廣 吊橋 美景 並 鼓勵 體驗 原住 民族 文化 與 歷史 屏 東 縣政府 決定 5 月 起至 年底 每週 一 開放 攝影 愛好者 及 結婚 新人 免費入場 拍攝 也 歡迎 民眾 在 防疫期間 到 戶外</t>
  </si>
  <si>
    <t>受 新冠肺炎 疫情 影響 屏 東 山川 琉璃 吊橋 遊客 數 減少 為了 行銷 推廣 吊橋 美景 並 鼓勵 體驗 原住 民族 文化 與 歷史 屏 東 縣政府 決定 5 月 起至 年底 每週 一 開放 攝影 愛好者 及 結婚 新人 免費入場 拍攝 也 歡迎 民眾 在 防疫期間 到 戶外 空曠 處 舒展 身心 山川 琉璃 吊橋 去年 遊客 數 為 21萬3545 人次 不到 開放 之 初 2016 年 69萬5214 人次 的 1 3 今年 新冠肺炎 肆虐 吊橋 雖 位於 戶外 空曠 區 仍 受到 疫情 影響 年初 迄今 遊客 數 僅 5萬9416 人 與 去年同期 相比 約 減少 1 成 5 縣府 交通 旅遊 處長 黃國 維 指出 吊橋 固定 週一 為 休息日 開放 給 攝影 愛好者 及 婚紗 攝影 拍攝 需要 付費 不過 現在 正值 疫情 期間 縣府 決定 5 月 起 免費 開放 攝影 開放 時間 為 每週 一 上午 9 時至 下午 4 時 希望 更 多 人 宣傳 吊橋 之 美 有意者 於 拍攝 日前 3 天 提出 申請 相關 資訊 可 參考 屏 東 縣政府 交通 旅遊 處 官網 縣府 評估 吊橋 最 適宜 的 年 旅遊 人次 為 30 餘 萬 人 既 不 影響 旅遊品 質 又 能 維持 營運 成本 去年 的 旅遊 人次 偏 少 縣府 將 在 水門 轉運站 完工後 提升 接 駁 功能 串聯 屏 北 地區 景點 並 在 吊橋 三 地 門 端 另辟 一 條 坡度 較 緩 的 友善 步道 方便 遊客 進出</t>
  </si>
  <si>
    <t>新冠肺炎 疫情 導致 人心惶惶 但 原本 要 離婚 的 一對 夫妻 卻 因 此 而 挽回 感情 因為 防疫期間 大家 都在忙 著 抗 疫 老太太 決定 不 給 政府 添亂 撤回 離婚 告訴 這 名 7 旬 的 老太太 看到 許多 家庭 因為 感染 新冠肺炎 導致 家庭成員 悲歡 離</t>
  </si>
  <si>
    <t>新冠肺炎 疫情 導致 人心惶惶 但 原本 要 離婚 的 一對 夫妻 卻 因 此 而 挽回 感情 因為 防疫期間 大家 都在忙 著 抗 疫 老太太 決定 不 給 政府 添亂 撤回 離婚 告訴 這 名 7 旬 的 老太太 看到 許多 家庭 因為 感染 新冠肺炎 導致 家庭成員 悲歡離合 於是 她 有感而發 想到 珍惜 團圓 的 意義 所以 選擇 繼續 容忍 丈夫 不 離婚 了 據 陸媒 新 京 報 報導 原告 是 一 名 70 餘 歲 的 老太太 年前 她 起訴 與 老伴 吵架 一輩子 現在 子女 都已 成家 經過 慎重考慮 後 她 決定 要 離婚 並 分割 房產 全案 先 由 調解 委員會 進行 調解 起初 調解 員 與 被告 的 丈夫 籍 雙方 子女 溝通 時 丈夫 並 不 願 離婚 他 承認 2 人 常吵架 但 如今 雙方 年紀 都大 了 也 一起 經歷 過 許多 風雨 所以 不 想 鬧 到 法院 子女 也 表示 父母 在 一起 幾 十 年 了 肯定 是 有 感情 的 也 不 希望 雙方 分開 但 他們 仍 尊重 父母 的 意願 然而 老太太 表示 早 些 年 她 就 想 離婚 但 因為 子女 只好 吞 忍 如今 就是 年紀 大 了 想 任性一 回 老太太 原本 堅定 離婚 的 念頭 但 經由 調解 員 告知 丈夫 和 子女 的 想法 內心 有些 動搖 如今 疫情 嚴重 老太太 決定 不 給 法院 添麻煩 於是委 讬 律師 撤回 離婚 告訴 更 多 ctwant 報導</t>
  </si>
  <si>
    <t>新北 市 新 店 渡 碼頭 去年 受 米 塔臺 風 衝擊 淤積 嚴重 影響 人力 擺渡 營運 水利局 今年 2 月 起 封閉 周圍 浮筒 自行車 牽引 道 進行 渡船 碼頭 周邊 清淤 工程 如今 工程 順利 完工 浮筒 自行車 牽引 道 也 於 11 日 重新 開放 提供 民眾 更 舒適 的 休憩 空間 新 店 渡船 始 於 1881 年間 因 早期 碧潭 吊橋 尚未 興建 是 進入 灣 潭 等 山區 的 交通樞紐 連結 新店溪 兩岸 的 重要 工具 如今 新 店 渡 碼頭 為 新店溪 流域 僅 存 的 人力 擺渡 渡口 更是 全台 唯一 人力 擺渡 深 具 新 店 地方 文化 特色 水利局 表示 市府 2019 年 9 月 興建 完成 全台 唯一 浮筒 自行車 牽引 道 成功 串連 了 青潭 地區 與 碧潭 風景區 的 生活 與 休憩 空間 藉 此 更 延伸 了 碧潭 觀光 動 線 也 成為 新 店 觀光 的 一大 特色 提供 單車 族 一 條 安全 的 行駛路線 米 塔臺 風 去年 侵襲 造成 新 店 渡口 嚴重 淤積 影響 全台 唯一 人力 擺渡 營運 與 浮筒 自行車 牽引 道 使用 水利局 今年 2 月 起 開始 進行 清淤 與 浮筒 牽引 道 檢修 改善 工程 關閉 浮筒 自行車 牽引 道 水利局 表示 如今 清淤 工程 順利 完工 人力 擺渡 已 可 正常 營運 浮筒 自行車 牽引 道 於 昨日 重新 開放 使用 開放 時間 為 上午 6 時至 晚間 10 時 僅 提供 行人 與 自行車 牽引 使用 水利局 強調 重新 開通 後 民眾 又 可 騎 著 自行車 沿途 欣賞 新店溪 風景 來到 浮筒 自行車 牽引 道 感受 不同 的 風景 但 由於 正值 新冠肺炎 防疫期間 呼籲 民眾 注意 自身 健康 防護 保持 戶外 安全 社交距離 佩戴 口罩 勤洗手</t>
  </si>
  <si>
    <t>網路 再 傳 新冠肺炎 相關 疫情 假 訊息 有 網友 在 20 日 下午 於 ptt 版 上 發文 指 親戚 在 竹 市府 上班 下午 停 班 囉 疑 似 有 確診 案例 市府 晚間 發出 新聞稿 澄清 並 無 停 班 情形 也 無 確診 病例 並 再次 呼籲 民眾 勿 傳 假 訊息 以免 觸 法 今天下午 有 網友 在 網路 發文 指 剛剛 同事 的 親戚 在 新竹 市政府 上班 的 說 下午 停 班 囉 疑 似 有 確診 案例 坐等 新聞 中 新竹 市 在 晚間 5 點 20 分 發出 新聞稿 駁斥 市府 表示 因 有 市府 同仁 為 疑似病例 故 先行 啟動 相關 防疫 作為 但 經采檢 後 該員 確認 為 陰性 故 排除 狀況 市府 也 無 停 班之 情形 市府 也 呼籲 社會 大眾 防疫期間 涉及 散佈 有關 傳染病 流行 疫情 之 謠言 或 傳播 不實 的 流行 疫情 消息 足以 生 損害 於 公眾 或 他人 者 將 可 依 傳染病 防治法 第 63 條 規定 最高 可 處 300萬 元 罰金 呼籲 民眾 切 勿 以 身 觸 法</t>
  </si>
  <si>
    <t>9 月 1 日 開學 在即 但 新北 市 昨 爆出 11 例 確診 10 例 是 三峽 群 聚 確診 其中 5 例 是 學生 引發 不少 老師 學生 及 家長 擔憂 新北 市 教育局 表示 10 例 是 家 族群 聚 確診 學生 防疫期間 都 沒去 上課 也 沒到 補習班 所以 原則 上 對 其他 學</t>
  </si>
  <si>
    <t>9 月 1 日 開學 在即 但 新北 市 昨 爆出 11 例 確診 10 例 是 三峽 群 聚 確診 其中 5 例 是 學生 引發 不少 老師 學生 及 家長 擔憂 新北 市 教育局 表示 10 例 是 家 族群 聚 確診 學生 防疫期間 都 沒去 上課 也 沒到 補習班 所以 原則 上 對 其他 學生 及 開學 也 不 會 有 影響 只要 學校 防疫 相關 配套 做好 就 好 教育局長 張明 文說 新北 目前 沒 預估 有 多少 學生會 請 防疫 假 等 9 月 1 日 學生 實際 報到 後 再 去 調查 因 學生 已 3 個 多 月 未 到校 所以 鼓勵 大家 實體 上學 若 學生 與 家長 仍 擔心 也 可 請 防疫 假 新北 市長 侯友宜 昨 說 三峽 家庭 群 聚 研 判為 舊案 幾乎 沒有 傳染 力 但 仍 擴大 匡列采 檢 匡列 接觸 364 人 居家 隔離 60 人 目前 采 驗 均 為 陰性</t>
  </si>
  <si>
    <t>南 投 縣 6 月 9 日 新增 3 例 確診 個案 皆 為 東方 紅案 5450 之 同住者 分別 為 案 12029 男性 88 歲 案 12030 女性 84 歲 及 案 12031 女性 53 歲 由於 3 位 為 5 月 24 日 至 6 月 7 日 居家 隔離 期間 之 第 2 次 核酸 pcr 檢測 確診 固無 公共場所 活動 史 縣府 因 此 11 日 將 再於 草屯 再 辦理 一 場 社區 篩檢 東方紅 采 檢 專案 再 延長 一 周 南 投 縣 衛生局 指出 案 5450 是 上月 5 月 25 日公 佈 確診 他因 5 月 間 8 日 及 12 日前 往 東方紅 消費 後 有 鼻 塞 及 味覺 異常 現像 24 日前 往 醫院 采 檢 確診 後 送往 集中 檢疫所 同 住 的 父母親 及 妻子 即 今日 確診 3 人 匡 列為 居家 隔離 沒 想到 就 在 要 解除 隔離 時 pcr 檢測 確診 另 與 案 5450 密切接觸 同事 2 人 目前 2 采 均 陰性 由於 南 投 9 日新冠肺炎 確診 者 皆 為 東方紅 傳播 鏈 南 投 縣 衛生局長 黃昭郎 表示 東方紅 養生 會館 及 養生 館 核酸 pcr 采 檢 專案 延長 一 周 至 6 月 16 日 止 要求 4 月 至 5 月 曾 前往 東方紅 時尚 會館 養生 館 的 消費者 不要 怕 這 是 專線 縣府 會 為 你 保密 一定 要 勇敢 來 采 檢 上 一 波 僅 有 4 人 來 采 檢 均 為 陰性 相信 還有 繼續 提供 的 必要 所以 繼續 延長 一 周 還有 因 這 三 起 皆 居住 草屯鎮 南 投 衛生局 除 了 6 月 10 日 至 12 日 啟動 竹山鎮 新冠肺炎 社區 篩檢 站 三 場次 外 為 控制 社區 傳播 風險 預定 6 月 11 日 再於 草屯鎮 再 辦理 一 場次 新冠肺炎 社區 篩檢 4 場次 地點 及 時間 如 附表 黃昭郎 最後 強調 端午節 快 到 了 雖然 是 三 天 的 連 假 鄉親 們 或 遠方 的 親戚 儘量 不 要 回來 一些 社 群 網站 也 看到 因為 最近 下雨 了 日月 潭水 位 回升 美麗 風景 吸引 民眾 到 風景區 露營 等等 呼籲 鄉親 及 國內 的 朋友 防疫期間 要 減少 人口 移動 及群 聚 希望 大家 能 克制 自己 盡 自己 一 份 約束 的 能力 才能 安全 度過 這次 疫情</t>
  </si>
  <si>
    <t>新冠肺炎 本土 疫情 延 燒 全國 三級 警戒 自 5 月 19 日 實施 至今 已 逾 1 個 月 中央 宣佈 再 延長 至 7 月 12 日 百工 百業 衝擊 大 專門 照顧 植物人 的 創世 基金會 哀嚎 成為 重災區 因為 植物人 的 所 需 開銷 8 成 來自 各界 捐款 如今 捐款 斷 崖 式 大 減 難以為繼 創世 基金會 嘉義 院 表示 創世 基金會 全台 17 所 安養院 目前 照 護 約 800 位 植物人 每 位 植物人 一個 月 需 4 至 6萬 元 每天 開銷 支出 約 100 多 萬 元 警戒 第一 周 專案 捐款 即 驟降 5 成 發票 抽 痰 管 奶粉 等 捐贈 物資 也 驟 減 創世 嘉義 院 表示 嘉義 院 目前 安養 22 位 植物人 到 宅 服務 100 位元 植物人 及 失 能 臥床 老人 三級 警戒 防疫期間 到 宅 服務 改為 電話 關心 護理人員 也 疫 無 反顧 守候 植物人 創世 咬牙 苦 撐 以往 經常 有人 上門 捐款 現今 幾乎 一個 也 沒有 基金會 也 無法 辦理 活動 募款 收支 捉襟見肘 創世 嘉義 院 表示 基金會 各 服務 據點 陸續 接到 電話 部分 捐助人 表明 將 暫停 定期 定額 捐款 加上 民眾 減少 出門 郵政劃撥 捐款 也 減少 整體 捐款 面臨 斷 崖 式 下滑 逾 3 成 對 服務 經費 約 8 成 仰賴 社會 大眾 小額 捐款 的 創世 而言 影響 甚 钜 創世 嘉義 院 表示 現在 還有 防疫 紀念 t恤 227 件 運動 毛巾 210 條 待 認購 捐助 期盼 各界 展現 同 島 一 命 的 精神 説明 社會底層 弱勢 也 歡迎 每日 10 元 捐贈 1 片 尿布 每月 定期 定額 300 元 詳情 洽 詢 創世 官 網 創世 臉書 或 愛心 專線 05 232 0578 分機 9 撐 舟 小組</t>
  </si>
  <si>
    <t>新冠肺炎 疫情 重創 餐 旅業 台中 多 家 知名 餐廳 推出 便當 外 賣 昔日 單人 消費 800 到 1000 元 才 吃 得 到 的 經典 名菜 濃縮 在 盒飯 中 還 200 元有 找 討論 度 破 表 其中 粵菜 名 店 與 玥 樓 推出 198 元 便當 單日 狂 銷 400 份 以 藝 鴨 三 吃 聞名 的 印 月 創意 東方 宴 也 推出 銷魂 燒 鴨 三 款 180 元 的 餐盒 一 po 上網 即 湧入 50 筆 訂單 五星 飯店 賣 便當 已不 稀奇 最近 吃 客 們 討論 度 最高 的 是 與 玥 樓 三月 推出 的 便當 包括 招牌 三寶 飯 玫瑰 油雞 飯 人氣 燒 鴨 飯 全部 都只 要 198 元 還 滿 3 免費 限 3 公里 內 外 送 滿 10 送 1 盒 油雞 便當 相較 於 昔日 與 玥 樓 1000 元 到 1800 元 的 客 單價 這 平價 便當 讓 人 備感 超 值 曾 創下 單日 狂 銷 400 份 的 紀錄 還有 人 一 周 訂 三 回 吃 不 膩 廣大 迴響 也 讓與 玥 樓 計畫 3 月 28 前進 烏日高 鐵站 設櫃與 玥 樓 表示 所有 便當 菜色 用 的 是 過去 店 內 供應 消費者 的 製作 水準 而 主菜 無論是 油雞 燒 鴨 與 三寶 都 是 店 內 經典 名菜 濃縮 版 這 也 是 為什麼 有 饕 客 一 周 訂 兩三 回 的 原因 另 以 創意 東方 宴 與 藝 鴨 三 吃 吸引 兩岸 饕 客 的 印 月 3 月 17 日 起 推出 銷魂 燒 鴨 神品 豬腳 陳 麻婆 牛肉 三 款 售價 180 元 的 餐盒 以及 清蒸 鮮魚 大蝦 五香 肋排 的 280 元 頂級 頭等艙 海 陸 餐盒 同樣 是 精選 店 內 經典 菜 做 發 想 消息 一 出 一 小時 湧入 50 張 訂單 印 月 成立 14 年 其 藝 鴨 三 吃 一 年 賣 出 上萬 只 烤鴨 但 受 疫情 影響 不得不 效法 同業 做 外 賣 生意 其 盒 餐 無論 論 是 燒 鴨 豬腳 陳 麻婆 牛肉 都 是 店裡 招牌 菜 打 出 180 元 的 價格 也 較 過去 店 內 點 餐 一個 人 至少 800 元 到 1000 元 的 消費 平價 許多 此外 也 推出 外帶 自 取 價 1480 元 一 鴨 二 吃把 店 內 藝 鴨 三 吃 濃縮 為 片 皮鴨 京 醬 炒 鴨 架 或 酸 蘿蔔 鴨 架 湯二 選 一 防疫期間 也 滿足 消費者 在 家 吃 烤鴨 的 口腹之欲</t>
  </si>
  <si>
    <t>因應 新冠肺炎 疫情 內政部長 徐國勇 今天 宣佈 警政署 暫時 取消 全國性 酒 測 但 地區性 酒 測 還是 要 做 台南 市長 黃偉哲 表示 防疫期間 台南 市 警察局 取締 酒 駕 勤務 照常 執行 酒後 駕車 危害 市民 生命 財產 安全 甚 钜 市 警 局 仍 將 持續</t>
  </si>
  <si>
    <t>因應 新冠肺炎 疫情 內政部長 徐國勇 今天 宣佈 警政署 暫時 取消 全國性 酒 測 但 地區性 酒 測 還是 要 做 台南 市長 黃偉哲 表示 防疫期間 台南 市 警察局 取締 酒 駕 勤務 照常 執行 酒後 駕車 危害 市民 生命 財產 安全 甚 钜 市 警 局 仍 將 持續 攔 查 取締 但 防疫期間 為 避免 民眾 及 員警 遭受 感染 風險 暫停 酒精 檢 知 器 使用 台南 市 警 局 指出 台南 市 維持 酒 測 勤務 但 依 內政部警政署 規定 暫停 酒精 檢 知 器 使用 執勤 員警 一律 佩戴 口罩 及 乳膠手套 並 攜帶 隨身 型 幹式 洗手 液 做好 自我 保護措施 另 市 警 局 近期 也 將 配發 護目鏡 供 執勤 員警 防護 使用 此外 同時 要求 員警 於 取締 酒 駕 勤務 應 保持 一定 距離 先 觀察 駕駛人 行為 及 有無 酒 氣 酒 容 對於 疑 似 飲酒者 才 要求 駕駛人 下車 進行 酒精 濃度 檢測 檢測 時 特別 提醒 受測者 對 酒 測器 之 吹 嘴 吹 氣 不要 有 倒吸 行為 使用 後 均 以 消毒 漂白 水 擦拭 儀器 外觀 後 才 提供 下 一 位 駕駛人 使用 確保 民眾 安全 使用 後 之 吹 嘴 也 應用 塑膠袋 包 覆 後 卸 除 妥善處理</t>
  </si>
  <si>
    <t>行政院 進行 疫情 紓困 對 有 國小 以下 孩童 或 國 高中 特教 學生 的 家庭 規 畫 發放 每 名 孩童 1萬 元 家庭 防疫 補貼 教育部 今天 表示 6 月 15 日 起 開始 發放 將 透過 民眾 生活 上 習慣 及 便利 使用 的 全國 繳費 網 或 atm 等 方式 讓 孩童 的 監護人 簡便 快速 的 領取 這項 補貼 根據 統計 可以 領取 家庭 防疫 補貼 的 約 218萬 人 教育部 表示 為 加速 讓 民眾 能夠 立即 領到 這項 補助 同時 避免 在 防疫期間 造成 群 聚 的 情形 目前 規 畫 由 中央 政府 統一 來 作業 將 透過 民眾 生活 上 習慣 及 便利 使用 的 全國 繳費 網 或 atm 等 方式 來 發放 教育部 說 監護人 只要 有 孩童 的 健 保 卡 及 自己 的 提款卡 銀行帳號 可 不 用 出門 透過 全 國 繳費 網 領取 或 到 實體 atm 領取 根據 網路上 流傳 的 行政院 院長 會議 文件 孩童 家庭 防疫 補貼 的 領取 方式 是 一 有 開通 全國 繳費 網帳 號 者 輸入 帳 密 選擇 孩童 家庭 防疫 補貼 輸入 孩童 健 保 卡號 將 孩童 家庭 防疫 補貼 1萬 元 存入 指定 戶頭 監護人 只 要 一 人 領取 另 一 位 就 不能 再 領 二 到 atm 操作 插入 監護人 提款卡 及 輸入 密碼 選擇 孩童 家庭 防疫 補貼 輸入 孩童 健 保 卡號 領 現金 或 存入 戶頭 監護人 只 要 一 人 領取 另 一 位 就 不能 再 領 教育部 說 孩童 家庭 防疫 補貼 是 一 項 全新 的 措施 因 屬 全新 的 方案 且 新增 補貼 物件 人數 眾多 基於 籌 畫 時間 及 分流 需要 之 考量 自 6 月 15 日 起始 啟動 讓 民眾 領取 至於 如有 實體 臨櫃 作業 需要 部分 將 於 疫情 趨 緩 後 提供 相關 細緻 規劃 會 再 整體 公佈</t>
  </si>
  <si>
    <t>新冠肺炎 防疫期間 亞馬遜 的 電 商 雲端 運算 與 視 訊 串流 業務 需求 強勁 該 公司 繼 3 月 宣佈 增聘 10萬 人 後 打算 再 招募 75萬 名 員工 業務 前景 亮 眼 帶動 股價 改寫 新高 紀錄 亞馬遜 股價 繼 13 日 收在 216887 美元 後 14 日 盤中 揚升 至</t>
  </si>
  <si>
    <t>新冠肺炎 防疫期間 亞馬遜 的 電 商 雲端 運算 與 視 訊 串流 業務 需求 強勁 該 公司 繼 3 月 宣佈 增聘 10萬 人 後 打算 再 招募 75萬 名 員工 業務 前景 亮 眼 帶動 股價 改寫 新高 紀錄 亞馬遜 股價 繼 13 日 收在 216887 美元 後 14 日 盤中 揚升 至 221702 美元 升幅 為 222 突破 2 月 19 日 的 收盤 紀錄 217022 美元 過去 三 個 月 來 亞馬遜 股價 勁揚 134 同期 道 瓊 工業 指數 大 跌 195 防疫期間 民眾 被迫 待 在 家中 透過 亞馬遜 配送 生活 必需品 視 訊 串流 成為 宅 在家 的 娛樂 選擇 之一 進而 推 升 亞馬遜 的 雲端 業務 需求 因應 業務量 激增 亞馬遜 在 抗 疫 期間 為 零售 業務 增聘 175萬 名 全職 和 兼職 員工 來 處理 爆 量 的 訂單 該 公司 在 全球 聘 雇 約 80萬 人 upwork 執 長 布朗 hayden brown 指出 新冠肺炎 加速 企業 數位 轉型 零售 雲端 運算 與 視 訊 串流 是 最 有 贏 面 的 市場 在 華爾街 券商 傑富 瑞 jefferies 追蹤 的 電 商業 者 中 亞馬遜 是 唯一 自新冠肺炎 爆發 以來 客戶 支出 增加 的 零售商 相較 之下 ebay chewy 和 etsy 等 零售商 的 客戶 支出 減少 此外 根據 影片 與 電視 串流 搜尋 引擎 服務公司 reelgood 在 3 月 16 日 至 4 月 5 日 之間 的 統計 亞馬遜 視 訊 服務 prime video 在 美國市場 的 受 歡迎 程度 僅次於 串流 龍頭 網 飛 netflix 儘管 亞馬遜 的 業務 深 具 成長 潛能 但 依據 過去 經驗 該 公司 的 成本 仍 可能 輕鬆 超越 營 收 亞馬遜 為 零售 部門 增聘 大量 人手 預料 將 壓縮 獲利 亞馬遜 表示 公司 計畫 將 員工 時薪 調高 2 美元 並 將 加班 的 時薪調 高一 倍 預估 薪資 成本 將 增加 逾 5億 美元 高於 先前 預估 的 35億 美元 亞馬遜 將 於 4 月 23 日 公佈 會計年度 第一 季 1 至 3 月 業績</t>
  </si>
  <si>
    <t>對抗 新冠肺炎 除 勤洗手 外 也 要 注意 眼睛 部位 的 預防 岡山 秀 傳 醫院 近來 接 獲 1 名 女士 使用 幹 洗手 消毒 雙手 後 不慎 揉 了 眼睛 以及 1 名 工人 進入 正 在 整修 的 開刀房 油漆 不慎 誤 按 紫 消 燈 開關 導致 皮膚 發紅 和 眼睛 劇痛 流淚 張 不開 眼睛 眼科 醫師 蘇娟儀 呼籲 出外 須戴 口罩 並 避免 用 手 觸摸 眼 部 以 保健康 莊 女士 12 日 出席 秀 傳 醫院 的 記者會 她 說 平日 在 醫院 擔任 志 工 因為 用 幹 洗手 消毒 雙手 後 不慎 揉 了 眼睛 導致 眼睛 刺 痛 不 舒服 趕緊 沖水 就醫 經 醫師 檢查 發現 患者 的 角膜 輕微 點狀 破 皮 發炎 開立 消炎 藥水 與 人工 淚液 治療 兩 天 後 痊癒 另 一 例 是 1 名 工人 要 進入 正 在 整修 的 開刀房 油漆 不慎 按 了 紫 消 燈 開關 工作 結束 後 他 的 皮膚 發紅 眼睛 劇痛 淚 流 不 止 趕緊 就醫 經 醫師 檢查 他 的 雙 眼角膜 點狀 灼傷 皮膚 也 有 灼傷 情形 醫師 認為 這 是 長 時間 暴露 在 紫外光線 下 造成 眼 部 灼傷 光 害 性 角膜炎 等 有 灼熱 眼睛 劇痛 視力 減退 等 問題 治療 後 恢復正常 岡山 秀 傳 眼科 醫師 蘇娟儀 說 新冠肺炎 疫情 持續 延 燒 在 防疫期間 民眾 要 勤洗手 戴 口罩 就算 眼睛 不 舒服 也 不 要用 手 觸摸 雙眼 避免 感染 新冠肺炎 臺灣 岡山 秀 傳 眼科 口罩 勤洗手</t>
  </si>
  <si>
    <t>國內 疫情 延 燒 不斷 第一線 醫護人員 首當其衝 成為 高風險 族群 像是 日前 台 南安 平 一 名 50 幾 歲 男子 因 桃園 旅遊 史 確診 18 日前 往 牙醫 診所 植牙 時 一口氣 就 傳染 新冠肺炎 給 7 人 男 牙醫師 和 女 護理人員 全 遭 感染 更讓人 訝異 的 是 牙醫師 當下 替 他 診療 時 全副武裝 口罩 手套 護目鏡 一樣 都 沒 少 甚至 還 打過 疫苗 究竟 為何 會 感染 引發 各界 關切 台 南安 平 區 某 牙醫 診所 5 月 24 日 起 休 診 2 周 因 牙醫師 和 女 護理人員 遭 一 名 有 桃園 旅遊 史 的 50 多 歲 男子 傳染 新冠肺炎 據悉 這 位 5 旬 男性 案 號 4926 從 板橋 接觸 案 3033 後 返回 台南 傳給 妻子 4 名 部屬 都 確診 就 連 幫 他 植牙 的 5 旬 牙醫 跟 護士 也 也 中標 1 人 傳 7 人 值得一提的是 案 5308 的 牙醫 2 周前才 打過 az 疫苗 看 診 也 戴 n 95 口罩 穿 防護衣 面罩 手套 等 全副武裝 卻 仍 染疫 讓 診所人員 都 感到 錯愕 案 4926 於 18 日 到 牙醫 診所 植牙 造成 案 5308 的 50 多 歲 男 醫師 及 案 5455 的 40 多 歲 女 護理 師 雙雙 確診 衛生局 匡列 18 到 22 日 曾 到 診所 看 診 的 患者 及 醫護 相關 接觸 者 並 采 檢 22 人 居家 隔離 自我 健康 監測 1 人 衛生局長 許以霖 表示 打 疫苗 可 降低 得到 新冠肺炎 的 機 率 也 能 降低 確診 後 變 重症 的 機 率 不過 即使 做 了 全副武裝 的 防護 在 高風險 的 醫療 行為 中 風險 仍 是 相對 較 高 所以 不斷 呼籲 防疫期間 暫停 非必要 的 醫療 行為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鍾 欣 淩 王彩 樺 小甜甜 蔡燦 得 郭靜 等 不少 藝人 6 日 晚上 都在社 群 平臺 上傳 照片 發文 感謝 黃子佼 請吃 晚餐 原來 他 默默 發起 疫 起 遠 距離 一起 吃 個 飯 請 王彩 樺 小甜甜 鍾 欣 淩 蔡燦 得 蔔學亮 黃韻玲 郭書瑤 郭靜 丁文琪 lulu 李明依 黃豪平 洪詩 宇珊 陳大天 無 尊 等 30 多 位 演藝圈 好友 上 網點 餐 他 全部 付錢 買 單 在 疫情 中 帶 給 好友 及 經營 餐廳 的 朋友 許多 溫暖 至於 花 了 多少 錢 他 笑 說 還 沒 結 帳 因為 太 多 人 了 老闆 一一 親 送來 不及 今天 明天 後天 都 還有 我 自己 會 是 這 一 波 的 最後 一 單 黃子佼 表示 他 訂 的 薺 元 小 館 是 自己 很 常去 吃 的 一家 餐廳 音樂 人 王治平 老師 也 是 股東 之一 因 最近 很 常 接到 常去 的 餐廳 發 訊息 請 老 客人 多 支持 他 於是 順手 滑 了 手機 看有 哪些 最近 有 聯絡 或 很久沒 一起 吃飯 的 朋友 疫情 期間 想 很多 以前 總是 找 一大 堆 理由 這個不吃 那個 不 去 現在 防疫期間 發現 要 一起 吃飯 是 這麼 的 難 所以 來 個 另 類 方式 請 他們 吃 晚餐 大 家用 照片 隔 空 一起 吃飯 期待 以後 真的 能 面對面 吃飯 也 在 非常 時期 幫 年輕人 老闆 增加 一點 業績 不 要 讓 自己 喜歡 的 店 在 疫情 下 成為 遺憾 他 說 請 吃飯 的 過程 中 其實 有 很多 感人 的 互動 自己 也 從中 得到 不少 療 愈 祝福 與 感動 例如 好友 卜學亮 的 女兒 剛好 6 日 生日 本來 就 在 想要 吃 豐盛 一點 剛好 他 有此 念頭 就 等於 順便 幫 他們 準備 了 生日 餐 鍾 欣 淩 原本 就 是 這家 餐廳 常客 她 笑 說 跟 黃子佼 的 愛 店 很 重疊 會 不 會 其實 他 暗 戀 我 很 久 了 王 彩 樺 特別 要 女兒 錄音 謝謝 他 蔡燦 得 也 很 感謝 餐廳 特別 喂 她 準備 素食 至於 小甜甜 則 是 快生了 他 覺得 應該 要 好好 補 一下 亮 嫂 今天 馬上 投桃報李 送 了 他 兩 盒 冷凍 牛 腱 大家 最近 都過 得 很 忐忑 小小 的 動作 散播 一點 溫暖 又 有 彼此 幫助 的 概念 覺得 很 值得 黃子佼 有感 而 發表 示 現在 大家 人心惶惶 藝人 身為 公眾人物 更 應該 努力 成為 穩定 心情 的 力量 就 像 過去 帶 給 大家 歡樂 一樣 應該 努力 用 自己 擅長 的 方式 去 面對 自己 的 群眾 和 粉絲 依然 帶 給 他們 很多 能量 與 祝福 甚至 成為 心情 避風港 讓 大家 放 下 一些 不安</t>
  </si>
  <si>
    <t>因應 新冠肺炎 病毒 可能 存 留 環境 成為 傳染 媒介 新竹 市政府 25 日 成立 防疫 消毒 大隊 配置 6 組 專業 消毒 人力 啟動 公共場所 環境 消毒 計 畫 鎖定 車站 公園 人潮 密集區 的 周邊環境 消毒 預計 2 周 內 完成 137 處 消毒 工作 林智堅 昨天 特別 視察 台鐵 新竹 車站 與 關新 公園 消毒 情形 他 說 正值 全國 全力 防疫期間 公私 部門 要 齊力 合作 對抗 疫情 落實 內部 場所 消毒 工作 同時 呼籲 大型 營業 場所 大眾 運輸業 者 社區 管理 委員會 務必 依 中央 指揮中心 訂 定 嚴重 特殊 傳染性 肺炎 相關 指引 進行 內部 場所 消毒 防止 疫情 擴散 環保局 長 江盛 任 指出 此次 消毒 是 使用 漂 白水 成分 為 次氯酸鈉 稀釋 成 01 濃度 即 1000 ppm 針對 經常 接觸 的 器具 設施 表面 如 火車站 與 客運站 的 乘客 等候 區 椅子 人行 步道 公共廁所 以及 公園 遊樂 設施 休憩 區 等 處 消毒 目前 市府 已對 全市 12 處 公有 市場 環境 消毒 噴灑 作業 3 月 2 日前 完成 第 1 波 消毒 工作 3 月 23 日 至 6 月 30 日 執行 第 2 波 消毒 另 江盛 任也 叮嚀 私 部門 的 營業 場所 則 應 針對 電梯 按鈕 手 扶梯 地面 健身器材 遊樂 設施 桌椅 電話筒 浴 廁 表面 水龍頭 廁所 門把 馬桶 蓋 及 沖水 握 把 定期 清潔 至少 每天 消毒 1 次 假設 顧客 人數 眾多 且 頻繁 出入 可 適度 提高 消毒 頻率</t>
  </si>
  <si>
    <t>新冠肺炎 疫情 攀升 臺灣 昨天 20 日 確診 案例 來到 135 例 死亡 人數 攀升 至 2 人 對此 藝人 隋棠 轉發 犀利 人 妻 改編 版 影片 呼籲 大眾 好好 遵守 防疫 原則 能 一起 挺 過 這 波 疫情 不過 一 句 要 被 我 前夫 氣 屎 了 立刻 引發 網友 議論 隋 棠 轉發 犀利 人 妻 改編 版 影片 只見 影片 她 與 溫升豪 的 對話 被 馬來西亞 配音 並 重新 上 了 字幕 更 搭配 上 最近 新冠肺炎 議題 只 見 她 表示 疫情 持續 攀升 因此 苦勸 溫升豪 在 防疫期間 不要 到處 趴 趴 走 能夠 待 在家 就 待 在家 以免 不 小心 被 感染 不過 溫升豪 仍舊 苦勸 不 聽 還是 執意 要 外出 這 也 讓 隋棠 逗趣 表示 要 被 我 前夫 氣 屎 了 大家 聽話 好 嗎 其實 溫升豪 更 早先 轉發 這 段 影片 並 表示 大家 疫情 期間 請 減少 趴 趴 走 聽 某 嘴 大 富貴 雖然 是 在 呼籲 大家 要 好好 防疫 但 由於 影片 過於 搞 笑 也 讓 網友 留言 全 歪 樓 安 真 你 的 聲音 為什麼 這麼 粗 應該 是 苦口婆心 說 了 很 久 就 知道 安真 看 了 一定 會 氣 屎 可是 瑞凡 你 的 肺 回不去 了</t>
  </si>
  <si>
    <t>新竹 市 27 日 新增 1 例 確診 病例 案 14682 是 30 幾 歲 男性 是 本月 12 日 桃園 確診 的 案 12665 的 兒子 當時 案 14682 是 帶 著 妻子 孩子 1 家 4 口 到 桃園 探視 手術 後 的 祖母 祖母 確診 後 家 住 新竹 市 的 兒子 1 家 4 口 都 被 匡列 隔離 其中 媳婦 與 6 歲 孫子 在 19 日 也 已 確診 入院 治療 兒子 則 在 今天 確診 市長 林智堅 表示 今天 確診 的 男性 是 因 日前 帶 著 太太 孩子 1 家 4 口 到 桃園 探視 剛 出院 的 阿嬤 但 阿嬤 在 本月 12 日 確診 兒子 1 家 4 口 立即 被 隔離 而 媳婦 與 其中 1 孫子 在 19 日 也 確診 當時 爸爸 與 另 1 位 孩子 也 接受 pcr 采 檢 不過 是 陰性 這 兩 天 爸爸 因 出現 症狀 再次 采 檢 才 確診 另 1 位 尚未 確診 的 孩子 也 已 先 安置 到 醫院 隔離 追蹤 林智堅 說 家人 手術 後 前往 探視 是 人之常情 但 在 防疫期間 若 實在 有 必要 探病 應該 減少探病 人數 減少 移動 更 不 可以 聚餐 像是 這個 家庭 一同 去 探視 阿嬤 結果 有 1 人 確診 後 再 造成 家庭 群 聚 新竹 市 截至 目前 有 35 例 確診 病例 其中 因 家 族群 聚 占 676 其中 有 1 案 是 共計 有 7 位 家 人群 聚 另 1 案 有 5 位 家 人群 聚 顯示 家族 間 的 相互 感染 是 很 嚴重 的 民眾 不可 不慎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因應 新冠肺炎 疫情 蔓延 台中市政府 教育局 陸續 接 獲 開課 單位 學生 及 家長 們 的 意見 為 避免 學子 異地 移動 及 群 聚 感染 風險 決定 暫 停 108 學年度 第 2 學期 優 游台 中學 跨 校 選修課 程 教育局 已 匯 整線 上 學習 資源 讓 學生 在 家 自主 學習 防疫期間 學習 不 中斷 教育局長 楊振升 表示 108 學年度 第 2 學期 優 游台 中學 跨 校 選修課 程 由 台中 市 6 個 社教館 院 14 所 大學 及 48 所 高中職 跨 域 跨 校 合作 規劃 88 門 102 堂 假日 課程 創 歷年 新高 原因 應新冠肺炎 疫情 延後 辦理 但 近日 疫情 升溫 決定 暫停 舉辦 另行 評估 開放 時間 楊振升 強調 為 避免 學校 大規模 停課 影響 學生 學習 教育局 已 匯 整線 上 學習 資源 家長 老師 學生 可 利用 線 上 教學資源 中心 自主 學習 讓 學子 們 防疫期間 學習 不 中斷</t>
  </si>
  <si>
    <t>台中 市府 15 日 首度 對 居家 檢疫 卻 擅自 離開 住 居所 的 民眾 開 罰 外 另 針對 一 名 具 居家 檢疫 條件 卻 棲身 布 棚 搭建 的 場所 安排 至 檢疫所 進行 隔離 民政局長 吳 世瑋 指出 市府 接 獲 通知 後 迅速 追蹤 該 名 民眾 居家 檢疫 資料 並 妥 適 安排 隔離 確認 民眾 目前 身體狀況 良好 將 繼續 觀察 嚴格 堅守 疫情 防線 吳 世瑋 表示 該 名 民眾 是 經小 三通 入境 負責 的 區公所 里幹事 昨日 接 獲 通知 迅速 追蹤 此 民眾 居家 檢疫 資料 先以 電話 關懷 得知 民眾 身體狀況 良好 隨後 就 親自 現地 查訪 發現 民眾 居住地 點 為 使 用布 棚 搭建 的 臨時 棲身 住所 里幹事 隨即 通知 民政 系統 轄區 派出所 及 衛生局 並於 當日 由 衛生局 消防 局 警察局 民政局 及 區公所 人員 到場 順利 協助 將 此 民眾 安排 至 檢疫所 進行 隔離 吳 世瑋 強調 民政 系統 嚴格 堅守 社區 感染 這 道 防線 新冠肺炎 防疫期間 台中 市里 幹事 及 裡長 非常 關懷 民眾 居家 檢疫 的 情形 努力 堅守 防疫 預防 任何 防疫 缺口 的 出現 務必 讓 整體 基層 防護 網 更加 完整</t>
  </si>
  <si>
    <t>國內 疫情 居高不下 臺灣科技大學 傳出 1 名 學生 確診 台科大 校長 顏家鈺 發佈 校內 信 向 教職員 生 表達 今 28 日 進行 宿舍 與 校園 徹底 消毒 強調 校方 會 以 最 慎重 的 方式 採取 各式 因應 的 相關 措施 並 進行 校內 疫 調 確定 需 匡列 人員 協助 進行 隔離 顏家鈺 在 信 中 表示 臺灣 已 升級 至 全國 第 三級 防疫 警戒 逾 1 周 確診 個案 遽 增 疫情 仍 嚴峻 校內 有 1 位 學生 已 接 獲 衛生 單位 通報 為 確診 個案 此 學生 雖為 本校 住宿生 但 疫情 發生 期間 大多數 的 時間 都住 在 校外 學校 配合 衛生 單位 進行 校內 疫 調 確定 需 匡列 人員 協助 進行 隔離 顏家鈺 提醒 校內 教職員 生 務必 注意 自身 健康狀況 戴好 口罩 若 有 接觸 到 公共 區域 的 物件 如 電梯 按鈕 門把 等 務必 要 勤洗手 現階段 儘量避免 外出 移動 防疫期間 學校 已經 全面 改 采 線 上 授課 請 老師 同學 們 儘量 不 要來 校園 儘量減少 人 與 人 的 接觸 防堵 疫情 擴散 用 具體 行動 共同 守護 臺灣 顏家鈺 說 由於 疫情 情勢 變化 很快 請 大家 務必 從 官方 管道 和 學校 防疫 相關 公告 瞭解 正確 的 防疫 資訊 與 消息 遵守 各項 防疫 規定 若 有 任何 健康狀況 或 疑問 請 不要緊 張 或 驚慌 和 官方 單位 聯繫 並 遵從 相關 指示 和 後續 安排 顏家鈺 指出 防疫期間 還 請 大家 忍耐 共同 維護 學校 的 安全 透過 每 一 位 的 努力 我們 才能 有 更 安全 的 校園 也 才能 共同 抗 疫 讓 臺灣 更 快 且 安全 度過 此次 疫情 顏家鈺 強調 台科大 會 持續 針對 疫情 有 各項 對應 措施 不論是 遠距教學 居家 辦公 異地 辦公 或是 繼續加強 校園 人流 管制 與 消毒 面對 疫情 若 有 不安 或 恐懼 我們 也 啟動 相關 諮 商 輔導 關懷 機制 請 每 一 位 同學 老師 同仁 們 保持 正向 抗 疫 大家 攜手 努力 期 能 平安 度過</t>
  </si>
  <si>
    <t>台中 34 歲 洪姓 男子 在 防疫期間 化名 kn aug na kina ar ch 在 網路 臉書 平臺 社團 上 po 文 販賣 口罩 圖利 在 收取 買家 訂金 後 卻 遲 不 交貨 經 被害人 向 台中市政府 警察局 第 三 分局 報案 警方 12 小時 內 鎖定 他 並 在 彰 化 找</t>
  </si>
  <si>
    <t>台中 34 歲 洪姓 男子 在 防疫期間 化名 kn aug na kina ar ch 在 網路 臉書 平臺 社團 上 po 文 販賣 口罩 圖利 在 收取 買家 訂金 後 卻 遲 不 交貨 經 被害人 向 台中市政府 警察局 第 三 分局 報案 警方 12 小時 內 鎖定 他 並 在 彰 化 找到 洪男 並 將 他 帶 案 偵 辦 未 料 他 竟 稱 出現 疑 染疫 腹瀉 症狀 檢 警 為 謹慎 起見 立即 送醫 采 驗 並 啟動 隔離 偵 訊 台中 郭姓 民眾 4 月 12 日 向 台中 市 第 三 分局 報案 指稱 于 網路 臉書上 之 台中 拍賣 二手 區 等 社團 上 看到 洪男 以 每 1 盒 50 個 100 元 po 文 販賣 防疫 口罩 遂 與 洪嫌 約定 面交 取 貨 但 洪男 面交 時 收取 被害人 訂金 並 開立 收據 交 被害人 後 就 利用 話 術 拖延 交貨 進而 封鎖 被害人 讓 他 求償 無 門 警方 受理 後 立即 組 專案小組 派員 偵查 蒐集 相關 證據 並 在 檢察官 指揮 下 持 拘票 於 當日 12 日 11 時 40 分 在彰 化 縣 彰化市 長安街 查獲 洪 嫌 到案 並 帶 回 台中 住 居所 扣 得 犯案 用 手機 2 支 收據 本 1 本 台新 台幣 2200 元 等 贓證 物 帶 案 偵 辦 專案小組 調查 洪嫌利 用 此 手法 已於 網路上 詐騙 被害人 20 人 以上 由於 洪嫌 到案 自稱 有 腹瀉 情形 檢 警 為 謹慎 起見 立即 送醫 采 驗 並 啟動 隔離 偵 訊 規定 與 地 檢 署 透過 line 軟 體 同步 遠 端 進行 視 訊 偵 詢 檢察官 在 偵查 庭內 遠 距 與 分局 連線 視 訊 完成 複 訊 程式 並 移 請 法院 聲 請 羈押 獲准 檢 警 偵 辦 與 複 訊 法院 羈押 庭訊 等 全 採取 遠 距 視 訊 方式 完成 法定程式 洪 嫌 自 3 月 1 日 起 利用 臉書 社團 平臺 在 大 台中 市 各 二手 拍賣 社團 po 文 販賣 口罩 行 詐騙 之行 為 被害人 應 為數不少 本案 已 在 檢察官 指揮 下 擴大 清查 請 被害人 勇於 出面 報案 警方 也 藉 此 呼籲 非法 銷售 口罩 是 觸 法 的 行為 口罩 屬於 防疫 物資 嚴禁 囤積 哄抬 價格 銷售 違者 可 處 五 年 以下 有期徒刑 得 並 科 新 台幣 五百萬 元 以下 罰金 民眾 千萬 不要 以身試法</t>
  </si>
  <si>
    <t>壽山 動物園 戶外 又 消毒 防疫期間 出遊 最佳 首選</t>
  </si>
  <si>
    <t>新冠肺炎 疫情 蔓延 國立 政治 大學 傳出 確診 病例 後 各 大專院校 也 人人自危 新北 市 新莊 區 輔仁大學 今 27 宣佈 即日起 師生 入校 需 配戴 識別證 校園 卡 經 體溫 測量 後 才 可以 入校 另 防疫期間 謝絕 校外 人士 入校 洽 公 人員 則 需</t>
  </si>
  <si>
    <t>新冠肺炎 疫情 蔓延 國立 政治 大學 傳出 確診 病例 後 各 大專院校 也 人人自危 新北 市 新莊 區 輔仁大學 今 27 宣佈 即日起 師生 入校 需 配戴 識別證 校園 卡 經 體溫 測量 後 才 可以 入校 另 防疫期間 謝絕 校外 人士 入校 洽 公 人員 則 需 換 證 登記 輔大 表示 試行 期間 若 同學 忘記 帶 證件 會 進行 提醒 勸導 仍 可 入校 之後 視 疫情 狀況 加強 管制 全面實施 時間 則 依 根據 疫情 調整 試行 首日 仍 有 部分 民眾 一早 準備 進校園 運動 但 看 到校 門口 告示 後 都 相當 配合 未 進入 校園 至於 家長 跟 師生 對於 學校 提升 防疫 措施 大多 都 相當 認同 第一 天 狀況 大致 順利</t>
  </si>
  <si>
    <t>今年 剛 入選 交通部觀光局 經典 小鎮 的 台 南市 新化 區 防疫期間 民眾 往 郊外 走 部分 民眾 到 中興大學 新化 林場 園區 外 的 造林區 登山 健 行 常因 迷路 或 體力不支 打電話 請 消防 救護 人員 協助 新化 林場 呼籲 遊客 林場 內 步道 維護 完善</t>
  </si>
  <si>
    <t>防疫期間 大陸 民眾 除了 出門 工作 購買 民生 物資 幾乎 都宅 在家 為 豐富 民眾 精神 生活 紓 解 恐 情緒 大陸 廣播電視總局 日前 啟動 廣播電視 節目 眾志成城 共同 戰 疫 公益 展播 活動 宣佈 即日起 至 8 月底 釋出 經典 詠 流傳</t>
  </si>
  <si>
    <t>防疫期間 大陸 民眾 除了 出門 工作 購買 民生 物資 幾乎 都宅 在家 為 豐富 民眾 精神 生活 紓 解 恐 情緒 大陸 廣播電視總局 日前 啟動 廣播電視 節目 眾志成城 共同 戰 疫 公益 展播 活動 宣佈 即日起 至 8 月底 釋出 經典 詠 流傳 等 180 餘 部 廣播 電視節目 的 版權 無償 在 大陸 各級 廣播 電視臺 播出 中新 網 援引 廣電總局宣傳司 負責人 說法 表示 新冠肺炎 疫情 發生 以來 廣電總局 等 部門 已 組織 捐贈 3 批次 近 1000 小時 的 節目 播出 版權 這次 長達 5 個 月 的 展播 活動 官方 提供 的 作品 包括 文化 節目 故事 裡 的 中國 中國 詩詞 大會 4 思想 的 田野 科技 教育 健康 類節目 則 有 從 地球 出發 智造 將來 養生 堂 師說 等 適合 小朋友 觀看 的 動畫片 則 有 小 涼帽 之 白鷺 歸來 喜 羊羊 與 灰 太 狼 之 深海 歷險 記 豬豬 俠 之 競 球 小 英雄 等 至於 紀錄片 方面 包括 醫 者 脊 梁 回家 過年 2 黃河 流 過 的 村莊 等 還有 以 月 致 心 呦 呦 青蒿 你是 我 的 眼 打工 局長 等 廣播劇</t>
  </si>
  <si>
    <t>因應 新冠肺炎 防疫期間 很多 機關團體 停止 辦 活動 台中 市南區 國光社區 發展 協會 關懷 據點 日前 邀 社區 長輩 在 國光 國小 旁 綠色 隧道 舉行 新春 團拜 活動 更 顯 意義 理事長 陳 雅惠 說 大家 相 揪 沐浴芬 多 精 呼吸 好 空氣 除 避</t>
  </si>
  <si>
    <t>南韓 新 天地 教會 活動 引發 新冠肺炎 疫情 失控 新北 市 24 宗教團體 4 日 聯合 簽 屬 防疫 6 大 共同聲明 強調 支持 市府 防疫 政策 宗教 場 域 清潔 消毒 避免 人潮 群 聚 活動 精簡 宗教 祈福 儀式 做好 自主 健康 管理 回應 宗教 線 上 祈福 等 團結合作 抗 疫 昨 包括 三 重 先 嗇 宮 中國 佛 教會 新北 市 道教 會 等 單位 都 到場 簽 屬 聲明 新北 市長 侯友宜 表示 感謝 新北 市 各 宗教團體 在 疫情 期間 不僅 捐 錢 捐物 資 更 願 簽下 6 大 宣言 新北 市 宗教團體 所有 大型活動 聚會 都 已經 取消 共 餐 共 食 活動 也 都 停辦 侯友宜 表示 在 新冠肺炎 防疫期間 各 宗教團體 更 秉 持 大 愛 捐助 新北 市 防疫 基金 達 436萬5000 元 及 捐贈 防疫 物資 嘉惠 在 地 學校 與 居民 但 若 有 不 適當 的 活動 市府 也 會 嚴格 勸阻 所有 阻礙 防疫 的 行為 都會 採取 動作 民政局 指出 目前 包括 三 重 先 嗇 宮神 農 大帝 繞 境 新北 國際 佛誕節 都 已經 確定 取消 板橋 接 雲寺 也 已 設置 單一 出入口 管制 進出 板橋 福音 堂 要求 所有 教友 戴 口罩 並 暫緩 小組 聚會 主 日 愛 筵 共 食 等 活動 另 三峽 臺北 紫微 天 後宮 暫緩 北 三 媽 繞 境 活動 金山金 包 裡 慈護宮 停辦 二媽 回 娘家 行 腳 活動 土 城承 天 禪寺 取消 朝山 活動 拱北 殿 120 周年 慶 系列 比賽 活動 及 三 重 宏 聖宮 貧戶 救濟 物資 發放 活動 也 延後 靈鷲 山 無 生 道場 則 提供 線 上 同步 直播 共 修 線 上 閉關 佛光山 也 鼓勵 信徒 線 上 修持 中和 福和 宮 推 神 農 大帝 聖誕 線 上 祈福</t>
  </si>
  <si>
    <t>全國 三級 警戒 規定 民眾 外出 須戴 口罩 但 也 因此 讓 許多 戶外工作 的 勞工 吃飯 被 檢舉 一 名 網友 表示 為了 養家糊口 大熱天 戴 口罩 上工 因為 做工 不能 改為 居家 線 上 辦公 現實生活 中 他們 只能 在 塵土飛揚 的 環境 脫 口罩 扒 飯 希望 大家 可以 多 點 包容 貼 文 吸引 13萬 人 朝聖 直 呼 辛苦 了 一 名 男 網友 在 臉書 社團 爆 怨 2 公社 發文 表示 臺灣 疫情 嚴峻 許多 會 產生 群 聚 的 五 人 以上 的 辦公 場所 企業 都 開始 分流 工作 也 有 不少 人 被迫 停業 放 無 薪 假 學生 也 都 改為 居家 線 上 學習 身為 工人 的 他們 當然 也 會 擔心 但 為了 生存 仍 得 工作 因為 不可能 改為 居家 做工 該 網友 在 文中喊 對 我們 是 工人 在 炎熱 天氣 戴 口罩 做工 抱歉 我們 沒有 密閉空間 可以 讓 我們 好好 地 吃 上 一 頓 飯 為了 儘量減少 感染 機 率 匆促 扒 上 幾 口 飯後 趕緊 戴 上 口罩 午睡 除了 午飯時間 須 摘 下 口罩 他們同樣 戴著 口罩 上班 吃飯 喝 水也 都 有 保持 社交距離 該 網友 指出 希望 大家 可以 多 點 包容 友善 的 態度 如果 可以 他們 也 想 找 陰涼 遮蔽 處 舒服 的 桌椅 在 午休 時 間 好 好吃 便當 但 現實狀況 是 他們 只能 席地而坐 用餐 環境 塵土飛揚 便當 裡 的 食物 也許 還 伴 點 泥沙 調味 該 網友 透露 疫情 當前 我們 跟 你們 沒有 不 一樣 配合 中央政府 的 指揮 把 口罩 戴 好 保持 該 有的 社交距離 大家 都 是 為了 生活 打 拼 穿 著 髒 衣服 戴著 醫療 口罩 賺 著 辛苦 的 錢 我 做工 我 祖宗 都 驕傲 敬 做工 的 人 貼 文 吸引 13萬 網友 朝聖 不少 網友 熱烈 討論 什麼 底層 沒 你們 沒有 人 有 房子 住 可以 瞭 解 你 的 心情 希望 疫情 趕快 過去 讓 大家 恢復 平靜 生活 沒有 你們 的 付出 我們 怎麼 會 有 好 的 環境 及 設備 真的 很 辛苦 的 工作 大 太陽 底下 戴 口罩 工作 整天 沒 地方 能 吃 飯 沒 體會 過 真 的 不 知道</t>
  </si>
  <si>
    <t>國內 新冠肺炎 疫情 蔓延 新北 市 警察局 各 分局 配合 區公所 執行 取締 未戴 口罩 依據 新北 市 警察局 統計 至 下午 3 時止 全市 共 取締 37 件 勸導 206 件 民眾 多 為 外出 購物 騎車 等 未 佩戴 口罩 各 分局 依法 通告 衛生局 後續 裁 罰 將 處以 3000 元 至 1萬5000 元 罰 鍰 警方 指出 未 佩戴 口罩 將 通報 衛生局 依 違反 傳染病 防治法 開 罰 3000 元 至 1萬5000 元 罰 鍰 呼籲 民眾 防疫期間 配合 政府 防疫 措施 落實 勤洗手 戴 口罩 並 遵守 社交距離 的 規定 避免 前往 人潮 聚集 密閉空間 及 易 造成 群 聚 感染 的 場所</t>
  </si>
  <si>
    <t>臺灣 疫情 嚴峻 第一線 員 警 協助 防疫 工作 因 工作 需要 經常 面對 不 特定 民眾 危險性 相對 提高 警 友 楊文志 特別 請 廠商 設計 紫外線 消毒 滅菌 門 捐贈 給 文正 派出所 使用 讓 洽 公民 眾 及 員警 進出 派出所 前 先 經過 滅菌 門 一 入門 即 自動 消毒 讓 人民 保母 執勤 及 為民服務 更 安心 員 警 稱之為 神 隊友 的 紫外 燈 消毒 滅菌 門 人員 開門 進 入時 即 啟動 紫外 燈 照射 據說 消毒 3 至 5 秒 能 將 病毒 清除 文 正派 出 所長 李健瑋 說 同仁 全天候 出勤 進進出出 為 加強 防疫 措施 大家 通過 滅菌 門 稍作 停留 照 一下 多 一 份 消毒 防護 有 員警 說 執勤 需 頻繁 進出 醫院 等 公共 場 域 或 密閉空間 很怕 不慎 沾染 病毒 帶回 所 內 也 擔心 洽 公民 眾 會 帶入 病毒 在 所 內 吃飯 也 無法 安心 啟動 消毒 滅菌 門 後 人員 進出 都進行 全身 消毒 較 能 安心 工作 及 保護 家人 文 正 派出所 警 友 站長 楊文志 說 文正 所 位處 市區 員警 業務 繁忙 進出 匆忙 洽 公民 眾 也 多 疫情 期間 一定 要 提升 防疫 措施 購置 紫外 燈 消毒 滅菌 門 讓 忙碌 出勤 的 員警 進入 時 透過 紫外 燈 照 消毒 殺菌 且 空氣 門 的 設計 將 室內 外 空氣 隔絕 做到 人員 分流 有效 降低 染疫 風險 面對 疫情 的 威脅 台中 市 警 第二 分局長 蔡 元戎 呼籲 民眾 應 確實 遵守 防疫 相關 規定 減少 非必要 外出 及 群 聚 活動 保護 自己 也 保護 他人 同時 也 要求 同仁 於 執勤 過程 中 應 隨時 提高 警覺 不容 鬆懈 共同 為 防疫 加油</t>
  </si>
  <si>
    <t>新冠 疫情 延 燒 但 不少 民眾 忍受 不 住 清明連 假 的 誘惑 單日 超過 5萬 人 跑 去 墾 丁爽 玩 恐 成 防疫 破 口 也 讓 政府 緊急 發佈 國家級 警報 呼籲 勿 前往 墾 丁 對此 林口長 庚 兒科 急診 醫師 吳昌騰 就 指出 若 爆發 第 3 波 疫情 潮 最 該 注意 的 就 是 無 症狀 患者 的 傳染 力 吳 昌騰 在 臉書 po 文 指出 新冠 病毒 就是 叫 社交 病毒 只要 接觸 確診 者 短短 幾 分鐘 近 距離 接觸 就 可能 染病 他 呼籲 千萬別 跟 自己 賭 運氣 與 陌生人 近 距離 接觸 他 指出 大家 都 很 擔心 清明連 假 過後 若 知名 景點 飯店 出現 人潮 又 沒 保持 好 社交距離 也 沒 戴好 口罩 就 會 出現 感染 案例 而 若 發生 這 第 3 波 感染 最 要 注意 的 就 是 隱性 感染者 無 症狀 患者 的 傳染 力 文末 他 也 呼籲 這 段 期間 別 去 密閉空間 因為 極 有 可能 增加 感染 機會</t>
  </si>
  <si>
    <t>隨 著 口罩 解禁 可 自由 買賣 而 疫情 指揮中心 也 宣佈 6 月 7 日 起 大幅 解禁 防疫 措施 進行 人流 與 活動 的 放寬 屆時 由於 已 歷經 四 波 的 潛伏期 國內 本土 都 沒有 新增 病例 加上 之前 有驚無險 的 舞廳 閉店 酒店 大 停業 外籍 提琴家 表演 長 照 護理 師 確診 軍艦 艦 內 感染 等 案 臺灣 都 相安無事 顯見 只要 守 好 境外 馬其諾 防線 國內 社區 傳染 機 率 趨 近於零 國人 可以 適時 摘 下 口罩 展開 防疫 新 生活 但 滿城 盡是 口罩 一 族 的 現象 可能 要 適時 調整 戴 口罩 時機 以 符所 需 根據 5 月 分 刺 胳 針 the lancet 一 篇 新冠肺炎 大 流行期 合理 使用 口罩 的 文章 指出 各國 對於 要 不 要 戴 口罩 何時 何人 須戴 上 口罩 還有 國風 民情 的 不同 都 有 不同 的 做法 與 規定 文章 末尾 指出 臺灣 很 特別 的 是 預見 口罩 會 短缺 所以 早 有 準備 儲存 了 大量 口罩 鼓吹 大眾 普遍 戴 上 口罩 有 一個 明顯 的 好處是 如果 有 不 舒服 症狀 的 人 可以 自在 地 戴 上 口罩 而 不受 歧視 但 當 社會 都 集體 戴 上 口罩 時 有的 風險 是 忽略 了 洗手 的 重要性 也 有 風險 是 口罩 可能 短缺 那些 最 需要 用 到 口罩 的 前線 醫護 工作者 可能 缺乏 防護 口罩 而 受到 感染 的 高風險 文章 建議 口罩 的 使用 應先 擺在 重點 群體 例如 在 前線 的 醫 事 人員 還有 易受 感染 的 人群 例如 65 歲 以上 的 長者 還有 健康狀況 不 佳 的 人們 因此 隨 著 疫情 的 解封 國內 有 必要 區分 感染 風險 等級 來 配戴 口罩 或 摘 下 口罩 不但 可以 合理 使用 口罩 也 可有 如下 的 優點 首先 人類 是 社交 的 動物 俗語說 知人知面不知心 但 如果 連 臉部 表情 都 不見 了 人們 之間 的 心理 距離 就 更加 隔閡 而 難以 親近 了 在 口罩 底下 人人 變成 日本 卡通 中的 無 臉 男 令 人 感到 冷漠 無情 根本 連 對方 的 喜怒哀樂 都 難以 察覺 很 難 有 進一步 的 互動 遑 論 活絡 社交生活 與 經濟 活動 其次 運動 長 時間 配戴 口罩 容易 導致 如 昏沉 注意力 不 集中 頭暈目眩 睡眠 障礙 記憶力 下降 乃至 於 呼吸困難 缺氧 等 症狀 血 氧量 嚴重不足 者 可能 導致 猝死 第 三 外科 口罩 仍 是 前線 醫護 工作者 與 高風險 族群 的 常備 物品 如果 大眾 都 搶 著 配戴 不但 目前 的 防護 效用 不 高 且 會 排擠 醫 事 人員 的 資源 於事無補 防疫 新 生活 的 開始 雖 還 是 要 配合 疫情 指揮中心 的 各項 指示 在 大眾 運輸 內 密閉空間 醫療 院所 長 照 機構 仍 還要 配戴 口罩 至於 若 到 空曠 處 運動 場合 則 可以 免除 口罩 配戴 大口 呼吸 笑臉迎人 暫時 一 掃 疫情 帶來 的 陰霾 免除 隨同 疫病 而來 的 憂鬱 作者 為 國立臺灣大學 醫學院 名譽教授</t>
  </si>
  <si>
    <t>因應 新冠肺炎 疫情 台中市政府 衛生局 全國 首創 於 官方 臉書 健康 就是 贊 推出 我 的 保健室 曾 醫師 聊聊 日 直播 活動 上 週三 首播 後 獲得 熱烈 迴響 8 日 再 邀請 型 男 歐巴 交通 局長 葉昭甫 分享 不同 運輸工具 防疫 措施 還 順應 粉絲 要求 邊 唱 法文 歌 邊教 洗手 方式 內外 夾 弓 大 立 腕 萌 樣 引發 粉絲 尖叫 葉 昭 甫 說 行人 出門 記得 洗手 戴 口罩 儘量少 到 密閉空間 若 一定 得 去 也 要 戴 口罩 保持 安全 距離 騎 家裡 腳踏車 出 門 的 民眾 應 注意 車輛 及 手部 清潔 台中 ibike 的 網站 手把 座椅 都會 清潔 請 民眾 放心 針對 自行 開車 民眾 記得 使用 酒精 消毒 車輛 內部 時 要 通風 避免 危險 葉 昭 甫 指出 民眾 若 搭 公車 計程車 或 其他 大眾 運輸 時 一定 要 戴 口罩 將 先 柔性 勸導 勸導 不 聽 則 罰 3000 元 至 1萬5000 元 在 車上 少 交談 並 遵守 禁止 飲食 的 規定 兩 位 局長 于 直播 活動 上 耐心 一一回應 民眾 問題 有人 問到 搭 大眾 運輸 戴布 口罩 可以 嗎 衛生局長 曾 梓 展 醫師 回答 戴布 口罩 活性碳 口罩 醫用 口罩 n 95 口罩 都 可以 誰 可以 搭 中 市 防疫 計程車 曾 醫師 說 防疫 計程車 提供 台中 居家 檢疫 及 居家 隔離 者 自 指定 地點 至 醫療 院所 或 檢疫 地點 交通 接送 服務 粉絲 要求 曾經 留 法 的 葉昭甫 教 大家 戴 口罩 的 法文 並 邊 唱 法文 歌 邊教 洗手 口訣 為 不讓 粉絲 失望 暖 男 葉昭甫 順應 要求 與 曾梓展 醫師 一起 唱 著 法文 歌 同時 表演 內外 夾 弓 大 立 腕 洗手 舞 連 現場 工作人員 也 被 逗 得 哈哈大笑 氣氛 歡樂 笑 果 十足 衛生局 指出 我 的 保健室 曾 醫師 聊聊 日 直播 活動 配合 不同 防疫 主題 由 局長 化身 曾 醫師 邀請 市府 各局 處 首長 醫 事 人員 公 協會 區管 指揮官 等 專業人士 即時 回應 民眾 防疫 生活 問題 每 週三 中午 時段 播出 每週 二 直播 預告 當 周 主題 與 隔日 直播 時間 民眾 可 留言 提出 防疫 生活 相關 問題 週三 中午 曾 局長 將 直播 解答 歡迎 市民 朋友 追蹤 衛生局 官方 臉書 健康 就是 贊 https pse is r 3 x 33 即時 獲得 最新 防疫 資訊</t>
  </si>
  <si>
    <t>胡宇威 演出 的 陸 劇 我 在 北京 等 你 正 在 愛 奇 藝 臺灣 站 熱播 受 新冠肺炎 疫情 影響 該劇 上 檔 時 取消 大陸 宣傳 行程 他 10 日 現身 接受 臺灣 媒體 訪問 見到 記者 各個 都 戴 口罩 讓 認真 防疫 的 他 數度 笑 說 我 也 滿想 戴 口罩 原本 他 還 希望 可以 不 出門 用 手機 視 訊 受訪 他 近來 除了 儘量 不 出門 還 加強 健身 增強 體魄 甚至 也 準備 了 不少 玉米片 泡 面 等 乾糧 但 他 笑 著 自 曝 乾糧 買 回家 後 還 會用 酒精 噴 一 遍 被 取笑 果然 有點 神經質 他 則 否認 沒有 啦 如果 我 帶 著 病毒 傳染給 旁邊 的 人 不是 更 嚴重 嗎 許久 沒 公開 露面 的 他 頂 著 因 當紅 韓劇 梨 泰 院 男 主角 朴敘俊 而 爆 紅 的 栗子頭 現身 他 笑 說理 短髮 只 是 為 合 符合 自己 現在 的 狀態 想要 man 一點 壯 一點 因 現在 疫情 關係 不少 工作 取消 他 多 了 很 多 時間 可 以 好好 運動 加強 健身 此外 大多 待在家裡 打 電動 煮飯 儘量 不 外出 也 減少 外面 用餐 偶爾 叫 外 送 但 覺得 外 送 食物 可能 也 有 點 風險 所以 還 是 在家 自己 煮飯 居多 胡 宇威 不 諱言 工作 多少 有 受到 疫情 影響 新 戲 有 暫延 也 有 正 在 談 的 有 工作 邀 約 時 他 會 考量 是否 會 在 密閉空間 原本 三月 底 要 去 日本 拍 廣告 幸好 後來 已經 取消 嚇 死 了 廠商 不 取消 我 自己 會 取消 寧願 不要 接 因為 命 比較 重要 他 力 誇 臺灣 防疫 做 得 非常 好 已經 是 全世界 都 認可 他 也 曾 去 排隊 買 口罩 我 雙號 我 是 拿 居留證 去 買 慶倖 自己 運氣 好 經過 排隊 人龍 時 就 心想 晚一點 再 去 結果 排在 最後 沒有 排 很 久 就 買到 了 就 連買 酒精 也 是 很 幸運 之前 臺灣人 盲目 跟 著 香港 人 搶 衛生紙 時 他 發現 家裡 剛好 沒了 就 去 大 賣 場 跟 著 買 了 兩 條 買回來 才 發現 買 這麼 多 衛生紙 要 幹 嘛 搶 乾糧 才 是 正確 這 比較 實在 吧 被 虧 防疫 防到 有點 神經質 的 他 笑 著 否認 覺得 自己 還 不至於 到 緊張 程度 反而 是 國外 現在 都 在 亂 搶 東西 才是 有點 over 他 說 之前 爸 媽 要 從 臺灣 回 紐約 他 送 他們 去 機場 第一 次 發現 機場 除 了 工作人員 以 外 都 沒有 什麼 人 有點 末日 的 感覺 父母 飛 回 紐約 時 原本 當地 才 確診 一兩 例 最近 那一區 確診 人數 已經 暴 增 所以 連 外國人 都 開始 戴起 口罩 之前 華人 亞洲 人 戴 口罩 還 被 罵 被 取笑 其實 笑 他們 的 人才 是 傻瓜 吧 他 的 父母 現在 已經 多 半 不 太 出門 頂多 在 自家 前院 後院 走動 他 與 陳庭妮 緋聞 傳 了 7 年 多 卻 始終 沒有 公開 認 愛 被 問 是否 也 會 和 曾 之 喬 辰 亦 儒 一樣 交往 10 年 都 不 認 最後 直接 宣佈 結婚 他 傻笑 說 很難說 也 是 驚喜 不是 嗎 被 問 現在 交往 對象 還是 同一 人 嗎 他 又 裝傻 你是 說 誰 你 不 知道 我 也 不 知道 是 誰 個性 頑皮 一向 喜歡 製造 各種 驚喜 與 驚嚇 的 他 承認 自己 將來 如果 要 求婚 會 走 滿 逼人 的 公開 驚喜 路線 以前 想 過 要 找 人 在 街道 上 快 閃 跳舞 但要 花 一 筆 錢 也 不 知道 哪裡找 這麼 多 人 覺得 看球賽 時 公開 求婚 也 不錯 但 萬一 被 拒絕 會 很 丟臉 不過 就算 被 打槍 也 是 一 種 surprise</t>
  </si>
  <si>
    <t>新冠肺炎 與 sars 有 何 不同 大陸 醫學 專家 指出 相較 sars 集中 攻擊 肺部 新冠肺炎 還 會 波及 心臟 腎臟 等 器官 造成 多重 器官 衰竭 救治 難度 比 sars 大 不過 目前 看來 病亡 率 低於 sars 此外 新冠肺炎 還有 可能 轉成 慢性 疾病 像 流感 一樣 與 人類 共存 中國工程院 副 院長 呼吸 與 危重症 醫學 專家 王辰 19 日 接受 央 視 專訪 時 指出 新冠肺炎 與 sars 不同 sars 傳播 性 和 致病 性 都 很 強 很 快 把 宿主 殺死 然後 病毒 自身 也 不容易 存活 而 新冠肺炎 有 可能 轉成 慢性 疾病 像 流感 一樣 與 人類 共存 對此 我們 從 臨床 診治 和 生產 生活 防範 方面 都 要 做好 相應 準備 患者 病情 進展 快 新冠肺炎 潛伏期 難 測 王辰 表示 對 無 症狀 感染者 的 判斷 主要 是 靠 核酸 dna 檢測 以後 還 會 有 抗原 檢測 抗體 檢測 這些 檢測 方法 是 甄別 無 症狀 感染者 有效 的 手段 新冠 病毒 或許 也 會 發生 一定 變化 針對 它 所 反映 出來 的 生物學 特點 他 認為 隨 著 認識 加深 會 對應 制訂 一些 醫學 上 的 防範 和 診斷 治療 方法 並 做出 相應 的 安排 和 預防 對於 損傷 的 肺部 是否 能 完全恢復 王辰 說 目前 顯示 能 恢復 甚至 可 完全恢復 但 有待 更進一步 更 長期 的 觀察 希望 大家 不必 過於 擔心 北京朝陽醫院 副 院長 童朝暉 19 日 指出 與 sars 相比 新冠肺炎 重症 患者 以 50 歲 以上 的 老年人 為主 這 部分 人群 多 有 心腦血管 等 基礎 疾病 在 發病 進程 上 新冠肺炎 患者 病情 進展 得 更 快 缺氧 明顯 如果 控制 不好 很快 會 發展 到 呼吸衰竭 他 說 和 sars 患者 受累 器官 集中 在 肺部 不同 新冠 病毒 除了 攻擊 肺部 還 會 攻擊 心臟 腎臟 腸道 等 多 個 器官 造成 多重 器官 衰竭 正因如此 新冠肺炎 重症 患者 的 救治 難度 比 sars 患者 大 之前 有 專家 指 空氣 中的 氣 溶膠 傳播 也 會 造成 傳染 北京地壇醫院 感染 二 科 主任醫師 蔣榮猛 解釋 需有 兩 個 前提 一 是 在 密閉空間 二 是 高濃度 只有 在 相對 封閉 的 環境 中 長 時間 暴露 在 高濃度 氣 溶膠 情況 下 才存 在 被 感染 的 可能 醫院 病房 尤其 是 icu 加 護 病房 是 高 危險區 域 主要 威脅 醫護人員 普通人 並 不容易 接觸 到 收治 前 已經 傳染 談 到 目前 武漢 的 病 患 收容 情況 王辰 說 目前 病床 增加 應收 盡 收 的 目標 正 在 進一步 實現 但 他 坦言 有些 病人 收治 比較 晚 收治 之前 可能 已經 傳染 他人 此 問題 不 解決 就 不 利於 控制 疫情 傳播 王辰 表示 目前 各種 藥物 或 治療 手段 仍 在 探索 階段 對 它 的 規律 還 不 瞭解 之前 是 基於 過去 的 經驗 制訂 的 一些 治療 方法 但 隨 著 對 病情 規律 的 認識 治療 針對性 越來越 強 越來越 規範 他 說 目前 的 認識 還 非常 粗淺 包括 對 新藥 新 療法 的 探索 都 還 在 初級階段 最近 網上 廣傳方 艙 醫院 裡 病 患 齊 跳 廣場 舞 的 影片 對於 是否 有 助 病情 緩解 王辰 指出 方 艙 醫院 病人 是 輕 症 病人 從 體力 上 心態 上 都能 進行 社會活動 和 交往 他 認為 可 紓 緩 病人 緊張 情緒 提高 生活 狀態 和 品質 對 病情 也 有 幫助 王辰 說 當前 既要 有 急迫 的 心情 感受 到 病人 急迫 的 需要 同時 要 有 非常 清晰 的 頭腦 非常 穩健 的 行動 才能 推動 科學 研究</t>
  </si>
  <si>
    <t>大陸 正 在 追蹤 新冠肺炎 的 源 起 0 號 病人 還 沒 確定 仍 在 追查 確切 傳染 過程 不過 中國科技部 社會 發展 科技 司 司長 吳遠彬 在 今天 28 日 舉行 的 國務院 聯防 聯控 機制 發佈會 表示 以 目前 的 研究 結論 顯示 呼吸道 飛 沫 和 密切接觸 傳播 仍然 是 新冠 病毒 的 主要 傳播 路徑 吳遠彬 表示 研究 過程 中 有 一些 團隊 也 從新冠 病人 糞便 標本 當中 檢測 到 新冠 病毒 毒 株 提示 在 糞 口 傳播 中 是 具有 一定 風險 的 但是 傳播 的 能力 和 條件 還 需要 進一步 開展 相應 的 研究 證實 至於 中國醫科院 實驗 動物所 開展 的 氣 溶膠 傳播 實驗 顯示 要 同時 滿足 密閉空間 較長時間 高濃度 病毒 這 3 個 極端 條件 才 有 傳播 可能性 在 通風 條件 良好 的 日常生活 環境 當中 傳播 的 可能性 是 很 小 的 幾乎 沒有 氣 溶膠 感染 風險</t>
  </si>
  <si>
    <t>陳時中 捷 運 或 高鐵 密閉空間 能夠 就 戴 口罩</t>
  </si>
  <si>
    <t>中央 疫情 指揮中心 指揮官 陳時中 於今 23 日 表示 捷 運 或 高鐵 密閉空間 能夠 的話 就要 戴 口罩 柚子 醫師 陳木榮 曾 於 2 月 7 日政府 宣 導 短片 說 大家 每天 生活 都 有 可能 會 坐 計程車 搭 公車 搭 捷 運 這些 大眾 運輸工具 而且 最近</t>
  </si>
  <si>
    <t>全球 新冠肺炎 疫情 嚴峻 國內 社區 傳播 的 風險 也 日漸 提升 民眾 應如何 自我 保護 台大醫院 小兒 感染 科 主治醫師 李秉穎 表示 進入 這個 階段 時 民眾 必須 注意 衛生習慣 時時 勤洗手 並 徹底 洗 淨 積極 做好 自主 健康 管理 以 減低 減 染 的 風險 李 秉 穎 說 這個 時期 所有 大型活動 應該 停止 以免 吸引 人群 聚集 民眾 也 應 避免 進出 人潮 擁擠 的 場所 公共 環境 的 清潔衛生 更須 加強 增加 消毒 頻率 民眾 外出 要 戴 口罩 尤其 是 到 密閉空間 或 人 比較 多 的 地方 更 要 戴好 口罩 以防萬一 實際 醫療 方面 李秉穎 強調 民眾 若 出現 相關 症狀 或 發現 周 遭 的 人 有 類似 情形 必須 迅速 通報 趕快 進入 醫療 程式並 就診 檢驗 以 確定 是否 感染 新冠肺炎 如果 確診 就 要 按照 程式處理 該 隔離 該 治療 就 按部就班 進行 前 衛生 署長 現任 亞洲 大學教授 楊 志 良 則 表示 過去 也 有 類似 的 流行病 處理 經驗 例如 a 型 h 1 n 1 流感 sars 民眾 不必 過度 恐慌 如果 這次 新冠肺炎 進入 社區 傳播 的 階段 就 表示 先前 的 防堵 策略 結束 國內 病例 增加 很多 沒有 辦法 事實上 也 不 需要 再 追蹤 每個 病例 的 感染 源頭 重點 變成 個人 防護 楊 志 良 說 這時 所有 大型活動 應該 停止 減少 人群 聚集 民眾 應 避免 出入 公共場所 以及 人 多 的 地方 個人 衛生習慣 也 要 加強 如 勤洗手 著 重 居家 清潔 消毒 等 至於 民眾 外出 要 不 要 戴 口罩 楊志良 認為 開闊 空間 應 該 不 用 戴 病毒 傳染 有 一定 的 距離 口罩 也 是 重要 的 防疫 資源 且 對抗 新冠肺炎 疫情 應該 是 一 段 不 算 短 的 時間 不應 輕易 浪費 還是 要 斟酌 使用 此外 學生 進 學校 量 體溫 一 事 楊志良 建議 在 教室 門口 量 就 好 不要 在校 門口 否則 會 大排長龍 相當 不 方便 何況 校門 至 教室 應該 都 是 開闊 空間 在 教室 門口 量 體溫 的 效果 也 一樣</t>
  </si>
  <si>
    <t>新冠肺炎 疫情 全球 持續 升溫 英國 甚至 傳出 變種 病毒 疫情 期間 就 曾 發生 過 白目 民眾 朝 無辜 的 人 亂 吐 口水 導致 對方 罹 患 肺炎 病 死 這次 美國 一 名 年輕人 在 電梯 內 對 一 名 老伯 吐 口水 結果 下 一 秒 被 拖 出 電梯 爆 打 監視 影片 曝光 後 網友 大贊 實在太 爽 了 網路 瘋 傳 的 這 段 監視器 影片 狹小 電梯 裡 有 3 名 乘客 電梯 門 正要 關 起 來時 一 名 金髮 年輕人 沖進來 老伯 要求 他 搭 下 一 班 以 減少 密閉空間 裡 的 人數 但 年輕人 不 甩 老伯 強硬 進到 電梯 接 著 脫下 口罩 朝 老伯 吐口 水 電梯 門 打開 前 老伯 先 將 手裡 的 小推車 給 一旁 妻子 接 著 門 打開 後 老伯 一把抓 住 年輕人 朝 電梯 爆 揍 一 頓 年輕人 試圖 還手 但 馬上 就 被 老伯 拖 出 電梯 壓制 在 地上 電梯 門 即將 關閉 前 老伯 拉 著 妻子 成功 搭乘 被 爆 打的 年輕人 不死心 還 想 進來 結果 被 老伯 推 出去 帥氣 老伯 教訓 白目 年輕人 的 影片 讓 網友 直 呼 痛快 稱讚 老伯 好 功夫 老伯 威武 一 秒 ko 年輕人 打 太 輕 了 啦 妻子 很淡 定 應該 是 知道 老公 真 功夫 看 了 有 夠 爽 年輕人 終究 是 年輕人</t>
  </si>
  <si>
    <t>新冠肺炎 疫情 全球 發燒 金門 鄉親 也 是 人心惶惶 縣府 今 21 日 專稿 說明 2 名 居家 隔離 39 名 居家 檢疫 者 現況 澄清 外界 不實 傳言 縣長 楊鎮 浯 提醒 鄉親 切 勿 再 以訛傳訛 如 散佈 未經 證實 的 疫情 謠言 縣府 將 依 傳染病 防治法 移 請 警 政 及 檢 調 單位 處理 也 歡迎 鄉親 向 衛生局 提出 檢舉 縣府 強調 由於 地區 民眾 對於 居家 隔離 及 居家 檢疫 物件 的 定義 不夠 了 解 加上 部分 人士 刻意 引導 已 造成 大家 人心惶惶 但 事實上 金門 迄無 確診 案例 2 名 居家 隔離 39 名 居家 檢疫 者 均 依 中央 疫情 指揮中心 規定 進行 每日 監測 及 追蹤 狀況 確保 做好 相關 工作 在 居家 隔離 方面 1 名 於 定點 檢疫 處所 隔離 中 有 土耳其 旅遊 史 為 與 確診 旅遊團 同 班機 旅客 也 已 采 檢 送驗 結果 為 陰性 另 昨日 新增 1 名 通知 居家 隔離 為 旅遊 確診 案例 接觸 者 今天 為 返國 後 第 14 天 已 依疾 管署 通知 進行 采 檢 送驗 須 等 檢驗 報告 為 陰性 後 解除 隔離 另 在 居家 檢疫 方面 縣府 也 說明 多數 為 具 旅遊 史 的 鄉親 其中 具 土耳其 旅遊 史者 共 2 人 雖 與 確診 旅遊團 同 班機 但 班機 座位 距離 甚 遠 楊鎮 浯 特別 也 要求 衛生 及 民政 單位 高度 關切 縣府 再次 強調 居家 檢疫 和 居家 隔離 者 不是 確診 案例 相關 定義 是 居家 隔離 者 為 與 確定 病例 接觸 者 由 衛生 主管 機 管 每天 主動 監測 2 次 居家 檢疫 者 則 是 具有 國外 旅遊 史者 疾 管署 開立 通知單 後 由 民政 單位 負責 追蹤 村裡 幹事 每日 撥 打電話 詢問 健康狀況 並 紀錄 健康 關懷 記錄 表 楊 鎮 浯 呼籲 鄉親 切 勿 恐慌 更 不要 對 居家 隔離 檢疫 者 有 非理性 的 言語 攻擊 與 暴力行為 他 也 譴責 刻意 利用 修飾 文字 來 導 引 輿論 風向 造成 地區 人心 恐慌 的 特定 人士 于 網路 社 群 媒體 貼 文 強調 如此 行徑 只 會 增加 防疫 負擔 且 無法 讓 相關 防疫 部署 更加 完善 他更 呼籲 此刻 全民 應該 凝聚 團結 共識 齊力 防疫 切 勿 因 特定 人士 蓄意 煽動 造成 彼此間 的 分裂 與 仇視 同時 也 提醒 鄉親 可 提升 自我 防護 勤洗手 在 人 多 的 密閉空間 可 戴 口罩 做好 居家 環境 消毒 工作 更 要 睡眠 充足 飲食 營養 均衡 以 提升 自我 免疫力</t>
  </si>
  <si>
    <t>為 防止 居家 檢疫 者 亂跑 新北 市 加強 ktv 夜 店 臨檢 此外 針對 其他人 潮 擁擠 密閉空間 是否 也 會 加強 查 察 侯友宜 表示 私人 場所 有 很多 可以 去 了 解 不是 只 有 ktv 夜 店 有 一些 場所 也 會 評估 原則 上 用 道德 勸說 方式 讓</t>
  </si>
  <si>
    <t>為 防止 居家 檢疫 者 亂跑 新北 市 加強 ktv 夜 店 臨檢 此外 針對 其他人 潮 擁擠 密閉空間 是否 也 會 加強 查 察 侯友宜 表示 私人 場所 有 很多 可以 去 了 解 不是 只 有 ktv 夜 店 有 一些 場所 也 會 評估 原則 上 用 道德 勸說 方式 讓 業者 能 配合 把 人潮 降到 最低 另 對於 疫情 衝擊 各 行業 其中 公車 業者 反映 受到 很 大 影響 侯友宜 說 公車 業者 從 以前 到 現在 對 防疫 作為 都 很 協助 這 段 時間 確實 有 受到 影響 會 跟 業者 談 紓困 的 方式 降低 他們 的 損害 針對 其他 面臨 困境 的 業者 們 我們 也 都會 想 辦法 用 減稅 紓困 方式 來 做 完整 的 配套 最近 還 會 推出 更 多</t>
  </si>
  <si>
    <t>新冠肺炎 疫情 延 燒 民眾 繃緊神經 做好 防疫 工作 日前 全台 出現 口罩 荒 行政院 6 日 所 推 新 制 口罩 實 名 制 上路 後 不少 民眾 抱怨 買不到 一 罩 真的 好 難 求 日前 新北 市 有名 客運 司機 看到 上車 乘客 沒有 配戴 口罩 便 主動 提供 口罩 請 他 戴 上 無私 的 暖 舉動 獲得 不少 民眾 讚賞 防疫 敏感 時機 點 不少 人大 贊 無私 暖 司機 中 時 新聞網 12 日 獨家 找 到 這 位 欣欣客運 670 路線 的 司機 江銘奇 他 表示 我 很 注意 乘客 是否 戴 口罩 如果 沒有 戴 的 人 我 都會 說 為了 你 的 安全 為了 車內 乘客 安全 請戴 上 口罩 若 沒有 戴 口罩 的 人 我會 拿出 全新 口罩 給 他 我 秉 持 自己 夠用 就 好 因為 公車 是 密閉空間 傳染性 很 高 客運業 者 相當 重視 搭乘 民眾 的 衛生 與 健康 客運 站長 趙廷芳 受訪 時 表示 公司 規定 每 兩 小時 每 位 公車 司機 都 要 使用 酒精 擦拭 扶手 欄杆 拉環 地板 則 是 用 漂白 水 從裡到外拖 過 全面 做好 防疫 清潔 的 工作 一同 度過 這 非常 時期</t>
  </si>
  <si>
    <t>新冠肺炎 來勢洶洶 1 月 30 日 行政院 下令 徵調 口罩 第一 波 醫療 人員 優先 的 配給 方案 看似 周全但 漏洞 不少 從 基層 診所 醫療 前線 的 清潔工 洗衣工 保全 住院 病 患 密閉空間 的 司機 等 許多 高危 族 被 遺忘 在 前線</t>
  </si>
  <si>
    <t>新冠肺炎 來勢洶洶 1 月 30 日 行政院 下令 徵調 口罩 第一 波 醫療 人員 優先 的 配給 方案 看似 周全但 漏洞 不少 從 基層 診所 醫療 前線 的 清潔工 洗衣工 保全 住院 病 患 密閉空間 的 司機 等 許多 高危 族 被 遺忘 在 前線 我們 是 一 群 不 被 看見 的 小 螺絲釘 每天 接觸 病毒 接送 病人 卻 買不到 口罩 那種 恐慌 誰 能 瞭解 如果 不是 為了 自救 我們 不 會 出來 開 第一 槍 抗議 威 合 威務 公司 是 全台 最 大 的 後勤 管理 外 包商 副總經理 陳燕宇 嚴肅 的 強調 員工 們 服務 的 醫院 中 不乏 新冠肺炎 確診 病例 風險 很 高 萬一 員工 染病 成 了 防疫 缺口 到時 再來 反應 就 來不及 了 這 一切 的 混亂 始于 大年 初六 1 月 31 日 的 中央 口罩 征 調令 隔 天 總部 位於 臺北 的 威合 威 務 聞訊 上下 亂成一團 陳燕宇 到 班後 快步 走向 口罩 貯藏室 鑰匙 一 開 眼前 一 片 空蕩蕩 令 她 倒 抽 一口氣 威 合 威務 不是 第一 次 在 前線 防疫作戰 超過 三 分之一 的 員工 曾經 參與 抗 sars 成軍 31 年 首度 打破 沉默 第一 槍 就 開向 中央 每個 月 口罩 用量 約 8千 盒 如果 以 目前 每人每天 提供 一 片 口罩 計算 現場 十幾 箱 的 存貨 恐怕 撐 不 到 7 天 年前 訂 的 口罩 還 沒有 到貨 口罩 徵調 政策 一 出 公司 中槍 倒地 我們 全台 服務 的 醫院 近 80 家 派駐 醫院 的 員工 4千 多 人 要 去 哪裡 買 這麼 大量 的 口罩 陳燕宇 痛 訴 清潔 人員 工作 包含 收 垃圾 難免會 碰到 病菌 傳送 人員 要 推 病人 也 可能 接觸 到 新冠肺炎 病 患 如果 沒有 即刻 更換 口罩 恐怕 造成 交叉 感染 一 天一 片 口罩 根本 不夠 用 政府 棄 我們 於 不顧 在 口罩 徵調 政策 發表 後 第 5 天 威合 威 務 鼓起勇氣 替 自己 出聲 向 本刊 獨家 投訴 經 本刊 在 官網 ctwant 報導 後 兩 天內 傳來 好 消息 連同 醫院 的 保全 及 洗衣工 值勤 時 都有 口罩 可 戴 待續 更 多 ctwant 報導</t>
  </si>
  <si>
    <t>全國 防疫 警戒 升至 三級 後 疫情 指揮中心 要求 外出 必須 戴 口罩 否則 最重 可 罰 15萬 元 但 開車 要 不 要 戴 反成 民眾 困擾 由於 各縣市 標準 不一 指揮中心 將 於 今天 召開 的 全國 防疫 會議 中 訂 出 指引 供 外界 遵守 指揮中心 發言人 莊人祥 昨晚 說 他 自己 一個 人 開車 不會 戴 口罩 但 如果 車上 有 別人 就 要 戴 有 民眾 打電話 問 1922 防疫 專線 得到 全國 三級 警戒 離開 家門 算 外出 外出 就是 要 戴 口罩 的 回 覆 其中 也 包括 開車 但 開車 戴 口罩 衍生 不少 問題 例如 眼鏡 起 霧 反而 影響 行車 安全 各 地方 政府 的 標準 也 不 一致 如 開車 沒 戴 口罩 新北 不 罰 北 高 卻 不 這麼 認為 多數 民眾 傻眼 感到 無所適從 指揮中心 預計 在 全國 防疫 會議 上 討論 針對 開車 是否 戴 口罩 訂 出 一 套 規則 根據 ettoday 新聞 雲 報導 莊人祥 受訪 時 表示 我 自己 一個 人 在 車上 是 不 會 戴 口罩 啦 但 他 強調 在車子 裡 如果 關 窗戶 屬於 密閉空間 有 其他 乘客 的 話 就 通通 都 要 戴</t>
  </si>
  <si>
    <t>新冠肺炎 疫情 蔓延 民眾 怕 群 聚 感染 不敢 搭乘 遊覽車 造成 日月 潭 團 客 大幅 減少 有時 1 天 不 到 10 輛 遊覽車 但 仍 有 許多 民眾 自行 開車 出遊 散客 一日遊 和 住宿 受 影響 幅度 較 小 但 遊艇 因 屬 群 聚 空間 載客 量 則 明顯 減少 日月 潭 國家 風景區 管理 處長 洪維新 表示 日月 潭 是 具有 魅力 的 景點 新冠肺炎 疫情 在 世界 各國 擴散 後 臺灣 控管 疫情 得宜 相對 安全 因此 許多 原本 要 出國 旅遊 的 民眾 改 轉 往日 月 潭 旅遊 旅 宿 業者 都 感受 到 出口 轉 內需 情況 至於 預定 9 月 舉辦 的 日月 潭 萬人泳 渡 10 月 到 11 月 間 的 日月 潭 花火節 是否 如期舉行 將 視 疫情 狀況 再 評估 南 投 縣 觀光 處長 王源鍾 表示 日月 潭 是 國際級 風景區 景色優美 且 開闊 目前 一日遊 的 旅客 減少 幅度 不大 但 團體 旅遊 客源 就 明顯 減少 很多 34 月 間 是 畢業 旅行 旺季 也 是 觀察 遊客 消長 的 重要 指標 南 投 縣長 林明溱 則 呼籲 民眾 走 出 戶外 到 日月 潭 旅遊 享受 湖光山色 美景 受 疫情 影響 不少 都會區 大 飯店 歇業 甚至 倒閉 日月 潭 得天獨厚 的 環境 相對 有 避難 優勢 涵碧 樓 總經理 史墨威 指出 都會區 飯店 多數 是 密閉空間 民眾 擔心 群 聚 感染 而 不敢 入住 但 日月 潭 視野 廣闊 通風 良好 悠閒 度假 的 氣氛 未遭 受 破壞 反而 是 許多 都會區 民眾 遠離 恐慌 躲 到 日月 潭 度假 的 好 時機</t>
  </si>
  <si>
    <t>新冠肺炎 疫情 升溫 臺北市 長 柯文哲 30 日 抱怨 中央 這 段 時間 讓 太 多 在 國外 的 台人 回來 北市 目前 居家 檢疫 民眾 多 達 1萬900 多 人 已 接近 檢查 能量 範圍 他 呼籲 中央 要 與 地方 協調 若 超過 可容 受 量 恐怕 要 崩 盤 了 此外 柯 強調 現在 紐約 比 武漢 危險 武漢 回來 要 集中 檢疫 但 歐美 回來 沒有 還是 要 有 統一標準 柯文哲 今 早 出席 延壽 國宅 拆除 典禮 他 指出 未來 這 一 周 是 關鍵期 提醒 民眾 在 人 多 密閉空間 面對 不 特定 物件 時 要 戴 口罩 雖然 北市 沒有 明令 搭 公車 和 捷 運 要 戴 口罩 但 市民 素質 很 高 今天 他 搭 公車 車上 沒 戴 口罩 只 有 12 個 柯話峰 一 轉 他 抱怨 這 段 時間 中央 讓 國外 台人 一下子 回來 太 多 人 北市 居 檢 人數 目前 有 1萬900 多 人 已 接近 民政 系統 檢查 容量 範圍 他 呼籲 中央 每天 放 回 國 的 人數 還 是 要 控制 一下 要 跟 地方 協調 不要 每天 放進來按照 維持 居檢 的 量 如果 超過 每天 可忍受 量 恐怕 要 崩 盤 了 移民署 也 不是 他 管 的 中央 和 地方 還 是 要 協調 一下 無限 制 的 話 會 受不了 面對 外界 質疑 會 影響 民眾 遷徙 自由 柯文哲 說 實事求是 現在 大陸 指 武漢 回來 全部 集中 檢疫 但 歐美 回來 沒有 根據 現在 統計 紐約 比 武漢 危險 還是 要 有 一個 統一標準 放 回來 的 人數 要 控制 一下 回國 都 要 居檢 的話 中央 地方 協調 一下 量 太 多 垮 掉 了 不行 啊 柯文哲 強調 目前 武漢 上海 包機 回來 民眾 要 集中 檢疫 歐美 回來 沒有 還是 回到 科學 根據 該 怎麼 做 就 怎麼 做 標準 一樣 中央 和 地方 協調</t>
  </si>
  <si>
    <t>1 美 西南 數 州 染疫 飆 升 前景 堪憂 隨 著 美國 各州 重 啟 經濟 活動 新冠肺炎 疫情 在 多 達 20 個 州 有 升溫 跡象 其 中亞 曆桑 納州 佛州 加州 19 日 新增 確診 病例 創 單日 新 高 美國 南部 和 西部 幾 個 州 感染 率 飆 升 令人擔憂 尤其 川普 總統 20 日 在 奧克荷馬 州 舉辦 室內 造 勢 大會 恐 變成 病毒傳播 大會 耶魯大學 公共 衛生 專家 直言 在 疫情 未 有效 控制 的 情況 下 就 急 著 重 啟 經濟 是 不負責任 的 做法 2 中東 告急 歐洲 鬆綁 南亞 憂 惡化 巴西 成為 繼 美國 後 全球 第二 個 確診 病例 破 百萬 的 國家 儘管 疫情 嚴峻 迫 於 經濟 壓力 等 因素 巴西 許多 地方 已 逐步 放鬆 隔離 措施 一些 較 早 放鬆 隔離 的 城市 新增 病例 數 上升 專家 對 此 非常 擔憂 3 球員 中 鏢 職業 賽事 重 啟 打問號 美國職棒大聯盟 mlb 的 球 團 老闆 和 球員 工會 還 在 為 例行 賽 要 打 幾 場 吵 得 不可開交 殊不知 新冠 疫情 若死灰復燃 北美 職業 運動 能否 複賽 都 是 問號 尤其 佛羅里達州 最近 案例 激增 mlb 的 費城 人 隊 甚至 傳出 8 人 確診 關閉 位於 佛州 清水 市 的 春 訓 基地 4 北京 新增 22 例 最小 僅 1 歲 北京 19 日 新增 確診 新冠肺炎 22 例 年齡 最小 者 僅 1 歲 自 11 日 北京 發生 新發 地 市場 疫情 以來 9 天內 疫情 確診 達 205 例 17 例 跨 省 病例 與 北京 有關 市 疾 控 中心 發出 重要 提醒 北京 至少 5 家 餐廳 出現 病例 5 管制 逐漸 解封 搭 機 仍 屬 高風險 各國 政府 為 了 活絡 經濟 逐漸 鬆綁 新冠肺炎 疫情 管制 有些 甚至 解除 邊境 管制 但 乘客 搭 機 受 感染 的 風險 仍 不 可 漠視 畢竟 機艙 是 完全 密閉空間 一旦 與 確診 者 搭 同一 班 飛機 被 感染 的 風險 仍 高 尤其 是 長 程 飛行</t>
  </si>
  <si>
    <t>臺灣 一旦 新冠肺炎 疫情 擴散 下 一 步 很 可能 社區 傳播 民眾 該 如何 防範 醫師 表示 勤洗手 落實 個人 衛生習慣 是 不二法門 家族 儘量減少 聚餐 勿 與 不 認識 的 人 親密 交談 若 無法 避免 交談 最 安全 的 距離 是 3 公尺 避免 飛沫傳染 且 最 大 雷區 是 學校 及 一般 住戶 大樓 要 少碰 電梯 臺灣 感染症 醫學會 理事長 黃立民 說 新冠肺炎 若 進入 社區 傳播 由於 主要 經 飛沫傳染 民眾 更 要 確實 勤洗手 雙手 儘量 不 要 觸 口 鼻 及 揉 眼 每 一 環節 確實 做好 避開 傳染 風險 中國 附 醫 兒童 感染 科 主任 黃高彬 表示 由於 新冠肺炎 經 口沫 傳染 家庭 聚餐 感染 風險 更 大 如 計 畫 家庭 聚餐 應先 瞭解 家人 健康狀況 若要 避免 交談 時 飛沫傳染 最 安全 距離 是 3 公尺 建議 勿 與 不 認識 者 近 距離 交談 黃高彬 說 面對 新冠肺炎 民眾 最 重要 是 養成 正確 衛生習慣 建議 家長 藉 機 教導 小孩 出門在外 勿 到處 亂 摸 返家 後 應先 洗手 外出 時在 不 影響 他人 自尊 情況 下 保持 2 公尺 以上 距離 曾 有 長輩 擔心 搭 電梯 接觸 到 病毒 在 line 上 分享 以 原子筆 去 芯 後 將 筆 蓋 掀起 用 筆 按 電梯 按鈕 的 小 撇 步 黃高彬 表示 搭 電梯 不 需 這麼 麻煩 防範 病毒 最 重要 原則 是 密閉空間 戴 口罩 勤洗手 若 真不 想 親手 按 按鈕 可 持 衛生紙 按 按鈕 出 電梯 後 丟棄 即可 疫情 指揮中心 則 呼籲 民眾 應 落實 肥皂 勤洗手 避免 觸摸 眼 鼻 口 做好 咳嗽 禮節 若 有 必要 參加 聚會 活動 時 應 做好 防範措施 有 呼吸道 症狀 者 應 避免 參加 並 在 家 休息</t>
  </si>
  <si>
    <t>隨 著 新冠 病毒 疫情 向 全球 擴散 世界 各國 都 產生 恐慌 情緒 在 人 多 的 交通 工具 或是 與 他人 共處 密閉空間 尤其 令 人 緊張 如果 你是 個 必須 搭 飛機 的 人 要 如何 解決 在 航班 上 保護 自 已不 被 傳染 的 問題 流行病 專家 指出 去年 超級 名模</t>
  </si>
  <si>
    <t>隨 著 新冠 病毒 疫情 向 全球 擴散 世界 各國 都 產生 恐慌 情緒 在 人 多 的 交通 工具 或是 與 他人 共處 密閉空間 尤其 令 人 緊張 如果 你是 個 必須 搭 飛機 的 人 要 如何 解決 在 航班 上 保護 自 已不 被 傳染 的 問題 流行病 專家 指出 去年 超級 名模 娜 歐米 坎貝爾 naomi campbell 戴 口罩 和 手套 並 清潔 飛機 座椅 的 視頻 被 分享 在 網上 視頻 可能 有 點 誇張 但 可以 做為 參考 此外 專家 還 有 幾 項 建議 據 紐約時報 報導 達美航空 和 美國 航空 等 大型 航空 公司 表示 保持 飛機 的 清潔 是 重要 任務 他們 會 在 航班 之間 對 飛機 進行 不同 程度 的 清潔 但 有些 乘客 更 喜歡 確認 他們 自己 也 採取 了 措施 來 清潔 飛機 空間 其中 顯然 也 包括 娜 歐米 坎貝爾 約翰 霍普金斯 醫院 的 流行病 學家 麥爾斯通 aaron milstone 表示 飛機 和 飛機 座椅 都 屬於 公共 空間 我們 知道 細菌 可以 在表面上 存活 很 長 時間 所以清潔 一下 也 無妨 至於 如何 清潔 專家 們 有 幾 個 建議 一 保持 雙手 清潔 不 要用 手 觸摸 臉部 醫學 微生物學 與 免疫 學 助理 教授 梅勒 andrew mehle 說 只要 清理 飛機 物品 表面 讓 你 感到 不 太 安全 那 做 這 件 事情 也 無傷大雅 他 強調 在 飛機 上 清理 你 周圍 空間 的 過程 中 要 配合 勤洗手 和 其他 一些 好 習慣 病毒 可能 會 在 小 桌板 觸控式 螢 幕 門 把手 和 水龍頭 等 表面 持續 存在 噴塗 消毒劑 或 用 肥皂 洗手 都 能 殺死 或 去除 病毒 不過 多數 人 摸 自己 臉 的 次數 都 比 他們 自己 知道 的 更 多 在 接觸 到 別人 打噴嚏 或 咳嗽 的 飛 沫 後 再 摸 自己 的 臉 就 會 導致 病毒傳播 二 當務之急 洗手 梅勒 博士 說 用 肥皂 和 水洗 手 20 秒 或者 在 洗手 的 時候 唱 兩 遍 生日快樂 歌 來 計時 如果 來不及 就 多用 些 洗手 液 洗手 三 選擇 靠窗 的 座位 埃默里 大學 emory university 的 研究 發現 在 流感 季節 飛機 上 最 安全 的 地方 是 靠窗 座位 因為 臨 窗 座位 乘客 與 他人 接觸 較 少 此外 飛行 途中 儘量 不 要 走動 保持 體內 水分 充足 不要 摸臉 對 你 的 手部 衛生 保持 警覺 四 對 硬物 表面 消毒 可以 使用 消毒 濕 巾 清潔 你 座位 區域 的 硬物 表面 比如 頭枕 扶手 安全帶 卡扣 遙控器 顯示 幕 座椅 靠背 口袋 和 小 桌板 如果 座位 本身 是 硬 質 無 孔 皮質 或 仿皮 你 可以 同時 也 擦拭 座位 如果 是 裝 軟 墊 的 座位 使用 濕 巾 會 讓 座位 變 得 潮濕 反而 會 更易 傳播 病毒 消毒 濕 巾 的 包裝 上 通常 會 寫明 表面 需要 擦拭 多久 才 有效 可能 從 30 秒 到 幾 分鐘 不等 為了 讓 消毒 濕 巾 產生 效用 你 需要 遵循 時間 上 的 要求 如果 有 觸 控 螢 幕 你 觸摸 時 應該 用 紙巾 西奈 山 醫療系統 mount sinai health system 的 傳染 預防 醫學 主任 伯納德·卡明斯 bernard camins 說 洗手間 門把 和 水龍頭 要 使用 消毒 濕 巾 或 厚 紙巾 開關 離開 洗手間 時 把 濕 巾 和 厚 紙巾 扔 進 垃圾桶</t>
  </si>
  <si>
    <t>新冠肺炎 疫情 延 燒 觀光 產業 衝擊 大 連年 有 破 百萬 遊客 的 小琉球 也 無法 倖免 疑 受 公主 郵輪 影響 不少 人 怕 船艙 密閉空間 感染 而 引爆 退 房潮 距離 清明連 假 僅剩 2 周 但 島上 民 宿訂房 率 竟 5 成 不到 有別 以往 一 房 難 求 業者 為此</t>
  </si>
  <si>
    <t>新冠肺炎 疫情 延 燒 觀光 產業 衝擊 大 連年 有 破 百萬 遊客 的 小琉球 也 無法 倖免 疑 受 公主 郵輪 影響 不少 人 怕 船艙 密閉空間 感染 而 引爆 退 房潮 距離 清明連 假 僅剩 2 周 但 島上 民 宿訂房 率 竟 5 成 不到 有別 以往 一 房 難 求 業者 為此 憂心 不已 紛紛 喊話 交通船 沒有 全 密閉 琉球鄉 觀光 協會 理事長 洪豪 升 指出 近年 小琉球 爆 紅 成 旅遊 夯 點 平均 每年 都 湧入 百萬 遊客 連 假期 間 島上 更是 人山人海 但 自 爆發 肺炎 疫情 後 人潮 明顯 減少 尤其 在 公主 郵輪 淪陷 後 情況 更為 險峻 遊客 似乎 因 害怕 船艙 密閉 連 交通船 也 不敢 搭 洪 豪 升 說 交通船 是 遊客 登 上 小琉球 島 的 唯一 途徑 換言之 遊客 不敢 搭 交通船 也 就 是 無法 登 島 而 小琉球 沒了 遊客 民 宿 業者 只好 喝西北風 了 據悉 目前 民 宿 的 退 房率 高 達 3 成 整體 訂 房 率 不 到 5 成 以 距離 清明連 假 僅剩 2 周 來看 狀況 非常 不好 往年 同期 已是 一 房 難 求 為此 他 欲 向 遊客 喊話 交通船 與 郵輪 不同 真 的 不是 密閉空間 且 乘船 時間 僅 20 分鐘 再者 船 公司 在 遊客 登 船 前 都會 進行 額 溫 監控 一旦 有 人 發燒 都 是 拒 載 的 加上 島上 空曠 又 無 工廠 空氣清新 絕對 是 現階段 國旅 的 好 去處</t>
  </si>
  <si>
    <t>政府 機關 陸續 異地 辦公 國民黨 發言人 洪于茜 今 表示 國民黨 3 月 已 作 相關 準備 隨時 可因 應 疫情 變化 調整 異地 辦公 中央黨部 大樓 也 進行 每天 量 體溫 噴 酒精 並 呼籲 黨工 同仁 在 密閉空間 配戴 口罩 主動 回報 身體狀況 若 有身</t>
  </si>
  <si>
    <t>新北 市 幼稚園 爆發 群 聚 第一 波 就 驗 出 8 名 學童 確診 台大 醫師 及 學者 指出 雖然 兒童 感染 新冠肺炎 症狀 較 輕 但 12 歲 以下 目前 仍 無 疫苗 可 打 一旦 染疫 恐怕 對 家庭 及 社會 帶來 極大 影響 尤其 不少 幼稚園 教室 都 是 密閉空間 應加</t>
  </si>
  <si>
    <t>新北 市 幼稚園 爆發 群 聚 第一 波 就 驗 出 8 名 學童 確診 台大 醫師 及 學者 指出 雖然 兒童 感染 新冠肺炎 症狀 較 輕 但 12 歲 以下 目前 仍 無 疫苗 可 打 一旦 染疫 恐怕 對 家庭 及 社會 帶來 極大 影響 尤其 不少 幼稚園 教室 都 是 密閉空間 應 加強 二氧化碳 濃度 監測 並 落實 通風 換氣 空氣 傳播 風險 可 降低 9 成 台大醫院 今天 舉辦 幼稚園 新冠 病毒 之 q and a 線 上 記者會 台 大公 衛學院 教授 詹長權 於 會 中 指出 國內 防疫 一 年 多 以來 一直 忽略 了 空氣 傳播 的 風險 當 新冠 病毒 經由 呼吸 說話 咳嗽 或 打噴嚏 而 散發 出來 大小 從 1 到 100 微米 都 有 如果 是 小於 5 微米 的 顆粒 就 可以 在 空氣 中 散播 好幾 個 小時 詹 長 權 說 過去 我們 定義 密切接觸 都 是 以 2 公尺 為 基準 但 如果 是 小於 5 微米 的 病毒 顆粒 很 可能 飄散 超過 2 公尺 甚 止 病毒 排放 者 已經 離開 該 空間 時 其他人 再 進入 也 可能 被 感染 尤其 delta 變異 株 在 上呼吸道 的 病毒 量 高 達 alpha 的 1000 倍 通風 更 是 現階段 必須 改善 的 防疫 重點 早 在 今年 8 月 新北 幼稚園 群 聚 發 生前 台大醫院 環境 及 職業 醫學 部 主任 蘇大成 團隊 至 北部 2 家 幼稚園 實際 訪查 發現 有 兩 個 共通點 沒有 可 通風 的 門窗 且 環境 內 塑膠製品 多 病毒 恐 長 時間 殘留 蘇大成 指出 幼稚園 不 像 小學 教室 有 獨立 空間 有些 甚至 開設 在 大樓 內 這樣 的 密閉空間 是 病毒傳播 的 高風險 環境 呼籲 政府 相關 單位 應 加強 查核 台 大環境 及 職業 醫學 部 醫師 陳 宗延 進一步 說明 監測 結果 在 幼稚園 上課 期間 教室 內 二氧化碳 濃度 超過 法定標準 1000 ppm 甚至 嚴重 超標 至 14001500 ppm 台 大公 衛學院 副教授 陳佳堃 也 指出 二氧化碳 濃度 是 確認 通風 好壞 的 指標 但要 保持 室內 通風 不是 開 門 開 窗 就 可以 最好 再 搭配 排風扇 等 機械式換氣 方式 才能 達到 室內外 空氣 完全 交換 陳 宗延 建議 如 參考 歐美 的 指引 每人 排風量 應 達到 36 到 45 cmh 若以 30 坪 空間 容納 20 人 為 例 每 小時 應 換氣 24 到 36 次 將 整間 教室 的 舊 空氣 以 新鮮 外部 空氣 取代 如果 業者 難以 評估 通風 效果 陳 宗延 建議 最 簡單 的 方式 就是 監測 二氧化碳 濃度 即使 學童 滿載 時 也 要 儘量 控制 在 800 ppm 以下 若 無法 改善 通風 排氣 系統 至少 應分 艙 分流 減少 學童 容留 人數 和 停留時間 或 考慮 將 學習 活動 改在 戶外 進行</t>
  </si>
  <si>
    <t>彰 化 縣 衛生局 20 日 最新 公佈 確診 個案 公共場所 活動 史 包括 了 正 彰 化 肉 圓 麻辣 火鍋 茶行 和 豆漿店 等等 又 增加 9 個 足跡 衛生局 也 強調 看 足跡 也 要 比對 時間 這 段 時間 內 有 到 過 這些 地方 出現 身體 不適症 況 就要 去 篩檢 注意 健康 自主 管理 彰 化 縣 衛生局 強調 公佈 足跡 不是 獵 巫 標籤 化 考量 確診 者 幾乎 都 是 在 密閉空間 接觸 同時 間 進行 餐飲 聊天 等 成 了 高風險 同 時間 內 到 過 這些 地方 需要 自我 留意 彰 化 縣 衛生局長 葉 彥 伯 提供 怎麼 看 足跡 四大 招 1 確認 地點 日期 和 時間 2 計算 自主 健康 管理 時間 自 足跡 接觸 日 起 加 14 天 314 天內 有 狀況 立即 就醫 4 就醫 時 主動 告知 醫師 活動 接觸 史 配合 采 檢 等待 結果</t>
  </si>
  <si>
    <t>下班 順道 載 同事 一 程 或許 因為 車內 空氣 不 流通 同事 覺得 有 點 頭暈 加上 最近 為 防 武漢肺炎 蔓延 儘量避免 待 在 密閉空間 因此 同事 伸手 就要 開 窗 但 正值 下班 尖峰 窗外 瀰 漫 汽機 車 廢氣 該 開 窗 還是 使用 車內 空調 迴圈 呢</t>
  </si>
  <si>
    <t>下班 順道 載 同事 一 程 或許 因為 車內 空氣 不 流通 同事 覺得 有 點 頭暈 加上 最近 為 防 武漢肺炎 蔓延 儘量避免 待 在 密閉空間 因此 同事 伸手 就要 開 窗 但 正值 下班 尖峰 窗外 瀰 漫 汽機 車 廢氣 該 開 窗 還是 使用 車內 空調 迴圈 呢 車內 空氣 品質 不 佳 更 可能 成為 武漢肺炎 傳染 高風險 區 車子 是 密閉空間 人 與 人間 的 距離 小於 1 公尺 在 密閉空間 的 傳染 風險 也 較 高 日前 白 牌 司機 受 感染 身亡 恐怕 就 是 一 例 除此之外 車內 空氣 品質 也 不 佳 刊登 在 國際 環境 environment international 期刊 的 新 研究 就 顯示 車子 內裝 如 座椅 面板 踏 墊 等 使用 的 阻燃劑 可能 致癌 不孕 或 胎兒 發育不全 而且 待 在 車內 的 時間 越 長 接觸 的 量 越 多 該 研究 針對 現今 常用 於 阻燃劑 的 磷酸酯 類 有機化合物 進行 量 測 發現 磷酸酯 類 有機化合物 中的 三 磷酸酯 tdcipp 量 和 待 在 車裡 的 時間 成 正比 這些 有機化合物 會 附 著 在 灰塵 上 車內 的 人 很 難 避免 吸 進 或 吃 進 肚子 裡 研究者 加州大學 河濱 分校 環境 毒物 助理 教授 佛 茲 david volz 說 美國 生態 中心 ecology center 科學家 吉爾哈特 jeff gearhart 也 指出 來自 皮革 染料 黏 著 劑 各種 塑膠 的 揮發性 化學物質 約 有 50 100 種 可謂 是 化學物質 雞尾酒 車內 4 大 空 汙 來源 對 經常 開車 的 人 來說 車內 空氣 品質 攸 關 健康 臺灣 氣喘 學會 副 秘書長 胸腔 重症 醫師 蘇一峰 表示 車內 空 汙 主要 有 4 個 來源 車輛 內裝 包括 皮革 染料 黏 著 劑 各項 塑膠 都 是 有機化合物 和 溶劑 含有 致癌物質 苯 甲苯 會 導致 肺癌 血癌 腎臟 癌 等 而且 隨 著 氣候 漸 暖 如果 車輛 停 在 戶外 直接 曝曬 高溫 會 增加 揮發性 有毒 物質 的 濃度 車內 佈置 有些 人 為了 讓 車內 會 擺放 毛毯 絨毛玩具 等 這些 都 容易 附 著 塵 蟎 和 灰塵 引發 氣喘 另外 許多 駕駛 會 在 車內 放置 芳香劑 可能 釋出 甲醛 等 有毒 物質 習慣 不 佳 如 在 車內 吸煙 吃 東西 食物 碎 屑 會 產生 異味 滋生 黴菌 跟 灰塵 結合 引發 氣喘 和 呼吸道 疾病 車外 污染源 主要 是 粒狀 污染物 原因 包括 戶外 空氣 品質 不 佳 車多 壅 擠 的 尖峰 時段 和 高速公路 許多 人 認為 汽車空調 能 過濾 車內 外 空氣 因此 車內 空氣 品質 應該 是 相對 好 的 但 其實不然 其中 原因 在於 汽車空調 是 吸引 車外 空氣 在 車內 迴圈 尤其 是 前車 是 柴油 卡車 這類 重 污染 的 車輛 擺脫 車內 病毒 和 空 汙 可以 做 3 件 事 面對 車內 空 汙 和 防疫 考量 專家建議 最好 的 方式 是 開 窗 戴 口罩 和 勤 換 空調 濾 網 1 開 窗 蘇一峰 建議 坐 上車 後 先 開 窗 10 分鐘 讓 車內 空氣流通 降低 車內 有害物質 的 濃度 尤其 是 經 烈日 曝曬 過 後 的 車子 更該 這樣 做 如果 車外 空氣污染 嚴重 是否 該 開 窗 呢 高雄長庚醫院 胸腔 內科 主治醫師 王金洲認為 和 空 汙 比較 武漢肺炎 是 急性 的 感染 應以 防疫 為 優先 建議 開 窗 戴 口罩 雖然 醫用 平板 口罩 無法 抵擋 pm 25 但 能 過濾 較 大 的 空氣 雜質 也 有 一定 的 保護 功效 2 戴 口罩 衛生 福利 部 南 投 醫院 感染 控制 科 主任 廖嘉宏 建議 想 防疫 最好 的 方式 是 開 車窗 戴 口罩 至於 車外 迴圈 的 效果 則 因為 每 台車 的 換氣 率 不同 不 一定 能 充分 將 車內 外 空氣 交換 他 也 不 建議 只 開 一 扇 的 車窗 因為 開 窗 會 造成 空氣 流動 在 下風 處 的 人 可能 會 被 上風 處 靠 開 窗 處 的 傳染 他 說 車內 迴圈 當然 更糟 豔 永華 國際有限公司 執行長 多 所 職校 汽車 科 培育 講師 廖俊樺 也 指出 開 窗 是 營造 半 開放式 的 空間 空氣 流動 下 病毒 量 會 降低 減少 感染 風險 能 搭配 口罩 是 最 完整 的 保護 不過 他 也 認為 不管 有無 開 窗 若 有 防疫 考量 在 車內 的 人 都 建議 戴 口罩 3 勤 換 濾 網 如果 碰到某些 情況 不 方便 開 窗 例如 外面 下 大雨 則 可 使用 外 迴圈 功能 車外 迴圈 可以 提供 一些 新鮮空氣 降低 車內 一氧化碳 二氧化碳 和 其他 有毒 化學物質 的 濃度 但 廖俊樺 也 提醒 要 勤 換 空調 濾 網 如此 可以 增加 車內 換氣 的 效率 一般 是 里程 5000 至 10000 公里 就要 更換 濾 網 蘇一峰 說 如果 是 接 載 陌生人 或 不 確定 是否 有 傳染 風險 的 親朋好友 除了 戴 口罩 也 可 在 乘客 下車 後 清潔 座椅 安全帶 手把 等 地方 廖俊樺 強調 目前 車用 空氣 清淨機 還 沒有 證據 顯示 可以 降低 空氣 中的 病毒 量 所以 還 是 應 保持 車內 通風 除了 空氣 清淨機 還 可以 這樣 做 想 防範 武漢肺炎 要 戴 口罩 開 窗 保持 空氣流通 勤 換 濾 網 如果 是 想 改善 車內 空氣 品質 降低 毒物 濃度 除了 可 購買 離子 式 或 具備 活性碳 濾 網 的 空氣 清淨機 來 淨化 空氣 還要 注意 以下 4 個 重點 不 要用 化學 清潔劑 清洗 車內 用 清水 即可 不要在 車內 抽煙 即使 開 窗 抽煙 車內 空氣 還 是 會 變 差 保持 車內 環境 乾淨 用 吸塵器 清潔 容易 卡 髒汙 的 地方 如 腳 踏 墊 座椅 縫隙 等 移除 不必要 的 毛料 裝 飾物 減少 塵 蟎 和 灰塵</t>
  </si>
  <si>
    <t>彰 化 縣 衛生局 20 日 下午 再次 公佈 確診 個案 公共場所 活動 史 包括 了 溪湖 的 五星級 平價 鍋 物 嬉遊 郵局 員林 高中和 墊 腳 石 圖書 等 文化廣場 衛生局 強調 看 足跡 也 要 比對 時間 這 段 時間 內 有 到 過 這些 地方 出現 身體 不適症 況 就要 去 篩檢 注意 健康 自主 管理 彰 化 縣 今天 再 添 加 6 人 確診 彰 化 累計 確診 個案 達到 64 例 彰 化 衛生局 上午 公佈 9 個 足跡 後 下午 再 公佈 最新 8 個 足跡 其中 溪湖 郵局 占 了 兩 個 時段 提醒 民眾 注意 彰 化 縣 衛生局 強調 公佈 足跡 不是 獵 巫 標籤 化 考量 確診 者 幾乎 都 是 在 密閉空間 接觸 同時 間 進行 餐飲 聊天 等 成 了 高風險 同 時間 內 到 過 這些 地方 需要 自我 留意 彰 化 縣 衛生局長 葉 彥 伯 也 提供 怎麼 看 足跡 四大 招 1 確認 地點 日期 和 時間 2 計算 自主 健康 管理 時間 自 足跡 接觸 日 起 加 14 天 314 天內 有 狀況 立即 就醫 4 就醫 時主動 告知 醫師 活動 接觸 史 配合 采 檢 等待 結果</t>
  </si>
  <si>
    <t>新冠肺炎 國內 確診 病例 目前 仍以 境外移入 為主 不過 專家 表示 相較 於 外出 無時無刻 不 戴著 口罩 在 家中 密閉空間 若 沒有 做 好 徹底 防護 家裡 可能 比 外面 還 危險 防堵 大規模 社區 傳播 是 目前 臺灣 的 防疫 關鍵 heho 健康 報導</t>
  </si>
  <si>
    <t>新冠肺炎 國內 確診 病例 目前 仍以 境外移入 為主 不過 專家 表示 相較 於 外出 無時無刻 不 戴著 口罩 在 家中 密閉空間 若 沒有 做 好 徹底 防護 家裡 可能 比 外面 還 危險 防堵 大規模 社區 傳播 是 目前 臺灣 的 防疫 關鍵 heho 健康 報導 台 大公 衛學院 教授 張靜文 指出 臺灣 目前 的 案例 以 家 人間 的 傳染 問題 最 嚴重 近日 確診 個案 中 有 一 名 太太 因為 每天 為 居家 檢疫 的 先生 送 餐 但 並 沒有 確實 戴 口罩 打掃 的 時候 也 沒有 戴 手套 醫師 推測 很 可能 就 是 因為 沒有 徹底 做好 衛生防護 而 導致 感染 專家 提醒 包括 門把 電燈 開關 冰箱 微波爐 抽屜 遙控器 桌面 和 水龍頭 等 家人 每天 都會 碰 觸 的 地方 一定 要 每天 清潔 而且 建議 清潔 時 要 戴 上 手套 若 不 習慣 戴 手套 清潔 後 也 一定 要 洗手 此外 由於 臺灣 已經 有 幼稚園 停課 因此 玩具 清潔 也 是 居家 防疫 的 重點 之一 除了 孩子 的 手部 衛生 千萬 不要 忘 了 家中 的 玩具 也 可能 成為 一大 污染源 無縫 的 玩具 可 直接 以 肥皂 水 清洗 不能 水洗 的 則 可用 稀釋 後 的 漂白 水消毒 後 再 用 清水 徹底 擦拭 一 次 並 放在 通風 良好 處 陰乾</t>
  </si>
  <si>
    <t>國內 疫情 升溫 多數 大專院校 均 已 停 掉 實體 課程 改為 線 上 教學 但 中小學生 卻 仍要 到校 上課 引發 擔心 國教 行動 聯盟 今天 發出 聲明 要求 位於 疫情 嚴重 地區 的 各級 學校 應 暫停 上課 或 采 遠距教學 國教 行動 聯盟 表示 新冠 疫情 持續 升溫 昨天 就 有 180 例 確診 指揮中心 也 宣佈 雙北 進入 第 三級 警戒 但 至今 尚 無法 完全 掌握 確診 者 的 足跡 可見 其 難度 尤其 是 染疫 的 熱區 人心惶惶 人人自危 因為 校園 的 安全難 以 確保 已 有 家長 考慮 讓 孩子 請假 留在 家中 避免 受到 感染 國教 盟 認為 校園 屬於 群 聚 密度 高 的 區域 特別 是 近來 天氣炎熱 教室 多 開 冷氣 密閉空間 更 令人擔憂 若 是 讓 小孩 繼續 上學 有 可能 家人 染疫 傳給 小孩 小孩 又 在 學校 傳給 同學 同學 回去 後 又 傳給 家人 這樣 的 傳播 鏈 只 會 讓 新冠 疫情 更加 無法控制 造成 更 多 的 傷害 現 已 有 50 多 所 大學 宣佈 將 從 5 17起 全面實施 遠距教學 國教 盟 質疑 群 聚 密度 較 低 的 大學 都已 採取 嚴格 的 防疫 措施 為何 密度 高 的 中小學 卻 要 繼續 到校 上課 國教 盟 強烈呼籲 位於 疫情 嚴重 地區 如 萬 華區 的 各級 學校 應 暫停 上課 或 采 遠距教學 以 確保 學生 安全 並 防止 病毒 擴散 全國 家長 團體 聯盟 理事長 彭淑燕 表示 以 現在 的 疫情 考量 到 學生 安全 他 支持 一 兩 周 這樣 的 短 時間 停止 實體 上課 改為 線 上 教學 或 至少 有 確診 案例 的 學校 就 全校 停課 改為 線 上 教學 不 過 彭淑燕 進一步 指出 根據 規定 12 歲 以下 小朋友 不能 單獨 在家 因此 政府 跨 部會 應該 超前 部屬 一旦 小朋友 必須 在 家 線 上 教學 家長 又 要 上班 這個 問題 要 怎麼 解決 譬如 應該 考慮 落實 防疫 照顧 假 中小學 停 實體 課 改為 線 上 教學 可以 做 但有 很多 問題 要 克服 全國 教師 工會 總 聯合會 理事長 侯俊良 表示 線 上 教學 之前 學校 都有 演練 過 對 多數老師 來講 不難 問題 在 學生 或 家長 是否 能 配合 侯俊良 表示 要 進行 線 上 教學 學生 家裡 需有 網路 或 電腦 平板 等 設備 但 這不 是 每個 家庭 都 有 應該 要 解決 此外 小學 低年級 及 幼稚園 學生 要 有 家長 在 一旁 陪伴 才能 進行 線 上 教學 但 家長 若要 工作 無法 在家 這個 問題 也 要 克服</t>
  </si>
  <si>
    <t>新冠肺炎 疫情 衝擊 旅遊業 與 運輸業 交通部 從 4 月 至 9 月 每月 補貼 計程車 2千 元 油錢 原本 要以 加油 前 500 公升 每 公升 補助 4 元 的 方式 昨日 宣佈 改 為 每 月初 直接 匯入 加油 卡內 讓 司機 能 更 實質 運用 補助 中油 則 送出 加碼 司機 只要 在 4 月 15 日前 辦 卡 核 卡 後 即 送 1千 元 加油 金 民眾 害怕 感染 新冠肺炎 不 願 待 在 密閉空間 計程車 生意 銳減 汽車 駕駛員 工會 理事 范阿水 說 以 前 一 天 可以 有 3千 元 左右 的 收入 現在 只 剩 600 至 800 元 更 明顯 的 是 機場 排 班 以前 他 在 松山機場 約 40 分鐘 就 會 有 客人 現在 班機 一直 取消 且 旅客 不 願 搭 計程車 竟然 要 等 到 5 小時 才 出現 客人 交通部長 林佳龍 昨日 前往 中油 公司 中侖 加油站 視察 計程車 油料 補貼 措施 辦理 並 聽取 簡報 他 強調 計程車 為 公共 運輸 最後 一 哩 路 受 新冠肺炎 疫情 衝擊 影響 營運 交通部 已 訂 定 相關 作業 要點 計程車 業者 可 持 行車執照 影本 向 中油 或 台塑 公司 指定 的 處所 申請 加油 卡 自 今年 4 月 1 日 起至 9 月 30 日 止 每 輛 每月 可 領 補貼 2千 元 6 個 月 最高 補貼 1萬2千 元 林佳龍 表示 交通部 在 這次 疫情 已 協助 計程車 業者 做好 防疫 工作 例如 每週 發放 7 片 口罩 給予 酒精 及 消毒水 等 呼籲 國人 仍 可 以 多 搭 計程車 交通部 指出 每月 2千 元 的 額度 原本 是 每 公升 補貼 4 元 補貼 500 公升 但 計程車 業 界 反映 就算 每次 加 50 公升 的 油 也 要 加 10 次 才能 領 完 補貼 一 是 麻煩 二 是 現在 根本 沒有 那麼 多 客人 不如 讓 駕駛人 於 加油 時可 自由選擇 使用 額度 不再 限制 加油 每 公升 定額 折 減 補貼 交通部 考量 後 決定 改 為 每月 儲值 千 元 至 加油 卡 若 該 月 未 使用 完畢 可以 持續 累積 但 必須 在 今年 年底 前 使用 完畢 額度 會 在 明年 元旦 歸零</t>
  </si>
  <si>
    <t>陳時中 籲 民 代 別跑 攤 密閉空間 戴 口罩</t>
  </si>
  <si>
    <t>指揮中心 今天 公佈 自 歐 土耳其 埃及 返台 的 國人 過去 14 天 約 16萬 人 也 預告 之後 的 確診 病例 有 暴 增 的 趨勢 讓 網友 害怕 現在 菜價 油價 低 感覺 這 波 我們 未 必然 擋得住 但 守 住 的 機會 非常 大 畢竟 歪 國人 不能 來 那 小 老百姓 們 需要 戰備 囤糧 嗎 原 po 在 ptt 一 問 引起 網友 熱烈 討論 紛紛 贊同 先 囤 個 2 周 疾 管局 都 說 這 兩 周 高風險 還 不 信 喔 現在 不先 準備 1 2 周 糧食 是 智 障 這 兩 周 高風險 儘量減少 外 食 吧 我 已經 買好 20 kg 大包 白米 1 包 了 我 要 守護 我家 田 了 怕 被 偷 拔 已 囤 是 說 蛋 價 漲 了 希望 別 漲 太 高 但 也 有人 認為 出門 戴 口罩 避免 去 人 多 的 密閉空間 就 好 不 用 囤 韓國 幾 千 例 不 也好 好 的 不 建議 日常 泡 面 衛生紙 買 幾 包就好 農夫 又 不受 疫情 影響 哪 會 短缺 不用 擔心</t>
  </si>
  <si>
    <t>美國 疾病 管制 暨 預防 中心 cdc 把 臺灣 列為 出現 明顯 社區 傳播 現象 臺北市 長 柯文哲 21 日 指出 重點 不是 名稱 實 務 比較 重要 必須 在 出現 後 很快 找到 撲滅 掉 才 是 正確 作法 美 疾 管 中心 指 台 發生 社區 傳播 柯文哲 認為 名稱 不 重要 何必 拘泥 名稱 還是 實 務 比較 重要 以 他 的 醫學知識 告訴 自己 說 社區 感染 一定 會 發生 因為 檔 不住 柯文哲 說 很 簡單 潛伏期 隨便 講 7 天 就 好 被 感染 的 人 坐 飛機 進 臺灣 完全 沒有 生病 這個 人 卻 在 臺灣 開始 咳嗽 所以 會 出現 社區 感染 他 覺得 沒有 什麼 了不起 只 是 出現 後 可以 很快 找到 撲滅 掉 這 才 是 正確 作法 重點 不是 拘泥 名詞 叫 什麼 東西 他 是 不 太 在意 那個 名詞 柯 表示 美國 列 名 是 照 美方 的 科學 符合 哪些 條件 做出 這個 定義 他 還 是 那 句 話 名稱 不 重要 實 務 效果 比較 重要 衛生 署 前 署長 詹啟賢 稱 臺灣 是否 為 社區 感染 只是 面子 問題 柯文哲 對此 回應 不要 問 他 這種 題目 醫學 很 簡單 問 醫學 他 就 回答 醫學 但 醫學 扯 到 政治 就 不 想 回答 了 此外 第 24 例 新冠肺炎 確診 案例 在 北部 面對 北 北 基 共同 生活 圈 該 怎麼 防範 柯文哲 說 社區 感染 回復 社區 的 防治 還 是 一樣 人 多 與 不 特定人 接觸 密閉空間 就 戴 口罩 其實 他 坐公車 還是 有 戴 隨 著 感染 增加 戴 口罩 的 百分比 是否 調高 就 看 自己 的 判斷</t>
  </si>
  <si>
    <t>疫情 來 襲 許多 家長 擔憂 密閉空間 容易 感染 因而 將 假日 郊遊 行程 轉移 至 戶外 空間 其中 高雄 市立 壽山 動物園 寓教於樂 皆 具 占地 廣大 寬闊 變成 家長 防疫期間 的 遛 兒 第一 首選 假日 平均 前來 參觀 人數 高達 3千 多 名 讓 小 朋</t>
  </si>
  <si>
    <t>疫情 來 襲 許多 家長 擔憂 密閉空間 容易 感染 因而 將 假日 郊遊 行程 轉移 至 戶外 空間 其中 高雄 市立 壽山 動物園 寓教於樂 皆 具 占地 廣大 寬闊 變成 家長 防疫期間 的 遛 兒 第一 首選 假日 平均 前來 參觀 人數 高達 3千 多 名 讓 小朋友 邊玩 邊 學 拉 近 與 大自然 的 距離 雖然 疫情 尚未 緩解 但 每逢 假日 家長 總是 希望 多 帶 學孩子 出去 走走 增進 親 子 感情 屬於 室外 空曠 又 富有 教育 價值 的 壽山 動物園 成為 首選 之 地 根據 園 方 統計 若 天氣 好 假日 2 天 可能 會 有 近 萬 人 湧 進 動物園 真正 影響 入 園 人數 的 反而 是 天氣 部分 營運 股 股長 謝忠麒 表示 疫情 多少 還 是 有 些許 影響 但 不是 特別 顯著 加上 動物園 是 戶外 空間 原本 要 帶 孩子 們 到 其他 密閉 場館 參觀 的 家長 反而 會 改 至 動物園 遊玩 相形 互補 之下 近期 來 動物園 的 民眾 並 沒有 下滑 反而 下雨天 遊客 人數 會 大大減少 儘管如此 為了 全力 防止 疫情 進入 動物園 園 方 每天 都 會 做 定期 消毒 特別 會 在 公共廁所 圍牆 欄杆 等 民眾 可能 接觸 的 地方 做 最 更 深入 的 消毒 工作 也 宣導 民眾 戴 口罩 勤洗手 入 園 前 也 派 人 在 入口處 量 體溫 防疫 工作 相當 嚴謹</t>
  </si>
  <si>
    <t>北京市 海澱區 1 名 赴 京 人員 今天 12 月 2 日 核酸 檢測 結果 為 陽性 經 初步 調查 該 陽性 人員 常住 哈爾濱市 11 月 26 日 與 哈爾濱市 確診 病例 在 密閉空間 有 接觸 11 月 28 日 乘坐 cz 2628 航班 從 哈爾濱太平國際機場 到達 北京 大興 國際 機</t>
  </si>
  <si>
    <t>北京市 海澱區 1 名 赴 京 人員 今天 12 月 2 日 核酸 檢測 結果 為 陽性 經 初步 調查 該 陽性 人員 常住 哈爾濱市 11 月 26 日 與 哈爾濱市 確診 病例 在 密閉空間 有 接觸 11 月 28 日 乘坐 cz 2628 航班 從 哈爾濱太平國際機場 到達 北京大興國際機場 在 京 暫住 地 為 海澱區 琨 禦府 東區 7 號 樓 海澱區 已 在 第一時間 啟動 應急 回應 立即 開展 疫 調 排查 對 相關 人員 活動 涉及 海澱區 軌跡 琨 禦府 東區 採取 管控 措施 啟動 相關 區域 人員 核酸 檢測 下 一 步 海澱區 將 加快 疫 調 溯源 和 核酸 檢測 快速 排查 風險 人員 嚴格 落實 管控 上海 新增 2 例 新冠肺炎 本土 確診 病例 一 地被 列為 中 風險 地區 此外 據 央 視網 報導 今天 12 月 2 日 18 時 上海 舉行 新冠肺炎 疫情 防控 工作 新聞 發佈會 會上 介紹 截至 今天 12 月 2 日 17 時 上海市 新增 2 例 新冠肺炎 本土 確診 病例 上海市 區 疫情 防控 應急 處置 機制立即 啟動 全面 開展 流行病 學 調查 相關 人員 排查 採樣 檢測 和 隔離 管 控 落實 相關 場所 及 環境 終末 消毒 等 防疫 措施 這 2 例 病例 均 已 轉運 至 上海市公共衛生臨床中心 隔離 治療 目前 病情 穩定 上海市 衛健 委 正 在 開展 流行病 學 調查 溯源 和 防控 管理 等 工作 截至 目前 暫 未 發現 與 此前 的 疫情 有 關聯 根據 國務院 聯防 聯控 機制 有關 要求 經市新冠肺炎 疫情 防控 工作領導小組辦公室 研究 決定 將 浦東新區 花木街道 牡丹路 186 弄 社區 列為 中 風險 地區 上海市 其他 區域 風險 等級 不 變</t>
  </si>
  <si>
    <t>高雄 30 日 新增 2 例 確診 個案 皆 與 先前 發生 的 仁武 家庭 群 聚 案 有 關聯 其中 案 14872 與 指標 個案 侄兒 的 同事 同 住 於鳳 山區 某 棟 大樓 雖然 雙方 互不 認識 也 住 在 不同 樓層 但 疑 似 因為 他 與 確診 者 前後 分別 搭乘 同 部 電梯 在 密閉空間 染</t>
  </si>
  <si>
    <t>高雄 30 日 新增 2 例 確診 個案 皆 與 先前 發生 的 仁武 家庭 群 聚 案 有 關聯 其中 案 14872 與 指標 個案 侄兒 的 同事 同 住 於鳳 山區 某 棟 大樓 雖然 雙方 互不 認識 也 住 在 不同 樓層 但 疑 似 因為 他 與 確診 者 前後 分別 搭乘 同 部 電梯 在 密閉空間 染疫 隨後 再 將 病毒 帶 回家中 也 造成 2 位 同 住 家人 確定 染疫 但 尚未 列 案 號 目前 該 大樓 已經 確定 有 5 人 染疫 高雄 市長 陳其邁 表示 案 14872 因 症 就醫 采 檢 時 確診 疫 調 人員 發現 他 住處 位 在 鳳山 某 大 樓 3 樓 而 先前 染疫 的 指標 個案 侄兒 的 同事 則 是 住 在 同 棟 大樓 7 樓 為了 不讓 病毒 擴大 感染 立即 清 空 大樓 召回 所有 住 民 共 149 位 對 他們 安排 采 檢 並 分送 防疫 旅館 隔離 陳其邁 指出 該 棟 大樓 是 屋齡 將近 30 年 的 平面 大樓 且 僅 有 一個 狹窄 的 出入口 及 3 部 共用 電梯 他們 研 判 案 14872 是 與 先前 確診 的 個案 在 6 月 21 日 發病 前 搭乘 同 部 電梯 造成 接觸 感染 且 案 14872 也 將 病毒 帶 回家中 傳染給 2 位 同 住 家人 目前 整 棟 大樓 已經 確定 有 5 人 染疫 高 市府 接 獲 案 14872 確診 的 消息 後 火速 到場 封樓 並 召回 大樓 內 所 有 住戶 以 防疫 巴士載 送到 防疫 旅館 並 安排 檢測 導致 附近 居民 人心惶惶 有 民眾 在 網路上 批評 對 高 市府 把 被 匡列者 送 旅館 隔離 的 法律依據 感到 不解 陳其邁 回應 這 是 個 痛苦 的 決定 基於 大樓 的 群 聚 已經 有 5 個 確診 個案 判斷 可能 是 因為 共同 感染 源 以及 環境 的 污染 所以 快速 採取 清零 計 畫 並 不是 只 發現 1 例 的 疑 似 個案 就 決定 整 棟 大樓 清 空</t>
  </si>
  <si>
    <t>日前 朝陽 科大 20 人 夜 唱 團 共 造成 11 人 確診 染疫 台中 市 衛生局 立即 應變 在 朝陽 科大 成立 快 篩 站 要求 當時 在校 師生 進行 篩檢 市 議會 國民 黨團 痛 批 竟 被 某 党 議員 曲解為 要求 全校 師生 都需 篩檢 莫非 見不得 民眾 都健康 嗎 民進黨</t>
  </si>
  <si>
    <t>疫情 大 爆發 政府 理應 救人 如 救火 大陸 主動 釋出 善意 願 提供 疫苗 幫助 臺灣 渡過難關 民進黨 政府 卻 冷 回應 假 好心 連 大陸 廠商 代理 的 國外 疫苗 都 不 肯 開放 堅持 發展 國產 疫苗 總統 蔡英文 說 疫苗 是 一 種 戰略 資源 必</t>
  </si>
  <si>
    <t>疫情 大 爆發 政府 理應 救人 如 救火 大陸 主動 釋出 善意 願 提供 疫苗 幫助 臺灣 渡過難關 民進黨 政府 卻 冷 回應 假 好心 連 大陸 廠商 代理 的 國外 疫苗 都 不 肯 開放 堅持 發展 國產 疫苗 總統 蔡英文 說 疫苗 是 一 種 戰略 資源 必須 掌握 在 自己 的 手上 綠 營 智庫 人士 賴怡忠 認為 這 是 疫苗 戰爭 是 一 種 非武力 戰爭 即使 缺 子彈 也 不能 向 敵人 伸手 心 無 人道主義 企圖 以 疫 謀 獨 當然 認定 大陸 以 疫 謀 統 只有 國家 戰略 沒有 人道 情懷 賴怡忠 在 疫苗 是 非武力 戰爭 的 論述 中 認為 美 日 及時 出手 援助 疫苗 顯示 戰爭 已經 沿 著 新冠肺炎 疫情 在 臺灣 開 打 一 方 是 想 藉 由 擴大 疫情 逼 使 臺灣 向 中國 靠攏 另 一 方是美 日 聯合 出手 協助 臺灣 反擊 中國 在 這 場 疫情 中的 作為 顯示 對 台 政策 本質 上 是 留 島 不留 人 不 考慮 臺灣 人民 的 想法 而 啟動 對 台 攻擊 臺灣 對抗 疫情 的 戰鬥 已 演變成 為 一場 美 日 台 聯手 面對 中國 及其 在 台 同路人 發動 的 非武力 戰爭 從 這種 論述 中 可知 民進黨人 的 腦袋 裡 對 疫苗 只有 戰略 思考 沒有 人道 情懷 人道 是 重視 人類 價值 特別 是 關心 最 基本 的 人 的 生命 生存 的 一 種 思想 關注 的 是 人 的 幸福 強調 人類 之間 的 互助 關愛 與 重視 人類 的 價值 國際 人道主義 表現 在 聯合國 憲章 裡 更 呈現 在 國際 人道 法 之中 主要 是 指 出於 人道 原因 國際 社會 設法 將 武裝 衝突 所 帶來 的 影響 限制 在 一定 範圍 之內 的 一系列 規則 的 總稱 它 保護 沒有 參與 或 不再 參與 敵對行動 的 人 並 對 作戰 的 手段 和 方法 加以 限制 國際 人道 法 也 稱 戰爭 法 或 武裝 衝突 法 國際 人道 法 是 為了 保護 個人 避免 個人 在 戰爭 中 遭到 屠殺 甚至 出現 種族 屠殺 的 狀況 冷戰 結束 以後 由於 一些 國家 經歷 了 種族 屠殺 的 殘害 聯合國 出於 人道主義 開始 進行 國際 維和 行動 目的 就是 為了 建造 國際 和平 大陸 支持 國際 維和 行動 一再 主張 國際 秩序 應該 依照 聯合國 憲章 的 精神 爭取 每個 國家 在 國際 社會 都 能 受到 平等 對待 以及 擁有 同樣 的 發言權 這 一點 表現 在 大陸 回應 g 7 高峰 會 的 聲明 所稱 新冠肺炎 疫情 仍 在 世界 肆虐 全球 經濟 低迷 復蘇 乏力 氣候變化 等 全球性 挑戰 日益突出 在 此 背景 下 國際 社會 需要 的 是 全面 的 團結 與 合作 但是 這次 峰會 讓 世人 看到 的 是 搞 小圈子 和 集團 政治 是 製造 對立 與 分裂 這 是 逆 時代 潮流 而 動 違背 全球 人民 的 共同利益 也 無助於 國際 社會 攜手 應對 共同 的 挑戰 坐 實 大陸 以 疫 謀 獨 指控 既然 大陸 主張 國際 社會 應該 共同 攜手 應對新冠肺炎 的 挑戰 就 不會 以 疫 謀 統 發動 對 台 武統 戰爭 畢竟 武統 最好 速戰速決 否則 就要 打 持久戰 無論 何者 都 會 造成 生命 損失 後者 傷亡 會 更 嚴重 在 疫情 肆虐 當下 正當性 不足 尤其 發動戰爭 必須 大量 集中兵力 動員 物資 眼前 更 不 適當 疫苗 援 台 當然 有 統戰 目的 民進黨 政府 卻 視為 戰爭 行為 妖魔 化 大陸 動機 既 不 符合 實情 也 無助於 防疫 把 疫苗 作為 戰略 資源 來 思考 更 會 增加 國際 與 國內 社會 的 不安 事實上 在 全球化 的 發展 之下 科技 能力 已 成為 主導 地緣 政治 的 新 力量 善用 科技 實力 構築 和平 橋樑 才是 國安 的 最佳 保障 這 也 是 非傳統 安全觀 把 科技 發展 當成 建構 國家 安全 條件 的 理由 以 臺灣 來說 我們 有 一 座 護 國 神 山 台 積 電 在 全球 缺 晶 片 的 時刻 各國 都 會 關注 台海 安全 同樣 地 臺灣 若 能 發展 出新冠 疫苗 也 會 有助 台海 安全 只是 在 還 沒有 成功 發展 出新冠 疫苗 之前 應盡 最 大 力量 爭取 各種 疫苗 進口 以 保障 臺灣 的 安全 民進黨 政府 只 願意 接受 美 日 疫苗 卻 堅決 拒絕 大陸 疫苗 不 平衡 的 關係 只 會 讓 大陸 有 指控 民進黨政 府 以 疫 謀 獨 的 口實 大國 疫苗 外交 強調 的 是 人道主義 是 一 種 善 的 力量 大陸 疫苗 援 台也 是 出於 善意 民進黨 政府 卻 把 疫苗 當成 武器 要 打 一 場 疫苗 戰爭 大國 若 想 以 掌 控 新冠 疫苗 來 主宰 國際 社會 最後 可能 遭到 人道主義 的 反撲 無法 實現 強權 的 目標 臺灣 更 不能 企圖 利用 疫苗 達成 戰略 目的 違背 人道 原則 只 會 遭到 人民 唾棄</t>
  </si>
  <si>
    <t>bnt 疫苗 28 日 開放 18 歲 以上 民眾 意願 登記 民眾 瘋 搶 對此 藍委洪 孟楷 認為 這 代表 大家 對於 國際 合格 認證 的 疫苗 較 有 信心 因此 他 主張 bnt 疫苗 應該 全部 年齡層 都 能夠 選擇 並 要求 政府 加碼 採購 1500萬 劑 bnt 疫苗 以 足夠 人民 選擇 及 因應 明年 可能 變化 洪 孟 楷 今 29 日 在 臉書 發文 表示 對於 bnt 疫苗 開放 登記 踴躍 的 程度 超乎想像 代表 大家 對於 國際 合格 認證 的 疫苗 較 有 信心 而 民進黨 政府 已經 鬆口 標籤 不是 重點 內容 物 是否 有效 才 是 關鍵 代表 過去 一 年 多 拘泥 在 標籤 根本就是 政治 意識形態 之 爭 看到 近期 很多 綠 營 的 民 代 都 紛紛 跳 出來 要求 bnt 應該 開放 給 不同 年齡層 施打 洪孟楷 主張 bnt 疫苗 應該 全部 年齡層 都 能夠 選擇 疫苗 數量 不足之處 就 請 政府 趕快 購買 才能 真正 讓 人民 早日 有 集體 保護 力 對於 民進黨 過去 怎麼 打 壓 或是 酸 言 酸 語 針對 bnt 疫苗 洪孟楷 直言 現在 綠 營 願意 轉彎 也 是 對 專業 合格 疫苗 的 校正 回歸 既然 標籤 已經 不是 民進黨 的 心 魔 了 之前 兩 次 紓困 預算 通過 的 300 多 億 疫苗 專款專用 購買 經費 也 該 採購 bnt 否則 明年 民間 捐贈 完畢 難道 臺灣 只能靠 善心 又 有 行動 力 的 企業家 他 呼籲 預先 採購 才 是 真正 超前 部署 別 再 講 空話 趕快 行動 吧</t>
  </si>
  <si>
    <t>對於 海軍 磐石 軍艦 有 24 名 確診 新冠肺炎 民進黨立委 林 昶 佐 表示 必須 展現 防衛 的 能量 與 決心 相關 訓練 有些 不能 停止 神 朱學 恒 則 說 搞不清楚 敦睦和 展現 防衛 決心 的 差別 大家 不要 怪 他 因為 他 沒 當兵 對於 海軍 敦睦 艦隊 出訪</t>
  </si>
  <si>
    <t>對於 海軍 磐石 軍艦 有 24 名 確診 新冠肺炎 民進黨立委 林 昶 佐 表示 必須 展現 防衛 的 能量 與 決心 相關 訓練 有些 不能 停止 神 朱學 恒 則 說 搞不清楚 敦睦和 展現 防衛 決心 的 差別 大家 不要 怪 他 因為 他 沒 當兵 對於 海軍 敦睦 艦隊 出訪 帛 琉 返台 後 磐石 軍艦 上計 有 24 名 官兵 生 確診 新冠肺炎 民進黨立委 林 昶 佐 表示 我們 必須 展現 防衛 的 能量 與 決心 相關 訓練 有些 不能 停止 也 不可能 將 國防 工作 完全 公告 周知 但是 在 防疫 疫 調上 國防部 必須 透明 坦白 的 向 指揮中心 完整 交代 厘 清 脈絡 林 昶 佐 建 請 應該 緊急 回溯 檢疫 過去 至少 一個 月 以來 針對 目前 不管 是 海軍 海巡 或是 教育 訓練 海大 的 船舶 盤點 相關 行程 以及 船 艦 成員 健康狀況 而 因 客觀 形勢 不能取消 的 航行 計 畫 也 應該 以 磐石 艦 為 例 與 指揮中心 一起 梳理 現行 流程 缺陷 做 相關 調整 並 提升 防疫 措施 而 宅 神 朱學 恒 則 酸 大家 不要 怪 他 因為 他 沒 當兵 所以 雖然 在 國防 外交委員會 也 搞不清楚 敦睦和 展現 防衛 決心 的 差別 他 大概 覺得 要 跑 到 帛 琉 去 才能 對抗 中共 吧</t>
  </si>
  <si>
    <t>國際 間 已 有 59 國 開始 注射 新冠肺炎 疫苗 臺灣 卻 買不到 疫苗 防疫 指揮官 陳時中 在 1 月底 先為 國人 打 預防針 他 坦承 打 疫苗 一定 比 他國 晚 這 番 大 實話 真是 令 人 無言以對 對此 困境 民進黨立委 王 定宇 開始 帶 風向 稱</t>
  </si>
  <si>
    <t>國際 間 已 有 59 國 開始 注射 新冠肺炎 疫苗 臺灣 卻 買不到 疫苗 防疫 指揮官 陳時中 在 1 月底 先為 國人 打 預防針 他 坦承 打 疫苗 一定 比 他國 晚 這 番 大 實話 真是 令 人 無言以對 對此 困境 民進黨立委 王 定宇 開始 帶 風向 稱 臺灣 民眾 在 沒有 出國 可能 或 需要 前 實在 沒有 注射 疫苗 的 急迫性 王定宇 不急 但 民眾 很急 若 疫苗 終於 買來 了 不 著 急 的 王 委員 是不是 你 先 打 我 ok 自願 最後 一個 注射 新冠肺炎 造成 全球 大 流行 至今 已 年 餘 國際 商旅 形同 中斷 百業 淒慘 民眾 防疫 心理 壓力 備增 過去 政府 宣揚 由 民間 與 官方 組成 的 國家隊 從 做 口罩 研發 篩檢 試劑 研發 疫苗 均 成效 卓著 勝過 對岸 一 年 過去 了 人民 心裡 著 急 想要 疫苗 但 國內 研發 落後 外購 又 買不到 民眾 要 等到 何時 更何況 如果 各國 紛紛 完成 疫苗 施打 重 啟 國門 與 國際 恢復 往 來時 臺灣 若 未 施打 或 施打 率 低 臺灣 會 被 列入 開放 之列 國人 有 辦法 走 得 出去 嗎 王 定宇 說 不必 急 著 打 疫苗 正如 同 去年初 疫情 剛 開始 時 前 總統 馬英九 前 高雄 市長 韓國瑜 出入 公共場合 都 戴 口罩 卻 被 綠 營 抨擊 為 製造 恐慌 衛福部 還 找 醫師 拍攝 影片 告訴 民眾 在 公共場合 可以 不 用 戴 口罩 綠 委 更 發起 我 ok 你 先 領 活動 蔚成 風潮 其實 是 為了 掩飾 口罩 產能 跟不上 的 事實 現在 又 帶 風向 說 既 不 出國 臺灣 不急 著 要 疫苗 是不是 也 想 隱瞞 疫苗 取得 碰壁 的 窘境 臺灣 防疫 能 成功 很 大 的 原因 要 歸功 於 臺灣 民眾 自主 的 防疫 意識 這 是 大家 一起 努力 的 成果 政府 有 做得好 的 地方 也 有 做 不足之處 但 政府 遇到 不利 的 狀況 就 發動 網 軍 帶 風向 帶 不動 風向 就 尋找 異音 批鬥 藉 此 移 轉 焦點 新冠肺炎 是 全人類 前所未見 的 考驗 防疫 原本 就 是 邊 做 邊 修正 但 政府 無法忍受 被 人 指教 倨傲 不 接受 建議 才是 防疫 最大 的 破 口</t>
  </si>
  <si>
    <t>世界衛生組織 who 幹事長 譚 德塞 昨天 公開 指控 臺灣 發動 對 他 個人 的 種族歧視 言論 攻擊 前 民進黨立委 沈富雄 今 表示 這 一 役 臺灣 的 表現 世人 有目共睹 不要 像 小孩子 唯恐 人不知 到處 嚷嚷 臺灣 來 了 沈富雄 今 在 臉</t>
  </si>
  <si>
    <t>世界衛生組織 who 幹事長 譚 德塞 昨天 公開 指控 臺灣 發動 對 他 個人 的 種族歧視 言論 攻擊 前 民進黨立委 沈富雄 今 表示 這 一 役 臺灣 的 表現 世人 有目共睹 不要 像 小孩子 唯恐 人不知 到處 嚷嚷 臺灣 來 了 沈富雄 今 在 臉書 指出 別 跟 譚某 一般見識 譚 德塞 被 罵 黑鬼 的 新聞 上 了 紐約 時 報頭 版 臺灣 處理 的 方式 是 典型 的 吳釗燮 模式 我 不喜歡 他 認為 如果 我 是 小英 總統 我 不 會 以上 駟 對 下駟 如果 非說不可 的話 我會 這麼 說 在 這個 網 軍 橫行 的 網路 時代 再 文明 的 國家 總 不 缺 不 文明 的 網 民 希望 秘書長 忙 你 的 防疫 當下 全世界 的 各個 角落 不少 人 都 認為 你 的 份 內 工作 尚有 不少 有待 改進 的 地方 他 強調 做為 地球村 的 一 份子 臺灣 應該 學習 的 是 優雅 厚道 堅毅 不屈 與 有力</t>
  </si>
  <si>
    <t>歐洲 多國 因 接種 az 疫苗 後 出現 血栓 故 暫時 施打 亞洲 的 泰國 昨日 12 也 宣佈 停 打 衛福部 部長 陳時中 卻 呼籲 持續 施打 引發 不少 質疑 藥師 林士峰 表示 血栓 發生率 約 萬分 之 006 az 疫苗 的 保護 力 卻 只 有 70 90 之間 臺灣 應跟著 停 打 較妥 網友 則 直言 陳時中 既然 對 自己 那麼 有 信心 又 一再 批評 大陸 制 疫苗 就 應 帶頭 打 az 疫苗 才 對 針對 歐盟 藥品 管理局 ema 表示 歐洲 已 接種 的 500萬 人中 有 30 例 血栓 事件 藥師 林士峰 12 日 在 臉書 貼 文 強調 疫苗 就 好像 是 施打 在 體內 的 口罩 但是 不同於 口罩 的 是 疫苗 也 是 一 種 藥品 凡 使用 藥品 都有 一定 的 機 率 必須 承受 藥品 可能 發生 的 副作用 而 使用 藥品 同時 也 要 考量 的 點 則 是 他們 能 發揮 多少 的 功效 林 士 峰 指出 500萬 人 施打 疫苗 後 出現 30 例 血栓 發生率 約 為 萬分 之 006 遠 低於 罕見 千分之 一 到 萬分 之一 之間 發生率 血栓 算是 嚴重 的 副作用 但是 考慮 到 az 疫苗 的 保護 力只 有 70 90 之間 也 遠 低於 輝瑞 或 莫德納 疫苗 的 95 保護 力 因此 他 才會 主張 我國 是否 也 跟 著 去 停 打 az 疫苗 會 是 比較 有利 的 選項 對此 網友 紛紛 回應 阿中 啊 既然 有 信心 是 時候 帶頭 示範 打 az 了 牙醫 部長 跟 總統 院長 應率 全家 公開 先 打 阿中先 打 az 疫苗 蔡英文 接 著 打 苗 文武百官 跟 著 打 直接 證據 會 出現 這個 人 壞透 了 多國 已經 停 打 有 例證 證明 嚴重 副作用 可以 讓 健康人 失去 生命 而 自己 怕 死 不 帶頭 施打 總統 與 五 院 院長 還有 陳時中 先 打 為什麼 自己 不敢 先 打 還要 逼 別人 去 打 請 小英 陳時中 蘇貞昌 及 民進黨立委 高官 先 打 都 沒有 問題 了 再 給 國民 施 打</t>
  </si>
  <si>
    <t>紓困 金 給 領 不 給 領 新冠肺炎 疫情 自 2020 年初 至今 民生 企業 生產 等 問題 全球 都 受到 影響 臺灣 當然 也 不 例外 行政院 6 日 推出 萬 元 紓困 補助 申請 提供 給 受到 疫情 影響 的 民眾 和 企業 能 暫時 度過 眼前 的 難關 然而 美意 卻 被 罵 翻 從 訂 定 方案 申請 手續 條件 資格 到 發放 時間 等 民眾 抱怨 手續 太 複雜 時間 標準 不 統一 資格 條件 太 高 全台 罵 聲 四起 今天 dailyview 網路 溫度計 就 透過 keypo 大 資料 關鍵 引擎 整理 紓困 方案 推出 至今 讓 網友 黑人 問號 到 不行 的 10 大 問題 看看 你 是否 也 感到 超 疑惑 10 增加 混亂 基本 生活費 算式 超 複雜 行政院 日前 提出 加碼 紓困 金 方案 提供 每戶 1萬 元 紓困 金 但 審核 標準 是 家戶 每人 每月 生活費 在 居住地 每人 每月 最低 生活費 15 倍 到 2 倍 之間 生活費 官方 公式 家戶 月 平均收入 家戶 總 存款 15萬 家戶 人數 家戶 人數 直接 讓 民眾 霧 煞 煞 不 知道 是 上 國文課 還是 數學課 抱怨 各縣市 生活費 不一 要 看 懂 演算法 就 夠 難 了 真 的 有 想要 讓 人 申請 嗎 9 追究 法律責任 申報 不實 難 查核 一 場 紓困 金 方案 引發 民眾 多方 抱怨 原本 要 發給 真正 面臨 生活 困難 的 人 卻 有 民眾 開 雙 b 轎車 大學生 揪 團 申請 讓 立 委 點出 亂象 不 需要 的 人 擠爆 公所 需要 的 人 卻 不 清楚 方案 雖然 有 宣 導 申報 不實 會 追究 法律責任 但 中央 sop 沒 訂好 後續 故意 亂 申報 的 人 又 該 怎麼 調查 8 為了 拍照 領錢 玉蘭花 漲價 是 在 哈 囉 行政院長 蘇貞昌 日前 舉例 紓困 金 希望 讓 舉 牌 賣 玉蘭 花 工作 一 族 民眾 受惠 意外 釀成 玉蘭 花 之 亂 許多 民眾 為了 符合 申請 資格 瘋 搶 玉蘭 花 去 賣 並 拍照 佐證 一夕之間 讓 花價 上漲 6 成 網友 都 傻眼 痛 批 投機 民眾 貪小便宜 也 酸 去 申請 紓困 金 的 根本 不 缺 錢 7 中央 sop 沒 訂好 紓困 亂糟糟 雖然紓困 方案 是 美意 一 場 不過 不只 申請 民眾 霧 煞 煞 負責 協辦 的 第一線 公所 人員 恐怕 也 手忙腳亂 政府 4 日 宣佈 防疫 紓困 政策 和 方案 但 衛福部 被 質疑 當天 深夜 才發 公文 宣 達 6 日 就要 正式 申請 公所 人員 有 搞懂 了 嗎 其中 民進黨立委 蘇 巧慧 質詢 痛 批 衛福部 sop 混亂 也 被 批 罵 老 爸 行政院長 蘇貞昌 的 下屬 是 公主 救 駕 最後 蘇貞昌 趕緊 發佈 道歉 聲明 表示 有錯就改 試圖 緩和 民眾 的 怒氣 6 申請 沒 效率 排隊 排到 臉 都黑 掉 政府 6 日 匆忙 擴大 紓困 方案 各縣市 區公所 一早 就 被 申請 民眾 塞 爆 不只 公所 人員 因為 太 晚 收到 公告 不 熟悉 作業 流程 也 因為 工作 證明 認定 不 明確 搞 得 民眾 一個 個 卡 位 還 得 先 厘 清 資料 證明 才能 通過 申請 生氣 抱怨 得 大有人在 雖然 政府 後續 宣佈 簡化 申請 程式 但 到 現場 詢問 排隊 申辦人 潮 仍 擠爆 公所 5 為什麼 計程車 司機 可以 領 比較 多 錢 平平 都 是 臺灣 公民 想 要領 1萬 元 的 紓困 金 手續 繁多 條件 一長串 還 不 一定 領 得到 但 同樣 的 紓困 方案 政府 卻 直接 給 計程車 司機 3萬 引發 不 公平 爭議 不過 有 網友 跳出 來 平反 計算 薪資 證明 計程車 司機 收入 的 確 比 一般 勞工 低 且 接觸 人群 疫情 危險性 更 高 他們 真 的 更 需要 紓困 金 4 各縣市 不 同調 新北 從寬 認定 花蓮 暫停 申請 紓困 方案 上路 除了 各部 會 有 各種 申請 標準 和 條件 外 各縣市 開始 時間 也 有 不同 步調 引起 反彈 日前 行政院 宣佈 6 日 開始 申請 花蓮 市公所 卻 表示 還 沒 收到 公文 要 延到 11 日 才 受理 而 新北 市 申請 資格 也 在 市長 宣佈 下 從寬 認定 資料 從簡 從速 發放 同 套 標準 卻 有 不同 步調 民眾 也 不開 心 3 排 富 大小 眼 3萬 爽爽 發 1萬 查 身家 行政院 針對 紓困 方案 提出 未加 保 勞工 農 漁民 加發 1萬 紓困 金 不過 卻 要 提出 身家 證明 國民黨 立 委 林奕華 就 質疑 為什麼 所有 的 紓困 方案 都 沒有 審核 存款 只有 無 勞保 者 方案 要求 要 審 這 對 急需 紓困 的 人 不僅 增 添麻煩 更 傷害 尊嚴 引起 友 不滿 狠 酸 3萬 爽爽 發 1萬 查 身家 領 3萬 比 領 1萬 簡單 2 申請 門檻 一 堆 看 得 到 吃 不到 想要 申請 到 紓困 金 你 得 先 符合 資格 各種 身分 有 各種 申請 門檻 什麼 無 軍公教 勞保 全家人 平均 所得 要 超低 存款 限制 等 條件 從 第一 條 篩 到 最後 一 條 發現自己 其實 有些 條件 根本 算不上 就 成 了 紓困 金 無緣 者 根本 看 得 到 吃 不 到 ptt 網友 也 直說 能 通過 申請 的 根本 都 低 收 家庭 吧 1 各部 會 標準 不一 到底 有 幾 種 可以 領 新冠肺炎 疫情 影響 民生 企業 中央 推出 紓困 方案 提供 民眾 申請 但是 勞動部 衛福部 財政部 文化部 交通部 等 各部 會 都 推出 各家 領 法 衛福部 沒 勞保 能 領 勞動部 針對 勞保 勞工 文化部 針對 藝術 表演者 管控 內容 不同 標準 也 各 有 不 一樣什麼 時候 開始 申請 誰 有 資格 領 加加減減 可以 領 多少 真的 別 怪 民眾 看 得 霧 煞 煞 網路 溫度計 調查結果 之 圖文 未經 授權 請勿 轉載 改寫 分析 說明 本 研究 資料 由 keypo 大 資料 關鍵 引擎 提供 分析 時間 範圍 為 2020 年 02 月 08 日 至 2020 年 05 月 07 日 共 三 個 月 系統 觀測 上萬 個 網站 頻道 包括 新聞頻道 facebook ptt 及 各 大 討論區 部落 格 等 針對 討論 紓困 金 亂調 相關 文本 進行 分析 並 根據 網友 就 該 議題 之 討論 作為 本 分析 依據 本文 所 調查 之 結果 非 參考 投票 民 調 網路 問卷 等 資料 名次 僅 代表 網路 討論 聲 量 大 小 不 代表 網友 正負 評價 本篇 分析報告 使用 keypo 大 資料 關鍵 引擎 延伸 閱讀</t>
  </si>
  <si>
    <t>民進黨 政府 一舉 動 李德維 進口 bnt 疫苗 有 譜 了</t>
  </si>
  <si>
    <t>臺灣 陷入 疫苗 荒 民眾 搶 打 殘 劑 外界 對 永齡 基金會 和 台積電 等 機構 引進 bnt 疫苗 殷殷 期待 各式 傳聞 報導 不 斷 對此 國民黨 立 委 李德維 觀察 一些 媒體 報導 他 認為 進口 bnt 疫苗 應該 有 譜 了 之所以 如此 肯定 是因為 府 院 黨 開始 搶功 對於 近來 一些 媒體 報導 bnt 疫苗 進度 李德維 今 5 日 在 臉書 發文 表示 由 永齡 基金會 與 台積電 採購 的 bnt 疫苗 進口 應該 有 譜 了 而 他 之所以 這麼 肯定 理由 也 很 簡單 因為 府 院 黨 開始 搶功 李德維 觀察 上周 部分 親 綠 媒體 的 御用 記者 們 已經 開始 放 消息 寫 小說 又 是 獨家 又 是 內幕 某 新聞網 說 多虧 行政院 政務委員 羅 秉 成 幫忙 另 一家 新聞網 則 強調 德國政府 出手 相助 李德維 認為 這些 報導 的 動機 與 筆觸 昭然若揭 就是 要 模糊 焦點 永齡 基金會 與 台積電 的 疫苗 交易 還是 透過 上海 複 星 繞回 東洋 模式 完成 針對 這些 媒體 舉動 李德維 直言 又 是 認知 作戰 因為 民進黨 政府 終究 無法解釋 為了 抗 中 反 中 無視 商業 代理 機制 硬是 抵制 上海 複 星 與 東洋 模式 結果 就 是 虛 耗 大半 年 置 人民 生命 與 生計 於 險境 如果 去年 10 月 當 東洋 生 技 以 有 條件 授權 來 洽商 時 指揮中心 就 直接 採購 3000萬 劑 會 不 會 如今 600 多 位 的 死者 其中 有些 人 就 能 逃過一劫 李德維 稱 其實 都 是 老套路 相信 民眾 都能 看破 馬腳 但 真正 重要 的 是 即便 永齡 基金會 與 台積電 加上 慈濟 出手 採購 量 還是 不夠 全民 施 打 兩劑 更 別說 是 為了 防範 變異 病毒 的 第 三 劑 既然 永齡 基金會 與 台積電 已經 把 路 走 通了 那 上海 複 星 也 不再 是 問題 政府 應該 趕緊 跟上 追加 採購 編 了 數 百億 元 預算 結果 被 捐贈 的 比 買到 的 多 民間 買到 的 比 政府 買到 的 好 李 譏諷 民進黨 政府 的 黑色幽默 人民 無福消受</t>
  </si>
  <si>
    <t>美國 媒體 近日 公佈 6 月 各國 新冠 韌性 排名 臺灣 排名 雪崩 式 暴跌 到 44 名 淪為 倒數第 10 名 對此 前 民進黨立委 林濁水 認為 原因 很 震撼 恐 與 數位 疫苗 護照 上路 歐盟 27 國 7 月 1 日 直接 刷 手機 通關 有關 難怪 臺灣 在 5</t>
  </si>
  <si>
    <t>美國 媒體 近日 公佈 6 月 各國 新冠 韌性 排名 臺灣 排名 雪崩 式 暴跌 到 44 名 淪為 倒數第 10 名 對此 前 民進黨立委 林濁水 認為 原因 很 震撼 恐 與 數位 疫苗 護照 上路 歐盟 27 國 7 月 1 日 直接 刷 手機 通關 有關 難怪 臺灣 在 53 個 主要 經濟 體 中 由 第 2 名 一路 掉 到 44 名 美 媒 彭博社 公佈 6 月份 各國 新冠 韌性 排名 the covid resilience ranking 臺灣 繼 5 月份 從 先前 的 前段 班 重摔 到 15 名 後 更進一步 慘跌 到 44 名 對於 臺灣 防疫 排名 慘跌 林濁水 今 1 日 也 在 臉書 表示 很 震撼 歐盟 數位 疫苗 護照 上路 27 國於 7 月 1 日 直接 刷 手機 通關 難怪 排名 一路 狂 調 這 也 是 防疫 戰 戰術 取向 的 解決 當前 問題 取向 的 臺灣 固然 盛於前 終於 輸給 戰略 取向 的 佈 局 末 來 前瞻 取向 的 西方 國家 美麗 島 電子 報 董事長 吳子嘉 6 月 29 日 則 是 在 政論 節目 直言 這個 下滑 的 速度 是 世界之最 若 自己 是 行政院長 蘇貞昌 或 衛福 部長 陳時中 早就 吃 不 下飯 了 針對 外界 質疑 民進黨 立院 黨團 副 幹事長 黃世傑 則 表示 是因為 三級 警戒 後 各種 人流 管制 以及 疫苗 接種 率 較 低 所以 排名 才 往下掉 他 還 指出 防疫 排名 並 非政府 在意 的 因素 控制 住 疫情 才是 最 重要 的 數位 疫苗 護照 上路 歐盟 27 國 7 1 直接 刷 手機 通關 很 震撼 難怪 彭博 資訊 全球 防疫 韌性 排名 臺灣 在 53 個 主要 經濟 體 中 由 第 2 名 一路 掉 到 44 名 這 也 就 是 防疫 戰 戰術 取向 的 解決 當前 問題 取向 的 臺灣 固然 盛於前 終於 輸給 戰略 取向 的 佈 局 末 來 前瞻 取向 的 西方 國家 的 故事</t>
  </si>
  <si>
    <t>新冠肺炎 臺灣 林濁水 44 名 民進黨</t>
  </si>
  <si>
    <t>立院 通過 紓困 條例 修正案 民進黨 呼籲 盡 速 讓 預算 通過</t>
  </si>
  <si>
    <t>立 法院 今天 三讀通過 紓困 振興 特別 條例 修正案 民進黨 感謝 朝野 政黨 的 合作 讓 紓困 條例 順利 通過 發言人 周江傑 表示 接下來 的 紓困 特別 預算案 也 將 送 進 立法 院 此時 紓困 對 臺灣 來說 是 極為重要 當前 此刻 全民 期待 的 是 朝野 不</t>
  </si>
  <si>
    <t>疫苗 周江 傑 民進黨 新冠肺炎 臺灣</t>
  </si>
  <si>
    <t>行政院 上周 宣佈 紓困 40 上路 勞動部 也 釋出 安心 即時 上工 職 缺 但 民進黨立委 鍾 佳 濱 等 人 今日 召開 線 上 記者會 指出 許多 沒有 勞保 的 打工族 並未 符合 上工 的 資格 門檻 很多 學校 社團 老師 也 成無保 孤兒 不但 紓困 沒 著 落 又</t>
  </si>
  <si>
    <t>行政院 上周 宣佈 紓困 40 上路 勞動部 也 釋出 安心 即時 上工 職 缺 但 民進黨立委 鍾 佳 濱 等 人 今日 召開 線 上 記者會 指出 許多 沒有 勞保 的 打工族 並未 符合 上工 的 資格 門檻 很多 學校 社團 老師 也 成無保 孤兒 不但 紓困 沒 著 落 又 不能 申請 勞動部 職 缺 政府 應該 儘快 調整 協助 今日 除 鍾 佳 濱 外 包括 民進黨立委 伍麗華 江永 昌 吳琪銘 及 黃世傑 等 人 出席 參與 記者會 鍾 佳 濱 指出 紓困 40 雖 針對 補 教 安親班 的 全 職員 工 提供 業者 一次性 損失 補償 以及 受 雇 者 薪資 補貼 但 像是 學校 社團 指導 課後 輔導 或者 是 運動 教練 這類 在 學校 兼職 收入 采 勞務 報酬 而 非正式 部門 給付 而 本身 又 無 職業工會 納 保者 不但 沒有 獲得 紓困 且 又 因 具 工作 能力 不 適用 社會 救助 以致 生活 無 著 鍾 佳 濱 說 勞動部 的 安心 即時 上工 方案 提供 以工代賑 的 就業機會 但 卻 要 有 過去 一 年內 曾經 投保 的 資格 門檻 有 許多 非 典型 就業者 因為 收入 不 穩定 選擇 不 投保 以致 現在 被 屏除 在外 求職 無 門 鍾 佳 濱 表示 目前 離 島 和 原鄉 地區 的 安心 即時 上工 就業機會 可 不受 過去 一 年內 曾經 投保 的 限制 建議 這個 開放 這個 彈性 讓 全國 適用 伍麗華 指出 原住民 常見 的 族 語 教師 校 隊 教練 等 教育 兼職 非 典型 勞工 因為 沒有 勞保 身分 導致 兼職 工作 無法 進行 但 又 不能 參加 安心 即時 上工 計 畫 希望 相關 部會 能 研 擬 協助 江永 昌 建議 課後 才藝 老師 社團 老師 或 健身 教練 若 能 拿出 學校 聘書 或是 各級 學校 開立 聘 雇 證明 勞動部 應該 儘量 從寬 認定 不要 便宜行事 只 看 過去 投保 紀錄 導致 這些 需要 説明 的 非 典型 教育 從業者 的 安心 即時 上工 就業 計 畫 資格 被 剝奪 吳琪銘 說 許多 學校 的 課 輔 或 社團 老師 沒有 保 勞保 還有 不少 人 是 領 現金 導致 紓困 40 是 看 得 到 吃 不到 希望 教育部 及 勞動部 可以 正式 這些 教育 輔導 人員 將 他們 納入 安心 即時 上工 計畫 黃世傑 表示 三級 警戒 還要 再 持續 實施 對 教育 產業 衝擊 會 擴大 特別 是 未納 保 的 時薪 制 教育 從業人員 勞動部 及 教育部 應 趕快 來 研 擬 方案 看 是 要 由 勞動部 放寬 安心 即時 上工 的 申請 條件 或是 教育部 提供 線 上 教學 機會 等等 給予 實質 支援 讓 他們 能夠 順利 度過 這次 難關</t>
  </si>
  <si>
    <t>國內 疫情 升溫 確診 人數 高居 不下 被 視為 是 最終 武器 的 疫苗 卻 遲遲 未 到位 國民黨 前 立 委 孫大 千 忍不住 痛 批 民進黨 在 疫苗 採購 上 根本 是 放羊 的 孩子 一 次 又 一 次 的 呼 攏 臺灣 人民 給 人民 疫苗 其 餘 免 談 孫 大 千 今 27</t>
  </si>
  <si>
    <t>國內 疫情 升溫 確診 人數 高居 不下 被 視為 是 最終 武器 的 疫苗 卻 遲遲 未 到位 國民黨 前 立 委 孫大 千 忍不住 痛 批 民進黨 在 疫苗 採購 上 根本 是 放羊 的 孩子 一 次 又 一 次 的 呼 攏 臺灣 人民 給 人民 疫苗 其 餘 免 談 孫 大 千 今 27 日 在 臉書 表示 都 已經 是 什麼 時候 了 民進黨 還 要用 一 堆 唬 爛 話 來 考驗 臺灣 人民 的 智商 嗎 首先 是 藍營 的 縣市長 要 透過 上海 複 星 醫藥集團 購買 的 是 輝瑞 疫苗 並 不是 大陸 研發 的 疫苗 他 認為 行政院 發言人 羅秉成 刻意 的 把 輝瑞 疫苗 和 大陸 疫苗 畫 上 等號 顯然 是 想要 誤導 臺灣 人民 其次 孫大千 說 民進黨 口口聲聲 地 放 話 說 大陸 在 國際 社會 刻意 破壞 臺灣 的 疫苗 採購 更 是 一個 非常 奇怪 的 邏輯 因為 不管 是 輝瑞 疫苗 或是 莫德納 疫苗 都 不是 大陸 可以 操控 的 請問 一下 北京政府 是 要 如何 影響 美國 和 德國 呢 孫 大 千 接 著 指出 民進黨 應該 向 臺灣 人民 解釋一下 為什麼 他們 口中 的真 朋友 在 臺灣 緊要關頭 時 只 會 袖手旁觀 還要 說 一些 風涼話 讓 臺灣 自求多福 呢 孫 大 千 提到 去年 衛福 部長 陳時中 就 向 臺灣 人民 保證 針對 疫苗 採購 已經 做 了 超前 部署 而且 也 有 了 口袋 名單 今年 二月 行政院長 蘇貞昌 在 立 法院 專案 報告 時 也 公開 宣示 在 今年 第二 季將 會 取得 2000萬 劑 疫苗 結果 這些 疫苗 到 現在 連 影子 都 沒有 看到 現在 又 要 臺灣 人民 繼續 等到 八月 但 此次 疫情 來勢洶洶 臺灣 人民 真的 撐得 到 八月 嗎</t>
  </si>
  <si>
    <t>蘇揆聞 花香 扯 肺炎 鄭照新 民主 愛國 只是 民進黨 的 工具</t>
  </si>
  <si>
    <t>鄭照新 拜登 中國 武漢 民進黨</t>
  </si>
  <si>
    <t>新冠肺炎 延 燒 但 大陸 對 臺灣 外交 打 壓 仍 持續 外交部長 吳釗燮 今天 表示 最近 值得注意 的 是 中國 外交部長 與 教廷 外交部長 見面 並 透過 商界 與 我國 邦交國 接觸 不過 我國 各 邦交國 目前 還是 處於 穩定 狀況 立 法院 外交 及 國防委員會 今天 邀 吳釗燮 報告 業務 狀況 並 備 質詢 吳釗燮 表示 雖然 中國 仍 一再 阻撓 臺灣 的 國際 參與 但 國際 社會 對 臺灣 的 支持力 道 比 以前 更 多 更 強 他 說 新冠肺炎 疫情 不斷 升高 中國 不 認真 進行 防疫 工作 反而 不斷 阻撓 臺灣 參與 世界衛生組織 將 臺灣 排除 在 全球 防疫 體系 之外 甚至 主導 世界衛生組織 將 臺灣 錯列 在 中國 下面 雖然 中國 對 臺灣 打 壓 越來越 強 但 到 現在 我國 採取 的 踏實 外交政策 仍 取得 許多 重要 進展 特別 是 我們 和美 日 歐 等 理念 相近 國家 的 關係 都有很 大 的 提升 民進黨立委 羅致 政 詢問 吳釗燮 中國 在 面對 疫情 的 同時 是否 透過 打 壓 臺灣 來 轉移 焦點 我國 與 邦交國 目前 的 邦交 關係 情況 如 何? 吳釗燮 表示 最近 我們 看到 比較 值得注意 的 就 是 中國 的 外交部長 跟 教廷 的 外交部長 見面 這 是 我們 必須 去 關注 的 專案 其他 國家 目前 尚未 有 什麼樣 的 變化 不過 他 說 教廷 在 與 中國 見面 事前 曾讓 我們 知道 也 告訴 我方 這個 會面 有 兩 個 主題 一 是 針對 新冠 疫情 教廷 保持 關心 二 是 針對 之前 雙方 簽訂 的 教務 協議 雙方 討論 執行 狀況 至於 我方 與 梵蒂岡 的 關係 還 是 穩定 目前 沒有 看 出來 有 任何 讓 我們 擔心 的 狀況 在 邦交國 部分 吳釗燮 也 表示 中國 在 外交 方面 對 我 邦交國 一向 都 是 非常 的 積極 與 這些 友邦 國家 的 接觸 最近 也 出現 跟 以前 不 太 一樣 的 做法 包括 透過 商界 等等 但 目前 我 與 邦交國 的 邦 誼 還 是 穩定 的 狀況</t>
  </si>
  <si>
    <t>高雄 市長 韓國瑜 近 期 全力 防 新冠肺炎 疫情 擴散 努力 抑制 逐漸 升溫 的 溫度 所 引起 的 登革熱 但 近期 雜誌 公佈 民 調 卻 墊 底 也 讓 名 嘴 陳揮文 大 感 不滿 直言 他 就 問 大家 一 句 話 就 好 民 調 那麼 高 高雄 之前 一樣 淹 大水 綠 營 執政 那段 時間 生活 有 比較 好 嗎 據 遠見 雜誌 本月 公佈 的 民 調 顯示 新北 市長 侯友宜 此次 防疫 滿意度 高達 883 台南 市長 黃偉哲 則 有 821 的 滿意度 其次 為 桃園 市長 鄭文燦 766 台中 市長 盧秀燕 的 626 臺北市 長 柯文哲 的 473 高雄 市長 韓國瑜 的 371 陳 揮 文說 自 韓國瑜 2018 年 12 月 25 日 當 上 高雄 市長 後 至今 才一年 多 高雄 今天 會 爛 成 這個 樣子 是 韓國瑜 害 的 綠 營 過去 主政 高雄 二三十 年 韓只 有 一 年 多 的 是 要 他 能 做 出 什麼 傲人 建設 他 是 要 負 什麼 責任 他 解釋 自己 很 早 在 2006 年 就 已經 跟 韓國瑜 說 了各項 民 調 都 不用 去 信 陳菊 過去 在 高雄民 調 好不好 賴清德 在 台南 民 調 好不好 各種 民 調 都好得 不得了 但 他 要 問 台南 高雄人 你們 那段 時間 過 的 好不好 陳 揮文 強調 民 調 再 高 台南 一樣 淹 水患 高雄 一樣 有 登革熱 疫情 韓國瑜 既然 登革熱 壓制 得 還 不錯 那 還 讓 民進黨 回 高雄 這 真的 好 嗎 他 認為 高雄 過去 的 舉債 高居 全國 第一 即便 韓國瑜 再 怎麼 補救 也 補 不 回 這些 錢坑路 洞 他 也 替 台南 市長 黃偉哲 抱不平 稱 他 這 幾 天 頻頻 喊 景點 app 將 台南 劃 入 太 多 對於 黃 市長 口頭 呼籲 中央 卻 不 太 受 理睬 陳 坦言 地方 縣 市 首長 的 許可權 其實 有限 能 處理 的 的 不 多 對於 罷 韓 團體 開 嗆 一定 要 讓 韓國瑜 下臺 陳揮文 卻 點 名 3 人 表示 不管 下 一 任 高雄 市長 是 誰 副 院長 陳其邁 立 委 趙天麟 甚至 是 尹立 他 都 無所謂 了 這 是 高雄人 共同 的 選擇 共同 要 去 承擔 他 不 想 再 管 了</t>
  </si>
  <si>
    <t>新北 幼稚園 群 聚 感染 事件 擴大 防疫 民進黨 新北 市立 委 羅致 政 今 表示 服務處 電話 不 斷 家長 很 焦慮 新北 幼稚園 事件 已經 是 社區 感染 不要 說 要 再 等 中央 的 病毒 dna 定 序 結果 全市 預防 性 停課 幾 天 羅致 政 今 在 臉書 發文 不</t>
  </si>
  <si>
    <t>新北 幼稚園 群 聚 感染 事件 擴大 防疫 民進黨 新北 市立 委 羅致 政 今 表示 服務處 電話 不 斷 家長 很 焦慮 新北 幼稚園 事件 已經 是 社區 感染 不要 說 要 再 等 中央 的 病毒 dna 定 序 結果 全市 預防 性 停課 幾 天 羅致 政 今 在 臉書 發文 不 懂 要 不 要 全市 或 板橋 全面 停課 跟 病毒 是不是 delta 有 什麼 關係 他 說 新北 幼稚園 事件 已經 是 社區 感染 不要 說 要 再 等 中央 的 病毒 dna 定 序 結果 全市 預防 性 停課 幾 天 就算 結果 不是 delta 那 就 稍微 鬆口氣 若 萬一 最後 證明 是 delta 幾 天 的 停課 也 降低 了 危機 擴大 的 風險 他 表示 這 兩 天 服務處 電話 不 斷 家長 跟 市民 的 焦慮 新北 市府 要 聽得見</t>
  </si>
  <si>
    <t>本土 疫情 持續 擴大 截至 2 日 國內 疫情 通報 累計 本土 8195 例 149 例 死亡 遠 超過 sars 時期 紀錄 國民黨 立 委 鄭正鈐 指出 死亡 病例 多 是 銀髮 族 故 長 照 機構 內 長者 與 工作人員 時時 面臨 高 死亡率 威脅 卻 一直 未 得 社會 關注 因此 他 特別 在 立 法院 黨團 協商 中 要求 政府 在 提高 紓困 條例 特別 預算 上限 同時 必須 承諾 優先 為 長 照 機構 工作人員 和 長者 接種 疫苗 不料 卻 遭 民進黨團 聯合 行政 單位 強制 修改 讓 他 相當 痛心 鄭正鈐 2 日 在 臉書 發表文章 長 照 機構 應 特別 保護 內文 指出 迄今 國內 疫情 通報 累計 本土 8195 例 149 例 死亡 死亡 病例 多 是 銀髮 族 而 長 照 機構 內 都 是 銀髮 族 一旦 工作人員 或 任何 長者 染疫 都將 迅速 擴散 且 面臨 高 死亡率 威脅 據 瞭解 某 長 照 養護 機構 在 5 月 23 日 發現 2 名 長者 確診 經過 市府 快 篩 所有 住 民 及 工作人員 共 34 人 全數 陽性 更 不幸 的 是 到 1 日 為止 已經 有 7 名 長者 離開 鄭正鈐 表示 自己 對於 這 7 位 長者 的 離去 非常 痛心 因此 他 在 5 月 28 日 黨團 協商 中 就 提出 附帶 決議 要求 政府 在 提高 紓困 條例 特別 預算 上限 的 同時 必須 承諾 1 因 任何原因 去 醫院 的 長者 在 返回 機構 前 需要 施行 pcr 篩檢 2 優先 為 長 照 機構 內 的 工作人員 和 長者 接種 疫苗 可惜 被 民進黨團 聯合 行政 單位 將 應 做到 被 改 成 建議 做到 讓 長 照 機構 仍 曝露 高度 風險 中 對此 鄭正鈐 強烈呼籲 民進 党 應以 弱勢 超高 風險 長者 為 念 優先 為 出入 醫院 的 機構 長者 施行 pcr 篩檢 優先 為 長 照 機構 內 的 工作人員 和 長者 接種 疫苗 文章 一 出 網友 反應 熱烈 紛紛 回應 人民 要 疫苗 人民 不要 民進黨 罷免 蔡英文 買 疫苗 救 臺灣 好像 年長 就是 死 了 活該 因為 誰 叫 你 年紀 大 又 有 老毛病 更 不該 的 是 又 感染 了 新冠肺炎 藝人 張小燕 出來 呼籲 政府 給 疫苗 竟然 被 抹黑 製造 仇恨 製造 對立 他們 只 在意 高端 的 股價 根本 不在乎 老百姓 死活</t>
  </si>
  <si>
    <t>疫苗 短缺 不斷 傳出 是 因為 要 讓 打過 第一 劑 莫德納 的 人 第二 劑 混打 高端 民進黨 立院 黨團 今 表示 就 現在 而言 仍然 是 屬於 研究 階段 民眾 也 不 用 特別 驚慌 指揮中心 是不是 已經 決定 莫德納 一定 要 配 高端 其實 這 是 不 確實 的</t>
  </si>
  <si>
    <t>疫苗 短缺 不斷 傳出 是 因為 要 讓 打過 第一 劑 莫德納 的 人 第二 劑 混打 高端 民進黨 立院 黨團 今 表示 就 現在 而言 仍然 是 屬於 研究 階段 民眾 也 不 用 特別 驚慌 指揮中心 是不是 已經 決定 莫德納 一定 要 配 高端 其實 這 是 不 確實 的 未來 還有 許多 搭配 的 可行性 民進黨 立院 團 書記長 蔡 適應 指出 疫苗 就是 要 幫助 人體 能夠 順利 的 度過 目前 來講 世界 各國 都 遇到 類似 的 問題 單一 的 疫苗 沒有 辦法 保證 到貨 也 發現 可能 在 保護率 等 各 方面 有 問題 所以 世界 各國 都 在 研究 關於 各式各樣 的 疫苗 找 出 最佳 的 解決 方案 他 說 台大醫院 所 提案 提案 的 第一 劑 打 莫德納 第二 劑 打 高端 也 是 它們 研究 的 物件 未來 混打 研究 應該 還 有 其他 版本 相信 主要 的 醫學 中心 會 陸續 提出 後續 關於 混 搭 的 研究 研究 出來 後 未來 會 給 指揮中心 做 相關 的 參考 民進黨 立院 黨團 幹事長 劉世芳 說 這些 實驗設計其實 是 要 研究 單位 根據 它 的 學養 知識 去 判斷 再 經過 人體 試驗 倫理 試驗 委員會 委員會 審查 方可 進行 黨團 特別 呼籲 臺灣 是 一個 言論自由 還有 很多 資訊 非常 發達 的 地方 很多 民眾 可能 直接 從 一個 不 曉得 什麼 來源 的 地方 就 接 擷取 到 這樣 的 訊息 這樣 的 訊息 有的 會 引起 自己 或者 是 周 遭 的 朋友 或 親友 的 恐慌 她 說 每天 下午 疫情 指揮中心 都會 對外 做 說明 呼籲 國人 同胞 能夠 完全 聽從指揮中心 的 發 佈 而 不是 隨便 把 一些 搞不清楚 的 消息來源 就 隨便 做 發佈 她 表示 國內 感染 專家學者 一再 呼籲 請 大家 尊重 專業 判斷 有些 訊息 從 國外 進來 跟 臺灣 內部 不 一定 完全 一樣 有 任何 問題 不解 尤其 專業 上 的 問題 請教 即 管家 通訊 軟 體 的 澄清 報導 才是 最 重要</t>
  </si>
  <si>
    <t>農曆 新年 才剛 過 明年 臺北市 長 之 戰 已成 各界 焦點 藍綠 陣營 會派 誰 出戰 也 吸引 各界 關注 其中 衛福 部長 陳時中 代表 綠 營 出馬 的 呼聲 極 高 據悉 民進黨 所作 的 內部 民 調 顯示 陳時中 成功 化解 桃醫 危機 不論 在 臺北 和 新北</t>
  </si>
  <si>
    <t>農曆 新年 才剛 過 明年 臺北市 長 之 戰 已成 各界 焦點 藍綠 陣營 會派 誰 出戰 也 吸引 各界 關注 其中 衛福 部長 陳時中 代表 綠 營 出馬 的 呼聲 極 高 據悉 民進黨 所作 的 內部 民 調 顯示 陳時中 成功 化解 桃醫 危機 不論 在 臺北 和 新北 滿意度 都高達 6 成 以上 已是 黨內 參選 雙 北 選戰 的 不 二 人選 但有 網友 對 這 民 調 結果 感到 難以置信 譏諷 這麼 高 怎 能 只 選 市長 應該 要 選 總統 才對 聯合報 今 22 日 報導 民進黨 1 月 所作 的 內部 民 調 結果顯示 高達 735 的 受訪者 滿意 陳時 中的 防疫 表現 不 滿意度 為 236 且 在 全國 各 區域 的 滿意度 都達 6 成 以上 其中 全國 滿意度 前 3 名 分別 為 雲 嘉南 地區 的 803 新北 市 的 763 和 臺北市 的 684 雖 一度 發生 桃 醫院 內 感染 但 超過 7 成 民眾 對 陳時中 拆 彈 有 信心 黨內人士 直言 陳時中 成功 化解 桃醫 危機 是 其 民 調 再 升高 原因 之一 不過 許多 網友 看 完 這 則 報導 在 其 下方 留言 表示 那麼 高 的 支持率 怎麼 能 只當 市長 應該 選 總統 才對 太 低 了 是 9487 只 選 市長 太 大才小用 了 好歹 要 選 2024 的 總統 做 完一 任 因為 政績 卓著 被 推薦 當 聯合國 秘書長 再來 已 沒有 任何 官位 安插 他 了 出馬 競選 外 太空 宇宙 無敵 大總統 統治 整個 宇宙 疫苗 買到 來 了 再說 疫苗 狼來了 歹 戲 拖 半 年 了 真的 沒人 了 對於 陳時中 是否 參選 臺北 市長 資深 媒體 人 謝寒冰 20 日 在 中天 政論 節目 爆 卦 頭條 中 表示 對 民進黨 而言 陳時中 也 是 一個 期待 不過 陳時中 今年 67 歲 了 到 2022 年 時 他 68 歲 以 縣 市 首長 而言 他 年紀 偏大 同時 陳時中 沒 打過 選戰 可能 不 知道 選戰 的 痛苦 沒有 超人 的 體力 堅強 的 意志 力 不容易 成功 另 一 資深 媒體 人 黃暐瀚 認為 民進黨 在 臺北市 要 贏 沒 那麼 簡單 且 陳時中 真的 會 選 臺北市 長 嗎 他 反而覺得 是 民進黨 臺北市 黨 部 主委 吳怡農 參選 的 機 率 較 高</t>
  </si>
  <si>
    <t>陳時中 桃醫 危機 民進黨 臺北 市長 新北 市長</t>
  </si>
  <si>
    <t>行政院長 蘇貞昌 今 早 在 行政院 會 宣佈 中央 疫情 指揮中心 提升 至 一級 開設 國民黨 文傳 會 代理 主委 王育敏 肯定 政府 從善如流 終於 採納 各方 意見 提升 至 一級 開設 也 期盼 在 疫情 嚴峻 的 當前 政府 能 以 開放 正面 態度 看待 各方 建 言 朝野 共同 合作 防疫 王育敏 指出 國民黨 立院 黨團 本月 17 日 召開 記者會 呼籲 政府 抗 疫 從嚴 中央 疫情 指揮中心 應立即 升級 至 一級 開設 以 統 整 防疫 決策 這般 善意 的 建 言 當時 卻 受到 民進黨 一 片 酸 言 批評 除了 民進黨團 幹事長 鄭運鵬 指稱 少 去 外行 領導 內行 甚至 有 政 院 幕僚 惡意 辱駡 國民黨 立 委 是 存心 鬧事 綠 營 的 不 理性 批評 讓 國民黨 深感 無奈 王育敏 強調 在 全球 關注 疫情 採行 各項 積極 措施 嚴加 防疫 的 此時 政府 對於 各方 的 防疫 建 言都 應 正面 看待 但 從 日前 立院 審議 紓困 條例 的 過程 以及 防疫 指揮中心 是否 一級 開設 等 議題 都 可 看出 民進黨 對 在野黨 的 正向 建 言 似乎 第一時間 是 以 全盤否定 的 態度 對待 國民黨 呼籲 政府 理性 看待 在野黨 正面 建 言 讓 朝野 共同努力 防疫 不是 僅 止於 口號</t>
  </si>
  <si>
    <t>針對 臺灣 基 進 黨立委 陳柏惟 及 部分 媒體 指出 馬英九 政府 時代 放寬 規定 擴大 居留證 明 之 認定 因此 大幅 增加 健 保 支出 前 總統 馬英九 辦公室 今天 表示 相關 說法 完全 悖 離 事實 錯誤百出 呼籲 主管機關 盡 速 說明 避免 誤導 民眾 以訛傳訛 相關 單位 也 應盡 速 查明 是否 涉及 散 佈 假消息 之 責 以 打假 新聞 為 成立 宗旨 的 臺灣 事實 查核 中心 更 不該 默不作聲 員警機關 也 應 依據 社會秩序 維護 法 第 第 63 條 追究其 法律責任 馬 辦 指出 健 保 自 1999 年 起 讓 取得 居留 身分 的 大陸 籍 配偶 納 保 2000 年 民進黨 執政 後 進一步 開放 以 團聚 依 親 居留 長期 居留 等 身分 來 台 的 陸配 都 可 納入 健 保 當時 的 總統 陳水扁 與 陸委會 主委 蔡英文 基於 人道 考量 及 與 外籍人士 待遇 一致 原則 開放 在 台 生活 但 尚未 取得 臺灣 戶籍 的 陸配納 保 值得 肯定 馬 辦 表示 馬政府 時 於 2011 年 修正 健 保 法 將 非本 國籍 人士 的 納 保 等待 期 由 4 個 月 延長 為 6 個 月 把關 更為 嚴格 至於 馬政府 開放 在 台 沒有 戶籍 的 陸配 未成年 子女 居留 滿 6 個 月 後 可 納入 健 保 只是 比照 在 台 外籍人士 辦理 納 保 年齡 限制 甚至 更 嚴 而 根據 媒體 所 報導 健 保 署 提供 之 資料 這類 人士 目前 僅 有 995 人 怎 會 變 成立 委 口中 的 14 億 人 他們 不僅 都有 繳納 健 保費 因為 年紀 較 輕 罹 病 率 較 低 其 所 繳 保費 對 健 保 收入 的 貢獻 大於 他們 的 醫療 支出 馬 辦 指出 陸配 是 臺灣人 的 另 一半 兩岸 婚生子女 是 臺灣人 的 下一代 豈 可 因為 他們 尚未 取得 臺灣 戶籍 就 剝奪 其 健 保 納 保 資格 這類 人士 總 人數 約 5萬3千 多 人 對比 在 台 71萬 多 的 外籍 移 工 也 納健 保 使用 健 保 資源 難道 也 要 不准 他們 納 保 馬 辦 表示 民意代表 的 言論 應本 於 事實 媒體 的 報導 也 應善盡 查證 之 責 這 都 是 最 基本 的 功課陸配 及其 子女 開放 納 保 的 相關 資訊 及 開放 後 對 健 保 財務 的 影響 主管機關 陸委會 衛福部 都 有 明確 詳細資料 在手 應 主動 說明 澄清 以 遏止 不 負責 民 代 散播 漫天 謠言 影響 社會 安寧 員警機關 也 應 依據 社會秩序 維護 法 第 第 63 條 追究其 法律責任</t>
  </si>
  <si>
    <t>去年底 通過 的 反 滲透法 經過 總統 選舉 民進黨 大勝 以及 春節 前 從 武漢 爆發 的 新冠肺炎 疫情 之後 似乎 已經 被 人 忘掉 了 但是 法律 擺在 那裡 變成 是 民進黨 的 尚方寶劍 他們 想用 可以 隨時 揮劍 砍 人 以至於 在 新冠肺炎 疫情 中</t>
  </si>
  <si>
    <t>川普 上臺 後 陸美 對峙 急遽 升高 加上 新冠肺炎 疫情 催化 維持 逾 70 年 的 陸美台 戰略 三角 結構 面臨 崩解 前 海基會 副董 長 馬紹 章 出書 提醒 大家 及早 正視 勿 視 兩岸 和平 為 理所當然 並 提出 5 種 崩潰 模式 希望 臺灣 能 在 大國 博 奕 的 環境 中 選擇 對 自身 最 有利 的 位置 馬紹 章 擁有 美國 政治學 博士學位 曾任 海基會 副董事長 兼 副 秘書長 並 參與 規劃 國民黨 前 主席 連戰 的 兩岸 和平 之 旅 繼之 前 的 走 兩岸 鋼索 最近 又 出版 大 崩潰 一 次 看 懂 美中 台 戰略 三角 剖析 他 對 兩岸 前景 的 看法 基本上 馬紹章 認為 陸美台 三角 戰略 必然 崩潰 民進黨 正 把 自身 的 困境 變成 臺灣 的 困 局 要 跳 脫 當前 的 困境 就 必須 先 跳 脫 民進黨 的 困 局 他 認為 陸美台 三角 戰略 必然 崩潰 並 提出 五 種 崩潰 模式 分別 是 一 抽身 模式 美國 出走 二 圓桌 模式 兩岸 簽署 和平 協定 三 蟒蛇 模式 逐步 窒息 四 烽火 模式 武力 統一 五 修昔底 德 模式 陸美 軍事衝突 抽身 模式 代表 美國 從 戰略 三角 中 抽身 而 出 也 可以 說 是 美國 出走 說白 一點 就 是 棄 台論 棄 台論 不時 有人 提出 但 並非 美國 的 主流 棄 台 論者 認為 大陸 快速 崛起 取得 臺灣 是 早晚 的 事 美國 又 不 願為 臺灣 與 大陸 兵戎相見 與其 被迫 棄 台 不如 趁 還 可以 討價還價 的 時候 棄 台 圓桌 模式 就 是 兩岸 透過 政治 談判 簽署 和平 協定 但 最 困難 的 是 兩岸 彼此 的 定位問題 也 就 是 一個 中國 原則 從 李登輝 陳水扁 到 馬英九 都 曾 提過 但 都 是 口頭 說說 從未 進入 實質 協商 蟒蛇 模式 大陸 對 臺灣 採取 封鎖 擠壓 的 戰略 讓 臺灣 逐步 窒息 也 可以 稱之為 窒息 模式 蟒蛇 模式 為 兩岸關係 的 現在 進行式 外交 封鎖 軍機 繞 台 縮減 觀光客 赴 台都 是 對岸 採取 的 窒息 手段 之一 烽火 模式 大陸 以 武力 統一 臺灣 簡單 說 就 是 武統 雖然 發生 機 率 不 高 但 不 不 代表 不 會 發生 特別 是 兩岸關係 緊 繃 之際 任何 稍 一 不慎 的 擦槍 走火 都 可能 一發不可收 十 修 昔 底 德 模式 陸美 軍事衝突 希臘 史學家 修昔底 德 曾 如此 寫道 使 戰爭 不可避免 的 原因 是 雅典 勢力 的 增長 與 其 所 造成 斯 巴達 的 恐懼 這 一 句 話 只要 把 雅典 換 成 中國 大陸 斯 巴達 換成 美國 即為 近年來 全球 關切 的 陸美 兩 大 強權 的 直接 碰撞</t>
  </si>
  <si>
    <t>行政院長 蘇貞昌 本 週四 罕見 地 親自 主持 記者會 笑容可掬 非常 親切 地 對 1萬 元 紓困 金 發放 亂象 道歉 接 著 週五 一大早 總統 蔡英文 就 打破 慣例 火速 宣佈 蘇貞昌 留任 繼續 組閣 這樣 的 政治 戲碼 要 做 給 誰 看 背後 還有 什麼 盤算 頗 值得 玩味 民眾 可能 看不懂 但是 民進黨內 一定 懂 這 齣 政治 戲碼 背後 的 意義 就 是 520 在即 但 疫情 尚未 過去 正值 防疫 紓困 當頭 且 即將 進入 振興 階段 陣前 換 將 不是 好事 據 側面 瞭解 防疫 團隊 暗自 設下 8 月 15 日 為 解除 疫情 一級 開設 的 關鍵 時點 若 疫情 安全 全面 解封 邁向 拼 經濟 就此 開展 一切 以 防疫 為 優先 考量 因 此 現階段 欽 點 由 蘇揆 領導 防疫 國家隊 清理 疫情 戰場 自 有 其 必要性 蔡英文 去年 力拼 選舉 逆轉 勝 讓 有 酷吏 形象 的 蘇貞昌 打 理 內政 今年 1 月 蔡英文 以 817萬 票 創下 歷史紀錄 勝 選 後 立刻 宣佈 還 會 由 蘇貞昌 繼續 組閣 蔡蘇 之間 的 關系 完全 不似 過去 兩 人 有心 結 時期 這次 新冠肺炎 疫情 期間 蔡英文 把 疫情 交給 副 總統 陳建仁 主導 紓困 與 振興 交給 行政院 但 兼具 醫生 與 前 行政院長 資格 的 准 副 總統 賴清德 卻 沒有 空間 發揮 520 後會 不 會 出現 賴清德 身 在 總統府 心 卻 不能 與 蔡英文 在 同 一陣 線 的 情況 外界 都 在 看 另 除 了 新冠肺炎 疫情 外 目前 政治 上 最 大 關鍵 時間 點 不是 520 總統 就職 而是 6 月 6 日 罷免 高雄 市長 韓國瑜 如果 罷免案 不 通過 就 繼續 維持 內閣 微調 但 假使 真 的 出現 超過 57萬 張 罷 免票 韓國 瑜 下臺 後 就 要 在 9 月 13 日前 完成 高雄 市長 補選 行政院 副 院長 陳其邁 勢必 返回 高雄 參選 因此 這次 內閣 改組 粽子 頭 是 陳其邁 而 不是 蘇貞昌 罷 韓 案 若 成功 空 出 的 行政院 副 院長 會 是 由 誰 接任 更 關係 到 民進黨 派系 平衡 與 下次 縣市長 選舉 佈局 是 更為重要 的 角力 目標</t>
  </si>
  <si>
    <t>新冠肺炎 疫情 一直 燒 不停 國民黨 金門縣 議會黨團 在 今 16 日 的 紓困 發 現金 防疫 要 口罩 記者會 中 呼籲 執政黨 不要 再 打腫臉充胖子 應先 讓 國內 人人 有 口罩 可用 再 去 搞 口罩 外交 並 主張 直接 發放 現金 才能 紓 解 各行各業 的 困境 這 場 上午 10 時在縣 黨部 登場 與 全台 22 縣 市 議會黨團 同步 舉辦 的 記者會 由 黨團 書記長 歐陽儀 雄 主持 邀請 黨籍 議員 周子 傑 洪成發 李應文 張雲 德 和 許玉昭 等 人 出席 無黨籍 議員 唐麗輝 也 到場 參加 一起 關心 攸 關 民生 經濟 與 百姓 健康 的 重大 議題 歐陽儀 雄 指出 立 法院 國民 黨團 在 14 日 朝野 協商 行政院 嚴重 特殊 傳染性 肺炎 防治 及 紓困 振興 特別 條例 第 9 條 之 1 及第 11 條 條文 修正 草案 時 要求 在 第 2 階段 紓困 的 1500億 元 預算外 再 增列 約 1000億 元 預算 發放 現金 給 民眾 但 未 被 接受 而 協商 破 局 讓 人 十分 遺憾 歐陽儀 雄 表示 目前 民眾 最 需要 的 紓困 發放 現金 才是 最好 的 方式 原因 是 已 有 很多 勞工 被迫 放 無 薪 假 和 遭到 裁員 生活 陷入困境 各行各業 哀鴻遍野 而 政府 發放 酷 碰 券 刺激 消費 鼓勵 民眾 上 餐廳 旅遊 均 屬 振興 方案 性質 需 待 疫情 趨 緩 後 才能 做到 所以 金門縣 議會黨團 一致 主張 發放 現金 才 是 當務之急 縣 黨部 主委 石兆 王民日 也 指出 紓困 是 指 民眾 現在 沒 錢 可用 政府 要 發錢 救難 振興 則 是 指 政府 鼓勵 消費 來 促進 產業 復蘇 臺灣 現在 最 亟需 的 是 紓困 讓 百姓 日常 生計 得以 維持 繳 得出 孩子 的 學費 付 得出 水電瓦斯 費 例如 美國 現在 採行 史 上 最 大筆 兩 兆 美元 救 全民 的 紓困 案 重點 便 在 發現 金 只要 年收入 低於 7萬5000 美元 的 個人 均 將 獲得 每人 1200 元 美金 的 直接 補助 議會黨團 也 指出 衛福部 公佈 口罩 實 名 制為 14 天 可 領取 9 片 但 口罩 上會 吸附 細菌 與其 教 大家 去 蒸 口罩 不如 讓每個 人 不管 是 成人 還是 兒童 每天 有 口罩 可以 用 自 已 有 餘 力 再 去 幫助 他人 否則 打腫臉充胖子 搞 口罩 外交 實在 不是 明智之舉 黨團 也 呼籲 中央 疫情 指揮中心 公開 詳細 資料 說明 政府 是 如何 擠 出 這 千萬 片 口罩 來 援助 外國 同時 希望 民進黨 政府 放下 成見 苦 民 所 苦 理性 討論 提出 更 好 的 排 富 機制 繼續 協商 讓 受 影響 的 廣大 百姓 能 早日 受惠</t>
  </si>
  <si>
    <t>陸委會 11 日 對 陸 配子 女 能否 來 台 政策 一 日 三 變 昨 疫情 中心 直接 宣佈 撤回 陸配來 台 的 政策 堪稱 四 度 髮夾 彎 民進黨立委 高嘉瑜 不僅 指控 整個 事件 源頭 是 國民黨 立 委 林奕華 開 的 一 場 記者會 並為 閣 揆 蘇貞昌 副 閣 揆 陳其邁</t>
  </si>
  <si>
    <t>陸委會 11 日 對 陸 配子 女 能否 來 台 政策 一 日 三 變 昨 疫情 中心 直接 宣佈 撤回 陸配來 台 的 政策 堪稱 四 度 髮夾 彎 民進黨立委 高嘉瑜 不僅 指控 整個 事件 源頭 是 國民黨 立 委 林奕華 開 的 一 場 記者會 並為 閣 揆 蘇貞昌 副 閣 揆 陳其邁 撇 清 責任 此 說法 隨後 遭 林打 臉 網友 也 對 高 作法 不領情 質疑 莫非 是 在 為 自己 2022 臺北市 長 鋪路 高嘉瑜 在 政論 節目 新聞 面對面 表示 小 明 的 故事 整個 源頭 的 開始 就是 從 林奕 華年 後 開 了 一 場 記者會 高更 強調 陸委會 的 決定 不僅 完全 未經 疫情 指揮中心 就 連 蘇貞昌 陳其邁 等 人 都 完全 不知情 就 直接 宣佈 了 這個 政策 林 奕華 嚴正 駁斥 高嘉瑜 說法 反問 哪 場 記者會 直言 自己 根本 從未 開過 記者會 也 從未 提到 小 明 這個 人 更 沒有 聯繫 過 陸委會 自己 只 有 接到 民眾 陳情 陸 配子 女 現況 本民 代 職責 向 移民署 反映 而已 痛 批 高 所言 是 為 執政黨護航 在 轉移 焦點 相關 指控 根本 不 正確 最好 出來 說 清楚 講 明白 雙方 隔 空 交火 網路 討論 熱烈 網友 紛紛 回應 民進 党 完全 執政 在野黨 完全 負責 臺灣 價值 原來 陸委會 是 林奕華 下屬 機關 瞭解 第一 天 認識 民進黨 髮夾 再 髮夾 給 我 夾到 麻 花卷 看來 1450 真的 相信 陸委會 可以 自行 暴 沖 也 有 網友 質疑 高嘉瑜 已經 急 著 在 為 2022 年 臺北市 長 選舉 鋪路 了</t>
  </si>
  <si>
    <t>獨派 的 臺灣 社 臺灣 北社 等 社團 昨 1 日 發表 共同聲明 呼籲 政府 即刻 下令 暫時 停 飛 所有 與 中國 大陸 的 往返 班機 對此 作家 洛杉基 也 呼籲 兩岸 必須 立刻 斷航 禁止 兩岸人民 來往 如果 不 配合 獨派 的 要求 只能 說 這個 政府 是 小 孬孬 新冠肺炎 疫情 延 燒 根據 中國時報 記者 報導 獨派 的 臺灣 社 臺灣 北社 等 社團 昨 1 日 發表 共同聲明 呼籲 政府 即刻 下令 暫時 停 飛 所有 與 中國 大陸 的 往返 班機 臺灣 社 臺灣 北社 臺灣 中 社 臺灣南社 臺灣 東社 花蓮 臺灣 東社 台東 臺灣 客 社 在 聲明 中 指出 新冠肺炎 自 2019 年 12 月 爆發 以來 中國 大陸 已有近 8萬 名 確診 及 近 3千 人 死亡 聲明 中 指出 臺灣 在 這 波 疫情 中 是 站 在 第 一線 對 病毒傳播 的 各項政策 應以 最為 嚴謹 的 角度 來 思考 目前 臺灣 與 中國 大陸 北京 上海浦東 上海 虹橋 廈門 成都 等 5 處 每週 仍 有 班機 往返 本土 社團 呼籲 政府 應 即刻 下令 暫時 停 飛 所有 與 中國 大陸 之 往返 班機 確實 把 來自 中國 大陸 的 新冠肺炎 病毒 最 大 傳播 途徑 與 風險 阻絕 於 境外 對於 滯留 中國 大陸 經 第 三 地 轉 進 臺灣 的 台商 也 應 予以 嚴密 追蹤 與 注 記 確保 臺灣 疫情 的 可 控 性 對此 作家 洛杉基 也 呼籲 兩岸 必須 立刻 斷航 禁止 兩岸人民 來往 以 遏止 新冠肺炎 疫情 擴散 既然 民進黨 已經 完全 執政 國會 過半 蔡英文 又 得到 817萬 人 支持 如果 這時候 再不 配合 獨派 的 要求 只能 說 這個 政府 是 小 孬孬</t>
  </si>
  <si>
    <t>侯友宜 蔡英文 新冠肺炎 臺灣 民進黨</t>
  </si>
  <si>
    <t>中央 疫情 指揮官 衛福 部長 陳時中 宣佈 為了 保護 國民 抗 疫 取消 陸籍 子女 入 台 措施 這 是 蔡 政府 在 24 小時 內 所 宣佈 的 第 4 個 陸 配子 女 入 台 規定 且 一 次 比 一 次 更為 嚴格 最新 規定 等於 是 完全 排除 了 滯留 大陸 的 陸 配子 女 在 新冠肺炎 爆發 後 來 台 的 任何 可能性 在 蔡 政府 禁絕 陸 配子 女 入 台 的 同一天 南韓 撤 僑 專機 帶 回 了 南韓 公民 及其 家屬 共 147 人 其中 有 60 人 是 中國 大陸 籍 家屬 兩 相 比較 蔡 政府 不 厚道 甚至 可以 稱之為 冷 血 的 做法 實在 很 悲哀 陳時中 強調 既然 當初 已經 選擇 了 國籍 現在 就 必須 自己 做 些 安排 及 承擔 意思 是 只要 法律 上 不 認定 這些 陸 配子 女 是 臺灣 之 子 那麼 不論 他們 是 不是 未成年 也 不論 他們 的 父母 此刻 是 不是 在 臺灣 反正 統統 一律 不准 返台 一個 未成年 的 孩子 當初 沒有 選擇 入籍 中華民國 的 理由 很多 而 春節假期 間 可能 有 不少 台商 攜眷 赴 大陸 探親 其中 或許 有些 大人 把 孩子 留在 親戚家 自己 先 返回 臺灣 待 事情 處理 後 再 去 接 孩子 不料 武漢 封城 突如其來 然後 蔡 政府 告訴 台商 孩子 留在 那裡 不 准入 台 這 簡直 是 1949 骨肉分離 的 翻版 實在 是 太 殘忍 了 如果 蔡 政府 這麼 一板一眼 就 法 論法 那又 怎麼 能夠 怪 菲律賓 不准 臺灣 旅客 入境 呢 人家 也 是 根據 who 的 一中 原則 所 做 的 處理 不是 嗎 外交部 說 事實上 臺灣 就 不 屬 於 北京 的 管轄 範圍 啊 既然 彈性 處理 揆情審勢 那麼 重要 那蔡 政府 在 面對 台商 時 怎麼 就 不 這麼 做 呢 連 對 自己 同胞 的 家人 都 無法 愛屋及烏 我們 憑 什麼 要求 別的 國家 要 給 臺灣人 超越 國際 原則 以外 的 待遇 更 可悲 的 是 面對 菲律賓 的 禁令 蔡 政府 連 取消 本來 就 不 公平 的 單方面 對 菲律賓 免簽 都 不敢 卻 只 會 惡狠狠 地 對付 台商 及其 家人 有 這種 政府 可 真 是 窩囊 新冠肺炎 爆發 以來 行政院長 蘇貞昌 三番兩次 改變 口罩 的 配送 制度 把 大家 折騰 得 七 葷 八 素 沒 想到 他 竟然 自 評 實 名 制 讓 人人 都 能 買 得 到 口罩 非常 成功 他 的 這 番 自誇 實在 令 人 納悶 畢竟 庶民 們 只要 隨便 問問 身邊 的 人 都 知道 買不到 口罩 的 人 比 買 得 到 的 人 多得多 所以 蘇貞昌 說 的 人人 到底 是 指 誰 難道 是 民進黨 的 高官 圈內人 嗎 這麼 爛 的 行政 管理 竟然 成 了 閣 揆 口中 的 世界 唯一 大成 功 跟 人民 的 感受 全然 相反 果然 雖然 咱 只 有 一 粒 卡 臣 官 字 卻 有 兩 個 口 隨便 他 胡說八道 口罩 配銷 措施 一 變 再 變 最 應該 負責 的 是 經濟部 因為 顯然 是 經濟部 始終 無法 有效 掌握 國內 口罩 的 生產 數量 才 會 讓 蔡英文 總統 蘇貞昌 與 陳時中 談 到 口罩 供需 情況 時 都 像是 買 樂 透 報 明 牌 一般 幾 個 數字 兜 來 兜 去 卻 從來 沒有 准 過 經濟部長 沈榮津 說 新冠肺炎 疫情 導致 大陸 生產 停 擺 這 將 有助於 臺灣 成為 高 階 製造 中心 連 口罩 一 天 生產 幾 個 都 搞不清楚 還 妄想 率領 產業 更上一層樓 咧 笑死人 了 口罩 院長 率領 的 團隊 真是 兩 光 又 冷 血 作者 為 資深 媒體 人</t>
  </si>
  <si>
    <t>立 法院 社會福利 及 衛生 環境 委員會 今天 審查 新冠肺炎 疫苗 採購 調閱 專案小組 運作 要點 草案 再度 爆發 藍 綠黨 團 舌戰 藍營 因 不滿 綠 營 排定 討論 時間 僅 有 1 小時 主張 先 依 原定 議程 讓 衛福 部長 陳時中 進行 業務 報告 但 遭 綠 營 壓倒 性 人數 否決 藍委 陳玉珍 主張 表決 時 已 超過 原定 時間 違反 議事規則 痛 批 民進黨 靠 人數 優勢 要 強渡 關山 根本 鴨霸 第 10 屆 第 4 會期 衛 環 委員會 今天 首度 召開 會議 由 甫 當選 召 委 的 莊競 程 排定 議程 原先 規劃 上午 9 點 至 10 點 討論 新冠肺炎 疫苗 採購 調閱 專案小組 運作 要點 草案 10 點過 後 由 衛福 部長 陳時中 進行 業務 報告 不過 因 藍 綠 白三 黨團 各自 提出 版本 多 有 不同 討論 時間 不足 引發 藍綠 兩 黨 爭執 國民 黨團 主張 由於 時間 不足 應先 按照 程式 讓 衛福部 進行 業務 報告 建議 新冠肺炎 疫苗 採購 調閱 專案小組 運作 要點 草案 可 改 至 週三或 週四 繼續 討論 民進黨團 則 欲 變更 議程 取消 衛福部 的 業務 報告 盼 今天 就 能 完成 新冠肺炎 疫苗 採購 調閱 專案小組 運作 要點 草案 的 實質 討論 不過 召 委 莊 競 程進行 變更 議程 表決 時 已 超過 表 定 時間 10 點整 引發 陳玉珍 不滿 認為 違反 議事規則 是 無效 表決 藍綠 隨即 杠 上 陳玉珍 隻身 舌戰 3 名 綠 委 蘇 巧慧 陳瑩 洪申翰 痛 批 民進黨 身為 多數 黨 竟 還要 用 違反 議事規則 的 方式 霸王 硬 上 勾 洪申翰 則 反 譏 既然 大家 都 同意 延長時間 討論 國民黨 還 反對 根本 是 假 動作 不 願 討論 針對 新冠肺炎 疫苗 採購 調閱 專案小組 運作 要點 民眾黨 團 提出 調閱 範圍 應 包含 指揮中心 經濟部 國發 會 國衛院 以及 衛福部 其 所屬 相關 機構 但 遭 綠 營 譏 根本 是 搞 錯 方向 賴香伶 今 回應 民進黨 過去 成立 調閱 小組 就 主張 過 範圍 要 擴大 到 行政院 陸委會 海基會 甚至 包含 資 通 辦公室 為何 現在 輪到 在野黨 要 調閱 時就 說 搞 錯 方向 到底 是 誰 在 限 縮 調查 權? 截至 今天 中午 藍綠白 三 黨團 對 新冠肺炎 疫苗 採購 調閱 專案小組 運作 要點 草案 仍 無 達成 共識 仍 在 進行 黨團 協商 中</t>
  </si>
  <si>
    <t>國內 疫情 仍 嚴峻 對於 蔡英文 政府 能否 從 這 波 民怨 高漲 的 疫情 中 從 脫身 疫情 發展 是否 會 朝 不 樂觀 的 方向 發展 郭正亮 說 國產 疫苗 政府 大概 鐵了心 要 做 但 最 快 要 7 月 才 會 出來 而 若 拖到 8 月 28 日 還 沒 辦法 收尾 他 不諱 言說 依 今日 病 歿 22 人 數字 推 估 人民 死傷 會 很 慘重 後果 其實 不難想像 郭正亮 今 8 日 上 宅 神 朱學 恒 節目 對於 蔡英文 政府 能否 從 這 波 民怨 高漲 的 疫情 中 從 脫身 郭正亮 說 國產 疫苗 政府 大概 鐵了心 要 做 但 最 快 要 7 月 才 會 出來 現在 處理 6 月 的 疫情 是 第一 要務 近期 日本 捐贈 的 124萬 劑 az 疫苗 和 15萬 劑 莫德納 疫苗 大概 6 月 11 號 會 開 打 把 這 140萬 劑 疫苗 分批 分 類別 來 施打 大概 可以 打 個 20 天 拖到 月底 可以 預期 會 有 許多 大內 宣 的 宣傳 鏡頭 畫面 出現 目的 是 要 讓 老百姓 看 疫苗 大規模 接種 有 在 啟動 郭正亮 並 指出 陳時中 喊 出 一 天 要 打 1百萬 劑 這 在 現實 面 根本 不可能 以 75 歲 高齡 人士 先 接種 還要 核對 身分 一 天 能 打 10萬 人 就 不錯 了 對於 有 網友 提問 今年 828 四大 公 投 是否 還 能 如期舉行 宅 神 朱學 恒 說 今年 大概 沒 辦法 投 公 投 了 但 疫情 一直 拖下去 人民 的 憤怒 會 越 累積 越 高 到 投票日 那天 很 可能 民怨 會 大 爆炸 郭正亮 則 表示 民進黨 政府 若 搞 到 828 還 沒 辦法 收尾 他 不諱 言說 人民 死傷 會 很 慘重 後果 其實 不難想像 他 舉例 今 8 日 新增 22 死 累計 到 828 那 會 死 多少 人 死 一個 人 代表 一個 家庭 人民 不是 沒 感覺 的</t>
  </si>
  <si>
    <t>國民黨 革 實 院長 羅智強 昨 在 臉書 批評 蔡 政府 未 考慮 14億 人 的 心情 堅持 用 武漢肺炎 稱呼 引起 歧視 爭議 國民黨 文傳 會 主委 王育敏 下午 表示 民進黨 不 接受 新冠肺炎 的 稱呼 易讓 外界 誤解 連 處理 疫情 都參 雜 抗 中 政治 思考 立</t>
  </si>
  <si>
    <t>民進黨 為何 流失 300萬 死忠 支持者 游 盈 隆 8 字 總結 結果 重傷</t>
  </si>
  <si>
    <t>民進黨 新冠肺炎 黃暐瀚 認同 遊盈隆</t>
  </si>
  <si>
    <t>立 法院 今 協商 紓困 特別 條例 國民黨 立 委 曾銘宗 指出 民進黨 不僅 不 接受 國民黨 提出 的 排 富 發現 金 方案 還 提出 修正 動議 加碼 把 紓困 特別 預算 一口氣 拉高 到 4200億 比起 原先 的 2100億 又 多 了 一 倍 而 多 出來 的 2100億 額度 沒有 指</t>
  </si>
  <si>
    <t>立 法院 今 協商 紓困 特別 條例 國民黨 立 委 曾銘宗 指出 民進黨 不僅 不 接受 國民黨 提出 的 排 富 發現 金 方案 還 提出 修正 動議 加碼 把 紓困 特別 預算 一口氣 拉高 到 4200億 比起 原先 的 2100億 又 多 了 一 倍 而 多 出來 的 2100億 額度 沒有 指定 用途 等於 是 空白 授權 根據 民進黨團 所 提 修正 動議 紓困 預算 經費 上限 從 600億 提高 到 2100億 又 說 並得 視 疫情 狀況 以 不 超過 原 預算 額度 內 再 編 列 特別 預算 送 請 立 法院 審議 曾銘宗 表示 這 代表 本來 行政院 院會 通過 只 是 要 提高 到 2100億 附加 這 句 等同 把 額度 一口氣 拉高 至 4200億 曾銘宗 批評 民進黨 決策 如 兒戲 政府 應該 要 意識 到 這些 錢都 是 要 舉債 的 目前 的 特別 預算 幾乎 都 要 舉債 只 有 極 少數 歲計 剩 餘 每 筆 錢 都 要用 在 刀口 上 必須 要 確實 做到 紓困 振興 才 對 而 不是 這 樣子 空白 授權 把 額度 一口氣 拉 這麼 高 國民 黨團 書記長 蔣 萬安 說 國民黨 團 的 提案 是 把 額度 增加 1000億 但 這 1000億 是 有 指定 用途 就是 排 富 發現 金 給 民眾 不 像 民進黨 把 額度 再度 增加 2100億 卻 沒有 說明 要 如何 使用 沒有 指定 用途</t>
  </si>
  <si>
    <t>紓困 預算 民進黨 國民黨 蔣 萬安 空白 授權</t>
  </si>
  <si>
    <t>臺灣 東洋 藥品 3 日 傍晚 臨時 宣佈 bnt 與 政府 難 有 一致性 共識 未 能 如期 代理 新冠 疫苗 加上 之 前衛 福 部長 陳時中 表示 不 會 編 列 公費 購買 大陸 疫苗 可能 導致 臺灣 沒有 疫苗 可用 對此 有 網友 批評 陳時中 害 慘 國人 還要 唱 卡拉 ok 嗎 臺灣 東洋 藥品 指出 取得 德國 bnt 新冠 疫苗 在 台 銷售 的 有 條件 授權 書 後 經 20 多 天 密集 地 與 bnt 衛生 福利 部 疾病 管制 署 協商 討論 雙方 對 數量 及 價格 仍 有 落差 未能 達成 一致 協定 臺灣 東洋 只好 忍痛 宣佈 無法 如期 代理 該 疫苗 進口 日前 衛福 部長 陳時中 宣佈 已 與 國際 平臺 covid-19 疫苗 全球 取得 機制 covax 簽約 但 特別強調 在 covax 平 臺上 不會 選擇 中國 大陸 制 的 新冠肺炎 疫苗 但 在 東洋 藥品 取得 代理權 後 卻 陸續 遭 爆 料 其 代理 的 疫苗 是 德國 和 大陸 共同 研製 以及 是 陸資 企業 等等 此事 也 在 ptt 上 引起 網友 熱 議 有 網友 表示 陳時中 害 慘 國人 還要 唱 卡拉 ok 嗎 陳時中跟 又 再 騙 了 不是 說 一定 可以 嗎 民進黨 又 在 惡 搞 了 當初 跟 時 中大 吹 特 吹 真的 好 噁 時 中 部長 真的 跌落 神壇 從醫 材 的 決策 到 美 豬 真的 蠻 讓 人 失望 的 還有 網友 表示 當時 就 認為 不要 說 得 太 早 了 因為 不 用 中國 大陸 疫苗 啊 這 能 想像 之前 綠 共 才 大內 宣 說 這 家 不是 陸資 現在 又 要 怪 中國 大陸 不是 說 這間 德國 bnt 公司 有 陸資 嗎 嘻 嘻 當初 指揮中心 說 不是 大陸 廠 哦</t>
  </si>
  <si>
    <t>日前 新增 的 新冠肺炎 確診 案 277 被 踢 爆 是 交通部觀光局 主任 秘書 之 子 這 名 高官 非但 在 3 20 翹 班 前往 機場 接送 還 要求 觀光局 駐 機場 人員 隨行 接待 喝 咖啡 聊 是非 造成 後續 案 269 案 299 的 感染 先 不論 翹 班 接送 返國 兒子 是否 適當 指揮中心 這次 對 案 277 未 確實 申報 健康 聲明 的 輕放 態度 就 足以 看出 民進黨 政府 在 防疫 對策 上 的 雙重標準 以及 臺灣 官場 的 特權 馬 屁 文化 曾 在 菲 住院 3 天 返台 未 檢疫 指揮中心 28 日 表示 案 277 從 3 1 起 就 有 症狀 出現 喉嚨 痛 發燒 等 症狀 發言人 莊人祥 昨 補充 該案 還 在 菲律賓 當地 住院 3 天 出現 血 尿 症狀 住院 期間 靠 抗生素 與 類固醇 才 壓下 症狀 但 案 277 入境 時 卻 不 需 檢疫 指揮中心 給 的 理由 竟是 案 277 在 入境 前 14 天 並 無 相關 症狀 因此 無須 采 檢 如此 浮動式 采 檢 標準 恐 讓 國內 出現 巨大 防疫 破 口 可疑 的 是 指揮中心 29 日 將 案 277 發病 日 從 3 1 改 為 3 22 雖然 指揮中心 聲稱 案 277 在 菲律賓 住院 出現 的 血 尿 喉嚨 痛 症狀 皆 與 新冠肺炎 類 流感 等 呼吸道 症狀 無關 但 卻 對 將 案 277 發病 日 改 為 3 22 中間 轉折 交代 不 清 指揮中心 有 必要 說明 清楚 這 段 過程 否則 前後矛盾 的 回應 外界 合理 懷疑 指揮中心 是 要為 案 277 未 確實 通報 健康 聲明 開脫 責任 更改 發病 日期 轉折 未 交代 我國 防疫 最高 總指揮 陳時中 昨 並未 對 案 277 與 觀光局 高官 喝 咖啡 有所 苛責 反而 掛 保證 不 會 對 在 機場 逗留 的 居家 檢疫 人員 開 罰 但 指揮官 是否 曾想 過 此 例 一 開 恐 引起 模仿 效應 若 未來 返國 居家 檢疫 者 皆 可 在 機場 內 不 按 規定 到處 走動 人人 都 來 一 杯 咖啡 與 親友 暢 聊 防疫 破 口 難保 不 會 出現 疫情 指揮中心 疑 護航 高官 疫情 指揮中心 早 在 1 27就 宣佈 未 確實 填寫 健康 聲明書 者 可 依 傳染病 防治法 第 58 條 規定 處 最高 15萬 元 罰 緩 但 這次 指揮中心 不但 公然 在 記者會 上 為 觀光局 高官 之 子 護航 還 對 其 發病 日 調整 轉折 交代 不 清 實在 難 甩 外界 對 高官 耍 特權 規避 防疫 責任 的 質疑</t>
  </si>
  <si>
    <t>國內 疫情 嚴峻 國人 關注 疫苗 取得 進度 民進黨 立院 黨團 總 召 柯建銘 昨晚 於臉書 表示 5 月 時 自己 和 美國 加州 共和黨 籍 眾議員 金映玉 young kim 聯絡 並 希望 美方 能 提供 疫苗 金映玉 回應 臺灣 應該 被 列為 美國 提供 疫苗 的 優先</t>
  </si>
  <si>
    <t>全球 新冠 疫情 略有 緩和 趨勢 各國 為 解決 邊境 開放 後 的 安全 疑慮 問題 聚焦 疫苗 護照 概念 如何 實施 沈富雄 昨 19 日 在 政論 節目 中 反問 衛福 部長 陳時中 等到 全球 多國 邊境 啟封 拿 疫苗 護照 要來 臺灣 的 時候 那 你 還 固守 目前 的 方法 嗎 一 句 話 直言 這 是 陳 現在 頭 最 大 的 地方 有關 我國 施打 az 疫苗 問題 陳時中 對 外界 許多 提問 常都 搞 神秘 未 提供 確切 答案 前 民進黨立委 沈富雄 昨 19 日 在 政論 節目 少康 戰情 室 中 提到 陳時中 現在 要 想 的 是 醫護人員 願意 施打 疫苗 的 不 到 四 成 將來 我們 的 基本 防護力 要 有 六 到 七 成 之間 那 我們 沒人 得病 要 全靠 打 疫苗 可 是 現在 全球 每 一個 先進 國家 他們 其實 國境 啟封 的 條件 都 很 寬鬆 等到 大家 都 啟封 了 拿 疫苗 護照 要來 臺灣 的 時候 那陳 時 中 還 固守 目前 的 方法 嗎 我 覺得 這 是 他 現在 頭 最 大 的 地方 另外 國民黨 立 法院黨團 日前 提出 設立 疫苗 採購 調閱 專案小組 的 臨時 提案 並 突襲 通過 行政院長 蘇貞昌 卻 對 此 表示 買 疫苗 都 有 簽 保密 契約 不論什麼 政黨 都 要以 保護 國人 健康 為先 呼籲 不要 因 違反 保密 規定 而 買不到 疫苗 關於 蘇貞昌 這 一席話 沈富雄 表示 我 也 搞不懂 他 說 的話 為什麼 這麼 神秘兮兮 這些 機密 到底 洩漏 之後 會 影響 到 已經 定案 採購 完成 的 那些 交貨 為什麼 呢 實在 搞不懂 不 需要 這樣 神秘兮兮 的</t>
  </si>
  <si>
    <t>立 法院 今日 下午 於 立院 議場 針對 600億 新冠肺炎 紓困 振興 特別 預算案 召開 朝野 協商 經 各黨 討論 後 同意 紓困 預算案 將 在 3 月 13 日 下 週五 院會 完成 3 讀 立法 院長 游錫堃 今日 主持 協商會議 並 邀請 各黨 共同 討論 國民 黨團 總 召 林為洲 表達 支援 紓困 預算案 儘快 處理 但 希望 在 案子 進 委員會 審查 前 能夠 先 舉辦 公聽會 瞭解 勞資雙方 的 意見 民進黨團 總 召 柯建銘 表示 現在 若要 開 公聽會 時間 恐怕 趕不上 在 本 週三 四 的 聯 席 委員 會上 委員 都 可以 向 相關 部會 質詢 而 下週一 會 在 委員會 討論 預算 屆時 若 各黨 委員 無 共識 就 保留 送 協商 處理 此案 預計 最 快 13 日 可 以 3 讀 通過 民眾黨 團 總 召 賴香伶 說 為 避免 紓困 案 上路 後 發生 窒礙難行 的 狀況 民眾黨 會 自行 先 舉辦 小型 座談會 收集 民意 目前 已 先 做 安排 本 周 將 會 邀請 交通 觀光 產業界 開會 共同 交換意見 依據 今日 協商 結論 明日 院會 也 將 邀請 行政院長 蘇貞昌 財政部長 蘇建榮 行政院 主 計長朱 澤民 及 相關 部會首長 列席 報告 紓困 預算 並 由 民進黨 國民黨 各 推派 6 人 民眾黨 及 時代 力量 各 推派 2 人 代表 質詢</t>
  </si>
  <si>
    <t>行政院長 蘇貞昌 今 拍板 新冠肺炎 紓困 草案 後 旋即 趕往 立 法院 向正在 舉行 黨團 大會 的 民進黨立委 致意 蘇貞昌 說 武漢肺炎 疫情 嚴峻 政 院 今天 通過 防疫 與 提 振 產業 的 特別 條例 盼 立院 支持 在 最 快 時間 通過 他 也 強調 政府 會 透</t>
  </si>
  <si>
    <t>行政院長 蘇貞昌 今 拍板 新冠肺炎 紓困 草案 後 旋即 趕往 立 法院 向正在 舉行 黨團 大會 的 民進黨立委 致意 蘇貞昌 說 武漢肺炎 疫情 嚴峻 政 院 今天 通過 防疫 與 提 振 產業 的 特別 條例 盼 立院 支持 在 最 快 時間 通過 他 也 強調 政府 會 透過 此次 疫情 衝擊 協助 產業 走 出 困境 並 改變 體質 讓 產業 更 升級 引發 注意 的 是 近日 傳出 國民黨 立 委 吳斯懷 的 第一 次 立院 質詢 書面報告 中 提到 近期 蔡 總統 向 對岸 叫陣 挑釁 像 清朝 慈禧太后 向 八國聯軍 宣戰 一樣 面對 戰爭 臺灣 真 的 準備 好了嗎 這 番 質詢 文字 立刻 讓 綠 營 撿 到 槍 蘇貞昌 在 準備 進入 黨團 大 會前 特別 就 此 提出 回應 他 說 目前 正值 疫情 嚴峻 時刻 整個 政府 大家 同心協力 一致 對抗 武漢肺炎 希望 國家 走過 困境 真 的 不 願意 看到 還有 人 在 這個 時候 講 這種 令全民 憤怒 的話 是 相當 不 妥當 的 也 對 疫情 沒有 幫助 的 蘇貞昌 今 中午 前往 立 法院 出席 民進黨團 大會 針對 新冠肺炎 特別 條例 發表 5 分鐘 的 致詞 他 說 從 過年 期間 政府 就 針對 防疫 做 努力 相關 預算 與 經費 都 已 依照 災 防 法 撥 出 但 對於 接下來 要 如何 紓困 防疫 提 振 產業 行政院 今天 通過 特別 條例 並 在 第一時間 送到 立院 請 立 委 支持 指教 讓 條例 在 最 快 時間 通過 被 問到 近期 是否 有 台商 因 疫情 回流 臺灣 政府 要 如何 藉 由 疫情 讓 危機 變 轉機 蘇貞昌 說 目前 疫情 變化 快速 就 像 中 美 貿易 戰時 臺灣 因為 有 改善 投資 環境 因勢利導 讓 聯合國 的 報告 都說 臺灣 在 中 美 貿易 危機 中 賺 最 多 因此 蘇貞昌 說 今年 武漢肺炎 臺灣 再次 受到 衝擊 但 政府 一定 會 在 這種 情況 下 協助 受到 衝擊 的 產業 包括 讓 台商 藉 機 走 出 困境 改變 體質 讓 整個 產業 更 升級 針對 條例 中 有關 居家 隔離 的 補助 是否 會 較 當年 sars 期間 的 5百 元 更 多 蘇貞昌 說 如果 有 配合 隔離政策而 受到 影響 的 人 政府 都 會 酌 予 補貼 但 如果 不 配合 不但 沒 補貼 還 會 有 法辦 蘇貞昌 新冠肺炎 紓困 提 利 吳斯懷</t>
  </si>
  <si>
    <t>民進黨 副 秘書長 林飛帆 近日 po 出 自己 在 廚房 切 雞肉 的 防疫 生活 照 表示 疫苗 已 陸續 到位 也 呼籲 民眾 沒事 宅 在 家 未 料 鄉民 完全 不領情 紛紛 大 酸 這 就 是 月薪 9萬 的 廚房 嗎 15萬 劑 疫苗 又 開始 吹 了 殺 雞 取暖</t>
  </si>
  <si>
    <t>民進黨 副 秘書長 林飛帆 近日 po 出 自己 在 廚房 切 雞肉 的 防疫 生活 照 表示 疫苗 已 陸續 到位 也 呼籲 民眾 沒事 宅 在 家 未 料 鄉民 完全 不領情 紛紛 大 酸 這 就 是 月薪 9萬 的 廚房 嗎 15萬 劑 疫苗 又 開始 吹 了 殺 雞 取暖 而 林飛帆 不久 後 也 將 照片 悄悄 下 架 林飛帆 在 臉書 表示 第一 批 莫德納 疫苗 已經 抵達 臺灣 還 有 上周 抵 台 的 az 疫苗 也 開始 提供 給 第一 線 防疫 人員 還 有 更 多 疫苗 會 陸續 到位 預估 8 月 時 能 有 1千萬 劑 在 疫情 舒緩 前 請 民眾 沒事 宅 在 家 文章 還 附上 一 張 在 中島 式 廚房 切 雞肉 的 照片 此 篇文章 被 鄉民 crazywinnie 據 網友 稱 此 帳 號 為 卡 神 楊蕙 如 所有 轉到 ptt 後 鄉民 大 酸 殺 雞 是 為了 取暖 日子 過 得 不錯 啊 不 抗議 了 嗎 那 只 雞 被 魚 肉 的 人民 領 9萬 的 廚房 就 是 專業 前線 醫護人員 有 多 慘 這 張 照片 就 有 多 諷刺 還有 鄉民 發現 林飛帆 照片 中的 廚房 疑 似是 專業 攝影棚 與 過去 藝人 鄭元暢 節目 拍攝 的 廚房 一樣 鄉民 們 紛紛表示 發 個 臉書 還 要 先 去 攝影棚 拍照 不 懂 為何 這 時間 點 還要 作 秀 耶 飛 帆 這人 臉皮 真的 厚出 一個 新 境界 假 鬼 假 怪 的 瘦 版 沈玉琳 林飛帆 在 不久 後 悄悄 將 照片 下 架</t>
  </si>
  <si>
    <t>民進黨 大亂鬥 3 新 系 領頭羊 動作 多 賴 神密 會 這些 立 委 吃飯</t>
  </si>
  <si>
    <t>民進黨內 大小 派系 的 競 合 令人咋舌 新 系 身 為 最 大 派系 其中 的 山頭 更是 動 見 觀瞻 今年 二月 初 賴清德 宣 稱 以 個人 身分 低調 赴美 出席 華盛頓 一年一度 的 全美 祈禱 早餐會 但因 他 的 准 副 總統 身分 格外 敏感 隱含 著</t>
  </si>
  <si>
    <t>民進黨內 大小 派系 的 競 合 令人咋舌 新 系 身 為 最 大 派系 其中 的 山頭 更是 動 見 觀瞻 今年 二月 初 賴清德 宣 稱 以 個人 身分 低調 赴美 出席 華盛頓 一年一度 的 全美 祈禱 早餐會 但因 他 的 准 副 總統 身分 格外 敏感 隱含 著 臺灣 最高 層級 官員 訪問 華府 的 意 涵 備受矚目 近期 更 傳出 賴清德 私下 邀請 立法 院 親 賴 立 委 餐 敘 動作 頻頻 引發 黨內 議論 訪 美 前 幾 天 正值 新冠肺炎 疫情 升溫 賴清德 在 臉書 公開 倡議 此時 正是 兩岸 合作 的 時機 以及 幫助 中國 就 等於 幫助 臺灣 與 蔡英文 蘇貞昌 臺灣 自助 優先 方向不同 甚至 讓 藍營 人士 撿 到 槍 消遣 民進黨政 府 引發 綠 營 內部 不滿 因此 傳出 賴清德 訪 美 期間 臺北 高 層 還 特別 致電 提醒 不要 太 過 高調 一 位 民進黨 南部 立 委 指出 賴清德 去年 因為 參加 總統 初選 掀起 黨內 茶壺 風暴 不少 人 將 其 定位 為 政變 一連串 發言 和 動作 都讓 執政 團隊 頭痛 日前 賴還邀 林俊憲 郭國文 林宜瑾 和 高嘉瑜 等 立 委 聚餐 更 被 外界 視為 招兵買馬 厚植 實力 之舉 賴清德 找 立 委 吃飯 培養感情 是從 當 台南 市長 就 有 的 習慣 但 賴清德 有 競爭 下任總統 的 企圖 心 五二○ 還 沒到 動作 就 這麼 多 不免 讓 人 說閒話 而且 賴清德 又 是 去年初 選 後 被 蔡英文 撿回來 當作 副手 人選 應該 先 安分 二 年 再說 更何況 大家 會 拿 前後 幾 位 副 總統 來 做 比較 政壇 人士 直白 地 說 賴清德 的 動作 就 是 一心 想 再上 一 層 樓 但 他 在 與 黨內 其他 派系 競爭 前 恐怕 會 先 被 拿 來 跟 同為 新 系 的 桃園 市長 鄭文燦 對比 相形之下 鄭文燦 經營 青年 議題 網路 操作 有 謀略 也 比較 考量 政通人和 更 多 ctwant 報導</t>
  </si>
  <si>
    <t>新冠肺炎 疫情 彰 化 縣 昨 兩 日 已 15 例 確診 16 日 晚間 又 傳出 陸續 有 學生 確診 不少 家長 憂心 校園 群 聚 希望 彰 化 縣政府 宣佈 停課 未果 乾脆 直接 幫 小孩 請假 縣府 教育處 統計 全縣 9萬3千 名 中小學生 17 日 共計 有 11萬 人 請假 超過 1 成 目前 彰 泰國 中 因 2 學生 確診 全校 停課 2 周 連帶 和 群 國 中 芬園 國 中都 有 學生 受 影響 被 匡列 或 停課 彰 工 考場 縣府 也 已 請 彰化市 公所 清潔隊 完成 大規模 清潔 消毒 但 許多 國立 高中 職 學生 今天 也 紛紛 請假 在 家 彰 化 縣 議會 原定 上午 舉行 定期 會 開議 縣政 質詢 不少 縣議員 到場 簽到 後 彰 化 縣 議長 謝典林 邀集 各 黨團 協商 經 國民黨 黨團 書記長 劉淑芳 議員 無党 團結 聯盟 黨團 會長 吳 淑娟 議員 民進黨 黨團 總 召 許書維 議員 時代 力量 吳 韋達 議員 彰 化 縣 副 縣長 林田富 及 民政 處長 賴 致富 等 人 同意 暫停 開議 兩 周 盼 讓 縣府 全心投入 防疫 工作 有 議員 在 議事 場外 等候 黨團 協商 結果 紛紛 為 疫情 炸 鍋 表示 令人 憂心 由於 彰 化 縣政府 認為 沒有 停課 必要 不少 議員 私下 也 直指 早就 決定 幫 孩子 們 請 好 假 乖乖 待 在家 中 不 亂跑 避免 到 校園 增加 群 聚 風險 彰 化 縣 議長 謝典林 表示 週末 2 天 快速 改變 大家 習慣 的 生活 方式 更 提醒 我們 嚴峻 的 疫情 還 沒 過去 彰 化 縣 已 進入 准 三級 警戒 的 狀態 最 需要 每 一 位 縣民 努力 配合 懇請 大家 提高 警覺但 無須 恐慌 配合 各項 防疫 政策 戴 口罩 勤洗手 可以 的 話 也 儘量 保持 運動 習慣 以 增強 抵抗力</t>
  </si>
  <si>
    <t>在 第一線 採訪 的 新聞 從業人員 陸續 傳出 死亡 後 確診 新冠肺炎 的 案例 民進黨立委 林 楚茵 昨 在 立 法院 質詢 ncc 主委 陳耀祥 應該 將 媒體 人員 也 列入 疫苗 施打 名單 陳耀祥 表示 已經 行文 疾 管署 列入 第一 線 新聞 人員 努力 爭取 希望 納</t>
  </si>
  <si>
    <t>在 第一線 採訪 的 新聞 從業人員 陸續 傳出 死亡 後 確診 新冠肺炎 的 案例 民進黨立委 林 楚茵 昨 在 立 法院 質詢 ncc 主委 陳耀祥 應該 將 媒體 人員 也 列入 疫苗 施打 名單 陳耀祥 表示 已經 行文 疾 管署 列入 第一 線 新聞 人員 努力 爭取 希望 納入 第 三類 施打 對象 另 日本 捐贈 的 124萬 劑 az 疫苗 將 于下周 開 打 指揮中心 發言人 莊人祥 昨天 指出 6 月 15 日 起會 開放 75 歲 以上 接種 基本上 會 沿用 流感疫苗 的 方式 由 各地 衛生所 在 轄區 內 廣設 接種 站 透過 鄰里 的 催 種 系統 讓 裡長 陸續 安排 長者 施打 政務委員 唐 鳳 日前 建置 的 疫苗 接種 預約 平臺 則 暫時 還 不 會 啟用 至於 何時 能夠 開放 預約 近日 內 會 再 公告 林 楚茵 指出 ncc 提報 2700 人 列入 第 七 類 施打 名單 主要 是 電信 固 網 海 纜 衛星 等 工作人員 都 是 工程 人員 但 第一線 採訪 疫情 動態 的 新聞 人員 卻 沒 納入 如今 已 出現 多 起新聞 工作者 因 確診 死亡 陳耀祥 指出 高 接觸 風險 的 新聞 人員 正在 努力 希望 納入 第 三類 施打 對象 林 楚茵 提醒 ncc 主管 廣播電視 紙 媒 網 媒 記者 不 屬於 業 管 範圍 紙 媒 跟 網 媒 記者 同樣 在 第一線 採訪 是否 會 變成 孤兒 文化部 表示 媒體 記者 在 疫情 期間 持續 在 第一線 報導 疫情 及 各種 事實真相 是 防疫 工作 相當 重要 的 一 環 為 落實 社會 防疫 安全 同時 兼顧 防疫 資訊 的 透明 開放 與 傳播 文化部 將 與 ncc 分工 由 文化部 洽 請 平面媒體 含 報紙 雜誌 網路 媒體 提出 第一線 的 記者 名單 由 文化部 送 請 指揮中心 並 依據 專家 會議 評估 群體 風險性 後 決定 施打 優先 順序 衛福部 次長 薛瑞元 表示 不一 定在 第 三類 目前 第 七 類 也 有 這樣 的 類型 了 實際上 的 做法 可能 要 文化部 或是 ncc 匯 整 名單 衛福部 內部 會 有 會議 決定 哪 一 種 算是 第一線 高風險 接觸 者</t>
  </si>
  <si>
    <t>以 大陸 香港 為 主要 銷售市場 的 石斑魚 產業 在 新冠肺炎 後 嚴重 衝擊 石斑魚 市場 民進黨立委 邱志偉 18 日 邀請 農委會 漁業 署 副 署長 林國平 南 下 永安 區 與 漁會 及 漁民 座談 表示 儘管 漁業 署 將 提供 半 年 免息 的 貸款 紓困 但 邱志偉 認為</t>
  </si>
  <si>
    <t>民進黨 今 舉行 線 上 中常會 蔡英文 總統 在 會 中 表示 他們 也 注意 到 近期 的 疫苗 施打 有些 對 特權 以及 施打 效率 的 質疑 她 要 強調 中央 明定 的 接種 順序 是 經過 專家 討論 考量 公共 衛生 和 維持 社會 穩定 需求 的 結果 她 表示 也</t>
  </si>
  <si>
    <t>民進黨 今 舉行 線 上 中常會 蔡英文 總統 在 會 中 表示 他們 也 注意 到 近期 的 疫苗 施打 有些 對 特權 以及 施打 效率 的 質疑 她 要 強調 中央 明定 的 接種 順序 是 經過 專家 討論 考量 公共 衛生 和 維持 社會 穩定 需求 的 結果 她 表示 也 要 請 執行 單位 包括 地方 政府 確實 依照 順序 有效率 地 來 施打 我們 是 執政黨 更 要 做 表率 請 大家 在 地方 宣導 依序施 打 輪到 你 再 去 打 蔡 總統 在 會 中 提到 疫苗 供給 和 施打 她 說 上周 大家 也 看到 在 全球 疫苗 供貨 緊張 的 情況 下 政府 還 是 努力 透過 外交 管道 跟 美 日 爭取 了 緊急 供應 將近 兩百萬 劑 她 說 國產 疫苗 的 部分 她 要 再次 強調 安全 有效 是 疫苗 上市 的 基本 條件 尊重 科學 證據 有 一 分 證據 說 一 分 話 這 不僅 是 政府 的 責任 也 希望 社會 大眾 都 抱 持 這樣 的 態度 民進 党 發言人 謝佩芬 會後 回 覆 媒體 表示 也 要 呼籲 國內 各政黨 關於 疫苗 施 打的 順序 這 是 專業 問題 請 務必 依 循 配合 專家 的 專業 意見 來 依 序 進行 她 說 對於 被 媒體 揭露 國民黨 部分 人士 疑 似 利用 特權 插隊 打 疫苗 的 事情 也 要 籲請 江 啟臣 主席 應該 出來 告訴 臺灣 人民 你們 的 態度 是 什麼</t>
  </si>
  <si>
    <t>新冠肺炎 衝擊 中央 提出 600萬 元 紓困 專案 民進黨 彰 化 縣 團 17 日 指出 至今 都 沒有 看到 彰 化 縣政府 的 紓困 計 畫 彰 縣府 示 則 強調 防疫 不分 藍 綠 紓困 更 需 團結 將 成立 整合 單一 視窗 縣府 並 推出 幸福 圓夢 貸款 計 畫 辦理 農業</t>
  </si>
  <si>
    <t>新冠肺炎 衝擊 中央 提出 600萬 元 紓困 專案 民進黨 彰 化 縣 團 17 日 指出 至今 都 沒有 看到 彰 化 縣政府 的 紓困 計 畫 彰 縣府 示 則 強調 防疫 不分 藍 綠 紓困 更 需 團結 將 成立 整合 單一 視窗 縣府 並 推出 幸福 圓夢 貸款 計 畫 辦理 農業 紓困 貸款 依 營業 情形 予以 減征 娛樂 稅 等 並 疾呼 不分 黨派 向 中央 爭取 更 多 實質 的 疏 困 經費 後續 也 會 就 中央 不足 部分 研 擬 適當 方案 民進黨團 總 召 尤瑞 春 議員 賴清美 莊 陞 漢 賴 澤民 李 成濟 等 指出 縣 內 各行各業 無不 成為 這 疫情 下 的 受災戶 不禁 要來 問問 縣政府 紓困 作為 在 哪裡 不能 就 是 觀望 600億 紓困 專案 應有 妥善 調查 好好 準備 向 中央 爭取 許多 縣 市 都 已經 射箭 了 彰 化 縣政府 表示 這次 防疫 工作 臺灣 做 得 比 其他 國家 早 也好 是 各 地方 政府 不分 藍 綠 全力 遵從 中央 指揮 疫情 造成 商圈 零售業 農漁 牧業 以及 觀光 產業 等 衝擊 600億 元 紓困 特別 預算 也 在 立院 朝野 各黨 團 一 毛 未 刪 三讀通過 證明 惟有 不分 中 央 地方 不分 黨派 大家 停止 口水 團結 一致 才能 一齊 度過難關 縣長 王 惠美 表示 雖然 地方 政府 資源 有限 但 從 疫情 開始 就 于 主管 週報 中 要求 各 單位 提出 對應 疫情 紓困 的 推動 作為 目前 縣府 各 相關 局 處 的 作為 有 下列 幾 項 一 經綠處 表示 1 推出 彰 化 縣 幸福 圓夢 貸款 計 畫 正 與 多 家 銀行 洽談 提供 利息 補貼 申請 一 年 的 利息 全 免 減輕 急需資金 周轉 的 縣 內 中小企業 及 商號 的 負擔 亦 適用 經濟部 日前 函 頒 經濟部 對 受 嚴重 特殊 傳染性 肺炎 影響 發生 營運 困難 產業 事業 紓困 振興 辦法 可 申請 展延 本金 償還 期限 一 年 免 收 手續費 2 配合 中央 紓困 計 畫 內容 建立 整合 中央 地方 紓困 服務 單一 視窗 二 農業 處 表示 1 辦理 農 漁業 紓困 貸款 2 籌辦 彰 化 蛋品 行銷 推廣 活動 3 與 埤頭 鄉 農會 溪湖 鄉農會 與 埔鹽鄉 農會 等 3 個 大宗 蔬菜 生產地 農會 合作 3 月 17 日 聯合 辦理 大宗 蔬菜 多 元 加工 暨 創新 料理 活動 4 補助 集 運費 以 輔導 轄下 果菜 市場 收購 花椰菜 加工 紓困 三 城市 暨 觀光 發展 處 針對 低迷 觀光 產業 為 開發 國際 觀光 市場 邀請 大型 旅行社 至 彰 化 縣 考察 旅遊 環境 並 舉辦 與 縣 內業 者 座談 會後 期望 在 疫情 平穩 後 快速 爭取 到 國際 市場 此外 也 積極參與 各項 產業 座談會 向 中央 爭取 把 相關 產業 能 納入 紓困 物件 內 並 運用 各種 經濟 及 旅遊 期刊 管道 適時 報導 縣 內 旅遊 美食 秘 境 景點 等等 介紹 強化 促銷 帶動 買氣 目前 交通部 許多 紓困 方案 都 要求 由 公 協會 直接 提案 城觀 處 仍 主動 協助 彰 化 縣 旅遊 產業 協會 提案 作業 產業 合作 謀求 最 大 利益 四 地方稅務局 的 紓困 方案 1 稅務 服務 線 上 申辦 2 延 繳 3 減稅 受 疫情 衝擊 娛樂業 者 依 營業 情形 予以 減征 娛樂 稅</t>
  </si>
  <si>
    <t>炮轟 口罩 問題 李 來希 酸 偉大 的 民進黨 政府 啊</t>
  </si>
  <si>
    <t>新冠肺炎 疫情 延 燒 使 民眾 瘋 搶 口罩 政府 因此 祭出 口罩 實 名 制 每人 每 7 天 可 購買 2 片 口罩 全國 公務人員 協會 榮譽 理事長 李 來希 昨 貼出 排隊 購買 的 口罩 直 呼 口罩 顏色 品質 不一 並 質疑 口罩 分裝 的 衛生 問題 李 稍 早 再度 貼 文 表示 他 是 心疼 國家 的 藥師 被 當成 口罩 的 分裝 人員 是 專業 人力資源 的 浪費 是 對 藥師 尊嚴 的 戕害 他 諷刺 表示 人民 要 購買 的 口罩 只能 零散 的 處理 既 不 衛生 又 無 效率 有 說 錯 嗎 偉大 的 民進黨 政府 啊 李 來希 昨 在 臉書 貼出 購買 的 口罩 並 表示 口罩 顏色 不一 品質 也 不一 他 說 國家 有限 的 勞動 生產力 被 浪費 在 排隊 上 不管 是 老 的 還是 少 的 人力資源 這 樣子 消耗 口罩 這 樣子 分裝 要 接觸 多少 人 衛生 嗎 制程 中 不能 就 一併 分裝 好 嗎 藥師 們 被 當成 了 分裝 工人 既 浪費 人力 侮辱 藥師 們 的 專業 與 尊嚴 又 無 效率 這 是 什麼樣 的 爛 決策 我 就 不 相信 沒有 別的 方式 或 方法 解決不了 這個 問題 然而 稍 早 李 來希 又 發文 指出 這 兩 天 民進黨 發動 媒體 與 酸 民 說 他 醜化 藥師 分裝 口罩 不 衛生 錯 了 我 是 心疼 國家 的 藥師 被 當成 了 口罩 的 分裝 人員 是 專業 人力資源 的 浪費 是 對 藥師 尊嚴 的 戕害 他 說 口罩 的 分裝 像 早晨 吃 的 燒餅 難道 就 不能 就 源 管理 嗎 在 口罩 的 制程 中 就 可以 完成 的 包裝 為什麼 要 交由 下游 的 藥師 處理 浪費 人力資源 莫此為甚 過去 可以 做 得 到 現在 卻 不行 為什麼 連 罷 韓 團體 提供 的 口罩 都 可以 做 完整 的 包裝 人民 要 購買 的 口罩 只能 零散 的 處理 既 不 衛生 又 無 效率 有 說 錯 嗎 偉大 的 民進黨 政府 啊 請 你們 告訴 人民 吧 對此 有 網友 表示 分裝 的 口罩 實在 不 衛生 執政黨 在 創造 工作 機會 不 想 讓 藥劑師 太 無聊 吧 無能 的 作為 連 口罩 包裝 也 弄不好 說穿 了 就是 這 政府 解決不了 口罩 產能 不足 的 問題 不過 也 有 網友 不以為然 表示 你 行 你 來 呀 所以 更 好 的 方法 是 別 只 會 罵 講 一 堆 屁話 結果 也 沒 提出 什麼 東西 不爽 不 要領</t>
  </si>
  <si>
    <t>民進黨立委 羅致 政 今日 表示 不論是 covid-19 的 中文翻譯 要 如何 稱呼 都 是 個別 的 說法 不 需要 因為 行政院長 蘇 貞 昌都 講 武漢肺炎 而 過度 解讀 雖 上月 蘇揆 不 滿意度 民 調高 過 滿意度 但 長期以來 滿意度 都 在 4 成 以上 且 都高 過 滿</t>
  </si>
  <si>
    <t>民進黨立委 羅致 政 今日 表示 不論是 covid-19 的 中文翻譯 要 如何 稱呼 都 是 個別 的 說法 不 需要 因為 行政院長 蘇 貞 昌都 講 武漢肺炎 而 過度 解讀 雖 上月 蘇揆 不 滿意度 民 調高 過 滿意度 但 長期以來 滿意度 都 在 4 成 以上 且 都高 過 滿意度 民 調起 起伏 伏 平常心 看待 即可 有 媒體 指出 蔡 總統 近期 任命 邱太三 接任 陸委會 主委 目的 是 為了 向 中國 釋出 善意 且 自 去年 國慶 演 說起 已不 再說 武漢肺炎 改口 新冠肺炎 但 蘇揆 仍 持續 以 武漢肺炎 稱呼 是 操作 反 中 情緒 想 選 2024 總統 也 會 破壞 蔡 總統 的 兩岸 談判 空間 羅致 政 表示 民進黨 對 中國 一直 持續 釋出 善意 但 對岸 對 我方 一向 強硬 從 共 機 持續 擾 台一 事 即 可見 端倪 至於 蘇揆 對於 covid-19 的 中文 稱呼 上 採用 了 什麼 說法 也 不 需要 太 過度 解釋 針對 昨晚 流出 一 份 民進黨 內部 民 調 直指 蘇揆 1 月份 不 滿意度 高於 滿意度 羅致 政 說 先 不 去 談民 調流 出 的 動機 就 所 掌握 的 最 新民 調 蘇揆 的 滿意度 仍 是 高於 不 滿意度 外界 不 需要 過度 看待</t>
  </si>
  <si>
    <t>敦睦 艦隊 磐石 艦 確診 24 名 新冠肺炎 國防部 副 部長 張哲平 今天 在 司法 法制委員會 答詢 時 證實 磐石 艦 有 337 位 軍士 官兵 其中 70 人 看 診 71 次 且 其中 有 5 人 發燒 中央 疫情 指揮中心 下午 記者會 表示 發燒 5 人 中 經過 三 個 實驗室 進行 抗體 檢測 抽血 檢驗 有 3 人 存有 抗體 但有 抗體 代表 曾 感染 過 這 是否 意味著 其中 3 人 曾在上 船 前 就 染 過 對 疫情 調查 很 有 幫助 民進黨立委 趙天麟 質詢 根據 軍醫 局 提供 的 資料 磐石 艦 有 337 位 軍士 官兵 其中 竟 70 人 看 診 71 次 且 其中 有 五 人 發燒 張哲平 回應 在 敦睦 整個 航行 過程 中 到達 帛 琉 前後 確有 5 人 發燒 但 張哲平 也 強調 艦 上 醫官 將 患者 隔離 到 一般 病房 作 診治 後 大約 4 到 6 天 這些 症狀 也 就 沒有 了 不過 這 5 位 發燒 病 患 經 疫 調 人員 抽血 檢驗 其中 有 3 名 竟然 存有 肺炎 抗體 其實 就 意味著 極 有 可能 這 3 人極 可能 為 無 症狀 感染 事後 自行 康復 後 帶有 病毒 但 真實 狀況 仍 有待 調查</t>
  </si>
  <si>
    <t>幾 番 論辯 再 幾 番 互 踢皮球 大甲鎮 瀾 宮 終於 決定 延期 舉行 媽祖 繞 境 進香 活動 就 防疫 角度看 這 是 應當 之舉 相信 媽祖 也 不 希望 信徒 冒 生命危險 進香 並且 把 危險 散播 給 更 多 人 問題 是 如此 簡單 明白 的 一 件 事 蔡 政府 卻 不敢 出面 作 決定 背後 的 政治 算計 斧 鑿 斑斑 帶 著 這種 心態 做 防疫 恐 將令 人民 健康 蒙受 不必要 的 風險 萬事 莫如 防疫 急 新冠肺炎 燎原之勢 已 兵臨城下 實質 上 可以 視同 已 進入 緊急狀態 政府 及早 禁止 口罩 出口 延長 寒假 大幅 減少 中 港澳 航班 禁止 中 港澳 韓 旅客 來 台 等等 比起 日本 至今 仍 容許 湖北 浙江 以外 的 陸客 訪 日 臺灣 諸多 措施 可謂 超前 國際 限制 醫護人員 出國 更是 嚴厲 到 獨步 全球 民眾 理解 政府 的 決策 都 是 為了 替 大家 的 安全 提供 更 多 保障 因此 雖然 醫護人員 反彈 旅遊 餐飲業 叫苦連天 絕大多數 的 民眾 仍然 支持 並 信賴 政府 的 決定 陳時中 民意 支持度 超過 8 成 蔡 總統 與 蘇揆 也 沾光 不少 綠 營 媽祖 不怕 肺炎 但 防疫 措施 雷厲風行 的 蔡 政府 對 一年一度 的 大甲 媽 繞 境 盛事 卻 一反常態 地 龜縮 了 起來 一面 把 作 決定 的 責任 推 給 鎮 瀾 宮 一面 又 以 停辦 總統 就職典禮 等 動作 來 彰 顯 此時 不宜 舉辦 大型 聚會 衛福 部長 陳時中 更 意 有所 指 地 說 媽祖 慈悲 不 要 讓 媽祖 憂心 內政部長 徐國勇 也 出面 勸說 其他 宮廟 配合 一 次 繞 境 牽涉到 許多 宮廟 相關 人士 早已 投入 大量 人力 經費 原本 也 預期 會 製造 相當 商機 如今 全要 停 擺 鎮 瀾 宮會 直接 遭遇 各方 反彈 壓力 因此 鎮 瀾 宮 希望 政府 作 個 明確 的 決定 但 蔡 政府 卻 不 願 出頭 當 這個 惡人 以免 得罪 廣大 媽祖 信徒 和 這些 宮廟 的 椿 腳 明明 就 防疫 來說 避免 人潮 聚集 根本 只 是 常識 萬金石 馬拉松 宣佈 停辦 許多 藝人 也 取消 演唱會 蔡 政府 禁止 醫護人員 出國 取消 畢業 旅行 時 硬 得 很 遇到大甲 媽 就 堅持 躲 在 決策 第 二線 敬畏 媽祖 是 假 政治 算計 才是真 否則 民進黨籍 的 桃園 縣長 鄭文燦 親自 捧場 參加 桃園 龍德 宮四 媽祖 南巡 繞 境 蔡 政府 或 疫情 中心 有 替 媽祖 代 言 表示 憂心 嗎 難道 一個 媽祖 可以 各自 表述 綠 的 媽祖 廟 就 不怕 新冠肺炎 政府 決定 將 中央 疫情 指揮中心 提升 到 一級 開設 按理說 指揮官 層級 應 隨之 拉高 但 卻 仍 由 陳時中 擔任 指揮官 這 一方面 是 為 免 陣前 換 將 二 方面 也 是 蔡 政府 想 繼續 得到 陳時中 光環 的 拉 抬 與 保護 因為 陳時 中的 高 人氣 無 人 能 擋 已成 了 最 受 民眾 信任 的 防疫 英雄 連 臺北市 長 柯文哲 也 因為 和 他 唱反調 而 被 網友 罵 翻 但是 雖然 臺灣 至 今 的 防疫 表現 傲視 全球 但 也 不是 所有 決策 都 是 對 的 回顧 過去 就 有 不少 決策 明顯 是 政治 淩駕 了 專業 甚至 人道 蔡 政府 藉 疫情 全球 肆虐 證明 反 中 有理 對 歧視 陸配 及其 子女 的措施 絲毫 沒有 人 道上 的 不安 在 另一方面 又 一味 迎合 被 煽動 起來 的 反 中 民 粹 情緒 例如 陸委 會前 一 天 宣佈 放寬 陸 配子 女 來 台 還以 小 明 做 例子 結果 網友 一 反彈 次日 立即 由 陳時中 來 出面 改口 說 不 選 我國 國籍 就要 自己 承擔 這種 政治 決策 交 由 一個 防疫 指揮官 來 傳達 既 是 把 陳時中 當成 政治 傳聲筒 也 是 想 藉 著 陳時 中的 高 人氣 抹 白蔡 政府 陰暗 的 政治 手段 政治 算計 先於 防疫 又 如 台商 包機 自 第一 架 之後 停 擺 至今 兩岸 為此 政治 角力 你來我往 但 如果 真是 把 武漢 臺胞 的 安危 放在 第一 位 其他 事 能 彈性 就 彈性 恐怕 也 未必 會 至今 不曾 再 接回 台商 對 蔡 政府 而言 到底 是 臺胞 健康 重要 還 是 兩岸 角力 重要 大家 心裡 都 有所 評量 這個 政治 決策 不是 由 陳時中 做 的 他 也 沒 那個 層級 但 被 推到 第 一線 的 他 卻 要 承擔 防疫 以外 的 許多 政治 決定 這 對 他 是 一 種 糟蹋 與 濫 用 既 不 公平 也 有礙 防疫 在 完全 基於 專業 考量 下 進行 對抗 新冠肺炎 是 一 場 保護 所有 人民 生命 健康 的 戰役 不容許 任何 疏忽 錯誤 政治 算計 如果 先於 防疫 必然 會 干擾 防疫 工作 的 進行 無益 於 人民 的 健康 安全 蔡 政府 如果 真心 想 打 好 防疫 戰 就 不 要 再 把 陳時中 當 政治 工具 了</t>
  </si>
  <si>
    <t>新 一 批 合計 41萬 劑 的 az 疫苗 今 抵達 臺灣 民進黨 前 立 委 林濁水 今 在 臉書 表示 加上 先前 的 30萬 劑 70萬 劑 中 自己 買到 的 只 有 11萬 其 餘 都 是 covax 平臺 分配 的 這樣 的 採購 能力 太 令 人 驚嚇 了 林濁水 說 又 有 40萬 劑 az 了 真是</t>
  </si>
  <si>
    <t>新 一 批 合計 41萬 劑 的 az 疫苗 今 抵達 臺灣 民進黨 前 立 委 林濁水 今 在 臉書 表示 加上 先前 的 30萬 劑 70萬 劑 中 自己 買到 的 只 有 11萬 其 餘 都 是 covax 平臺 分配 的 這樣 的 採購 能力 太 令 人 驚嚇 了 林濁水 說 又 有 40萬 劑 az 了 真是 謝天謝地 然而 包括 先前 的 30萬 劑 縱使 全部 施種 完畢 接種 率 也 不過 3 真是 低 得 恐怖 他 說 如今 70萬 劑 中 自己 買到 的 只 有 11萬 其 餘 都 是 covax 平臺 分配 的 這樣 的 採購 能力 太 令 人 驚嚇 了 他 表示 5 日 他 還 po 文 慶倖 疫情 雖然 擋住 了 但 沒有 疫苗 畢竟 令 人 提心吊膽 結果 沒 幾 天 疫情 就 大 爆炸 真是 慶倖 不得 沒有 僥倖 的 餘 地</t>
  </si>
  <si>
    <t>不敢 公佈 打 疫苗 大 官名 單 港 媒 預言 民進黨 這次 慘 了</t>
  </si>
  <si>
    <t>民進黨立委 高嘉瑜 今天 在 立 法院 總 質詢 呼籲 政府 公佈 每日 生產 口罩 的 流向 不然 民眾 只 知道 生產量 增加 但 還 是 買不到 會 產生 疑慮 行政院長 蘇貞昌 對 此 表示 口罩 產能 才 來到 每日 1200萬 片 市面上 不可能 偷 賣 或 藏匿 口罩 只要</t>
  </si>
  <si>
    <t>民進黨立委 高嘉瑜 今天 在 立 法院 總 質詢 呼籲 政府 公佈 每日 生產 口罩 的 流向 不然 民眾 只 知道 生產量 增加 但 還 是 買不到 會 產生 疑慮 行政院長 蘇貞昌 對 此 表示 口罩 產能 才 來到 每日 1200萬 片 市面上 不可能 偷 賣 或 藏匿 口罩 只要 有 人 囤積 政府 馬上 查辦 高嘉瑜 表示 現在 國內 口罩 產能 已經 提升 但 開放 民眾 買 的 量 還是 不夠 政府 應該 進一步 說明 每天 配發 給 第一 線 醫護人員 口罩 的 量 有 多少 配發 給 民眾 購買 的 量 又 有 多少 不然 一直 會 有假 消息 出來 對 行政 團隊 也 是 重傷 蘇貞昌 回應 指出 口罩 產能 才 來到 每日 1200萬 片 但是 我們 有 2300萬 人 口罩 一 開始 就 管制 出口 市面上 也 不可能 偷 賣 或 藏匿 口罩 現在 誰 還 囤積 外界 馬上 知道 我們 也 馬上 查辦 高嘉瑜 又 詢問 國產 防護衣 隔離 衣 的 產能 經濟部長 沈榮津 表示 國產 防護衣 材料 經 測試 後 效果 不輸給 國外 國內 已經 在 生產 100萬 件 隔離 衣 10萬 件 防護衣 預計 3 月底 4 月 會分 兩 批出 貨 民進黨立委 何欣純 則 是 質詢 指出 兒童 口罩 無 法網 購 很多 年輕 父母 也 沒 時間 去 藥局 排隊 能否 開放 由 學校 配給 兒童 口罩 蘇貞昌 回 應說 全國 學校 大小 人數 不一 又 涉及 到 有些 家長 不 想 讓 孩子 收 錢 要買 兒童 口罩 藥局 都 還 有 剩</t>
  </si>
  <si>
    <t>民進黨立委 林 淑 芬 今日 於立 法院 內政 委員會 質詢 時 批評 政 院 版 的 國 土法 修正 草案 竟 拿 出 2015 年 就 已經 審議 過 也 認為 不 恰當 的 第 15 條 中 開啟 讓 民間 業者 投資 可以 彈性 變更 的 巧 門 另 若 真 的 要 修法第 45 條 可 接受 內政 部 改 為 3</t>
  </si>
  <si>
    <t>民進黨立委 林 淑 芬 今日 於立 法院 內政 委員會 質詢 時 批評 政 院 版 的 國 土法 修正 草案 竟 拿 出 2015 年 就 已經 審議 過 也 認為 不 恰當 的 第 15 條 中 開啟 讓 民間 業者 投資 可以 彈性 變更 的 巧 門 另 若 真 的 要 修法第 45 條 可 接受 內政 部 改 為 3 年 不 接受 政 院 政委 提出 的 一定 期限 行政院 於 今年 2 月 20 日 提出 國 土法 修 法 草案 其中 第 15 條 部分 條文 全國 國土 每 十 年 通盤 檢討 一 次 直轄市 縣 市 每 五 年 通盤 檢討 一 次 並 做 必要 變更 但 必要 情事 時 得 適時 檢討 變更 其 內容 及 程式 予以 簡化 簡化 辦法 由 中央 主管機關 定 之 政 院 版 的 國 土法 第 45 條 部分 條文 中央 主管機關 于 本法 施行 後 兩 年內 公告 施行 全國 計畫 直轄市 縣 市 於 公告 後 一定 期限內 完成 擬定 及 審議 作業 而 一定 期限 由 中央 主管 定之 此 兩 條 修正 條文 引發 外界 質疑 認為 將 會 造成 空白 授權 的 問題 林 淑 芬 表示 2015 年 時 就 已 和 當時 的 國民黨 立 委 邱文彥 在 議場 三讀通過 國 土法 讓 國家 空間 管理 有 最 上位 的 指導 法律 但 非常 訝異 在 短 時間 內 又 提 修法 版本 林 淑 芬 指出 內政 部 的 國 土法 版本 是 因 中央 國土 計 畫法 提出 後 2 年 內 地方 也 要 提出 國土 計 畫 而 地方 政府 反映 擔心 計畫 變更 的 期 程會 有所 延宕 來不及 因此 部 送到 院 時 提出 的 意見 是 希望 可 以 修法 延長 為 3 年 結果 政 院 的 政委 一 看 直接 改為 不用 具體 期限 只要 一定 期限內 就 可以 因此 引發 社會 反彈 林 淑 芬 說 若要 修 法 由 內政 部 反映 地方 憂慮 因 此 將 2 年 改 為 3 年 的 意見 可以 認同 但 絕 不 接受 行政院 的 一定 期限 因為 一定 期限 就是 永無 期限 無論 是 中央 或 地方 需求 若 需要 彈性 現在 的 法律 就 做 得 到 現在 是 為了 民間 業者 的 彈性 需求 而 修法 大開方便之門 林 淑芬 指出 如果 連 民間 業者 都 可以 想變 就 變 那 國土 法 等 同 不 需 存在 而 當前 新冠肺炎 疫情 嚴峻 很多 國家 禁止 糧食 輸出 臺灣 也 要 超前 部署 我們 絕 不 需要 在 農田 中央 放 幾 個 工廠 放出 對 農作物 有害 的 水 吃到 我們 的 肚子 裡 面 林 淑 芬 表示 依 個人 意見 地方 國土 計 畫 和 未來 功能 區 的 劃設 可以 延長 但 不 可以 永無 止 盡 的 延長 必須 要 有 具體 時間 的 限制</t>
  </si>
  <si>
    <t>疫苗 資訊 不能 透明 民進黨 大家 都 在 搶 隨時 會 被 打劫 搶走</t>
  </si>
  <si>
    <t>臺灣 歐盟 az 疫苗 民進黨</t>
  </si>
  <si>
    <t>國衛院 6 月 28 日 宣佈 政府 有意 透過 國衛院 向 莫德納 尋求 疫苗 代 工 機會 對此 藍委李 貴 敏 表示 她 在 5 月 時 就 曾在 立院 質詢 衛福 部長 陳時中 關於 mrna 疫苗 代 工 問題 當時 陳 回應 臺灣 的 技術 還 不 成熟 沒到 代 工 的 程度 但 臺灣 早 在 2018 年 就 有 mrna 技術 顯然 陳時中 沒 搞 清楚 狀況 對於 臺灣 規劃 爭取 代工 莫德納 疫苗 問題 李貴敏 昨 1 日 在 臉書 發文 表示 其實 早 在 5 月 28 號 她 就 曾 藉 著 在 立 法院 質詢 陳時中 機會 質疑 為什麼 目前 台美 關係 空前 良好 情況 下 沒有 跟 美方 要求 讓 臺灣 也 能 加入 mrna 疫苗 代 工 當時 陳時中 說 先前 臺灣 的 技術 還 不 成熟 沒到 代 工 的 程度 但 她 事後 發現 這個 說法 未必 正確 事實上 2018 年 時 中研院 就 曾 向 美國 申請 臨時性 專利 顯然 臺灣 早 有 技術 反倒 是 陳時中 沒 搞 清楚 狀況 以致 在 疫苗 佈局 上 又 慢 半 拍 李 貴敏稱其實 從 送 口罩 鼓勵 台積電 投資 凡是 美方 的 要求 臺灣 都 配合 辦理 所以 陳時中 說 沒有 技術 很 不可思議 尤其 未來 新冠肺炎 可能 演化成 一 種 流行性 傳染 的 新 常態 加上 莫德納 全球 產能 不足 的 情況 下 若 臺灣 能 取得 代 工資 格 也 能 擁有 話語 權 這 對於 莫德納 臺灣 生 技 產業 以及 未來 爭取 疫苗 上 都是多 贏 針對 國家 發展 疫苗 國家隊 李貴敏 直言 自己 是 支持 的 也 希望 中研院 將 技術 下放 這 都 是 政府 該 做 的 事 且 中研院 將 技術 授權 給 民間 使用 並 繼續 開發 可以 有 權利 金 的 費用 民間 也 能 透過 這項 技術 量 產 帶動 相關 產業鏈 並能 說服 美方 讓 臺灣 也 有 機會 參與 疫苗 代 工 畢竟 在 代工 疫苗 上 臺灣 已經 落後 南韓 亡羊補牢 希望 民進黨 執政 團隊 能 以 人 民安 危及 臺灣 未來 為重 就算 起步 落後 更 不應 放棄 也 才能 藉 此 加速 臺灣 生 技 與 相關 產業鏈 發展 李 貴敏 直言 唯有 積極參與 國際 疫苗 代 工 才能 在 未來 國際 間 疫苗 發展 中 佔有 一席之地 也 能 讓 臺灣 日後 在 國際 疫苗 採購 上有 些 發言權 並 多 點 保障 才有助 疫苗 採購 及 缺口 的 緩解</t>
  </si>
  <si>
    <t>距離 520 只 剩下 10 天 總統府 今 將 召開 記者會 說明 總統 就職典禮 活動 內容 蔡英文 總統 預計 當天 在 府 內 宣誓就職 後 上午 10 點 移師 至 臺北 賓館 發表 就職 演說 對 外界 關注 的 兩岸 論述 將 維持 年初 勝 選 演說 拋 出 的 和平 對等 民主 對話 8 字 箴言 以及 不 挑釁 不 冒進 的 基調 由於 此次 正 副 總統 就職典禮 正逢 新冠肺炎 疫情 期間 儘管 國內 已 連續 28 天 未 出現 本土 確診 病例 但 為 防堵 疫情 仍然 將 遵照 中央 疫情 指揮中心 要求 保持 社交距離 的 原則 不會 舉辦 大型 群眾 活動 台 海 穩定 兩岸 有 責任 根據 府 方規 畫 520 當天 蔡英文 和 准 副 總統 賴清德 預計 上午 9 點 將 在 總統府 大禮堂 宣誓就職 之後 移師 臺北 賓館 接見 來 台 致賀 的 外賓 上午 10 點 正式 發表 就職 演說 總統府 發言人 丁允恭 表示 就職 演說 文稿 仍 在 討論 撰寫 中 尚 未定稿 但因 新冠肺炎 疫情 波及 全球 一定 會 提及 臺灣防疫 情況 進而 開展 出 總統 未來 4 年 的 施政 願 景 據 瞭解 蔡在 就職 演說 中 除了 感謝 站 在 第一線 對抗 疫情 的 醫護人員 以及 協助 防疫 的 口罩 防護衣 等 國家隊 成 員外 也 將 對 疫情 趨 緩 後 如何 帶領 臺灣 經濟 走 向下 一個 振興 階段 擘 畫 出 未來 方向 北京 涉 台 人士 批 沒 誠意 對 外界 關注 的 兩岸 論述 方面 丁允恭 表示 總統 的 兩岸 政策 都 是 穩健 一致 的 今年 仍 會 以 穩健 溫和 堅定 為 基調 呼籲 兩岸 對話 據 瞭解 在 兩岸 政策 議題 上 蔡英文 將 持續 維持 她 上任 以來 不 挑釁 不 冒進 不 輕易 退讓 的 主張 以及 致力 確保 台海 和平 穩定 現狀 兩岸 雙方 都 有 責任 的 立場 北京 涉 台 人士 指出 民進黨 當局 的 作法 看不出 要 緩和 兩岸 的 誠意 在 疫情 期間 尤其 讓 人 心寒 最近 又 讓 蘇貞昌 續任 行政院長 這 都 無法 讓 大陸 感覺 蔡有 要 緩和 兩岸 的 意思 北京聯合大學 台 研 院 副 院長 李振廣 說 蔡英文 在 執政 期間 一直 想要 破壞 兩岸關係 此次 能 連任 也 是 因為 打 著 反 中 旗號 但 台海 關係 的 主導 權 依然 是 在 大陸 手中</t>
  </si>
  <si>
    <t>民眾黨 立 委 高虹 安 昨日 7 痛 批 立法 院 疫苗 調閱 小組 4 月 29 日 開過 一 次 會後 至今 尚未 再 開過 會 就 在 5 月 31 日 結束 了 下次 再 重新 組成 得 等 到 9 月底 對此 藥師 林士峰 直言 實在太 多 疑點 認為 執政 黨 在 整個 疫苗 採購 疑雲重重 尤其 立法委員 行使職權 要求 行政院 院長 蘇貞昌 專案 報告 竟 如此 艱難 令 他 更 是 匪夷所思 高 虹 安 昨日 在 臉書 發文 表示 他 當日 在 朝野 研 商 時 提出 希望 行政院 能 針對 疫苗 採購 議題 進行 專案 報告 卻 經 民進黨 黨團 一度 駁回 她 呼籲 行政院 應該 要 提出 正式 報告 讓 所有 的 立法委員 有 詳盡 的 資訊 瞭解 現階段 國家 對於 疫苗 採購 及 到貨 疫苗 施打 規劃 及 策略 以 保障 全 臺灣 人民 的 健康 與 福祉 高 虹 安更 接連 質疑 難道 立 法院 立法委員 行使職權 要求 行政院 院長 專案 報告 竟 如此 艱難 嗎 為什麼 民進黨團 要 嘗試 阻擋 在野黨 要求 安排 專案 報告 難道 讓 人民 有知 的 權利 在 民進黨 的 執政 下 竟 會 是 這麼 的 困難 嗎 針對 高虹 安 的 指控 林士峰 隨後 在 臉書 發文 附和 認為 這次 執政黨 在 疫苗 採購 上 實在太 多 疑點 林 強調 執政黨 不但 採購 量 不 太 順利 連立 法院 想 要求 行政院 針對 疫苗 採購 進行 專案 報告 也 被 民進黨團 一度 駁回 尤其 在野黨 的 3 個 黨團 行使職權 都 希望 行政院 要 提出 正式 報告 結果 卻 如此 艱難 令 他 相當 匪夷所思 無法 認同</t>
  </si>
  <si>
    <t>副 總統 陳建仁 質疑 大陸 的 防疫 工作 不透明 不知 檢測 了 多少 人 還 稱 大陸 將 在 3 月 20 日 之後 停止 對 疑似病例 做 檢測 陸媒 今日 海峽 則 比較 兩岸 防疫 工作 誰 最 透明 質疑 民進黨 政府 的 防疫 工作 更 透明 你自己 相信 嗎</t>
  </si>
  <si>
    <t>副 總統 陳建仁 質疑 大陸 的 防疫 工作 不透明 不知 檢測 了 多少 人 還 稱 大陸 將 在 3 月 20 日 之後 停止 對 疑似病例 做 檢測 陸媒 今日 海峽 則 比較 兩岸 防疫 工作 誰 最 透明 質疑 民進黨 政府 的 防疫 工作 更 透明 你自己 相信 嗎 今日 海峽 指出 在 只 防 大陸 不防 歐美 的 臺灣 防疫 體系 出現 明顯 破 口 確診 病例 暴 增 反觀 中國 大陸 疫情 已 趨 緩 多 地 已經 連續 多 日 無 新 增 病例 出現 3 月 10 日 兩 架 武漢 包機 相繼 降落 在 桃園 機場 361 名 臺胞 檢測 全部 為 陰性 代表 大陸 目前 抗 疫 工作 卓然有成 今日 海峽 質疑 臺灣 的 檢測 政策 是 什麼 大陸 強調 應 測 盡 測 應收 盡 收 民眾 可以 隨時 前往 醫院 的 發熱 門診 接受 檢測 而 臺灣 的 任何 醫院 都 沒有 開設 發熱 門診 其他 門診 也 不 開放 新冠 病毒檢測 對 民眾 自行 申請 檢測 也 有 近乎 荒謬 的 條件 限制 今日 海峽 還 點出 大陸 公佈 的 個案 病例 訊息 更 透明 更 詳細 更 對 民眾 負責 疾 控 部門 採集 感染者 的 家 工作 店鋪 和 有關 場所 的 環境 樣本 並 對 相關 區域 進行 消毒 但 臺灣 公佈 的 個案 病例 訊息 連 時間 活動 軌跡 病情 特徵 收治 機構 密切接觸 者 人數 後續 處理 等 這些 最 基本 的 訊息 全都 沒有</t>
  </si>
  <si>
    <t>臺灣 民意 基金會 今 公佈 最 新民 調 蔡英文 總統 聲望 457 創 21 個 月 來 新低 臺灣 民意 基金會 董事長 游盈隆 認為 疫情 停電 及 黑道 是 三大 關鍵 一 年 蒸發 掉 近 500萬 人 的 擁戴 長達 22 個 月 的 執政 順境 正 逐漸 走 入 歷史 第 三 次 執政 困境 已 呼之欲出 這 是 一個 新 的 變 局 也 是 一個 嚴重 的 警訊 他 表示 蔡 總統 民意 支持 度 短期 內 被 大量 淘 空 的 現象 牽涉 人民 支持 數量 與 強度 的 大量 流失 很 顯然 這 和 三 個 關鍵 的 短期 因素 有關 五月 中 迄今 疫情 大 爆發 513 和 517兩 次 全國 大 停電 民進黨 黑道 黨 公職 風波 贊 不 贊同 蔡英文 總統 處理 國家 大事 的 方式 包括 重要 人事安排 與 政策 85 非常 贊同 372 還算 贊同 49 不 太 贊同 164 一點 也 不 贊同 131 沒 意見 不 知道 或 拒答 贊同者 只 比 不 贊同者 多 44 個 百分點 遊 盈 隆 認為 顯示 蔡英文 第二 任期 一 周年的 總統 聲望 大不如前 國家 領導 方式 所 獲 支持 與 肯定 首次 遠 低於 50 他 指出 總統 聲望 本身 就 是 一個 變數 總統 聲望 高低 反映 的 正是 一個 多重 因素 動態平衡 的 結果 2020 年 1 月 大選 結束 以來 蔡 總統 聲望 整體 的 走勢 目前 是 17 個 月 來 的 最低點 457 和 2020 年 5 月 第二 任期 剛 開始 時 712 比 相差 25 5 個 百分 點 等同 一 年 蒸發 掉 近 500萬 人 的 擁戴 他 說 目前 不 贊同 蔡英文 總統 處理 國家 大事 方式 是 17 個 月 以來 的 最高點 和 一 年前 相比 高出 257 個 百分點 顯示 過去 一 年 尤其 是 過去 一個 月 人民 的 不滿 與 怨氣 的 快速 大量 累積 他 認為 在 執政 五 周年 的 此時此刻 臺灣 正 處於 新冠肺炎 疫情 強烈 風暴 中 一個 新 而 險惡 的 歷史 情境 已 在 眼前 將 嚴厲 考驗 蔡英文 總統 及 其 執政 團隊 的 治國 能力</t>
  </si>
  <si>
    <t>儘管 臺灣地區 已 出現 新冠肺炎 零星 社區 感染 案例 但 民進黨立委 吳思瑤 依然 無懼 繼 上個月 和 其他 民進黨立委 一起 呼籲 一般 民眾 在 開放式 公共場所 不 需要 一直 戴著 口罩 之後 她 今天 更 語出驚人 的 表示 目前 是 看 展覽 的 好 時機 應</t>
  </si>
  <si>
    <t>儘管 臺灣地區 已 出現 新冠肺炎 零星 社區 感染 案例 但 民進黨立委 吳思瑤 依然 無懼 繼 上個月 和 其他 民進黨立委 一起 呼籲 一般 民眾 在 開放式 公共場所 不 需要 一直 戴著 口罩 之後 她 今天 更 語出驚人 的 表示 目前 是 看 展覽 的 好 時機 應 鼓勵 大家 看 展 立 法院 今日 召開 財政 委員會 民進黨立委 吳思瑤 質詢 時 表示 目前 固然 要 要 防止 新冠肺炎 疫情 但 不要 對 藝 文 活動 設防 她 個 人 減少 跑 攤 了 但 前進 各 文化場所 瞭解 他們 面臨 的 困境 人潮 少 其實 更是 看 展好 時機 她 去 那邊 關心 各 館 防疫 措施 好不好 也 告訴 大家 現在 是 看 展好 時機 吳思瑤 接 著 說 有 部分 立 委 質疑 紓困 預算 納入 藝 文 且 給 8億 是否 太 多 她 覺得 應該 更 高 故宮 二月 份 來客 數 減少 八成 兩 廳 院 到 四月 底 許多 場次 延期 取消 因此 要 好好 使用 紓困 預算 不過 也 要 注意 場館 安全 羅浮宮 一度 暫時 閉館 故宮 也 史無前例 的 調整 開放 時間 週一 休館 國內 現在 還 沒到 休館 程度 反而 應該 鼓勵 大家 看 展 不過 場館 物資 要 充足 口罩 要 夠 目前 各 館 體溫 超標 沒有 禁止入 館 也 沒有 提供 口罩 對此 文化部長 鄭麗君 表示 已 責成 各 單位 超前 佈 署 調派 給 場館 防疫 物資</t>
  </si>
  <si>
    <t>吳思瑤 立 委 好 時機 口罩 民進黨</t>
  </si>
  <si>
    <t>據 全國 公 信 力 民意調查 民 調 今 公佈 是否 支持 政府 普 發現 金 紓困 結果顯示 有 661 的 國人 支持 普 發現 金來 紓困 在 透過 交叉 分析 高達 534 的 民進 党 支持者 681 的 無 政黨 傾向 的 民眾 皆 支持 普發 現金 對此 國民黨 立 委 洪孟楷 直言 難道 這 對 民進黨 來說 還 不是 多數 民意 嗎 蔡 政府 紓困 振興 還要 慢 幾 拍 洪 孟 楷 今 30 日 在 臉書 發文 表示 一早 出席 國民黨中央 記者會 公佈 全國 公 信 力 民意調查 民 調 用 數字 告訴 民進黨 背離 民意 到底 多 遠 疫情 期間 百業 受到 嚴重 衝擊 更 有 許多 弱勢 家庭 連三 餐 都 要 煩惱 自己 在 選區 回應 的 愛心 待 用餐 很快 就 發放 完畢 隱性 的 窮困 非常 的 多 換言之 很多 人 亟需 援手 度過難關 用 最 快速 的 時間 發 現金 解 燃眉之急 真的 很 困難 嗎 政府 若 能 直接 普發 現金 洪孟楷 認為 不用 重 蹈 行政 成本 不 需 印製 時間 和 拿 現金 來 換 且 直接 使用沒有 限制 更 重要 的 這 就 是 多數 民意 的 展現 他 希望 政府 不要 再 用 意識形態 讓 錯誤 政策 繼續 擾民 傷 財 了 洪 孟 楷 稱 立法 部門 總共 通過 四 次 紓困 預算 分別 為 600億1500億2100億 及 4200億 共 8400億 來 幫助 人民 度過難關 現在 還有 1600億 空間 可以 運用 拜 讬 蔡 政府 看見 民意 聽見 民意 正視 紓困 不周延 規劃 慢 半 拍 的 問題 謙虛 地 傾聽 民意 趕快 普 發 現金 幫助 大家 度過難關 他 直言 足夠 的 疫苗 直接 發 現金 這 是 多數 民意 更 是 臺灣 在後 疫情 時代 重振 精神 的 解方 持續 要求 一個 有 責任 的 政府 向 人民 負責</t>
  </si>
  <si>
    <t>北京 台商協會 日前 已 開始 受理 登記 在 京 台商 臺胞 接種 新冠 疫苗 自由 時報 日前 刊出 報導 有 台商 投訴 被 半 強迫 接種 大陸 國 台辦 發言人 朱鳳蓮 今天 27 日 反 批 這 是 惡意 造謠 用心 卑劣 她 現場 展示 一 份 同意書 證明 臺胞 是 在 知情 同意 下 自願 接種 朱鳳蓮 表示 目前 大陸 各地 新冠肺炎 疫苗 接種 工作 正在 有序 實施 對 包括 大陸 臺胞 在內 的 符合條件 的 民眾 都 會 作出 妥善 安排 多 位 臺胞 受訪 表示 對 大陸 疫苗 有 信心 願意 儘早 接種 朱鳳蓮 表示 北京市 從 1 月 1 日 開始 啟動 新冠肺炎 疫苗 重點 人群 接種 工作 已 完成 超過 190萬 重點 人群 第一 劑 疫苗 接種 在 京 自願 接種 疫苗 且 符合條件 的 台商 臺胞 接種 工作 由 北京市 台辦 協調 北京市 台資 企業 協會 進行 安排 需要 強調 的 是 大陸 疫苗 接種 完全 在 自願 申請 知情 同意 的 前提 下 進行 朱鳳蓮 痛 批 島內 某些 政客 及 某些 媒體 臆造 所謂 半 強迫 接種 完全 是 惡意 造謠 事實勝於雄辯 民進黨 當局 和 島內 某些 媒體 誣衊 抹黑 大陸 疫苗 接種 用心 卑劣 可以 給 大家 看 一下 接種 疫苗 都 需要 簽 一 份 疫苗 接種 知情 同意書 朱鳳蓮 現場 拿 出 一 張 黃色 的 紙張 向 媒體 展示 每 一 位 接種 的 臺胞 都會 填寫 知情 同意書 來 表達 個人 意願 朱鳳蓮 表示 去年 12 月 15 日 大陸 正式 開展 重點 人群 新冠 疫苗 接種 工作 以來 截至 1 月 20 日 已 累計 開展 疫苗 接種 1500萬 人次 已 有 40 多 個 國家 提出 進口 大陸 新冠 疫苗 的 需求 有的 已 批准 使用 大陸 新冠 疫苗 這些 都 充分證明 瞭 大陸 新冠 疫苗 良好 的 安全性 朱鳳蓮 表示 大陸 疫苗 接種 工作 有序 推進 並 實施 全民 免費 使 符合條件 的 群眾 都 能 實現 應接 盡 接 逐步 構建 起 免疫 屏障 阻斷 新冠 病毒傳播</t>
  </si>
  <si>
    <t>omicron 病毒 來勢洶洶 世界 各國 陸續 傳出 本土 病例 衝擊 我國 年底 的 跨 年 耶誕 等 大型活動 衛福 部長 陳時中 今天 表示 雖然 現在 臨時 變動 的 可能性 不 高 但 大家 仍要 做好 心理準備 立 法院 社 福 及 衛環 委員會 今天 就 新冠 變異 病毒 omicron 邀 陳時中 出面 說明 疫苗 邊境 管理 等 因應 政策 民進黨立委 邱 泰源 質詢 使 否 有 提出 阻擋 omicron 病毒 入侵 的 具體措施 陳時中 表示 除 積極 安排 第 三 劑 接種 外 還 將 改變 旅客 入境 後 的 采 檢 模式 陳時中 說明 旅客 入境 後 必須 住 進 集中 檢疫所 防疫 旅館 並 在 第 七十 天 接受 采 檢 由於 此 階段 感染者 的 病毒 量 較 高 為 避免 病 患 將 病毒 帶入 醫院 將 安排 采 檢 人員 至 集中 檢疫所 防疫 旅館 進行 采 檢 現在 已 完成 配對 讓 采 檢 報告 能 在 一 天內 完成 陳時中 也 提到 omicron 的 空氣 傳播 可能 比較 強 由於 秋冬 期間 大多 民眾 都 關在室內 民眾 除 注意 通風 外 還要 加強 快 篩 雖然 現在 變異 病毒 對 臺灣 還 沒有 影響 年底 的 大型活動 臨時 變動 的 可能性 不 高 但 民眾 仍要 有 心理準備 陳時中 指出 一旦 在 邊境 驗 出 omicron 病毒 第一圈 必須 守 很 緊 包含 匡列 物件 須 擴大 二 至 三 圈 包含 同 班機 旅客 防疫 計程車 等 都 要 注意 至於 變更 大型活動 舉辦 則 是 不得已 的 最後 手段 但 現階段 仍 是 防疫 優先 盼 民眾 能夠 體諒</t>
  </si>
  <si>
    <t>陳時中 否認 3 11 破 口 網友 怒 批 民進黨 顛倒是非</t>
  </si>
  <si>
    <t>對於 衛福 部長 陳時中 今日 再次 重申 沒有 所謂 的 3 11 破 口 因為 3 11 的 政策 並 沒有 影響 到 社區 一 事 網友 炮轟 死 了 800 多 人 沒有 影響 到 社區 民進黨 顛倒是非 噁 心 至極 也 有 網 否 諷刺 這 就 是 民進黨 特色</t>
  </si>
  <si>
    <t>對於 衛福 部長 陳時中 今日 再次 重申 沒有 所謂 的 3 11 破 口 因為 3 11 的 政策 並 沒有 影響 到 社區 一 事 網友 炮轟 死 了 800 多 人 沒有 影響 到 社區 民進黨 顛倒是非 噁 心 至極 也 有 網 否 諷刺 這 就 是 民進黨 特色 的 負責 法 民進黨 嫌 選票 太 多 拜 讬 這種 話 再 講 多 一點 衛福 部長 陳時中 今 12 日 再次 重申 沒有 所謂 的 3 11 破 口 因為 3 11 的 政策 並 沒有 影響 到 社區 只是 華航 機組員 與 諾 富特 飯店 的 群 聚 事件 陳時中 今天 再度 提及 3 11 的 機組員 防疫 政策 強調 絕非 造成 國內 大規模 社區 感染 的 破 口 只 是 一個 與 華航 機組員 家人 以及 諾 富特 飯店 有 相關聯 的 群 聚 事件 他 說 沒有 所謂 的 3 11 的 破 口 3 11 的 政策 並 沒有 影響 到 社區 當然 有 一些 機組員 家人 諾 富特 員工 屬 於 一個 群 聚 事件 並非 社區 破 口 我 要 再 澄清 一下 對此 ptt 網友 炮轟 死 了 800 多 人 沒有 影響 到 社區 民進黨 顛倒是非 噁 心 至極 垃圾 睜 眼 說瞎話 病毒 天上掉 下來 死 800 多 人 叫 沒 影響 也 有 網友 諷刺 天降 英國 變 種群 聚 感染 沒 影響 社區 只是 影響 臺灣 所以 是 無中生有 會議記錄 都 沒有 不 承認 很 意外 嗎 鬼 月 到 了 盡 講 些 鬼話 有 蟲 洞 原來 這 就 是 所謂 負責 800 人 自然 死亡 果然 是 牙醫 幫 民進黨 敗 票 民進黨 嫌 選票 太 多 這 就 是 民進黨 特色 的 負責 法 拜 讬 這種 話 再 講 多 一點</t>
  </si>
  <si>
    <t>新冠肺炎 疫情 擴散 臺灣 今天 一 天 確診 數 大幅 增加 23 例 目前 總計 已 達 100 例 對此 民進黨立委 王 定宇 感歎 臺灣 第一 波 防疫 本來 守 很 好 但是 這 四 天 確診 都跟 出國 旅遊 有關 會 導致 防疫 破 口 出現 必須 遺憾 的 說 這個 破 口</t>
  </si>
  <si>
    <t>新冠肺炎 疫情 擴散 臺灣 今天 一 天 確診 數 大幅 增加 23 例 目前 總計 已 達 100 例 對此 民進黨立委 王 定宇 感歎 臺灣 第一 波 防疫 本來 守 很 好 但是 這 四 天 確診 都跟 出國 旅遊 有關 會 導致 防疫 破 口 出現 必須 遺憾 的 說 這個 破 口 是 某些 臺灣人 自己 弄 破的 王 定宇 在 臉書 發文 表示 各位 臺灣 的 國民 面對 中國 的 武漢肺炎 我們 第一 波 的 防疫 是 成功 且 令人感動 和 尊敬 的 但是 現在 開始 的 14 天 面對 武漢肺炎 已經 全球 爆發 這 四 天 來 從 一 天 增加 確診 6 例 第二 天 8 例 第 三 天 10 例 到 今天 的 23 例 這 四 天 增加 了 47 例 其中 46 例 都 跟 出國 旅遊 有關 讓 人 扼 腕 和 擔憂 而 這 波 危機 是否是 因為 臺灣 國境 關閉 太 遲 所 導致 的 王定宇 認為 其實 不是 因為 對 外國人 關閉 國境 是 外國人 不能 進來 而 現在 這 46 個 病例 都 是 臺灣 自己 國人 出國 帶 回來 的 很 遺憾的 說 這個 破 口 是 某些 臺灣人 自己 弄 破的 王 定宇 指出 從 醫療 資源 來看 這 47 個 確診 病例 和 接觸 史 代表 什麼 代表 疫 調 官 短 時間 內 必須 處理 的 量 會 破 萬 是否 承受 的 起 代表 我們 1100 床 負 壓 病房 現在 空位 僅剩 400 床 是否 承受 的 起 代表 我們 基層 診所 醫療機構 面對 可能 傳染 機會 增大 代表 我們 全體 醫療 人員 和 資源 是否 能夠 應付 最壞 的 情況 代表 社區 感染 的 機 率 會 增大 王 定宇 呼籲 接下來 14 天 是 臺灣 是否 守 得住 武漢肺炎 第二 波 攻勢 的 關鍵時刻 該 居家 隔離 的 請 確實 隔離 3 月 4 日 15 日 從 國外 回來 的 臺灣人 有 1萬 多 人 除了 已經 有 就醫 紀錄 的 562 人 有 上呼吸道 症狀 的 550 人 他 種 肺炎 12 人 采 撿 中 100 多 人 其他 的 9千 多 人 請 跟 鄉鎮 市 區公所 聯絡</t>
  </si>
  <si>
    <t>國內 疫情 持續 延 燒 但 已 呈現 趨 緩 行政院 研 擬 推出 5 倍 券 來 振興 經濟 不過 據 網 媒 昨 所 做 的 網路 民 調 顯示 83 網友 認為 發放 現金 對 振興 經濟 較 有 幫助 若 能 領取 現金 46 的 網友 將 會 在 最 短 時間 1 個 月 內 消費 完畢 對此 藍委 許淑華 認為 可見 行政院長 蘇貞昌 擔心 的 存 起來 不僅 多 餘 更是 無視 現況 作出 的 荒謬 結論 許淑華 今 12 日 在 臉書 發文 表示 上周 許多 家庭 過 了 個 無助 的 父親節 看不到 盡頭 的 疫情 讓 市井小民 必須 咬 著 牙 撐下去 振興 效益 成為 政府 政治 算計 的 公式 面對 堅持己見 的 蘇 院長 大家 只 想 問 一 句 既然 振興 券 等於 現金 何不 直接 發 現金 對於 發放 5 倍 振興 券 許淑華 指出 不少 民進黨 的 民意代表 也 持 反對 意見 yahoo 新聞 的 網路 民 調 顯示 現金 發放 有 46 網友 表示 會 在 最 短 時間 1 個 月 內 消費 完畢 更 有 83 網友 認為 發放 現金 對振興 經濟 較 有 幫助 可見 蘇貞昌 擔心 的 存 起來 不僅 多 餘 更是 無視 現況 作出 的 荒謬 結論 另外 許淑華 稱 據 媒體 報導 行政院 打算 請 唐鳳 政委 設計 振興 券 專用 的 app 來 挽救 人氣 但 額外 增加 的 行政 成本 又 要 誰 來 買 單? 許淑華 直言 政府 應普發 現金 不用 多 餘 的 行政 流程 及 開發成本 聽取 民意 才是 負 責任 的 大 有為 政府</t>
  </si>
  <si>
    <t>季節 臺北 報導 新冠肺炎 感染者 持續 增加 但 因為 篩檢 費時 導致 篩檢 數量 有限 各界 關心 新冠肺炎 快 篩 試劑 哪 時 可以 上路 加速 篩檢 時間 增加 篩檢 量 對此 經濟部長 沈榮津 表示 還 需要 半 年 國民 黨籍 立 委 林奕華 今天 在 立 法院 質詢 時 指出 原本 因應 新冠肺炎 制定 紓困 特別 條例 時 國民 黨團 版本 特別 訂 有 獎勵 相關 條款 但 在 民進黨 通過 的 版本 被 拿 掉 了 政府 如今 只 編 了 9千萬 的 相關 研發 經費 非常 不足 現在 的 新冠肺炎 篩檢 要 四 小時 但 快 篩 只 需要 半 小時 因此 請問 工研院 在 新冠肺炎 快 篩 部分 研發 是否 已 有 成果 是否 已經 要 找 廠商 進行 臨床 測試 了 經濟部長 沈榮津 回 稱 科技 業者 與 廠商 都 願意 搭配 做 試劑 經濟部 在 計畫 上有 支持 林奕華 追問 那快 篩 哪 時可 出來 哪 時 可以 正式 上路 沈榮津 表示 還要 一段時間 大概 還要 半 年 對此 林奕華 表示 一般來講 緊急狀況 下 測試 比較 快 如果 3 月底 4 月初 能 出來 使用 更 好 她 也 提到 科技 會報 有 16億 預算 很多 錢 並非 急需 建議 將 這 部分 的 錢 撥 10億 組 科技 國家隊 投入 新冠肺炎 快 篩 疫苗 藥品 研究</t>
  </si>
  <si>
    <t>大陸 因 介殼 蟲 檢疫 從 3 月 1 日 起 暫停 臺灣 鳳梨 輸入 突襲 式 的 動作 對 兩岸 局勢 投下 震撼 彈 港 媒 評論 表示 相較 1 月 禁止 臺灣 將 含 萊克多巴 胺 肉品 輸入 大陸 因 這次 鳳梨 產區 多 在 南 臺灣 綠 營 票 倉 蔡 政府 明顯 反應 更加 強烈 評論 質疑 從 官方 資料 可見 臺灣 經濟 對 大陸 極度 依賴 民進黨 大內 宣 都 是 假 肉品 鳳梨 禁 銷 陸 只 是 冰山一角 兩岸 再不 破 冰 民進黨 民 粹 的 大內 宣 能 頂 多久 香港媒體 中 評 社 27 日 評論 引述 農委會 的 資料 臺灣 鳳梨 1 年 出口 大陸 達 4萬 多 公噸 占其 外銷 比例 的 97 數字 相當 驚人 評論 直言 過去 蔡 政府 一再 宣傳 臺灣 農產品 不能 只 靠 大陸 要 賣 美國 賣 日本 還 說 要 新 南向 但 這 份 資料 直接 揭穿 了 民進黨 大內 宣 的 騙術 評論 指出 在 臺灣 大 到 科技 公司 老闆 小 到 鳳梨 老農 大家 都 希望 兩岸關係 穩定 大家 可以 平安 做 生意 過日子 兩岸關係 是 臺灣 不得不 正視 的 問題 民進黨 忙於 政治 操 弄 卻 忽視 了 庶民 老百姓 只要 求生存 的 最 卑微 要求 不僅如此 評論 坦言 臺灣 鳳梨 因 介殼 蟲 檢疫 被 大陸 卡 關 技術 面 都 是 可以 處理 的 難 的 是 兩岸 的 政治 鴻溝 內文 更 痛 批 民進黨 還要 無腦 抗 中 逢中必 反 怒 指 4萬 多 噸 鳳梨 都 已經 賣不出去 了 行政院 院長 蘇貞昌 跟 農委會 主委 陳吉仲 開口閉口 還是 中國 的 叫 如果 中國 是 另 一個 國家 又 何須 啟動 兩岸 機制 去 談 尤其 蘇 至今 仍 堅持 肺炎 前面 要 加 武漢 官方 通訊社 也 是 這樣 每天 嗆 來 嗆 去 搞 得 現在 兩岸 最 大 的 問題 就 是 氣氛 太 差 針對 鳳梨 禁 銷 事件 農委會 已 回函 大陸 盼 就 此事 坐下 懇談 評論 表示 兩岸 能 重 啟 協商 與 接觸 是 好事 但 重點 是 民進黨 政府 的 態度 問題 必須 真正 將 民眾 的 福祉 放在 政黨 利益 與 意識形態 之上 兩岸 方 能 早日 破 冰共創 繁榮</t>
  </si>
  <si>
    <t>立法 院 三讀通過 新冠肺炎 特別 條例 後 總統 蔡英文 在 4 小時 內 就 簽署 法案 以利 行政院 盡 速 依法 推動 600億 元 特別 預算案 預計 行政院 會 在 27 日 院會 中 通過 特別 預算案 院長 蘇貞昌 3 月 3 日 赴 立 法院 備詢 特別 預算案 經過 兩 天 委員會 審查 後 最 快 在 3 月 13 日 三讀通過 特別 預算案 本次 特別 在 總統府 大禮堂 中 公開 簽署 儀式 邀請 副 總統 陳建仁 總統府 秘書長 陳菊 行政院長 蘇貞昌 立法 院長 游錫堃 民進黨 立院 總 召 柯建銘 等 官員 參與 見證 蔡英文 特別 將 簽署 法案 用 筆 致贈 給 中央 疫情 指揮中心 指揮官 陳時中 並且 以 拱手 取代 握手 帶頭 做 疫情 防治 工作 蔡英文 感謝 朝野 政黨 合作 在 最 短 時間 內 通過 了 嚴重 特殊 傳染性 肺炎 防治 及 紓困 振興 特別 條例 展現 臺灣 民主 的 效率 她 指出 根據 特別 條例 未來 不論是 防疫 物資 及 生產 設備 的 徵用 調用 或是 針對 物資 囤積 及 哄抬 或是 違反 隔離措施 散播 關於 疫情 的 不實 訊息 都有 清楚 的 規定 和 處罰 另外 關於 隔離 檢疫 措施 的 進行 居家 隔離 的 民眾 以及 照顧 隔離 者 的 家屬 如果 收入 有 受到 影響 都 可以 申請 防疫 補助 此外 也 會 採取 租稅 鼓勵 的 方式 來 獎勵 雇主 給付 薪資 給 暫時 隔離 的 員工 針對 受到 疫情 衝擊 的 產業 政府 也 會 訂 定 紓困 和 振興 的 措施 對於 員工 的 需求 也 會 提供 必要 的 協助 蔡英文 透過 防疫 特別 條例 的 立法 從 行政院 到 立法 院 從 執政黨 到 在野黨 我們 都 有 一個 共同 的 目標 那 就 是 盡力 防堵 疫情 超前 部署 務必 要 確保 國人 的 健康 跟 安全 也 要 確保 產業 經濟 的 穩健 她 也 呼籲 這部 特別 條例 的 600億 元 特別 預算 會 再 送 到 立 法院 審議 希望 朝野 各方 可以 再度 攜手 盡 速 審議 特別 預算 提供 防疫 最 有力 的 後盾</t>
  </si>
  <si>
    <t>本土 疫情 嚴峻 其中 雙北 屬 重災區 尤其 新北 市 每日 確診 數 居高不下 仍 維持 3 位數 民進黨立委 吳 秉 睿 今 10 日 在 立 法院 質詢 時問 為何 新北 確診 數 始終 蟬聯 全台 第一 衛福 部長 陳時中 表示 關鍵因素 在 於 新北 篩檢 數量 多</t>
  </si>
  <si>
    <t>陸委會 11 日 對 陸 配子 女 能否 來 台 政策 一 日 三 變 昨 疫情 中心 直接 宣佈 撤回 陸配來 台 的 政策 堪稱 四 度 髮夾 彎 民進黨立委 高嘉瑜 指控 整個 事件 源頭 是從 國民黨 立 委 林奕華 開 了 一 場 記者會 林則 表示 自己 從未 開過 記者會</t>
  </si>
  <si>
    <t>陸委會 11 日 對 陸 配子 女 能否 來 台 政策 一 日 三 變 昨 疫情 中心 直接 宣佈 撤回 陸配來 台 的 政策 堪稱 四 度 髮夾 彎 民進黨立委 高嘉瑜 指控 整個 事件 源頭 是從 國民黨 立 委 林奕華 開 了 一 場 記者會 林則 表示 自己 從未 開過 記者會 從未 提到 小 明 也 從未 聯繫 陸委會 籲 高別 為 護航 執政黨 轉移 焦點 最好 出來 說 清楚 講 明白 高嘉瑜 在 政論 節目 新聞 面對面 表示 小 明 的 故事 整個 源頭 的 開始 就是 從 林奕 華年 後 開 了 一 場 記者會 高更 表示 陸委會 的 決定 不僅 完全 未經 疫情 指揮中心 之外 連行政院長 蘇貞昌 行政院 副 院長 陳其邁 等 人 都 完全 不知情 然後 就 直接 宣佈 了 這個 政策 就是 對外 新聞稿 所 知道 的 並 稱 他們 立 委 群 組裡 對此 議題 也 是 罵 翻 了 林 奕華 接受 本報 訪問 反問 高嘉瑜 哪 場 記者會 直言 自己 根本 從未 開過 記者會 也 從未 提到 小 明 這個 人 更 沒有 聯繫 過 陸委會 自己 只 有 接到民眾 陳情 陸 配子 女 現況 與 移民署 聯絡 而已 痛 批 高 所言 是 為 執政黨 護航 在 轉移 焦點 相關 指控 根本 不 正確 最好 出來 說 清楚 講 明白</t>
  </si>
  <si>
    <t>臺灣 民意 基金會 董事長 游盈隆 今 表示 疫情 5 月 風暴 民怨 已經 沖天 11 天 確診 案例 破 五千 大關 四 天 奪 29 條 人命 這種 情況 若 發生 在 國民黨 主政 時期 早就 天翻地覆 了 而 指揮中心 相關 決策者 竟 無 人 表示 願 負起 應 負 責任 連 禮貌性 口頭 請 辭 都 沒有 實在 是 匪夷所思 遊 盈 隆 今 在 臉書 指出 民進黨 政府 民意 支持 度 最近 出現 系統性 崩 盤 危機 這 是 根據 五方 面 證據 得 來 的 結論 五月 蔡英文 總統 聲望 蘇貞昌 內閣 施政 滿意度 民進黨 支持 度 疫情 指揮中心 指揮官 陳時中 獲 社會 肯定 的 質 與 量 都 創 新低 連 六都 市長 防疫 表現 民進黨 三 位 市長 包辦 倒數 三 名 他 說 這 五 項 經驗 證據 對照 民進黨 政府 曾 走過 長達 22 月 樂 翻天 的 民意 支持 高原期 格外 觸目驚心 冰凍三尺 非一日之寒 物 必 自 腐 而後 蟲 生 更是 千古不變 定律 他 說 民進黨 政府 民意 支持 出現 系統性 崩 盤 意味著 有 相當大一 部 份 臺灣人 開始 收回 對 民進黨 政府 一向 的 政治 支持 或 善意 的 貯藏 而 這 已經 構成 府 院 黨明顯 的 政治危機 在 一定 程度 上 民進黨 政府 此刻 正 面臨 人們 相當 廣泛 地 對 特定 公共政策 的 質疑 進一步 衍生 出 更 基本 更 深層 的 有關 統治 能力 與 正當性 的 質疑 他 認為 疫情 5 月 風暴 已對 全民 生活 造成 嚴重 的 衝擊 恐慌 已經 形成 民怨 已經 沖天 以 蔡英文 總統 為首 的 民進黨 政府 或許 感受 不是 那麼 強烈 還 在 摸索 因應之道 還 提不出 有效 安定 民心 的 作為 這 必將 使 民進黨 政府 系統性 崩 盤 危機 進一步 惡化 他 說 當 5 月 15 日 疫情 快速 惡化 11 天 確診 案例 破 五千 大關 四 天 奪 29 條 人命 這種 情況 若 發生 在 國民黨 主政 時期 早就 天翻地覆 了 而 指揮中心 相關 決策者 竟 無 人 表示 願 負起 應 負 責任 連 禮貌性 口頭 請 辭 都 沒有 實在 是 匪夷所思 他 表示 當 疫情 危機 越來越 深重 當 人民 完全 感受 不 到 主政者 的 誠心 與 歉意 遑 論 能耐 接下來 的 路 要 怎麼 走 下去</t>
  </si>
  <si>
    <t>民進黨政 府 疫情 遊盈隆 新冠肺炎 指揮中心</t>
  </si>
  <si>
    <t>網 傳 蔡 總統 確診 民進黨 假消息 不 排除 中國 網 軍 所為</t>
  </si>
  <si>
    <t>網 傳 蔡 總統 確診 消息 民進黨 今 表示 是 假 的 不要 轉 傳 刑事 局 偵 二大隊 追查 發現 ip 位址 來自 境外 不 排除 是 中國 網 軍 所為 民進黨 今 表示 有 網友 在 網路 直播 聊天 室 留下 蔡英文 已經 確診 還 沒有 宣佈 的 不實 訊息</t>
  </si>
  <si>
    <t>網 傳 蔡 總統 確診 消息 民進黨 今 表示 是 假 的 不要 轉 傳 刑事 局 偵 二大隊 追查 發現 ip 位址 來自 境外 不 排除 是 中國 網 軍 所為 民進黨 今 表示 有 網友 在 網路 直播 聊天 室 留下 蔡英文 已經 確診 還 沒有 宣佈 的 不實 訊息 刑事 局 偵 二大隊 立即 追查 發現 ip 位址 來自 境外 其 用字 遣 詞 多 為 中國 用語 且 均 為 簡體 不 排除 是 中國 網 軍 所為 民進黨 呼籲 疫情 嚴峻 更 要 提防 各式 假 訊息 流竄 接 獲 來源不明 或 未經 證實 的 疫情 資訊 時 先 查證 內容 是否 屬實 請 不要 任意 傳播 轉 傳 以免 觸 法</t>
  </si>
  <si>
    <t>民進黨 確診 不 排除 中國 網 軍 新冠肺炎</t>
  </si>
  <si>
    <t>新冠肺炎 延 燒 蔡 政府 為 了 控管 口罩 的 販 售 實施 口罩 實 名 制 卻 造成 臺灣 各地 都 出現 藥 局外 排隊 買 口罩 的 現象 而 近來 政府 更 表示 國內 口罩 的 生產線 已經 完備 日產 口罩 將 達到 千萬 但是 自由 作家 洛杉基 卻 注意 到 民進黨</t>
  </si>
  <si>
    <t>新冠肺炎 延 燒 蔡 政府 為 了 控管 口罩 的 販 售 實施 口罩 實 名 制 卻 造成 臺灣 各地 都 出現 藥 局外 排隊 買 口罩 的 現象 而 近來 政府 更 表示 國內 口罩 的 生產線 已經 完備 日產 口罩 將 達到 千萬 但是 自由 作家 洛杉基 卻 注意 到 民進黨 政府 在 控管 口罩 販 售 出口 之 餘 不僅 與 美 達成協議 每週 將 提供 10萬 片 口罩 的 相關 防疫 合作 更 在 近日 將 大量 醫療 物資 送 往 烏拉圭 這 讓 他 相當 傻眼 如今 臺灣 民眾 想要 將 口罩 寄 給 國外 的 親友 都 困難重重 政府 卻 相當 大器 的 一口氣 送給 他國 大量 物資 真的 是 只許州官放火 不准 百姓 點燈 洛 杉 基 表示 如今 國內 的 需求量 還 沒有 滿足 蔡 政府 卻 忙 著 要 給 國外 口罩 忙 做 防疫 外交 卻 不顧 國內 百姓 現在 在 路上 排隊 買 口罩 的 民眾 一個 禮拜 還 只 能 買到 少少的 3 片 不知 該 笑 還 是 當 哭</t>
  </si>
  <si>
    <t>民進黨立委 邱 泰源 今 與 多 個 醫師公會 舉行 全球 疫情 期間 全民 配合 政府 共同 合作 阻 疫情 維護 健康 好 生活 記者會 台 大兒 醫院 長 黃立民 指出 疫情 期間 民眾 的 免疫 長期 未 被 病毒 激發 形成 免疫 負債 因 此 呼籲 高風險 民眾 盡</t>
  </si>
  <si>
    <t>民進黨立委 邱 泰源 今 與 多 個 醫師公會 舉行 全球 疫情 期間 全民 配合 政府 共同 合作 阻 疫情 維護 健康 好 生活 記者會 台 大兒 醫院 長 黃立民 指出 疫情 期間 民眾 的 免疫 長期 未 被 病毒 激發 形成 免疫 負債 因 此 呼籲 高風險 民眾 儘快 施打 covid-19 流感 及 肺炎 鏈球菌 疫苗 邱 泰源 表示 全球 covid-19 疫情 未 解除 而 季節性 流感 流行期 將 至 侵襲 性 肺炎 鏈球菌 感染症 也 伺機而動 提醒 全民 在 全球 疫情 期間 要 配合 政府 主動 接種 疫苗 共同 合作 阻 疫情 維護 健康 好 生活 全面 提升 保護 力 邱 泰源 表示 流感 流行 有 明顯 季節性 特徵 在 臺灣 流感 一般 約 於 11 月 開始 疫情 就 會 上升 至 隔 年 農曆 春節 前後 達到 高峰 由於 流感疫苗 大約 要 2 周 才能 發揮 效果 因此 歷年來 多 在 10 月 開 打 今年 度 公費 流感疫苗 已 開 打 提醒 符合 資格 和 有 需要 的 民眾 盡 速 與 家庭 醫師 討論 接種 疫苗 規劃 黃立民 引述 國外 知名 期刊 訪問 全球 各地 有 2 3 的 感染 科 專家 預估 今年冬天 流感 恐 反撲 因為 受 covid-19 疫情 影響 全球 已 連續 2 年 流感 與 肺炎 人數 降低 民眾 的 免疫 長期 未 被 病毒 激發 形成 免疫 負債 因 此 呼籲 高風險 民眾 儘快 施打 covid-19 流感 及 肺炎 鏈球菌 疫苗 黃立民 對於 臺灣 近期 covid-19 疫苗 的 緩 打 潮 也 表示 臺灣 疫情 相對 平靜 確實 是 一大 因素 口服 抗 病毒 藥 的 研發 疫苗 副作用 其他 疫苗 的 接種 和 預約 系統 等 也 有 影響 不過 整體而言 接種 疫苗 還是 利大於弊 可 降低 重症 及 死亡率 建議 民眾 還是 要 主動 接種 疫苗</t>
  </si>
  <si>
    <t>delta 來 了 第二 劑 沒來 李豔秋 5 點 現實 提醒 民進黨 臺灣 人民 非常 寬厚</t>
  </si>
  <si>
    <t>新北 板橋 幼稚園 6 日 爆 群 聚 感染 且 預期 確診 數 還 會 再 增加 加上 長 榮 3 名 機師 及 機師 兒 也 都 確診 感染力 極 強 的 delta 變異 株 使得 臺灣 疫情 再度 拉 警報 對此 資深 媒體 人 李豔秋 直言 這 波 疫情 有 3 個 問題 讓 人 感到 憂心 對於 民進黨 現在 疫苗 政策 她 5 點 現實 提醒 當權者 對於 臺灣 現在 的 疫情 發展 李豔秋 今 7 日 在 臉書 發文 表示 有 3 個 關鍵問題 讓 人 憂心 首先 是 桃園 3 名 機師 確診 delta 機師 兒子 被 傳染 是否 已 造成 學校 及 社區 破 口 其次 為 新北 幼稚園 群 聚 已 有 15 人 確診 感染 源 不明 由於 陽性率 偏 高 是否是 delta 幼兒 感染 會 對 成長 造成 什麼 影響 最後 則 是 機師 打 了 兩劑 az 老師 接種 過 一 劑 莫德納都 被 突破 感染 現在 一 劑 都 沒 打 以及 等 不 到 第二 劑 的 人 如何 面對 下 一 波 病毒 攻勢 李豔秋 直言 蔡 政府 最近 因為 疫苗 到貨 以及 疫情 趨 緩 民 調 滿意度 回升 有 一半 以上 的 民眾 給 總統 蔡英文 及 衛福 部長 陳時中 按 贊 誠然 可喜可賀 但 仍要 點出 幾 項 現實 提醒 掌權 者 一 是 目前 有 很多 民眾 一 劑 都 沒 輪到 還有 許多 人 都 在 等 第二 劑 其次 為 第二 劑 的 整體 施打 率 偏 低 她 憂心 75 歲 以上 長者 如 何因 應變 種 病毒 來 襲 再者 李豔秋 指出 第一 劑 打 莫德納 的 民眾 正在 等待 第二 劑 但 政府 已經 將 第二 劑 從 四周 延到 十 周 最近 都 陸續 到期 這些 民眾 不能 混打 其他 品牌 再延 下去 防護力 還 剩 多少 且 莫德納 遲 不 到貨 政府 的 因應 政策 是 什麼 李豔秋 指出 第 四 政府 日前 曾宣佈 目前 疫苗 到貨 超過 1200萬 劑 但是 若無 他國 送 企業 捐 她 很 難 想像 現在 臺灣 會 是 怎樣 第 五 則 為 政府 買 了 500萬 劑 貴 森 森 的 國產 高端 但 bnt 一來 8 月 31 日 單日 只 剩 504 人 接種 高端 政府 有 沒有 好好 檢討 一下 到底 為什麼 最後 李豔秋 感歎 800 多 條 人命 警惕 臺灣 如果 提早 接種 疫苗 他們 或許 不必 犧牲 現在 的 突破 感染 警告 大家 變種 病毒 已經 侵 門 踏 戶 了 疫苗 至少 可 降低 重症 及 住院 率 大國 在 準備 打 第 三 劑 她 請問 我們 的 政府 為 大家 備 好 最 基本 的 防護罩 了 嗎 臺灣 人民 對 民進黨 非常 寬厚 請 掌權 者 謙卑 珍惜</t>
  </si>
  <si>
    <t>春節 返台 檢疫 措施 提前 12 月 14 日 上路 但 不少 旅 外國人 最近 規劃 回台 時 卻 發現 已經 訂 不 到 防疫 旅館 衛福 部長 陳時中 今天 在 立 法院 接受 質詢 時 表示 春節 期間 4萬 人 返台 應該 是 低估 了 他 也 透露 昨天 疫情 指揮中心 已 簽 核 外籍 移 工 入境 專案 即時 可以 展開 但 到 12 月 14 日後 需 降 載 春節 期間 對於 移 工 引進 須 暫緩 疫情 指揮中心 日前 宣佈 春節 返台 檢疫 措施 自 非 高風險 國家 入境者 前 10 天 須 入住 防疫 旅館 或是 集中 檢疫所 若 第 9 或 10 天 做 pcr 檢測 為 陰性 後 最後 4 天 可 放寬 居家 檢疫 該 措施 將 在 12 月 14 日 上路 實施 至 明年 2 月 14 日 止 陳時中 今天 赴 立 法院 社 福 及 衛環 委員會 備詢 民進黨立委 賴惠員 質詢 時 指出 根據 陸委會 及 僑委會 估計 春節 期間 預估 有 4萬 人 返台 但 以 2020 年 春節 期間 返台 人數 來看 單日 平均 人數 達 55萬最高 更 達到 68萬 人 陳時中 坦言 這個 數字 應該 是 低估 了 賴惠員 擔憂 春節 返台 檢疫 恐 成 國境 鬆綁 壓力 測試 陳時中 表示 目前 防疫 旅館 共 26800 間 交通部 積極爭取 增加 3400 間 至於 集中 檢疫所 去年 春節 期間 開設 1500 間 今 年會 將 朝 3000 至 3500 間 目標 邁進 增加 供應量 來 因應 由於 增加 居家 檢疫 場所 供應量 後 還 是 可能 不足 因 此 才會 決定 放寬 非 高風險 國家 的 檢疫 措施 由於 入境者 不僅 返台 國人 也 有 外籍人士 賴惠員 追問 是否 有 考量 到 外籍 勞工 入境 的 人數 陳時中 表示 昨天 指揮中心 已 簽 核 外籍 移 工 入境 專案 即時 可以 展開 不過 我們 還 是 建議 勞動部 開放 到 12 月 14 日後 還是 要 降 載 春節 期間 對於 外勞 引進 可能 要 暫緩 如果 仍然 訂 不 到 防疫 旅館 民眾 該 如何 尋求 協助 陳時中 表示 民眾 廣泛 可以 使用 的 就 是 1922 但 他 也 坦言 可能 無法 盡 如同 胞 的 希望 有些 人 前面 回來 有些 人 後面 回來 希望 分散 分流 不敢 說 萬全 準備 但 儘量 在 防疫 量 能 的 許可 下 讓 鄉親 能夠 返台 相聚</t>
  </si>
  <si>
    <t>新冠肺炎 肆虐 情況 不減 反 增 不只 發源地 中國 大陸 封 城管 控 在 他國 也 出現 確診 甚至 死亡 病例 讓 全球 如臨大敵 而 地理 位置 首當其衝 的 臺灣 如今 正 拼 盡全力 防堵 疫情 日前 國民黨 立院 黨團 力推 500億 紓困 專款 沒 想到 此舉 遭 名 嘴 神 揮文 痛 批 說 他們 忘 了 自己 的 身分 看 了 會 吐血 眼見 臺灣 努力 防疫 國民黨 幫 補 立院 國民 黨團 日前 提出 紓困 暨 暫行條例 草案 盼 以 500億 協助 產業 人們 挺 過 非常 時間 而 昨 2 17 在 新聞 深 喉嚨 名 嘴 陳揮文 竟 痛駡 國民黨 提出 500億 在 幹 什 嘛 直 呼 國民黨 憂國憂民 彷 佛 執政黨 忘記 自己 是 在野黨 實在 看 了 會 吐血 陳 揮文 越 講 越 氣 提到 了 韓國瑜 表示 今天 若 是 韓國瑜 選上 總統 民進黨 這時 絕對 狠狠 修理 哪 會 輕易 放過 因此 認為 國民黨 實在 做 了 不該 做 的 事 紓困 適宜 應當 丟 給 民進黨 負責 批 國民黨 管太多 甚至 搖頭 頻 歎氣</t>
  </si>
  <si>
    <t>新冠肺炎 全球 延 燒 台南 市 古都 馬拉松 與 國際 蘭展 等 大型活動 也 都 因應 疫情 接連 延期 台南 市長 黃偉哲 2 日 接受 電臺 訪問 時 表示 馬拉松 損失 幾 百萬 蘭展 損失 4000萬 但 不幸 中的 大幸 228 台南 的 住房 率 94 229 住房 率 84 顯示 已經 轉到 國內 旅遊 他 將 把 蘭展 的 花卉 放到 山 上水道 博物館 等 各 景點 讓 它 遍地開花 黃偉哲 還 說 目前 台南 有 1 個 確診 病例 20 人 居家 隔離 台 南市 已 經 一級 開設 市府 每天 召開 防疫 會議 一發 現 有 不 完善 的 就 會 要求 局 處 首長 做好 現在 要 處理 傳統 市場 的 防疫 工作 因為 萬一 爆發 疫情 後果 不堪設想 超前 部署 源頭 管 控 才能 避免 疫情 擴散 針對 中央 的 防疫 工作 黃偉哲 也 表示 疫情 往上走 很 難 避免 守 到 現在 已經 相當 不容易 並 認為 這 波 疫情 對 民進黨 的 執政 有 幫助 電臺節目 主持人 周玉冠 問 防疫 總指揮 陳時 中的 滿意度 高達 84 是否 可以選 臺北 市長 黃偉哲 則 認為 這 是 時勢造英雄 讓 陳時中 有 舞臺 有 機會 表現 或許 選 臺北 市長 不錯 至於 罷 韓 行動 如火如荼 日前 高雄 市長 韓國瑜 又 爆 致詞 失誤 黃偉哲 說 228 變 823 對 韓 的 傷害 很 大 50 多 萬 連 署 罷 韓更 是 很 危險 的 未來 罷 韓 能否 成功 還 得 看 韓 的 防疫 作為</t>
  </si>
  <si>
    <t>民進黨 台中 市立 委 莊競 程 服務處 結合 民力 16 日 準備 3000 瓶 茶樹 幹 洗手 凝 膠 隨身 瓶 給 北屯區 弱勢 家庭 防疫 宣導 勤洗手 的 衛教 觀念 為 避免 群 聚 感染 莊競 程 服務處 當場 示範 防疫 所有 參加者 進行 量 額 溫 雙手 噴上 消毒</t>
  </si>
  <si>
    <t>新冠肺炎 襲 向 全球 蔡英文 政府 不 願 對 大陸 伸 援手 但 日本 不論 民間 或是 官方 都對 大陸 提供 物資 和 捐款 對此 臺灣 有 部 份 網友 竟 消遣 日本 義舉 國民黨 議員 羅智強 感慨 表示 自己 不 願 付出 愛心 還要 嘲笑 別的 國家 付出 愛心 羅智強 在 臉書 指出 在 新冠肺炎 的 這 一 場 防疫 戰 中 日本 美國 德國 都對 大陸 伸出 援手 是 因為 他們 知道 中國 的 防疫 長城 若 崩 遭殃 的 是 全世界 的 人類 幫助 中國 大陸 就 是 幫助 自己 對 是否 協助 大陸 防治 新冠肺炎 准 副 總統 賴清德 1 月 28 日 曾 表示 這 部分 需 依照 疫情 指揮中心 的 決定 但 他 強調 臺灣 跟 中國 只有 一水之隔 疫情 源頭 一定 要 控制 住 臺灣 跟 國際 社會 共同 幫助 中國 也 等於 是 幫助 臺灣 羅智強 贊同 賴清德 發言 表示 助人 即是 助 己 不 伸 援手 已是 自私 之 愚 還 去 嘲笑 別的 國家 對 中國 大陸 伸出 援手 我們 到底 怎麼 了 羅 智 強大 歎 可惜 民進黨內 像 賴清德 一般 清醒 者 幾希 網友 回應 羅智強 觀點 人性 都 到 哪 去 了 臺灣人 行善 愛心 跑 到 那兒 去 呢 等 臺灣 出事 看 別國 要 不 要 幫 民 粹 的 心 扼殺 了 良知 與 良心</t>
  </si>
  <si>
    <t>國內 疫情 延 燒 繼 企業 快 篩 開放 後 中央 疫情 指揮中心 指揮官 陳時中 首度 鬆口 開放 居家 快 篩 前 民進黨立委 郭正亮 表示 陳時中 是 牙醫 出身 對 醫療 產業 不太熟悉 但 他 質疑 衛福部 不可能 沒人 知道 這些 事情 但 為何 這些 聲音 沒</t>
  </si>
  <si>
    <t>國內 疫情 延 燒 繼 企業 快 篩 開放 後 中央 疫情 指揮中心 指揮官 陳時中 首度 鬆口 開放 居家 快 篩 前 民進黨立委 郭正亮 表示 陳時中 是 牙醫 出身 對 醫療 產業 不太熟悉 但 他 質疑 衛福部 不可能 沒人 知道 這些 事情 但 為何 這些 聲音 沒有 被 聽到 郭正亮 還 擔心 是不是 有人 沒 把 訊息 告訴 陳時中 郭正亮 今 13 日 在 政論 節目 新聞 大白話 中 表示 陳時中 知道 醫療 資源 緊張 很多 人 抱怨 他 要 急 著 講 自己 有 做 事實上 阿中 部長 是 牙醫 出身 我 跟 他 認識 很 久 他 以前 就 是 牙醫公會 理事長 他 對 醫療 產業 一定 比較 不熟 因為 每個 人 術 業 有 專攻 比如 他 之前 到 立院 備詢 開放 居家 快 篩 時 杠 上 時代 力量 立 委 邱顯智 說 沒人 來 申請 郭正亮 指出 有人 在 臉書上 講 香港 賣 的 快 篩 試劑 是 臺灣 制 的 所以 怎麼 會 說 臺灣 沒有 後來 我們 去 查 食 藥 署 通過 的 快 篩 試劑 得 到 臺灣 執照 的 就 有 10 幾 家臺灣 的 快 篩 試劑 廠商 一 堆 郭正亮 認為 衛福部 不可能 沒人 知道 問題 是 這個 聲音 為何 沒 聽到 現在 擔心 的 是 這種 事情 比如 我們 看到 死亡率 高 有人 說 可能 是 發病 到 確診 時間差 太長 沒有 pcr 資源 導致 給予 治療 時間 太 慢 那 你 就 會 去 問 為何 這麼 慢 可能 就 是 資源 調度 出現 問題 郭正亮 擔心 是不是 很多 人 沒 把 訊息 告訴 陳時中 這 太 奇怪 比如 快 篩 對 臺灣 醫療 產業 稍微 瞭解 就 知道 這 是 臺灣 生 技 產 最 大 一塊</t>
  </si>
  <si>
    <t>國民黨 主席 江啟臣 今天 在 中常會 重 批 政府 振興 政策 並 指 朝野 互信 因 罷 韓越顯 薄弱 民進黨 無視 當前 紓困 振興 工作 混亂 國際局勢 變化 在內 外交 迫 中 不 放棄 以 行政 手段 協助 罷 韓 而 國民黨 要 更 積極 串連 包括 高雄市 在內 的 執政</t>
  </si>
  <si>
    <t>國民黨 主席 江啟臣 今天 在 中常會 重 批 政府 振興 政策 並 指 朝野 互信 因 罷 韓越顯 薄弱 民進黨 無視 當前 紓困 振興 工作 混亂 國際局勢 變化 在內 外交 迫 中 不 放棄 以 行政 手段 協助 罷 韓 而 國民黨 要 更 積極 串連 包括 高雄市 在內 的 執政 縣 市 共推 安心 旅遊 防疫 旅遊 超前 部署 振興 工作 他 再次 懇求 高雄 鄉親 投票 前 重新 思考 市府 團隊 的 努力 與 成績 值得 再 給 一 次 機會 繼續 延續 高雄 的 幸福 江 啟臣 說 前天 國內 連續 43 天 零 本土 個案 居家 隔離 人數 首度 歸 零 創下 雙 零 紀錄 同時 高雄 市政府 也 宣佈 連續 4 個 月 無 本土 病例 並且 結合 高雄 市內 37 家 旅館 舉行 點燈 活動 中央 與 地方 同步 宣示 國內 疫情 緩和 即 將 逐步 展開 振興 工作 但 行政院 推出 的 振興 政策 卻 令 人 難以 期待 要求 民眾 以 1000 元 購買 3000 元 面額 的 振興 券 令人費解 分不清楚 這 是 商業 促銷 還是 政府 振興 政策 金融 海嘯 時期 馬政府 發放 消費 券 不僅 帶動 了 經濟 活水 也 讓 民眾 在 消 費時 花 了 比 消費 券 還 多 的 金額 刺激 經濟 這種 做法 才是 最 實質 的 振興 他 說 面對 接下來 的 振興 需求 國民黨 仍舊 主張 發放 現金 日前 國民黨 立 法院 黨團 也 正式 提案 每人 發放 6000 元 希望 透過 發放 現今 來 刺激 消費 活絡 因為 疫情 凍結 的 經濟 讓 各行各業 能 逐漸 回歸 正軌 江 啟臣 說 然而 國際 疫情 仍未 平息 邊境 管理 不能 鬆懈 兩岸 國際局勢 變化 更 瞬息萬變 美 陸 對峙 競 合 的 局勢 顯然 將 在 疫情 過後 更加 明確 香港 局勢 變化 也 牽動 兩岸 互動 同樣 值得 關注 與 擔憂 此刻 更 應 是 朝野 共同 面對 世界 變 局 的 關鍵 時間 但 朝野 間 的 互信 卻 因為 罷免 韓國 瑜 市長 的 動作 越 顯 薄弱 他 說 國民黨 擔憂 臺灣 社會 持續 虛 耗 空轉 對立 激化 絕對 不 利於 因應 快速 的 國際局勢 變化 令人遺憾 的 是 執政 的 民進黨 無視 當前 紓困 振興 工作 混亂 國際局勢 變化 在內 外交 迫 中 仍 不 放棄 以 行政 手段 協助 罷 韓 工作 的 可能性 江 啟臣 指出 在 中央 紓困 振興 作為 不力 的 情況 下 國民黨 要 更 積極 串連 地方 政府 進行 振興 工作 上周 新北 市長 侯友宜 金門 縣長 楊鎮 浯 已經 展開 縣 市 互惠 的 國旅 振興 規劃 國民黨 執政 縣 市 也 無不 用心 共同 推動 振興 工作 包括 台中市政府 已 規劃 擴大 辦理 台中 購物 節 高雄 市政府 也 推動 高雄 振興 購物 嘉年華 台 東 縣政府 也 推出 獎勵 旅遊 及 度假 會議 計畫 黨中央 也 將 更 持續 積極 連結 執政 縣 市 共同 推動 安心 旅遊 防疫 旅遊 希望 攜手 面對 後 疫情 的 經濟 衝擊 超前 部署 振興 工作 江 啟臣 強調 藉 由 中常會 他 再次 重申 黨中央 力 挺 每 位 黨籍 從政 同志 包括 15 位 黨籍 縣市長 黨中央 有 責任 與 韓國瑜 市長 及 所有 的 地方 政府 共同 合作 用 市政 成績 證明 國民黨 的 執政 經得起 考驗 面對 各種 的 意見 與 批評 國民黨 除了 虛心 檢討 更 再次 懇求 高雄 鄉親 投票 前 重新 思考 市府 團隊 的 努力 與 成績 值得 再 給 一 次 機會 繼續 延續 高雄 的 幸福</t>
  </si>
  <si>
    <t>中央 疫情 指揮中心 今天 公佈 國內 323 例 新冠肺炎 確診 病例 另 有 400 例 本土 個案 為 校正 回歸 上周 各 日 個案 藍委 陳玉珍 痛 批 真的 是 有 政府 會 作 帳 人民 將 對 政府 公佈 資料 的 公信力 失去 信心 國民黨 文傳 會 副 主委 鄭照新 開 酸 這不 是 蓋 牌 而是 校正 回歸 朱立倫 辦公室 發言人 淩濤 嘲諷 如此 玩弄 數字 指揮官 陳時中 簡直 媲美 數字 管理 大師 今天 新增 的 323 例 新冠肺炎 確診 病例 其中 有 321 例 本土 2 例 境外移入 另 有 400 例 本土 個案 為 校正 回歸 上周 各 日 個案 指揮中心 指揮官 陳時中 下午 表示 由於 采 檢 塞車 因此 依照 采 檢 日 把 確診 案例 回歸 到 先前 從 5 月 16 日 起 本土 案例 統統 增加 加上 今天 的 數字 7 天 累計 2365 人 校正 回歸 說法 一 出 引 發熱 議 藍委 陳玉珍 痛 批 真的 是 有 政府 會 作 帳 照 疫情 揮 中心 的 說法 過 兩 天 後 也 可以 說 今天 的 323例 也 會 被 校正 回歸 成 423523 例 她 指出 甚至 有 民眾 希望 校正 回歸 到 沒有 民進黨 的 日子 陳 玉珍 質疑 政府 公佈 數字 沒有 一個 標準 嗎 那 每天 公佈 的 數字 有何意義 所有 數字 都 可隨 指揮中心 調整 民眾 將 對 政府 公佈 資料 的 公信力 失去 信心 這不 是 蓋 牌 而是 校正 回歸 喔 國民黨 文傳 會 副 主委 鄭照新 嘲諷 大家 懷疑 的 520 少 報 降低 衝擊 這 件 事 一定 又 是 中共 認知 作戰 並 拿 自己 體重 來 比擬 我 沒有 破百 昨天 以前 一直 是 75 公斤 標準 身材 只 是 今天 宣佈 我 的 體重 朱立倫 辦公室 發言人 淩濤 驚呼 新增 確診 總計 仍 是 721 名 其中 400 名 回歸 前幾日 這種 統計 方式 前所未聞 他 質疑 那前 幾 天 數字 是 怎樣 蓋 牌 隱匿 資訊 行政 流程 還 沒 報上來 如此 玩弄 數位 當 數位 管理 大師 只 會 讓 人民 對於 政府 資訊 越來越 不 信任 而已 絕對 不 利於 整體 防疫 工作</t>
  </si>
  <si>
    <t>正值 新冠肺炎 疫情 蔓延 之 際 近日 24 小時 內 共 機 二 度 繞 台 國 台辦 也 勸 民進黨 不要 玩火 威懾 之 意 明顯 在 此 非常 時期 北京 如此 動作 自然 讓 人 聯想 是 國際 間 挺 台 聲浪 大 漲 之 故 尤其 是 賴清德 訪 美 的 後果 而 環球時報 也 已</t>
  </si>
  <si>
    <t>正值 新冠肺炎 疫情 蔓延 之 際 近日 24 小時 內 共 機 二 度 繞 台 國 台辦 也 勸 民進黨 不要 玩火 威懾 之 意 明顯 在 此 非常 時期 北京 如此 動作 自然 讓 人 聯想 是 國際 間 挺 台 聲浪 大 漲 之 故 尤其 是 賴清德 訪 美 的 後果 而 環球時報 也 已 證實 就 以 賴清德 訪 美 一 事 觀 之 雖然 事先 表明 是 以 個人 身分 為 之 但 其 副 總統 當選 人 的 身分 被 凸顯 已 打破 以往 臺灣 高官 訪 美 的 紀錄 首先 這 必定 是 美方 主動 邀 約 的 結果 否則 不 會 成 事 這 看 在 北京 眼裡 就是 趁人之危 國難當頭 美國 還 在 傷口 撒 鹽 若 北京 沒有 反應 乃 形同 默認 台美 共謀 推移 一中 紅線 將 一發 難以 收 十 還好 美方 仍 有 所 節制 並未 大肆宣傳 如 公開 賴清德 參訪 白宮 的 照片 等 尚留 餘 地 況且 川普 也 與 習近平 通 電話 共商 疫情 防治 雙方 還有 相當 可 合作 的 空間 關係 尚 不至於 立即 惡化 目前 美國 的 地位 確實 比較 有利 川普 彈劾案 未 過 因而 助長 其 聲勢 在 共和黨 首次 愛荷華州 初 選中 川普 以 968 的 得票率 一舉 拿下 40 張 黨代表 票 的 39 張 壓倒 性 擊潰 對手 雖 不能 說 川普 最後 一定 會 勝出 但 十拿九穩 的 態勢 明顯 相對 地 在 民主黨 方面 則 狀況 不明 一則 是 首次 初選 計票 系統 就 當 機 已對 該 黨 的 聲勢 與 初選 的 透明性 產生 相當 的 打擊 加上 新人 以 黑馬 之 姿 勝出 攪亂 一池春水 確 引人注目 再者 美國 在 防疫 方面 必 有 相當 優勢 也 已 表明 會 協助 大陸 抗 疫 但 北京 方面 卻 並未 同意 自然 也 有 難言之隱 因為 這 必將會 牽涉到 機密 的 疫情 同時 大陸 強硬 抗 疫 手法 也 可能 會 暴露無遺 再 從 北京 的 角度 觀 之 目前 疫情 肆虐 封城 只能 治標 疫苗 才能 治本 但 都還 難以 掌 控 尤其 時間 與 空間 的 問題 均 難 把握 原本 2 月 10 日 大陸 一些 工廠 準備 開工 但是 相關 條件 無法 配合 比如 零件 因 交通管制 而 無法 配送 防疫 的 措施 如 手套 與 酒精 的 缺乏 等 因而 開工 再度 延期 目前 連北 京都 已 進入 半 封城 狀態 挑戰 確實 嚴峻 在 臺灣 方面 賴清德 若 拒絕 美國 的 邀 約 必將 顯得 膽小 慎 為 這 也 不是 民進黨 一貫 的 作風 自然 因勢利導 達到 突破 台美 關係 的 目的 因為 在 外交 方面 的 動作 若 成功 就是 突破 封鎖 的 一 件 大功 當 可 對內 邀功 若 失敗 就 可 歸咎 於 中共 打 壓 當 可 博得 同情 絕對 穩 賺 不 賠 何樂不為 但 若 北京 的 內外 壓力 過 大 改 采 外銷 轉 內銷 的 策略 臺灣 必將 首當其衝 必須 審 思 慎擇 綜合 觀 之 日益嚴重 的 疫情 突如其來 目前 各國 都 在 加緊 研製 疫苗 以便 加以控制 雖然 目前 已 造成 相關 國家 難以估計 的 損失 但 依 過往 的 抗 疫 經驗 疫情 終將 得到 控制 屆時 將 會 再度 形成 一 波 經濟 上揚 來 彌補 傷口 在 此 關鍵時刻 各方 尤當 以 抗 疫 為重 放下 恩怨 全力 抗 疫 此 乃 人道 超越 一切 矛盾 應分 大小 的 鐵則 與 求生 之 道 北京 也 應 儘量 開放 相關 訊息 以便 增強 防疫 效果 這 也 是 大陸 可以 發揮 影響力 的 大好機會 必定會 獲得 各方 的 正面 回應 作者 為 國立 政治 大學 國際 關係 研究 中心 研究員</t>
  </si>
  <si>
    <t>國內 疫情 從 12 日 起 急遽 升溫 全台 陷入 高度 恐慌 民進黨立委 林 岱樺 12 日 在 立 法院 院會 中 堅持 不 戴 口罩 引來 現場 同黨 立 委 邱議瑩 不滿 兩 人 當場 互 嗆 藥師 林士峰 指出 林 受訪 時 稱 一切 都 慈悲 就 好 顯然 林 堅持 不 戴 口罩 的</t>
  </si>
  <si>
    <t>國內 疫情 從 12 日 起 急遽 升溫 全台 陷入 高度 恐慌 民進黨立委 林 岱樺 12 日 在 立 法院 院會 中 堅持 不 戴 口罩 引來 現場 同黨 立 委 邱議瑩 不滿 兩 人 當場 互 嗆 藥師 林士峰 指出 林 受訪 時 稱 一切 都 慈悲 就 好 顯然 林 堅持 不 戴 口罩 的 原因 可能 是 宗教信仰 因素 其實 林 宗教 色彩鮮明 早 在 2018 年 朝野 協商 財團法人 法 時 就 表示 宗教 超越 了 憲法 規範 言論 掀起 極大 爭議 林 士 峰 今日 14 在 臉書 發文 指出 根據 tvbs 新聞報導 林岱樺 受訪 時針 對 當日 情形 笑臉 盈盈 不斷 喊 道 慈悲 就 好 慈悲 什麼 都 是 慈悲 就 好 好 嗎 並 搭配 雙手 合十 姿勢 這 讓 他 恍然大悟 原本 以為 林岱樺 委員 堅持 不 戴 口罩 只是 因為 被 指責 好 面子 拉不下臉 而已 想不到 是 宗教信仰 因素 啊 對此 林士峰 強調 大家 都 尊重 林岱樺 的 信仰 但是 現在 是 防疫期間 為了 社會 大眾 著 想 和 你 的 佛 溝通 下 除了 祂 的 庇護 以外 戴 個 口罩 真的 會 更 保險 些 而且 萬一 有人 模仿 你 他 又 剛好 沒有 佛 的 保右 成為 防疫 的 破 口 該 怎麼 辦 才好 其實 林岱 樺 宗教 色彩 一直 相當 鮮明 根據 中國時報 2018 年 6 月 26 日 報導 當日 財團法人 法 朝野 協商 宗教團體 是否 納入 管理 林即 表示 這 已經 是 超越 憲法 之上 已經 在 人類 何者 為人 人 從 哪裡 來 這樣 的 道德 面 難 理解 臺灣 為何 要用 這 法律 規範 佛教 林 認為 佛 道數 千年 歷史 建立 比丘 跟 比丘尼 數 百 條 戒律 受到 戒律 這麼 多 不該 再 用 世俗 法律 去 規範 林更稱 該 法 既然 是 為 防制 洗錢 就 應從 金融 著 手 與 宗教 無關 她 不敢 說 百分之百 沒有 宗教團體 洗錢 但 大部分 的 宗教團體 都 不 會 有 這種 行為 不 懂 為何 要 納入 財團法人 法 管理 中國時報 2018 年 6 月 29 日 報導 也 指出 面對 財團法人 法 是否 納 管 宗教團體 林岱樺 表示 宗教 與 財團 不 一樣 宗教 超越 了 憲法 規範 更 稱 宗教團體 公佈 財產 會 引來 黑道 這些 話 當時 被 在野 立 委 怒 批 還 引起 網友 嘲笑 撻 伐 林則 回應 批評 我 的 人 感恩啦 感謝 啦 阿彌陀佛 我 念 阿彌陀佛 分享 給 他們</t>
  </si>
  <si>
    <t>針對 大陸 新冠 病毒 疫苗 是否 輸入 臺灣 的 議題 大陸 國 台辦 24 日 晚間 再度 表態 稱 陸方 願意 迅速 作出 安排 讓 廣大 臺灣同胞 儘快 有 大陸 疫苗 可用 並稱 如果 有 需要 大陸 也 願意 積極 考慮 向 臺灣 派出 疫情 防控 專家 國 台辦 發言人 朱鳳蓮 24 日 表示 針對 當前 臺灣 疫情 肆虐 國 台辦 多次 強調 願意 盡 最 大 努力 協助 廣大 臺灣同胞 加強 疫情 防控 儘快 戰勝 疫情 面對 島內 日趨 嚴峻 的 疫情 和 廣大 臺胞 不斷 承受 的 防疫 壓力 島內 一些 團體 和 人士 不斷 呼籲 採購 大陸 疫苗 我們 的 態度 非常 明確 願意 迅速 作出 安排 讓 廣大 臺灣同胞 儘快 有 大陸 疫苗 可用 如果 有 需要 也 願意 積極 考慮 向 臺灣 派出 疫情 防控 專家 與 臺灣 醫療衛生 人士 分享 抗 疫 經驗 提供 防疫 諮 詢 朱鳳蓮 呼籲 民進黨 當局 利用 政治 操 弄 轉移視線 是 對 廣大 臺灣同胞 極不 負 責任 的 做法 要 立即 停止 各種 對 大陸 協助 廣大 臺灣同胞 抗 疫 進行的 汙衊 抹黑 採取 切實 行動 去除 人為 障礙 讓 廣大 臺灣同胞 的 生命 健康 利益 福祉 儘早 得到 應有 的 保障 對此 陸委會 回應 陸方 從未 透過 兩岸 既有 管道 向 我方 提出 陸方 疫苗 的 有關 資訊 卻 每每 藉 臺灣 內部 疫情 升溫 時 放 話 批評 我 政府 阻撓 陸 制 疫苗 輸入 這種 明顯 的 統戰 分化 操作 臺灣 社會 非常 明 瞭 國際 社會 也 都清楚 認知 臺灣 向外 取得 疫苗 受到 何種 阻撓 對岸 心知肚明 眾人 也 已 周知 多 言 無益 不過 針對 大陸 提供 臺灣 疫苗 事宜 立 委 陳玉珍 曾 表示 去年 十月 東洋 董事長 林全 曾 主動 找 衛福 部長 陳時中 告知 已 有能力 取得 bnt 疫苗 至多 三千萬 劑 算不算 正式 訊息 陳時中 也 曾 承認 香港 雅各 臣 去年 曾 透過 一九二二 部長 信箱 表達 供應 bnt 疫苗 意願 算不算 正式 管道 陳 玉珍 說 當前 臺灣 疫情 嚴峻 既然 上海 複 星 都 公開 表達 願 提供 疫苗 給 臺灣 蔡 政府 若 真 有心 防疫 保障 國人 健康 就 應 主動 連系 不要 講 一些 五四三 只 是 因 意識 型態 作祟 就是 不 想 跟 大陸 買 疫苗</t>
  </si>
  <si>
    <t>本土 疫情 不斷 升溫 截至 2 日 已 有 149 人 死亡 超越 sars 時期 紀錄 國民黨 立 委 鄭麗文 指出 沒有 全面 篩檢 官僚 文化 處處 阻擋 全 臺灣 不敢 逆 時 中 是 臺灣 防疫 失敗 的 三大 主因 痛 批在 衛福部 部長 陳時 中的 帶領 下 指揮中心 已成 謊言 中心 臺灣人 要 想 活命 就 必須 下 架 陳時中 更 奉勸 總統 蔡英文 必須 把 陳時中 這個 絆腳石 搬開 臺灣 的 防疫 才 有 機會 成功 鄭麗文 昨日 2 在 臉書 發文 表示 沒有 全面 篩檢 官僚 文化 處處 阻擋 全 臺灣 不敢 逆 時 中 是 臺灣 防疫 失敗 的 三大 主因 其中 包括 陳時 中所 做 的 3 11 錯誤 決策 是 今天 臺灣 疫情 的 元兇 陳更 在 國會 公然 說謊 甩 鍋 立 委 們 要求 他 說 清楚 決策 的 過程 卻 拿 到 一 紙 公 文說 沒有 會議記錄 可見 陳 到 今天 竟然 都還 在 騙 鄭麗文 進一步 痛 批 指揮中心 如今 已成 謊言 中心 因 衛福部 多次 下 架 修改 官網 正式 公佈 的 公文 2 月 在 官網 正式 公佈 bnt 取得 了 臺灣 緊急 授權 卻 在 4 月 27 日 下 架 對外 說 bnt 無 緊急 授權 沒有 藥 證 所以 不能 進口 臺灣 拿 不 到 bnt 從頭到尾 充滿 黑幕 充滿 陰謀論 因為 指揮中心 買不到 所以 也 不准 民間 買 嗎 她 要求 衛福部 提出 說明 送到 國會 來 的 公文 卻是 滿 紙 謊言 衛福部 如何 向全民 交代 此外 鄭麗文 更 抨擊 陳時中 在 1 年 多 的 時間 所有 該 做 的 通通 都 沒 做 現在 死亡 人數 已經 將近 是 sars 的 3 倍 100 多 條 人命 換 不 到 陳 的 幡然悔悟 換 不 到 蔡英文 的 任何 關切 只 會 在 高端 股價 跌 停板 後 立刻 出來 開 記者會 可見 民進黨 在乎 的 不是 病床 數字 不是 人 命 的 數字 而是 只在乎 高端 股價 的 數字 綜觀 以上 鄭麗文 強調 國民黨 全力支持 研發 國產 疫苗 但要 給 國人 施打 當然 必須 有 who 國際 認證 不能 讓 國人 當 白 老鼠 所以 蔡 政府 趕緊 進口 國際 認證 的 疫苗 讓 全民 施 打 至於 陳時中 一再 說謊 故意 釋放 假消息 故意 誤導 全民 從頭到尾 都 在 回避 所有 的 監督 所有 的 承諾 沒有 一 件 事情 有 真正 兌現 陳 的 錯誤 失職 說謊 阻擋 已經 成為 防疫 最 大 絆腳石 她 呼籲 蔡英文 必須 把 這個 絆腳石 搬開 臺灣 的 防疫 才 有 機會 成功</t>
  </si>
  <si>
    <t>好 時機 吳思瑤 立 委 民進黨立委 民進黨</t>
  </si>
  <si>
    <t>國內 每日 新增 確診 數 不 斷 創 新低 今 5 日 新增 本土 病例 降到 28 例 有人 認為 離 0 不遠 了 民進黨立委 鄭運鵬 表示 以 每日 確診 量 到 各縣市 都 可以 疫 調 的 規模 來看 臺灣 要 清 0 不 會 是 天方夜譚 不過 他 也 透露 潮水 開始 退</t>
  </si>
  <si>
    <t>國內 每日 新增 確診 數 不 斷 創 新低 今 5 日 新增 本土 病例 降到 28 例 有人 認為 離 0 不遠 了 民進黨立委 鄭運鵬 表示 以 每日 確診 量 到 各縣市 都 可以 疫 調 的 規模 來看 臺灣 要 清 0 不 會 是 天方夜譚 不過 他 也 透露 潮水 開始 退 了 就 知道 臺北市 雖然 擁有 最 密集 的 醫療 資源 確診 數 卻 無法 在 三級 警戒 下 率先 趨 近於零 非常 可惜 今天 全台 新 增 28 例 本土 病例 其中 仍以 臺北市 15 例 最 多 鄭運鵬 在 臉書 表示 確診 數 低於 30 就 是 有 信心 可以 清 0 的 指標 不過 潮水 開始 退 了 就 知道 臺北市 是 非常 可惜 的 因為 臺北市 擁有 最 密集 的 醫療 資源 平均 學歷 最高 的 公務人員 確診 數 卻 沒 辦法 在 三級 警戒 之下 率先 趨 近於零 是 令人遺憾 的 結果 鄭運鵬 指出 五月 以來 國人 又 回到 去年 的 自我 防疫 意識 現在 每個 人 每個 家庭 每個 工作 環境 的 防疫 工具 也 都 算 充足 即使 有 超級 傳染源 也 不容易 再 大 爆發 以 每日 確診 量 到 各縣市 都 可以 疫 調 的 規模 來看 他 認為 臺灣 要 清 0 不 會 是 天方夜譚 對於 部分 人士 認為 社區 還有 黑 數 因此 不可能 清 0 但 他 認為 只要 讓 這些 極 少量 的 黑 數 不容易 傳播 出去 就 很 容易 斷 鏈 也 不 會 影響 清 0 的 目標 而 疫 調 就 是 臺灣 獨步 全球 的 武器 網友 則 紛紛 回應 還好 必勝 進駐 處理 了 王 必勝 要是 沒 進駐 臺北市 現在 一定 還 在 燒 不要 再 境外移入 就 好 了 也 有人 建議 就算 三級 解 封 大家 仍 不 應該 放鬆 戴 口罩 酒精 消毒 勤洗手 保持 社交距離 別 去 人潮 壅 擠 的 地方 等 防疫 習慣 才能 保護 自己 保護 家人</t>
  </si>
  <si>
    <t>近來 虱目 魚 產地 價格 已 跌 至 成本價 每 台斤 40 元 以下 民進黨立委 邱志偉 日前 邀請 漁業 署 到 高雄市 路 竹 區 與 漁民 座談 邱志偉 要求 漁業 署 與 高雄 市政府 海洋 局 於 1 周內共 組 聯合 稽查 查價 小組 對 魚 價格 下跌 做 調查 並 提出 報告 漁</t>
  </si>
  <si>
    <t>近來 虱目 魚 產地 價格 已 跌 至 成本價 每 台斤 40 元 以下 民進黨立委 邱志偉 日前 邀請 漁業 署 到 高雄市 路 竹 區 與 漁民 座談 邱志偉 要求 漁業 署 與 高雄 市政府 海洋 局 於 1 周內共 組 聯合 稽查 查價 小組 對 魚 價格 下跌 做 調查 並 提出 報告 漁民 抱怨 產地 價格低 卻 未 反映 在 終端 實際 售價 上 中間 價差 都 被 大盤 賺 走 目前 市場價 每 台斤 約 80 至 100 元 左右 邱志偉 接 獲 漁民 陳情 向 中央 反映 漁民 心聲 分析 虱目 魚 價格 下滑 原因 包含 今年 是 暖冬 導致 漁獲量 大增 以及 新冠肺炎 影響 等 因素 也 有 漁民 指出 漁業 署 應該 要 廣 扶植 小型 加工廠 在 虱目 魚 價格低 時 加工廠 就 能 運作 生產 的 虱目 魚肚 魚皮 魚 頭等 都 能 忠實 反應 產地 價格 能 刺激 銷量 也 能 增加 就業機會 漁業 署 主 秘繆自昌 表示 這 波 疫情 衝擊 不只 虱目 魚 其他 養殖 魚種 也 都受創 嚴重 漁業 署 針對 養殖 漁民 有 編 列 64億 的 紓困 經費 並 在 網路 商城 等 通路 推廣 食用 但 國內 消費市場 的 銷售量 要 提升 才能 減緩 產地 出 貨 壓力 此外 魚販 文山伯 受訪 說 尚未 到 大 出 豐收 的 時候 相信 養殖業 者 心裡 都 在 滴 血 未來 的 石斑魚 午 仔 魚 鱸魚 等 的 價格 也 會 受到 衝擊 他 對 此 並不 樂觀 他 認為 政府 應該 要 拿 出 辦法 幫 漁民 找出路 且 漁民 與 養殖業 者 要 三思 要 在 高雄 市長 補選 投 給 對 漁民 有 真正 幫助 的 候選人</t>
  </si>
  <si>
    <t>鑒於 香港 街頭 的 抗爭 不斷 中共 決定 推動 香港 國安 立法 蔡 總統 一 反 過去 所謂 關懷 香港 人民 福祉 的 口氣 透露 出 要 把 香港 停止 適用 港澳 關係 條例 將 香港 視同 大陸 處理 的 意向 蔡英文 此舉 若是 成真 不僅 是 香港 人 就 連 臺灣人 都 應 從中 領悟到 民進黨 惹 事後 要死 死 道 友 不 死 貧道 的 行徑 中國 大陸 或者 香港 就算 民進黨 政府 不 把 他們 當成 兄弟 也 都 是 我們 關係 極為 密切 的 鄰居 即便 民進黨 政府 把 他們 視為 眼中釘 肉中刺 那 也 不必 一定 得 故意 去 東 惹 西 惹 硬 要 把 他們 激化 成 不是 你 死 就 是 我 活 的 死 對敵 很 不幸 民進黨 政府 就 是 這麼 個 愛 惹事 的 政府 他 惹 的 事 自己 不負責任 卻 要 別人 承擔 惹事 後 的 苦果 先 從 美國 最新 一 件 反 台裔 記 者 的 事例 說 起 來自 臺灣 的 cnn 記者 陳亦芃 在 美國 南卡 羅萊納 一 處 海灘 採訪 時 因 戴 了 口罩 被 民眾 朝 她 大罵 摘下 口罩 滾 出 我 的 國家 陳亦芃 的 遭遇 當然 和 川普 總統 經常 把 新冠肺炎 故意 講成 是 中國 肺炎 武漢肺炎 有關 而 民進黨 政府 故意 把 武漢肺炎 掛 在 嘴上 處處 和 川普 同一個 鼻孔 出氣 指責 大陸 處理 疫情 的 方式 也 和 陳亦芃 的 遭到 歧視 脫不了 干係 對付 大陸 民進黨 政府 沒 本錢 又 缺 本事 卻 又 經常 擺 出 一 副 要 臺灣 獨立 的 模樣 挑 對岸 的 最 敏感 神經 打 惹 得 對岸 必須 得 說出 一番 狠 話 而 等到 對岸 說出 硬 話 民進黨 政府 卻 又 拿 來 宣傳 說 對岸 要 武力 犯台 說真的 中共 要是 真的 被 惹 到 必須 武力 犯台 民進黨 政府 可能 也 只 是 兩手 一 攤 要 全 臺灣人 承擔 苦果 香港 的 例子 最 明顯 香港 爆發 反 送 中 時 臺灣 正 舉行 總統 及 立 委 大選 民進黨 明著 暗裡 以 各種 形式 介入 香港 反 送 中 運動 表面 上 給 人家 他們 關心 香港 人 福祉 的 印象 實地 裡 卻是 出口 轉 內銷 把 反 送 中 當成 臺灣 內部 的 選舉 議題 從中 撈取 政治 及 選舉 利益 如今 民進黨 勝 選 繼續 執政 香港 反 送 中所 引發 的 問題 不僅 沒有 結束 反而 更為 嚴峻 迫使 中共 決定 通過 港版 國安法 此次 立法 是否 會 破壞 現行 的 一國兩制 尚 待 觀察 蔡 總統 卻 已經 準備 和 香港 切割 未來 很 可能 把 香港 視同 大陸 處理 大家 都 知道 香港 澳門 關係 條例 與 兩岸人民 關係 條例 最 大 的 不 同是 我們 給予 香港 人民 團體 如同 外國 或 僑胞 的 待遇 無論 在 商業 投資 租稅 待遇 或 來 台 居留 上 都 與 大陸 人民 有 很 大 的 差別 就 在 這個 當口 民進黨 政府 如果 真 的 要 修法 停止 香港 適用 港澳 條例 不管 是 一部分 或 全部 那麼 這 等同於 是 把 幫 民進黨 政府 打下 第 2 任 天下 的 香港 丟棄 不顧 這 會 讓 香港 人 甚至 臺灣人 怎麼 想 作者 為 資深 媒體 人</t>
  </si>
  <si>
    <t>新冠肺炎 疫情 嚴峻 我國 口罩 日產量 不斷 提升 臺灣政府 目前 已 放寬 到 每 14 天 成人 可 買 9 片 口罩 兒童 可 買 10 片 不過 部分 民眾 困惑 為何 不是 每天 一 片 行政院長 蘇貞昌 前日 透露 衛福部 認為 如果 不 限量 大家 可能 就 會 浪費 政委 唐鳳 拍 影片 教學 如何 幹 蒸 口罩 還 大 玩 順 時中 雙關 哏 要 大家 時鐘 要 順 著 跑 8 分鐘 然後 就 可以 繼續 安心 使用 同一 片 復活 的 口罩 唐鳳 同時 跟隨 政府 主 打 防疫 外交 po 影片 的 推 特 文 上 標注 taiwancanhelp 行政院長 蘇貞昌 前日 在 立 法院 被 詢 被 民進黨立委 黃秀芳 問及 未來 多久 之後 可以 達成 每天 口罩 產能 1500萬 片 哪 時 可以 讓 臺灣 每 位 民眾 1 天 可以 有 1 片 口罩 蘇貞昌 透露 之前 討論 時 衛福部 也 有 意見 認為 說 不要 浪費 因為 如果 不 限量 大家 可能 就 會 浪費 但 蘇也 正面 回應 未來 口罩 視 產量 1 天 1 片 到時 再 參考 還是 有 民眾 擔心 這 段 期間 會 有 口罩 不夠 用 的 問題 被 日本 媒體 贊 為 天才 it 大臣 的 政委 唐鳳 在 自己 公開 的 推 特 分享 如 何干 蒸 口罩 讓 口罩 可以 簡單 消毒 過 後 再 重複使用 唐鳳 說 此法 不 會 讓 口罩 融化 的 關鍵 是 不要 加 水 指出 電鍋 幹 蒸 的 溫度 較 高 149 164 只見 影片 中 唐鳳 模仿 美食 節目 主持人 的 口吻 說 要 教 民眾 做 一道 幹 蒸 口罩 要 準備 這 3 樣 東西 1 電鍋 2 用 過 的 口罩 3 時鐘 唐 鳳說 首先 把 電鍋 鍋蓋 打開 口罩 平 放 進 內 鍋 原汁原味 不加 水 接 著 唐鳳 還 大 玩 順 時中 雙關 哏 開啟 電鍋 的 電源 讓 時鐘 順 著 跑 8 分鐘 8 分鐘 後 把 鍋蓋 打開 稍微 放涼 消毒 之後 可以 重複使用 的 口罩 就 完成 了 最後 唐鳳 戴 上 幹 蒸 好 的 口罩 說 戴 上 口罩 即可 安心 使用 囉 短短 37 秒 的 教學 影片 還 貼心 附上 英語 字幕 想 讓 外國人 也 可以 學 這個 重複使用 口罩 的 方法 唐 鳳 的 推 特 po 文 也 跟隨 政府 主 打 防疫 外交 標注 taiwancanhelp 然後 蔡英文 總統 4 月 1 日 宣佈 在 全體 國人 努力 下 國內 疫情 得到 最好 的 控制 臺灣 口罩 產能 一 躍 成為 全球 第二 大 的 口罩 生產國 除了 可以 充分 供應 國內 的 需求 她 說 我們 將 捐贈 1000萬 片 口罩 將近 一 日 產能 支援 疫情 嚴重 國家 的 醫療 人員</t>
  </si>
  <si>
    <t>民進黨立委 王 定宇 今日 21 日 於臉書 發文 表示 針對 艦隊 染疫 將 在 明日 22 日 立院 國防委員會 進行 敦睦 艦隊 染疫 專案 報告 並 針對 4 個 部分 來 調查 王定宇 說 明日 調查 重點 如下 1 決定 進行 敦睦 艦隊 遠 訓 的 決策 是否</t>
  </si>
  <si>
    <t>大陸 日前 兩 度 軍機 繞 台 兩岸 態勢 升高 國民黨 補選 主席 候選人 郝龍斌 今 接受 電臺 專訪 表示 新冠肺炎 疫情 蔓延 兩岸 積極 應對 陸方 軍機 繞 台 行動 對 台 不 友善 也 不 聰明 呼籲 大陸 多 一些 防疫 專業 多 一些 兩岸 疫情 合作 絕對 比 軍機 繞 台 要好 郝 不 認同 在 防疫 時刻 有 緊 繃 的 作為 存在 大陸 應該 多 釋出 善意 用 飛機 儘快 送 臺胞 回來 比起 用 軍機 繞 來來 要 的 好 對於 兩岸 態勢 升高 郝龍斌 表示 兩岸 間 要 有 偷工 橋樑 現在 兩岸 沒有 共識 不只 把 溝通 橋樑 拆 了 民進黨 共產黨 都 不 打算 重新 搭 起 導致 兩岸關係 緊張 兩邊 應該 儘快 搭 起 橋樑 共同 把 防疫 做好 對於 兩岸 僵局 郝龍斌 認為 兩岸 都 應該 表達 善意 現在 大陸 比 我們 大 以 大事 小 要能 融 以 小事 大要 能 忍 尤其 是 大陸 疫情 遠 比 我們 嚴重 最 重要 的 是 讓 我們 加入 who 如果 陸方 做到 這 件 事 不僅 是 幫 自己 也 是 幫 全世界否則 一旦 臺灣 變成 防疫 漏洞 對 大陸 也 不好 多 點 專業 少 一點 政治 意識形態 將 是 兩岸 僵局 破 冰 的 破 口 郝龍斌 話鋒一轉 批評 中央 近期 防疫 荒 腔 走板 的 行為 讓 民眾 產生 恐懼 導致 路上 人潮 減少 買氣 很 低 建議 民進黨 政府 參考 sars 當年 跟 大陸 及 內部 互動 的 經驗 行政 官員 應該 是 先 把 下 一 步 準備 好 對 安定 民心 會 很 有 幫助 也 讓 民眾 清楚 知道 政府 對 防疫 已經 準備 好 行政院 昨 拍板 將 提出 600億 元 作為 疫情 紓困 郝龍斌 認為 中央 現在 最 重要 是 把 疫情 控制 好 紓困 券 發放 民眾 會 覺得 很 高興 可是 無法 消除 民眾 心理 恐懼 而且 如果 疫情 不好 發放 紓困 券 就 能 刺激 經濟 成長 嗎 這 也 是 問題 如何 免除 民眾 心理 恐慌 應該 是 政府 現在 最 該 做 的 事情</t>
  </si>
  <si>
    <t>疫情 指揮中心 今 又 公佈 6 例 新冠肺炎 確診 個案 創下 新 高 對此 前 婦產科 醫師 民進黨 國際事務 部 主任 林靜儀 就 在 臉書上 疾呼 暫時 不 要 再 出國 了 拜 讬 今日 疫情 指揮中心 表示 新增 了 6 例 境外移入 6 例 分別 有 泰 日</t>
  </si>
  <si>
    <t>疫情 指揮中心 今 又 公佈 6 例 新冠肺炎 確診 個案 創下 新 高 對此 前 婦產科 醫師 民進黨 國際事務 部 主任 林靜儀 就 在 臉書上 疾呼 暫時 不 要 再 出國 了 拜 讬 今日 疫情 指揮中心 表示 新增 了 6 例 境外移入 6 例 分別 有 泰 日 埃及 土耳其 西班牙 以及 希臘 的 旅遊 史 指揮官 陳時中 就 直言 臺灣 相對 安全 很多 非必要 的 出國 這 段 時間 大家 忍 一 忍 啦 而 林靜儀 昨天 也 才 在 臉書上 呼籲 我 認為 國民 記得 兩 件 事 就 好 能 不 出國 就 不要 出國 有 外國 朋友 要來 臺灣 請 他們 暫時 延後 計 畫 如果 此時 非得 出入境 就 配合 居家 檢疫 其他 沒 被 規範 的 也 進行 自主 健康 管理 不料 今 卻 又 一口氣 新增 6 名 境外移入 個案 林靜儀 也 立刻 分享 新聞 並 發文 拜 讬 大家 暫時 不 要 再 出國 了 拜 讬</t>
  </si>
  <si>
    <t>本土 疫情 持續 升溫 臺北市 市長 柯文哲 與 新北 市 市長 侯友宜 多次 炮 打中 央 聲勢 也 水漲船高 港 媒 評論 指出 柯 痛 批 中央 疫苗 分配 為 政治 內線交易 侯 要求 總統 蔡英文 約束 底下 的 人 這 兩 句 話 都對 蔡 政府 形成 強大 壓力 綠 營 往後 對抗 柯 侯二人 的 聲浪 與 手段 將 愈來愈 猛烈 甚至 恐 激起 尖銳對立 柯文哲 13 日 表示 日本 捐贈 臺灣 的 100 多 萬 劑 疫苗 高雄市 已 提前 造冊 與 施打 可見 中央 已 提前 告知 消息 這種 縣 市 疫苗 分配 資訊 不對 等 的 狀況 等同 政治 內線交易 侯友宜 同日 也 證實 的確 曾 勸 蔡英文 約束 底下 的 人 因 自己 最 討厭 政治 口水 此時 國難當頭 應 齊心 抗 疫 香港媒體 中 評 社 今日 15 評論 指出 臺北市 某 診所 偷打 疫苗 事件 讓 柯文哲 成 綠 營 群起 圍剿 對象 不料 蔡 政府 端午節 連 假 為 管制 民眾 返鄉 竟 祭出 高速公路 閘 道 管制 政策 導致 民怨沸騰 民眾 也 再度 將 矛頭 指向 蔡 政府 對此 柯文哲 與 侯友宜 也 同聲 向 蔡 政府 抱怨 並 喊話 對 綠 營 形成 不小 壓力 評論 進一步 分析 蔡 政府 日前 釋出 tifa 會談 重 啟 消息 稱 美國 貿易 代表 戴琪 10 日 將 與 行政院 政務委員 兼 經貿 談判代表 鄧 振 中 舉行 視 訊 會議 然 此 消息 卻 未 如 預期 引發 討論 民眾 仍 聚焦 疫苗 與 疫情 相關 新聞 台美 關係 無法 扭轉 人民 的 不滿 讓 民進黨 政治 盤算 落空 面對 柯文哲 侯友宜 在 這 波 疫情 下 不斷 看漲 的 聲勢 民進黨 對 這 兩 人 的 攻擊 與 對立 只 會 愈來愈 高 甚至 手段 也 會 愈來愈 猛烈</t>
  </si>
  <si>
    <t>日前 朝陽 科大 20 人 夜 唱 團 共 造成 11 人 確診 染疫 台中 市 衛生局 立即 應變 在 朝陽 科大 成立 快 篩 站 要求 當時 在校 師生 進行 篩檢 市 議會 國民 黨團 痛 批 竟 被 某 党 議員 曲解為 要求 全校 師生 都需 篩檢 莫非 見不得 民眾 都健康 嗎 民進黨 市議員 黃守達 說 國民 黨團 可能 不是 很 瞭解 盧 市府 防疫 作為 才會 有此 誤解 黃守達 指出 5 月 20 日 市府 新聞 清楚 寫道 朝陽 科大 快 篩 站 也 針對 留在 校內 800 人 進行 第一 波 快 篩 對於 已 離 校 及 離開 台中 市 超過 1萬4000 名 師生 市府 已 請 學校 協助 通報 師生 可 至 全市 快 篩 站 或 就 近 在 該縣 市 快 篩 站 篩檢 且 盧 市長 也 於 當天 臉書 呼籲 如 為 朝陽 大學 之 師生 可 儘快 前往 台中 快 篩 站 快 篩檢驗 另外 朝陽 科大 也 因此 要 全 師生 填寫 篩檢 回報 進度 這些 全部 都有 紀錄 可 供 查詢 黃守達 表示 重點 並非 檢驗 結果 指揮中心醫療 應變 組 就 早已 指出 若 當地 疫情 較 不 嚴重 抗原 快 篩 偽 陽性 機會 恐 高達 70 結果 也 已 證明 此 說法 他 本人 也 早已 與 衛生局 溝通 多次 快 篩 站 設置 與 宣導 的 問題 並於 臉書 粉絲 專 頁 進行 宣傳 黃守達 認為 若 盧 市府 真的 認為 其 決策 無誤 為何 要 請 大家 都去 做 快 篩 卻 又 只 快 篩 了 1000 多 名 師生 即 撤除 朝陽 快 篩 站 並要 大家 可以 安心 這 是 依循 何種 標準 那 剩 餘 的 學生 如何 能 確保 沒有 問題 偽 陰性 造成 的 破 口 呢 這樣 的 魯莽 作為 竟 還 可以 美化 成安定 人心 根本就是 造成 醫療 量 能 的 浪費 跟 製造 更 大 的 恐慌 罷</t>
  </si>
  <si>
    <t>北市 6 月 24 日 爆出 信義 區 1 間 牙醫 診所 醫師 案 13573 打完 疫苗 後 確診 2 名 牙科 助理 也 陸續 確診 6 月 30 日 又 有 大安區 耳鼻喉科 醫師 確診 並 傳染給 1 名 病 患 案 14797 但 北市議員 許淑華 1 日 爆 料 北 市府 對 牙醫 診所 16 名 員工 和</t>
  </si>
  <si>
    <t>北市 6 月 24 日 爆出 信義 區 1 間 牙醫 診所 醫師 案 13573 打完 疫苗 後 確診 2 名 牙科 助理 也 陸續 確診 6 月 30 日 又 有 大安區 耳鼻喉科 醫師 確診 並 傳染給 1 名 病 患 案 14797 但 北市議員 許淑華 1 日 爆 料 北 市府 對 牙醫 診所 16 名 員工 和 127 名 看 診 者 全都 只 要求 居家 隔離 而 不 篩檢 耳鼻喉科 醫師 接觸 的 300 多 名 病 患 只 篩檢 100 多 名 信義 大安 恐 成 破 口 許淑 華表 示 柯 市府 對 信義 區 牙醫 診所 16 名 員工 和 127 名 接觸 醫師 的 看 診 者 全部 只 要求 做 居家 隔離 而 不 篩檢 針對 大安區 耳鼻喉科 接觸 確診 醫師 的 300 多 名 病 患 也 只 給 100 多 名 做 篩檢 其他 的 則 要求 自行 做 快 篩 市府 到底 為什麼 都 不 願 主動 篩檢 是 要 讓 信義 大安區 成為 下 一個 疫情 風險區 嗎 許淑華 指出 事實上 所謂 的 信義 區 確診 牙醫 診所 和 大安區 耳鼻喉科 診所 只 相距 450 公尺 兩者 都 位 在 六張犁 附近 社區 民宅 眾多 柯 市府 不 給 接觸 者 做 篩檢 從 接觸 確診 者 到 收到 隔離 通知 相隔 數日 這 期間 如有 潛 在 確診 者 不 就 又 把 病毒 傳給 其他 居民 市府 只 做 半 套 不 主動出擊 篩檢 病毒傳播 哪裡 有 終止 的 一 天 她 說 市府 推 說 過去 確診 數 很多 因此 疫 調 的 能量 不足 也 導致 後續 的 匡列跟 篩檢 不 到位 但 現在 確診 數 已經 降下來 了 疫 調 到底 做 了 沒 不 公佈 疫 調 結果 不 擴大 匡列 和 篩檢 對象 的 居心 何在 市長 柯文哲 總 在 沾沾自喜 確診 數 下降 但 面對 疫情 不料 敵 從寬 這種 心態 難保 不 會 讓 疫情 再起 北 市府 不要 再 推 讬 許淑華 要求 市府 應立即 通知 所有 接觸 者 進行 篩檢 千萬 不 可因 柯文哲 的 鬆懈 和 自滿 而 成為 下 一個 防疫 破 口 也 必須 盡 速將 確診 個案 的 疫 調 結果 公佈 到底 匡列 了 多少 人 篩檢 了 多少 人 這些 資訊 永遠都是 被動 提供 搞 得 六張犁 居民 人心惶惶</t>
  </si>
  <si>
    <t>新冠肺炎 延 燒 全球 正當 世界 各國 都 苦於 應對 時 美國 卻 傳出 有 大學生 開 新冠肺炎 趴 刻意 邀請 確診 者 當 嘉賓 藉 由 接觸 確診 者 比賽 誰 先 染疫 第一 名 還 可 獲得 獎金 荒唐 行徑 讓 人 傻眼 當地 議員 與 消防 局長 也 在 會議 中 證實 此事 根據 美國廣播公司 abc 報導 美國 阿拉巴馬州 塔斯卡羅薩 tuscaloosa 近日 有 大學生 舉辦 新冠肺炎 派對 市議員 麥金斯塔莉 sonya mckinstry 透露 舉辦 人 邀請 確診 者 當 嘉賓 接 著 再 號召 多 名 學生 參與 參加 學生 入場 必須 繳 一 筆 保證金 接 著 透過 接觸 確診 者 來 比賽 誰 最先 染 上 新冠 病毒 第一 名 可 將 這筆 錢 全部 拿走 塔斯卡羅薩 消防 局長 史密斯 randy smith 也 在 會議 中 報告 此事 聲稱 此行 為 已 嚴重危害 市民 安全 並 證實 已經 有 學生 染疫 市 議會 隨後 強制 市民 前往 公眾 場合 時 必須 配戴 口罩 而 如今 美國 因 新冠肺炎 而 死 人數 即 將 達到 13萬 超過 265萬 人 確診 幾 名 白目 大學生 的 行為 也 無疑 對 美國 防疫 造成 嚴重 打擊</t>
  </si>
  <si>
    <t>新冠肺炎 疫情 升溫 全國 三級 警戒 新北 市議員 張維倩 今 20 日 接 獲 民眾 陳情 民眾 由 pcr 篩檢 後 得知 確診 卻 僅 能 等候 安排 她 將 向 市府 建議 市府 應盡 速 建立 整套 的 防疫 sop 讓 市民 知道 確診 後 該 如何 配合 市府 等待 隔離 以</t>
  </si>
  <si>
    <t>對於 臺灣 可能 加入 世界 衛生 組織 議題 資深 媒體 人 董智森 表示 到時候 如果 跳 票 呢 但 沒關係 綠 營 不會 受傷 不論 進 不 進得 去 綠 營 都 贏 美國 fox 新聞 引述 消息人士 透露 指 華府 內部 正 傳閱 一 份 草案 推動 臺灣 重 回 世界衛生組織 who 會議 該 人士 指出 白宮 已 獲得 澳洲 支持 推動 臺灣 以 觀察員 身份 重返 世衛 現 正 尋求 德國 法國 和 英國 的 支持 與此同時 華府 的 國安 團隊 考慮 成立 一個 新 的 全球 衛生組織 資深 媒體 人 董智森 表示 大家 作 秀 要 相信 政府 相信 黨 臺灣 都快 加入 世界衛生組織 了 到時候 如果 跳 票 呢 大家 就 很 失落 但 沒關係 綠 營 不會 受傷 本來 可以 進去 為何 最後 進不去 因為 對岸 最壞 了 阻 饒 臺灣 所以 不論 進 不 進得 去 綠 營 都 贏 董智森 更 爆 料 到底 要 不 要 進 去世 衛 不要 進去 這樣 才 可以 每年 吵架 就 考以 每年 敲鑼打鼓 加深 大家 對 對岸 的 憤怒 越 憤怒 就越 不會 投票 給國民黨 董智森 自豪 他 以 前 跑 民進黨 民進黨 還 找 他 去 選 臺北市議員 他們 在 玩 哪 一 套 都 是 他們 這些 政客 在 表演 表演 完後 腦袋 都 被 洗 過 這些 東西 都 是 被 設計 過 的 都 是 他們 要 喂 你 的</t>
  </si>
  <si>
    <t>針對 資深 媒體 人 周玉蔻 影射 中廣 董事長 趙 少康 特權 施打 疫苗 國民黨 臺北市議員 游淑慧 津 表示 救人 命 的 疫苗 卻 顯然 成為 政治 攻防 的 武器 與其 放任 到處 含沙射影 或是 遭 選擇性 揭露 她 已 要求 臺北 市府 勇敢 公佈 完整 名單 周</t>
  </si>
  <si>
    <t>針對 資深 媒體 人 周玉蔻 影射 中廣 董事長 趙 少康 特權 施打 疫苗 國民黨 臺北市議員 游淑慧 津 表示 救人 命 的 疫苗 卻 顯然 成為 政治 攻防 的 武器 與其 放任 到處 含沙射影 或是 遭 選擇性 揭露 她 已 要求 臺北 市府 勇敢 公佈 完整 名單 周玉蔻 今 11 日 在 臉書 爆 料 臺北市 好 心肝 診所 特權 邀請 打 az 的 vip 裡面 據傳 有 一 媒體 董事長 她 更 直接 點 名 是 趙 少康 對此 趙也 立即 回應 稱 自己 絕對 沒 做 這樣 的 事 這 一年半載 以來 自己 與 好 心肝 診所 電話 通訊 都 沒有 莫名其妙 跑 出 一 件 這樣 的 事 真的 很 好笑 針對 周玉蔻 影射 趙 少康 一 事 遊淑慧 今 11 日 在 臉書 發文 質疑 是否 網 軍 側翼 放出 藍 營 人士 打 疫苗 的 風向 遊 痛 批 昨晚 到 今天 救人 命 的 疫苗 卻 成為 政治 攻防 的 武器 與其 放任 到處 含沙射影 亂箭 打 鳥 或 名單 被 選擇性 揭露 她 要 請 掌握 疫苗 配發 的 柯 市府 勇敢 公佈 完整 名單 遊 淑 慧 認為 現在 臺北市 政風 處 要 說 明 3 件 事情 一 診所 違規 施打 疫苗 疑雲 中 據傳 施 打者 不乏 知名 及 高層人士 為 挽回 民眾 信任 市府 應於 一 周內 公開 六 家 診所 疫苗 施 打者 中 非 第一 到 第 三類 者 之 名單 和 身分 類別 二 應 調查 診所 違規 施打時 有無 另外 收取 暴利 因 據 其他 議員 指稱 有 另 一 診所 施打 一 劑 要價 6000 是否 屬實 如果 有 診所 藉 疫苗 不法 獲利 除 罰 鍰 外 也 應該 追繳 不當得利 三 另 違規 施 打者 有無 使用 公費 施打 如有 應向 施 打者 追回 相關 費用 要求 其 自付 疫苗 費用 大批 網友 也 在 其 po 文 底下 留言 表示 不管 藍 綠 白或 演藝界 偷 跑 就是 沒 品 不 要 一 句 我 是 志 工 就 想 打發 通通 出 來講 你們 的 命 是 比 第一 線 人員 金貴 嗎 國家 少 了 你們 會 亡國 快 說說 你們 金貴 的 點 在 哪 一 攤 開 發現 綠色 金主 一 堆 嗎 支持 公佈 支持 攤 在 陽光 下 與其 口 水戰不如 一 次 痛快</t>
  </si>
  <si>
    <t>行政院長 蘇貞昌 當初 率先 全台 打 疫苗 至今 尚未 施打 第二 劑 他 今 9 日 表示 疫苗 已 陸續 到貨 所以 當 他 施打 第二 劑 時 代表 疫苗 數量 足夠 到時 會 公開 接種 給 大家 看 聽 完 蘇貞昌 的 說法 國民黨 臺北市議員 羅智強 辦公室 主</t>
  </si>
  <si>
    <t>行政院長 蘇貞昌 當初 率先 全台 打 疫苗 至今 尚未 施打 第二 劑 他 今 9 日 表示 疫苗 已 陸續 到貨 所以 當 他 施打 第二 劑 時 代表 疫苗 數量 足夠 到時 會 公開 接種 給 大家 看 聽 完 蘇貞昌 的 說法 國民黨 臺北市議員 羅智強 辦公室 主任 楊植 鬥 心裡 冒出 一 堆 問號 直言 這人 到底 在 說 啥 近期 本土 疫情 再起 疫苗 到貨 數量 備受矚目 對此 蘇貞昌 今 上午 出席 行政院 五 倍 券 記者會 受訪 表示 疫情 嚴峻 全球 都 在 搶 疫苗 臺灣 非常 努力 超前 部署 訂購 疫苗 現 已 漸漸 到貨 被 問到 是否 已 接種 第二 劑 疫苗 蘇貞昌 說 他 到 現在 還 沒 施打 第二 劑 因為 他 已 公開 宣示 疫苗 沒人 敢 打 他 率先 疫苗 不夠 他 不 搶 等到 疫苗 數量 足夠 後 他 就 會 公開 接種 第二 劑 給 大家 看 對於 蘇貞昌 的 說法 楊植 鬥 隨即 在 臉書 打 出 許多 問號 並 表示 這人 到底 在 說 啥 許多 網友 也 在 其 po 文 下方 留言 表示 他 可能 也 不 知道自己 在 說 什麼 現在 需要 知道 自己 在 說 什麼 才 可以 當官 嗎 不是 只要 會 騙 神明 就 可以 了 嗎 笑 死 日頭 赤 炎炎 隨 人 顧 性命</t>
  </si>
  <si>
    <t>新北 市 中 和 區公所 31 日 將 于中和 華新街 舉辦 2020 光明 點燈 節 活動 今 26 日 舉辦 宣傳 記者會 適逢 新冠肺炎 疫情 蔓延 全球 現場 特別 用 小 燭光 排 出 了 no covid-19 的 字樣 中和 區長 賴俊達 也 強調 要 在 中和 點燈 為 世界 祈福 歡迎 民眾 一起 共襄盛舉 現場 由 緬甸 華僑 表演 點燈 舞 揭開序幕 賴俊達 與 市議員 陳錦錠 金瑞 龍 邱烽 堯 遊輝 冗 張志豪 賢 清 文教 基金會 執行長 張智倫 華夏 科技 大學校長 陳 錫 圭 竹林 中學校長 顏麗珠 等 共同 攜手 點 亮 花 開 佛 主 顯 臨 盼 在 漫長 的 防疫 生活 中 提供 心靈 的 溫暖 與 支持 賴俊達 表示 新北 市 擁有 來自 全球 120 多 個 國家 的 新 住 民 及 移 工 五顏六色 多元 繽紛 的 文化 在 這塊 土地 上 綻放 緬甸 移民 回台 定居 的 華僑 在 全台 共有 10萬 餘 人口 新北 市 就 有 8萬 餘 其中 超過 半數 在 中和 區 生根 大部分 聚居 在 南勢角 一帶 是 全國 緬 僑居 住 最 多 的 地區 他 強調 緬僑 們 早已 深深 融入 新北 市 的 大 家族 中 並且 在 中和 華新街 逐漸 形成 異國 美食 聚集地 及 商圈 藉 由 傳統 點燈 禮 佛 祈福 活動 讓 全國 民眾 認識 東南 亞文化 增進 民眾 與 新 住 民間 瞭解 與 尊重 中和 區公所 表示 2020 緬甸 光明 點 燈節 好 康多多 31 日 在 中和 華新街 熱鬧 登場 將 會 進行 交通管制 活動 下午 4 時將 發送 摸彩 券 3000 張 最 大獎 switch 遊戲機 氣炸 鍋 等 並 加碼 前 500 名 排隊 者 還 能 參加 緬甸 文化 體驗 闖 關 可 獲得 道地 美食 緬甸 芝麻 酥 可樂 1 罐 及 led 小 燭燈 另外 華 夏科大 也 設計 置 抓 寶及 好玩 的 遊戲 要 與 民眾 動 現場 還有 免費 費 的 彩繪 及 東南亞 書 車 文物 展示 等 5 時 30 分 多 達 300 人 的 民族服裝 踩 街 秀 開始 在 舞龍隊 的 前導 下 緬甸 宮廷 服裝 美 女隊 八大 民族服裝 隊 克 欽 族 美 女隊 印尼 越南 雲南 客家 原住民 以及在 地裡 民 等 華麗 登場 此外 邀請 到 2020 新北 創意 大 賞金 獎 學生 作品 緬 梔 之 美 及 2019 世界 螢 光棒 舞蹈 大賽 冠軍 華夏 科大 螢 光舞 及 緬甸 知名 歌手 y wine 等 想 一 次 欣賞 緬甸 及 多元 民族 的 特色 與 文化 歡迎 民眾 也 可 自行 攜帶 燈光 燭 火 一同 來 2020 中和 緬甸 光明 點 燈節 保平安 祈福 願 助 好運 點 亮 千 盞 燭光 感受 佛 主 庇佑 的 萬丈光芒</t>
  </si>
  <si>
    <t>美國紐約 疫情 嚴峻 至少 211 名 員警 確診 單日 竟 有 2774 名 員警 請 病假 為 免 國內 疫情 波及 人民 保姆 進而 影響 治安工作 太平 警 分局 26 日 實施 異地 辦公 機制 演練 由 內勤 及 各 外勤 派出所 隊 人員 調度 二分 之一 警力 分別 部署 於 第二 辦公 處所 希望 透過 異地 辦公 作業 以 分散 風險 確保 如 遇 緊急狀況 時 各項 警 政 勤 業 務 之 正常 運作 落實 防疫 工作 同時 也 可以 兼顧 治安 維護 太平 警 分局 為 落實 政府 防疫 政策 26 日 規劃 演練 人力 分流 易地 辦公 機制 除 分局 本部 將 人員 分 a b 兩 組 透過 分流 人員 動 線 落實 隔離 措施 連 公文 都 采 線 上 簽 核 方式 另 在 各 外勤 派出所 隊 交通 分隊 也 加入 整備 行列 透過 規劃 二 班 式 勤務 隔離 人員 避免 互相 接觸 還 設置 臨時 人犯 偵 訊 處所 以及 戶外 機動 派出所 受理 民眾 報案 避免 有人 不幸 確診 甚至 會 造成 整個 單位 都 停 擺 衍生 治安 漏洞 值得一提的是 演練 過程 中 適逢 市議員 蔡耀頡 在 新平 派出所 關心 警方 異地 辦公 整備 狀況 並 對 分局 的 超前 部署 大為 肯定 太平 警方 表示 目前 除 在 人員 及 設備 配置 上 均 已 事先 調控 不讓 疫情 影響 機關 正常 運作 分局 內部 也 在 一 星期 之前 早就 期 前 分組 運作 許久 確保 疫情 期間 之 公務 運作 讓 警 政 服務 不 中斷</t>
  </si>
  <si>
    <t>國產 疫苗 有望 在 暑假 期間 上市 但 未 進入 第 三期 臨床實驗 其 保護 力 引起 國人 擔憂 臺北市議員 羅智強 直言 我們 拒 當 國際 孤兒 並 指 錯誤 的 政策 不僅 比 貪污 可怕 蔡 政府 疫苗 政策 失 能 難怪 外 媒 會 批 臺灣 防疫 吹牛 破 功 他</t>
  </si>
  <si>
    <t>國產 疫苗 有望 在 暑假 期間 上市 但 未 進入 第 三期 臨床實驗 其 保護 力 引起 國人 擔憂 臺北市議員 羅智強 直言 我們 拒 當 國際 孤兒 並 指 錯誤 的 政策 不僅 比 貪污 可怕 蔡 政府 疫苗 政策 失 能 難怪 外 媒 會 批 臺灣 防疫 吹牛 破 功 他 還 指出 一些 打 國產 疫苗 會 出現 的 問題 質疑 蔡英文 你 還 要 繼續 擋 國際 疫苗 嗎 羅智強 今 14 日 在 臉書上 表示 蔡英文 我們 拒 當 國際 孤兒 並 指出 美國 fda 日前 宣佈 對於 尚未 提出 申請 的 疫苗 將 不再 發給 緊急 使用 授權 臺灣 國產 疫苗 都 尚未 進入 臨床 3 期 更 不 符合 fda 的 規定 勢必 無法 取得 美國 緊急 使用 授權 也 難 獲得 歐盟 與 who 的 認證 羅智強 發現 有 民 調 顯示 近 7 成 民眾 不 願意 施打 未獲 國際 認證 的 疫苗 蔡 政府 卻 執意 押 寶 保護 力 不 明 的 國產 疫苗 本土 疫苗 產業 固然 重要 但 也 不能 把 全民 當作 白 老鼠 羅智強 指出 各國 將 啟動 疫苗護照 本土 疫苗 必須 取得 國際 認證 但 連衛福 部長 陳時中 也 坦言 打 國產 疫苗 有 不 被 認證 的 風險 政府 大力 扶植 國產 疫苗 並以 高於 國際 疫苗 8 倍 的 價格 採購 但 結果 竟 可能 是 民眾 打 了 出 不了 國 疫苗 也 難 打 進 全球 市場 臺灣 淪為 國際 孤兒 錯誤 的 政策 比 貪污 可怕 羅智強 直言 蔡 政府 疫苗 政策 失 能 難怪 時代 雜誌 批 臺灣 防疫 吹牛 破 功 國產 疫苗 難 被 國際 認證 蔡 政府 的 施政 無能 倒 是 先 被 國際 認證 蔡英文 你 還 要 繼續 擋 國際 疫苗 嗎</t>
  </si>
  <si>
    <t>振興 三 倍 券 即將 登場 7 月 1 日 起 開放 預購 15 日 發放 不過 資深 媒體 人 陳鳳馨 表示 三 倍 券 預購 和 使用 方式 一定 會 引發 新 一 波 的 民怨 問題 對此 民進黨 臺北市議員 梁 文傑 贊成 陳鳳馨 觀點 直言 從 一 開始 認為 發現 金就好 了</t>
  </si>
  <si>
    <t>振興 三 倍 券 即將 登場 7 月 1 日 起 開放 預購 15 日 發放 不過 資深 媒體 人 陳鳳馨 表示 三 倍 券 預購 和 使用 方式 一定 會 引發 新 一 波 的 民怨 問題 對此 民進黨 臺北市議員 梁 文傑 贊成 陳鳳馨 觀點 直言 從 一 開始 認為 發現 金就好 了 因為 三 倍 券 真的 太 麻煩 了 陳 鳳馨 在 政論 節目 鄉民 來 沖 康 中 表示 三 倍 券 一定 會 引發 民怨 因為 只 要 一 排隊 就是 民怨 未來 兩 個 禮拜 她 要 告訴 各位 看起來 都 是 大熱天 光是 民眾 在 大熱天 排隊 就 會 引發 民怨 陳 鳳馨 再 表示 當然 可以 去 便利商店 領取 但是 有些 地方 是 偏遠地區 那些 居民 要 如 何領 這 也 會 引發 另 一 波 民怨 陳 鳳馨 強調 接 著 接下來 的 民怨 就 是 會 爆發 消費 糾紛 就 是 商家 要 不 要 找零 這 件 事情 會 引發 糾紛 而 這種 糾紛 不 用 多 可能 1000 件 裡頭 只要 有 5 件 就是 新聞 很多 消費者 糾結 的 點 就 是 為何 這家 可 找零 那間 不能 找零 還有 退貨 問題 三 倍 券 引發 的 政策 上面 的 陷阱 真得 非常 多 對此 一起 同台 的 梁 文傑 表示 他 從 一 開始 就 認為 發現 金就好 了 因為 真的 太 麻煩 了 他 也 同意 鳳馨 的 觀點 接下 一定 有 些 新聞 是 跟 三 倍 券 相關 但 既然 政策 已經 到 這樣 了 那 就 繼續 做 下去 他 也 認為 臺灣 人民 其實 在 這 段 時間 不是 沒有 錢 消費 而是 不敢 消費 隨 著 疫情 的 解封 全 臺灣 餐廳 還 是 火車 等 都 是 爆滿 在 這種 情況 下 有 沒有 振興 券 其實 意義 不大 了</t>
  </si>
  <si>
    <t>針對 新冠肺炎 疫情 資深 媒體 人 趙 少康 10 日 在 政論 節目 中 表示 蔡英文 政府 防疫 是 靠 運氣 好 引發 爭議 對此 臺北市議員 羅智強 認為 趙 少康 運氣 說 不 等於 否定 民進黨 的 防疫 成績 邏輯 上 運氣 好 和 防疫 好 是 可</t>
  </si>
  <si>
    <t>針對 新冠肺炎 疫情 資深 媒體 人 趙 少康 10 日 在 政論 節目 中 表示 蔡英文 政府 防疫 是 靠 運氣 好 引發 爭議 對此 臺北市議員 羅智強 認為 趙 少康 運氣 說 不 等於 否定 民進黨 的 防疫 成績 邏輯 上 運氣 好 和 防疫 好 是 可 同時 存在 他 也 直言 綠 營 有 需要 那麼 玻璃 心 嗎 羅智強 在 臉書 指出 他 認為 蔡英文 政府 努力 防疫 值得 肯定 但 趙 少康 提出 運氣 說 卻 被 綠 營 全面 圍剿 彷 佛 十惡不赦 羅 提及 支持 防疫 不 等於 只 能 說 政府 好話 不 可以 監督 政府 更何況 趙 少康 運氣 說 並不等於 否定 民進黨 的 防疫 成績 因為 邏輯 上 運氣 好 和 防疫 好 是 可以 同時 存在 的 羅智強 提及 趙 少康 運氣 說 是 指 兩岸關係 低迷 對岸 禁止 自由 行 並 大 減 團 客 否則 照過去 成千上萬 陸客 在 台 趴 趴 走 防疫 豈 不 更 困難 防疫 啟動 的 第一時間 就 提前 送返 來 台 觀光 的 武漢 陸客團 其二 是 臺灣人 一般 不在 大陸 醫院 看診 也 減少 院內 感染 的 機 率 這樣 的 論據 綠 營 有 需要 那麼 玻璃 心 嗎 羅智強 諷刺 表示 還 是 因為 蔡英文 嬴 太 大 所以 臺灣 要 重返 國民黨 威權 時代 的 一言堂 他 說 現在 的 民主 已 容不下 半 分 異音 了 嗎 羅文末 表示 他 肯定 蔡英文 的 防疫 會 被 藍營 罵 幫 趙 少康 說話 又 會 被 綠 營 剿 被 罵 被 剿 就 被 罵 被 剿 吧</t>
  </si>
  <si>
    <t>美國 20 日 宣佈 從 11 月 起 解除 旅遊 禁令 但 外籍 旅客 須 出示 莫德納 bnt 或 嬌 生 疫苗 等 三 款 疫苗 的 完整 接種 證明 才可 入境 已 打 高端 的 綠 委 高嘉瑜 為 此 22 日 在 立院 提出 質疑 打 高端 的 民眾 可能 無法 出國 怎 解決 衛福 部長 陳時中 則 表示 世界 不是 只 有 美國 對此 國民黨 臺北市議員 游淑慧 直言 更 可怕 的 還 在 未來 如果 其他 國家 也 採用 美國 標準 那 要 怎麼辦 遊 淑 慧 先前 針對 外 媒 報導 美國 宣佈 的 上述 旅遊 新 規定 曾 發文 質疑 高端 屆時 能 獲得 美方 認證 嗎 否則 打 高端者 恐無 法 赴美 她 昨 22 日 再度 在 臉書 發文 表示 陳時中 當天 面對 記者 的 相關 詢問 時 自我 解讀 美方 兩劑 疫苗 入境 的 新 政策 是 針對 部分 國家 臺灣 不受 影響 而 部長 定調 後 1450 也 就 開始 蹦蹦跳 譏笑 她 不 懂 英文 錯誤 解讀 遊 淑 慧 稱 自己 原本 想 po 出 路透社 cnn 等外 媒 報導 後來 想想 反正 11 月 就 知道 了 自己 也 希望 衛福部 能 為 臺灣 民眾 爭取 到 不受 新 政策 影響 遊 淑 慧 直言 自己 從來沒 想 過 她 的 英文 閱讀 會 比 一個 部長 好 但 她 知道 不是 陳 時 中看 不 懂 美方 的 意思 而是 陳 不 想 面對 所以 自欺欺人 遊 強調 11 月 就 知道 了 高端跟 美國 疫苗 到底 是 同父異母 還是 攀親 帶 故 面對 吧 誠實 吧 解決 吧 我 也 希望 施打 高端 民眾 的 權益 不要 因 此 受損 另外 對於 陳時中 昨 在 立院 面對 相關 質詢 時 竟 稱 世界 也 不是 只 有 美國 遊 淑 慧 擔憂 所以 更 可怕 還 在 未來 將來 其他 各國 如果 也 採取 跟 美國 同樣 的 旅遊 標準 她 要 問 陳時中 要 怎麼辦</t>
  </si>
  <si>
    <t>北市 副 市長 蔡炳坤 18 日 指出 北市 13 天開 了 47萬 劑 的 醫療 量 能 中央 卻 強開 60萬 個 預約 量 進來 導致 分配 不均 他 19 日 再 轟 中央 為 搶快 會 導致 地方 醫療 量 能 爆 掉 造成 民怨 有 何 好處 既然 沒 體諒 地方 責任 都 丟 給 地方 那 中央 就 自己 來 打 蔡炳坤 說 中央 開 太 多 人 預約 進來 以為 就 沒 事 了 但 卻 造成 北市 醫院 的 醫療 量 能 會 吃不消 比如 一個 診所 一 天 只 可 打 100 劑 卻 要 診所 打到 200 劑 呼籲 中央 不能 為了 搶快 要 打 好 打 穩 現在 重點 已不 是 給 的 疫苗 多少 夠不夠 是 量 能 會 爆 掉 蔡炳坤 說 中央 這 波 開 那麼 大 的 量 後續 有 沒有 想 過 該 怎 辦 打 疫苗 要 有 計 畫 性 如今 造成 民怨 對 中央 有 何 好處 民眾 預約 不到 責任 都 丟 給 地方 那 既然如此 中央 就 自己 來 打 來 處理 中央 都 沒 體諒 地方 現在 az 第 2 劑 預約 才 幾 小時 又 滿 了 北市 下午 4 時會 加開 1萬7800 劑量 沒 預約 到 的 民眾 26 日 那波 還 再 準備 7萬8000 劑量 針對 北市議員 林穎孟 直言 若 量 能 不夠 應 考慮 開設 市長 柯文哲 原本 承諾 的 其他 3 個 大型 接種 站 如 和平 籃球館 臺北 體育館 小 巨蛋 蔡炳坤 回應 和平 籃球館 臺北 體育館 小 巨蛋 那些 場館 已 在 使用 中 不能 突然 下令 不能 使用 拿 出來 打 疫苗 市府 也 都 有 考量 到 交通 及 接種 年齡 疫苗 種類 配置 的 問題</t>
  </si>
  <si>
    <t>本土 疫情 大 爆發 新北 市 市長 侯友宜 積極 又 鐵腕 的 作風 成全台 矚目 焦點 短 時間 內 竄升 成 藍 營 新希望 桃園 市議員 謝美英 表示 從 衛福部 部長 陳時中 與 民進黨立委 羅致 政 的 言語 就 可見 民進黨 帶 風向 轉移 焦點 的 能力 對</t>
  </si>
  <si>
    <t>本土 疫情 大 爆發 新北 市 市長 侯友宜 積極 又 鐵腕 的 作風 成全台 矚目 焦點 短 時間 內 竄升 成 藍 營 新希望 桃園 市議員 謝美英 表示 從 衛福部 部長 陳時中 與 民進黨立委 羅致 政 的 言語 就 可見 民進黨 帶 風向 轉移 焦點 的 能力 對待 政敵 絕不會 手軟 疫情 過後 侯 能否 如此 神勇 就 必須 看 侯 能否 挺 過 這 關 謝美英 21 日 接受 香港媒體 中 評 社 訪問 表示 雙北 疫情 大 爆發 侯友宜 率先 喊 出 該 封城 就 封城 准 第 四級 警戒 部署 建 方 艙 醫院 霸氣 的 表現 讓 藍營 看見 希望 陳時中 則 表示 尚無 升 第 四級 必要 羅致 政 甚至 不 客氣 質疑 新北 市 過去 一 年 到底 超前 部署 了 什麼 侯 是 瞎 忙 還是 裝 忙 綠 營 的 言論 點燃 政治 煙硝 謝美英 直言 防疫 等同 作戰 這次 本土 疫情 大 作戰 可以 視 為 2024 的 前哨戰 現在 政壇 有 幾 支 紅牌 像是 侯友宜 臺北市 市長 柯文哲 桃園 市 市長 鄭文燦 等 人 鄭 礙於 身為 執政黨 一員 很多 疫情 政策 也 只能 護航 侯 柯兩人 則 擁有 更 多 發揮 的 空間 她 觀察 目前 政壇 侯 的 戰鬥力 最 強 侯提 的 建議 就 看 陳時中 怎麼 接 招 一方面 地方 領導 中央 是 陳所 不樂 見 的 一方面 陳未來 會 不 會 選 臺北市 或 新北 市長 也 是 值得 思考 的 事 面對 侯友宜 聲勢 看漲 謝美英 警告 國民黨 不要 因為 看到 侯 這個 新希望 新 寄 讬 就 忘記 民進黨 擁有 執政 優勢 他們 很 有 辦法 很 懂 媒體 操作 轉移 焦點 功力 深厚 先帶 風向 轉移 接 著 整個 覆蓋 然後 塗抹 掉 選民 記憶 這 是 慣用手法 像 現在 大家 緊 盯 疫情 缺水 停電 跟 三階 就 都 淡忘 了 此外 藍營 內部 尚有 蠢蠢欲動 者 因此 除了 防 外 黨內 也 須 謹慎 以 對</t>
  </si>
  <si>
    <t>臺灣 捐贈 委內瑞拉 1千 個 口罩 上面 印有 我國 國旗 還用 英文 寫 著 臺灣 可以 幫忙 的 字樣 外號 村長 的 桃園 市議員 詹 江村 對此 酸 說 用 自己 錢捐 口罩 的 藝人 被 罵 慘 用 我們 稅金 捐 口罩 就 叫做 外交 詹 江村 在 臉書 貼 文 質疑</t>
  </si>
  <si>
    <t>臺灣 捐贈 委內瑞拉 1千 個 口罩 上面 印有 我國 國旗 還用 英文 寫 著 臺灣 可以 幫忙 的 字樣 外號 村長 的 桃園 市議員 詹 江村 對此 酸 說 用 自己 錢捐 口罩 的 藝人 被 罵 慘 用 我們 稅金 捐 口罩 就 叫做 外交 詹 江村 在 臉書 貼 文 質疑 臺灣 疫情 穩定 了 嗎 竟然 可以 大量 的 口罩 援助 其他 國家 不是 說好 臺灣 優先 嗎 不是 說 青 吃 都 不夠 還 能 曬 幹 嗎 用 自己 錢捐 口罩 的 藝人 被 罵 到 狗血淋頭 用 我們 稅金 捐 口罩 就 叫做 外交 詹 江村 還 不滿 說 817 就 會 凹 被 戳 破 了 就 惱羞成怒 就 說 2024 讓 國民黨 再 輸 一 次 這 番 說詞 他 耳朵 都 聽 到 長 繭 了 網友 紛紛 回應 為什麼 你 講話 都 可以 這麼 中肯 村長 罵 得 好 他們 就 是 所謂 的 民進黨 呀 不 意外 病例 一直 爆發 已經 138 例 還 有能力 捐 口罩 那 每天 排隊 領 口罩 領 3 片 的 人 真 的 都 像 傻瓜 一樣 我國 贈與 巴拉圭 口罩 引發 部分 網批評 出口 援 贈 巴拉圭 口罩 外交部 今 嚴正 澄清 表示 此 批 口罩 是 在 當地 所 採購 非 由 國內 出口 另外 也 提供 款項 給 另 一 友邦 委內瑞拉 購買 口罩 及 酒精 等 防疫 物品</t>
  </si>
  <si>
    <t>嚴防 delta 入侵 校園 北市議員 籲 入校 施 打的 bnt 殘 劑 應 留給 校內 人士 接種</t>
  </si>
  <si>
    <t>臺北市 22 日 起 將 入校 為 12 歲 至 17 歲 的 青少年 施打 bnt 疫苗 國民黨 北市議員 王欣儀 批評 後續 可能 產生 的 疫苗 殘 劑 仍 無 解方 目前 僅 知會 一律 帶回 醫院 但 途中 若 有 差錯 恐 導致 失效 不如 就地 在校 園內 讓 未 接種 疫苗 的</t>
  </si>
  <si>
    <t>臺北市 22 日 起 將 入校 為 12 歲 至 17 歲 的 青少年 施打 bnt 疫苗 國民黨 北市議員 王欣儀 批評 後續 可能 產生 的 疫苗 殘 劑 仍 無 解方 目前 僅 知會 一律 帶回 醫院 但 途中 若 有 差錯 恐 導致 失效 不如 就地 在校 園內 讓 未 接種 疫苗 的 教職員 志 工 施打 殘 劑 建立 完整 的 校園 防護 網 王欣儀 指出 疫苗 有 運送 存放 條件 及 時效性 問題 如 在 校內 未 施 打完 的 疫苗 殘 劑 於 帶回 醫院 的 途中 發生 狀況 造成 疫苗 失效 豈 不 浪費 相關 問題 和 責任 又 由誰來 承擔 因此 她 認為 入校 接種 疫苗 後 產生 為數 極 少 的 殘 劑 應 直接 在校 園內 運用 掉 才能 確保 疫苗 安全 不會 浪費 王欣儀 認為 delta 病毒 已 入侵 新北 幼稚園 並 波及 北市 學校 即便 教師 施打 疫苗 也 有 染疫 傳染 風險 何況 現在 仍 有 部 份 教師 因 身體狀況 或 醫囑 規定 無法 接種 az 疫苗 也 有 許多 必須 入校 協助 校園 防疫 站 在 第一線 的 志 工 因 未獲 造冊 安排 至今 仍 在 苦 等 第一 劑 疫苗 因此 大家 無不 關心 bnt 殘 劑 未來 可 如何 運用 王欣儀 要求 北 市府 應盡 速 向 中央 爭取 入校 接種 bnt 疫苗 之 少量 殘 劑 可 直接 運用 於校 園內 並 訂 定 公開 透明 清楚 的 sop 處理 流程 及 造冊 的 優先 順序 讓 各 校 有所 依循 讓 全體 教職員工 志 工 們 也 能 有 機會 接種 疫苗 將 校園 防疫 漏洞 補 起來 建立 完整 的 防護 網</t>
  </si>
  <si>
    <t>全國 進入 三級 警戒 新北 市議員 劉美芳 今 21 日 提出 政府 持續 宣導 民眾 待 在 家中 抗 疫 衍生 學童 停課 防疫 照顧 假 不 強制 雇主 支 薪 攤 商 夜市 暫停營業 政府 列管 特殊 行業 停業 等 問題 民眾 的 經濟 面 受 衝擊 她 建議 行政院 疫情</t>
  </si>
  <si>
    <t>全國 進入 三級 警戒 新北 市議員 劉美芳 今 21 日 提出 政府 持續 宣導 民眾 待 在 家中 抗 疫 衍生 學童 停課 防疫 照顧 假 不 強制 雇主 支 薪 攤 商 夜市 暫停營業 政府 列管 特殊 行業 停業 等 問題 民眾 的 經濟 面 受 衝擊 她 建議 行政院 疫情 期間 每 位 國民 發放 2萬 元 防疫 振興 金 以 2357萬 人口 計算 共 4714億 元 讓 民眾 安心 在家 防疫 劉美芳 表示 行政院 5 月 13 日 院會 通過 嚴重 特殊 傳染性 肺炎 防治 及 紓困 振興 特別 條例 第 11 條 及第 19 條 條文 修正 草案 提高 紓困 振興 特別 預算 上限 至 6300億 元 並 將 特別 條例 期限 延至 2022 年 6 月 30 日 可見 政府 早已 對於 疫情 衝擊 經濟 部分 有所 準備 但 政府 政策 從 規 畫到 執行 總 曠日 廢 時 就 怕 許多 小 老百姓 已經 撐不下去 劉美芳 舉例 美國 今年 3 月 通過 的 紓困 金 方案 多數 美國 人 已 領取 39萬 元 新 台幣 的 紓困 金 因此 她 建議 行政院 在 疫情 期間 每 位 國民 發放 2萬 元 防疫 振興 金 以 安民 心 劉美芳 表示 這 波 疫情 讓 許多 自營商 及 勞工 低收入 族群 無法 滿足 基本 生活 所 需 勢必會 影響 未來 防疫 配合 及 需要 更 嚴重 是 產生 治安 上 的 隱憂 這 是 政府 限 階段 必須 整體 考量 的 事 有 全面 的 配套 政府 做 人民 經濟 上 的 後盾 才 不 會 造成 民眾 過度 恐慌 臺灣 也 才能 通過 這 波 疫情 的 考驗</t>
  </si>
  <si>
    <t>新冠肺炎 衝擊 公園 是 市民 最常 休閒 運動 的 地方 市議員 邱素貞 今天 表示 大 智 公園 有 部分 座椅 木條 已 鬆動 脫落 甚至 鐵釘 外露 潛藏 危機 希望 市府 盡 速 盤點 公園 設施 除 增設 適宜 長青 族 使用 的 體健 設備 外 積極 改善 遊具</t>
  </si>
  <si>
    <t>新冠肺炎 衝擊 公園 是 市民 最常 休閒 運動 的 地方 市議員 邱素貞 今天 表示 大 智 公園 有 部分 座椅 木條 已 鬆動 脫落 甚至 鐵釘 外露 潛藏 危機 希望 市府 盡 速 盤點 公園 設施 除 增設 適宜 長青 族 使用 的 體健 設備 外 積極 改善 游具 安全 品質 造福 更 多 市民 邱素貞 說 新冠 漢 肺炎 疫情 延 燒 為 避免 室內 群 聚 感染 住家 附近 的 公園 成為 許多 民眾 休憩 運動 的 最佳 場所 各項 設施 安全 不容忽視 但有 很多 公園 都已 年老 失修 市府 去年 推動 美 樂地計 畫 改善 舊有 公園 設施 讓 原來 的 公園 遊具 換新 更 安全 希望 讓 市民 多 走 出 戶外 使用 公園 邱素貞 1 日 與 國光 裡長 陳 雅惠 前往 東峰 公園 大 智 公園 實地 瞭解 公園 遊具 設施 與 安全設備 情形 邱素貞 說 東峰 公園 每天 都 吸引 絡繹不絕 的 民眾 前來 運動 其中 長青 族群 占 了 很 大 比例 很多 長輩 反應 適合 他們 使用 的 設施 較 少 只 能 看 著 年輕人 自由自在 的 活動 期盼 也 能 融入 休憩 樂趣 邱素貞 與 陳 雅惠 發現 大 智 公園 內 部分 座椅 木條 已 鬆動 脫落 潛藏 危機 且 座椅 兩旁 未 設置 扶手 不利 長輩 或 行動不便 者 使用 她們 建議 市府 應盡 速 盤點 公園 設施 安全 座椅 應 增設 手把 以利 民眾 坐下 或 起身 讓 座椅 更 便利 安全 市民 能夠 輕鬆自在 地 休閒活動 營造 真正 的 共 融 公園 邱素貞 強調 市府 去年 已 完成 41 座 友善 共 融 公園 今年 要 再 改造 50 座 公園 將 可 帶來 更 美好 的 生活 環境 不過 營造 友善 共 融 公園 絕 不 只 是 口號 而是 要 真正 落實 共 融 理念 在 安全 積極 聰明 的 設計 下 不分 族群 的 市民 都 可以 歡樂 共 融 使用</t>
  </si>
  <si>
    <t>基隆 市 累計 301 例 確診 個案 21 人 死亡 其中 衛生 福利 機構 群 聚 案 占 58 人 11 人 病逝 市議員 王醒之 認為 養護 機構 占 比高 是 另 類 的 高 確診 率 超高 死亡率 超高 致死 率 要求 市府 檢討 對此 衛生局 表示 第一 起 案例 爆發 時</t>
  </si>
  <si>
    <t>基隆 市 累計 301 例 確診 個案 21 人 死亡 其中 衛生 福利 機構 群 聚 案 占 58 人 11 人 病逝 市議員 王醒之 認為 養護 機構 占 比高 是 另 類 的 高 確診 率 超高 死亡率 超高 致死 率 要求 市府 檢討 對此 衛生局 表示 第一 起 案例 爆發 時 已 請 中央 給予 建議 持續 監控 並 坦言 逸 嘉 養護中心 群 聚 案 不好 處理 王 醒 之 表示 基隆 301 例 確診 其中 洗 腎 護理 之家 養護 之家 相關 確診 案 共 58 例 占 1926 最 嚴重 的 是 逸 嘉 養護中心 已 有 31 人 染疫 他 提及 逸 嘉 6 月 3 日 爆發 第 1 例 到 6 月 12 日 累計 13 例 卻 只 實施 降 載 計 畫 直到 端午 連 假 過 後 6 月 15 日 才 執行 清 艙 作業 移出 所有 住 民 住 進 防疫 旅館 王 醒 之 質疑 中間 延誤 了 13 天 究竟 是 誤判 還是 市府 找 不 到 集中 收治 場所 他 說 關鍵 不在 病毒 狡猾 或 3 天 執行 1 次 pcr 篩檢 更 不是 中央 接管指導 等 而是 在 養護 機構 洗 腎 中心 爆發 第 1 例 開始 至今 不僅 高 確診 率 更 有 超高 死亡率 超高 致死 率 的 現象 要求 相關 單位 檢討 對此 衛生局長 吳 澤 誠 回應 指出 養護 機構 第一 例 確診 出現 時 立即 請 中央 防疫 醫師 給予 指導 並 實施 提高 防護 裝備 落實 分 艙 分流 等 防疫 措施 並 要求 所有 洗 腎 診所 和 養護 機構 比照辦理 他 說 逸 嘉 群 聚 案 相較 不好 處理 感染 源 來自 洗 腎 診所 也 只 有 一個 樓層 因此 只 能 將 住 民 帶到 防疫 旅館 分流 一 人 一 室 吳 澤 誠 說 養護 機構 群 聚 案件 中 仁愛 護理 之家 已 解除 隔離 安泰 護理 之家 則 是 將 紅區 住 民 移 到 醫院 其 餘 最 慢 今天 解 隔離 至於 逸 嘉 已 有 8 綠區 住 民 返回 中心 他 進一步 提及 基隆 致死 率 高具潛 在 因數 死亡 年齡 平均 78 歲 ct 值 19 上下 代表 病逝 者 處於 高度 感染期 防疫 單位 也 進一步 針對 13 人 進行 抗體 檢測 有 12 人 治療 後 還 是 無法 產生 抗體 其中 多 為 慢性病 患 年齡 高者</t>
  </si>
  <si>
    <t>新冠肺炎 疫情 延 燒 臺北市政府 30 日 將 舉行 內部 封城兵 推 市議員 許淑華 提醒 市民 不 要 恐慌 搶購 物資 一窩蜂 採購 會 造成 防疫 破 口 她 也 建議 大家 參考 信義 區 三兩 事 臉書 社團 發起 的 採買 時段 分流 以 住家 門牌號碼 為 基準</t>
  </si>
  <si>
    <t>新冠肺炎 疫情 延 燒 臺北市政府 30 日 將 舉行 內部 封城兵 推 市議員 許淑華 提醒 市民 不 要 恐慌 搶購 物資 一窩蜂 採購 會 造成 防疫 破 口 她 也 建議 大家 參考 信義 區 三兩 事 臉書 社團 發起 的 採買 時段 分流 以 住家 門牌號碼 為 基準 分流 採購 避開 彼此 採買 時段 減少 群 聚 風險 臺北市政府 今 將 進行 內部 四級 警戒 封 城兵 推演 臉 許淑華 指出 日前 消息 一 出讓 民眾 嚇壞 了 大批 市民 到 傳統 市場 大 賣 場 採購 物資 她 要 拜 讬 大家 別 搶購 不要 恐慌 一窩蜂 採購 會 造成 更 大 防疫 破 口 許淑 華表 示 封城兵 推 觸動 市民 敏感 神經 緊張 的 情緒 可以 理解 她 要求 市府 盡 速 研 議 配套措施 不 要 讓 民眾 因 恐慌 擠爆 市場 和 大 賣 場 她 建議 市民 可以 參考 信義 區 在 臉書 成立 的 信義 區 三兩 事 社團 自主 發起 採買 時段 分流 法 以 住家 門牌號碼 為 基準 分流 採購 能夠 避開 彼此 的 採買 時段 減少 群 聚 風險讓 購物 更 安心 許淑華 說 按 門牌 樓層 分組 單數 門牌 週一 三五 日 上午 雙數 門 排 週二 四六 日 下午 單數 樓層 采 奇數 時段 出門 雙數 樓層 采 偶數 時段 出門 另外 出 門前 也 可以 先 看 一下 目的地 google map 人流 資訊 再 評估 何時 出門</t>
  </si>
  <si>
    <t>三峽 恩 主公 醫院 因 醫療 作業 疏失 將 未 稀釋 的 原液 疫苗 bnt 誤認 是 殘 劑 疫苗 原本 可 供 150 人 施 打的 疫苗 變成 25 人 施打 其中 一 人 就 是 新北 市議員 林金 結 54 歲 大嫂 林金 結 侄子 林喬豐 今 表示 媽媽 本身 有 心臟 病史 昨 早 打完 疫苗 無</t>
  </si>
  <si>
    <t>三峽 恩 主公 醫院 因 醫療 作業 疏失 將 未 稀釋 的 原液 疫苗 bnt 誤認 是 殘 劑 疫苗 原本 可 供 150 人 施 打的 疫苗 變成 25 人 施打 其中 一 人 就 是 新北 市議員 林金 結 54 歲 大嫂 林金 結 侄子 林喬豐 今 表示 媽媽 本身 有 心臟 病史 昨 早 打完 疫苗 無 不適 下午 反應 有點 胸 悶 頭暈 收到 恩 主公 醫院 通知 後 昨晚 8 時 30 分到 恩 主公 醫院 觀察 住院 目前 在 醫院 觀察 中 因 打點滴 反應 頭暈 想 睡 醫院 確實 有 點 誇張 林 喬豐 說 家人 都 很 擔心 媽媽 昨天 住院 前 也 很 緊張 邊 講話 手邊 發抖 感覺 已經 在 交代 後事 這 明顯 是 人為 疏失 因為 有 問題 的 都 單號 視窗 雙號 沒事 因 媽媽 有 心臟 病史 怕 打到 未 稀釋 疫苗 藥效 發作 後 副作用 會 比較 強大 院方 說 要 住院 觀察 2 到 3 天 林 喬豐 說 希望 未來 醫院 要 再 細心 注意 他 及 媽媽 不 會 向 醫院 求償 人 平安 健康 就 好 新北 市議員 林金 結 表示 昨天 大哥 打電話 給 我 大嫂 昨 早 在 鶯歌 永 福宮 接種 btn 疫苗 後來 接到 恩 主公 醫院 打電話 要 大嫂 住院 他 原 以為 是 詐騙 集團 後來 才知 大嫂 打到 未 稀釋 疫苗</t>
  </si>
  <si>
    <t>對於 目前 臺灣 疫情 面臨 嚴峻 的 局面 國民黨 臺北市議員 王鴻薇 翻出 民進黨立委 範雲 在 去年 3 月 間 還 主張 拍攝 抗 疫 成功 的 紀錄片 王鴻薇 爆 氣 說 目前 局面 就 是 施 壓 3 11 的 範雲 造成 的 團結 防疫 不 代表 忘記 範雲 的 責任 提名 範雲 的</t>
  </si>
  <si>
    <t>對於 目前 臺灣 疫情 面臨 嚴峻 的 局面 國民黨 臺北市議員 王鴻薇 翻出 民進黨立委 範雲 在 去年 3 月 間 還 主張 拍攝 抗 疫 成功 的 紀錄片 王鴻薇 爆 氣 說 目前 局面 就 是 施 壓 3 11 的 範雲 造成 的 團結 防疫 不 代表 忘記 範雲 的 責任 提名 範雲 的 民進黨 也 不 要 再 裝 睡 裝 死 範雲 去 2020 年 3 月 間 在 立 法院 質詢 文化部長 鄭麗君 時 表示 全世界 媒體 都 在 報導 我們 我們 有 沒有 可能 主動出擊 譬如說 我們 之後 能 有 一個 影像 紀錄片 或 電影 變成 是 臺灣 的 獨立 戰役 當時 引發 網友 質疑 時間 點 洽 當 嗎 不少 網友 跑 到 範雲 臉書 留言 認為 還 在 防疫期間 這樣 做 似乎 有 點 超過 了 國民黨 立 委 林為洲 當時 也 表示 時間 點 應該 還 沒到 防疫 第二 波 高峰 才剛 開始 要 拍 也 是 等 防疫 告一段落 這時候 不要 歌功頌德 範雲 當時 也 回應 不用 擔心 歌功頌德 的 事情 吧 因為 立法委員 是 代表 民間 力量 才來 做此 呼籲 國民黨 臺北市議員 王鴻薇 今 17 日 在 臉書 痛 批 目前 疫情 面臨 嚴峻 的 局面 到底 是 誰 造成 的 就是 施 壓 3 11 的 大 立 委 範雲 還有 指揮中心 扛不住 綠 委 壓力 的 錯誤 決策 王鴻薇 強調 團結 防疫 不 代表 忘記 範雲 的 責任 提名 範雲 的 民進黨 也 不 要 再 裝 睡 裝 死 王 鴻 薇 怒 稱 雖說 在 疫情 延 燒 之際 防疫 是 第一 要務 但 看 到 去年 範雲 主張 拍攝 抗 疫 成功 紀錄片 的 質詢 還是 忍不住 爆 氣</t>
  </si>
  <si>
    <t>台中 市議員 施志昌 表示 顏清標 董事長 將 此次 所 節省下來 的 費用 包含 遊覽車 餐 食 住宿 等 捐贈 新 台幣 三千萬 元 給 疫情 指揮中心 並且 要求 衛福部 給 全台 統一 停辦 宮廟 活動 的 標準 這 等 於 把 自身 的 難題 與 輿論壓力 試圖 丟 還給</t>
  </si>
  <si>
    <t>台中 市議員 施志昌 表示 顏清標 董事長 將 此次 所 節省下來 的 費用 包含 遊覽車 餐 食 住宿 等 捐贈 新 台幣 三千萬 元 給 疫情 指揮中心 並且 要求 衛福部 給 全台 統一 停辦 宮廟 活動 的 標準 這 等 於 把 自身 的 難題 與 輿論壓力 試圖 丟 還給 中央 其實 這 可以 看出 其實 鎮 瀾 宮 一直 沒有 將 停辦 放在 討論 專案 中 而是 用盡 各種 方式 排解 異議 民政局 表示 關於 防疫期間 宗教 活動 中央 將 召集 相關 宮廟 代表 開會討論 後續 市府 民政局 也 會 配合 協助 施志昌 指出 執意 要 舉辦 大甲 媽 繞 境 進香 活動 不僅 帶 給 台中市政府 防疫 的 壓力 而是 中南部 縣 市 都 要 警覺 此 活動 是否 可能 成為 防疫 的 黑 天鵝 活動 仍 繼續 舉辦 鎮 瀾 宮 轄下 各個 團體 如 神 轎 班 機車 團 哨 角 隊 等等 要 建立 防疫 的 sop 如 繞 境 名冊 要 建立 按時 量 體溫 全程 配戴 口罩 以及 發現 發燒 個案 時 該 如何 處理 等等 之 相關 流程 施志昌 表示 其實 這項 活動 帶 給 防疫 的 最 大 挑戰 就是 流動 的 香客 不 只 是 來自 全台 各地 更 可能 是 其他 國家 的 旅客 也 來 參與 當中 只要 有 一 例 武漢肺炎 個案 就 可能 發生 大規模 的 感染 造成 社會 必須 付出 更 大 的 成本 善後 施志昌 強調 過去 可 看到 盧秀燕 市長 透過 中部 七 縣 市 治理 平臺 做 過 各種 政治 操作 此次 台中市政府 皮 要 繃 緊 將 中區 治理 平臺 真正 的 功能 發揮出來 不論是 與 鎮 瀾 宮 溝通 或是 活動 過程 中的 防疫 工作 都 要 努力 落實 嚴防 活動 成為 防疫 最 大破 口</t>
  </si>
  <si>
    <t>新北 市政府 宣佈 板橋 區 新埔 國小 預防 性 停課 3 天 新北 市議員 劉美芳 今 8 日 與 新埔 國小 家長會 長 高玉素 表達 支持 讓 疫情 遠離 校園 劉美芳 表示 這 一 波 的 疫情 來 洶洶 甚至 有 delta 入侵 的 疑慮 顯示 開學 季 的 開始 就 有 病毒</t>
  </si>
  <si>
    <t>新北 市政府 宣佈 板橋 區 新埔 國小 預防 性 停課 3 天 新北 市議員 劉美芳 今 8 日 與 新埔 國小 家長會 長 高玉素 表達 支持 讓 疫情 遠離 校園 劉美芳 表示 這 一 波 的 疫情 來 洶洶 甚至 有 delta 入侵 的 疑慮 顯示 開學 季 的 開始 就 有 病毒 進入 校園 的 疑慮 希望 中央 及 新北 市政府 能 研議 學生 防疫 的 守則 並且 在 這 一 次 的 停課 當中 能 全力 的 清 消 校園 讓 病毒 遠離 學校 遠離 孩童 高玉素 說 這次 臨時 停課 家長會 全力 配合 市府 及 學校 的 安排 在 防疫 相關 宣導 上 家長會 也 會 來 配合 宣傳 希望 在 家長 及 學童 的 配合 之下 能 讓 疫情 順利 的 中止 並且 趕快 恢復 讓 學生 正常 的 上學 2 人 共同 表示 身為 家長 的 她們 都 能 感受 到 停課 帶來 的 不便 及 困擾 但 畢竟 健康 安全 是 第一 希望 大家 都 能 平安 而 新北 市 能 趕緊 回到 繁榮 日常</t>
  </si>
  <si>
    <t>綠 營 議員 連署 召開 臨時 會 要求 高雄 市長 進 議會 報告 防疫 政策 及 紓困 措施 然而 海軍 敦睦 艦隊 群 聚 感染 高雄 防疫 風險 升溫 議員 態度 出現 轉折 有人 認為 應 如期 開 臨時 會 有人 認為 可 轉 視 訊 質詢 也 有人 建議 臨時 會 取消 5 月 15 日 直接 開 定期 會 22 日 臨時 會 確認 議事日程 表 如何 決定 恐怕 還 有 變數 民進黨 時代 力量 台聯 等高 市議員 日前 連署 要求 召開 臨時 會 針對 防疫 措施 及 紓困 方案 要 市長 韓國瑜 進 議會 報告 議會 程式 委員會 通過 22 日 至 24 日 開會 3 天 且 韓國瑜 必須 列席 報告 然而 海軍 群 聚 染疫 有 300 多 位 官兵 設 籍 高雄 市府 近日 忙於 疫 調 並 陸續 公佈 確診 個案 行經 的 賣 場 旅館 餐廳 等 公共場所 要 求業 者 閉館 配合 消毒 據 瞭解 議會 對 開 臨時 會 的 看法 已 有 所 變化 一 名 國民黨 議員 透露 包括 國民 黨團 及 無黨籍 議員 在 高雄 疫情 升溫 後 認為 22日 上午 臨時 會 開議 在 確認 議事日程 錄 時 應 提案 討論 方向 包括 取消 臨時 會 直接 改 為 5 月 15 日 召開 定期 大會 或 改為 視 訊 詢 答 確保 防疫 安全 但 最後 結果 如何 仍 須經 由 全體 議員 表決 高 市府 多次 表示 向 議會 報告 是 市府 職責 市長 韓國瑜 已經 準備 好 了 隨時 可到 議會 報告 22 日 臨時 會 上午 9 點 前 韓國瑜 也 確定 會 到 議會 至於 如何 開會 完全 尊重 議會 決定</t>
  </si>
  <si>
    <t>cba 球星 林書豪 對 新冠肺炎 疫情 發表 心聲 呼籲 起身 對抗 種族歧視 更為 亞裔 身分 感到 驕傲 但因 他 使用 新冠 病毒 及 在 大陸 參加 職 籃 運動 便 引來 部分 網友 灌 爆 他 的 臉書 指責 人民幣 的 味道 你 慢慢 奶 啦 武漢肺炎 就 是 武漢肺炎 等等 見到 這 網路 霸 淩 北市議員 羅智強 怒 批 1450 丟 盡 臺灣人 的 臉 羅智強 在 臉書 表示 現在 1450 到處 出征 所有 不 稱 武漢肺炎 的 人 從 釋昭慧 法師 到 林書豪 都 不放過 真是 丟 盡 所有 臺灣人 的 臉 這麼 愛 出征 民進黨中央 黨 部 的 公告 都 改口 為 新冠肺炎 了 舔 朝廷 的 1450 們 怎麼 不 去 把 卓 榮泰 的 台 拆 了 羅智強 更 點名 王 定宇 民進黨 要 不 要 黨紀處分 卓 榮泰 范世平 你 覺得 卓 榮泰 夠 蠢 嗎 羅智強 指出 這 一切 荒謬 笑話 鬧劇 的 源頭 說穿 了 就 是 蔡英文 堅持 要用 武漢肺炎 全世界 195 個 國家 的 政府 194 都 用 新冠 病毒 只有 偉大 的 蔡英文 政府 世界 唯一 堅持 武漢肺炎 1450 還 可以 囂張 跋扈地 出征 全世界 真是 見鬼 了 的 丟 盡 臺灣人 的 臉 羅智強 並 貼出 丟臉 兩 字 底色 大 綠 的 貼 圖 暗喻 民進黨 的 1450 丟 盡 臺灣人 的 臉</t>
  </si>
  <si>
    <t>市議員 籲 台中 近 10萬 移 工 應 整合 快 篩 市府 神岡 豐洲 已 設置 快 篩 站</t>
  </si>
  <si>
    <t>本土 疫情 嚴峻 外籍 移 工 不能 成為 防疫 破 口 市議員 陳淑華 指出 台中 市 移 工人 數 高達 10 餘 萬 人 為 全台 第二 多 目前 台中 市 只 有 兩 個 工業區 及 中科 園區 在 快 篩 萬一 未 快 篩 工業區 出現 案例 將 容易 失控 市府 強調 台中 還 有 園區 屬</t>
  </si>
  <si>
    <t>本土 疫情 嚴峻 外籍 移 工 不能 成為 防疫 破 口 市議員 陳淑華 指出 台中 市 移 工人 數 高達 10 餘 萬 人 為 全台 第二 多 目前 台中 市 只 有 兩 個 工業區 及 中科 園區 在 快 篩 萬一 未 快 篩 工業區 出現 案例 將 容易 失控 市府 強調 台中 還 有 園區 屬於 經濟部 管轄 經濟部 正 在 籌備 快 篩 作業 中 陳 淑 華表 示 苗栗 爆發 移 工 群 聚 染疫 讓 許多 在 工業區 工作 的 民眾 非常 擔憂 頻頻 詢問 台中市政府 對 工業區 的 防疫 對策 中 市 目前 只 兩 個 工業區 及 中科 園區 在 快 篩 市府 應 將 醫護 及 相關 防疫 人力 及 物資 應 妥善 分配 不能 有 本位主義 讓 各 工業區 自行處理 市府 指出 市府 於 8 日 在 台中 市 主管 的 神岡 豐 洲 及 南屯 精密 兩 產業 園區 設置 快 篩 站 屬於 科技 部 管轄 的 中科 當天 也 同步進行 快 篩 作業 台中 還 有 一些 園區 屬於 經濟部 管轄 經濟部 正 在 籌備 快 篩 作業 中 市府 主政 園區 快 篩 告一段落 後 亦 將 支援 經濟部 確保 台中 的 安全 經 發 局 說 中 市 主管 的 神岡 豐 洲 及 南屯 精密 兩 產業 園區 設置 快 篩 站 接受 園區 內外 廠商 預約 申請 本國 員工 及 國際 移 工 快 篩 8 日 有 5 家業 者 共 75 人 采 檢 檢驗 結果 全部 陰性 昨天 參與 快 篩 廠商 共有 14 家 檢驗 結果 全 為 陰性 經 發 局 強調 今 天神 岡 豐洲 及 南屯 精密 兩 產業 園區 預計 將 有 12 家 廠商 包含 本國 與 移 工 共 310 名 員工 將 進行 快 篩 市府 持續 鼓勵 廠商 預約 快 篩 協助 企業 建立 防護 網 避免 工業區 淪為 防疫 破 口</t>
  </si>
  <si>
    <t>全台 連續 7 天 本土 確診 病例 破百 其中 以 新北 市 累計 895 例 最 多 新北 市議員 張志豪 今 22 日 再度 爆 料 中和 區 一家 9 口 有 5 人 確診 雖 3 人 已經 送醫 但 尚有 許姓 父女 確診 等待 救治 女兒 才年僅 6 歲 他 相當 憂心 防疫 能量 崩解 盼</t>
  </si>
  <si>
    <t>全台 連續 7 天 本土 確診 病例 破百 其中 以 新北 市 累計 895 例 最 多 新北 市議員 張志豪 今 22 日 再度 爆 料 中和 區 一家 9 口 有 5 人 確診 雖 3 人 已經 送醫 但 尚有 許姓 父女 確診 等待 救治 女兒 才年僅 6 歲 他 相當 憂心 防疫 能量 崩解 盼 中央 地方 一起 努力 張志豪 表示 中和 許姓 一家 9 口 日前 61 歲 父親 62 歲 伯父 92 歲 祖母 確診 已 送醫急救 但 其他 6 人 仍 持續 住 於家中 許男 今 22 日 上午 接 獲 疾 管署 電話 通知 他 和 6 歲 女兒 也 確診 目前 急需 送醫 救治 卻 等 不 到 相關 單位 後續 安排 一家 9 口 已 5 人 確診 張志豪 憂心 說 家中 還有 另外 4 名 健康 家人 卻 等 不 到 防疫 旅館 且 市府 21 日 已 徵用 位於 淡水 的 飯店 作為 集中 檢疫 中心 專門 收治 輕 症 無 症狀 患者 更該 盡 速將 確診 者 送 去 檢疫 中心 獲得 更 好 的 救治 及 避免 疫情 再度 擴散 張志豪 表示 目前 防疫 失序 量 能 崩解 市民 苦 等 求援 盼 中央 地方 合力 一切 考驗 市長 智慧 和 決心</t>
  </si>
  <si>
    <t>台中 市 議會 民進黨團 16 日 與 5 大 產業 代表 召開 記者會 黨團 副 書記長 黃守達 說 現在 市府 提 岀 紓困 9 箭 全部 射 歪 特 邀請 商圈 遊覽車 餐廳 旅 宿業 等 5 大 產業 舉行 記者會 建議 市府 應 加緊腳步 做好 配套 才 不 會 到 市府 依然 一場空 市府 強調 各局 處 正 積極 推動 中 協助 業者 度過難關 民進黨 黨團 今天 召開 記者會 邀請 商圈 餐飲 旅 宿 遊覽車 旅行社 等 產業 代表 針對 市府 的 紓困 九 箭 提出 問題 與 建議 民進黨團 強調 地方 的 資源 不比 中央 但 至少 可 以 配合 中央 的 紓困 計 畫 比起 幾 支箭 市府 紓困 應該 要 精准 到位 廣納 產業 意見 不能 先 射箭 再 畫 靶 市議員 邱素貞 表示 新冠肺炎 衝擊 臺灣 經濟 不論 旅遊 住宿 餐廳 會展 商圈 夜市 及 傳統 市場 等 服務業 首當其衝 生意 幾乎 被 打 趴 在 地上 她 要求 市府 應盡 速 提出 具體 可行 紓困 方案 幫 業者 度過難關 王立 任 指出 市府 紓困 竟 無藝 文 界 這 一塊紓困 九 箭 無藝 文 的 補貼 台中 商 圈 聯誼會 總 召 陳瑛 宗 指出 市府 應 確立 紓困 優先 的 原則 市府 的 貸款 協助 僅限於 經過 核定 的 青 創 及 中小企業 貸款 大多數 業者 都 未 能 受惠 目前為止 商 圈 消費 折扣 券 還 沒 跟 各 商圈 充分 討論 也 未能 配合 中央 的 紓困 預算 效果 令 人 懷疑 台中 市 美術 園 道 商圈 主委 蔡炳輝 表示 餐飲業 缺乏 專責 主管機關 更 需要 市府 跨 局 處 的 整合 除 紓困 貸款 外 市府 應 積極 輔導 餐飲業 建立 外帶 與 外 送 機制 配合 居家 檢疫 等 措施 開發 新型 態 的 消費 模式 台中 市 旅館 商業 同業公會 理事長 鄭生昌 說 市府 租稅 減免 措施 限制 太 多 口惠實 不 至 應該 放寬 營業 面積 縮減 與 樓層 停 用 的 實質 認定 讓 房屋 稅率 真的 可以 調 降 並且 放寬 申請 標準 讓 房屋 稅 使用 牌照稅 娛樂 稅 真的 可以 分期 或 延 繳 台中 市 遊覽車 客運 商業 同業公會 理事長 張 治本 認為 中央 交通部 正 在 研議遊覽車 的 牌照稅 減半 市府 應該 加碼 推動 牌照稅 全 免 台中 市 要 繳納 牌照稅 的 遊覽車 有 2000 輛 平均 每 輛 牌照稅 7000 中央 如果 補貼 一半 市府 可以 另外 加碼 旅 行業 代表 林慶 強調 疫情 期間 市府 應該 利用 旅遊 淡季 的 空 檔 多方 推動 旅 行業 從業人員 的 踩 線團 進行 台中 觀光 環境 的 整備 市府 應該 思考 如何 配合 中央 的 振興 抵 用 券 充分發揮 台中 特色 在 疫情 趨 緩 後 刺激 經濟 觀 旅 局 林筱淇 經發局 副 局長 李逸安 說 針對 農 漁會 租金 部分 予以 優惠 3 到 6 個 月 延期 繳納 溫泉 協會 提案 部分 與 水利局 協調 後 將 降低 兩 成 等 如果 疫情 嚴峻 會 討論 辦理 資金 貸款 部分 有 協調 視窗 等 協助 業者 紓困 地方 稅務 局長 沈政安 強調 分期 延 繳 部分 很快 會 推出 營 所 稅 及 營業稅 及 綜合 所得稅 全是 國稅 暫 繳 問題 向 中區 國稅局 反映 目前 有 延 繳 辦法 牌照稅 補助 是 由 交通部 來 發 佈</t>
  </si>
  <si>
    <t>新冠肺炎 疫情 衝擊 產業 新北 市 補足 中央 政策 推出 好 來 工作 計 畫 供 民眾 就業 的 迫切 需求 吸引 405 人 申請 目前 已 有 291 人 上工 新北 市長 侯友宜 27 日前 往 三 重 社 福 中心 關心 首 波 民眾 工作 狀況 受 疫情 影響 失業 近 半 年 的 傅先生 表示 幸好 市府 幫忙 生活 才能 步 上軌道 中央 推動 安心 即時 上工 計 畫 規定 民眾 半 年內 須 投保 滿 2 個 月 才能 申請 長期 失業 民眾 無法 符合 這項 嚴格 門檻 新北 市 放寬 申請 標準 推出 好 來 工作 方案 20 日 啟動 至 今 吸引 超過 400 人 申請 目前 上工 人數 為 291 人 補 中央 上工 政策 不足 侯友宜 27 日前 往 三 重 社 福 大樓 視察 首 波 民眾 就職 的 狀況 新北 市議員 王威元 李餘典 等 人 也 都 一同 前往 關心 侯友宜 聽取 社會局 簡報 後 又 前往 防疫 物資 倉庫 辦公室 關心 員工 狀況 大家 興奮 與 侯友宜 合影 失業 民眾 謝 市府 幫忙 26 歲 周小姐 表示 原先從事 會計工作 日前 因 生理 期 抵抗力 減弱 導致 發燒 竟 被 雇主 以 可能 感染 新冠肺炎 為由 要 她 離職 雇主 雖 依法 支付 資 遣 費 預告 工資 及 其他 相關 費用 仍 令 她 內心 飽受 衝擊 幸好 現在 得到 在 社 福 大樓 整理 防疫 物資 的 工作 我 還 年輕 相信 很快 會 重返 職 場 最 多 可 領 5萬560 元 37 歲 傅先生 表示 他 原 先是 業務主管 預計 今年初 將 前往 美國 未 料 受 疫情 影響 無法 出國 又 遇上 車禍 右 腳 斷成 三 截 投 履歷 卻 遲遲 找 不 到 工作 好 來 工作 專案 幫助 他 度過 生活 難關 勞工 局 指出 好 來 工作 專案 內容 以 時薪 158 元 每天 工作 8 小時 每月 最高 80 小時 估計 每月 可 領 薪資 1萬2640 元 最 多 可 領 4 個 月 共 5萬560 元</t>
  </si>
  <si>
    <t>以 大陸 香港 為 主要 銷售市場 的 石斑魚 產業 在 新冠肺炎 後 嚴重 衝擊 石斑魚 市場 民進黨立委 邱志偉 18 日 邀請 農委會 漁業 署 副 署長 林國平 南 下 永安 區 與 漁會 及 漁民 座談 表示 儘管 漁業 署 將 提供 半 年 免息 的 貸款 紓困 但 邱志偉 認為 半 年 的 優惠 對 漁民 不夠 且 應該 要 請 國營事業 國軍 單位 加強 採購 協助 石斑魚 銷售 永安 區 漁會 總 幹事 黃鶯 表示 永安 區 養殖 主要 是 石斑魚 與 午 仔 魚 午 仔 魚 在 香港 的 銷量 還算 穩定 但 石斑魚 完全 動 不了 大陸 港口 雖然 開放 但 魚 運至 港口 後 無法 運到 市場 即使 到 市場 也 沒人 會 買 外銷 到 大陸 的 路 幾乎 全斷 林 國平 指出 漁業 署 已經 注意 到 這種 狀況 因 此 提出 半 年 免息 的 紓困 方案 漁民 不論 新 舊 貸款 都 能 享有 半 年 免息 也 計畫 補助 凍 存 石斑魚 並 計畫 在 國內 推廣 食用 石斑魚 增加 通路 銷售 將 原本 辦 桌 才 吃 得 到 的 石斑魚 推廣 至 家戶 餐桌上 高雄 市議員 黃明太 表示 漁業 署 相關 作法 太 消極 應 協調 國防部 大力 採購 如果 要 將 現有 石斑 凍 存 還 不如 將 經費 補貼 國軍 讓 國軍 可以 以 較 低 價格 買到 石 斑 也 能 避免 將來 凍 存 的 石斑 與 鮮魚 一同 競爭 造成 價格 崩 盤 永安 區 漁會 名譽 理事長 何擇良 說 石斑魚 養殖 時間 超過 1 年 半 年 免息 的 紓困 方案 仍 會 讓 漁民 陷入困境 因此 建議 免息 時間 要 延長 至 1 年 另外 也 要 多方 打開 市場 不論 臺灣 或 其他 國家 的 銷售 唯有 加強 銷售 才是 走 出 低谷 的 唯一 方法 邱志偉 指出 他 將 協調 國軍 盡 速 採購 石 斑 也 會 請 行政院 協調 國營事業 的 團 膳 多 採購 先 讓 永安 的 石斑魚 有 銷售 管道 另外 紓困 免息 時間 也 應該 拉長 至 1 年 讓 永安 的 石斑魚 可以 走過 危機</t>
  </si>
  <si>
    <t>高雄 21 日 無 新 增 新冠肺炎 本土 確診 個案 但有 一 名 ikea 宜 家 家居 高雄店 的 前 員工 在 16 日 返回 馬來西亞 出境 時 被 采 檢 為 陽性 高 市府 獲 報 後 緊急 匡列 225 位 相關 接觸 者 並 展開 清 消 作業 目前 接觸 者 快 篩 pcr 檢驗 全數 均 為 陰性 高雄 市議員 陳若翠 21 日 揭露 ikea 宜 家 家居 高雄店 一 名 銷售 部門 主管 7 月 15 日 出境 返回 馬來西亞 時 采 檢 為 陽性 由於 ikea 平日 進出 顧客 很多 她 擔心 出現 防疫 破 口 強烈要求 高雄 市長 陳其邁 除了 做 好 疫 調 工作 也 要 注意 社區 確診 黑 數 的 問題 才 不 會 讓 微 解封 變成 危解封 陳其邁 表示 該 名馬 籍 離職 員工 在 馬國 入境 篩檢 時 被 驗 出 ct 值 2938 隨後 立即 通知 高 市府 她 在 7 月 14 日 檢驗 時 pcr 呈現 陰性 他 也 提醒 相關 的 檢查 結果 過程 方式 與 臨床 症狀 都 必須 經過 中央 或 地方 流行 疫情 指揮中心 專家 的 綜合 研 判 才能 公佈 避免 引起 民眾 不必要 的 恐慌 陳其邁 指出 若 在 國外 發現 個案 通常 會 透過 ihr 組織 通報 並 由 該國 組織 通報 給 中央 確認 該 個案 在 國外 的 檢驗 狀況 所以 高 市府 對 該 個案 的 判斷 會 從 最 嚴格 的 標準 來 提前 部屬 已經 召回 職 場 員工 及 所有 接觸 者 陳其邁 表示 這種 國內 采 檢 陰性 出國 又 確診 的 個案 其實 很多 有 幾 個 狀況 她 可能 在 旅行 期間 污染 例如 在 飛機 密閉空間 旁邊 有 確診 個案 可能 導致 咽喉部 受 污染 病毒 短暫 停留 也 會 被 采 檢 到 或者 離開 臺灣 前 在職 場 社區 接觸 出國 後 才 發病 陳其邁 說 這個 個案 7 月 15 日 搭 高鐵 北上 16 日 出境 包括 高鐵 飛機 職 場 及 北部 友人 有 相關 接觸 的 人 甚至 實驗室 的 診斷 或 采 檢 現場 污染 的 可能性 都 無法 排除 所以 會 料 敵 從寬 先 排除 本地 感染 但 以 現有 的 資料 綜合 評估 後 並 沒有 找到 是與 高雄職 場 接觸傳染 有關 可能 感染 源 還 沒有 找到 高 市府 衛生局 強調 由於 各個 國家 的 采 檢 方式 技術 sop 都 不盡相同 馬國 的 情況 不得而知 但 到 目前為止 中央 尚未 獲得 ihr 回應 無法 得知 該 個案 確診 的 真實性 高 市府 已經 啟動 疫 調 緊急 匡列 相關 接觸 者 高 市府 謹慎 以 對</t>
  </si>
  <si>
    <t>台中 市 12 歲 以上 尚未 施打 疫苗 者 大概 有 25萬 人 近期 出現 變種 病毒 omicron 引起 全民 恐慌 為 鼓勵 台中 市民 施打第 1 劑 疫苗 市長 盧秀燕 今天 在 市 議會 宣佈 從 下週一 13 日 起 台中 市 施打第 1 劑 疫苗 的 民眾 可 獲得 200 元禮 券 衛生局長 曾 梓 展 說 超 商禮 券 目前 採購 中 台中 市 議會 今天 進行 市政 總 質詢 國民黨 市議員 陳政顯 關心 台中 市 疫苗 施 打的 進度 未 施打第 1 劑 的 人數 有 多少 市府 是否 應該 鼓勵 市民 施打 疫苗 盧秀燕 說 台中 市 第 1 劑 的 施打 率 約 為 8 成 減掉 12 歲 以下 不能 施打 12 歲 以上 的 未 施打 疫苗 者 大概 有 25萬 人 面對 近期 更 出現 變種 病毒 omicron 市府 規 畫 鼓勵 未 施打第 1 劑 的 民眾 出來 施打 將 從 下週一 開始 從未 施打第 1 劑 的 民眾 若 來 接種 就 贈送 200 元 的 禮 券 其中 100 元是 中央 補助 100 元是 台中 市 自己 加碼 盧秀燕 強調 中 市 沒有 即期 疫苗 跟 其他 縣 市 為 鼓勵 民眾 打 即期 疫苗 送禮 券 是 不 一樣 市府 因 預算 有限 若 未來 預算 可以 會 再往 前 推進 目前 還 未 打 疫苗 的 人 可能 是 因為 生病 或是 有 其他 的 顧慮 命 是 自己 的 請 民眾 評估 好 再來 施打 曾 梓 展 表示 目前 超 商禮 券 正 採購 中 市府 為 方便 民眾 施打 疫苗 本 週六 日 起 將 開放 16 處 賣 場 或 百貨公司 作為 施打 疫苗 場所 民眾 可 選擇 就近 接種 疫苗</t>
  </si>
  <si>
    <t>臺北市 22 日 起 將 入校 替 青少年 施打 bnt 疫苗 北市 原 要 校方 將 殘 劑 繳 回 醫院 但 市議員 王欣儀 炮轟 市府 浪費 何不 就地 讓 未 接種 az 疫苗 的 教職員 施打 北市 副 市長 蔡炳 坤錶 示 北市 為 避免浪費 只要 不 超過 開瓶 後 6 小時 保存期 限</t>
  </si>
  <si>
    <t>臺北市 22 日 起 將 入校 替 青少年 施打 bnt 疫苗 北市 原 要 校方 將 殘 劑 繳 回 醫院 但 市議員 王欣儀 炮轟 市府 浪費 何不 就地 讓 未 接種 az 疫苗 的 教職員 施打 北市 副 市長 蔡炳 坤錶 示 北市 為 避免浪費 只要 不 超過 開瓶 後 6 小時 保存期 限 市府 授權 校方 徵詢 校園 內 教職員工 施打 蔡炳坤 在 今日 防疫 記者會 指出 bnt 疫苗 1 瓶 能 接種 6 位 學生 只 有 最後 1 瓶 才會 有 剩 餘 劑量 頂多 剩下 5 劑 北市 立場 很 清楚 會 以 不 浪費 不 超過 開瓶 後 6 小時 的 期限 為 最高 原則 因此 讓 校園 內 有 殘 餘 劑量 時 北市 授權 校方 徵詢 校園 內 教職員工 接種 蔡 表示 他 要 提醒 中央 畢竟 bnt 疫苗 是 第一 次 接種 先 從 學生 開始 中央 還是 要 針對 學生 外 的 族群 給出 施打 指引 讓 臺灣 各縣市 有 辦法 參考 此外 也 有 媒體 詢問 若 學生 因故 不在 校園 上課 又 該 如何 施 打 蔡則 說 有 學籍 的 學生 共 110 位 包括 國小 6 年級 進修部 境外 台 校 等 會 寄送 通知單 給 對方 再 安排 至 醫院 接種 儘量 以 該校 配合 的 醫院 為 主 若是 沒 學籍 的 學生 就 依照 指揮中心 公佈 的 時程 上網 預約 接種</t>
  </si>
  <si>
    <t>新冠肺炎 疫情 擴大 面對 開學 在即 學校 都 上緊 發條 準備 防疫 用品 新北 市 三 重 區 先 嗇 宮 12 日 上午 10 時慷慨 捐贈 2000 公斤 洗手 乳 及 6000 公升 次氯酸 水 給 三 重 蘆洲 區 38 所 學校 新北 市政府 教育局 督學 林玉婷 表示 感謝 先 嗇 宮 抛磚引玉 為 學校 防疫 盡心盡力 新北 市 三 重 區 先 嗇 宮 12 日 上午 10 時 舉行 捐贈 儀式 三 重 區長 劉來 通 新北 市議員 王威元 三 蘆 地區 各級 校方 代表 等 人 都 出席 參加 現場 擺設 數 百 罐 洗手 乳 次氯酸 水 會後 由 校方 代表 帶回 學校 場面 盛大 先 嗇 宮 董事長 李幹龍 表示 先 嗇 宮 侍奉 神 農 大帝 長年 協助 學校 對 抗 病毒 往年 洗手 乳 都 在 暑假 開學 時 贈送 今年 因應 疫情 改在 寒假 開學 前 準備 另外 再 贈 殺菌 力 強 殺菌 範圍 廣 安全性 高 可 作為 食品 消毒 的 次氯酸 水 防疫 物資 難 買 現在 連 桶 子 都 買不到 李 幹 龍 補充 次氯酸 水 不 能夠 在大 太陽 底下 曝曬 在 隱 密 房間 存放 最好 宮廟 很 有心 買 了 有 深色 桶 子 分裝 希望 桶 子 可以 重複 利用 此外 也 分送 給 學校 檢驗 紙 做 檢驗 物資 不夠 都 可以 來 先 嗇 宮 無限量 供應 教育局 督學 林玉婷 表示 新北 市長 侯友宜 非常感謝 先 嗇 宮 抛磚引玉 協助 提供 新北 市 三 蘆 地區 各級 學校 防疫 用品 教育局 針對 防疫 疫情 也 不斷 提供 學校 相關 的 防疫 物資 目前 酒精 真的 是 不容易 採購 感謝 在 短缺 情況 之下 先 嗇 宮還 能夠 提供 給 各級 學校</t>
  </si>
  <si>
    <t>南市議員 集體 宣佈 推行 不 跑 攤 防疫 措</t>
  </si>
  <si>
    <t>新冠肺炎 疫情 延 燒 中央 防疫 指揮中心 建議 各級 民 代 不要 跑 攤 獲 台南 市 議會 集體 回應 議長 郭信良 3 日 率 不分 党代 議員 宣佈 即日起 將 配合 民 代 不 跑 攤 拱手 不 握手 勤洗手 等 中央 防疫 作為 請 市民 朋友 們 體諒 民 代 不是 不 認真 而是 基於 防疫 考慮 郭信良 今天 率 王家 貞 黃麗招 穎 艾達利 吳禹寰 洪 玉鳳 蔡 秋蘭 谷暮 哈 就 李鎮國 盧 崑 福 蔡旺銓 李中岑 等 國民黨 無黨籍 及 民進黨籍 市議員 舉行 回應 中央 疫情 防疫 政策 建議 民 代 不要 跑 攤 沒 跑 攤 不算 失禮 記者會 公開 宣佈 將 配合 推行 中央 防疫 政策 推行 不 跑 攤 的 民 代 們 表示 中央 防疫 情 中心 認為 民 代 是 疫情 傳染 的 高 危險 族群 建議 不 跑 攤 不 握手 勤洗手 他們 除 正面 回應 防疫 總指揮 陳時 中的 呼籲 外 也 希望 這 段 時間 前來 陳情 的 市民 朋友 們 配合 議會 要求 戴 口罩 等 相關 防疫 措施 大家 共 體 時艱 一起 為 防疫 而 努力郭信良 指出 台南 市 議會 從 自身 做起 員工 們 每日 早上 上班 時都會 先 測量 額 溫 自主 做好 健康 管理 另外 議長 杯 各項 比賽 活動 在 3 月 暫停 接受 申請 全力 配合 中央 防疫 至於 議會 推行 拱手 不 握手 大家 勤洗手 的 觀念 希望 不僅 是 議會 員工 社會 大眾 也 都 能 習慣 以 拱手 代替 握手 平時 勤洗手 健康 地 度過 這 段 防疫 期 郭信良 還 說 民眾 習慣 以 握手 表示 熱情 但 現今 疫情 尚未 穩定 為了 減少 傳染 的 可能性 議會 推行 拱手 不 握 手 的 新 觀念 希望 拱手 致意 成為 常態 大家 相互 體諒 不 握 手 不 代表 失禮 拱手 更為 有禮 郭信良 還 強調 依據 衛福部 所 發佈 的 新聞稿 對抗 疫病 首要 就是 勤洗手 而且 要 落實 肥皂 勤洗手 正確 5 步驟 濕 搓 沖 捧 擦 及 7 字 訣 內 外 夾 弓 大 立 腕 並 減少 用 手 觸 碰 眼 口 鼻 才能 遠離 疫病 市 議會 也 同時 邀請 市府 民政局 說明 各 區裡 鄰 長文 康及 訓練 活動 的 舉辦 情形 民政局 主任 秘書 陳仲傑 說明 目前 除了 永康區 及 安 南區 已 舉辦 2 梯 的 文康 訓練 活動 其 餘 梯次 及 各 區 尚未 舉辦 的 部分 都已 暫緩 舉辦 此外 已 有 350 家 宮 廟 同意 將 原有 的 繞 境 計畫 延期 辦理 洪 玉鳳 更 建議 議長 郭信良 與 市長 黃偉哲 合拍 拱手 不 握手 宣 導 短片 提醒 市民 朋友 共同 落實 此 一 防疫 作為</t>
  </si>
  <si>
    <t>新冠肺炎 疫情 升溫 行政院長 蘇貞昌 昨晚 夜訪 中央 疫情 指揮中心 為 辛苦 的 防疫 指揮官 陳時中 和 防疫 人員 加油打氣 對此 國民黨 新北 市議員 葉元之 批評 防疫 已經 很 辛苦 蘇大 院長 還 有空 去 作 秀 結果 只 是 逼 指揮中心 的 工作 人</t>
  </si>
  <si>
    <t>新冠肺炎 疫情 升溫 行政院長 蘇貞昌 昨晚 夜訪 中央 疫情 指揮中心 為 辛苦 的 防疫 指揮官 陳時中 和 防疫 人員 加油打氣 對此 國民黨 新北 市議員 葉元之 批評 防疫 已經 很 辛苦 蘇大 院長 還 有空 去 作 秀 結果 只 是 逼 指揮中心 的 工作人員 不能 休息 還要 花 精力 應付 蘇 真是 有 政府 會 作 秀 蘇貞昌 昨 13 日 在 臉書 說 他 開完 國安 會議 台電 應變 會議 後 晚上 來到 指揮中心 為 辛苦 的 防疫 團隊 打氣 也 要 告訴 國人 同胞 有 一 群 堅守崗位 的 防疫 人員 每天 這樣 全力以赴 只要 大家 做好 個人 防疫 遵照 指揮中心 的 指引 一定 可以 一起 度過 這 波 疫情 對於 蘇貞昌 的 參訪 葉元之 昨 在 臉書 發文 批評 全台 大 停電 疫情 大 爆發 疫苗 打 不到 各地 缺水 台鐵 改革 遲緩 釀 重大 意外 蘇大 院長 還 有空 去 作 秀 逼得 指揮中心 辛苦 的 工作人員 不能 休息 必須 去 應付 蘇 葉元之 在 文末 譏諷 有 政府 會 作 秀 台 鐵 事故 的 責任 請 先 說 清楚 許多 網友 也 在 其 po 文 底下 留言 表示 沒事兒 用 愛 發電 用 肺 發電 燒 乾淨 的 煤 還 會 怪 百姓 開 太 多 冷氣 造成 發電廠 超載 給 您 按 個 贊 喔 戴 著 口罩 喝 下午 茶 這 秀 做 的 精彩 辛 不 辛苦 天知道 一 顆 老鼠屎 壞 一鍋粥 人民 也 知道 唱高調 搞 文 宣 加 謊言 獨裁 抹黑 顛倒黑白 天和 人民 都 知道 討 人 厭 的 人 去 那邊 作 秀 基層 還要 伺候 他</t>
  </si>
  <si>
    <t>臺灣 民意 基金會 昨天 公佈 最 新民 調 基金會 董事長 游盈隆 指出 去年 5 月 總統 蔡英文 第二 任剛 就職 時 20 到 24 歲 以下 首 投 族 有 9 成 3 力挺 如今 民 調 支持 度 腰斬 只 剩 4 成 7 力挺 對此 民進黨 創 党 元老 台中 市議員 謝明 源 認為 蔡</t>
  </si>
  <si>
    <t>全台 大 停課 包括 補習班 課後 才藝 安親班 等 補 教 業 收入 歸零 除了 要 支付 房租 薪資 還要 退費 給 學生 勉強 撐過 5 月 6 月 已 危在旦夕 補 教 業者 表示 與其 讓 安親 才藝 倒 光光 政府 再 去 養 失業 老師 不如 從寬 讓 補習班 專案 貸款 活 下去 呼籲 政府 要 從優 從速 從寬 紓困 立 委 邱臣遠 北市議員 陳建銘 1 日 召開 全台 停課 拉 警報 補 教 業者 要 紓困 遠 端視 訊 會議 及 線 上 記者會 邱臣遠 表示 昨 31 日立 法院 通過 追加 紓困 40 本 周 研 擬 細節 今 召開 記者會 反映 補 教 業者 心聲 是 很 好 時機 士 林在 地大 聯盟 補習班 吳 主任 說 就算 疫情 舒緩 最怕 家長 也 不 想 讓 學生 回來 上課 了 因為 老師 不在 打 疫苗 的 前面 順位 補習班 成本 最 大 就是 房租 接下來 是 人事 未來 3 個 月 影響 跑不掉 他 希望 補貼 能夠 更 即時 建議 一段時間 內 按照 補習班 營業 面積 定額 補貼 並 儘快 訂 出 員工 薪資 補貼 細則 中華民國 補 教 協會 理事長 謝智芳 表示 從業 36 年 第一 次 碰到 政府 因 傳染病 要求 補習班 停業 目前 臺灣 約 18萬 家 立案 補習班 推 估 15萬 從業 人口 一 年產值 約 1800億 至 2000億 龐 大 規模 卻 欠缺 政府 重視 他 呼籲 教育部 正視 補 教 業者 並 將 跑 課 老師 國小 課後 照顧 班 外聘 老師 一併 納入 補助 否則 其中 許多 沒有 勞健 保 一 但 停課 就 斷 了 生計 謝智芳 說 這次 聯合 18 個 補 教 團體 提出 6 點 主張 薪資 補貼 從寬 認定 房租 補助 房 貸 補助 貸款 利息 展 延 勞保 健 保 勞 退 展延 從寬 認定 個人 補習班 申請 貸款 資格 讓 教育 從業人員 優先 打 疫苗 發放 補習 券 中華民國 補 教 協會理事 何松山 近日 發起 2021 紓困 振興 方案 教育 產業 不能 再 被忽視 公共政策 平臺 連署 提案 3 天 就 達 6000 人 附議 門檻 他 強調 本次 疫情 衝擊 最 慘重 是 安親 以及 才藝 班 難以 線 上 授課 收入 歸零 若 只 有 4 成 薪資 補貼 究竟 拿 什麼 養 員工 與其 讓 安親 才藝 倒 光光 失業 老師 政府 養 不如 讓 補習班 辦理 專案 貸款 至少 比照 經濟部 紓困 方案 讓 政府 勞方 資方 三 贏 中華民國 課後 教育 協會 理事長 陳伯宇 表示 鄰國 日 韓政府 相當 重視 補 教 業者 但 在 臺灣 補 教 業 多 是 微型 企業 常常 被 忽略 補 教 業者 紓困 一定 要 成立 單一 視窗 從優 從速 從寬 認定 補 教 業 6 月 起 毫無 收入 政府 莫放 著 補 教 業者 自生自滅 北市 短期 補習班 履 保 協會 理事長 林欽雄 表示 補 教 屬於 教育業 的 一 環 若 家長 疲於奔命 照顧 小孩 整體 社會 難以 發揮 最 大 生產力 希望 行政院 更 具體 紓困 方案 例如 課後 照顧 中心 都有 立案 資料 盼 比照 勞工 局 呈報 金額 全額 補貼 員工 薪資 另外 盼 勞 健 保 暫停 收費 稅金 減免 提供 銀行 無息貸款 房租 依照 地段 坪 數 補助</t>
  </si>
  <si>
    <t>大規模 接種 預 苗 即將 展開 中 市議員 建議 將 診所 納入</t>
  </si>
  <si>
    <t>臺灣 已 實施 並 延長 疫情 第 三級 警戒 至少 到 六月 底 美國 援 台 250萬 劑 莫德納 疫苗 也 抵 台 市議員 陳淑華 今天 建議 預期 大規模 疫苗 接種 將 會展 需要 更 完整 的 施打 疫苗 網 除 現有 大型 醫院 衛生所 施打 站 外 應 儘快 把 符合 資格</t>
  </si>
  <si>
    <t>新北 市 議會 今 27 日 下午 召開 第 3 屆 第 5 次 定期 會 針對 市政 總 質詢 及 新冠肺炎 專案 報告 議程 藍綠 雙方 各有不同 意見 經過 兩 次 朝野 協商 明日 起 原 訂為 新冠肺炎 紓困 專案 報告 改 回 市政 總 質詢 專案 報告 則 采 臨時 會 方式 擇期 舉行 議會 本 規 畫 明 28 日 起 連續 3 天 為 新冠肺炎 紓困 專案 報告 但 民進黨 市議員 鄭宇恩 也 提出 程式 問題 建議 明天 開始 的 3 天 議程 除了 紓困 專案 報告 也 應該 納入 議員 的 法定 職權 進行 市政 總 質 民進黨 市議員 何博文 認為 取消 市政 總 質詢 不能 成為 慣例 也 不能 因 疫情 而 不讓 議員 行使 相關 權利 市政 總 質詢 還是 要 編 列 議程 讓 議員 依法 行使職權 其他 縣 市 都 有 為何 新北 沒有 國民黨 市議員 蔡明堂 則 不滿 說 目前 規劃 的 議程 是 各 黨團 協商 出來 的 結果 如今 卻 在 大會 中 推翻 那各 黨團 協商 有用嗎 國民黨 市議員 陳儀君 也 說 尊重黨團 協商 出來 的 結果 但是 如今 因 其他 議員 有 意見 又 要 再度 協商 倘若 如此 每個 議員 都 可以 提出 意見 經過 2 次 朝野 協商 議長 蔣根煌 宣佈 明日 起 原 訂為 新冠肺炎 紓困 專案 報告 改 回 市政 總 質詢 至於 民眾 關心 的 新冠肺炎 紓困 專案 報告 將 采 臨時 會 方式 擇期 舉行</t>
  </si>
  <si>
    <t>烈日 下 排隊 打 疫苗 南市議員 搬 風扇 礦泉水 讓 民眾 消暑</t>
  </si>
  <si>
    <t>新冠肺炎 疫苗 陸續 到貨 台 南市 大新 營區 各 衛生所 經常 湧 進 大批 人潮 施打 疫苗 近日 秋老虎 發 威 每天 氣溫 飆 到 35 以上 但 新營 後壁 區 衛生所 因 室內 腹地 小 民眾 只能 在 戶外 等候 台南 市議員 蔡育輝 不忍心 看 著 民眾 在 烈日</t>
  </si>
  <si>
    <t>高雄市 阿蓮 區長 佑 醫院 不 敵 新冠肺炎 疫情 波及 將 在 4 月底 暫時 停業 院方 並 證實 因 受 疫情 影響 病 患 不敢 上門 做 複健 嚴重 影響 醫院 收入 及 營運 經 考量 後 決定 暫時 辦理 停業 未來 將 視 疫情 狀況 再 決定 是否 複業 或 歇業 長 佑 醫院 在 阿蓮 地區 經營 將近 25 年 目前 設有 外科 複健 科 醫療 人員 約 20 人 長期以來 提供 偏 鄉 醫療 服務 再 加上 阿蓮 田寮 多 為 務農 人口 而且 多 是 年長 的 長輩 常常 前 往復 健 科 門診 看 診 地方 人士 指出 長 佑 醫院 是 阿蓮 區 和田 寮 區唯一 的 地區醫院 由 前 高市議員 李長生 創辦 由於 近年 醫學 中心 與 區域 醫院 增加 院內 規模 及 科別 漸漸 縮減 今年 來 受到 新冠肺炎 疫情 衝擊 門 診病 患 確實 較 以往 減少 許多 不過 地方 也 盛傳 院長 蔡文中 早於 2017 年 就 曾以 年邁 為由 打算 退休 歇業 有意 退休 歇業 相關 歇業 傳聞 也 在 當地 社 群 網站 引起 不少 討論 長 佑 醫院 總務主任 梁 武成 證實 醫院 的確 受 到 新冠肺炎 疫情 影響 病 患 不敢 上門 做 複健 4 月底 將 暫時 停業 該院 醫護人員 近日 已 紛紛 向醫政 單位 辦理 離職</t>
  </si>
  <si>
    <t>當 載 防疫 物資 用品 大 貨車 到時 穿 著 襯衫 西裝褲 卷起 袖子 幫忙 搬運 防疫 物資 下車 全身 一下子 就 汗如雨下 濕透 了 市議員 吳 瓊華 說 赫然 發現 一起 搬 貨 的 人 居然 就是 捐贈 者 這種 精神 真的 令人感動 吳 瓊華 指出 在 一個 機緣</t>
  </si>
  <si>
    <t>當 載 防疫 物資 用品 大 貨車 到時 穿 著 襯衫 西裝褲 卷起 袖子 幫忙 搬運 防疫 物資 下車 全身 一下子 就 汗如雨下 濕透 了 市議員 吳 瓊華 說 赫然 發現 一起 搬 貨 的 人 居然 就是 捐贈 者 這種 精神 真的 令人感動 吳 瓊華 指出 在 一個 機緣 認識 臺灣 水木清華 校友會 長 朱 長生 以及 林昭仲 教授 他們 就 提起 想要 以 最 實用 的 防疫 用品 捐 給 第一 線 防疫 人員 希望 透過 服務處 來 協助 這 一 次 在 瓊華 的 服務 選區 烏日 大 肚 龍井 區公所 消防隊 警察局 清潔隊 衛生所 戶政 等 單位 數量 多 達 近 200 箱 的 防疫 用品 臺灣 水木清華 校友會 是 個 民間團體 朱會長 提起 因 今年 六月 初 有感於 家鄉 新冠 疫情 嚴峻 承諾 將 自 海外 進口 至少 3 櫃 消毒 洗手 液 及 2 櫃 防護 口罩 來 台 無償 分享 給 弱勢 防疫 單位 及 一線 守護 單位 至今 已 入倉 5 櫃 消毒 洗手 液 約 25萬 瓶 及 4 櫃 防護 口罩 約 800萬 片 尚有 4 櫃 消毒 洗手液 約 20萬 瓶 正於 美國 來 台 途中 將 於 近日 抵達 台中 港 吳 瓊華 說 最近 陸續 透過 中央 及 各 地方 民意代表 的 協助 將 約 10萬 瓶 消毒 洗手 液 及 約 160萬 片 口罩 無償 分享 給 臺北 地區 新北 地區 桃園 地區 台中 地區 新竹 地區 及 宜蘭 等 地區 一線 防疫 單位 朱 長生 表示 我們 不是 捐贈 也 不是 援助 是 透過 有限 的 防疫 物資 來 分享 無限 的 關懷 及 傳遞 無限 的 熱情 再次 非常感謝 所有 支持 與 協助 的 朋友 們 是 您 們 共同 凝聚 了 這 份 良善 與 溫暖 吳 瓊 華強 調 病毒 無情 人間 有 愛 疫情 停止 愛心 延續 希望 這些 最 貼身 實用 的 防疫 用品 能夠 保護 著 每 一個 第一線 的 工作人員 感謝 這些 默默 守護 防疫 戰線 的 無名英雄</t>
  </si>
  <si>
    <t>對於 禁止 高中 以下 師生 出國 爭議 民進黨 桃園 市議員 王浩宇 社民黨 臺北市議員 苗博雅 互 杠 起來 了 新北 市長 侯友宜 今 16 日 表示 除了 繼續 掌握 學生 健康狀況 量 體溫 校園 消毒 外 新北 市 所有 師生 6 月底 前 一律 不准 出國</t>
  </si>
  <si>
    <t>對於 禁止 高中 以下 師生 出國 爭議 民進黨 桃園 市議員 王浩宇 社民黨 臺北市議員 苗博雅 互 杠 起來 了 新北 市長 侯友宜 今 16 日 表示 除了 繼續 掌握 學生 健康狀況 量 體溫 校園 消毒 外 新北 市 所有 師生 6 月底 前 一律 不准 出國 除非 有 特例 要 個案 報 准 核定 後 才可 出國 桃園 市長 鄭文燦 16 日 在 防疫 會議 上 宣佈 桃園 各級 學校 的 出國 計畫 一律 暫停 到 8 月底 並 指示 教育局 發 函 呼籲 私立 學校 也 能夠 一併 暫停 基隆 市長 林右昌 則 在 下午 宣佈 7 月 14 日 之前 基隆 市 各級 學校 出國 計畫 一律 暫停 若 有 特殊 狀況 及 原因 需 呈報 各 校 與 教育處 專案 核准 社會民主黨 籍 臺北市議員 苗博雅 針對 侯友宜 宣佈 新北 市 高中 以下 師生 六月 底 前 不准 出國 最 大 的 問題 有 兩 個 1 地方 政府 自行 以 防疫 為由 不准 出國 法 源 依據 有 問題 2 只管 出國 沒 處理 回國 治標不治本 而 民主 進步黨 桃園 市議員 王浩宇 在 臉書 指出 紓困 特別 條例 第 7 條 明 定 指揮官 為 防治 疫情 需要 得 實施 必要 之 應變 措施 因此 為了 防疫 需求 禁止 學生 或 醫護人員 出國 確實 是 有法 源 依據 的 以上 跟 阿苗 報告 但 苗博雅 不甘示弱 在 王浩宇 臉書 又 杠 說 麻煩 你 評論 前 至少 看 一下 內文 吧 我 講 的 是 地 方 政府 沒有 這個 許可權 我們 的 中央 流行 疫情 指揮官 何時 變成 侯友宜 了 王浩宇 則 回應 地方 政府 的 方式 並 不是 用 法律 禁止 學生 出國 而是 透過 操行成績 的 方式 控制 還是 可以 出國 不過 學校 已經 先 宣導 會 影響 到 操行成績 苗博雅 最後 在 自己 臉書 說 如果 認為 國人 不該 出國 就 直接 命令 所有人 必須 有 特殊 公務 報 准 才能 出國 不該 只 針對 未成年 學生 族群 目前 出國 旅遊 染病 回來 的 大多數 都 是 成年人 老人 不是 未成年 的 學生</t>
  </si>
  <si>
    <t>瘋狂 搶 機票 赴美 打 疫苗 市議員 憂心 返國 恐 成 防疫 破 口</t>
  </si>
  <si>
    <t>新冠肺炎 疫情 趨 緩 不過 國內 今日 新增 的 本土 個案 比 昨天 高 達 30 例 也 讓 7 26 是否 能 順利 降 至 二級 出現 變數 而 疫情 也 連帶 讓 臺灣 各縣市 的 實體 經濟 受 不小 影響 民進黨 高雄市議員 陳致中 今天 表示 包括 高雄 5 大 商 圈 在內 已</t>
  </si>
  <si>
    <t>新冠肺炎 疫情 趨 緩 不過 國內 今日 新增 的 本土 個案 比 昨天 高 達 30 例 也 讓 7 26 是否 能 順利 降 至 二級 出現 變數 而 疫情 也 連帶 讓 臺灣 各縣市 的 實體 經濟 受 不小 影響 民進黨 高雄市議員 陳致中 今天 表示 包括 高雄 5 大 商 圈 在內 已 可以 開始 見到 三 步 一 租 五 步 一 售 的 情景 令 人 不禁 憂心忡忡 焦急 如 焚 他 呼籲 中央 及 市府 苦 民 所 苦 以 最 基層 為 念 採取 強度 最高 覆蓋 最 廣 的 方法 讓 臺灣 度過 經濟 的 死 蔭 幽谷 陳致中 22 日 在 臉書 po 文 表示 隨 著 國內 疫情 趨勢 逐漸 穩定 三級 警戒 已 有 降級 的 機會 然而 從 5 15 雙北 三級 再 至 全台 開始 疫情 衝擊 經濟 民生 產業 運營 直 如 晴天霹靂 排山倒海 襲 卷 之 勢 首當其衝 的 餐飲 旅 宿 零售 百貨 藝 文 展演 等 伴隨 人流 急凍 商機歸 零 業主 及 從業人員 亟待 紓困 惡性循環 交叉 影響 之下 專家 也 預警 後 疫 階段 恐 現 更 大規模 的 結構性 的 骨牌效應 式 的 倒閉 潮 關店潮 出走 潮 之 商業 沒落 蕭條 陳致中 表示 近日 查訪 高雄 市區 內 的 幾 個 重要 商業 聚落 比如 瑞隆 商 圈 三 多 商 圈 新 崛 江 商圈 六合 商 圈 南華 商 圈 鼓 山 渡輪 站 等 雖然 部分 在 疫 前 已 受 商圈 重心 移 轉 影響 有 榮 有 枯 盛景 稍 褪 但 現今 走 在 街上 確實 明顯 可見 相比 警戒 前 更 密集 的 房屋 租 售 廣告 三 步 一 租 五 步 一 售 令 人 不禁 憂心忡忡 焦急 如 焚 臺灣 好不容易 擋住 了 病毒 守 好 了 家園 但 許許多多 的 商家 店號 能 不能 在 冷 颼 嚴峻 中 撐得 過去 陳致中 提到 雖然 這 段 防疫期間 高雄 市政府 結合 餐飲 計程車 line 一 卡通 及 點 餐 業者 推出 高雄 好 家 載 補貼 運費 為 防疫 宅 經濟 添加 柴火 市民 都 能 感受 到 市府 團隊 的 用心 但 面對 大火 燎原之勢 仍 須更 全面 更深一層 更 大力 道 的 方法 措施 才能 產生 立竿見影 的 救援 效果 陳致中 強調 超前 部署 的 重要性 不言 可 喻 蘇揆 已 公開 喊話 等到 大家 都 可以 出來 活動 的 時候 政府 會 想盡辦法 用 各種 方式 給予 最 大 力 的 幫忙 捧場 受 衝擊 的 產業 帶動 一 波 經濟 效應 沒有 生存 振興 就 沒有 疫 後 的 復蘇 如常 全國 鄉親 高度 關心 後續 的 經濟 振興 內容 最後 陳致中 也 呼籲 中央 及 高雄 市府 苦 民 所 苦 以 最 基層 為 念 採取 強度 最高 覆蓋 最 廣 使用 最 直接 的 方法 手段 讓 臺灣 度過 經濟 的 死 蔭 幽谷 得到 復興 再生 的 荒漠甘泉 面對 疫 後 骨牌效應 式 的 倒閉 關店 經濟 蕭條 衝擊 籲請 政府 採取 高 強度 最 普及 直接 的 振興 措施 隨 著 國內 疫情 趨勢 逐漸 穩定 三級 警戒 已 有 降級 的 機會 並 預期 可能 配合 緩坡 鬆綁 的 作法 希望 全國 人民 的 生活 及 工作 能夠 早日 恢復正常 然而 從 5 15 雙北 三級 再 至 全</t>
  </si>
  <si>
    <t>新北 市議員 張志豪 昨 26 日 晚 接 獲 中和 某 工業區 上班 的 員工 陳情 指 某 電業 公司 有 篩檢 結果 為 陽性 的 確診 者 但 老闆 還是 要 全 公司 員工 照常上班 讓 員工 和 工業區 的 上班族 人人自危 張志豪 向 新北 市長 侯友宜 喊話 中和 已是 高</t>
  </si>
  <si>
    <t>新北 市議員 張志豪 昨 26 日 晚 接 獲 中和 某 工業區 上班 的 員工 陳情 指 某 電業 公司 有 篩檢 結果 為 陽性 的 確診 者 但 老闆 還是 要 全 公司 員工 照常上班 讓 員工 和 工業區 的 上班族 人人自危 張志豪 向 新北 市長 侯友宜 喊話 中和 已是 高風險 熱點 區 區內 產業 多 是 製造業 工業區 聚集 大量 員工 抗 疫 防線 恐怕 因 公司 負責人 便宜行事 以致 防疫 失守 不可 不慎 市長 務必 正視 並 立即 查處 同時 建立 跨 局 處 通報 機制 據 陳 情人 表示 工業區 內 鄰近 的 公司 聽 聞 此事 已 引起 高度 恐慌 大家 非常 擔心 疫情 會 從 這裡 蔓延 開來 令 人 痛心 的 是 該 公司 員工 後來 pcr 檢測 結果 為 陽性 確診 後 公司 竟然 息事寧人 既 沒有 採取 相關 必要 處置 也 沒有 立即 自行 進行 疫 調 匡列 可能 的 接觸 者 進行 隔離 檢疫 措施 而是 被動 的 等待 衛生局 的 通報 和 疫 調 陳 情人 說 因為 現在 中和 的 確診 者 真的 太 多 了 衛生局 沒 辦法 即刻 進行 疫 調 以致 公司 就 被動 的 等待 反正 衛生局 現在 沒有 匡列 我 自然 不 用 請 員工 休假 所有人 還 是 照常上班 這樣 的 結果 將 令人 難以想像 像 中和 這麼 多 科技 園區 大家 長 時間 身處 密閉 的 工作 場 域 中 病毒 蔓延 將 一發不可收 十 張志豪 表示 基於 保護 吹 哨 者 的 責任 答應 要為 他們 發聲 也 請 衛生局 速 查 此 一 確診 個案 同時 盡 速 匡 列 所 有 可能 接觸 者 張志豪 要求 防疫 視同 作戰 為 避免 再次發生 相同 情況 市府 要 立即 由 衛生局 經發局 及 勞工 局 建立 一個 通報 聯繫 機制 也 就 是 由 衛生局 主導 結合 經發局 及 勞工 局 除了 保護 吹 哨 者 同時 保障 勞工 免于 受到 疫情 的 恐慌 和 疑慮</t>
  </si>
  <si>
    <t>讓 長輩 開心 出遊 市議員 爭取 敬老 卡 搭 台鐵 區間車</t>
  </si>
  <si>
    <t>長輩 的 福利 不能 等 台中 市 敬老 愛心 卡 由 搭乘 中部 5 縣 市 客運 增加 搭乘 4 家 國道 客運 至 臺北 高雄 市議員 沈佑蓮 17 日 為 全市 近 46萬 持有 敬老 愛心 卡 長輩 請命 爭取 可 搭乘 台鐵 區間車 讓 長輩 開心 坐 火車 到處 散心 交通局 說</t>
  </si>
  <si>
    <t>長輩 的 福利 不能 等 台中 市 敬老 愛心 卡 由 搭乘 中部 5 縣 市 客運 增加 搭乘 4 家 國道 客運 至 臺北 高雄 市議員 沈佑蓮 17 日 為 全市 近 46萬 持有 敬老 愛心 卡 長輩 請命 爭取 可 搭乘 台鐵 區間車 讓 長輩 開心 坐 火車 到處 散心 交通局 說 敬老 愛心 卡 擴 及 台鐵 涉及 程式 更新 及 經費 分攤 將 持續 與 台鐵 溝通 社會局 指出 台中 市 目前 老人 及 身心 障礙者 持有 敬老 愛心 卡 截至 今年 7 月底 累計 髮卡 數 為 45萬9776 張 受到 新冠肺炎 衝擊 長輩 足不出戶 沈佑蓮 說 眾多 長輩 不 習慣 搭乘 客運車 的 顛簸 及 勞頓 希望 能 搭 台鐵 火車 到 中西部 各縣市 就近 旅遊 沈佑蓮 說 前 立 委 沈智慧 任內 曾多次 為 長輩 建 言 希望 市府 及 中央 能 讓 敬老 愛心 卡 增加 搭乘 台鐵 區間車 受到 新冠肺炎 衝擊 影響 長輩 在家 已 悶 太 久 了 爭取 敬老 愛心 卡 可 搭乘 台鐵 區間車 讓 長輩 在後 疫情 時代 可 開心 坐 火車 到處 散散心 身體 就 健康 78 歲 的 張 老太太 說 新冠肺炎 疫情 期間 她們 老人家 都 嚇 得 不敢 出門 怕 被 感染 希望 政府 能夠 讓 敬老 愛心 卡 增加 搭乘 台鐵 區間車 她們 可 搭 較 平穩 的 火車 到 就近 旅遊景點 散心 身體 自然 就 健康 減少 看病 及 健 保費 的 支出 市府 表示 依 交通局 針對 中 市 旅次 預測 及 成長 比例 推 估 每年 補助 搭乘 台鐵 所 需 經費 約 1172萬8984 元 針對 台鐵 搭乘 優惠 部分 敬老 愛心 卡 擴 及 台鐵 涉及 程式 更新 設備 調整 及 經費 分攤 等 作業 市府 將 持續 與 台鐵再 溝通</t>
  </si>
  <si>
    <t>臺北市政府 跨 年 晚會 副 市長 黃珊珊 昨 29 日 表示 維持 正常 舉辦 但 府 前 廣場 管制區 人數 上限 為 8萬 人 民眾 入場 采 實 聯 制 並 需 消毒 戴 口罩 紅外線 量 體溫 且 一律 禁止 飲食 對此 民進黨 臺北市議員 許淑華 質疑 北市 跨</t>
  </si>
  <si>
    <t>臺北市 政府 跨 年 晚會 副 市長 黃珊珊 昨 29 日 表示 維持 正常 舉辦 但 府 前 廣場 管制區 人數 上限 為 8萬 人 民眾 入場 采 實 聯 制 並 需 消毒 戴 口罩 紅外線 量 體溫 且 一律 禁止 飲食 對此 民進黨 臺北市議員 許淑華 質疑 北市 跨 年限 8萬 人 真 的 控制 得 了 嗎 改線 上 直播 有 這麼 困難 嗎 對於 北 市府 的 態度 感到 很 擔憂 就 怕 出現 防疫 破 口 許淑華 昨 在 臉書 表示 近期 確診 個案 1 人 為 日前 染疫 紐 籍 機師 的 接觸 者 是 本土 感染 引發 民眾 擔憂 跨 年 到底 要 不 要 繼續 辦 各界 議論紛紛 中央 上緊 螺絲 嚴謹 看待 北 市府 卻 語出驚人 認為 不 希望 把 這個 事情 看 得 很 嚴重 這樣 真 的 ok 嗎 而 這樣 的 態度 讓 她 非常 擔憂 呼籲 北 市府 跨 年 活動 改為 線 上 直播 避免 人群 聚集 防疫 考量 為 優先 根據 臺北捷運 資料 去年 臺北市 跨 年 周 遭 捷 運 運量 高達 3206萬 人次 今年 市府 打算 在 周邊 做 出入 管控 許淑華 認為 是 一個 非常 大 的 工程 這樣 的 人數 流動 非常 可觀 真的 不能 輕忽 昨日 觀 傳 局 公佈 人數 總量 部分 管制區 內 從 過去 約 11萬 名 觀眾 將 調整 至 上限 8萬 人 許淑華 指出 管制區 實 聯 制 並 非 8萬 人 每 一個 人 都可 確實 登記 有 個 萬一 恐怕 變成 一個 未 爆 彈 後果 由 誰 承擔 且 週邊 人群 流動 就算 擠爆 擠滿 根本無法 控管 是否 也 會 成為 防疫 破 口 許淑華 調閱 資料 此次 跨 年 各 單位 預估 協 勤 人數 共 動員 5959 人 聘請 大批 人力 控制 人流 管制 真的 能 達到 效果 嗎 北 市府 堅持 舉辦 跨 年 晚會 許淑華 尊重 看待 但 為了 疫情 健康 考量 在 敏感時期 若 改線 上 直播 降低 人群 聚集 能 避免 更 多 風險 讓 臺灣 更 好 是否 應該 朝向 這 方向 思考 此外 101 宣佈 取消 高空 跨 年 煙火 派對 周 遭 的 微風 南山 微風 松 高和 新光 三越 舉辦 的 跨 年 市集 及 元旦 於 微風 廣場 舉行 的 迎新 打鼓 活動 也 跟 著 喊 卡 許淑華 說 各 團體 表現 防疫 優先 態度 不讓 人群 聚集 放棄 商機為 臺灣 疫情 一起 作戰 值得 贊許</t>
  </si>
  <si>
    <t>高雄 大 樹 區 金鑽 鳳梨 進入 盛產期 卻 遇上新冠肺炎 外銷 通路 受挫 國內 一 日 農夫 活動 也 因 民眾 宅 在家 受 影響 農業 局長 吳芳銘 為 挽救 情勢 首度 走進 鳳梨 園區 開 直播 與 網 紅 高鈞鈞 高雄市議員 邱于軒 及 臺北市議員 游淑慧 侯</t>
  </si>
  <si>
    <t>高雄 大 樹 區 金鑽 鳳梨 進入 盛產期 卻 遇上新冠肺炎 外銷 通路 受挫 國內 一 日 農夫 活動 也 因 民眾 宅 在家 受 影響 農業 局長 吳芳銘 為 挽救 情勢 首度 走進 鳳梨 園區 開 直播 與 網 紅 高鈞鈞 高雄市議員 邱于軒 及 臺北市議員 游淑慧 侯漢廷 聯手 行銷 大樹 鳳梨 直播 中 吳芳銘 介紹 了 鳳梨 相關 產品 例如 有機 鳳梨 果乾 鳳梨 蔭 醬 鳳梨 酥 等 也 讓 大家 試 吃 新鮮 的 鳳梨 看到 鳳梨 果乾 與 新鮮 鳳梨 懸殊 的 體積 差異 讓 侯漢廷 驚訝 表示 太 奢侈 了 可以 這樣 吃 嗎 而 邱於軒 則 是 吃 完現 削 鳳梨 後 立馬 表示 我 相信 下 一個 會 更 甜 可以 再 削 一個 一行 人 歡樂 的 采果 氣氛 讓 網友 們 直 呼想 到 現場 一同 採摘 線 上 觀看 直播 有 4400 餘 人 直播 後 2 天 總 觀看 人次 達 7萬 多 吳芳銘 說 希望 透過 鳳梨 采果 體驗 的 直播 傳達 給 全球華人 朋友 來 高雄一 探 高雄 農村 的 魅力 高雄 一 日 農夫 農村 體驗 品牌 深植 人心 遊客 客源 多元 全國 各地 都 有 遊客 參與 港澳 星馬 及 東南亞 國外 旅客 也 會 慕名而來 吳芳銘 鼓勵 大家 走 出 戶外 呼吸 新鮮空氣 及 到 鳳梨 園 採收 鳳梨 但因 正值 新冠肺炎 防疫期間 為 防 群 聚 感染 3 月份 起 改 不 搭 遊覽車 前往 而 由 報名 遊客 自行 前往 首批 開放 報名 今 明 2 天 名額 就 有 超過 5 成 66 人 參加 下 週六 日 開放 120 位 名額 想 參加 民眾 要 趁早 農業局 盼 藉 由 改變 活動 模式 能 讓 遊客 安心 又 能 體驗 采果 樂趣</t>
  </si>
  <si>
    <t>行政院長 蘇貞昌 日前 在 立院 接受 質詢 時 拿 訂 冷凍雞 腿 比喻 採購 疫苗 引發 各界 批評 臺北市議員 王世堅 直言 現在 疫情 高漲 使用 這種 不當 比喻 很 輕率 並 指 蘇揆 的 一言一行 神明 和 人民 都 看在眼裡 王世堅 更 表示 自己</t>
  </si>
  <si>
    <t>行政院長 蘇貞昌 日前 在 立院 接受 質詢 時 拿 訂 冷凍雞 腿 比喻 採購 疫苗 引發 各界 批評 臺北市議員 王世堅 直言 現在 疫情 高漲 使用 這種 不當 比喻 很 輕率 並 指 蘇揆 的 一言一行 神明 和 人民 都 看在眼裡 王世堅 更 表示 自己 會 等到 全 臺灣 2300萬 人 打完 疫苗 後 再 施 打 並 呼籲 政治 人物 們 這麼 做 他 指出 現在 疫情 延 燒 成 這樣 政治 工作 做 到 這種 程度 那 政治工作者 應該 最後 施打 王 世堅 11 日 在 中視 政論 節目 庶民 大頭 家 中 表示 我 宣佈 我 拒絕 打 疫苗 我 期待 我 自己 我 也 呼籲 所有 政治工作者 大家 都 退出 甚麼 任何 第 2 類 施打 第 幾 優先 通通 退出 他 認為 最 沒 資格 打 疫苗 的 應該 在 全國 2300萬 人 都打 了 疫苗 之後 在 打的 就 是 政治工作者 王 世堅 指出 當 你 從事 政治 的 時候 你 已經 跟 人民報 告 我們 是 要來 報效 國家 服務 人民 現在 弄 到 這邊 有 疫情 那邊 有 疫情 每天 都 有 國人 過世 如果 政治 做到 這 種 程度 政治工作者 應該 最後 一個 施打 我 要求 我 自己 我 拒絕 施打 疫苗 我 要 在 2300萬 人 都打 了 之後 還有 剩 再 給 我 我 也 呼籲 所有 政治工作者 應該 這麼 做 不要 再 說 他 是 第 2 優先 第 幾 很 重要 王 世堅 認為 我們 國家 少掉 政治工作者 還有 人 會 來 替代 國家 不 會 斷 掉 並 指出 這 3 4 個 月 來 蘇貞昌 溫和 很多 但 他 有 帶 一點 嘻笑怒駡 的 態度 不是 說 每 一個 答詢 都 要用 比喻 讓 大家 聽 懂 這個 不好 人命關天 現在 疫情 高漲 全民 都 百分之百 在 關注 這 件 事情 這 是 很 嚴肅 的 一 件 事 以後 國會 答 覆 不要 再以 任何 不當 的 比喻 這樣 太 過 輕率 雖然 王世堅 對 蘇揆 的 態度 轉變 表示 肯定 但 他 也 呼籲 蘇揆 他 做 的 一個 決定 下 的 政策 包括 紓困 其實 選民 都 在 看 王世堅 希望 蘇貞昌 團隊 能 注意 這 點 你 每個 一動 作 每 一 句 話 背 後 都有 神明 和 人民 在 看</t>
  </si>
  <si>
    <t>新北 市議員 張錦豪 接 獲 基層 公務員 投訴 新北 就業 服務 處 5 月中 傳出 有志 工 染疫 但 勞工 局 卻 未 安排 同仁 快 篩 人心惶惶 對此 就業 服務 處處長 林 澤州 表示 染疫 志 工 僅 有 到 就 服 站 3 小時 第一時間 已 大 清 消 未 與 民眾 同仁 接</t>
  </si>
  <si>
    <t>新北 市議員 張錦豪 接 獲 基層 公務員 投訴 新北 就業 服務 處 5 月中 傳出 有志 工 染疫 但 勞工 局 卻 未 安排 同仁 快 篩 人心惶惶 對此 就業 服務 處處長 林 澤州 表示 染疫 志 工 僅 有 到 就 服 站 3 小時 第一時間 已 大 清 消 未 與 民眾 同仁 接觸 匡列 同班 志 工 1 人 染疫 志 工 ct 值 超過 30 目前 已 居家 隔離 張 錦 豪 表示 疫情 不斷 升溫 新北 市 各局 處 傳出 基層 公務員 志 工 或 駐 府 外 包 人員 染疫 另外 一線 的 員警 消防 染疫 事件 也 時有所聞 他 再次 呼籲 市府 確保 基層 公務員 健康 才能 繼續 帶領 民眾 對抗 疫情 除了 擴大 消毒 外 更 應 確實 執行 居家 辦公 分流 辦公 確保 公務員 健康 林 澤州 表示 該 名 志 工於 5 月 12 日 到 新北 就業 服務處 服務 5 月 18 日 接 獲 確診 通知 第一時間 立即 對 辦公 區域 進行 消毒 同時 由 衛生局 疫 調 當下 有 調閱 監視器 厘 清 由於 該 名 志 工 全程 佩戴 口罩加上 並未 與 民眾 同仁 密切接觸 僅 匡列 同班 的 一 名 志 工 林 澤州 表示 持續 關心 同仁 健康 身體狀況 該 名 確診 志 工 送往 集中 檢疫所 如今 ct 值 超過 30 已 返家 居家 隔離 民眾 無須 過於 擔心 也 持續 加強 辦公 環境 清 消 此外 5 月 18 日 之後 即 暫停 所 有志 工 服務</t>
  </si>
  <si>
    <t>高雄 連續 19 天 嘉玲 但 高市議員 陳若翠 21 日 揭露 ikea 宜 家 家居 高雄店 一 名 銷售 部門 主管 7 月 15 日 出境 返回 馬來西亞 時 采 檢 為 陽性 高 市府 接 獲 通報 後 緊急 匡列 相關 接觸 者 並 展開 清 消 作業 對此 高 市府 衛生局 表示 疫</t>
  </si>
  <si>
    <t>高雄 市長 陳其邁 炮轟 新北 市 疫 調 缺失 導致 高雄群 聚 感染 三峽 恩 主公 醫院 被 推上 炮 口 醫護人員 士氣 大 受 影響 一 位 恩 主公 醫院 專科 護理 師 請 新北 市議員 葉元之 轉發 護理部 主任 鼓勵 同仁 的 信 希望 讓 更 多 民眾 知道 真相 也 希望</t>
  </si>
  <si>
    <t>高雄 市長 陳其邁 炮轟 新北 市 疫 調 缺失 導致 高雄群 聚 感染 三峽 恩 主公 醫院 被 推上 炮 口 醫護人員 士氣 大 受 影響 一 位 恩 主公 醫院 專科 護理 師 請 新北 市議員 葉元之 轉發 護理部 主任 鼓勵 同仁 的 信 希望 讓 更 多 民眾 知道 真相 也 希望 高雄 市長 能 向恩 主公 醫院 所有 辛苦 的 第一線 醫護人員 道歉 不要 因為 政治 打擊 抹煞 基層 醫護人員 的 辛勞 信 中 提到 恩 主公 醫護人員 不 做 英雄 沒有 推卸 但 從不 退縮 因為 政治 爭鬥 卻 把 恩 主公 當做 標 靶 不公 不義 醫院 資源 沒有 醫療 中心 多 為 配合 國家 政策 已 人仰馬翻 甚至 丟 下 家庭 不敢 回家 這次 事件 因 病 人 不 願 做 pcr 事實 被 操 弄 大家 都 感到 憤怒 但 醫院 仍 選擇 將 能量 盡心盡力 守護 民眾 健康 請 各位 同仁 諒解 葉 元之 表示 陳其邁 批 新北 疫 調 不實 雖然 昨天 恩 主公 醫院院長 已 回應 一切 按照 衛福部 的 指引 但 綠 營 民 代及 側翼 今天 又 扯 出5 月 13 日 指引 已 更新 認為 恩 主公 醫院 仍 有 疏失 但 實際上 衛福部 感染 管理 措施 指引 從未 更新 至今 仍 是 去年 的 版本 綠 營 所指 5 月 13 日 的 規定 只 是 一個 因應 醫院 院內 感染 的 處置 建議 並 不是 具 強制力 的 指引 葉 元 之說 大家 都 希望 防疫 可以 更 好 做法 上 當然 可以 討論 且 5 月中 下旬 當時 新北 疫情 大 爆發 確實 醫護 能量 略有 不足 南部 綠 營 窮追 猛 打 的 結果 讓 北部 醫護人員 灰心 真的 無助 防疫 信件 全文 各位 護理 夥伴 大家 早安 我 是 碧端 昨天 又 一個 把 恩 主公 推上 媒體 新聞 的 浪潮 吞噬 著 我們 我們 不 做 英雄 我們 沒有 推卸 那是 我們 在 健康 體系 照顧 的 責任 在 防疫 戰 疫 中 我們 醫院 不大 但 從不 退卻 這次 因為 政治 競爭 把 恩 主公 當做 標 靶 不公 不義 醫院 不大 資源 沒 醫 中 多 常常 配合 國家 政策 弄 得 我們 人仰馬翻 因為 院長 說 我們 一定 要 盡力 救人 不 要 讓 病人在 外面 徘徊 就 3 個 病房 當 專責 兩 個 加 護 病房 一起 努力 其他 病房 及 單位 也 沒 休息 過 5 月 以來 的 事件 護理部 因為 忙 著 匡列 召回 檢測 過去 沒 實際 經驗 事件 來得 急 又 快 護理部 在 突然 面對 一般 病房 病人 陰轉陽 的 情況 也 是 亂 沒 日 沒 夜 忙碌 不已 忙 茫 忙 沒有 照顧 到 11 樓同仁 讓 他們 直接 面對 種種 例如 如何 跟 病人 解釋 轉 床 隔離 自己 是 隔離 還是 自主 管理 擔心 同事 擔心 病人 也 因此 有 了 對 大眾 抒發 謝謝 他們 提醒 我們 讓 護理部 重新 調整 並 面對 此次 病毒 防疫 的 種種 政策 醫院 也 給予 支持 謝謝 各位 護理 夥伴 在 專責 單位 每日 的 驚 心動 迫 捅 鼻子 n 95 勒 痕 不能 回家 丟 下 家庭 維持 運作 的 一般 單位 內外科 的 交叉 照顧 不 熟悉 的 科別 一樣 擔負 著 病人 照顧 需要 要 學會 防疫 防護 注意 陰轉陽 的 病人 這次 高雄 事件 因為 病人 就診 不 願意 做 pcr 被 操 弄 的 事實 我們 很 憤怒 但 醫院 選擇 將 能量 要 盡心盡力 守護 著 民眾 健康 請 各位 理解 敬祝 大家 注意 健康 共同 抗 疫 平安</t>
  </si>
  <si>
    <t>基隆 市議員 林旻勳 今天下午 市政 總 時 詢 時 指出 日前 接 擭 陳情 暖 暖 國高中 生於 9 月 24 日 接種 第一 劑 bnt 疫苗 其中 更 有 數 名 國中女 學生 于 2 周後 施打 子宮 頸 疫苗 再 2 周 接續 打 bnt 第 2 劑 原訂 11 月 10 日 還要 打 流感疫苗 等於 48 天內</t>
  </si>
  <si>
    <t>台 中北 屯 家族 傳播 鏈 再 添 一 死 繼 6 月 2 日 78 歲 李 爺爺 染疫 身亡 後 其妻 72 歲 的 奶奶 也 在 12 日 不治 身亡 子孫 悲痛 因 隔離 治療 無法 送別 協助 處理 後 事 的 民政局長 吳 世瑋 說 家屬 透露 奶奶 生前 遺願 是 火化 後 要 和 爺爺 的 骨灰壇 安厝 在 一起 倆 人 不 要 再 被 隔離 了 台中 市北 屯 區大坑 裡 5 月底 爆出 家庭 群 聚 感染 家族 中 72 歲 奶奶 先 在 5 月 27 日 確診 事後 疫 調 發現 是 其 情 同 姐妹 的 鄰居 曾 接待 過 萬 華 友人 該 友人 回到 萬華 後 確診 死亡 整個 傳播 鏈 累計 21 人 確診 含 萬 華 個案 78 歲 爺爺 重症 不治 成為 台中 市 首 位 因 新冠 病毒 過 逝 的 確診 者 當時 奶奶 相當 悲痛 也 已 簽署 放棄 急救 dnr 其 兒子 中 也 有人 重症 插管 經過 連日 搶救 奶奶 的 兒子 病情 好轉 但 奶奶 卻 在 12 日 重症 不治 由於 三 名 兒子 媳婦 和 長孫 都 染疫 全都 收治 在 醫院 隔離 治療 或 居家 隔離 中 6 月 2 日 78 歲 筍 農 爺爺 病逝 只有 嫁到 苗栗 的 女兒 能 治喪 且 因 傳染病 防治法 規定 需 於 24 小時 內 火化 與其 家族 相熟 的 市議員 曾朝榮 表示 家屬 相當 無助 幸經 曾朝榮 和 民政局 協助 將 爺爺 骨灰 安厝 在 潭子 生命 紀念館 奶奶 12 日 重症 不治 子 孫仍 在 住院 隔離 或 居家 隔離 中 仍 是 其 未同 住 的 女兒 處理 相關 事宜 曾朝榮 坦言 家屬 很 無助 也 自責 他 也 會 協助 相關 事宜 民政局 獲悉 後 立即 啟動 關懷 流程 致贈 10萬 元 慰問金 全力 協助 家屬 治喪 事宜 民政局長 吳 世瑋 說 市府 第一時間 即 派員 前往 衛生 福利 部 豐原 醫院 關懷 慰問 奶奶 的 女兒 她 也 透露 爸 媽 相當 恩愛 去年 才剛 過完 結婚 50 年 的 紀念日 母親 生前 表達 希望 與 父親 同時 安厝 潭子 生命 紀念館 令 人 悲慟 市府 已 聯繫 生 管處 全力 協助 家屬 處理 治喪 事宜 殯 喪 費用 由 公所 急 難 救助金 支應補助 再 由 新冠肺炎 防疫 捐款 專戶 歸墊 幫助 家屬 度過難關 市府 也 會 持續 關懷 與 協助</t>
  </si>
  <si>
    <t>台中 市議員 提案 自 購 疫苗 獲 議會 三讀通過 衛生局 現階段 窒礙難行</t>
  </si>
  <si>
    <t>多 家 疫苗 紛紛 抵 台 指揮中心 昨日 也 宣佈 要 開放 23 歲 以上 民眾 預約 az 疫苗 國民黨 臺北市議員 王鴻薇 對此 批評 許多 國家 在 az 疫苗 接種 上 都有 提出 施打 年齡 限制 如 日本 限 40 歲 以上 韓國 則 是 50 歲 以上 反觀 蔡 政府 卻 用 輪</t>
  </si>
  <si>
    <t>多 家 疫苗 紛紛 抵 台 指揮中心 昨日 也 宣佈 要 開放 23 歲 以上 民眾 預約 az 疫苗 國民黨 臺北市議員 王鴻薇 對此 批評 許多 國家 在 az 疫苗 接種 上 都有 提出 施打 年齡 限制 如 日本 限 40 歲 以上 韓國 則 是 50 歲 以上 反觀 蔡 政府 卻 用 輪到 你 就 去 打 來 卸責 王 鴻 薇 表示 在 民間 奔走 下 bnt 疫苗 即將 抵 台 但 對於 23 歲 以上 年輕人 來說 是 大失所望 bnt 沒有 份 指揮中心 隨即 宣佈 23 至 29 歲 民眾 可以 預約 施打 az 意圖 平息 年輕人 之 怒 意 即 有 疫苗 打 了 可以 不 用 吵 了 吧 王 鴻 薇 指出 大量 贈送 az 給 臺灣 的 日本 即使 准許 az 施打 也 僅 限 40 歲 以上 民眾 韓國施 打 az 也 只 開放 50 歲 以上 的 民眾 根據 英國 jcvi 的 建議 在 疫情 得到 控制 有 其他 疫苗 供應 的 前提 下 建議 讓 18 至 39 歲 民眾 可 打 其他 品牌 疫苗 但 臺灣 23 至 39 歲 民眾 卻 只 有 高端和 az 可 選擇 政府 一味 拼 疫苗 覆蓋率 直 踩油門 打下 去 的 結果 是 什麼 王 批評 az 是 英國牛津大學 研究 開發 但 英國 疫苗 接種 和 免疫 聯合 委員會 jcvi 在 5 月 公開 建議 要 將 30 到 39 歲 民眾 納入 施打 其他 品牌 疫苗 的 物件 先前 jcvi 只 建議 政府 不 要 再 讓 30 歲 以下 打 az 建議 讓 30 歲 以下 民眾 可 選擇 施打 其他 疫苗 王 說 jcvi 主席 林偉勝 表示 隨 著 covid-19 感染 率 得到 控制 我們 建議 沒有 潛 在 健康 問題 的 18 到 39 歲 成人 在 有 疫苗 可 供應 而 不 會 造成 延後 接種 的 情況 下 可以 改用 其他 品牌 疫苗 以 取代 牛津 阿斯特 捷利康 疫苗 王 認為 bnt 已經 將 陸續 抵 台 根據 民間 企業 消息 未來 還 可以 有 再 加 購 3000萬 劑 bnt 的 機會 結果 指揮中心 和 行政院 又 是 同樣 的 回 覆 說 政府 已經 採買 足夠 的 疫苗 了 明明 可以 為 年輕 族群 加 購 az 以外疫苗 政府 只 想 消化 az 拼 疫苗 覆蓋率 王 質疑 但 臺灣 疫苗 真的 足夠 嗎 根本 睜 眼 說瞎話 在 國外 很多 國家 都 有 接種 年齡 限制 的 az 現在 臺灣 竟然 變成 23 歲 以上 年輕 施打 疫苗 主力 多麼 諷刺</t>
  </si>
  <si>
    <t>2020 年 天災人禍 肆虐 全球 籠罩 在 新冠肺炎 疫情 的 陰影 之下 台南 市議員 蔡筱薇 李啟維 在 今日 協助 台南 基督 長老教會 台南 中會 舉辦 七月 平安 暝 臺灣 好 萬年 2020 心靈 重建 平安 音樂會 記者會 希望 透過 音樂 撫平 大家 心靈</t>
  </si>
  <si>
    <t>2020 年 天災人禍 肆虐 全球 籠罩 在 新冠肺炎 疫情 的 陰影 之下 台南 市議員 蔡筱薇 李啟維 在 今日 協助 台南 基督 長老教會 台南 中會 舉辦 七月 平安 暝 臺灣 好 萬年 2020 心靈 重建 平安 音樂會 記者會 希望 透過 音樂 撫平 大家 心靈 的 哀痛 七月 平安 暝 臺灣 好 萬年 2020 心靈 重建 平安 音樂會 將 於 9 月 6 號 于台 南市 南 島 路 及 建平 路口 舉行 主辦單位 邀請 台南 在 地 嘻 哈 歌手 大 支 參與 演出 除此之外 更 找 立法委員 陳柏惟 上臺演講 台南 市議員 蔡筱薇 指出 2020 年 是 一個 很 特別 年份 無論是 新冠肺炎 東京 奧運 延期 李前 總統 逝世 等 情況 都讓 許多 人 陷入 哀痛 之中 期盼 藉 由 世界 語言 音樂 一起 為 台南 市民 祝福 祈禱 市議員 李啟維 也 表示 透過 平安 音樂會 可以 傳遞 耶穌基督 的 福音 給 台南 市民 帶 給 鄉親 更 多 祥和 台南 市 基督 長老教會 台南 中 會議 長 黃 偉力 則 在 記者會 中 帶領 議員 及 與會 貴賓 進行 禱告 儀式 除了 期許 臺灣 疫情 穩定 之外 也 將 更 多 的 愛 與 祝福 傳遞 給 其他 國家</t>
  </si>
  <si>
    <t>北農 83 例 確診 染疫 北市議員 黃郁芬 28 日 踢 爆 其中 竟 有 10 例 接觸 的 匡列 人數 是 0 基隆 嘉義 等 外縣市 都 做 得 到 發出 細胞 簡訊 通知 確診 個案 的 周 遭人 北市 竟 沒有 議員 苗博雅 也 質疑 83 例 中 有 36 例 是 這次 北農 2 0 專案 篩 出</t>
  </si>
  <si>
    <t>北農 83 例 確診 染疫 北市議員 黃郁芬 28 日 踢 爆 其中 竟 有 10 例 接觸 的 匡列 人數 是 0 基隆 嘉義 等 外縣市 都 做 得 到 發出 細胞 簡訊 通知 確診 個案 的 周 遭人 北市 竟 沒有 議員 苗博雅 也 質疑 83 例 中 有 36 例 是 這次 北農 20 專案 篩 出 但 其 他 卻 都 是 自己 去 快 篩 或 醫療 院所 發現 居然 沒有 1 例 是 臺北市 長 柯文哲 之前 說 的 同心圓 篩檢 篩 出 黃鬱芬 質詢 北農 第一 第二 果菜 批發市場 居然 有 10 例 確診 的 職 場 接觸 人 是 0 這麼 多 雇員 送貨員 蔬 菜攤 這樣 疫 調 的 匡列 非常 不 確實 難道 都 沒有 接觸 任何人 嗎 黃鬱芬 說 其中 3 人 是 臺北市 民 分別 是 1 名 第一 市場 雇員 2 名 是 第二 市場 攤 商 級 雇員 但 北市 衛生局 卻 都 沒 根 據實 聯 制 發送 細胞 簡訊 給 接觸 人 通知 自主 健康 管理 先前 基隆 市 燒烤店 家族 5 人 確診 都 做 得 到 發送 細胞 簡訊 匡列 嘉義 也 做得 到 北農 這麼 嚴重 北市 卻 做 不到 怎麼 可能 是 0 北市 衛生局 疾 管 科長 余燦 華 坦承 疫 調 匡列 在 實 務 上有 困難 個案 在 回答 時 有所 保留 有人 指說 不 太 跟 其他人 來往 北市 也 還 沒用 細胞 簡訊 匡列 但 透過 這樣 的 電話 足跡 方式 會 研 議 辦理 苗博雅 則 說 北農 83 例 中 北農 20 專案 篩 出 是 36 名 pcr 陽性 其他 都 不是 柯文哲 之前 說 的 同心圓 篩檢 篩 出來 的 且 北農 一 市 被 封 的 攤 商 看到 被 封時 就 直接 在 旁邊 繼續 擺攤 攤 商 根本 不該 出來 北市 卻 沒有 作為 針對 北農 案 不可能 要求 新北 基隆 到 北市 做 疫 調 吧 余燦 華說 36 人 是 專案 篩 出 其他 則 是 自己 去 醫療 院所 快 篩 被 院所 發現 北市 6 月 12 日前 後 都有 疫 調 但 之前 因 與 新北 疫 調 溝通 整合 有 困難 但 在 柯 市長 去 指揮中心 提 出來 後 有 開始 整合 議員 林亮君 追問 但 柯文哲 跟 中央 討論 後 衛生局 卻 遲遲 未 發 公文 所以 柯文哲 要 請 醫 福 會 執行長 王 必勝 來 協助 北農 做 pcr 都只 透過 記者會 講 沒 事先 跟 衛生局 溝通 餘則 說 之前 會議 市長 有 提過 2 次</t>
  </si>
  <si>
    <t>二二 八連 假 這 幾 天 網路上 關於 武漢肺炎 討論 最熱 的 話題 不是 韓國 增加 多少 例 也 不是 臺灣 疫情 如 何如何 而是 爭論 到底 病毒 是不是 來自 美國 這個 話題 最 早 是 日本 朝日電視臺 報導 但 很快 就 被 美國 疾病 管制 暨 預防 中心 cdc 否認 大陸 環球時報 還 批評 朝日電視臺 過度 解讀 了 接 著 新 黨 臺北市議員 潘懷宗 在 臺灣 東森 電視 的 這不 是 新聞 節目 中 自稱 以 最 簡單 科學 的 方式 解說 為何 病毒 是 來自 美國 潘懷宗 的 說法 引起 中國 媒體 的 注意 一下子 就 在 網上 火爆 了 起來 為此 中國 媒體 特別 找 了 蘭州大學 研究員 趙序茅 進行 研 判 潘懷宗 在 節目 上 展示 的 基因 分析 論文 作者 其實 來自 中國科學院 就 是 前不久 中國科學院 西雙版納 熱帶 植物園 華南農業大學 和 北京 腦科 中心 在 chinaxiv 論文 預 印本 網站 上 聯合 發 佈 的 一 篇 論文 大陸 專家 解讀 論文 後 發現 那 篇 論文 並 沒有 直指 美國 是 源頭 只能 說 祖父 級 病毒 有 出現 在 中國 深圳 和 美國 根本無法 得出 病毒 源自 美國 他 還 說 根據 目前 的 相關 研究 源頭 應該 還 在 武漢</t>
  </si>
  <si>
    <t>民間 捐贈 bnt 疫苗 陸續 到貨 第 10 輪 將 開放 64 歲 以上 18 至 22 歲 以及 第 九 類 物件 預約 接種 這樣 的 安排 讓 不少 中間 族群 爆 氣 直 呼 上班族 活該 被 跳 過 嗎 國民黨 臺北市議員 李明賢 直言 自己 就 接 到 一個 25 歲 年輕人 的 特殊 案例 希</t>
  </si>
  <si>
    <t>民間 捐贈 bnt 疫苗 陸續 到貨 第 10 輪 將 開放 64 歲 以上 18 至 22 歲 以及 第 九 類 物件 預約 接種 這樣 的 安排 讓 不少 中間 族群 爆 氣 直 呼 上班族 活該 被 跳 過 嗎 國民黨 臺北市議員 李明賢 直言 自己 就 接 到 一個 25 歲 年輕人 的 特殊 案例 希望 政府 能 幫忙 解決 指揮中心 1 日 宣佈 第 10 輪 加開 第一 劑 bnt 符合 資格 者 約 38萬 人 分作 3 類 在 7 月 29 日 以前 完成 意願 登記 的 18 至 63 歲 第 九 類 物件 64 歲 以上 的 一般 民眾 與 18 至 22 歲 的 年輕 族群 消息 引發 網友 討論 不少 上班族 則 哀嚎 又 被 插隊 了 上班族 活該 中間 族群 一直 被 跳 過 一下 要 給 打 第二 劑 一下 要 給 學生 中間 族群 的 人 都 不用 上班 嗎 都 不 會 接觸 到 人 對此 李明賢 今 在 臉書 發文 表示 自己 最近 接 到 一個 陳情 個案 當事人 是 25 歲 的 社會 新鮮 人 連 第一 劑 都 還 沒 打更 遑 論 第二 劑 加上 經濟 能力 問題 要到 醫院 探視 看 奶奶 儘管 政府 從 10 月 1 日 起 開放 加 護 病房 家屬 兩 人 探病 三 天 就 要 pcr 一 次 看似 德政 但是 一 次 費用 3500 元 對 這 位 25 歲 的 社會 新鮮 人 而言 實在 是 不小 的 負擔 他 希望 政府 能 有 解 套 方案 李明賢 感歎 擺 蕩 在 親情 與 經濟 壓力 之下 政府 該 如何 照顧 必須 受到 照顧 的 人 還是 沒 錢 做 pcr 就 不能 探病 自己 也 會 在 議會 提出 建議 請 市府 思考 針對 特殊 家庭 或 予以 補助</t>
  </si>
  <si>
    <t>新冠肺炎 爆發 至今 臺灣 防疫 成績 有目共睹 但 桃園 市議員 村長 詹 江村 提出 質問 臺灣 真 的 安全 嗎 他 舉例 越南 逼近 200 例 總理 呼籲 做好 封城 準備 而 臺灣 已經 超過 300 例 確診 死亡 人數 也 達 5 人 所以</t>
  </si>
  <si>
    <t>新冠肺炎 爆發 至今 臺灣 防疫 成績 有目共睹 但 桃園 市議員 村長 詹 江村 提出 質問 臺灣 真 的 安全 嗎 他 舉例 越南 逼近 200 例 總理 呼籲 做好 封城 準備 而 臺灣 已經 超過 300 例 確診 死亡 人數 也 達 5 人 所以 村長 憂心 指出 臺灣 的 防疫 根本 是 佛 系 防疫 詹 江村 在 臉書 表示 臺灣 的 防疫 除 了 中國 大陸 回來 的 台商 全程 穿 防護衣 醫療 人員 陪伴 徹底 檢疫 嚴厲 隔離 之外 卻 放任 疫情 比 中國 大陸 嚴重 的 歐美 歸國 人士 自我 隔離 卻 四處 趴 趴 走 甚至 還 派 官員 陪 喝 咖啡 而 確診 對 上述 反常 作為 詹 江村 質疑 臺灣政府 是否 害怕 如果 普查 萬一 查出 很多 輕微 確診 病 患 可能 讓 臺灣 的 醫療 體系 瞬間 潰 堤 而 不是 臺灣 真的 沒有 社區 感染 吧 詹 江村 直 呼 臺灣 的 防疫 根本 是 佛 系 防疫 政府 做 了 什麼 大家 可以 告訴 我 嗎 上 深呼吸 道 感染 竟然 看 了 6 次 醫生 都 沒有 篩檢 在 目前 輿情 大贊 臺灣 防疫 成績 順 時中 當道 氛圍 下 村長 詹 江村 敢 質問 臺灣 真 的 安全 嗎 批 臺灣 的 防疫 根本 是 佛 系 防疫 政府 做 了 什麼 不少 網友 竟 也 附和 表示 防疫 破 口 一大 堆 神 個 屁 不用 提醒 817 他們 都是神 都 拱 上 神壇 當 英雄 了 怎 會 讓 自己 變 狗熊 呢 越南 不會 吹噓 宇宙 第一 的 防疫 嗎 哪個 報紙 稱讚 臺灣 整天 綠 黴 都 在 開 自 嗨 模式</t>
  </si>
  <si>
    <t>因應 新冠肺炎 疫情 台中 市 經發局 發 函 給 各 公 民有 市場 要求 落實 配戴 口罩 營業 台中 市議員 鄭功進 17 日 為 民有 市場 自治 會 請命 抨擊 市府 不應 只 照顧 公有 市場 及 觀光 夜市 業者 民有 市場 恐 成 防疫 破 口 經發局 指出 將 調查 業</t>
  </si>
  <si>
    <t>因應 新冠肺炎 疫情 台中 市 經發局 發 函 給 各 公 民有 市場 要求 落實 配戴 口罩 營業 台中 市議員 鄭功進 17 日 為 民有 市場 自治 會 請命 抨擊 市府 不應 只 照顧 公有 市場 及 觀光 夜市 業者 民有 市場 恐 成 防疫 破 口 經發局 指出 將 調查 業者 申購 意願 及 數量 回報 經濟部 擇期 配送 民有 市場 業者 指出 防疫 不應 有 雙重標準 目前 公有 零售 市場 及 列管 的 夜市 攤 商業 者 由 經發局 調查 後 造冊 送 經濟部 每 攤 每 星期 可 配送 6 個 口罩 唯獨 民有 市場 被 漠視 防疫 不應 有 雙重標準 難道 配送 口罩 還 分 大小 漢 嗎 鄭功進 表示 對抗 新冠肺炎 應 全民 總動員 市府 有心 拉高 防疫 層級 就 不應 把 買 口罩 的 問題 丟 給 攤 商 肺炎 病毒 傳染 並 不 會分 公有 或 民有 加上 許多 公有 市場 及 夜市 攤位 所有人 並非 實際 營業 人 恐 成 防疫 破 口 鄭功進 說 市場 攤 商 普遍 年紀 較 長 工時 和 一般 上班族 不同 根本 不太可能 特別 抽空去 排隊 買 口罩 在 每天 近千人 進出 的 公 民有 市場 做好 防疫 工作 更 不應 分 中央 與 地方 除 基本 口罩 外 市府 應 提供 足量 消毒水 及 額 溫槍 確實 做好 防疫 準備 市府 表示 經發局 配合 經濟部 3 月 16 日 公文 向中市 所轄 15 處 營業 中的 民有 市場 全面 調查 口罩 需求 數量 待 調查 各 市場 申購 意願 及 攤位 數 後 將 回報 經濟部 讓 業者 擇期 可 順利 取得 口罩</t>
  </si>
  <si>
    <t>北市 副 市長 黃珊珊 21 日 指 禾馨 診所 有 違法 施打 疫苗 給 非醫 事 人員 禾馨 稍 早 開 記者會 公佈 向 北市 衛生局 取得 疫苗 的 所有 對話 紀錄 並說 施打 名單 都有 核 衛生局 溝通 來 駁斥 針對 政風 處 報告 到底 調查 進度 如何 臺北市 長 柯文哲 說 我 不 曉得 北市 副 市長 黃珊珊 則 說 有 非 醫 事 人員 施打 會 依法 裁 罰 北市議員 徐弘庭 說 禾馨 稱 施打 名單 都有禾 衛生局 溝 通過 且 都有 紀錄 政風 處 調查報告 是 怎麼 報告 的 甚至 還 寫 中央級 某 民 代 施壓 可以 這樣 做 報告 嗎 柯說 我 不 曉得 北市 衛生局長 黃世傑 則 說 立 委 高嘉瑜 跟 他 的 line 對話 都 有 交到 市長 室 市府 會 有 適度 回應 他 是 有 把 高嘉瑜 的 要求 交 辦 下去 北市議員 陳重文 問 禾馨 到底 有 沒有 違法 跟 違規 黃珊珊 則 說 比對 後 有 非 醫 事 機構 人員 施打 會 依法 裁 罰 都有 對 禾馨 4 家 診所 進行 一家 一家 比對</t>
  </si>
  <si>
    <t>民進黨 台中 市立 委 莊競 程 服務處 結合 民力 16 日 準備 3000 瓶 茶樹 幹 洗手 凝 膠 隨身 瓶 給 北屯區 弱勢 家庭 防疫 宣導 勤洗手 的 衛教 觀念 為 避免 群 聚 感染 莊競 程 服務處 當場 示範 防疫 所有 參加者 進行 量 額 溫 雙手 噴上 消毒 酒精 並 發送 口罩 配戴 防疫 滴水 不露 透過 民進黨 台中 市立 委 莊競 程 市議員 曾朝榮 的 協助 愛心 不落人後 的 康斯生 技 有限公司 提供 3000 瓶 茶樹 幹 洗手 凝 膠 隨身 瓶 免費 贈送 北屯區 弱勢 戶 現場 約 有 40 位 北 北屯區 的 裡長 們 代表 受 贈 協助 弱勢 戶 挺 過 這 波 疫情 莊 競 程 表示 對 健康 民眾 而言 配戴 口罩 不如 落實 勤洗手 向 裡民 宣 導 養成 勤洗手 清潔 習慣 減少 大型 集會 的 頻率 和 規模 或 調整 群 聚 活動 的 形式 並 經由 科技 方式 如 改為 網路 聚會 或 線 上 課程 等 降低 疫情 傳染 散播 機 率 減少 感染 北屯區 平 陽 裡長 張 連進 指出 暖 商 協助 地方 防疫 捐贈 幹 洗手 凝 露 1 瓶 60 ml 酒精 成分 75 隨身 瓶 方便 攜帶 出門 隨時 清潔 手部 熱心 關懷 弱勢 一起 做好 防疫 確保 裡民 身體健康 安全 民進黨 市議員 曾朝榮 說 臺灣 疫情 防範措施 相較 世界 各國 來 的 嚴謹 但 弱勢 戶 經濟 拮据 防疫 物資 相較 欠缺 亟需 外界 給予 支援 與 關懷 尤其 第一線 的 裡長 為民服務 配戴 口罩 勤洗手 是 最 直接 最 基本 的 防護 措施</t>
  </si>
  <si>
    <t>行政院長 蘇貞昌 23 日 到 新北 市 樹林 區 農業 改良 所 臺北 分場 視察 花卉 蔬果 栽種 情況 蘇揆 表示 這裡 的 桂花 很 香 可以 測試 嗅覺 有無 異狀 並 藉 此 得知 是否 感染 新冠肺炎 對此 新北 市議員 葉元之 痛 批 蘇揆 無知 歧視 他 更 直</t>
  </si>
  <si>
    <t>行政院長 蘇貞昌 23 日 到 新北 市 樹林 區 農業 改良 所 臺北 分場 視察 花卉 蔬果 栽種 情況 蘇揆 表示 這裡 的 桂花 很 香 可以 測試 嗅覺 有無 異狀 並 藉 此 得知 是否 感染 新冠肺炎 對此 新北 市議員 葉元之 痛 批 蘇揆 無知 歧視 他 更 直言 蔡 總統 曾說 過 無知 和 歧視 無助於 控制 疫情 說 的 就 是 蘇揆 這樣 的 人 中天 新聞 報導 葉元之 表示 蔡英文 總統 曾說 無知 和 歧視 無助於 疫情 的 控制 而 這 句 話 就 是 在 講 蘇貞昌 蘇貞昌 就 是 最 無知 而且 會 歧視 別人 的 人 聞 不 到 就 是 得到 新冠肺炎 那麼 多 人 鼻子 過敏 像 我 鼻子 過敏 也 常常 聞 不到 所以 我 現在 要 去 隔離 了 嗎 怕 傳染給 別人 嗎 葉 元之 質疑 是不是 未來 要 檢測 有 沒有 確診 就 直接 測試 嗅覺 若 有 境外 旅客 入境 移民署 就要 準備 很多 香料 讓 人家 來 聞 看 你 聞 不 聞 得到 九 層 塔 還是 聞 不 聞 得到 臭豆腐 聞 不 到 就 直接 隔離 或者 醫院 進行 篩檢 時 用 九 層 塔 取代 核酸 檢測 所以 講 這種 話 就 是 無知 而且 歧視 對於 蘇揆 將 新冠肺炎 患者 症狀 之一 的 嗅覺 異常 拿 來 嘲笑 葉元之 直 批 把 別人 的 傷痛 掛 在 嘴上 嘲笑 別人 病 患 聽到 會 有 多 傷心 在 第一線 照顧 病人 的 醫護人員 聽到 行政院長 把 病人 的 症狀 拿 來 當成 嘲笑 的 一 句 話 會 有 多 難過 我們 在 前線 打仗 你在 後面 翹 二郎腿 說風涼話 最後 葉元之 更 炮轟 蘇揆 不配 做 人民 的 父母官 居然 拿 人民 傷痛 來 嘲笑 並 指 這種 無知 歧視 的 人 早就 該 下 台</t>
  </si>
  <si>
    <t>林秉樞 毆打 立 委 高嘉瑜 扯 出 案外案 臺北市議員 游淑慧 接 獲 檢舉 林秉樞 7 月 15 日 和 10 月 5 日 分別 在 禾馨 台中 榮 總 打 莫德納 疫苗 但 當時 只 開放 50 歲 以上 長者 質疑 43 歲 的 林秉樞 是不是 特權 施打 臺北市衛生局 今 早 派員 到 禾</t>
  </si>
  <si>
    <t>林秉樞 毆打 立 委 高嘉瑜 扯 出 案外案 臺北市議員 游淑慧 接 獲 檢舉 林秉樞 7 月 15 日 和 10 月 5 日 分別 在 禾馨 台中 榮 總 打 莫德納 疫苗 但 當時 只 開放 50 歲 以上 長者 質疑 43 歲 的 林秉樞 是不是 特權 施打 臺北市衛生局 今 早 派員 到 禾馨 瞭解 情形 北 市府 發言人 陳智菡 證實 他 沒有 特殊 身分 但 確實 在 7 月 15 日 曾在小 禾馨 民權 小兒 專科 診所 接種 疫苗 遊 淑 慧 接 獲 檢舉 後 將 資料 送給 北 市府 要求 盡 速 調查 林秉樞 是否 有 施 打 特權 疫苗 的 情形 陳智菡 今 早 表示 林男 之 健 保 卡 上 並未 注 記 是 第 七 類 國安 相關 人員 為何 他 能 在 7 月份 接種 疫苗 北市 會 派員 稽查 經 調查 後 陳智菡 表示 確定 林秉樞 無 特殊 身分 是因為 護理 師 女友 的 關係 才能 施打 疫苗 禾馨 診所 營運 長 林思宏 也 親自 受訪 表示 查證 後 得知 他 是 本院 一 位 吳 姓 護理 師 的 男朋友 當時 他 是 以 這種 身分 施打 疫苗 而 施打 對象 是 診所 醫療 人員 的 同 住 對象 會 優先 施打 減少 感染 機會 至於 這 部分 是否 合法 林思宏 說 這 部分 是 合法 的 當時 院所 可以 決定 施打 物件 沒有 問題</t>
  </si>
  <si>
    <t>檢 調 搜索 東洋 涉及 內線交易 案 對此 國民黨 臺北市議員 王鴻薇 表示 自己 和 幾 位 議員 去年 告發 東洋 炒股 當時 衛福 部長 陳時中 還 幫 東洋 說話 結果 現在 被 檢 調 打 臉 真不知道 陳 是 單純 看不出來 還 是 太壞 選擇 看不到 針對 檢</t>
  </si>
  <si>
    <t>檢 調 搜索 東洋 涉及 內線交易 案 對此 國民黨 臺北市議員 王鴻薇 表示 自己 和 幾 位 議員 去年 告發 東洋 炒股 當時 衛福 部長 陳時中 還 幫 東洋 說話 結果 現在 被 檢 調 打 臉 真不知道 陳 是 單純 看不出來 還 是 太壞 選擇 看不到 針對 檢 調 偵 辦 東洋 炒股 案 王鴻薇 今 17 日 在 臉書 發文 表示 東洋 在 去年 10 月 12 日 風光 宣佈 取得 bnt 疫苗 的 臺灣 代理 授權 隔 天 開始 股票 交易量 倍增 股價 一路 飆漲 結果 到 了 去年 11 月 3 日 突然 又 宣佈 代理 破 局 股價 被 炒 了 一 波 後 開始 跌 停 鬧劇 一 場 讓 許多 小股民 損失慘重 王 鴻 薇 稱 當時 陳時中 說 不 建議 金管會 去 查 東洋 還 說 金管會 當然 可以 去 調查 不過 在 我 所 知道 他們 所 發佈 的 裡面 並 沒有 誇大 不實 的 部分 王鴻薇 直言 明眼人 一 看 就 知道 絕對 有 問題 而 陳時中 竟然 說 不 建議 查 當時 自己 就 和 台中 市議員 羅廷 瑋 臺北市議員 侯漢廷 一起 到 北 檢 告發 東洋 涉嫌 內線交易 時隔 將近 1 年 王鴻薇 稱 前 兩 日 檢 調 兵分 多 路大 搜索 帶回 東洋 14 名 幹部 和 12 位元 親友 最新消息 是 總經理 已經 認罪 被 諭 令 300萬 交 保 王鴻薇 指出 當時 陳時中 不是 還 替 東洋 講話 嗎 還 不 建議 金管會 去 查 結果 現在 被 檢 調 打 臉 真不知道 陳時中 當初 是 太 單純 看不出來 還 是 太壞 選擇 看不到 據 中國時報 16 日 報導 臺灣 東洋 藥品 去年 10 月 爭取 代理 bnt 疫苗 雖然 事後 破 局 檢 調 掌握 總經理 施俊良 重症 醫療 事業 群 副總 屈志源 等 主管 及 員工 14 人 利用 該項 利多 訊息 透過 12 名 親友 買賣 股票 疑 涉 內線交易 不法 獲利 近 500萬 士 林地檢 署 15 日 指揮 調查 人員 搜索 26 處 約 談施 俊良 等 26 人 到案 訊 後 依 違反 證 交法 陸續 移送 士 檢 複 訊 檢察官 複 訊 後 諭 令 施以 300萬 交 保 屈志源 以 200萬 元 交 保 共計 有 員工 親友 團 17 人 具保 其 餘 9 人 改 列 關係人 請 回</t>
  </si>
  <si>
    <t>受到 新冠肺炎 疫情 影響 台中 市 議會 臨時 會 日前 因 疫情 延期 一 次 11 日 再度 召開 程式 委員會 經 政黨 協商 決定 於 19 日 至 25 日 召開 臨時 會 將 請 市府 針對 臺灣 燈會 新冠肺炎 防疫 及 振興 經濟 措施 雙十 公車 台 中州 廳 等 進行 專案 報告 台中 市 議會 原 訂 2 月中 旬 召開 臨時 會 卻 因 新冠肺炎 疫情 擴大 延期 民進黨 26 位 市議員 日前 連署 要求 召開 臨時 會 市 議會 11 日 召開 程式 委員會 討論 臨時 會 相關 議程 的 排定 民進黨 市議員 何敏誠 施志昌 何文海 等 指出 民進黨團 提出 的 4 項 專案 報告 只 安排 1 天 時間 不足 無法 充分 討論 建議 增為 2 到 3 天 尤其 各 產業 受到 疫情 的 衝擊 議員 可 提供 更 好 建議 台中 疫情 平穩 應 照常 開會 讓 市民 可 安心 國民黨 市議員 吳 瓊華 張 瀞 分 陳成添 等 表示 台南 市 議會 都 不敢 開會 現在 是 防疫期間 應讓 市府 將 重心 放在 防疫 工作 俟 疫情 趨 緩 再 召開 定期 會 充分 討論 目前 各 行業 都 很 蕭條 等待 政府 紓困 應讓 市府 配合 中央 盡 速 訂 出 振興 方案 才 是 當務之急 無黨籍 市議員 陳廷秀 及 超黨派 陳 清龍 建議 照排 定 時間 如期 開會 人員 的 管控 及時 間 的 壓縮 重點 在 防疫 工作 其他 在 定期 會 中 再 報告 如果 不 開會 不但 民眾 質疑 議員 沒 盡 到 職責 也 會 認為 疫情 緊張 連 議員 官員 都 不敢 開會 反將 造成 市民 恐慌 台中 市 議會 議長 張清 照 最後 裁 示 臨時 會議 事 日程表 照 案 通過 專案 報告 以 5 案 為 限 其他 提案 俟 召開 定期 會 再 進行 討論</t>
  </si>
  <si>
    <t>高市 首例 本土 確診 案 1289 是 新北 獅 會 成員 女兒 其 所 居住 的 小港 地區 當時 有 245 人 被 匡列 居家 隔離 高市議員 陳麗娜 爆 料 市府 祭出 不准 在 家 隔離 必須 全面 入住 防疫 旅館 卻 得 自掏腰包 形同 雙重 懲罰 對此 衛生局長 黃志中</t>
  </si>
  <si>
    <t>海軍 敦睦 艦隊 有 24 名 官兵 感染 新冠肺炎 國防部 的 處置 和 說法 屢 遭打 臉 因此 遭 外界 質疑 隱匿 病情 事發 至今 國軍 至少 有 3 大 防疫 疏失 包括 口罩 政策 未 落實 等 艦 上 健康 管理 問題 返國 檢疫 隔離 不如 遠洋漁船 標準 以及 下船 檢疫 措施 遠 遜 郵輪 因此 造成 群 聚 感染 傳出 府 院 高層 一度 對 軍方 輕忽 及 後續 處置 態度 相當 不滿 磐石 軍 艦群 聚 感染 引發 各界 譁然 朝野 更 紛紛 提出 許多 質疑 國民黨 桃園 市議員 詹 江村 質疑 艦艇 放下 那麼 多 軍人 從 帛 琉 回來 為什麼 可以 不 用 隔離 民進黨立委 劉世芳 則 質疑 艦艇 為何 沒有 遵守 中央 疫情 流行 管制中心 規定 進到 國內 就 要 14 天 的 居家 檢疫 跟 隔離 她 認為 軍 系 的 系統 需要 反省 跟 檢討 一下 為何 跟 別人 的 天數 不 一樣 據 鏡 週刊 報導 敦睦 艦隊 這次 染疫 國軍 至少 有 3 大 可 預防 而 未 預防 的 防疫 疏失 使 全力 圍堵 病毒 入境 的 府 院 高層 一度 對 軍方 輕忽 及 後續 處置 態度 相當 不滿 據 週刊 報導 國軍 至少 有 3 大 防疫 疏失 包括 口罩 政策 未 落實 等 艦 上 健康 管理 問題 返國 檢疫 隔離 不如 遠洋漁船 標準 以及 下船 檢疫 措施 遠 遜 郵輪 因而 釀成 這次 群 聚 感染 這 起 事件 也 引發 國人 對 國軍 的 信任危機 對此 總統 蔡英文 昨 召集 國防部 等 單位 檢討 強調 誠實 以 對 是 我 對 國防部 下達 的 最高 原則 她 要求 國防部 及 其他 政府 機關 不要 隱匿 在 最 短 時間 完成 內部 調查 該 檢討 的 就 檢討 該 究 責 的 也 不能 回避</t>
  </si>
  <si>
    <t>國內 新冠肺炎 疫情 蔓延 新北市衛生局 今 18 日 公佈 新增 確診 人數 為 106 人 中和 單日 暴 增 33 人 中和 民眾 相當 緊張 紛紛 打電話 向 議員 服務處 陳情 市議員 陳錦錠 表示 中和 與 板橋 地緣 相當 近 呼籲 市府 除了 加強 消毒 外</t>
  </si>
  <si>
    <t>臺灣科技大學 教授 陳致曉 長期 投入 社會 運動 時常 發表 針砭 政府 言論 近期 卻 遭 匿名 黑 函 檢舉 行政院 直接 將 公文 從 院長 辦公室 轉給 教育部 教育部 並 行文 校方 召開 教 評 會 討論 是否 解聘 臺北市議員 羅智強 則 認為 月黑風高</t>
  </si>
  <si>
    <t>臺灣科技大學 教授 陳致曉 長期 投入 社會 運動 時常 發表 針砭 政府 言論 近期 卻 遭 匿名 黑 函 檢舉 行政院 直接 將 公文 從 院長 辦公室 轉給 教育部 教育部 並 行文 校方 召開 教 評 會 討論 是否 解聘 臺北市議員 羅智強 則 認為 月黑風高 清算 正好 當 全國 正在 為 疫情 焦心 的 時候 民進黨 清算鬥爭 的 黑手 可 沒有 休息 陳 致 曉 表示 台科大 收到 教育部 來函 公文 內 提到 收到 民眾 檢舉 請 校方 將 此案 提到 教 評 會 審議 前 先 成立 調查 小組 查證 相關 紀錄 也 必須 敘 明 是否 有 違約 等 情形 再 由 電 資 學院 決議 辦理 不過 調查 完成 後 如 確定 有 違法 情形 得 依照 聘約 辦理 也 就 是 有 可能 不 續 聘 或 停 任 談及 這 份 公文 內容 陳致曉 多次 表達 氣憤 不已 羅智強 則 在 臉書 發文 表示 長期 聲援 反 台南 鐵路 東移 的 台科大 老師 陳致曉 面臨 行政院長 蘇貞昌 內閣 施壓 校方 讓 陳致曉 面臨 可能 解聘 的 被 審查 壓力 羅智強 提到 過去 類似 拆遷 的 社會 議題 從 馬英九 執政 到 蔡英文 執政 都 有 學者 帶 著 民眾 反對 政府 進行 抗爭 其 各 有理由 但有 一點 馬英九 從不 會 去 清算 那些 站 在 政府 對立面 的 學者 馬英九 從不 會 去 清算 那些 站 在 政府 對立面 的 學者 馬英九 從不 會 去 清算 那些 站 在 政府 對立面 的 學者 羅智強 指出 2008 年 6 月 政大 教授 莊 國榮 因為 以 不堪入目 的 言詞 辱駡 馬英九 馬鶴淩 遭 政治 大學 以 有損 師 道 為由 予以 不 續 聘 當時 馬英九 請 發言人 表態 說 這個 理由 會 讓 莊 國榮 終身 不得 擔任 教職 逾越 比例 原則 之後 教育部 也 以 法律 程式 有 瑕疵 為由 將 政大 的 不 續 聘 決議 予以 退回 羅智強 寫道 馬英九 為 莊 國榮 緩 頰 的 這個 舉動 被 藍營 的 支持者 評論 為 二百五 認為 當 馬英九 的 朋友 沒有 好處 當 馬英九 的 敵人 沒有 壞處 強調 但 這 就 是 馬英九 他 堅持 他 相信 的 理念 但 他 尊重 反對 他 的 人 馬英九 不會 但是 蔡英文 會 蘇貞昌 會 羅智強 指出 台科大 老師 陳致曉 因為 領導 反 台南 鐵路 東移 的 抗爭 現在 被 民進黨 重點 查辦 要求 陳致曉 交代 為什麼 膽敢 批評 政府 批評 公聽會 主持人 批評 內政 部 次長 原來 學者 批評 政府 還要 解釋 理由 民進黨 真的 是 秀 出 了 下限 所以 你 以為 民進黨 把 防疫 當 最 要 之 務 民進黨 可 忙 的 趁 著 防疫 大家 無瑕 關注 人權 的 時候 正是 清算 異己 的 絕佳 時機 羅智強 直說 這 是 政治 版 的 月黑風高 殺人放火</t>
  </si>
  <si>
    <t>國內 疫情 延 燒 臺北市議員 林亮君 幕僚 日前 驚 傳染疫 其 特 助 吳崢 快 篩 陰性 結果 出爐 當下 被 強制 送往 凱撒 飯店 隔離 遭到 隔離 的 吳崢 在 臉書 分享 飯店 第一 天 提供 的 防疫 餐 點 竟 出現 令 眾人 聞 之 色 變 的 最 雷 便當 菜 三 色 豆 嚇</t>
  </si>
  <si>
    <t>國內 疫情 延 燒 臺北市議員 林亮君 幕僚 日前 驚 傳染疫 其 特 助 吳崢 快 篩 陰性 結果 出爐 當下 被 強制 送往 凱撒 飯店 隔離 遭到 隔離 的 吳崢 在 臉書 分享 飯店 第一 天 提供 的 防疫 餐 點 竟 出現 令 眾人 聞 之 色 變 的 最 雷 便當 菜 三 色 豆 嚇壞 網友 直 呼 這 張 應該 當作 宣傳 請 大家 認真 防疫 以免 確診 後會 被 喂 三 色 豆 吳崢 24 日 晚上 快 篩 陽性 被 遭到 隔離 後 決定 從 每天 分享 自 炊 料理 改 成 防疫 伙食 從 臉書上 po 出 的 照片 可以 看到 當天 半夜 被 隔離 時 第一 餐 是 吃 辣椒 雞 便當 第一 天 早餐 是 路易莎 蛋 堡 配 紅茶 午餐 碳 烤 雞 腿 便當 但 到 了 重頭戲 晚餐 就 變了樣 送來 的 便當 不僅 有 臺式 咖 哩 還有 眾人 最 討厭 的 三 色 豆 對此 網友 看到 三 色 豆 便當 非常 震驚 紛紛 留言 三 色 豆 太 沒 人性 跟 監獄 一樣 慘無人道 三 色 豆 那個 三 色 豆 是 酷刑 吧 希望 你 早日 平安 三色 豆 柯文哲 太 過份 了 更 有 人 因此 受到 啟發 為了 不 要 吃 三 色 豆 我 每天 都會 戴起 五顏六色 的 口罩 看到 三 色 豆 決定 好好 在家 防疫 避免 確診 以後 可 以 教 小孩 你 再 不 好好 戴 口罩 就讓 你 去 防疫 旅館 吃 三 色 豆 喔 連 議員 林亮君 也 留言 平安 吉祥三 色 豆 但 也 有人 緩 頰 其實 加強版 隔離 旅館 吃 的 菜色 還 不錯 除 了 三 色 豆 我們 員工 也 都 吃 一樣 的 晚餐 真的 吃 不 下去 除 了 今天 晚餐 大 傻眼 以外 其實 大部分 都蠻 好吃 的</t>
  </si>
  <si>
    <t>民有 市場 無 口罩 市議員 鄭功進 恐 成 防疫 破 口</t>
  </si>
  <si>
    <t>為 防範 新冠肺炎 疫情 傳播 市府 經 發 局 發 函 給 各 公 民有 市場 要求 落實 配戴 口罩 營業 自主 衛生 管理 市議員 鄭功進 17 日 為 民有 市場 自治 會 請命 抨擊 市府 不應 只 照顧 公有 市場 及 觀光 夜市 業者 民有 市場 恐 成 防疫 破 口 因 攤 商 營</t>
  </si>
  <si>
    <t>為 防範 新冠肺炎 疫情 傳播 市府 經 發 局 發 函 給 各 公 民有 市場 要求 落實 配戴 口罩 營業 自主 衛生 管理 市議員 鄭功進 17 日 為 民有 市場 自治 會 請命 抨擊 市府 不應 只 照顧 公有 市場 及 觀光 夜市 業者 民有 市場 恐 成 防疫 破 口 因 攤 商 營業時間 長 早出晚歸 根本 不可能 有 時間 去 藥局 排 口罩 鄭功進 表示 對抗 新冠肺炎 應 是 全民 總動員 市府 有心 拉高 防疫 層級 就 不應 把 買 口罩 的 問題 丟 給 攤 商 日前 立 委 黃 國書 成功 爭取 中央 經濟部 統一 配送 醫療 口罩 給 各 公有 市場 及 列管 夜市 攤 商 但 肺炎 病毒 傳染 並 不 會分 公 民有 加上 許多 公有 市場 及 夜市 攤位 所有人 並非 實際 營業 人 恐 成 防疫 破 口 鄭功進 說 市場 攤 商 普遍 年紀 較 長 工時 和 一般 上班族 不同 根本 不太可能 還 特別 抽空去 排隊 買 口罩 在 每天 近千人 進出 的 公 民有 市場 做好 防疫 的 工作 更 不應 分 中央 與 地方 除 基本 的口罩 外 市府 應 提供 足量 消毒水 及 額 溫槍 確實 做好 防疫 準備 張 姓 攤 商 指出 自己 身 為 民有 市場 自治 會 幹部 1 月底 前 就 依循 市府 要求 向 全體 攤 商 統計 並 下 訂 5 大 箱 口罩 卻 遇上 中央政府 統一 徵用 市府 應 積極 提出 配套 辦法 廖姓 攤 商 說 大家 同樣 在 市場 討 生活 公有 市場 租金 已 比 民有 市場 便宜 為什麼 連 防疫 必需 的 口罩 也 被 晾 在 一旁</t>
  </si>
  <si>
    <t>國內 傳出 新冠肺炎 本土 案例 疫情 升溫 桃園 市議員 楊家 俍 與 店 家業 者 20 日 特地 帶 著 雞 排 飲料 與 物資 到 聯 新 國際醫院 表達 關心 慰問 為 醫護人員 加油打氣 院長 黃忠智 感謝 各界 捐 贈與 關懷 也 表示 醫院 已 落實 各項 防疫 措施</t>
  </si>
  <si>
    <t>國內 傳出 新冠肺炎 本土 案例 疫情 升溫 桃園 市議員 楊家 俍 與 店 家業 者 20 日 特地 帶 著 雞 排 飲料 與 物資 到 聯 新 國際醫院 表達 關心 慰問 為 醫護人員 加油打氣 院長 黃忠智 感謝 各界 捐 贈與 關懷 也 表示 醫院 已 落實 各項 防疫 措施 將 盡全力 守護 民眾 健康 議員 楊家 俍 偕同 餐飲業 及 代理 商業 者 帶 著 上百 份 的 飲料 雞 排 水果 以及 洗手 清潔用品 電子 口哨 等 物資 來到 聯 新 國際醫院 感謝 醫護人員 投入 防疫 工作 的 辛勞 楊 家 俍 表示 桃園 市 除了 部 立 桃園 醫院 之外 另 有 10 家 應變 醫院 共同 組成 新冠肺炎 防護 網路 肩負 防疫 的 重責大任 楊家 俍 說 應變 醫院 在 這 段 期間 承擔 第一 線 抗 疫 的 壓力 醫護人員 都 很 辛苦 希望 民眾 除了 關懷 部 立 桃園 醫院 之外 也 能夠 到 居家 附近 的 專責 醫院 表達 關心 感謝 醫護人員 的 付出 辛勞 為 他們 加油打氣 聯 新 國際醫院 院長 黃忠智 感謝 捐贈 關懷 他 表示聯 新 國際醫院 承襲 之前 成功 抗 煞 sars 的 經驗 對抗 流行 疾病 有 足夠 能量 面對 這 波 新冠肺炎 疫情 也 已 做好 充分準備 黃忠智 說 政府 防疫 政策 相當 明確 聯 新 國際醫院 是 衛福部 指定 桃園 地區 11 家 應變 醫院 之一 將 責無旁貸 做好 防疫 工作 落實 每個 環節 事項 全院 團隊 將 發揮 專業 與 熱忱 竭盡心力 維護 民眾 健康 也 希望 全民 一起 努力 相信 臺灣 可以 安然 度過 疫情 難關 聯 新 國際醫院 提醒 民眾 做好 健康 管理 勤洗手 佩戴 口罩 加強 環境 清潔 消毒 減少 到 人潮 密集 場所 保持 安全 社交距離 並且 均衡 飲食 適度 運動 如果 身體 不適 就醫 應 據實 以 告 tocc 旅遊 史 與 接觸 史 保護 自己 也 維護 家人 及 他人 健康</t>
  </si>
  <si>
    <t>因應 新冠肺炎 防疫期間 很多 機關團體 停止 辦 活動 台中 市南區 國光社區 發展 協會 關懷 據點 日前 邀 社區 長輩 在 國光 國小 旁 綠色 隧道 舉行 新春 團拜 活動 更 顯 意義 理事長 陳 雅惠 說 大家 相 揪 沐浴芬 多 精 呼吸 好 空氣 除 避免 群 聚 感染 也 能 活絡 筋骨 增強 免疫力 國光社區 發展 協會 理事長 陳 雅惠 表示 新冠肺炎 延 燒 很多 人 聞 疫 色 變 為 避免 群 聚 感染 許多 團體 取消 大型活動 甚至 聚餐 活動 也 沒辦 了 民眾 待在家裡 哪裡 也 不敢 去 許多 裡民 說 太 悶 了 因此 邀請 長輩 走 出 戶外 由 專業 舞蹈 老師 帶動 跳 活動 活動 現場 民進黨 市議員 邱素貞 與 民眾 大 跳 健康 促進 操 她 說 雖 新冠肺炎 疫情 沒 降溫 除 減少 在 密閉空間 活動 外 平常 就 是 養成 常 洗手 的 生活習慣 看到 參加 的 民眾 絕大部分 都 沒 戴 口罩 顯示 大家 對於 防疫 效能 肯定 另 台中 市 水 當當 關懷 協會 亦 舉行 新春 同樂會 每 位 參加的 會員 都 各自 準備 1 道 料理 或 水果 與 大家 分享 新冠肺炎 口罩 防疫</t>
    <phoneticPr fontId="1" type="noConversion"/>
  </si>
  <si>
    <t>衛福部 桃園 醫院 爆發 群 聚 感染 已 有 15 例 確診 昨 24 日 晚間 中央 疫情 指揮中心 緊急 匡列 5000 人 居家 隔離 國內 疫情 拉 緊 報 國民黨 前 立 委 孫大 千 連日來 針對 疫苗 採購 案 提出 多 項 質疑 今 他指 衛福 部長 陳時中 就算 想要 推卸責任 不 想 公開 疫苗 採購 政策 大 轉彎 的 幕後 原因 至少 不 要用 這麼 二百五 的 鬼 邏輯 吧 還 把 美國 和 英國 的 防疫 不力 和 施打 疫苗 效果 有限 畫 上 等號 孫 大 千 在 臉書 指出 根據 先前 媒體 報導 如果 衛福部 仍 委託 東洋 進行 疫苗 採購 第一 批 200萬 劑 疫苗 早 在 去年底 就 會 到達 臺灣 並 讓 醫護人員 施 打 就算 沒有 辦法 產生 完全 的 防禦能力 至少 可 避免 部 桃 院內 感染 的 情況 持續 惡化 甚至 避免 未來 其他 專責 醫療 院所 的 醫護人員 染疫 美國 和 英國 的 疫情 之所以 持續 惡化 孫大千 說 真正 的 原因 是 在 於 政府 防疫 工作 毫無 作為 和 施打 疫苗 根本 沒有 任何 直接 的 關係 一旦 全面落實 疫苗注射 對 疫情 的 控制 必然 會 產生 一定 的 效果 陳時中 不 願 說 出操 控 疫苗 採購 政策 的 幕後 黑手 竟 可以 把 美國 和 英國 的 防疫 不力 和 施打 疫苗 效果 有限 畫 上 等號 如果 打 疫苗 真的 沒 有用 那 臺灣 為什麼 現在 要 拼命 去 買 疫苗 呢 到底 是 誰 把 臺灣 人民 的 救命 疫苗 給 搞掉 了 至於 傳聞中 介入 疫苗 採購 案 的 民進黨籍 吳 立 委 們 孫大千 呼籲 他們 站 出來 面對 媒體 說 清楚 講 明白 究竟 是 哪一位 吳 委員 如此 的 神通廣大 能 讓 衛福部 的 疫苗 採購 規劃 一 夕 翻 盤? 如果 問心無愧 大 可以 公開 否認 為什麼 要 回避 神 隱 不敢 直接 回答 是否 有 推薦 其他 廠商 給 衛福部 導致 原本 的 疫苗 採購 政策 豬 羊 變色 是 誰 把 臺灣 人民 的 救命 疫苗 給 搞掉 了 系列 之三 陳時中 就算 想要 推卸責任 不 想 公開 疫苗 採購 政策 大 轉彎 的 幕後 原因 也 至少 不 要用 這麼 二百五 的 鬼 邏輯 吧 根據 媒體 先前 的 報導 如果 衛福部 仍然 委託 東洋 進行 疫苗 採購 第一 批 200萬 劑 疫苗 早 在 去年底 就 會</t>
  </si>
  <si>
    <t>衛福部 第 3 批 進口 的 40 餘 萬 劑 az 疫苗 其中 苗栗縣 獲 發 1800 劑 苗栗 縣長 徐耀昌 為 考量 第 1 線 員警 執勤 防護 需求 特別 撥發 其中 部分 疫苗 給 苗栗縣 警 局 外勤 警力 300 人次 施打 由於 疫苗 數量 有限 所以 剩 餘 警 局 人員 將 待 日後 疫苗 撥發 下來 後 再 安排 施打 31 日 上午 縣 警 局 外勤 員 警 開始 分赴 部 立 苗 栗 醫院 以及 各 地 衛生所 接受 疫苗注射 首日 共有 90 餘 名 員警施 打 完畢 包括 有 北 苗 後 龍 銅鑼 獅潭 三 灣 公館 竹南 等分 駐 所 派出所 員警 縣 警 局長 周煥興 特別 帶 著 咖啡 到 部 立 苗 栗 醫院 感謝 醫護人員 為 外勤 員 警 施 打 疫苗 辛勞 並 關心 同仁 施 打的 情形 院長 李明輝 也 給予 同仁 正確 的 疫苗 施打 觀念 及 關懷 指引 讓 基層 執勤 時無 後顧之憂 縣 警 局 表示 員警 每日 在外 執行 治安 及 協助 防疫 稽查 等 相關 勤務 接觸 外界 的 不 確定 因素 及 風險 較 高 縣 警局 所屬 外勤 員 警 約 有 805 人 第一 梯次 300 人 接受 施打 後 可 達 外勤 警力 的 3 分之 1 強 後續 待 有 新 疫苗 發下 時 再 持續 擴大 施打 範圍</t>
  </si>
  <si>
    <t>臺灣 進口 疫苗 不足 加上 本土 疫情 近 半 個 月 以來 大 爆發 網 傳 旅行社 規劃 推出 接種 團 前往 美西 打 疫苗 團費 估 15萬 元 最 快 6 月 1 日 出發 一個 26 天 的 行程 在 line 群 組 間 瘋狂 流傳 且 保證 不 打 az 引起 網友 熱烈 討論 經 covax 配發 的 41萬 劑 新冠 疫苗 日前 抵 台 仍 不敷 疫情 已 爆炸 的 臺灣 使用 加上 國人 對 az 信心 不足 傳出 旅行社 私下 規劃 接種 團 行程 鎖定 美西 4 大城市 玩 近 1 個 月 除了 打 疫苗 還 可以 順便 旅遊 這 份 行程 把 出發 日 訂 在 6 月 1 日 赴美 第一 天 就 打 疫苗 以 輝瑞 莫德納 為主 接下來 7 天 在 飯店 休息 觀察 疫苗 引發 的 副作用 6 月 9 日 起 可 外出 6 月 12 日 開始 旅遊 15 日 住 拉斯維加斯 1720 日 分別 前往 三藩市 聖地牙哥 22 日 回 洛杉磯 隔 天 打 第二 劑 整個 行程 下旬 結束 6 月 25 日 返台 抵 台後 居家 隔離 14 天 預計 7月 11 日出 關 事實上 不只 臺灣 由於 美國 疫苗 政策 並 不 限 美國 人 有 護照 就 可以 打 越南 已 開出 旅行團 美國 地方 政府 更 表示 歡迎 大力 推動 疫苗 觀光 如 紐約 阿拉斯加 等 甚至 在 機場 提供 免費 疫苗 鼓勵 遊客 接種 換 消費 兩劑 打下 來 至 少待 3 到 4 周 這 段 期間 的 住宿 飲食 交通費 用 可觀 才會 有 旅行社 把 腦筋 動到 疫苗 身上 業 界 推算 全部 團費 加 一 加 差不多 15萬 台幣 不 包括 自費 核酸 檢測 約 7000 元 不過 臺灣 目前 禁 旅行社 出 團 業 界 對 行程 內容 存疑 不 排除 有人 化整為零 以 商務 名義 赴美 集合 旅行社 業者 分析 美西 疫苗 團 會 不 會 像 帛 琉 旅遊 泡泡 一樣 有行無市 要 看 接下來 疫情 怎麼 發展 畢竟 長途旅行 本身 具 高風險 雖然 15萬 元 很多 人 負擔得起 但 萬一 旅遊 期間 染疫 豈不是 得不償失 也 要 考慮 疫苗注射 後 的 副作用 在 美國 當地 沒 健 保 一旦 身體 不適 求助無門 更慘</t>
  </si>
  <si>
    <t>為 提高 疫苗 施打 率 屏 東 縣府 於 百貨公司 設 疫苗注射 站</t>
  </si>
  <si>
    <t>5 月中 旬 一 名 新冠肺炎 確診 孕產婦 在 臺北 慈濟 醫院 團隊 的 幫忙 下 插管 後 進行 剖腹產 所幸 母嬰 均 安 疫情 嚴峻 時刻 讓 不少 孕產婦 開始 擔憂 我 能 打 疫苗 嗎 我 該 打 什麼 疫苗 婦產科 醫師 說 可以 不過 建議 孕產婦 以 接種 mrna 疫苗 為 佳 以 提高 母嬰 雙方 的 抗體 減低 併發症 新冠 疫情 席捲 全球 疫苗 接種 成為 全民 關注 議題 繼 以 腺病毒 載體 製造 的 az 疫苗 分批 抵 台後 首 批 15萬 劑 以 mrna 製造 技術 的 莫德納 疫苗 也 於 5 月底 來到 臺灣 最 快下 周 有 機會 開 打 截至 6 月 2 日 臺灣 總計 約 有 88萬 劑 的 新冠 疫苗 婦產科 醫學會 呼籲 孕產婦 應以 mrna 疫苗 接種 為主 隨 莫德納 疫苗 的 到來 臺灣 婦產科 醫學會 5 月 31 日 函 文疾 管署 提及 目前 的 新冠 疫苗 都 是 緊急 授權 使用 無 長期 安全 資料 但 懷孕 備 孕 及 哺 喂母乳 並非 打 疫苗 的 禁忌 依照 英國 及 德國 的 新冠 疫苗注射 建議 孕產婦 應以 mrna 疫苗 接種 為主 美國 及 法國 則 無 特別 限制 基於 考量 母 胎 安全 若 mrna 疫苗 足夠 且 開始 全面 施打 之下 臺灣 婦產科 醫學會 呼籲 政府 應 將 孕產婦 列為 優先 施打 對象 對此 衛福 部長 陳時中 也 在 隔 天 的 指揮中心 記者會 上回 覆 會 列入 討論 茂盛 醫院 執行長 李俊逸 說 孕產婦 打 疫苗 可 同時 提高 母嬰 雙方 的 抗體 並 減低 併發症 萬一 孕婦 不幸 染疫 可能 會 導致 早產 增加 呼吸器 的 需求 甚至 母嬰 都 有 死亡 風險 既然 政府採購 的 mrna 疫苗 陸續 到位 建議 有 機會 就 快 打 只不過 目前 臺灣 的 mrna 疫苗 數量 不 多 李俊逸 建議 孕產婦 可先 和 醫師 討論 後 再 決定 是否 施打 其他 品牌 疫苗 但 若是 暴露 高風險 的 醫護 孕產婦 建議 還 是 要 考慮 施打 az 疫苗 備 孕 或 試管 療程 女性 也 不必 怕 新冠 疫苗 那麼 正 在 備 孕 中 或者 是 試管 療程 中的 女性 也 能 接種 疫苗 嗎 專精不孕 治療 的 李俊逸 先 給出 結論 可以 李俊逸 進一步 解釋 道 美國 生殖 醫學會 從 其 動物 實驗 結果 發現 施打新冠 疫苗 不 會 影響 女性 的 懷孕 功能 所以 備 孕 中的 婦女 不必 害怕 施打 疫苗 也 不必 特別 偏執 特定 的 疫苗 品牌 az 疫苗 也 可以 放心 打 只不過 要 取 卵 植入 或 接受 人工授精 的 婦女 美國 生殖 醫學會 就 建議 至少 在 取 卵 植入 或 接受 人工授精 的 前 3 天 後 3 天 避免 打 疫苗 李俊逸 解釋 因 上述 療程 與 染疫 都 可能 出現 發燒 情形 上 麻藥 也 可能 使 體溫 調控 失常 恐 造成 醫師 在 術 後 病況 觀察 上 的 混淆 如果 施打 疫苗 後 發燒 接受 上述 療程 的 病人 就 會 被 醫院 拒絕 入院 看病 了 吃 荷爾蒙 藥 調經 藥 避孕藥 可 放心 打 az 疫苗 至於 有 吃 荷爾蒙 藥 調經 藥 避孕藥 的 婦女 也 能 打 疫苗 嗎 茂盛 醫院 家 醫科 主治醫師 呂昀珊 表示 目前 不管 吃 多 久 的 上述 藥物 其實 都 可以 打 疫苗 加上 這些 藥物 的 劑量 並 不 高 即便 是 打 az 疫苗 她 認為 發生 血栓 的 機 率 也 非常低 況且 雖然 az 疫苗 先前 曾 被 懷疑 引發 的 血栓 疑慮 與 女性 服用 避孕藥 或 接受 荷爾蒙 治療 有關 而 讓 使用 上述 藥物 的 女性 被 列為 施打 禁忌 但 近期 各國 研究 並 未 發現 兩者 相關 指揮中心 也 決議 取消 這項 禁忌症 所以 除了 孕產婦 之外 一般 婦女 其實 不 需 執著 等待 mrna 疫苗 呂昀珊 說 在 臺灣 本土 案例 這麼 高 的 情況 之下 有 機會 能 先 打 az 疫苗 就 應該 立即 去 打 以 提高 保護 力 降低 重症 風險 癌症病人 也 要 打 疫苗 但要 先 諮 詢 醫師 據 瞭解 不 只 是 孕產婦 近 2 周 醫院 門診 最熱 門 的 問題 也 是 癌症病人 可 接種 新冠 疫苗 嗎 臺北醫學大學 臺北 癌症 中心 院長 暨 附設 醫院 癌症 副 院長 李冠德 表示 綜合 現有 醫學 證據 癌症病人 均 應 接種 疫苗 其 家庭 接觸 者 亦 然 況且 癌症 屬 重大 傷病 也 已 被 列入 9 大類 優先 接種 疫苗 的 族群 只不過 每 位 癌症病人 接種 疫苗 的 時間 點 可能 會 因 罹 患 的 癌 別 和 接受 的 療程 而 有所不同 李冠德 建議 患者 都應先 與 醫師 討論 再于 適合 的 時機 打 疫苗 李冠德 提醒 癌症病人 是 免疫抑制 的 病人 與 健康人 相比 對 疫苗 的 免疫 反應 可能 會 較 差 因此 即使 接種 疫苗 仍 應 繼續 戴 口罩 保持 社交距離 落實 防疫 準則 確實 保護 自己</t>
  </si>
  <si>
    <t>去年此時 我 曾 寫 過 一 篇文章 一月 的 啜泣 當時 新冠肺炎 剛 起 中國 疫情 大 爆發 小年 夜 武漢 封城 接 著 是 廣東 溫州 都成 重災區 每天 感染 和 死亡 人數 都 增加 3 成 以上 搶 口罩 已成 日常 那時 還 不知 是否 會 蔓延 世界 而今 世界 已 染疫 9230萬 人 是 臺灣 的 4 倍 人口 死亡 近 200萬 人 兩者 仍 快速 增加 中 2021 年 應該 是 個 康復年 不管 個人 家庭 國家 生活 都 應該 是 個 節制 年 表面 上 節制 和 現代 價值觀 強調 生命力 一 夕 用盡 只要 我 喜歡 等 脫節 其實 中外 智慧 都 看重 節制 古 希臘 城 邦 鑒於 權力 容易 使 人 腐化 因此 提倡 4 種 美德 智慧 勇敢 正義 節制 其中 節制 是 平衡 其他 3 項美德 的 重要 特質 中國 文化 裡 也 強調 節制 不 走極端 中庸之道 天下 之 大本 也 孟子 說 人 之 情 無 節 則 流 故 長 幼 貴賤 莫不 為 之 節制 為什麼 要 節制 世局 今年 可能 更 急速 崩 壞 世界 目睹 今年 1 月 示威者 長驅直入 美國國會 造成 5 死 悲劇 中國 控制 了 8 個 月 的 疫情 又 再起 臺灣 疫情 算是 控制 得宜 但 蔡 政府 對 萊 豬 進口 及 眾多 政策 的 一意孤行 比 政黨 輪 替 前 國民黨 的 專制 過 之 而 無不及 近來 唯一 的 好 消息 是 疫苗 發展 成功 美國 已 有 900萬 人 注射 第 1 劑 65 歲 以上 的 人 這個 月 也 可 逐步 施打 預計 7 月 可以 達到 2億 人 注射 的 目標 但 兩劑 疫苗 最好 保護 力 要 達到 90 2021 年 雖然 展現 希望 但是 仍然 必須 謹慎 應付 病毒 乃至 政治 社會 經濟 各種 局面 首先 縱使 打完 疫苗 仍然 不能 掉以輕心 要 戴 口罩 保持 社交距離 綜合 專家 估計 如果 疫苗注射 一切順利 世界秩序 也 要到 明年 底 才能 恢復正常 全世界 仍 在 隔離 中 很多 國家 還 加強 了 防疫 措施 最新 美國 還 大力加強 措施 從 1 月 26 日 起 所有 入境 美國 的 航空 旅客 都 必須 提出 新冠肺炎 檢測 陰性 的 證明 入境 3 天 到 5天內 再 檢查 一 次 再 實施 5 天 的 隔離 因此 到 國外 旅行 也 是 危機重重 去年 股票市場 飛漲 但 實際 經濟 表現 卻是 負數 最 主要 原因 仍 是 各國 為了 紓困 大 撒 鈔票 全球 去年 投入 約 18 兆 美元 救 經濟 幾乎 等於 美國 全年 gdp 總額 因此 股票市場 今 年終 將 大幅 調整 此時 投資者 應該 保守 切 勿 追 高 又 因為 貨幣 寬鬆 今年 通貨膨脹率 必然 升高 所以 消費者 也 不 要 急 著 報復 性 消費 非 必需品 可以 延到 明後年 買 都 可以 應 要 加強 儲蓄 世界 經濟 還 有 個 危機 是 去年 很多 原本 應該 中立 公平 的 機構 紛紛 跳下去 救災 如 美國 聯 准會 和 各國 中央銀行 應該 是 獨立 機構 不能 聽命 總統 及 任何人 以 確保 公正性 但 這些 機構 如 被 美國股市 挾持 他們 不單 買 公債 etf 指數 型基金 還 買 個人 及 企業 債 購買 的 標的 是 哪些 企業 購進 準則 是 什麼 是否 有 公正 機構 評估 都 不能 公開 這些 地雷 將來 都會 一一 被 引爆 兩岸關係 更 需要 兩岸 領導人 節制 大陸 應 減少 派 戰機 騷擾 臺灣 蔡 政府 也 應 謹慎 發言 訂 定 對 陸 友善 政策 辣 台 妹 形象 只能 用 在 選舉 一時 不能 長期 使用</t>
  </si>
  <si>
    <t>台中 市 65 歲 以上 第一 劑 接種 az 疫苗 的 長輩 15 日 起 開始 施打 第二 劑 市長 盧秀燕 14 日 在 市政 會議 中 表示 裡 鄰長 分送 疫苗注射 通知單 到家 長者 依照 指定 時間 地點 接種 學校 已 開學 這次 快 打 站 20 地點 不在 學校 提醒 長</t>
  </si>
  <si>
    <t>台中 市 65 歲 以上 第一 劑 接種 az 疫苗 的 長輩 15 日 起 開始 施打 第二 劑 市長 盧秀燕 14 日 在 市政 會議 中 表示 裡 鄰長 分送 疫苗注射 通知單 到家 長者 依照 指定 時間 地點 接種 學校 已 開學 這次 快 打 站 20 地點 不在 學校 提醒 長者 別跑 錯 地方 盧秀燕 表示 明日 起 一連 三 天 台中 市 設置 快 打 站 20 為 65 歲 以上 第一 劑 接種 az 疫苗 的 長輩 接種 第二 劑 疫苗 第一 劑 施打 莫德納 等 其他 疫苗 長輩 將 等 中央 配發 疫苗 後 通知 施打 第二 劑 盧秀燕 說 裡 鄰長 分送 注射 通知單 請 依照 指定 時間 地點 前往 注射 她 也 特別 提醒 學校 已經 開學 快 打 站 20 接種 地點 未 設 學校 接種 者 別跑 錯 地方 民政局長 吳 世瑋 指出 這次 共 發 送 71萬 份 通知單 設置 46 處 快 打 站 20 地點 在 活動 中心 寺廟 廣場 等 地</t>
  </si>
  <si>
    <t>日本 贈送 我國 的 124萬 劑 az 疫苗 開 打 長 照 機構 住 民 照顧 者 及 75 歲 以上 長者 都 在 優先 施打 對象 中 但 az 疫苗 在 歐洲 屢 傳 血栓 副作用 讓 許多 有 心血管 疾病 服用 抗凝 血 藥物 的 長者 對 接種 az 疫苗 有 疑慮 醫師 表示 有 心血管 疾病 的 族群 更 需要 疫苗 保護 如果 有 機會 打 疫苗 放心 打 趕快 打 黃教授 我 有 在 吃 抗 凝血藥 可以 打 az 疫苗 嗎 心臟 血管 權威 台大醫院 雲林 分院 院長 暨 台大醫學院 內科 教授 黃瑞仁 近來 常 接到 病友 詢問 可以 打 az 疫苗 嗎 我 第一 句 話 都跟 他們 講 放心 去 打 能 打 趕快 打 高雄 宇平 診所 院長 心臟 內科 醫師 劉 中平 也 曾一天 遇到 8 個 心臟病 患 詢問 能 不能 打 新冠肺炎 疫苗 他 的 回答 都 是 當然 可以 心血管 疾病 吃 抗 凝血劑 及 抗 血小板 藥物 高血壓 打 az 都 沒 問題 這 一 波 本土 新冠肺炎 疫情 高齡 病 患 死亡率 高 指揮中心 因而 將 75 歲 以上 長者 納入 優先 施打 對象 但 之前 az 疫苗 在 歐洲 開 打 傳出 多 起 血栓 事件 令 國內 不少 心血管 疾病 患者 忐忑 打 了 az 疫苗 會 不 會 發生 血栓 患有 心血管 疾病 正 在 服用 凝血劑 或有 高血壓 毛病 跟 az 疫苗 可能 發生 血栓 都 沒有 關係 這些 也 都 不是 打 az 疫苗 的 禁忌症 可以 安心 施打 臺灣 疫苗 推動 協會 理事長 長 庚 兒童 醫院 兒童 感染 科 教授級 主治醫師 黃玉 成 指出 曾經 發生 血栓 合併 血小板 低下 症候 群 的 人 應該 避免 接種 az 疫苗 但 發生 血栓 合併 血小板 低下 症候 群 跟 心血管 疾病 是 兩回事 不要 把 這 兩 個 情況 混 在 一起 像 國內 首例 施打 az 疫苗 後 發生 嚴重 血栓 的 案例 是 一 名 30 多 歲 男子 本身 沒有 心血管 疾病 他 說 依據 世界衛生組織 who 分析 歐洲 藥品 管理局 ema 英國 藥品 暨 醫療 產品 監管 署 mhra 以及 其他 國家 的 最新 資料 疫苗 與 血栓 相關性 似乎 合理 但 尚未 確認 發生率 約 百 萬分 之 四 但 接種 疫苗 利大於弊 仍 建議 民眾 繼續 施打 另 歐盟 藥 管局雖 將 血栓 列為 極 罕見 副作用 但 也 仍然 強調 疫苗 對於 新冠 病毒感染 的 預防 效益 遠大 於 可能 帶來 的 風險 也 建議 接種 另 研究 也 顯示 新冠 病毒 造成 罕見 腦 靜脈 血栓 cvst 的 機 率 比 施打新冠 疫苗 高 意 即 感染 新冠 病毒 造成 的 嚴重危害 更 值得 擔心 心血管 疾病 患者 是 高 危險 群 能 打 疫苗 趕快 打 黃瑞仁 表示 在 一般 疫苗 接種 建議 裡 本來 就 對 心血管 疾病 族群 尤其 心肌梗塞 心房顫動 的 病人 強烈建議 接種 流感疫苗 跟 肺炎 鏈球菌 疫苗 以 避免 得到 流感 及 感染 肺炎 鏈球菌 時 引起 嚴重 肺炎 而 資料 顯示 年長 且 有 心血管 疾病 或 糖尿病 高血壓 等 慢性病 患 感染 新冠肺炎 死亡率 高 當然 更 需要 接種 新冠 疫苗 加強 保護 有 吃 抗血栓 藥物 的 病人 也 不必 擔心 打 疫苗 的 風險 黃瑞仁 說 醫學 上 抗血栓 藥物 分 兩 種 一 種 是 抗 血小板 藥物 常見 的 有 伯 基 成分 為 阿斯 匹 靈 保 栓 通 百 無 凝 抑凝 安 等 另 一 種 就是 抗 凝血劑 傳統 的 抗 凝血劑 有 可 邁 丁 又 名 華 法林 新 一代 抗 凝血劑 臺灣 市面上 有 4 種 普栓達 拜瑞 妥 艾必克 凝 及 裡 先 安 無論 服用 抗 血小板 藥物 還是 抗 凝血劑 注射 az 疫苗 或 其他 新冠 疫苗 都 沒有 問題 預防 被 無 症狀 感染者 傳染 年紀 愈 大 愈 該 施打新冠 疫苗 黃瑞仁 說 臺灣 現在 新冠肺炎 疫情 的 危機 在於 社區 中 存在 無 症狀 感染者 不 像 得到 流行性 感冒 會 有 全身 倦怠 無力 肌肉 酸痛 發燒 等 明顯 症狀 新冠肺炎 的 無 症狀 感染者 讓 染疫 者 本身 及 周 遭 的 人 都 無法 察覺 病毒 就 在 身邊 因此 不 只 有 心血管 疾病 的 人 包括 糖尿病 高血壓 高 膽固醇 血 症 肥胖 長期 有 在 服藥 控制 三高 高血壓 高 血糖 高 血 脂肪 的 族群 也 都 應該 接種 新冠 疫苗 年紀 愈 大 愈 應該 施打 有 機會 打 疫苗 就 趕快 打 他 再三 強調 打 任何 廠 牌 的 疫苗 都 沒有 問題 黃瑞仁 指出 az 疫苗 是 肌肉注射 打 疫苗 時 萬 一針 頭 打到 肌肉 的 血管 可能 造成 服用 抗血栓 藥物 病 患 血管 局部 出血 我們 臺灣 護理 師 訓練有素 不必 擔心 這種 情況 他 告訴 病 患 注意 看 我們 的 護理 師 打 疫苗 時 針 打 進 肉 裡 第 一個 動作 都是先 回 抽 回 抽 沒有 血 表示 沒 打到 血管 這時 才會真 的 把 疫苗注射 進入 體內 所以 民眾 即使 在 吃 抗 血小板 藥物 或 抗 凝血劑 都 可以 放心 打 新冠 疫苗 高雄 宇平 診所 院長 心臟 內科 醫師 劉 中平 也 在 臉書 發文 大聲疾呼 心臟 疾病 患者 趕快 打 新冠 疫苗 因為 心血管 疾病 患者 一旦 感染 新冠肺炎 病毒 病情 嚴重性 和 死亡率 都 比 一般 人 高出 許多 因此 心臟病 病 患 被 認為 是 需要 特別 保護 的 族群 歐洲 心臟 學會 直接 建議 所有 的 心臟病 患 接受 新冠肺炎 的 疫苗注射 美國 心臟 學會 建議 讓 心臟 疾病 患者 優先 注射 新冠肺炎 疫苗 哈佛大學 對 病 患 詢問 心臟 疾病 是否 可以 注射 疫苗 的 答案 只 有 一個 字 yes 他 也 提到 高血壓 和 糖尿病 患者 罹 患 新冠肺炎 時 演變 為重 症 的 機會 是 一般 人 的 2 倍 以上 血壓 和 血糖 控制 愈 不好 的 病人 染病 後 狀況 越 糟糕 也 應該 施打 疫苗 新冠 疫苗 可能 成為 常規 注射 疫苗 應 平常心 看待 黃玉 成 指出 很多 高齡者 每年 打 流感疫苗 基本上 如果 過去 打 疫苗 沒有 發生 特別 狀況 應可 放心 打 新冠 疫苗 國外 專家 研 判 新冠肺炎 可能 流 感化 意味 新冠 疫苗 日後 可能 像 流感疫苗 一樣 成為 國人 每年 都 接種 的 常規 疫苗 建議 大眾 以 平常心 看待 新冠 疫苗 施打</t>
  </si>
  <si>
    <t>臺灣 已 實施 並 延長 疫情 第 三級 警戒 至少 到 六月 底 美國 援 台 250萬 劑 莫德納 疫苗 也 抵 台 市議員 陳淑華 今天 建議 預期 大規模 疫苗 接種 將 會展 需要 更 完整 的 施打 疫苗 網 除 現有 大型 醫院 衛生所 施打 站 外 應 儘快 把 符合 資格 的 基層 醫療 診所 納入 疫苗 施打網 以求 在 取得 疫苗 後 能 最 快 的 速度 為 民眾 進行 大規模 施打 疫苗 陳 淑 華 指出 臺灣 的 民眾 長期 有 前往 診所 接種 疫苗 的 醫療 習慣 如果 能 將 符合 資格 的 診所 規劃 儘快 納入 covid-19 疫苗 接種 可讓 民眾 有 更 多 的 選擇 有助 疫苗 的 快速 普及 且 民眾 若 選擇 認識 的 醫生 可以 為 民眾 身體狀況 適 不 適合 接種 疫苗 做 最 適當 的 診斷 坊 間 診所 醫師 說 很多 診所 願意 投入 疫苗 施打 但 市府 遲遲 未 規劃 台中 市 基層 醫療 普及 應更 積極 規劃 各 地區 符合 的 診所 做為 疫苗 施打 站 許多 診所 有能力 及 經驗 可以 勝任 這 波 疫苗 施打 臺北市 也 有 診所 加入 施打新冠 疫苗 的 行列 台中 市 遲遲 沒有 明確 政策 診所 何時 能 提供 民眾 開 打 疫苗 陳 淑 華表 示 依 目前 狀況 雖不 知 何時 下放 讓 診所 加入 施打 行列 但 以 接種 速度 除了 現在 的 大 醫院 施打 站 以外 還 可以 更 快 以 應付 未來 臺灣 進行 全民 大量 施打 疫苗 的 量 能 更 快速 的 提高 疫苗 接種 率 況且 戶外 疫苗 保存 較 不容易 及 部分 民眾 接種 可以 有 更 方便 的 選擇 交通 也 更 便利 更具 親近 性 陳 淑 華 認為 臺灣 各 診所 長期 有 注射 流感疫苗 及 各類 疫苗 的 醫療 經驗 目前 台中 市 尚未 將 診所 納入 做為 covid-19 疫苗注射 站 如果 能 將 符合 資格 的 診所 納入 施打 疫苗 部署 應可 有效 在 疫苗 大規模 注射 提供 助益</t>
  </si>
  <si>
    <t>大陸 國家 衛生 健康 委員會 20 日 公告 3 月 19 日 大陸 全境 報告 新增 確診 病例 39 例 全部 為 境外 輸入 新增 死亡 病例 3 例 世界衛生組織 秘書長 譚 德塞 19 日 在 日內瓦 表示 大陸 首次 報告 無 新 增 新冠肺炎 確診 病例 這 是 驚人 的 成就 新華社 報導 譚 德塞 當天 在 例行 疫情 簡報 會上 說 目前 全球 新冠肺炎 確診 病例 超過 20萬 例 死亡 病例 超過 8000 例 但 大陸 首次 報告 無 新 增 確診 病例 這 是 一個 驚人 的 成就 譚 德塞 說 世衛組織 已向 68 個 國家 運送 了 個人 防護 裝備 向 120 個 國家 運送 了 150萬 套 新冠 病毒檢測 試劑 盒 世衛組織 正 根據 一 份 來自 大陸 的 協議 供應商 名單 安排 採購 抗 疫 物資 目前 正 在 敲定 最後 細節 譚 德塞 指出 目前 許多 國家 對 檢測 設備 個人 防護 裝備 等 的 需求 都 很 大 未來 物資 短缺 仍 將 是 一個 挑戰 世衛組織 目前 正向 私營部門 尋求 支援 譚 德塞 表示 超過70 的 國家 建立 了 國家 預防 和 應對 計畫 89 的 國家 具備 實驗室 檢測 能力 70 以上 正在 展開 新冠肺炎 監測 68 擁有 多 部門 合作 協調 機制 但 這 還 不夠 我們 期望 所有 國家 無論 是否 出現 病例 都 做好 準備 他 說 在 大陸 共 用 新冠 病毒基因 序列 僅 60 天 後 首 個 新冠肺炎 疫苗 試驗 也 已經 開始 首位 入 組 志 工 已經 接受 試驗 性 疫苗注射 這 是 一個 前所未有 的 科學 勝利</t>
  </si>
  <si>
    <t>台中 屯 區 一家 醫院 也 出現 新冠 疫苗 接種 劑量 錯誤 只 是 這 回是 az 疫苗 原本 應打 05 cc 卻 只 打 01 cc 目前 院方 除 召回 受 影響 的 40 多 人 再 補 注射 也 成立 專案小組 進行 關懷 台中 市 衛生局 也 對 該 醫院 接種 公費 疫苗 進行 停 權 處分 新北 市 恩 主公 醫院 將 未 稀釋 的 輝瑞 bnt 疫苗注射 於 25 名 民眾 身上 台中 9 月 29 日 也 發生 類似 劑量 錯誤 的 嚴重 疏失 大裡 仁愛 醫院 9 月 29 日 為 40 多 名 民眾 接種 az 疫苗 原本 應 接種 05 cc 卻 只 接種 01 cc 事後 點算 發現 接種 人次 與 剩 餘 劑量 不符 才 發現 是 施打 劑量 不足 院方 也 立即 成立 專案小組 並於 10 月 1 日 召回 這 40 多 名 接種 劑量 不足者 到 院 補 接種 不少 接到 通知 的 民眾 抱怨 蛤 又 要 多 挨 一針 有 民眾 憤 而 向 媒體 及 相關 單位 投訴 衛生局 表示 接 獲 民眾 反映 後 衛生局 已於 10 月 2 日 派員 前往 厘 清 案發 緣由 依 院方 說明 疑 因 交班 人員 訊息 內容 錯誤 且 未 三 讀 五 對 所 致 造成 約 40 位 洗 腎 患者 接種 劑量 不足 發現異常 後 即 依 疾病 管制 署 規定 通知 患者 補 接種 除 4 位 民眾 因 個人 因素 外 其 餘 均 已 完成 補 打 目前 尚未 有 身體 不良反應 院方 表示 會 成立 專案小組 持續 追蹤 患者 施打 後 的 狀況 已 徹底 檢討 改進 杜絕 類似 情形 發生 而 衛生局 在 稽查 相關 人員 及 瞭解 作業 流程 後 已對 該院 針對 疫苗 接種 流程 給予 改善 建議 並 要求 院方 提供 檢討 改善 措施 且 加強 院內 人員 訓練 維護 疫苗 接種 民眾 權益 因 該院 接種 作業 流程 疏失 影響 民眾 健康 權益 衛生局 也 已 處 以 疫苗 接種 停 權 處分 並 責成 該院 提報 異常 事件 檢討 報告 如 經 調查 厘 清有 涉及 違反 傳染病 防治法 醫療法 或 其他 相關 規定 將 依法辦理</t>
  </si>
  <si>
    <t>高雄市 1 日 新增 一 名 肺炎 確診 案例 為 大 寮 家庭 群 聚 案 相關 案例 由於 隔離 確實 無 相關 足跡 及 匡列 物件 面對 12 日 即將來臨 的 端午節 連 假 陳其邁 拜 讬 市民 儘量減少 移動 用 視 訊 取代 探親 高 市 今日 新增 一 名 個案 為 案 862177 歲 男子 為 大 寮 家庭 群 聚 案 案 4743 的 父親 感染 來源 為 有 萬 華 旅遊 史 的 屏 東案 3037 由於 疫 調 確實 提前 告知 隔離 因此 無 足跡 及 匡列 物件 陳其邁 強調 疫情 趨勢 已經 逐步 下降 表示 相關 衛生 措施 有 落實 也 有 效用 但 12 至 14 日 就 是 端午節 連 假 陳其邁 要求 市民 儘量減少 移動 儘量 用 視 訊 的 方式 取代 探親 因為 根據 母親節 的 經驗 看來 很多 感染 都 來自 過節 時 的 人口 流動 造成 許多 家庭 群 聚 感染 高雄 長 庚 胸腔 內科 教授 林 孟志 表示 高市 將 設置 5 台 高通量 pcr 儀器 檢驗 量 可 增加 5000 件 每天 11 日前 再 建置 10 個 社區 快 篩 站 預計 可 達 43 個 據點 規模 此外 落實 醫療 降 載 人員 分 艙 分流 針對 高風險 單位 工作人員 定期 采 檢 另 聘請 專家 啟動 40 家 醫療 院所 做 感染 控制 查核 高 市 負 壓 及 專責 病房 目前 還有 9 成 能量 住宿 型 長 照 機構 人員 3 天內 全部 完成 快 篩 地區醫院 病人 陪 病 家屬 員工 均 要 快 篩 由 23 家 專責 醫院 協助 基層 診所 醫師 9 成已 完成 第一 劑 疫苗注射 若 診所 人員 7 成施 打 疫苗 醫師公會 將 會 頒 給 安心 診所 標 章 可 供 民眾 識別 針對 長 照 機構 限制 訪 客 探視 禁止 院 際 人員 支援 交流 每日 稽核 防疫 作為 新 住 民 入住 出院 返回 前 均 須 經 pcr 檢測 為 陰性 長 照 機構 人員 全面 快 篩檢測 高 市府 針對 四大 醫學 中 及 專責 醫院 的 一線 防疫 醫護人員 推出 暖 心 挺 醫護 20 計 畫 康橋 商旅 覺民 館 禦 宿 商旅 站前 館 共有 238 間 房 免費 入 住 疫苗 部分 前 兩 批5萬8400 劑 已 完成 施打 第 三 批 2萬7千 劑 將 再 針對 第一 線 醫療 人員 警 消 高風險 防疫 旅館 防疫 計程車 等 人員 施打 針對 國民黨 前 立 委 黃昭順 疑 似 插隊 打 疫苗 事件 陳其邁 再次 強調 沒有特權 例外 陳其邁 也 呼籲 醫院 珍惜 人民 的 信賴 針對 幫 黃施 打 的 大 昌 醫院 市府 和 衛生局 已經 口頭 和 書面 提出 嚴厲 警告 衛生局 表示 醫院 是 按 名冊 撥 補 疫苗 接種 過程 也 要 過健 保 卡 內控 機制 沒 問題 陳其邁 也 公佈 5 大 快 篩 族群 5 月 1 日後 有 雙北 旅遊 史者 與 串 門子 餐廳 相關 人 5 月 14 日後 曾 前往 用餐 工作者 5 月 15 日後 曾 與 前 者 有 接觸 者 5 月 12 日 起 14 天內 出現 3 次 或 7 天內 出現 2 次 呼吸道 症狀 者 住宿 型 長 照 機構 照 護 及 行政 人員 地區醫院 的 住院病人 陪 病 家屬 院內 員工 及 看護</t>
  </si>
  <si>
    <t>台南 傳出 接種 疫苗 個 資 疑 似 外泄 風波 市府 27 日 偕同 台南 市 診所 協會 代表 醫師 張富全 台南 市 醫師公會 共同 發表 聲明 強調 衛生局 各區 衛生所 及 各 醫療 院所 對於 個人資料 的 蒐集 處理 或 利用 將 秉 持 最 嚴謹 態度 除 依 法律 規定 也 尊重 當事人 的 權益 絕不 逾越 特定 目的 的 必要 範圍 還 簽署 個 資 保護 聲明書 市議員 洪 玉鳳 陳怡珍 27 日 於 定期 會 衛生局 工作 報告 時 也 再度 爆 料 指 涉及 個 資 外泄 者 竟然 拿 著 某 議員 服務處 助理 的 名片 向打第 2 劑 的 長者 聲稱 服務處 幫 你 爭取 到 疫苗 讓 疫苗 染 上 政治 色彩 實在太 不 應該 衛生局長 許以霖 答詢 說 疫苗 都 是 中央 配發 應該 是 診所 聯繫 上 的 錯誤 將 加強 要求 管制 衛生局 指出 該局 除 落實 疫苗注射 的 行政 流程 加強 衛生局 所 同仁 的 法治 觀念 外 還 將 透過 醫師公會 對 醫療 院所 宣 導 個 資 保護 及 教育 訓練 藉 由 強化 行政 監督 及 與 各 醫療 院所 共同努力 以 最 嚴謹 的 方式 保護 疫苗注射 名冊 內 所有 的 個人資料 衛生局 還 說 今年 度 公費 流感疫苗 將 於 10 月 1 日 起 開始 第 1 階段 接種 物件 包括 醫 事 及 衛生防疫 相關 人員 65 歲 以上 長者 安養 養護 長期 照顧 服務 等 機構 的 受 照顧 者 及 所屬 工作人員 滿 6 個 月 以上 至 國小 入學 前 幼兒 孕婦 具有 潛 在 疾病 之 高風險 慢性 病人 bmi 30 者 與 罕見 疾病 及 重大 傷病 患者 國小 至 高中職 五 專一至 三 年級 學生 6 個 月 內 嬰兒 的 父母 幼稚園 托 育 人員 及 托 育 機構 專業 人員 禽畜 業 及 動物 防疫 相關 人員 第 2 階段 自 11 月 15 日 開始 接種 物件 為 50 至 64 歲 無 高風險 慢性病 成 人 市長 黃偉哲 呼籲 符合 公費 接種 資格 的 民眾 儘快 預約 接種 並 需注意 與 covid-19 疫苗 接種 時間 間隔 7 天 以上 在 前往 合約 院所 預約 或 接種 前 應 主動 告知 疫苗 接種 史 市長 黃偉哲 說 針對 符合 資格 的 長者 將 會 由 衛生所 統一 造冊 安排 施打 莫德納 第 2 劑 並 由 各 區公所 統一 印製 通知單 告知 安排 施 打的 日期 及 地點 再 由 裡長 或 里幹事 親自 發送至 長者 家中 針對 行動不便 的 長者 市府 也 持續 提供 安心 接送 服務 只 需 施打前 1 天 向 區公所 申請 長 照 車或複 康 巴士 前往 接送 如 長者 因 身體 情況 無法 移動 前往 施打 地點 也 可向 衛生局 申請 經 評估 後 可 安排 到 府 施打 服務 至於 台 南市 從 開始 covid-19 疫苗 接種 作業 後 直到 26 日 止 共 接種 107萬5399 劑 次 人口 涵蓋 率 485 第 2 劑 涵蓋 率 90 劑 次 涵蓋 率 575</t>
  </si>
  <si>
    <t>高市 掀 長輩 搶 打 莫德納 疫苗 潮 2 日 來 接種 率 高達 10116 2 日 晚間 緊急 宣佈 3 日 起 暫停 不在 籍 施打 引發 民怨 市長 陳其邁 多次 致歉 強調 5 日新 一 波 疫苗 就 會 到 這 禮拜 沒 打到 下禮拜 保證 一定 打得 到 陳其邁 表示 高市 疫苗 覆蓋率 已 達 10 統計 至 2 日 72 至 74 歲 長輩 已 接種 27799 人 75 歲 以上 長者 已 接種 5034 人 1 日 就 打到 99 2 日 更 高 達 10116 陳其邁 表示 之前 有 很多 孝順 的 子女 從 外縣市 開 車載 爸 媽 來 打 疫苗 但 疫苗 控管 上 還是 要 考慮 原來 高市 設 籍 的 市民 優先 週末 沒 時間 配合 施 打的 民眾 下 周也 可以 補 打 不用 急 針對 各 容量 針 具 抽取 導致 殘 劑量 不同 的 問題 陳其邁 表示 高市 多半 採用 1 cc 的 注射 針頭 抽取 方便 也 能 提高 施打 速度 高 市 開放 莫德納 注射 以來 目前 只有 一起 現場 休克 的 個案 但 目前 尚 無法 確定 與 疫苗接種 有關 至於 疫苗 衍生 的 副作用 猝死 疑慮 衛生局 表示 若 民眾 有 藥害 救濟 相關 程式 但 都須經 評估 認定 造成 當事人 的 影響 民政局 區公所 社會局 都會 一併 整合 協助 提供 民眾 協助 針對 網 傳 高市 疫苗注射 年齡 排 程表 陳其邁 警告 是 假消息 他 強調 高市 打 疫苗 很 簡單 一切 依 裡長 里幹事 通知書 為主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電動車 大廠 特斯拉 tesla inc 執行長 馬斯克 elon musk 13 日 推 文 表示 他 在 同一天 接受 4 次 新冠肺炎 病毒 篩檢 結果 兩 次 陰性 兩 次 陽性 他 說 這事 非常 詭異 bogus 並 提到 自己 只 有 典型 感冒 症狀 其他 沒有 什麼 異狀 根據 俄羅斯 今日 報 報導 馬斯克 在 推特 twitter 上 表示 發生 了 非常 詭異 的 事情 我 今天 接受 4 次 新冠肺炎 病毒檢測 兩 次 結果 陰性 兩 次 結果 陽性 同樣 的 機器 同樣 的 篩檢 同 個 護士 bd 的 快速 抗原 測試 他 指 的 應該 是 碧迪 公司 becton dickinson and co&amp;apos s 生產 的 快速 抗原 測試 馬斯克 表示 他 同時 也 接受 不同 實驗室 的 聚合 酶 連鎖反應 pcr 篩檢 24 小時 後會 有 結果 出來 馬斯克 說 他 有 典型 感冒 症狀 並 補充 說 截至 目前為止 沒有 什麼 不 尋常 的 馬斯克 的 推 文在社 群 媒體 掀起 熱 議 有些 人 抨擊 他 不負責任 竟然 暗示 新冠 檢測 不靠 譜 對於 新冠 疫情 這 位 49 歲 的 億萬富豪 曾經 發表 幾 次 極具 爭議性 的 看法 例如 他 在 5 月中 旬 公然 違反 加州 封鎖 禁令 強行 讓 特斯拉 在 弗里蒙特 的 工廠 復工 並 威脅 當地 官員 若 不讓 工廠 復工 就 要 將 總部 及 未來 業務 撤離 加州 他 也 表明 自己 和 家人 不 會 接受 疫苗注射</t>
  </si>
  <si>
    <t>俄羅斯 總統 普丁 11 日 搶先 宣佈 俄羅斯 已成 全球 第 一個 註冊 疫苗 的 國家 且 他 的 女兒 也 已 完成 了 疫苗注射 此 疫苗 以 蘇聯 人造衛星 之 名 命名 為 史 普 尼克 5 號 sputnik v 之後 俄羅斯衛生部 表示 已 開始 大規模 生產 俄 羅</t>
  </si>
  <si>
    <t>國內 的 新 冠 疫苗 陸續 到位 能 接種 的 年齡層 也 慢慢 往 下 開放 國外 曾 報導 有 過去 施打玻 尿酸 等 填充物 的 患者 在 打完 新 冠 疫苗 之後 發生 嘴唇 紅腫 等 狀況 而 前來 就醫 疫苗 引起 身體 發炎 導致 皮膚 專科 醫師 鄭惠文 表示 根據 國 美容 整形 外科 學會 asaps 指出 曾經 在 臉上 有 注射 填充物 的 民眾 在 接受 疫苗 接種 後 身體 出現 了 紅腫 以及 發炎 反應 甚至 還有 人 出現 嘴唇 腫大 的 情形 雖然 這種 情況 發生 的 機 率 不是 很 高 但 隨 著 國人 施打新 冠 疫苗 的 人數 越來越 多 未來 有 可能 會 有 此類 狀況 發生 在 此 先 讓 民眾 瞭解 新 冠 疫苗 可能 引發 的 皮膚 症狀 除了 過去 有 做 過醫 美 填充物 的 民眾 要 特別注意 之外 本身 有 免疫 問題 抵抗力 較 低下 的 族群 在 接受 疫苗注射 後 也 可能 出現 帶狀皰疹 再度 活化 的 情形 另外 施打 疫苗 可能 出現 的 皮膚 紅腫 發炎 情況 一定 要 和 蜂窩 性 組織 炎作檢 別診斷 以免 錯失 黃金 治療 時期 要 特別 提醒 的 還有 若 因 打 疫苗 引起 紅腫 不適 而 擦拭 外用 藥膏 的話 也 得 小心 會 引發 接觸性 皮膚 炎 的 問題 若 發炎 症狀 持續 或 原有 的 皮膚 問題 持續 惡化 建議 盡 速 就醫 疫苗 利大於弊 若 不良反應 持續 惡化 1 周 盡 速 就醫 鄭惠文 指出 注射 新 冠 疫苗 回家 之後 如果 感覺 施打 部位 紅腫 疼痛 可 適時 冰敷 緩解 症狀 此外 建議 加強 肌膚 的 保濕 修復 工作 或是 使用 含有 消炎 成分 如 甘草 萃 取 licorice 等 保養品 擦拭 若 感覺 癢癢 的 時候 儘量 以 拍打 方式 來 止癢 至於 哪些 狀況 下 需要 就醫 治療 呢 鄭惠文 進一步 說明 當 癢 感 無法控制 住 且 已經 影響 了 日常生活 時 還有 皮膚 症狀 的 範圍 大 到 分 不輕 界線 的 時候 另外 當 這些 皮膚 不良反應 症狀 超過 一 周 沒有 轉 好 的 情況 下 都 建議 立刻 就醫 讓 醫師 來 診斷 並 治療 鄭惠文 強調 以上 所 述 的 皮膚 不良反應 皆 屬於施打新 冠 疫苗 後 可能 發生 的 症狀 疫苗 對 身體 的 好處 利大於弊 千萬 不要 因為 擔憂 這些 不良反應 而 拒絕 施打 疫苗</t>
  </si>
  <si>
    <t>衛福部 桃園 醫院 爆發 群 聚 感染 11 天 來 已 有 12 例 確診 對於 臺灣 疫苗 採購 案 國民黨 前 立 委 孫大 千 多 次 提出 質疑 今 23 日 他 再度 提出 5 點 疑問 好奇 是 誰 把 臺灣 人民 的 救命 疫苗 給 搞掉 了 孫 大 千 在 臉書 表示 沒有 疫苗注射 難道真 的 要 臺灣 人民 靠 人心 團結 來 對抗 新冠肺炎 嗎 因此 想 請 衛福部 正面 回答 幾 個 問題 首先 針對 疫苗 採購 原本 說好 的 超前 部署 呢 原本 說好 的 口袋 名單 是 什麼 東洋 製藥 又 是 怎麼 被 做掉 的 第二 如果 按照 原本 東洋 的 採購 方案 臺灣 的 醫護人員 早 在 去年底 就 可以 接種 疫苗 也 根本 不 會 發生 部 桃 醫院 的 院內 感染 究竟 是 誰 害 桃園 鄉親 要 承受 這樣 的 風險 第 三 孫大千 指出 疾 管署 針對 媒體 爆 料 究竟 是否 有 要求 媒體 更正 或者 只是 拜 讬 媒體 不要 把 承辦人 的 全名 登出來 第 四 陳時中 口中 的 500萬 劑 疫苗 談判 後來 是不是 改 透過 臺灣 雅各 臣 和信 東 作為 不能 說 出來 的 白 手套 最後 孫大 千 質疑 疫苗 談判 究竟 是 延遲 還是 破 局 bnt 是否 已經 準備 將 原本 的 訂金 歸還 臺灣 是 誰 把 臺灣 人民 的 救命 疫苗 給 搞掉 了 系列 之一 沒有 疫苗注射 難道真 的 要 臺灣 人民 靠 人心 團結 來 對抗 新冠肺炎 嗎 請 衛福部 正面 回答 這 幾 個 問題 第一 針對 疫苗 採購 原本 說好 的 超前 部署 呢 原本 說好 的 口袋 名單 是 什麼 東洋 製藥 又 是 怎麼 被 做掉 的</t>
  </si>
  <si>
    <t>莫德納 疫苗 輝瑞 疫苗 新冠肺炎 冠狀病毒疫苗 接種</t>
  </si>
  <si>
    <t>由於 美國 食品 暨 藥物 管理局 fda 11 日 已 批准 輝瑞 大 藥廠 與 德國 生 技 公司 的 冠狀病毒疫苗 緊急 授權 負責 疫苗 研發 的 首席 顧問 施勞威 13 日 宣佈 輝瑞 疫苗 全美 配送 自 同日 展開 逾 600 個 地點 14 日 起 便 能 陸續 收到 疫苗 預計 2021 年 3</t>
  </si>
  <si>
    <t>由於 美國 食品 暨 藥物 管理局 fda 11 日 已 批准 輝瑞 大 藥廠 與 德國 生 技 公司 的 冠狀病毒疫苗 緊急 授權 負責 疫苗 研發 的 首席 顧問 施勞威 13 日 宣佈 輝瑞 疫苗 全美 配送 自 同日 展開 逾 600 個 地點 14 日 起 便 能 陸續 收到 疫苗 預計 2021 年 3 月底 前為 1 疫 人 接種 疫苗 施勞威 在 福斯 周日 新聞 中 證實 在 2021 年 第 1 季 要為 1億 人 接種 疫苗 並於 2020 年 12 月底 前 配送 約 4000萬 劑 疫苗 2021 年 1 月 再配 送 5000萬 至 8000萬 劑 疫苗 2 月 再 配送 同等 數量 此外 他 也 報知 好 消息 即 莫德納 疫苗 可望 本 周 稍晚 批准 緊急 授權 他 強調 正 與 輝瑞 藥廠 合作 力拼 2021 年 第 2 季再 提供 1億 劑 疫苗 據 美國廣播公司 新聞網 abc news 報導 首批 載有 新冠 疫苗 的 貨車 13 日 自 密西根州 製藥 廠 駛出 為 讓 配送 順利 展開 工人 自 該 日 淩晨 起 便 忙碌 穿梭於 裝配線 將 疫苗 劑 自 冰箱 取出 隨後 放 入 藍色 冰 藏 箱 中 以 確保 處在 零下 30 度 的 低溫 接 著 再 裝箱 貼上標籤 最後 搬 至 貨 車上 不久 後 裝載 首批 疫苗 的 3 輛 貨車 便 開始 疫苗 配送 行動 官員 指出 首批 疫苗 自 13 日 開始 配送 全國 逾 600 個 地點 14 日 起 便 會 陸續 收到 疫苗 14 日 先 有 145 個 地點 收到 疫苗 15 號 則 有 425 個 點 16 號 則 是 最後 66 個 點收 到 疫苗 首輪 接種 人數 約 300萬 醫護人員 將 優先 接種</t>
  </si>
  <si>
    <t>廣東 官方 健康 廣東 微信 公 號 16 日 公佈 6 月 15 日 0 至 24 時 廣東省 無 新 增 本土 確診 病例 和 本土 無 症狀 感染者 廣東省 獲 批 首 批 60萬 支 重組 亞 單位 新冠 疫苗 已經 到 粵 該 疫苗 是 由 中國科學院 微生物研究所 和 安徽 智飛龍 科 馬 生物製藥 有限公司 聯合 研發 的 重組 新型 冠狀病毒疫苗 cho 細胞 全程 共 接種 3 劑 次 據悉 大陸 全境 新增 境外 輸入 確診 病例 21 例 其中 廣東 14 例 廣州 1 例 來自 柬埔寨 深圳 報告 13 例 均 來自 南非 截至 6 月 15 日 24 時 廣東 全省 累計 報告 新冠肺炎 確診 病例 2650 例 境外 輸入 1098 例 在 院 213 例 6 月 15 日 廣東省 預防 醫學會 官方 微信 公 號 發佈 消息 稱 重組 新型 冠狀病毒疫苗 技術 原理 和 已經 運用 很 成熟 的 b 肝 cho 細胞 疫苗 類似 它 是 採用 基因 工程技術 在 cho 細胞 內 表達 病原體 抗原 rbd 蛋白 經過 純化 加入 氫氧化鋁 佐劑 製成 的 疫苗 整個 生產 過程 是 蛋白 表達 和 純化 的 過程 沒有 活 病毒 參與 所以 生產 過程 是 安全 的 也 容易 大規模 生產 大陸 國家 衛健 委 發佈 的 新冠 疫苗 接種 技術 指南 第一版 指出 重組 新型 冠狀病毒疫苗 全程 共 接種 3 劑 次 相鄰 2 劑 之間 的 接種 間隔 建議 大於 4 周 第 2 劑 儘量 在 接種 第 1 劑 次 後 8 周 內 完成 第 3 劑 儘量 在 第 1 劑 次 後 6 個 月 內 完成 上臂 三角 肌 肌肉注射 央 視 新聞報導 中國疾控中心 主任 高福 院士 此前 表示 重組 新型 冠狀病毒疫苗 要 接種 3 針 從 臨床 試驗 結果 來看 2 針 效果 已經 很 好 了 仍然 採用 3 針 是 基於 這次 新冠 疫苗 是 一 種 新 疫苗 但 根據 以往 其他 重組 蛋白 疫苗 使用 的 經驗 3 針 次 會 更 好 廣州市疾控中心 副 主任 張周斌 15 日 表示 7 月 以後 廣州市 將 繼續 全面 推進 第一 劑 次 和 第二 劑 次 的 疫苗 接種 工作 持續 提高 新冠 疫苗 接種 人群 覆蓋率 此前 廣州市 曾 暫停 新冠 疫苗 的 社會 接種 5 月 31 日 廣州市 副 市長 黎明 在 昨天 記者會 表示 廣州 決定 從即日起 調整 新冠 疫苗 接種 工作 的 節奏 近日 先 有序 安排 重點 行業 重點 群體 的 團體 預約 和 集體 接種 為主 暫緩 個人 預約 暫停 新冠 疫苗 的 社會 接種</t>
  </si>
  <si>
    <t>大陸 國新 辦 今 21 日 舉行 有關 科技 創新 支撐 疫情 防控 記者會 大陸 科學技術部 副 部長 徐南平 表示 最 快 的 疫苗 將 於 4 月 下旬 左右 申報 臨床 試驗 大陸 新冠肺炎 確診 與 死亡 人數 持續 攀升 日前 大陸 科研 團隊 宣佈 疫苗 已經 開始 動物 試驗 最 快 4 月 就 可 進行 人體 臨床 試驗 當時 第一 財經 報導 一 款 新冠 病毒 疫苗 由 大陸 疾 控 中心 上海 同濟大學 醫學院 和 上海 生物技術 公司 斯 微生物 共同 設計 開發 斯 微生物 提供 生產 疫苗 樣本 新 疫苗 的 樣本 已經 在 100 多 只 健康 的 小鼠 身上 注射 疾 控 中心 的 官員 證實 疫苗 進展 的 同時 還 強調 這 還 是 非常 早期 的 階段 要用 到 人 身上 還有 很多 步 要 走 儘管 大多數 科學家 相信 遠水救不了近火 等到 疫苗 被 認為 是 安全 的 時候 疫情 可能 已經 有所 緩解 但是 疫苗 的 儲備 對於 未來 類似 病毒 的 防控 有 積極意義 以 伊 波拉 病毒 為 例 2014 年 病毒 首次 在西非 暴發 時 沒有 疫苗 可用 然而 在 2019 年 剛果 再次 暴發 伊 博拉 疫情 時 有 超過 20萬 人 注射 疫苗 及時 抑制 疫情 的 擴散 目前 全球 包括 美國 英國 法國 澳洲 等 國家 的 研究 人員 仍 在 積極 投入 新型 冠狀病毒疫苗 的 研製</t>
  </si>
  <si>
    <t>大陸 傳出 軍事科學院 軍事醫學 研究 院 院士 女 少將 陳薇 領銜 的 科研 團隊 成功 研製 出 重組 新冠 疫苗 進入 臨床 測試 前 國民黨 副 秘書長 蔡正元 在 臉書 發文 簡介 陳薇 如 何棄文 從軍 研發 sars 干擾素 伊 波拉 病毒 疫苗 以至 新冠 疫苗 他 意 有所 指 強 重要 的 是 陳薇 沒有 被 吹捧 成神 不 像 某 幾 個 人 不過 就 做 了 很 初步 的 事 就 大肆 造 神 蔡正元 說 陳薇 3 月 16 日 宣佈 製成 冠狀病毒疫苗 正式 進入 臨床 測試 從 1 月 26 日 陳薇 被 交付 任務 進駐 武漢 1 月 28 日 做出 快 篩 劑 3 月 3 日 疫苗 研發 突破 他 說 陳薇 是 清華大學 高材生 畢業 時棄 藥廠 高薪 也 放棄 獎學金 不 出國 應 軍隊 號召 棄 文從軍 專 研 韓 戰時 的 士兵 疫情 成為 大師級 的 病毒 剋星 當年 清秀 可愛 的 清華 生 如今 成為 救 世 活菩薩 蔡正元 說 2003 年 陳薇 發明 sars 干擾素 作為 醫療 人員 的 噴 鼻 劑 使用者 無人 感染 2014 年 陳薇 成功 發展 伊 波拉 病毒 疫苗 也 是 世界 首發 蔡正元 強調 陳薇 已 親自 施打冠 狀 病毒 疫苗 期待 臨床實驗 成功 重要 的 是 陳薇 沒有 被 吹捧 成神 不 像 某 幾 個 人 不過 就 做 了 很 初步 的 事 就 大肆 造 神</t>
  </si>
  <si>
    <t>美國 藥物 開發商 諾瓦 瓦克斯 novavax inc 週五 表示 英國 將 購買 6000萬 劑 其 冠狀病毒疫苗 候選 產品 nvx-cov 2373 用於 該國 的 3 期 臨床 試驗 諾瓦瓦克斯 在 一 份 聲明 中 說 該 公司 與 英國政府 將 合作 進行 該 試驗 以 評估 該 疫苗 在 英</t>
  </si>
  <si>
    <t>美國 藥物 開發商 諾瓦 瓦克斯 novavax inc 週五 表示 英國 將 購買 6000萬 劑 其 冠狀病毒疫苗 候選 產品 nvx-cov 2373 用於 該國 的 3 期 臨床 試驗 諾瓦瓦克斯 在 一 份 聲明 中 說 該 公司 與 英國政府 將 合作 進行 該 試驗 以 評估 該 疫苗 在 英國 民眾 中的 效力 但 未 透露 該 協議 的 任何 財務 細節 該 試驗 將 對 約 9000 名 18 歲 至 85 歲 的 成年人 進行 研究 諾瓦瓦克斯 公司 將 與 fujifilm diosynth biotechnologies 公司 合作 在 英國 生產 其 候選 covid-19 疫苗 的 抗原 成分 該 公司 還 準備 在 今年 1 月份 向 美國 交付 1億 劑 疫苗 之前 該 公司 獲得 了 16億 美元 的 資金 用於 在 該國 進行 候選 疫苗 的 測試 和 生產 迄今為止 諾瓦瓦克斯 的 冠狀病毒疫苗 已 獲得 20億 美元 的 資金 其中 包括 來自 流行病 預防 創新 聯盟 cepi 的 384億 美元 諾瓦瓦克斯 公司 表示 最 早 將 於 2021 年 第一季度 向 英國 提供 nvx-cov 2373 劑量 而 第 三 階段 試驗 預計 將 於 今年 第三季度 開始 諾瓦瓦克斯 並 補充 說 英國 的 fujifilm diosynth biotechnologies 網站 預計 每年 產生 約 18億 劑 隨 著 開發 安全 有效 的 疫苗 的 競賽 已 進入 測試 的 最後 階段 美國 和 英國 正在 與 製藥 商 爭先恐後 地 達成協議 以 儲備 實驗性 冠 狀 病毒 疫苗 的 供應 目前 全球 尚無 批准 的 covid-19 疫苗 而 正在 研究 中的 有 25 種 以上 的 候選 疫苗 在 一 項 早期 試驗 中 諾瓦瓦克斯 的 候選 疫苗 nvx-cov 2373 在 健康 志願者 中 產生 的 抗體 水準 比 在 康復 的 covid-19 患者 中 發現 的 抗體 高出 兩 倍 並且 疫苗 總體 上 耐受 性 良好</t>
  </si>
  <si>
    <t>由 軍事科學院 軍事醫學 研究院 陳薇 院士 領銜 的 科研 團隊 研製 的 重組 新冠 疫苗 昨天 3 月 16 日 20 時 18 分 獲 批 啟動 展開 臨床 試驗 根據 大陸 央 視 報導 由 軍事科學院 軍事醫學 研究院 陳薇 院士 領銜 的 科研 團隊 自 1 月 26 日 抵達 武漢 後 展開 疫苗 研製 3 月 16 日 陳薇 院士 團隊 研製 的 重組 新冠 疫苗 獲 批 啟動 臨床 試驗 報導 指出 陳薇 院士 團隊 聯合 地方 優勢 企業 在 伊 波拉 疫苗 成功 研發 的 經驗 基礎 上 爭分奪秒 開展 重組 新型 冠狀病毒疫苗 的 藥學 藥效學 藥理 毒理 等 研究 快速 完成 了 新冠 疫苗 設計 重組 毒 種 構建 和 gmp 條件 下 生產 製備 以及 第 三 方 疫苗 安全性 有效性 評價 和 品質 覆核 昨天晚上 陳薇 院士 團隊 研製 的 新冠 疫苗 通過 了 臨床 研究 註冊 審 評 獲 批 進入 臨床 試驗 中國工程院 院士 軍事科學院 軍事醫學 研究院 研究員 陳薇 在 接受 央 視 記者 獨家 採訪 時 指出 按照 國際 的規範 大陸 的 法規 疫苗 已經 做 了 安全 有效 品質 可 控 可 大規模 生產 的 前期 準備 工作</t>
  </si>
  <si>
    <t>俄羅斯 總統 普丁 11 日 搶先 宣佈 俄羅斯 已成 全球 第 一個 註冊 疫苗 的 國家 且 他 的 女兒 也 已 完成 了 疫苗注射 此 疫苗 以 蘇聯 人造衛星 之 名 命名 為 史 普 尼克 5 號 sputnik v 之後 俄羅斯衛生部 表示 已 開始 大規模 生產 俄羅斯 國際 傳真 社 interfax 引述 俄羅斯 衛生局 說法 衛生局 稱 俄羅斯 已 正式 開始 大規模 生產 由 加 馬列亞 流行病 學 研究 中心 gamaleya institute 所 開發 的 冠狀病毒疫苗 該 研究院所 長 日前 表示 到 12 月 或 1 月 疫苗 的 產量 將 達到 每月 500萬 劑 不過 由於 俄羅斯 的 疫苗 仍 處於 測試 的 初期 階段 且 研究 尚未 進行 第 三期 試驗 效果 令 人 存疑 世界衛生組織 who 表示 sputnik v 尚未 獲得 批准 正 與 俄羅斯 保持 密切 聯繫 世衛組織 發言人 指出 任何 疫苗 的 資格 預審 都 需要 對 所有 必需 的 安全性 和 功效 資料 進行 嚴格 的 審查 和 評估 但 這 一切 他們 都 尚未 看到 更 多 ctwant 報導</t>
  </si>
  <si>
    <t>武漢肺炎 新型 冠狀病毒 新冠肺炎 臺灣 斷航</t>
  </si>
  <si>
    <t>新冠肺炎 武漢肺炎 新型 冠狀病毒 ncp 全球</t>
  </si>
  <si>
    <t>武漢肺炎 新型 冠狀病毒 全球 新冠肺炎 症狀</t>
  </si>
  <si>
    <t>韓國 疾病 管理 本部 週一 宣佈 新型 冠狀病毒感染 確診 病例 新增 161 人 累計 病例 達到 763 例 死亡 病例 新增 1 人 累計 達 7 例 當局 報告 在 慶尚 北 道 清道 郡 入院 治療 的 62 歲 確診 男性病 患 于 周日 不治</t>
  </si>
  <si>
    <t>韓國 南 新冠肺炎 新型 冠狀病毒 確診</t>
  </si>
  <si>
    <t>新冠肺炎 武漢肺炎 新型 冠狀病毒 臺灣 感染 源</t>
  </si>
  <si>
    <t>新冠肺炎 武漢肺炎 新型 冠狀病毒 covid-19 大陸</t>
  </si>
  <si>
    <t>新冠肺炎 武漢肺炎 新型 冠狀病毒 臺灣 累計</t>
  </si>
  <si>
    <t>新冠肺炎 新型 冠狀病毒 大甲 媽 盧秀燕 繞 境</t>
  </si>
  <si>
    <t>新冠肺炎 武漢肺炎 新型 冠狀病毒 臺灣 居家</t>
  </si>
  <si>
    <t>夏春湧 蔡 政府 新冠肺炎 新型 冠狀病毒 ncp</t>
  </si>
  <si>
    <t>新冠肺炎 武漢肺炎 新型 冠狀病毒 covid-19 臺灣</t>
  </si>
  <si>
    <t>新冠肺炎 武漢肺炎 新型 冠狀病毒 臺灣 孕婦</t>
  </si>
  <si>
    <t>據 大陸 國家 衛健 委 網站 消息 7 月 3 日 0 至 24 時 31 個 省 自治區 直轄市 和 新疆生產建設兵團 報告 新增 確診 病例 14 例 均 為 境外 輸入 病例 雲南 4 例 廣東 3 例 福建 2 例 天津 1 例 遼寧 1 例 上海 1 例 廣西 1 例 四川 1 例 新增 疑似病例 3 例 均 為 境外 輸入 病例 均 在 上海 此外 廣東省 衛 健 委 統計 截至 3 日 廣東省 全省 無 新 增 新冠肺炎 本土 確診 病例 和 本土 無 症狀 感染者 廣東 已 持續 11 天 本土 確診 病例 和 本土 無 症狀 感染者 零 新 增 大陸 國務院 聯防 聯控 機制 綜合組 廣東 工作組 人員 2 日 已 全部 撤離 廣東省 廣東省 自 5 月 21 日 以來 發生 3 輪 不同 疫情 均 與 境外 輸入 相關 其中 2 輪 疫情 為 delta 變異 毒 株 1 輪為 alpha 變異 毒 株 此次 廣東 疫情 處置 探索 積累 了 中國 應 對 境外 變異 毒 株 疫情 的 新 組合 措施 廣東省 的 本土 新增 病例 從 5 月 21 日 持續 到 6 月 21 日 這 期間 廣東 發生 了 3 輪 不同 源頭 的 疫情 其中 1 輪 首先 發生 于 廣州 其次 在 茂名 佛山 湛江 出現 病例 2 輪 先後 發生 在 深圳 並 關聯 了 東莞 疫情 過去 這 一個 月 廣東省 共 190 人 感染 新冠肺炎 從 6 月 22 日 開始 廣東省 沒有 再 出現 新 的 本土 感染者 到 7 月 2 日 持續 11 日 零 新 增 廣州市 新型 冠狀病毒 肺炎 疫情 防控 指揮部 2 日 發出 通告 稱 本輪 新冠肺炎 疫情 得到 有效 控制 疫情 防控 恢復 常態 化 階段 廣州市 和 佛山市 自 7 月 3 日 0 時起 取消 持 48 小時 核酸 檢測 陰性 證明 出 省 管控 措施 省內 除 深圳市 東莞市 外 的 其他 地市 自 7 月 3 日 0 時起 取消 持 72 小時 核酸 檢測 陰性 證明 出 省 管控 措施</t>
  </si>
  <si>
    <t>韓國 中央 防疫 對策 本部 通報 至 今天 淩晨 零 時 確診 感染 2019 年 冠狀病毒 疾病 covid-19 武漢肺炎 病例 達 8236 例 較 15 日 增加 74 例 連同 今 早 新增 案例 死亡 病例 增至 76 例 新增 74 例 中 包括 大 邱 35 例 慶尚 北 道 7 例 首 爾 6</t>
  </si>
  <si>
    <t>韓國 中央 防疫 對策 本部 通報 至 今天 淩晨 零 時 確診 感染 2019 年 冠狀病毒 疾病 covid-19 武漢肺炎 病例 達 8236 例 較 15 日 增加 74 例 連同 今 早 新增 案例 死亡 病例 增至 76 例 新增 74 例 中 包括 大 邱 35 例 慶尚 北 道 7 例 首 爾 6 例 京 畿 道 20 例 釜山 世宗市 各 一 例 境外移入 4 例 各地 確診 以 大 邱 6066 例 慶尚 北 道 1164 例 最 多 其次 為首 爾 253 例 京 畿 道 231 例 忠清南道 115 例 釜山 107 例 廣尚南道 85 例 仍 集中 在 最先 爆發 群 聚 感染 的 大 邱 慶尚 北 道 以及 首 爾 京 畿 道 等 首都 周邊 韓國 聯合 新聞 通訊社 報導 截至 今天 淩晨 零 時 韓國 境內 有 75 例 死亡 連同 慶尚 北 道 新 增 一 例 共 76 例 死亡 致死 率 092 報導 說 慶尚 北 道 新 增 的 死亡 案例 為 82 歲 女性 原先 住 在 慶尚 北 道 清道 郡 立 老人 療養 醫院 5 日 確診後 送至 金泉 醫療 院 治療 但因 肺炎 症狀 惡化 不治 解除 隔離 人數 來到 1137 例 較 15 日 增加 303 例 一舉 突破 千 人 韓國 至今 有 近 275萬 人 接受 篩檢 其中 25萬1297 人 為 陰性 1萬4971 人 仍 在 等待 結果 揭曉</t>
  </si>
  <si>
    <t>新冠肺炎 武漢肺炎 新型 冠狀病毒 covid-19 新疆</t>
  </si>
  <si>
    <t>根據 中國 大陸 和 美國 衛生 研究 當局 贊助 的 一 份 大規模 研究 2019 年 新型 冠狀病毒 引發 的 肺炎 平均 潛伏期 是 475 天 致死 率 估計 為 306 而 年長 男性 超過 50 歲 罹 患 機 率 較 高 據 中央 社 報導 這 份 研究 發表 在 醫學 類 論文 預</t>
  </si>
  <si>
    <t>根據 中國 大陸 和 美國 衛生 研究 當局 贊助 的 一 份 大規模 研究 2019 年 新型 冠狀病毒 引發 的 肺炎 平均 潛伏期 是 475 天 致死 率 估計 為 306 而 年長 男性 超過 50 歲 罹 患 機 率 較 高 據 中央 社 報導 這 份 研究 發表 在 醫學 類 論文 預 印本 preprint 網站 medrxiv 作者 包括 世界衛生組織 who 顧問 隆吉尼 ira longini 華盛頓大學 university of washington 公衛 學院 流行病 學 系 教授 郝 樂蘭 elizabeth halloran 及 北京大學 公衛 學院 學者 盧慶彬 等 14 人 研究 的 樣本 涵蓋 1 月 26 日 為止 向 中國 大陸 疾病預防控制中心 通報 的 所有 病例 來自 中國 大陸 30 省區市 共 8866 例 其中 4021 例 為 實驗室 確診 研究 發現 2019 年 新型 冠狀病毒 肺炎 近 半數 477 病 患 為 50 歲 以上 而 男性 發病率 明顯 高於 女性 總體 基本 傳染 數 r 0 值 則 為 377 與 嚴重 急性 呼吸道 症候 群 sars 相較 傳染 力 相當 但 致死 率 較 低 報導 說 這 份 研究 標 題為 中國 所 爆發 2019 年 新型 冠狀病毒 的 流行病 學 和 臨床 特徵 epidemiological and clinical features of the 2019 novel coronavirus outbreak in china 由 中國 大陸 傳染病 防治 重大 專項 國家自然科學基金 和 美國國立衛生研究院 u s national institute of health 贊助 研究 研究 還 顯示 感染 2019 年 新型 冠狀病毒 患者 診斷 罹 患 中度 肺炎 的 比例 最高 699 且 60 歲 以上 患有 重度 肺炎 及 延後 確診 的 男性 致死 率 更 高出 許多 因此 有 必要 針對 年長 患者 及早 確診 尤其 是 男性 以免 症狀 演變 為 重度 肺炎 由於 預 印本 的 研究 尚未 接受 同 儕 審查 代表 研究 結果 尚 待 評估 因此 不 應用 於 指導 臨床 實 務</t>
  </si>
  <si>
    <t>新冠肺炎 武漢肺炎 ncp 大陸 新型 冠狀病毒</t>
  </si>
  <si>
    <t>新冠肺炎 武漢肺炎 新型 冠狀病毒 臺灣 返台</t>
  </si>
  <si>
    <t>澳洲 口罩 酒精 新冠肺炎 新型 冠狀病毒</t>
  </si>
  <si>
    <t>新冠肺炎 武漢肺炎 新型 冠狀病毒 covid-19 全球</t>
  </si>
  <si>
    <t>新冠肺炎 conid- 19 武漢肺炎 新型 冠狀病毒 澳門</t>
  </si>
  <si>
    <t>瑞基 4171 新冠肺炎 病毒檢測 試劑 開發 完成 兩 款 試劑 分別 適用 一般 實驗室 與 瑞基 pockit 檢測 平臺 瑞基 說 在 新冠肺炎 病毒檢測 試劑 開發 上 取得 重大 進程 已 成功 開發 出 適用於 實驗室 使用 的 qpcr real-time pcr 試劑 以及 適用 瑞 基 pockit 平臺 使用 的 iipcr 系列 試劑 瑞 基 新冠肺炎 病毒檢測 試劑 是 採用 who 與 美國 國家 生物 資訊 中心 national center for biotechnology information ncbi 及 全球 共用 禽流感 資料 倡議 組織 global initiative on sharing all influenza data gisaid 基因庫 所 公佈 之 新型 冠狀病毒基因 序列 的 特 異性 基因 片段 進行 設計 其 專一性 與 靈敏度 與 who 所 公告 的 建議 檢測 方法 一致 qpcr 試劑 可 搭載 一般 實驗室 儀器 檢測 使用 iipcr 系列 試劑 將 搭載 瑞基 儀器 pockit 系列 使用 瑞基 pockit 儀器 擁有 微型 輕便 簡易 操作 等 特性 2018 年 成功 開發 並 獲得 ce-ivd 認證 之 pockit central 儀器 更 將 萃 取 與 檢測 合而為一 sample-in-result-out 的 設計 只 需將 樣本 置 入 85 分鐘 後 即可 得知 檢測 結果 視為 防疫 一大 利器 瑞 基 深耕 現場 檢測 平臺 多年 平臺 系統 於 2014 年 獲選 列入 美國 國家級 實驗室 pnnl 出版 第一 防線 生物 偵 測 技術 指南 為 亞洲 第一 家 被 列入 可 提供 現場 pcr 檢測 系統 的 生 技 公司 2017 年 亦 獲得 世界糧農組織 fao 越南 分部 推薦 用於 活 禽 市場 疾病 監控 此後 fao 亞洲 多國 分部 持續訂購 非洲 豬瘟 與 禽流感 相關 產品 2019 年 更 獲 沙烏地 阿拉伯 環境 水利 農業部 mewa 青睞 運用 pockit 系列 平臺 於 邊境 防疫</t>
  </si>
  <si>
    <t>新冠肺炎 covid-19 武漢肺炎 新型 冠狀病毒 大陸</t>
  </si>
  <si>
    <t>去年 12 月 爆發 的 新冠肺炎 病毒 2019 -ncov 為 冠狀病毒 史 上 感染力 最 強 人體 遭 感染 後 即使 沒有 症狀 也 可能 傳染給 他 人 中央研究院 院士 冠狀病毒 之 父 賴明詔 接受 中國時報 專訪 時 指出 這 場 病毒 與 人類 的 戰爭 中</t>
  </si>
  <si>
    <t>去年 12 月 爆發 的 新冠肺炎 病毒 2019 -ncov 為 冠狀病毒 史 上 感染力 最 強 人體 遭 感染 後 即使 沒有 症狀 也 可能 傳染給 他 人 中央研究院 院士 冠狀病毒 之 父 賴明詔 接受 中國時報 專訪 時 指出 這 場 病毒 與 人類 的 戰爭 中 對抗 病毒 要 靠 個人 良好 衛生習慣 與 足夠 的 免疫力 冠 狀 病毒 之 父 當年 抗 煞 功臣 賴明詔 為 全球 最 早 投入 冠狀病毒 研究 的 學者 之一 被 學界 尊為 冠 狀 病毒 之 父 2003 年 臺灣 爆發 sars 疫情 賴明詔 返台 擔任 中央研究院 副 院長 立即 投入 sars 疫情 防治 讓 臺灣 迅速 掌握 sars 病毒 特性 説明 臺灣 迅速 脫離 疫情 蝙蝠 被 視為 是 吉祥 動物 賴明詔 指出 但是 蝙蝠 體內 冠狀病毒 非常 多 科學家 正在 研究 為何 蝙蝠 可以 和 病毒 和平共存 人類 侵入 蝙蝠 的 棲 地 和 蝙蝠 與其 他 野生動物 接觸 機 率 增加 使得 蝙蝠 與 野生動物 身上 冠狀病毒 有 機會 傳染給 人類 伊 波拉 病毒也 是從 蝙蝠 傳染給 人類 衛生 良好 免疫力 足 抗 疫 關鍵 賴明詔 指出 所謂 r 0 值 是 指 病毒 的 傳染 力 這個 數字 若 大於 1 表示 病毒 會 越來越 多 如果 從 1 個 人 擴散 到 3 個人 那麼 這個 病毒 的 r 0 值 為 3 相關 學者 研究 新冠 病毒 r 0 值 介於 2 3 這 是 非常 高 的 數字 為 冠狀病毒 裡 最高 的 賴明詔 指出 sars 病毒 r 0 值 為 05 表示 會 越來越 弱 經過 幾 代 後 最後 會 消失 史上 傳染 力 最 強 的 病毒 是 麻疹 r 0 值 介於 10 15 為何 冠狀病毒 不 斷 突變 賴明詔 表示 病毒 突變 是 自然現象 新 種 病毒 出現 是 因 病毒 接觸 新 的 細胞 因為 人類 捕捉 蝙蝠 或 其他 野生動物 使得 新病毒 出現 洗手 最 重要 口罩 之 亂 沒 必要 賴明詔 指出 當年 sars 爆發 病人 發燒 才 具有 傳染 力 可以 採取 量 體溫 做為 篩選 工具 但 新冠 病毒感染者 沒有 症狀 也 具有 傳染 力 使得 防治 上 比較 困難 許多 無症狀 感染者 無法 隔離 他 研 判 新冠 病毒 傳染 力 驚人 疫情 高峰期 尚未 到 目前 很 難 預測 何時 為 高峰期 情況 不 樂觀 面對 這 場 史上 最 強冠狀病毒 與 人類 的 戰爭 賴明詔 表示 美國 通常 是 生病 者 戴 口罩 待在家裡 休息 一般 健康 者 不必 戴 口罩 臺灣 公共 衛生 水準 高 勤洗手 最 重要 口罩 之 亂 沒有 必要 國人 不必 恐慌</t>
  </si>
  <si>
    <t>口罩 傳染 力 病毒 蝙蝠 冠狀病毒</t>
  </si>
  <si>
    <t>新冠 病毒 covid-19 仍 在 流行 病理學家 也 在 調查 感染 風險 一 項 新 的 研究 表明 常用 來 治療 胃灼熱 及 胃酸 逆流 的 胃酸 抑制 劑 可能 會 無意 中 增加 感染 covid-19 的 機會 醫療 訊息 medical xpress 報導 超過 53萬 名 美國 人 都有 胃酸過多 的 毛病 最近 有 醫學 團隊 發現 患有 胃病 的 人 感染 新冠肺炎 的 機 率 似乎 比較 高 研究 小組 進一步 調查 發現 許多 服用 強效 胃 藥 比如 奧美拉唑 omeprazole 和 艾索美 拉 唑 esomeprazole 的 病 患 也 有 較 高 的 新冠 病 素 感染 風險 長效 胃 藥 是 一 種 稱為 氫離子 幫 浦 阻斷 劑 proton pump inhibitor 簡 稱為 ppi 為 目前 最 強效 的 胃 藥 此 藥物 能 阻斷 胃壁 細胞 上 的 氫離子 幫 浦 h k atpase 進而 有效 減低 胃酸 分泌 常用 來 治療 消化 性 潰瘍 胃 食道 逆流 等 腸胃 道 疾病 但是 正 因為 效果 太 好 也造成 人體 抗病 原 防線 的 弱化 研究員 克裡斯 多福 阿爾馬 利 歐 christopher almario 博士 解釋 說 ppi 可以 阻止 胃酸 分泌 但是 胃酸 也 有 殺菌 殺病毒 的 功能 被 抑制 了 以後 感染 風險 也 會 增加 最近 的 研究 表明 冠狀病毒 不 只 侵襲 呼吸系統 一 但 從 食道 進到 胃 也 會 影響 胃腸 道 系統 那麼 該 怎麼 辦 呢 阿爾馬 利 歐 建議 先 改用 短 效果 胃 藥 也 就 是 另 一類 稱為 組胺 2 受體 拮抗劑 h 2 ras 這 一 族 的 胃 藥 包括 法莫替丁 famotidine 尼紮 替 丁 nizatidine 和 西咪替丁 cimetidine 使用 這類 藥 的 患者 未 發現 較 高 的 新冠 病毒感染 風險 美國 胃腸病 學 協會 發言人 安德魯· 陳 andrew chan 博士 對 此 觀點 表示 支持 陳博士 說 總體 來說 我 同意 個人 應該 服用 盡可能 低劑量 的 藥物</t>
  </si>
  <si>
    <t>近期 因為 受到 新冠肺炎 covid-19 疫情 影響 年度 盛事 媽祖 繞 境 爭議 不 斷 到底 要 不 要 繼續 辦 各界 說法 紛紜 對於 疫情 來說 大型活動 能 延期 就 應 儘量 延後 但 對於 虔誠 的 媽祖 信 眾 來說 則 面臨 了 心靈 與 現實 上 的 抉擇 去年 參加 人生 首次 繞 境 活動 的 張 修修 表示 活動 恐 藏 3 大 染病 風險 呼籲 所有 的 媽祖 囝 仔 今年 能夠 請假 一 次 youtuber 張 修修 昨 25 日 在 影片 中 分享 說 他 能 理解 想 參與 媽祖 繞 境 的 香客 在 想 什麼 因為 去年 他 剛 完成 人生 首次 的 大甲 媽祖 繞 境 可說是 獲益 良多 但 他 表示 就是 因為 經歷 過 更 需要 向還 在 猶豫 是否 要 參加 這項 年度 盛事 的 大家 呼籲 今年 就 向 媽祖 請 一 次 假 吧 張 修修 指出 媽祖 繞 境 並 不 像 一般 大眾 所 認為 的 一樣 只 是 個 健康 的 休閒活動 真的 走 完 全程 疲 累 程度 可 稱作 是 極限運動 其中 就 蘊藏 了 3 個 可能 染上 肺炎 的 風險 希望 能 讓 大家 再 想 一 想 媽祖 繞 境 真的 會 很 累 張 修修 分享 扛 轎 的 人 走 得 速度 飛快 對 女 生還 來說 可能 還 要 加 小 跑步 才能 跟 上 而 駐 駕 和 起 駕 的 時間 間隔 也 非常 短 他 形容 好像 媽祖 都 不用 睡覺 似的 但 確實 祂 真的 不用 睡覺 且 扛 轎 人力 會 不 停 輪換 張 修修 說 他 自己 跟 轎 大概 過 了 3 天 後 已經 累 到 吃不下 東西 只 能 坐在 路邊 休息 還 把 肚子 裡 東西 都 給 吐出來 張 修修 認為 跟 轎 真的 會 搞 到 身心俱疲 而 人 在 最 累 的 時候 免疫力 肯定 很 虛弱 此時 就 給 了 新型 冠狀病毒 很 合適 的 傳播 機會 繞 境 途中 居無定 所 張 修修 說 別 以為 宮廟 提供 的 香客 大樓 多 棒 環境 不但 人滿為患 他 更 看到 一 群 人 擠 在 宮廟 的 小 角落 只要 不 被 踩到 就 好 有些 人 更 直接 在 路邊騎 樓 鋪上 報紙 就寢 整體 環境 將 當差 同時 和 一 群 不 特定 的 人 共處一室 染 上 各種 疾病 的 風險 就 會 大 增 飲食 複雜 難 躲 飛 沫 張 修修 提到 參與 媽祖 繞 境 最 大 特點 就是 不用 花 半 毛錢 買 吃 的 在行 進 的 過程 中 熱情 的 店家 和 人群 都 會 不斷 遞給 香客 們 食物 茶水 但 可怕 的 是 宮廟 通常 都 是 提供 大 鍋 菜 在 多 人 取用 的 過程 中 很 難 避免 到 飛沫傳染 而 多 人 用 過 的 桌椅 設備 也 都有潛 在 染病 的 機 率 張 修修 認為 綜合 3 點 繞 境 潛在 風險 在 活動 結束 後 很 有 可能 會 造成 一 股 疫情 的 大 爆發 如果 因為 參加 活動 而 讓 疫情 快速 蔓延 實在 很 可惜 張 修修 說 有 參加 過 媽祖 繞 境 的 都 知道 我們 都稱 自己 是 媽祖 的 囡仔 媽祖 就 像 媽媽 一樣 默默 守護 著 我們 既然 這樣 祂 絕不會 想 看到 疫情 在 臺灣 爆發 讓 祂 自己 的 小孩 受苦受難 所以 張 修修 決定 今年 不 參加 媽祖 繞 境 改用 吃素 一個 月 慶祝 同時 也 呼籲 所有人 一同 向 媽祖 娘娘 請 個 假 吧</t>
  </si>
  <si>
    <t>大陸 爆發 新型 冠狀病毒 全世界 幾乎 沒有 一個 國家 能夠 倖免 兩岸 雖然 在 地理 上有 著 臺灣海峽 分隔 著 但 兩岸 多年 以來 的 交流 台商 已 有 超過 數 十萬 人 在 大陸 地區 建廠 工作 甚至 落地 生根 兩岸 之間 往來 的 旅客 更 是 多 到 無 法</t>
  </si>
  <si>
    <t>大陸 爆發 新型 冠狀病毒 全世界 幾乎 沒有 一個 國家 能夠 倖免 兩岸 雖然 在 地理 上有 著 臺灣海峽 分隔 著 但 兩岸 多年 以來 的 交流 台商 已 有 超過 數 十萬 人 在 大陸 地區 建廠 工作 甚至 落地 生根 兩岸 之間 往來 的 旅客 更 是 多 到 無法 想像 臺灣 也 有 許多 觀光 服務業 受惠 於 大陸 旅客 固然 這 和 過去 政府 的 政策 有關 但 更 凸顯 臺灣 和 大陸 無論 在 承 平時 期 或是 疫情 階段 仍然 維持 著 緊密 的 關聯 當 大陸 身陷 封 城 封 省 的 政策 時 筆者 對於 無情 的 病毒 固然 感到 無奈 前 些 日子 眼看 大陸 疫情 越來越 嚴重 三不 五 時 透過 微博 搜尋 最新 的 疫情 資訊 對於 大陸 的 朋友 尤其 是 學生 時期 因 交換 的 名義 來到 臺灣 就讀 的 大陸 學生 朋友 雙方 早於 過去 建立 了 交流 對方 目前 身 在 杭州 縱然 彼此 早已 脫離 學生 身分 但 仍 會 透過 微信 保持聯繫 更 透過 簡單 的 問候 瞭解 彼此 的 近況 當 我 知道 對 方在 大陸 一切 平安 時 才將 心中 的 石頭 放下 因 個人 能力 有限 我 所能 給予 對 方的僅 有 祝福 祈福 期待 能 盡 棉薄之力 為 對 方增添 些許 溫暖 大陸 身陷 疫情 風暴 全球 都 受到 影響 尤其 是 開工日期 一 延 再延 預計 蘋果 系列 的 手機 應會 延 後 上市 其他 諸如 星 巴克 麥當勞 特斯拉 等 公司 將 延後 開市 原先 預計 繳 交 的 訂單 將 持續 延後 這 是 全球化 下 的 必然結果 也 是 全球化 下 的 脆弱性 臺灣 當然 無法 倖免 目前 能 努力 的 在於 努力 生產 醫療 相關 用品 持續 保護 個人 健康 同時 停止 政治 口水 不再 增加 兩岸 之間 不 必要 的 政治 攻防 與 誤會 我 相信 人心 是 肉 做 的 意識形態 絕非 拒絕 關懷 對方 的 藉 口 至少 以 個人 的 經驗 來說 透過 網路上 的 問好 與 關懷 大陸 朋友 仍 能 感受 到 臺灣 的 溫暖 更 能 讓 兩岸 之間 的 人們 充滿 更 多 溫馨 氣氛 的 對話 而非 政治 上 的 口水 宋磊 中華 戰略 前瞻 協會會員</t>
  </si>
  <si>
    <t>新冠肺炎 conid- 19 武漢肺炎 新型 冠狀病毒 嘉義</t>
  </si>
  <si>
    <t>新冠肺炎 發展 至今 已 造成數 百萬 人 染疫 數 十萬 人 死亡 速度 之 快 影響 範圍 之 大 都 是 前所未見 的 目前 看起來 北半球 的 狀況 慢慢 有 緩和 的 跡象 各國 也 開始 陸續 展開 解封 的 動作 不過 南半球 的 疫情 卻 讓 人 憂心 尤其 是 南美洲 由於 經濟 考量 對於 防疫 政策 不如 北半球 的 已 開發 國家 積極 因此 目前 的 疫情 有 持續 升溫 的 跡象 富 邦 證券 表示 如果 時序 進入 六 七月 而 南半球 疫情 又 開始 升溫 的話 那 整個 新冠肺炎 疫情 就 有 可能 在 今年 冬季 再次 捲土重來 換句話說 也 就 是 新冠 病毒 進入 季節性 的 流 感化 以 目前 的 情況 來看 往 這樣 的 方向 發展 機 率 變 得 相當 大 因此 接下來 防疫 器材 檢測 試劑 及 治療 藥品 將 會 是 各國 重要 的 佈局 其中 投資人 可以 關注 pcr 及 elisa 檢測 自動化 pcr 設備 等 產業 發展 方向 據 瞭解 臺灣 的 相關 概念 股 如 高端 6547 繼 新型 冠狀病毒 核酸 檢驗 試劑 rt-pcr 取得 歐盟 和 臺灣 上市 許可 後 該 公司 5 日 也 與 美國 國衛院 nih 簽署 新冠 疫苗 全球 行銷 和 生產 製造 的 完整 權利 正式 加入 國際 賽局 普生 4117 完成 研發 生產 的 gb sars-cov- 2 rt-pcr 核酸 檢測 試劑 獲 歐盟 體 外 診斷 醫療 器材 ce-ivd 認證 將有助 加速 于 歐盟 ce 認證 之 國家 中 展開 銷售 推廣 現階段 不論是 治療 藥品 的 臨床 試驗 與 檢測 試劑 的 開發 都 在 緊鑼密鼓 的 展開 也 逐漸 看 到 成效 各項 防疫 及 醫療 器材 的 儲備 也 都 積極 進行 雖然 疫苗 的 開發 無法 在 今年 完成 不過 到 了 下半年 防疫 器材 檢測 試劑 及 治療 藥品 這 三 方面 的 準備 下 對抗 新冠肺炎 的 威脅 人類 將 不 會 再 措手不及 富 邦 證券 表示 檢測 試劑 部 份 是 現階段 進展 最 快 也 是 商機 最 大 的 部 份 新冠 病毒 的 檢測 試劑 屬於 體 外 診斷 試劑 可以 分成 三大 類 第一 類 是 檢測 病毒 核酸 的 pcr 聚合 酉 每 連鎖反應 技術 也 是 目前 主要 的 檢測 方式 pcr 的 優點 就是 準確率 高 在 潛伏期 就 能夠 檢測 到 病毒 因此 pcr 的 靈敏度 比較 高 不過 缺點 是 檢測時間 比較 久 大概 要 2 3 小時 還有 必須 把 檢 體 送到 實驗室 才能 進行 第二 類 是 檢測 病人 血清 裡面 的 抗體 這個 技術 叫做 elisa 和 pcr 一樣 都 要 在 實驗室 才能 完成 但是 因為 感染 新冠 病毒 後 最 快 也 要 7 天才 會 產生 所謂 的 igm 抗體 而 igg 抗體 還要 再 晚 幾 天才 會 出現 也就是說 elisa 只能 用 來 檢測 感染 中後期 的 患者 缺點 一樣 是 檢測時間 比較 長 大概 要 1 4 小時 第 三類 就 是 所謂 的 快 篩 優點 是 篩檢 的 時間 短 要 在 15 分鐘 內 完成 而且 檢 體 不用 後 送 到 實驗室 當場 就 可以 快速 得到 結果 快 篩 可以 分成 驗 病毒 抗原 的 抗原 快 篩 以及 檢測 血液 中 抗體 的 抗體 快 篩 不過 這 兩 種 快 篩 的 靈敏度 一般 都 不 會 太 高 主要 都 是 用 在 所謂 的 初步 篩選 若 篩選 結果 呈現 陽性 再 用 其他 更 準確 的 方式 確診 過去 病毒檢測 試劑 產品 必需 先 取得 當地政府 許可 後 才 可以 上市 銷售 不過 這次 新冠肺炎 疫情 來勢洶洶 美國 面臨 篩檢 資源 不足 為 加快 檢測 速度 啟動 緊急 使用 授權 eua 主要 是 由 廠商 先向 美國 fda 提交 eua 申請 後 在 fda 核准 前 可以 有 條件 賣 給 美國 境內 h 等級 的 實驗室 執行 檢測 富 邦 證券 表示 目前 取得 eua 的 快 篩 廠商 已 超過 165 家 大陸 廠商 最 多 93 家 美國 44 家 其次 南韓 臺灣 也 都 有 廠商 入列 但 得到 eua 授權 不 代表 最後 會 得到 fda 核准 也 不 代表 業績 就 會 大幅 成長 由於 pcr 檢測 流程 繁複 檢測 速度 較 慢 如何 透過 檢測 設備 的 自動化 將 檢驗 數量 拉高 也 就 是 所謂 的 高通量 檢測 來 達成 大規模 檢測 就 成為 各國 檢驗 能量 的 重要 關鍵 透過 pcr 的 自動化 檢測 設備 不但 可以 大幅 縮短 整體 的 檢測時間 也 可以 降低 人工 檢測 的 錯誤率 韓國 這次 之所以 能 快速 的 大規模 檢測 就是 因為 自動化 檢測 做 得 不錯 富 邦 證券 表示 隨 著 新冠肺炎 可能 流 感化 的 趨勢 來看 新冠肺炎 檢測 試劑 相關 廠商 自動化 設備 產業 的 後勢 仍 可期 值得 投資人 持續 追蹤 關注</t>
  </si>
  <si>
    <t>新冠肺炎 武漢肺炎 新型 冠狀病毒 ncp 臺灣</t>
  </si>
  <si>
    <t>新冠肺炎 conid- 19 武漢肺炎 新型 冠狀病毒 鄭文燦</t>
  </si>
  <si>
    <t>新冠肺炎 新型 冠狀病毒 台中 市府 歇業 金錢豹</t>
  </si>
  <si>
    <t>武漢肺炎 新型 冠狀病毒 全球 英國 女王</t>
  </si>
  <si>
    <t>鑽石 公主 號 確診 新冠肺炎 已 逾 200 人 該 船 在 1 日 曾泊 靠 的 沖繩 今 爆出 計程車 司機 確診 首例 由於 停泊 沖繩 前 一 天才 在 基隆 上 岸 並 搭車 引起 熱 議 市府 指出 54 名 與 郵輪 遊客 接觸 司機 目前 居家 隔離 中 皆 無 異狀 預計 15 日 0 時 解除管制 民眾 勿 恐慌 鑽石 公主 號 疫情 在 船上 蔓延 累積 確診 感染 冠狀病毒 疾病 covid-19 攀升 至 218 人 就 連 日本 檢疫 官 也 中 鏢 目前 仍 有 22 名 臺灣 旅客 受 困 船上 其中 6 旬 婦人 與 8 旬 麥 姓 老翁 先後 確診 下船 就醫 今 再 傳出 沖繩 6 旬 女 計程車 司機 確診 染疫 公主 郵輪 1 日 停泊 那霸 港 約 9 小時 2600 多 名 旅客 上岸 乘坐 觀光 巴士 或 計程車 出遊 因 1 月 31 日 該 船 曾 停靠 基隆 港 也 多 循 相同 模式 出遊 疾 管署 追蹤 遊客 足跡 遍及 九份 故宮 基隆 廟口 等 35 處 景點 整理 出 地圖 呼籲 民眾 留意 以及 自我 健康 管理 基隆 市府 衛生局長 吳 澤 誠 表示 日前 接 獲 疾 管署 通知 針對 當天 曾經 與 下船 者 接觸 的 2 名 觀光 巴士 54 名 個人 計程車 司機 依 傳染病 防治法 強制 居家 隔離 14 天 目前 皆 沒有 出現 疑 似 新冠肺炎 症狀 依 規定 在 週六 淩晨 0 時將 可望 解除管制 對於 近來 網路 謠傳 基隆 廟口 有 攤 商 中 鏢 導致 生意 一落千丈 吳澤誠 說 衛生局 在 船上 有 確診 病例 傳出 後 已 派員 至 廟口 消毒 追蹤 攤 商 健康狀況 也 無 異狀 他 指出 居家 隔離 已 限制 54 名 小 黃 司機 人身自由 若無 異常 沒理由 再 繼續 管制</t>
  </si>
  <si>
    <t>新冠肺炎 疫情 延 燒 新北 市 瑞芳區 的 蝙蝠洞 公園 也 大 受 影響 日前 傳出 新冠肺炎 疫情 會 爆發 是因為 大陸 有 研究員 遭 蝙蝠 的 血液 噴濺 而來 因 此 不少 遊客 走訪 東 北角 旅遊 的 時候 特別 回避 蝙蝠洞 一帶 臺灣 蝙蝠 學會 則 指出 病毒 會 快速 突變 在 同一 族群 中會 有 能 突破 物種 特 異性 的 限制 所以 原本 在 蝙蝠 身上 的 病毒 要 進入 人體 並 不 困難 而 在 時常 接觸 蝙蝠 的 人 身上 應也 會 發生 但是 新冠 病毒 能否 感染 到 人體 還 需 研討 但 蝙蝠 學會 呼籲 以 管制 人類 與 蝙蝠 的 接觸 來 減少 蝙蝠 病毒 轉變成 人類 病毒 的 機會 才是 上策 對此 瑞芳區 海濱 裡長 鄧 麗 華 指出 在 蝙蝠洞 公園 內 棲息 的 蝙蝠 為 東亞 折 翅 蝠 與 新冠肺炎 疫情 的 菊 頭 蝠 為 不 一樣 的 品種 而 折 翅 蝠 的 移 轉 前來 停留 的 時間 為 五月 到 九月 她 強調 當地 的 居民 都 知道 所以 請 前來 觀光 的 遊客 都 免 驚 在 蝙蝠洞 公園 並 不 會 有 傳染 疾病 的 風險 針對 民眾 反映 蝙蝠洞 是否 會 有 傳染 風險 新北 市 動 保 處長 陳 淵泉 受訪 時 表示 到 目前為止 對於 蝙蝠 跟 新型 冠狀病毒 之間 的 關係 目前 沒有 任何 科學 證據 顯示 有 直接 的 關係 所以 請 大家 不必 恐慌 但是 觀賞 蝙蝠 或 其他 動物 的 時候 他 請 前往 旅遊 的 民眾 遵循 不 撿 十 不 喂 食 不要 有 直接 的 接觸 的 三不 原則 像 五月 到 九月 之間 的 夏天 蝙蝠 飛回來 的 時候 如果 要 前往 觀賞 只 要 保持 距離 不要 恐慌 便 可以 大幅 降低 危險性 陳 淵泉 也 指出 目前 中央 疫情 防疫 中心 已 明確規定 若 民眾 有 接觸傳染 的 機會 風險 時 一定 要 戴 口罩 所以 雖 蝙蝠洞 還 不 會 封鎖 但 若 有 旅客 要 進入 到 蝙蝠洞 內 請於 進入 前後 做好 勤洗手 及 消毒 的 工作 避免 有 任何 的 疑慮 發生</t>
  </si>
  <si>
    <t>香港食物及衛生局 依 聯合 科學 委員會 的 建議 批准 3 至 17 歲 人士 接種 中國 科興 疫苗 並且 優先 安排 疫苗 予 12 至 17 歲 青少年 接種 港 府 發言人 表示 是 參考 了 顧問 專家 委員會 的 意見 並 考慮 新型 冠狀病毒 對 公眾 健康 構成 的 威脅 後</t>
  </si>
  <si>
    <t>香港食物及衛生局 依 聯合 科學 委員會 的 建議 批准 3 至 17 歲 人士 接種 中國 科興 疫苗 並且 優先 安排 疫苗 予 12 至 17 歲 青少年 接種 港 府 發言人 表示 是 參考 了 顧問 專家 委員會 的 意見 並 考慮 新型 冠狀病毒 對 公眾 健康 構成 的 威脅 後 認為 批准 科興 疫苗 適用 年齡 的 效益 大 於 風險 可以 保護 他們 免受 新冠 病毒感染 儘早 回復 正常 的 校園 和 日常生活</t>
  </si>
  <si>
    <t>新冠肺炎 武漢肺炎 covid-19 新型 冠狀病毒 臺灣</t>
  </si>
  <si>
    <t>新冠肺炎 新型 冠狀病毒 covid-19 臺灣 大陸</t>
  </si>
  <si>
    <t>日 女 無 症狀 返 日 被 確診 引起 社會 大眾 熱 議 臺灣 是否 如 防疫 國家隊 所說 社區 很 乾淨 安全 對此 台 大公共 衛生院 詹 長 權 認為 此 病例 帶 給 臺灣 的 啟示 被動 采 檢 就 一定 會 有 破 口 出現 漏網之魚 日本 女 學生 疑 在 台染疫 一 事 詹長權 今 在 臉書上 評論 說 臺灣 第 一個 被 他國 確診 的 covid-19 案例 給 了 我們 啟示 被動 采 檢 必 有無 症狀 感染者 漏掉 詹 長 權 提到 6 月 22 日 日本 厚生 勞動 省 宣佈 新 增 新冠肺炎 3 個案 其中 有 1 名 20 多 歲 女性 有 臺灣 旅遊 史 6 月 24 日 臺灣 中央 疫情 指揮中心 證實 該 名 日本籍 女性 於 今年 2 月底 自 日本 入境 臺灣 於 南部 就學 上周 搭 機 返回 日本 時於 入境 采 檢 檢 出 新型 冠狀病毒 陽性 個案 當時 無 症狀 詹 長 權 接受 媒體 訪問 時 表示 國內 被動式 采 檢 方式 肯定 會 有無 症狀 者 沒 被 檢測 到 現在 疫情 到 一個 程度 時 就 應該 採取 主動式 采 檢 才能 更 瞭解 國內 疫情 的 傳播 情況 台 大 小兒 部 主任 黃立民 認為 這 案例 是 由 日本 官方 宣佈 具有 一定 可信度 他 受訪 時 指出 臺灣 的 檢驗 數目 確實 不夠 多 尤其 是 最近 檢驗 數目 在 下降 中 這 代表 連 臨床 醫師 都 不 太 做 檢驗 了 這 是 隱憂 那 有點 危險 的 他 建議 該 女 學生 除了 匡列 接觸 者 也 應 對 接觸 者 或 針對 社區 驗 抗體 瞭 解 有 哪些 人 曾 被 感染</t>
  </si>
  <si>
    <t>新冠肺炎 武漢肺炎 新型 冠狀病毒 臺灣 被動 采 檢</t>
  </si>
  <si>
    <t>新冠肺炎 新型 冠狀病毒 武漢肺炎 covid-19 ncp</t>
  </si>
  <si>
    <t>足跡 葉毓蘭 台大 防疫 新型 冠狀病毒</t>
  </si>
  <si>
    <t>兒童 移民 美國 新型 冠狀病毒 拘留所</t>
  </si>
  <si>
    <t>新冠肺炎 武漢肺炎 新型 冠狀病毒 臺灣 機場</t>
  </si>
  <si>
    <t>台大醫院 兒童 感染 科 主任 黃立民 指出 全球 確診 案例 中 無 肺炎 症狀 感染者 比例 高達 8 成 以上 健康 的 人 不 用 戴 口罩 已不 適用 現在 的 疫情 發展 對此 網友 反 諷 表示 台 大 還 敢 逆 時鐘 啊 柚子 醫師 才 不是 這麼 說 的 呢 沒 臺灣 價值 黨是 不會錯 的 台大醫院 兒童 感染 科 主任 黃立民 日前 接受 中國時報 專訪 時 指出 健康 的 人 不 用 戴 口罩 已不 適用 現在 的 疫情 發展 他 並 指出 全球 確診 案例 中 無 肺炎 症狀 感染者 比例 高達 8 成 以上 建議 民眾 外出 戴 上 口罩 將 感染 機 率 降到 最低 黃立民 表示 新型 冠狀病毒 非常 難 防 根據 世界衛生組織 的 資料 統計 有 高 達 8 成 的 感染者 沒有 肺炎 病徵 這 讓 周 遭 的 人 以為 彼此 都 是 健康 的 也 沒有 特別注意 衛生習慣 但 感染者 的 上呼吸道 仍 排 出 大量 病毒 病毒 在 環境 中 還 可能 存活 一 周 左右 就算 沒 接觸 感染者 但 碰到 患者 曾 接觸 過 的 東西 就 有 可能 染病 旁人 不知不覺 就中 了 鏢 黃立民 說 現在 最 重要 是 人人 要 把手 洗 乾淨 自主 健康 管理 才是 防疫 的 重點 工作 政府 說 健康 的 人 不 用 戴 口罩 已經 不 適用 現在 的 疫情 發展 由於 新冠 病毒 的 特性 公共 環境 常 清潔 出門 把 口罩 戴 上 才能 做到 最 大 的 自我 保護 此 篇 專訪 並經 tvbs 以及 三 立 轉載 報導 對此 網友 表示 當初 說 ok 的 捐 口罩 好 嗎 還 宣導 不用 戴 公然 跟 黨 造反 公然反對 柚子 醫生 閉 嘴 我 只 信 阿 中 部長 本來 就 沒 信 過 什麼 水果 醫生 這 92 柯韓 粉 我們 堅持 不用 戴 1450 崩潰 不如 柚子 醫生 有 臺灣 價值 台 大 還 敢 逆 時鐘 啊 台 大 醫 造反 啦 還好 沒 鳥 那些 ok 的 817 都 不 要 戴 唷 一直 都 不 適用 好 嗎 柚子 醫師 才 不是 這麼 說 的 呢 沒 臺灣 價值 黨是 不會錯 的 綠 共 再 繼續 騙 啊 xxx 造反 了 嗎 有 獲得 黨 的 同意 嗎 台 大 醫生 算 什麼 當然 是聽 有 臺灣 價值 的</t>
  </si>
  <si>
    <t>18 日 下午 青海省 又 1 例 新冠肺炎 確診 患者 從 青海省 第 四 人民醫院 治癒 出 院 截至 目前 青海省 確診 的 18 個 病例 已 治癒 出 院 15 例 尚有 3 例 正 在 住院治療 目前 患者 病情 穩定 該 患者 1 月 31 日 確診 入院 經過 18 天 治療 各項 指標 符合國家 新型 冠狀病毒感染 的 肺炎 診療 方案 試行 第 五 版 修正版 出院 標準 經 省級 醫療 救治 專家組 評估 予以 出院 出院 後 至少 還要 進行 14 天 的 醫學 隔離 觀察 青海省 首批 確診 新型 冠狀病毒感染 的 肺炎 患者 5 日出 院 11 日 到 15 日 連續 出 院 10 例 其中 11 日 至 13 日 每天 都 有 出院 患者 18 日 上午 10 時出院 1 例 患者 時隔 4 小時 又 出 院 1 例 患者</t>
  </si>
  <si>
    <t>新冠肺炎 武漢肺炎 新型 冠狀病毒 covid-19 美國</t>
  </si>
  <si>
    <t>新冠肺炎 出現 變形 種 病毒 專家 提醒 季節 越 冷 容易 發生 病毒感染 民眾 務必 做好 勤洗手 戴好 口罩 等 5 重點 自主 防疫 新竹縣政府 也 加強 社區 防疫 宣 導 並 在 住宿 型 老人 福利 機構 啟動 示範 演練 及 觀摩 新 竹馬 偕 醫院 去年 3 月 投入 百萬 成立 新冠肺炎 病毒 合約 實驗室 每日 檢測 量 最高 可 達 96 組 檢 體 為 大 新竹 地區 的 民眾 健康 把關 更 讓 檢驗 流程 從 48 小時 縮短 至 最 短 4 小時 在 疫情 高峰 的 34 月 每天 檢測 量 滿載 但 到 了 5 月 之後 資料 因 疫情 趨 緩 下降 目前 接受 檢測 的 案例 大多數 是 有 檢測 需求 的 民眾 為 因公 出國 工作 等 來 檢測 目前 陸續 有 其他 院所 加入 檢測 行列 感染 科 醫師 曾政尹 指出 假若 未來 隨 著 天氣 更 冷 有 更 多 需求 檢測 的 民眾 相信 新 竹馬 偕 醫院 量 能 沒有 問題 若 有 必要 院內 實驗室 也 會 視 情況 適度 增加量 能 會 在 最 快 時間 內 檢測 發 報告 面對 變種 新型 冠狀病毒 案例 曾政尹 提醒 民眾 5 個 重點 包括 保持 健康 作息 規律 維持 社交距離 正確 戴 口罩 勤洗手 以及 若 有 不適 儘早 讓 醫師 評估 曾政尹 指出 季節 越 冷 容易 發生 病毒感染 他 建議 民眾 儘量減少 大型 聚會 或 將 時間 縮短 降低 傳染 風險</t>
  </si>
  <si>
    <t>臺灣 who 武漢肺炎 新型 冠狀病毒 新冠肺炎</t>
  </si>
  <si>
    <t>新冠肺炎 疫情 仍 在 全球 延 燒 前 副 總統 陳建仁 今 14 日 表示 從 目前 各國 的 狀況 來看 城市 封鎖 不是 一個 好 方法 真正 仔細 地 追蹤 接觸 史 和 執行 非常 嚴格 的 隔離 與 患者 近 距離 接觸 者 才是 遏止 新型 冠狀病毒 的 最佳 方法 陳建仁</t>
  </si>
  <si>
    <t>新冠肺炎 疫情 仍 在 全球 延 燒 前 副 總統 陳建仁 今 14 日 表示 從 目前 各國 的 狀況 來看 城市 封鎖 不是 一個 好 方法 真正 仔細 地 追蹤 接觸 史 和 執行 非常 嚴格 的 隔離 與 患者 近 距離 接觸 者 才是 遏止 新型 冠狀病毒 的 最佳 方法 陳建仁 接受 美國 cnn 電視 fareed zakaria gps 全球 公共 廣場 跨 海連線 訪問 於 美東 時間 13 日 上午 10 時 播出 主持人 zakaria 大力 稱讚 臺灣 是 在 全球 控制 疫情 大 流行 做 的 最好 的 列表 頂端 或 近於 頂端 因為 資料 顯示 臺灣 人口 接近 2500萬 人 死亡 人數 不 到 10 人 並且 僅 有 不 到 500 例 確診 病例 陳建仁 今晚 在 臉書 分享 這 段 訪談 他 在 訪問 中 再次 說明 這次 許多 國家 的 疫情 流行 可能 是 人們 忽略 了 個人 衛生 及 社交距離 的 重要性 他 說 從 目前 各國 的 狀況 來看 城市 封鎖 不是 一個 好 方法 真正 仔細 地 追蹤 接觸 史 和 執行 非常 嚴格 的 隔離 與 患者 近 距離 接觸 者 才是 遏止 新型 冠狀病毒 的 最佳 方法 陳建仁 說明 臺灣 的 檢測 和 追蹤 作法 受到 各界 讚譽 成功 的 部分 原因 是 臺灣 擁有 一個 單一 保險 人體 系 一個 統一 的 醫療保險 系統 有 健 保 卡 電子 資料 以及 所有 工具 中央 管理 另外 臺灣 沒有 封鎖 任何 城市 也 沒有 進行 大規模 篩檢 而是 非常 嚴格 的 追蹤 近 距離 接觸 感染者 的 民眾 並且 非常 仔細 評估所 有 可能 感染者 的 症狀 我們 認為 這樣 的 作法 更 有效率 也 更 有效 陳建仁 指出 透過 居家 隔離政策 我們 對 與 確診 病例 有 接觸 者 實施 14 天 居家 隔離 這些 接觸 者 必須 在 家 隔離 14 天 不能 去 任何 地方 他 強調 25萬 名 被 隔離 者 犧牲 了 14 天 的 自由 確保 了 臺灣 2300萬 人 能夠 正常 工作 正常 上學 和 正常 生活 因此 這 是 以 一小 群 人 的 犧牲 來 確保 其他 所有人 都 能 正常 生活 這 是 我們 在 臺灣 設法 遏止 新型 冠狀病毒 並 降低 經濟 下滑 的 方式</t>
  </si>
  <si>
    <t>新冠肺炎 疫情 發生 後 我方 經常 因 防疫 問題 與 大陸 發生 不少 口 水戰 但 期間 陸委會 卻 始終 扮演 著 安全閥 的 角色 從 陸委會 主委 陳明 通 小 明 的 故事 到 近日 陸委會 發言人 邱垂正 在 記者會 上 直接 使用 新冠肺炎 一 詞 而非 蔡 政府 其他 首長 慣用 的 武漢肺炎 說法 都 可看 出 陸委會 的 善意 也 為 日後 兩岸關係 多 保留 些 迴旋 餘 地 世界衛生組織 who 雖 已將 肺炎 正式 命名 新冠肺炎 但 我方 以 方便 民眾 辨識 為由 仍 堅持 使用 武漢肺炎 的 說法 不過 回顧 陸委會 近期 新聞稿 在 陳述 相關 疫情 時 大多 是 使用 中國 大陸 新型 冠狀病毒 肺炎 的 字詞 而 此 一 說法 相較 其他 政府 單位 使用 的 武漢肺炎 其實 是 更為 中性 不 帶 歧視性 色彩 甚至 2 月 11 日 發佈 一 條 因應 新型 冠狀病毒 肺炎 疫情 擴散 風險 即日起 調升 香港 澳門 列入 橙色 旅遊 警示 區域 標題 直接 使用 的 就是 新型 冠狀病毒 肺炎 一 詞 而 在 2 月 27 日 最近 一 場 記者會 上 邱垂正 更 直接 公開 使用 新冠肺炎 的 說法 當天 也 引起 台下 的 記者 關注 提問 為何 與其 他 政府部門 表述 方式 不同 雖然 邱垂正 以 我們 就 是 一個 正常 的 說法 四兩 撥 千金 並未 正面 回應 但 在 公開場合 使用 新冠肺炎 一 詞 背後 釋出 的 善意 早已 不言 可 喻 其實 這 也 只 是 陸委會 善意 的 冰山一角 而已 比如 在 武漢 臺胞 首次 包機 引發 歧視 陸配 風波 時 邱垂正 也 曾 在 2 月 6 日 表示 裡面 雖有 大陸 配偶 但 也 是 我們 的 家人 並 都 擁有 長期 居留 臺灣 的 相關 證件 更 不用說 後來 陳明 通 親 上 火線 為 陸 配子 女 返台 辯護</t>
  </si>
  <si>
    <t>新北 市 一 位 許姓 女子 2020 年 8 月 間 曾在 臉書 po 文 指控 我家 附近 死 了 一個 確診 者 別 再 欺騙 臺灣人 了 同年 9 月 又 再度 上傳 2 位 鄰居 都 是 發高燒 住院 沒 幾 天 就 被 醫院 草率 開 普通 肺炎 死亡 證明 結案 新北 地 檢 署 今 19 日 偵 結 依 違反 嚴重 特殊 傳染性 肺炎 防治 及 紓困 振興 特別 條例 將 其 起訴 檢 方 表示 衛生 福利 部 於 2020 年 1 月 15 日 公告 新型 冠狀病毒 covid-19 為 第 五 類 法定 傳染病 若 隨意 散佈 不實 疫情 消息 將 造成 社會 大眾 恐慌 檢 警 調查 許姓 女子 在 去年 8 月 間 於臉書 發文 內文 寫下 我家 附近 死 了 一個 確診 者 你們 沒有 紀錄 別 再 欺騙 臺灣人 了 事 隔 未 一月 同年 9 月 許女 再度 發文 寫道 xx 路 的 a 先生 與 我們 的 網友 b 先生 的 爸爸 都 是 高燒 住院 沒 幾 天 就 被 醫院 以 普通 肺炎 草率 開 死亡 證明書 結案 並 指控 蔡 政府 每日零 確診 真的 騙 很 大 檢 方 偵查 時 許女 不 認罪 聲稱 消息 經過 查證 證人 a 更 表述 從未 向許女 透露 鄰居 的 死亡 為 新冠肺炎 所 致 b 先生 在 臉書上 則 說 我 父親 可能 就 是 完全 沒 驗 就 依 普通 肺炎 開 死亡 證明 檢 方 偵 結 認定 內文 並未 提及 b 父 的 死因 為 新冠肺炎 判定 許女 並未 做 查證 終 依 違反 嚴重 特殊 傳染性 肺炎 防治 及 紓困 振興 特別 條例 第 14 條 散播 有關 嚴重 特殊 傳染性 肺炎 流行 疫情 之 謠言 或 不實 訊息 將 許女 起訴 將 可 處 3 年 以下 有期徒刑 拘役 或 科 或 並 科 新 台幣 300萬 元 以下 罰金</t>
  </si>
  <si>
    <t>新冠肺炎 武漢肺炎 新型 冠狀病毒 臺灣 出訪</t>
  </si>
  <si>
    <t>新冠肺炎 疫情 持續 延 燒 印尼 至今 仍 是 零 確診 案例 結果 不是 防疫 做 太 好 而是 因為 采 檢 費用 太 貴 所以 不 采 驗 印尼 衛生部 官員 溫德拉 表示 不會 采 驗 從 湖北 接回 的 238 位 學生 因為 標準 沒 規定 且 將 全部 的 人 都采檢 的 費用 太 貴 了 2 月 2 日 印尼 從 湖北 撤出 238 名 學生 根據 亞洲 新聞 台 報導 印尼 衛生部 官員 溫德 拉 windra waworuntu 6 日 在 記者會 上 表示 不 會 對 隔離 的 學生 進行 采 驗 因為 每個 人 都 很 健康 除非 他們 有 發燒 和 咳嗽 等 狀況 否則 若 沒 症狀 為何 要 檢驗 溫德拉 說 在 標準 的 sop 程式中 並未 規定 要 對 所有人 采 檢 且 采 檢 238 人 一 次 就 要 耗費 約 十億 印尼盾 台幣 221萬 照 世衛 的 標準 每人 還 得 做 兩 次 以 確保 準確性 而 這樣 成本 實在 是 太 高 了 但 強調 在 必要 時刻 還 是 會 做 的 東南亞 許多 國家 都 出現 新冠肺炎 的 確診 案例 擁有 42億 人口數 的 印尼 卻 倖免 至今 未 傳出 確診 案例 也 遭人 質疑 印尼 篩檢 病毒 的 能力 但 印尼 官方 強調 實驗室 擁有 檢測 新型 冠狀病毒 所 需 的 設備 且 一切 都 符合 世界衛生組織 的 標準</t>
  </si>
  <si>
    <t>新型 冠狀病毒 在 全球 擴散 歐美 最新 研究 顯示 慢性病 及 心血管 疾病 患者 若 罹 患 新冠肺炎 不僅 死亡率 高 重症 住院者 更 多 不可 不慎 為 協助 患者 做 好 自我管理 醫 界 首度 駭客 松 作品 好心 鄰 line 上線 協助 提醒 用藥 紀</t>
  </si>
  <si>
    <t>新型 冠狀病毒 在 全球 擴散 歐美 最新 研究 顯示 慢性病 及 心血管 疾病 患者 若 罹 患 新冠肺炎 不僅 死亡率 高 重症 住院者 更 多 不可 不慎 為 協助 患者 做 好 自我管理 醫 界 首度 駭客 松 作品 好心 鄰 line 上線 協助 提醒 用藥 紀錄 檢測 指數 紀錄 等 財團法人 中華民國 心臟 基金會 執行長 黃瑞仁 表示 美國醫學會 雜誌 jama 2 月 刊登 的 研究 顯示 新冠肺炎 138 名 住院 患者 中 近 半數 患有 至少 1 種 合併症 前 3 名 分別 為 高血壓 31 心血管 疾病 145 和 糖尿病 10 而 歐洲 心臟 雜誌 european heart journal 刊登 的 研究 顯示 早期 的 新冠肺炎 患者 中 有 高 達 50 的 住院 患者 有 慢性 疾病 其中 有 40 罹 患 心血管 或 腦血管 疾病 意 即 罹 患 新冠肺炎 而 重症 住院者 心血管 疾病 患者 占 2 成 臺灣 介入性 心臟 血管 醫學會 理事長 謝宜璋 表示 美國 心臟 學院 今年 3 月 針對 新冠肺炎 的 通報指出 慢性病 患者 罹 患 新型 冠狀病毒 的 致死 率 較 高 預後 較 差 以 大陸 的 資料 來看 罹 患 新型 冠狀病毒 的 心血管 疾病 的 患者 致死 率 為 105 比 糖尿病 73 慢性 呼吸系統 疾病 63 高血壓 60 以及 癌症 56 都 高 患者 在 疫情 期間 更 要 比 平時 加倍 愛惜 自己 的 心臟 謝宜璋 呼籲 患者 在 新型 冠狀病毒 來 襲 期間 更 要 比 平時 加倍 愛惜 自己 的 心臟 例如 規律 運動 及 飲食 做好 平時 的 血壓 血糖 體重 及 用藥 記錄 在 疫情 期間 更 可以 透過 ai artificial intelligence ai 人工智慧 做好 患者 的 自我 健康 管理 醫 界 首度 駭客 松 作品 好心 鄰 https lin ee 3 tcd 1 e 3 將 ai 人工智慧 和 line 的 聊天 機器人 程式 相容 主動 提醒 按時 服藥 藉 以 提升 急性 冠心 症 acute coronary syndrome acs 患者 用藥 的 順從 性 此外 也 加入 全方位 血糖 血壓 體重 等 記錄 功能 增強 患者 服藥 順從 性 且 每天 記錄 控管 身體 指數 可 降低 心肌梗塞 復發 風險</t>
  </si>
  <si>
    <t>美國 最新 研究 發現 新冠 變異 株 omicron 的 眾多 突變 中 其中 一個 可能 涵蓋 從 其他 病毒 上 取得 的 遺傳物質 片段 從而 讓 omicron 可能 更具 傳染 力 但 同時 只 會 造成 輕 症 專家 指出 omicron 可能 是從 感冒 病毒 中 取得 遺傳物質 片段 路透社 報導 資料 分析 公司 nference 的 美國 印度 加拿大 研究 人員 2 日 在 開放 科學 平臺 預 印本 osf preprints 網站 發佈 最新 研究 團隊 在 omicron 的 突變 上 發現 特殊 遺傳物質 片段 研究 指出 這個 特殊 遺傳物質 片段 從未 在 其他 新冠 病毒 上 出現 過 但是 包括 在 普通 感冒 病毒 在內 等 其他 病毒 中 廣泛 存在 在 人體 的 基因組 中 也 能 見到 主導 這項 研究 的 美國 研究 人員 桑達拉拉 然 venky soundararajan 表示 透過 植入 這個 特殊 遺傳物質 片段 omicron 或許 能 讓 自己 看起來 更 像 人類 細胞 如此 能 幫助 它 躲 過 人體 免疫系統 的 攻擊 報導 指出 這 可能 代表 omicron 更 容易 傳播 但 同時 只 會 造成 輕 症 或 無 症狀 患者 科學家 目前 尚不 清楚 omicron 是否 會 比 其他 變異 株 更具 傳染 力 是否 會 造成 更 多 人 重症 又 或者 是否 會 取代 delta 成為 主流 變異 株 學界 或許 還 需要 幾 周 時間 才能 回答 這些 問題 先前 研究 發現 肺部 及 腸胃 系統 細胞 能 同時 攜帶 新冠 病毒 及 普通 感冒 冠狀病毒 人體 同時 感染 2 種 病毒 為 病毒 重組 創造 出 條件 這個 過程 是 不同 病毒 在 同一個 宿主 細胞 內 複製 病毒 的 同時 也 交互作用 創造 出 同時 兼具 2 種 病毒 部 份 遺傳物質 的 新病毒 研究 人員 指出 新 突變 最初 可能 在 同時 感染 2 種 病原體 的 患者 身上 發生 先前 版本 的 新冠 病毒 從 另 一 種 病毒 身上 獲得 基因 序列 桑達拉拉 然 表示 相同 的 基因 序列 也 多 次 出現 在 其中 一 種 感冒 冠狀病毒 hcov- 229 e 及 導致 愛滋病 的 人類 免疫 缺乏 病毒 hiv 上 南非 是 全世界 愛滋病 感染 最高 的 地方 桑達拉拉 然 說 南非 或許 已經 有 許多 人 身上 出現 病毒 重組 的 情況 她 說 在 omicron 出現 之前 人類 或許 已經 錯 過 許多 代 的 病毒 重組 這 份 研究 目前 尚未 經過 同 儕 審查</t>
  </si>
  <si>
    <t>武漢肺炎 新 形 冠狀病毒 新冠肺炎 covid-19 異地 辦公</t>
  </si>
  <si>
    <t>新冠肺炎 武漢肺炎 新型 冠狀病毒 臺灣 車長</t>
  </si>
  <si>
    <t>新冠肺炎 新型 冠狀病毒 臺灣 台中 市 西屯 區公所 防疫</t>
  </si>
  <si>
    <t>新冠肺炎 武漢肺炎 新型 冠狀病毒 確診 恒河</t>
  </si>
  <si>
    <t>新冠肺炎 臺灣 新型 冠狀病毒 ncp 高雄</t>
  </si>
  <si>
    <t>新冠肺炎 武漢肺炎 新型 冠狀病毒 covid-19 譚 德塞</t>
  </si>
  <si>
    <t>新冠肺炎 武漢肺炎 新型 冠狀病毒 ncp 衛生紙</t>
  </si>
  <si>
    <t>新冠肺炎 疫情 延 燒 為 避免 群 聚 感染 澎 湖 縣政府 及 白沙 西嶼 湖西 七 美 望安鄉 公所 都 取消 清明 聯合 法會 唯獨 馬公市 所 如期 舉辦 澎 湖 縣長 賴峰偉 17 日 呼籲 馬公 市長 葉竹林 從善如流 應 取消 法會 否則 將 依 傳染病 防治法 處 6萬 元 以上 30萬 元 以下 罰 鍰 對此 馬公市 公所 稍 早 也 做出 回應 表示 馬公市 公所 從善如流 取消 4 月 3 日 4 日 分別 在 虎 井 生命 紀念館 及 懷恩堂 生命 紀念館 舉辦 之 清明 法會 與 縣府 共同 防疫 澎 湖 縣長 賴峰偉 表示 因應 防疫 全國 各縣市 接連 取消 清明 聯合 法會 以 避免 群 聚 感染 縣府 帶頭 取消 法會 並 協調 各鄉 市公所 配合 但 馬公市 公所 堅持 4 月 3 日 4 日 分別 在 虎 井 生命 紀念館 及 烏 崁 懷恩堂 生命 紀念館 舉辦 法會 雖然 場地 在 戶外 但因 人潮 眾多 仍 有 感染 風險 澎 湖 縣府 指 縣府 身 為 澎 湖 防疫 主管機關 有 權 實施 必要 的 預防措施 如果 馬公市 公所 堅持 舉辦 法會 拒絕 規避 或 妨礙 主管機關 防疫 將 依 傳染病 防治法 第 67 條 規定 處 新 台幣 6萬 元 以上 30萬 元 以下 罰 鍰 對此 澎湖縣 馬公市 公所 稍 早 也 在 臉書 發文 公佈 馬公市 取消 清明 法會 貼 文 表示 請 大家 告訴 大家 馬公市 取消 清明 法會 文中 也 強調 馬公 市長 葉竹林 表示 馬公市 公所 從善如流 取消 4 月 3 日 4 日 分別 在 虎 井 生命 紀念館 及 懷恩堂 生命 紀念館 舉辦 之 清明 法會 與 縣府 共同 防疫 造成 鄉親 不便 敬請 見諒 也 再次 提醒 鄉親 配合 防疫 管理 相關 政策 勤洗手 戴 口罩 共同 度過 新型 冠狀病毒 肺炎</t>
  </si>
  <si>
    <t>新冠肺炎 conid- 19 武漢肺炎 新型 冠狀病毒 大陸</t>
  </si>
  <si>
    <t>在 這次 新冠肺炎 疫情 中 由於 醫療 資源 嚴重 短缺 加上 初期 疫情 不透明 讓 大陸 抗 疫 前線 的 醫療 人員 暴露 在 高度 風險 中 外 媒 估計 大陸 醫療 人員 感染 新冠肺炎 數量 恐 達 數 千 人 將 成為 疫情 防控 新 的 危機 中央 社 報導 說 武漢 當地 共有 398 家 醫院 以及 近 6000 個 社區 診所 武漢市 衛生 健康 委員會 指定 9 家 定點 醫療機構 以及 61 家 發熱 門診 醫療機構 到 11 日 為止 大陸 醫護人員 確診 武漢肺炎 新型 冠狀病毒 1716 例 占 大陸 確診 病例 38 其中 6 人 不幸 死亡 占 大陸 死亡 病例 04 美國有線電視新聞網 cnn 指出 這些 醫院 的 染病 患者 中 醫療 人員 占 很 大 的 比例 根據 醫務人員 在 社 群 平臺 透露 的 資料 大陸 媒體 報導 以及 醫療 期刊 文章 感染 的 醫療 工作者 人數 可能 高數 千 人 之 譜 上周 發表 在 美國醫學會 期刊 journal of the american medical association 論文 顯示 武漢市 中南醫院 有 40 名 醫療 人員 染病 占 院內 138 名 病 患 中 近 3 成 中南醫院 重症 醫學科 主任醫師 彭志勇 告訴 媒體 這個 資料 和 其他 醫院 相比 已經 算是 低 的 他 表示 另 一家 發熱 門診 機構 武漢市 第 七 醫院 加 護 病房 2 3 醫療 人員 因為 醫療 資源 不足 而 遭到 感染 武漢市政府 坦承 n 95 口罩 護目鏡 和 隔離 衣 等 醫療 資源 不足 當地 各家 醫院 也 一再 在 社 群 媒體 呼籲 各界 捐贈 隔離 衣 據 人民日報 官方 微博 指出 武漢 醫療 人員 利用 塑膠袋 製作 隔離 衣 除了 口罩 手套 隔離 衣 嚴重不足 外 醫務人員 也 被 龐大 的 工作量 壓垮 香港中文大學 呼吸系統 學 講座 教授 許 樹昌 表示 在 經過 長 時間 的 值班 後 院內 醫療 人員 可能 在 茶水 間 和 會議室 發生 交叉 感染 根據 上月 在 新英格蘭 醫學期刊 new england journal of medicine 發表 的 首 批 425 起 確診 病例 研究 報告 7 名 醫療 工作人員 在 1 月 1 日 到 1 月 10 日 已經 出現 感染 症狀 當時 武漢市 衛生 當局 還 表示 沒有 發現 醫療 人員 感染 並 重申 沒有 明確 證據 顯示 人 傳 人 醫務人員 感染 不僅 發生 在 指定 治療 院所 也 開始 在 大陸 其他 機構 和 城市 發生 根據 中國 新聞週刊 報導 非 武漢肺炎 指定 治療 醫院 武漢市精神衛生中心 爆發 院內 感染 至少 有 50 名 患者 和 30 名 醫務人員 確診 北京 廣西 江西 和 海南 也 傳出 醫務人員 感染 個案 近 20 年前 發生 的 嚴重 急性 呼吸道 症候 群 sars 疫情 期間 原本 在 爆發 初期 試圖 隱匿 疫情 的 當局 對於 醫務人員 染病 的 資料 更加 透明 根據 當時 的 國家 衛生委員會 前身 衛生部 公佈 的 資料 大陸 5328 起 sars 案例 總共 有 966 例 醫務人員 染病 總計 占 18 香港大學 教授 孔繁毅 表示 對 衛生 當局 來說 現在 要 完全 公佈 醫務人員 染病 資料 可能 不容易 我 想 他們 可能 會 在 23 個 月 後 公佈 目前 情況 過於 混亂</t>
  </si>
  <si>
    <t>新冠肺炎 武漢肺炎 新型 冠狀病毒 ncp 醫務人員</t>
  </si>
  <si>
    <t>香港大學 兩 位 知名 微生物 與 染病 學者 龍 振邦 與 袁國勇 在 港 媒 撰文 指出 武漢 華南 海鮮 市場 是 全世界 野生動物 進入 大陸 的 集散地 事發 之後 當地 進行 清理 新冠 病毒 始于 何地 已 無從 稽考 網 傳 病毒 源自 美國 之說 毫無 實證 只能 貽笑大方 sars 發生 之後 17 年 後 已 完全 忘記 教訓 野味 市場 更加 倡狂 這 重 濫 捕 野生動物 的 劣質 文化 若 不 徹底 剷除 10 年 後 sars 30 必定 再現 同在 香港大學 任教 的 李嘉誠 醫學院 助理 教授 龍 振邦 與 李嘉誠 醫學院 霍英東 基金 教授 袁國勇 都 是 知名 傳染病 學者 兩 人 18 日 聯手 在 香港 明報 撰文 指出 世衛 由 2015 年 開始 避免 用 人名 地名 動物 食物 文化 職業 等 為 疾病 命名 故 此次 以 年份 為此 病 冠名 covid-19 以 資 識別 科學 研討 或 學術交流 必須 用 官方 名字 covid-19 且 由於 它 屬 sars 冠 狀 病毒 的 姐妹 故 亦 稱 sars 冠 狀 病毒20 sars-cov- 2 民間 日常 溝通 用語 以 武漢 冠狀病毒 或 武漢肺炎 稱 之 通俗 易明 亦無不可 文章 指出 約 75 之 新發 傳染病 源於 野生動物 能 感染 哺乳類 動物 的 冠狀病毒 其 元祖 病毒 ancestral virus 則 源於 蝙蝠 或 雀鳥 此 二者 皆 能 從 數 千 公里 外 飛抵 發現 病毒 之處 因此 病毒 命名 系統 亦 會 以 發現 處 記 之 可惜 研究 人員 抵達 蒐證 取樣 本 時 武漢 華南 海鮮 批發市場 早 被 清 場 場內 活 野味 早已 不知所終 病毒 之 天然 宿主 natural host 及 中間 宿主 intermediate host 身分 成 疑 據 當地 人員 表示 該 批發市場 內 之 野生動物 從 中國 大陸 各地 東南亞 各國 及 非洲 走私 出口 運 抵 此處 集散 使得 冠狀病毒 之 元祖 病毒 源于 何地 無從 稽考 文章 表示 以 基因 排序 之法 尋 源 發現 蝙蝠 乃 武漢 冠狀病毒 之 天然 宿主 再於 中間 宿主 體內 出現 適應 人體 之 突變 繼而 出現 人 傳人 感染 中間 宿主 雖 未 能 確認 但 研究 認為 穿山甲 可能性 較 高 這 與 果子狸 身上 尋 得 sars 冠 狀 病毒 的 情況 類似 但是 大陸 雖 明令禁止 野生動物 交易 但 17 年 來 野味 市場 禁 而 不絕 甚至 更 趨 倡狂 顯見 大陸 已 完全 忘記 sars 教訓 兩 位 學者 還 指出 網上 瘋 傳 病毒 源自 美國 其實 毫無 實證 屬 自欺欺人 之說 應 勿 再 亂 傳 以免 貽笑大方 sars 之後 未 雷厲風行 關閉 野味 市場 乃 大 錯 必須 面對 真相 不應 諉過於人 新冠 病毒 乃 中國 人 劣質 文化 之 產物 為 滿足 各種 欲望 而 繼續 食 野味 陋習 劣根性 才 是 病毒 之 源 如此 態度 不 改 10 多年 後 sars 30 必定 再 出現</t>
  </si>
  <si>
    <t>世界衛生組織 who 週三 告訴 法新社 已 宣佈 康復 的 新冠 病毒 患者 後來 又 被 測試 為 該 病毒 陽性 並非 是 復發 或是 再 感染 應該 是 身體 仍 在 排 出 死亡 的 肺部 細胞 所 致 科學 警報 science alert 報導 新冠 病毒 相當 難 纏 最 令 各界 頭痛 的 問題 是 康復者 的 複 陽性 問題 韓國 衛生 官員 在 4 月份 報告 100 多 例 類似 現象 隨後 同樣 的 報導 也 在 各國 傳出 這 引起 了 人們 的 關注 即 康復 的 患者 可能 會 被 再次 感染 或者 成為 持續 帶 原者 現在 傳出 較 好 的 消息 世衛組織 研究 人員 表示 根據 我們 目前 所 知道 的 康復者 的 複 陽性 是 恢復 階段 的 一部分 這些 患者 正 在 從 肺部 排 出 殘留 的 物質 不是 真 的 又 遭 感染 或是 帶 原 研究 表明 感染 了 新 的 冠狀病毒 的 人 在 感染 或 症狀 發作 後 約 一 周 後 人體 就 會 開始 積累 抗體 一切順利 的話 就 會 逐步 擊退 病毒 直到 康復 然而 目前 尚不 清楚 人體 是否 能 系統地 建立 起 足夠 的 免疫力 來 抵禦 病毒 的 新 攻擊 我們 也 不 知道 獲得 抗體 後 的 免疫 能 持續 多長時間 世界衛生組織 傳染病 流行病 學家 瑪麗亞·範·科霍夫 maria van kerhove 認為 康復者 所 出現 的 複 陽性 是 肺部 癒合 的 過程 她 說 隨 著 肺部 的 癒合 肺部 的 某些 部分 會 出現 死 細胞 這些 死 細胞 會 帶有 呈 陽性 的 病毒 碎片 這些 是 死 掉 的 病毒 不具 傳染性 因此 這個 過程 實際上 是 走向 完全恢復 過程 的 一部分 但是 我們 仍 不 知 新冠 病毒 康復者 是否 有 終生 免疫力 事實上 每 一 種 病毒 疾病 情況 都 不同 感染 麻疹病毒 的 人 可以 終生 免疫 這 是 我們 都樂 見 的 但是 sars 冠 狀 病毒 的 康復者 免疫力 就 只 有 持續 數 月 至 數 年 而 流行 感冒 就 更糟 康復 後 的 免疫 時間 大概 只有 幾 星期</t>
  </si>
  <si>
    <t>盧秀燕 新冠肺炎 武漢肺炎 新型 冠狀病毒 ncp</t>
  </si>
  <si>
    <t>因應 新冠肺炎 嚴峻 為 讓 民眾 方便 在家 自我 檢測 食 藥 署 于 上周 六 核准 5 款 居家 快 篩 試劑 今 起 於 四大 超 商 藥 妝 店 藥局 等 通路 販 售 分為 抗原 快 篩 及 核酸 檢驗 快 篩 兩 種 其中 以 核酸 檢 快 篩 最 准 民眾 可 自由選擇 單 劑 至 盒 裝 價格 落 在 350 至 5880 元 另外 藥師 沈采穎 表示 使用 快 篩 試劑 前 應將 雙手 鼻腔 做好 清潔 將 拭 子 深入 鼻腔 內 2 至 25 公分 不等 放 入 試管 中 攪拌 後 再 利用 檢驗 盤 檢驗 等待 15 分鐘 即 可 國內 目前 核准 的 居家 快 篩 試劑 有 5 種 分別 為 羅 氏 家用 新冠 病毒 抗原 自我 檢測 套 組 英斯 特 家用 新冠 抗原 快 篩 及 國產 的 福爾威 創 家用 新型 冠狀病毒 抗原 快速 檢驗 套 組 另外 盧西拉 家用 確 可 易 新型 冠狀病毒 核酸 檢測 試劑 萊 析 樂 家用 新冠 病毒 核酸 檢測 組 為 同 款 產品 不同 廠商 7 -eleven 7 -eleven 於 今日下午 2 點 半 後 桃園 以北 等 有 藥 商 許可 門市 上架 販 售 引進 福爾威 創 家用 新型 冠狀病毒 抗原 快速 檢驗 套 組 單 包裝 售價 為 350 元 預計 於 7 月 1 日 起 全台 有 藥 商 許可 的 門市 都可 購買 全家 便利商店 全家 預計 於本 週六 26 日 販 售 2 款 居家 快 篩 試劑 並於 有 藥 商 許可 的 門市 販 售 分別 為 羅 氏 家用 新冠 病毒 抗原 自我 檢測 套 組 及 福爾威 創新型 冠 狀 病毒 抗原 快速 檢驗 試劑 羅 氏 家用 新冠 病毒 抗原 自我 檢測 套 組 將 提前 於 明日 6 月 24 日 晚間 10 點 陸續 到 店 羅 氏 家用 新冠 病毒 抗原 自我 檢測 套 組 為 一 盒 5 入 售價 1800 元 福爾威 創新型 冠 狀 病毒 抗原 快速 檢驗 試劑 則 是 一 盒 20 入 售價 5880 元 民眾 可 至 門市 使用 famiport 事務 機台 預購 並 結 帳 最 快 隔日 可 至 門市 取 貨 采 限量 販 售 賴爾富 賴爾富 今日 下午 3 點 于 賴爾富 北市 迪 化 門市 北縣 五 工 門市 首開 賣 引進 福爾威 創 家用 新型 冠狀病毒 抗原 快速 檢驗 套 組 一 盒 5 入 售價 1700 元 每店 采 限量 100 盒 okmart 超 商 okmart 於 明 24 日 至 6 月 30 日 全台 門市 會員 okline 群 組 可 預購 羅 氏 家用 新冠 病毒 抗原 自我 檢測 套 組 一 盒 5 入 售價 1799 元 採用 會員 預購 方式 以 降低 與 門市 人 於 接觸 到 店 取 貨 預計 於 7 月 9 日 到貨 康是美 康是美 為 全台 藥 妝 店 首 波 居家 快 篩 試劑 販 售 引進 福爾威 創 家用 新型 冠狀病毒 抗原 快速 檢驗 套 組 羅 氏 家用 新冠 病毒 抗原 自我 檢測 套 組 2 款 福爾威 創 於 明 24 日 起 在 北 北 基 桃 地區 開 賣 羅 氏 家用 則 于 全台 康是美 陸續 販 售 2 款 皆 為 一 盒 5 入 盒 裝 中 時 新聞網 提醒您 因應 新冠肺炎 疫情 疾 管署 持續 加強 疫情 監測 與 邊境 管制 措施 如有 疑 似 症狀 請 撥打1922 專線 或 0800 001922 並 依 指示 配戴 口罩 盡 速 就醫 同時 主動 告知 醫師 旅遊 史及 接觸 史 以利 及時 診斷 及 通報</t>
  </si>
  <si>
    <t>新冠肺炎 武漢肺炎 新型 冠狀病毒 臺灣 高鐵</t>
  </si>
  <si>
    <t>新冠肺炎 臺灣 新型 冠狀病毒 打 麻將 高雄</t>
  </si>
  <si>
    <t>新冠肺炎 疫情 持續 延 燒 全 香港 的 學校 自 2 月初 開始 停課 香港 教育 局 20 日 宣佈 將 會 提供 中小學 幼稚園 以及 其 學生 額外 津貼 以 協助 減輕 學校 和 家長 在 防疫 停課 時間 的 負擔 目前 第一 批 學生 津貼 將 發放 港幣 3500 元 約 新 台幣 13000 元 之後 還 會 陸續 發出 香港 教育局長 楊 潤 雄 表示 為了 防止 新型 冠狀病毒 在 校園 之中 傳播 以及 保障 學生 們 的 健康 安全 全 香港 的 學校 從 2 月初 開始 暫時 停課 而 學生 在 學校 的 支援 下 皆 留在 家中 學習 做到 停課 不 停學 但 在 這 段 期間 不少 家長 仍 支付 子女 的 學費 或是 添 購 學習 設備 等 為了 減輕 家長 的 負擔 香港政府 將 成立 防疫 抗 疫 基金 預計 撥 出 約 9億 港幣 約 35億 元 新 台幣 把 本學年 每 名 學生 津貼 增加 1000 港幣 約 3930 元 新 台幣 由 2500 元 提高 至 3500 元 惠及約 90萬 名 家長 且 無須 另行 提交 申請 政府 也 會 依據 先前 訂 定 的 時間表 優先 處理 學生 津貼 的 申請 楊 潤 雄 指出 預計 可 在 防疫 抗 疫 基金 成立 後 的 一 星期 內 就 開始 發放 第一 批 3500 元 的 學生 津貼 其後 批次 則 會 陸續 發放 另外 香港 教育局 宣 告 除了 調撥 現有 資源 為 全港 學生 提供 津貼 外 也 會 幫助 學校 提升 防疫 物資 並且 清潔 校園 更 多 ctwant 報導</t>
  </si>
  <si>
    <t>新冠肺炎 持續 在 全球 肆虐 就 連美 式 賣 場 好 市 多 也 不得不 祭出 防疫 措施 美國 好 市 多 就 宣佈 暫停 供應 商品 免費 試 吃 讓 不少 聽 聞 這項 消息 的 消費者 哀號 由於 新冠肺炎 確診 病例 不斷 攀升 美國 近日 有 部分 的 州 宣佈 進入 緊急狀態 根據 外 媒 報導 為了 防止 新型 冠狀病毒 的 擴散 美國 好 市 多 暫停 提供 免費 試 吃 品 但 還 無法 得知 是 在 全美 的 分店 或者 僅 在 少數 區域 實施 且 也 無法 得知 暫停 到 何時 日前 ig 粉 專 @costcodeals 也 分享 此 項 消息 好 市 多 暫停 供應 免費 試 吃 樣品 直到 下次 有 最新 公告 為止 位於 加州 華盛頓 以及 佛羅里達 等 地 的 好 市 多 也 回應 不 曉得 何時 才 會 恢復 供應 免費 的 試 吃 品 不少 美國 網友 看到 後 紛紛 崩潰 並 在 ig 上 留言 工作人員 現在 都 在 清理 擦拭 美食 區 的 桌子 不 誰 幹 的 但 也 有人 認為 贊同 太 多 人 假裝 去 買 東西 但只 是 想要 吃 免費 的 而已 很 難過 但 他們 謹慎 應對 很 好 難過 但是 這 是 個 很 好 的 決定</t>
  </si>
  <si>
    <t>新冠肺炎 武漢肺炎 新型 冠狀病毒 covid-19 香港</t>
  </si>
  <si>
    <t>新冠肺炎 武漢肺炎 新型 冠狀病毒 covid-19 養老院</t>
  </si>
  <si>
    <t>中央 宣佈 今 5 日 本土 確診 新增 6 例 為 5 月 升級 防疫 警戒 以來 最低 儘管 國內 疫情 趨 緩 毒理 專家 招名威 指出 成為 全球 主流 變異 株 的 delta 印度 變種 病毒 已經 在 臺灣 門口 蠢蠢欲動 全民 除了 要 施打 疫苗 仍 應 維持 傳統 防疫 方式 在 新冠肺炎 消失 前 學習 與 病毒 共存 招 名 威 日前 透過 our data in world 監測 各國 疫情 發現 國外 疫情 都轉 以 delta 變種 病毒 為主 7 26 的 資料 更 顯示 英國 確診 人口 已經 100 感染 delta 病毒 美國 則 高達 93 臺灣 周圍 國家 也 備受 delta 威脅 鄰近 的 大陸 和 新加坡 確診 者 中 同樣 都 100 感染 delta 日本 南韓 分別 為 75 51 對此 招明威 坦言 delta 病毒 在 臺灣 門口 已是 無庸置疑 的 事實 接下來 要 好好 面對 挑戰 守 住 國門 另一方面 招名威 發現 一個 有趣 的 現象 那 就 是 每個 幾 天 就 會 出現 疫苗 無效 的 報導 把 變種 病毒形容 得 很 可怕 隔 幾 天 又 有 資料 顯示 疫苗 有效 兩者 不斷 迴圈 招名威 認為 疫苗 改良 的 速度 確實 不及 變種 病毒 也 導致 保護 效力 變 差 但 依然 要 施打 疫苗 才 不 會 只是 0 與 100 的 差別 就算 疫苗 無法 100 應付 變種 病毒 仍 有 一定 保護 力 招 名 威 坦言 其實 無論 疫苗 是否 還有 效 傳統 的 防疫 方式 還 是 最好 除了 要 施打 疫苗 外 大家 依然 不能 鬆懈 勤洗手 戴 口罩 等 防疫 措施 新冠狀病毒 沒有 消失 的 一 天 我們 只 能 持續 與 它 共存</t>
  </si>
  <si>
    <t>美國政府 欲 接回 鑽石 公主 號 上 美籍 旅客 所 派遣 包機 預計 今天 晚間 抵達 東京羽田機場 日本自衛隊 為 把 船上 數 百 名 美籍 旅客 送往 東京羽田機場 陸續 在 碼頭 旁 備 妥 約 20 輛 大型 巴士 目前 停泊 在 日本 橫濱 港 爆發 俗稱 武漢肺炎 的 2019 年 冠狀病毒 疾病 covid-19 群 聚 感染 的 鑽石 公主 號 遊輪 船上 有 來自 各個 國家 的 旅客 除 了 美國 之外 傳出 加拿大政府 也 將 派 包機 接回 加拿大 籍 旅客 根據 中央 社 引述 日本放送協會 nhk 的 報導 為 讓 鑽石 公主 號 上 的 美籍 旅客 搭乘 美國政府 準備 包機 日本 將 由 自衛隊 安排 巴士 把 美籍 旅客 送到 羽田機場 美國政府 派遣 的 包機 預計 晚間 抵達 羽田機場 防衛 省 表示 船上 大約 有 380 名 美籍 旅客 屆時 下船 的 美籍 旅客 將 搭乘 自衛隊 安排 的 巴士 直接 前往 羽田機場 自衛隊 為了 能 在 今天 晚間 到 明天 淩晨 間 運送 可能 多 達 數 百 名 旅客 正在 準備 多 輛大型 巴士 全 日本 新聞網 ann 報導 自衛隊 在 鑽石 公主 號 泊 靠 碼頭 旁 準備 了 約 20 輛 巴士 哈 芬 登 郵報 huffpost 日文 版 網站 昨天 報導 美國 疾病 管制 暨 預防 中心 cdc 小組 將 在場 確認 搭乘 包機 乘客 的 健康狀況 如果 有 發燒 及 咳嗽 等 症狀 將 不 放行 登機 搭乘 包機 的 美籍 旅客 預料 最 快 可 在 當地 時間 16 日 抵達 美國 加州 特拉維斯 空軍基地 並 再度 接受 檢疫 特拉維斯 空軍基地 已 把 從 中國 武漢市 返美 的 約 230 人 安置 在 飯店 鑽石 公主 號 上 的 旅客 可能 被 安置 在 基地 內 其他 住宿 設施 鑽石 公主 號 目前 停泊 在 日本 橫濱 港 船上 約 3700 人 中 已 有 355 人 確診 武漢肺炎 其 餘 旅客 及 船 組員 到 19 日 止 都 得 待 在 船上 接受 觀察 船上 的 臺灣 旅客 告訴 中央 社 記者 說 船上 旅客 包含 20 名 中華民國 國民 另 有 10 至 15 名 美籍 或 日籍 的 臺灣人</t>
  </si>
  <si>
    <t>新冠肺炎 新型 冠狀病毒 民進 党 指揮官 陳時中</t>
  </si>
  <si>
    <t>新冠肺炎 武漢肺炎 新型 冠狀病毒 臺灣 疫情</t>
  </si>
  <si>
    <t>武漢肺炎 新冠肺炎 新型 冠狀病毒 臺灣 ncp 離</t>
  </si>
  <si>
    <t>新冠肺炎 臺灣 新型 冠狀病毒 ncp 新北 市</t>
  </si>
  <si>
    <t>武漢肺炎 新型 冠狀病毒 全球 美國 航母</t>
  </si>
  <si>
    <t>新冠肺炎 武漢肺炎 新型 冠狀病毒 臺灣 休息</t>
  </si>
  <si>
    <t>新冠肺炎 武漢肺炎 新型 冠狀病毒 臺灣 義 大利</t>
  </si>
  <si>
    <t>新冠肺炎 conid- 19 武漢肺炎 新型 冠狀病毒 馬英九</t>
  </si>
  <si>
    <t>趙 少康 羅智強 新冠肺炎 武漢肺炎 新型 冠狀病毒</t>
  </si>
  <si>
    <t>臺灣 防疫 成績 有目共睹 而 譚 德塞 日前 誣 指 臺灣 對 他 種族歧視 引起 了 軒然大波 沒 想到 美國 歌手 lady gaga 竟 公開 表示 譚 德塞 是 超級 巨星 大力 稱讚 譚 德塞 讓 臺灣 一 片 譁然 有 大陸 資深 媒體 人 藉 機 酸 lady gaga 可能 成為 臺灣網 軍 下 一個 撻 伐 物件 日前 林書豪 在 推特 寫下 使用 冠狀病毒 或 covid-19 很 難 嗎 引發 不少 網友 不滿 撻 伐 接 著 新加坡 總理 夫人 何晶 也 因為 在 臉書 對 臺灣 捐 口罩 一 事 不以為然 臺灣 網友 到 他 的 臉書上 留言 近日 lady gaga 更 公開 挺 譚 德塞 而 網友 一 查 之下 發現 lady gaga 的 母親 和 who 關係 匪 淺 對此 一 名 大陸 資深 媒體 人 在 台海網 上 撰文 指出 ladygaga 會 成為 臺灣網 軍 下 一個 討伐 物件 嗎 他 表示 臺灣人 無法 領會 全球 同舟共濟 對抗 新冠肺炎 的 精神 倒 是 把 注意力 放在 女神 卡卡大贊 譚 德塞 上 這 位 媒體 人 直言 臺灣網 軍 沉溺 於 借助 疫情 實施 政治化 汙名 化 的 行為 前 有 辱駡 譚 德塞 後 有 出征 新加坡 總理 夫人 的 社交 平臺 再 到 攻擊 德國 官方 多 個 社交 帳 號 累累 前科 讓 自己 人 都 不禁 害怕 的 擔心 女神 lady gaga 可能 會 成為 臺灣網 軍 下 一個 撻 伐 的 物件</t>
  </si>
  <si>
    <t>新冠肺炎 武漢肺炎 covid-19 臺灣 新型 冠狀病毒</t>
  </si>
  <si>
    <t>新冠肺炎 日本 臺灣 武漢肺炎 新型 冠狀病毒</t>
  </si>
  <si>
    <t>口罩 三 重 臺灣 武漢肺炎 新型 冠狀病毒</t>
  </si>
  <si>
    <t>劉樂 妍 新冠肺炎 武漢肺炎 新型 冠狀病毒 ncp</t>
  </si>
  <si>
    <t>本報 日前 報導 指出 高端 二期 臨床 試驗 排除 19 種 民眾 至少 22 種 病種 卻 未 盡 告知 的 責任 指揮中心 指揮官 陳時中 回 應 說 歐美 其他 疫苗 臨床 試驗 的 時候 也 同樣 排除 那麼 多病 患 但 其實 查詢 莫德納 官網 https clinicaltrials gov ct 2 show nct 04470427 的 exclusion criteria 排除 專案 就 會 發現 高端 試驗 排除 的 20 幾 種 病 患 莫德納 試驗 絕 大部 份 都 沒有 排除 高端 的 19 項 排除 條件 是 1 目前 懷孕 或 哺乳 中 或 計畫 在 施打 第二 劑 試驗 疫苗 後 30 天內 懷孕 2 直接參與 本 試驗 執行 的 試驗 主持人 所屬 機構 試驗 委 讬 者 或 受 讬 研究 機構 cro 的 員工 3 目前 正在 接受 或 接種 第 1 劑 前 30 天內 接受 其他 試驗 性質 之 介入性 醫療 4 施打 第一 劑 試驗 疫苗 前 4 周內 接種 已 核准 的 活性 減毒疫苗 或 第一 劑 前 7 天內 施打 其他 已 核准的 非 活性 減毒疫苗 5 第一 劑 前 12 周內 使用 任何 血液製品 或 靜脈注射 免疫 球蛋白 6 目前 或 在 第一 劑 前 12 周內 接受 並用 免疫抑制 或 免疫 調節 療法 不 包括 吸入式 皮膚 局部 類固醇 及 或 含 類固醇 眼 藥水 低劑量 胺 甲 葉酸 methotrexate 或 prednisone 每日 劑量 低於 20 mg 使用 2 周或 同等 藥物 7 目前 使用 或 預計 在 第一 劑 前 12 周內 接受 腫瘤 壞死 因數 tnf- 抑制 劑 治療 例如 infliximab adalimumab etanercept 8 在 第一 劑 前 12 周內 曾 接受 重大 手術 或 任何 放射療法 9 免疫抑制 疾病 或 免疫 不 全 狀態 包括 血液 惡性腫瘤 實質 固態 瘤 骨髓移植 病史 或 無 脾 症 10 自體 免疫 疾病 病史 全身性 狼瘡 類風濕性 關節炎 硬皮症 多發性 關節炎 甲狀腺炎 格林 巴 利 症候 群 等 11 惡性腫瘤 病史 且 接受 治癒 療法 後 仍 有 復發 風險 或 目前 確診 為 癌症 或 接受 癌症 治療 不 包括 鱗 狀 及 基 底細 胞 皮膚癌 和 已 治療 的 子宮 頸 原位癌 可 依 試驗 主持人 判定 12 出血性 疾病 且 判斷 禁止 使用 肌肉注射 或 抽血 13 人類 免疫 不 全 病毒 hiv 陽性 且 在 過去 一 年內 cd 4 計數 350 cells mm 3 或有 可 偵 測 的 hiv 病毒 量 帶有 少量 變異 病毒 拷貝數 50 500 且 無 需 改變 抗 反 轉錄 病毒 療法 art 允許 納入 14 b 型 肝炎 病毒 hbv 陽性 且 b 型 肝炎 e 抗原 hbe ag 陽性 或 肝功能 異常 15 c 型 肝炎 病毒 hcv 陽性 最近 12 周 內 發生 可 偵 測 的 hcv rna 病毒血症 16 自願 受試者 患 有 持續 的 急性 疾病 或 嚴重 醫療 狀況 例如 心血管 如 紐約 心臟 學會 第 三 或 第 四級 肺部 如 慢性 阻塞性 肺病 copd 第 三 或 第 四 期 肝臟 如 child-pugh c 級 神 經學 如 失 智 症 代謝 如 糖尿病 伴隨 hba 1 c 8 腎臟 第 3 期 以 上 慢性 腎臟 病精神 病症 如 酗酒 藥物 濫 用 現 有 嚴重 感染 醫療 病史 身體檢查 結果 或 實驗室 檢驗 異常 等 依 試驗 主持人 判斷 病情 不 穩定 參加 本 試驗 可能 對 受試者 的 安全性 造成 不良影響 無法 配合 試驗 規定 或 干擾 試驗 評估 指標 17 受試者 已 知 曾經 或 可能 接觸 嚴重 急性 呯 吸 道 症候 群 冠狀病毒 1 型 或 2 型 除 非經 檢驗 為 陰性 且 已 完成 14 天 自主 健康 管理 居家 檢疫 居家 隔離 或 曾施 打 其他 covid-19 疫苗 18 受試者 對 任何 疫苗 曾 有 過敏 病史 或有 過敏性 疾病 或 過敏 反應 病史 可能 因 mvc-cov 1901 的 成分 使 症狀 惡化 19 施打 疫苗 前 2 天內 體溫 口 溫 肛 溫或 耳 溫 380 c 或 發生 急性 病症 不 包括 輕微 病症 如 腹瀉 或 輕微 上呼吸道感染 依 試驗 主持人 判定 受試者 可 重 新約 診 莫德納 的 排除 項目 exclusion criteria 則 如下 1 is acutely ill or febrile 72 hours prior to or at screening fever is defined as a body temperature 380 celsius 1004 fahrenheit participants meeting this criterion may be rescheduled within the relevant window periods afebrile participants with minor illnesses can be enrolled at the discretion of the investigator 篩檢 前 72 小時 內 體溫 超過 攝氏 38 度 受試者 可 重新 約 診 輕微 病症 經過 審慎 判定 後 仍 可 參與 2 is pregnant or breastfeeding 懷孕 或 哺乳 者 3 part a only known history of sars-cov- 2 infection 有 新冠 病毒感染 史 4 prior administration of an investigational coronavirus sars-cov middle east respiratory syndrome mers -cov vaccine or current planned simultaneous participation in another interventional study to prevent or treat covid-19 曾 參與 新冠 疫苗 試驗 目前 是 或 即將 同時 參與 另 一個 新冠 病毒 介入性 試驗 5 part a only demonstrated inability to comply with the study procedures 無法 遵守 試驗 流程 6 part a only an immediate family member or household member of this study&amp;apos s personnel 本 試驗 人員 的 直系親屬 或 家庭成員 7 known or suspected allergy or history of anaphylaxis urticaria or other significant adverse reaction to the vaccine or its excipients 已 知 或 懷疑 有 過敏 有 過敏 史 反應 蕁麻疹 對 疫苗 或 賦形劑 有 其他 特定 不良反應 8 bleeding disorder considered a contraindication to intramuscular injection or phlebotomy 出血性 疾病 且 判斷 禁止 使用 肌肉注射 或 抽血 9 has received or plans to receive a vaccine within 28 days prior to the first dose day 1 or plans to receive a non-study vaccine within 28 days prior to or after any dose of investigational product except for seasonal influenza vaccine 施打第 1 劑 前 28 天內 已 接種 或 預計 接種 其他 疫苗 或 28 天內 計 畫 施打 其他 非 試驗 疫苗 季節性 的 流感疫苗 除外 在 打 試驗 性 製品 前 或 後 10 has participated in an interventional clinical study within 28 days prior to the day of enrollment 受 試 前 28 天內 曾 參加 介入性 臨床 試驗 11 immunosuppressive or immunodeficient state including human immunodeficiency virus hiv infection asplenia and recurrent severe infections 免疫抑制 疾病 或 免疫 不 全 狀態 包括 人類 免疫 不 全 病毒 hiv 無 脾 症 以及 經常性 的 嚴重 感染 12 has received systemic immunosuppressants or immune-modifying drugs for 14 days in totalwithin 6 months prior to screening for corticosteroids 20 milligram mg day of prednisone equivalent 受 試 前 6 個 月 內 接受 免疫抑制 劑 或 治療 免疫 疾病 調節性 藥物 超過 14 天 皮質 類固醇 或是 普 立 朗 錠 每日 超過 20 毫克 13 has received systemic immunoglobulins or blood products within 3 months prior to the day of screening 受 試 前 3 個 月 內 使用 任何 血液製品 或 靜脈注射 免疫 球蛋白 14 has donated 450 milliliters ml of blood products within 28 days prior to screening 受 試 前 28 天內 捐 血 超過 450 毫升 15</t>
  </si>
  <si>
    <t>教堂 野戰醫院 新型 冠狀病毒 紐約</t>
  </si>
  <si>
    <t>針對 自 中國 大陸 武漢 爆發 的 新型 冠狀病毒 肺炎 簡稱 新冠肺炎 ncp 為了 讓 關心 的 網友 能 掌握 最 正確 的 資訊 美國 約翰霍普金斯大學 johns hopkins university 推出 了 蒐集 who 世界衛生組織 美國 疾病 管制中心 cdc 跟 中</t>
  </si>
  <si>
    <t>針對 自 中國 大陸 武漢 爆發 的 新型 冠狀病毒 肺炎 簡稱 新冠肺炎 ncp 為了 讓 關心 的 網友 能 掌握 最 正確 的 資訊 美國 約翰霍普金斯大學 johns hopkins university 推出 了 蒐集 who 世界衛生組織 美國 疾病 管制中心 cdc 跟 中國 國家 衛生 健康 委員會 nhc 等 官方 所 提供 的 資料 整合 的 全球 肺炎 疫情 地圖 然而 這項 資訊 可能 對於 臺灣 民眾 來說 實用 性 不是 很 高 為了 便利 民眾 察看 目前 臺灣 的 疫情 逢甲大學 利用 相同 平臺 開發 出 了 臺灣版 新冠肺炎 地圖 透過 圖形化 介面 讓 你 追蹤 最新 疫情 並且 將 口罩 庫存 查詢 工具 也 併入 相當 接 地氣 實用 度 超高 為了 便利 臺灣 民眾 追蹤 在 地 的 新冠肺炎 疫情 與 防疫 現況 逢甲大學 地理 資訊 系統 研究 中心 規 畫師 賴正偉 設計 出 臺灣 版本 的 新冠肺炎 地圖 點 入 後 就 能 快速 查看 臺灣 目前 的 確診 病例 數 累積 通報 病例 以及 已 排除 病例 數 等 統計資料 並 將 臺灣 鄰近 國家 目前 的 確診 個案 數目 也 清楚 列出 不僅 可以 快速 對比 也 可以 讓 民眾 對於 各國 的 防疫 情況 有 更 全面 的 瞭解 不同於 美國 約翰霍普金斯大學 所 製作 的 全球 武漢肺炎 地圖 臺灣 版本 的 疫情 地圖 資料 來自 于 衛福 部 疾 管署 所 發表 的 資料 並且 以 全 中文化 的 方式 呈現 比起 英文版 的 地圖 更易 閱讀 此外 也 加入 了 ptt 2019 -ncov 武漢肺炎 討論 專 板 特約 藥局 資源 線 上 查詢 平臺 等 資訊 將 因為 防疫 而 導入 的 口罩 實 名 制度 需 在 健 保 特約 藥局 依 身分 證 字型大小 分流 購買 的 相關 資訊 也 一併 涵蓋 進來 整體 實用 性 相當 高 有 即時 掌握 臺灣 防疫 現況 需求 的 朋友 都 建議 可 將 此 地圖 連結 收藏 起來 以便 隨時 查詢</t>
  </si>
  <si>
    <t>新冠肺炎 武漢肺炎 新型 冠狀病毒 臺灣 開放</t>
  </si>
  <si>
    <t>鑽石 公主 號 新冠 疫情 肆虐 基隆 1 名 曾 接觸 郵輪 旅客 民眾 日前 出現 呼吸道 症狀 懷疑 罹 病 至 基隆 醫院 檢查 採樣 幸采 驗 結果 為 陰性 觀察 無 異狀 後 近期 即可 辦理 出院 適逢 西洋 情人節 院長 林慶豐 帶領 醫療 團隊 治 病房 外 加油打氣 讓 病人 備感 窩心 新型 冠狀病毒 2019 -ncov 延 燒 衛福部 立 基隆醫院 指出 院內 收治 的 第 10 位 疑 似 個案 因 1 月 31 日 有 長 時間 接觸 到 鑽石 公主 號 游輪 旅客 後續 有 呼吸道 症狀 主動 到 醫院 就醫 檢查 目前 采 檢 報告 為 陰性 再 觀察 一段時間 即 可 辦理 出 院 2 月 14 日 適 逢 情人節 林慶豐 帶領 護理 科 及 社 工 室 團隊 至 病房 鼓勵 病 患 一切 都 會 順順利利 平平安安 還 送 上 精神 科 職能 學員 親手 製作 的 巧克力 及 卡片 最後 率 醫護 同仁 合唱 感恩 的 心 一起 祝福 病人 早日康復 平安 出 院 基隆醫院 是 大家 健康 的 守護神 林 慶 豐 表示 目前 在 院方 照護 及 檢測 下 都 沒有 確診 病例 發生 醫院 除了 在 大門 裝置 2 座 紅外線 體溫 檢測 儀 醫療 團隊 也 提供 最好 的 醫療 請 民眾 放心 就醫 也 呼籲 民眾 勤洗手 進入 醫療 院所 務必 佩戴 口罩 衛生局長 吳 澤 誠 表示 截至 昨天 累計 通報 本市 采 驗 的 疑 似 案例 有 30 例 其中 29 例 陰性 排除 1 例 一 采為 陰性 等待 二 采 結果 中 另外 居家 隔離 有 59 人 含 括 1 月 31 日 曾 與 公主 號 下船 者 接觸 的 2 名 觀光 巴士 52 名 計程車 司機 身體狀況 皆 穩定 週六 清晨 可 解除 隔離</t>
  </si>
  <si>
    <t>根據 環球 網 引述 彭博社 消息 指出 一 艘 載有 1200 名 乘客 的 德國 郵輪 aida aura 在 挪威 的 haugesund 豪 格 松 港 接受 整體 檢疫 隔離 此前 該 郵輪 上 兩 名 乘客 進行 了 新型 冠狀病毒檢測 目前 正在 等待 檢測 結果 其他</t>
  </si>
  <si>
    <t>根據 環球 網 引述 彭博社 消息 指出 一 艘 載有 1200 名 乘客 的 德國 郵輪 aida aura 在 挪威 的 haugesund 豪 格 松 港 接受 整體 檢疫 隔離 此前 該 郵輪 上 兩 名 乘客 進行 了 新型 冠狀病毒檢測 目前 正在 等待 檢測 結果 其他 大約 1200 名 乘客 則 留在 船上 未 被 允許 下船 根據 the local 報導 當地 醫師 指出 郵輪 上有 2 名 乘客 被 懷疑 可能 感染 新冠肺炎 因 此 要求 醫師 進行 檢疫 檢 體 送到 位於 挪威 貝根 的 豪 格 松 醫學院 檢驗 報導 說 這 兩 名 疑似病例 都 是 德國 人 曾於 1 周前 接觸 另 一 名 德國 人 而 後者 經過 采 驗證 實為 陽性 德國 目前 有 196 人 確診 無 人 死亡 挪威 有 32 人 確診 亦 無 人 死亡</t>
  </si>
  <si>
    <t>隨 著 新冠肺炎 疫情 延 燒 消毒 抗 菌 等 防疫 產品 也 變 得 炙手可熱 人人 搶購 最近 有 不少 新聞 指出 部分 精 油 似乎 也 有 消毒 抗 菌 的 效果 甚至 有人 將 精 油 與 紅 標 米酒 混合 製成 酒精 噴 霧 來 使用 但 也 有 皮膚科 醫師 表示 這個 方法 不僅 無效 且 可能 刺激 肌膚 到底 精 油 能 不能 消毒 防疫 呢 根據 2013 年 澳洲 格里菲斯 大學 griffith university 的 研究 發現 茶樹 油 桉樹 尤加利樹 油 具 抵抗 a 型 流感 病毒 的 作用 而且 研究 指出 只 要 5 15 分鐘 就 能 讓 95 的 病毒 失去 活性 另外 2018 年 韓國光 州 女子 大學 的 一 項 研究 也 發現 在 62 種 精 油 中 至少 有 11 種 有 抗 a 型 流感 病毒 的 效果 能 讓 病毒 活性 降低 30 以上 所以 精 油 真 的 有 抗 菌 或 抗 病毒 的 效果 嗎 美 之 道 皮膚科 診所 院長 邱品齊 表示 過去 的 確有 不少 研究 顯示 某些 精 油 對 消毒 抗 菌 有説明 但 始終 是 實驗 狀態 下 得到 的 結果 例如 研究 可能 是 在 密閉 容器 中 噴灑 精 油 噴 霧 再 測量 容器 中 殘留 的 病毒 活性 等 這 是 針對 特定 情況 所 得到 的 結果 且 很多 研究 也 不是 針對 冠狀病毒 來 實驗 若是 用於 不同 環境 或是 針對 這次 新冠肺炎 的 新型 冠狀病毒 精 油 是否 有效 都還 有待 研究 證明 邱品齊 說 臺北醫學大學 護 理學博士 同時 也 是 芳 療 師 的 許藍 方則 表示 部分 精 油 的 確有 抑 菌 抑 病毒 的 效果 也 就 是 能 抑制 細菌 或 病毒 生長 但 並不等於 能 殺菌 殺 毒 真正 能 達到 徹底 殺菌 消毒 功能 的 還是 要 靠 如 濃度 介於 70 78 的 酒精 等 物品 才 有用 精 油 只能 算是 一 種 輔助 除了 有助 抑制 細菌 和 病毒 精 油 也 有 強化 免疫 安撫 情緒 紓 壓 放鬆 的 效果 但 提醒 大家 還是 不能 本末倒置 許藍 方說 由於 酒精 搶手 難 買到 有人 異想天開 把 精 油 和 紅 標 米酒 混合 製成 酒精 噴 霧來 使用 但 米酒 能 取代 酒精 做成 消毒 噴 霧 嗎 許藍 方說 市 售 米酒 濃度 大多 只 有 230 度 左右 和 牛奶 一樣 頂多 作為 媒介 來 説明 精 油 與 水 融合 但 濃度 不足 無法 達到 消毒 效果 如果 想 自製 精 油 酒精 噴 霧 許藍 方 說明 比例 用 75 酒精 50 ml 加入 精 油 20 30 滴 搖晃 混合 均勻 即可 她 建議 包括 奧勒 岡 精 油 兒童 不 適用 羅文莎葉 綠 薄荷 肉桂 尤加利 以 史密斯尤加利 為 佳 綠 花白 千 層 迷 迭 香 百里 香 薰 衣草 茶樹 佛手柑 檀香 廣藿香 等 都 是 不錯 的 選擇 薰 衣草 茶樹 尤加利 等 有助 改善 呼吸道 鼻 塞 的 症狀 而 佛手柑 檀香 廣藿香 則 有 紓 壓 放鬆 的 效果 對 免疫力 的 提升 都有 不錯 的 幫助 許藍 方說 但 許藍 方也 補充 自製 精 油 酒精 噴 霧 時 濃度 以 50 cc 酒精 搭配 50 滴 精 油 為 上限 若是 濃度 太 高 可能 會 刺激 皮膚 也 不 建議 一 次 調配 太 大容量 最好 以 1 2 個 月 內用 完 為主 臺灣 芳香 醫學 醫學會 理事長 台安 醫院 家庭 醫學科 暨 社區 醫學 部 主任 羅佳琳 表示 自製 精 油 酒精 噴 霧 雖 不難 但 如何 挑選 好 的 純 的 精 油 就 又 是 另外 一 門 學問 例如 光是 大家 熟知 的 薰 衣草 市面上 就 可能 有 真正 薰 衣草 甜 醒目 薰 衣草 等 不同 種類 效果 也 都 不 太 一樣 因此 她 建議 以下幾點 1 精 油 應 要用 暗色 不透光 的 玻璃瓶 盛裝 不可 使用 塑膠瓶 以免 溶 出 有毒 物質 2 儘量 選 成分 有 拉丁 學名 更 好 來源 產地 精 油 萃 取 部位 等 標示 清楚 的 產品 且 有 標注 pure essential oil 的 字樣 3 如果 可以 試 聞或 試用 好 的 精 油 味道 不應 太 過 持久 且 用 手 搓 一 搓 會 很快 吸收 不 黏 膩</t>
  </si>
  <si>
    <t>新冠肺炎 武漢肺炎 ncp 新型 冠狀病毒 臺灣</t>
  </si>
  <si>
    <t>去年底 通過 的 反 滲透法 經過 總統 選舉 民進黨 大勝 以及 春節 前 從 武漢 爆發 的 新冠肺炎 疫情 之後 似乎 已經 被 人 忘掉 了 但是 法律 擺在 那裡 變成 是 民進黨 的 尚方寶劍 他們 想用 可以 隨時 揮劍 砍 人 以至於 在 新冠肺炎 疫情 中 被 困 在 大陸 的 臺胞 即使 被 民進黨 卡住 無法 回台 也 沒有 什麼 人 敢於 發聲 這 不僅 讓 臺灣 的 人權 倒退 兩岸關係 也 陷入 熱 焦慮 的 局面 反 滲透法 衝擊 在 大陸 臺胞 的 信心 一 名 原本 每年 固定 參加 兩岸 相關 主題 演講 的 北京台 幹 說 今年 上半年 在 大陸 的 一 場 演講 活動 裡 臺灣 方面 的 報名 及 出席 人數 比 往年 少 了 3 分之 1 他 坦言 大家 會 擔心 活動 主辦 方 的 背景 也 不 知道 有 什麼 人 出席 反 滲透法 築 起 藩籬 而 近期 受 武漢 疫情 的 影響 許多 兩岸 原定 舉行 的 民間 交流活動 幾乎 全面 停 擺 反 滲透法 雖 暫 被 忽略 但 已 在 兩岸 間 築 起 一道 藩籬 反 滲透法 使得 願意 挺身 推動 兩岸 交流 的 善意 逐漸 在 消失 而 民進黨 在 疫情 政治 的 操作 下 更 讓 臺灣 年輕人 出現 對 大陸 的 惡感 讓 兩岸 出現 仇怨 的 情結 尤其 是 臺灣 人民 也 被 美國 反 中 氛圍 的 渲染 變成 也 越來越 歧視 大陸 例如 世界衛生組織 已將 此次 疫情 定為 國際 緊急 公衛 事件 也 將 這個 病毒 正式 定名 為 covid-19 中文 名為 新型 冠狀病毒 肺炎 簡 稱為 新冠肺炎 但是 民進黨 政府 仍然 不 反對 使用 武漢肺炎 的 稱呼 致使 有些 媒體 和 公眾人物 還是 以 帶有 歧視性 的 字眼 將 該 病毒 簡 稱為 武漢肺炎 更有甚者 許多 人 還 將 滯留 在 湖北 而 期盼 返台 者 冠上 木馬 屠城 和 生化武器 的 標籤 並且 以 各種 言語 行動 歧視 來自 湖北 武漢 大陸 的 人士 包括 陸籍 配偶 及其 子女 台商 在 大陸 工作 就學 的 台青 在 台 就讀 的 陸生 等 令人 感到遺憾 歧視 是 仇恨 的 起源 仇恨更 容易 造成 衝突 的 發生 而 衝突 多 是 因為 民族 仇恨 所 引爆 兩岸 同種 同族 沒有 民族 仇恨 的 問題 但是 民進黨 刻意 操作 臺灣 跟 大陸 是 不同 民族 使 兩岸人民 的 仇怨 在 加深 中 這 是 不好 的 警訊 特別 是 由於 民進黨 抗 中 政策 所 帶動 的 仇視 大陸 的 情緒 在 臺灣 已經 越來越 濃厚 前 副 總統 呂秀蓮 對此 就 深表 憂心 她 近日 在 臉書 直播 上 就 說 鄰居 失火 你 要 跟 他 算 什麼 帳 你 記 什麼 仇 仇中 情緒 越來越 濃 她 還 說 一不小心 兩岸關係 可能 烽火連天 若是 疫情 加上 戰爭 那 就 是 人間 最 悲慘 的 事 大家 一面 抗 疫 也 希望 政治 人物 謹言慎行 不要 挑戰 不要 刺激 鄰居 失火 我們 也 可能 遭殃 所以 她 希望 大家 用 共同 的 慈悲 共同 的 力量 謀取 兩岸 真正 的 和平 呂秀蓮 是 看 得 透 兩岸 危機 的 人 也 不 會 像 一些 綠 營 人士 希望 從 挑釁 大陸 來 獲取 政治 利益 這種 不道德 的 行為 在 臺灣 媒體 上 隨時 都 可以 看到 對此 大陸 國防部 也 出言 警告說 任何 煽動 兩岸 敵意 渲染 兩岸 對抗 的 行徑 都只會 給 臺灣同胞 帶來 災難 大陸 出動 國防部 發出 警告 顯見 大陸 必然 認為 兩岸 形勢 已經 出現 極大 的 危機 必須 做 危機 預防 的 動作 如果 民進黨 政府 看不清 這種 情勢 還是 想 以 大陸 所說 的 以 疫 謀 獨 那麼 臺灣 另 一 次 浩劫 恐怕 會 在 疫情 之後 發生 這 是 執政 者 不可 不慎 之處 作者 為 臺灣 國際 戰略 學會 理事長 教授</t>
  </si>
  <si>
    <t>新冠肺炎 新型 冠狀病毒 covid-19 美國 川普 確診</t>
  </si>
  <si>
    <t>新冠肺炎 疫情 延 燒 衛福部 新營 醫院 胸腔 內科 醫師 汪 政德 表示 人類 感染 冠狀病毒 以 呼吸道 症狀 為主 患者 大多數 能 康復 死亡 個案 多 具有 糖尿病 慢性 肝病 等 潛 在 病史 且 吸煙 者 較易 感染 新型 冠狀病毒 引發 的 新冠肺炎 汪 政德</t>
  </si>
  <si>
    <t>新冠肺炎 疫情 延 燒 衛福部 新營 醫院 胸腔 內科 醫師 汪 政德 表示 人類 感染 冠狀病毒 以 呼吸道 症狀 為主 患者 大多數 能 康復 死亡 個案 多 具有 糖尿病 慢性 肝病 等 潛 在 病史 且 吸煙 者 較易 感染 新型 冠狀病毒 引發 的 新冠肺炎 汪 政德 提醒 有 吸煙 的 民眾 應 儘快 戒煙 以 對 抗 病毒 降低 引發 重症 死亡 的 風險 汪 政德 表示 嚴重 特殊 傳染性 肺炎 為 2019 年底 時在 中國 大陸 武漢 爆發 的 一 種 肺炎 是 由 一 種 新 發現 的 冠狀病毒 所 引起 的 命名 為 2019 新型 冠狀病毒 而 人類 感染 冠狀病毒 以 呼吸道 症狀 為主 病毒 主要 透過 飛 沫 傳播 也 可 透過 接觸 傳播 罹 患 新型 冠狀病毒感染 症狀 之 臨床表現 為 發燒 四肢 無力 呼吸道 症狀 以 乾咳 為主 有些 人 可能 出現 呼吸困難 嚴重 時 可能 進展 至 嚴重 肺炎 呼吸道 窘迫 症候 群 或 多重 器官 衰竭 休克 等 依據 目前 的 流行病 學 資訊 患者 大多數 能 康復 但 也 有死亡 病例 死亡 個案 多 具有 潛 在 病史 如 糖尿病 慢性 肝病 腎 功能 不 全 心血管 疾病 等 且 吸煙 者 比較 容易 感染 新型 冠狀病毒 引發 的 新冠肺炎 汪 政德 表示 目前 這個 病毒感染 後 尚無 特定 有效 藥物 可 供 治療 預防 勝於 治療 除了 徹底 執行 防疫 4 招 咳嗽 戴 口罩 肥皂 勤洗手 少去 傳統 市場 醫院 等 人 多 場所 避免 接觸 野生動物 禽鳥 汪 政德 籲 有 吸煙 的 民眾 應 儘快 戒煙 以 對抗 新型 冠狀病毒 汪 政德 說 有 戒煙 需求者 可 至 戒煙 門診 尋求 協助 醫院 的 戒煙 服務 可 適當 給予 輔助 藥物 幫助 戒煙</t>
  </si>
  <si>
    <t>新冠肺炎 武漢肺炎 新型 冠狀病毒 臺灣 健康</t>
  </si>
  <si>
    <t>湖南省 4 日 召開 聯防 聯控 機制 新聞 發佈會 指出 湖南 本次 疫情 是 由來 張家界市 的 3 名 外省 遼寧大連 遊客 輸入 這 3 名 遊客 7 月 17 日 在 南京 祿口 機場 短暫 停留 藉 由 酒店 內 共同 早餐 旅遊 中 聚集 性 活動 等 傳播 給 張家界市 本地 導遊 和 北京市 成都市 等 地 遊客 北京市 新型 冠狀病毒 肺炎 疫情 防控 工作 也 在 4 日 召開 記者會 北京市疾控中心 副 主任 龐星火 公佈 8 月 3 日 3 名 確診 本土 病例 活動 軌跡 都有 湖南省 張家界 旅遊 足跡 湖南 聯防 聯控 機制 新聞 發佈會 指出 成都市 遊客 7 月 24 日 在 常德市 一 封閉 遊船 上 再次 傳播 給 眾多 同乘者 這些 遊客 導遊 再 通過 密切接觸 和 聚集 性 活動 引發 國內 部分 省 市 和 湖南省 部分 市 州 的 傳播 基因 測 序 結果表明 湖南省 本土 病例 感染 的 新冠 病毒 屬於 delta 變異 株 已 由 中國疾控中心 確認 與 近期 江蘇省 報送 的 本土 病例 新冠 病毒 基因組 序列 高度同源 北京市 3 日 確診 3 名 病例 也 與 大連 3 名 確診 病例 於 7 月 22 日 一同 出現 在 張家界 魅力 湘西 劇場 看 表演 足跡 北京 軌跡 確診 病例 1 7 月 22 日 與 家人 赴 湖南省 張家界 旅遊 7 月 28 日 由 湖南省 懷化市 前往 海南省 三亞市 旅遊 7 月 30 日 乘坐 南方 航空 cz 8804 航班 從 三亞機場 至 北京 大興機場 7 月 31 日 社區 將 其 作為 湖南省 張家界市 返京 人員 進行 居家 醫學觀察 核酸 檢測 結果 為 陰性 8 月 1 日 作為 確診 病例 密切接觸 者 進行 集中 隔離 醫學觀察 當日 核酸 檢測 結果 為 陰性 8 月 3 日 再次 進行 核酸 檢測 結果 為 陽性 轉至 定點醫院 綜合 流行 病史 臨床表現 實驗室 檢測 和 影像 學 檢查 等 結果 8 月 4 日 診斷 為 確診 病例 臨床 分型 為 普通型 確診 病例 2 7 月 31 日 社區 將 其 作為 湖南省 張家界市 返京 人員 進行 居家 醫學觀察 核酸 檢測 結果 為 陰性 8 月 1 日 作為 密切接觸 者 進行 集中 隔離 觀察 當日 核酸 檢測 結果 為 陰性 8 月 3 日 再次 核酸 檢測 結果 為 陽性 轉至 定點醫院 綜合 流行 病史 臨床表現 實驗室 檢測 和 影像 學 檢查 等 結果 8 月 4 日 診斷 為 確診 病例 臨床 分型 為 輕型 確診 病例 3 7 月 30 日 乘坐 南方 航空 cz 8804 航班 由 三亞機場 至 北京 大興機場 與 上述 確診 病例 乘 同一 航班 7 月 31 日 曾 前往 朝陽區 大 屯 街道 博世 祥 園 社區 東湖街道 博 泰 國際 商業廣場 和 望京 街道 萬科 時代 中心 某 餐館 8 月 1 日 按 要求 進行 居家 醫學觀察 8 月 2 日 作為 密切接觸 者 進行 集中 隔離 醫學觀察 核酸 檢測 結果 為 陰性 8 月 3 日 再次 進行 核酸 檢測 結果 為 陽性 轉至 定點醫院 綜合 流行 病史 臨床表現 實驗室 檢測 和 影像 學 檢查 等 結果 8 月 4 日 診斷 為 確診 病例 臨床 分型 為 普通型</t>
  </si>
  <si>
    <t>新冠肺炎 武漢肺炎 covid-19 新型 冠狀病毒 ncp</t>
  </si>
  <si>
    <t>新冠肺炎 武漢肺炎 新型 冠狀病毒 covid-19 何 瑞恩</t>
  </si>
  <si>
    <t>瑞基 4171 雙喜臨門 不僅 第一 季營 收 以 129億 元 交出 年 增 近 五 成 的 新高 佳績 該 公司 開發 的 檢測 新冠 病毒 試劑 也 領先 同業 取得 衛福部 專案 核准 未來 將 有助於 擴大 海外 市場 佈局 帶動 業績 持續 增 溫 今年 營運 樂觀 營運 表現 耀眼 的 瑞基 3 月 合併 營 收 5207萬 元 年 增 1131 累計 第一 季營 收 129億 元 年成 長 4983 由於 業績 逆勢 成長 加上 新冠肺炎 檢測 試劑 開發 報佳音 激勵 該 股 連 三 日 股價 大 漲 9 日 以 981 元 作 收 上漲 458 再度 逼近 百 元 大關 新冠肺炎 疫情 席捲 全球 瑞基發 的 檢測 試劑 3 月 已 出 貨 巴拿馬 印尼 阿拉伯 聯合 大公國 及 巴基斯坦 歐洲 包含 英國 義 大利 西班牙 德國 與 中南美洲 包含 哥倫比亞 烏拉圭 阿根廷 等 客戶 皆 積極 洽 詢 中 另外 衛福部 也 在 4 月 6 日 核准 瑞基 新型 冠狀病毒檢測 試劑 產品 專案 製造 是 國內 第一 家 根據 專案 該 產品 在 臺灣 僅 供 衛福部 疾 管署 認可 進行 嚴重 特殊 傳染性 肺炎 檢 體 檢驗 之 國內 醫學 檢驗 實驗室 使用 國際 方面 瑞基 3 月 9 日 送 件 國際 組織 foundation for innovative new diagnostics find 的 新型 冠狀病毒 分子 診斷 評測 計 畫 目前 等待 評核 結果 瑞 基 表示 3 月 營 收成 長 動能 主要 來自 畜產 市場 全球 非洲 豬瘟 疫情 持續 延 燒 亞洲 檢測 需求 強 大陸 子公司 復工 良好 畜產 檢測 產品 出 貨 暢 旺 泰國 與 菲律賓 代理商 皆 下單 續訂 非洲 豬瘟 產品 禽流感 市場 與 水產 市場 亦 穩定 出 貨 法人 認為 隨 著 新冠肺炎 疫情 持續 蔓延 瑞基 在 積極 擴大 產能 因應 來自 畜產 與 新冠肺炎 病毒檢測 需求 下 預估 第二 季將 可 延續 成長 力 道</t>
  </si>
  <si>
    <t>新冠肺炎 武漢肺炎 新型 冠狀病毒 covid-19 韓國</t>
  </si>
  <si>
    <t>日本 東京 有關 人士 表示 東京都 4 日新 確診 的 新型 冠狀病毒感染者 達 110 多 人 刷新 單日 確診 人數 最高 紀錄 首次 達到 3 位 數 日本 神戶 大學 傳染病 學 專家 岩田 健 太 郎 表示 日本 需要 有勇氣 改變 不然 東京 可能 變成 下 一個 紐約 自</t>
  </si>
  <si>
    <t>日本 東京 有關 人士 表示 東京都 4 日新 確診 的 新型 冠狀病毒感染者 達 110 多 人 刷新 單日 確診 人數 最高 紀錄 首次 達到 3 位 數 日本 神戶 大學 傳染病 學 專家 岩田 健 太 郎 表示 日本 需要 有勇氣 改變 不然 東京 可能 變成 下 一個 紐約 自從 宣佈 奧運會 延期 舉辦 後 日本 首都 東京 的 新冠肺炎 疫情 開始 迅速 擴散 曾以 youtube 影片 控訴 鑽石 公主 號 郵輪 的 防疫 措施 不周 的 岩田 健 太 郎 表示 照 目前 的 趨勢 發展 下去 東京 前景 黯淡 他 一再 警告 日本 在 阻止 新冠 病毒傳播 方面 做 得 不夠 美國有線電視新聞網 cnn 報導 岩田 健 太 郎 警告 當 我們 意識 到 自己 走 在 錯誤 的 道路 上 時 需要 勇於 改變 否則 可能 會 看到 東京 變成 下 一個 紐約 岩田 表示 日本 需要 做 更 多 的 篩檢 截至 4 月 3 日 東京 1350萬 人口 篩檢 數量 不 到 4000 人 根據 厚生 勞動 省 的 全 日本 125億 人口 也 只 有 39466 人 接受 了 測試 相較 於 人口 比 日本 少得多 的 鄰國 南韓 已經 有 44萬 人 做 了 篩檢 日本 厚生 勞動 省 則 表示 對 輕 症 患者 進行 篩檢 會 浪費資源 因 此 要求 輕 症 病人 先 居家 隔離 另 方面 日本 也 遲遲 未 作 出 封城 決定 首相 安倍晉三 表示 封城 這種 嚴格 的 措施 將 會 進一步 損害 因 推遲 奧運 而 受 影響 的 經濟 雖然 日本 實施 嚴格 的 旅行 限制 包括 禁止 來自 70 多 個 國家 和 地區 的 外國人 入境 等 政策 但 專家 們 還是 越來越 擔心 日本 動作 太 慢 可能 為時已晚 紐約 被 視為 美國 新冠肺炎 疫情 的 震央 據 cnn 統計 紐約 的 已 知 病例 數 每 五 天 翻 一 倍 截至 4 月 4 日 已 有 2900 多 人 死亡 日本 東京都政府 稱 過去 一 周 的 時間 內 東京 的 新冠肺炎 每天 增加 的 確診 病例 數 已經 成長 一 倍 從 3 月底 的 每天 40 例 左右 增加 到 了 4 月 4 日 的 89 例</t>
  </si>
  <si>
    <t>世界衛生組織 who 總 幹事 譚 德塞 tedros adhanom ghebreyesus 本週一 表示 上個月 親 赴 大陸 與 國家 主席 習近平 和 一些 部會首長 會談 好不容易 得 到 北京 當局 的 同意 世衛 可以 派遣 專家 團隊 到 最 前線 深入 研究 新型 冠狀病毒</t>
  </si>
  <si>
    <t>世界衛生組織 who 總 幹事 譚 德塞 tedros adhanom ghebreyesus 本週一 表示 上個月 親 赴 大陸 與 國家 主席 習近平 和 一些 部會首長 會談 好不容易 得 到 北京 當局 的 同意 世衛 可以 派遣 專家 團隊 到 最 前線 深入 研究 新型 冠狀病毒 npc 而 這 支 專家 團隊 的 成員 也 是 經過 長 達 兩 周 的 協調 北京 當局 才 同意 這 份 專家 名單 這 支 團隊 將 由 加拿大 權威 醫師 愛華德 bruce aylward 擔任 領隊 譚 德塞 在 記者會 上 顯得 信心 滿滿 表示 愛華德 醫師 的 團隊 將 會 與 大陸 當地 的 專家 合作 聯合 研究 新型 冠狀病毒 的 特性 藉 以 回答 我們 對於 新冠肺炎 的 諸多 疑問 至於 名單 上 的 其他 成員 譚 德塞 則 沒有 透露 僅 表示 人數 介於 10 到 15 人間 視 狀況 調整 同時 譚 德塞 也 表示 新冠肺炎 的 人 傳人 威力 令 人 憂心 越來越 多 的 案例 顯示 病 患 完全 沒有 大陸 旅遊 史 卻 也 會 罹 患 新冠肺炎 例如 法國 和 英國 這 兩 天 確診 的 病 患 都 是 如此 世衛 擔心 新冠 病毒 會 造成 大規模 人 傳人 感染 將 全力以赴 控制 疫情 的 擴散 愛華德 醫師 被 詢問 對於 新加坡 國際 會議 病毒 超級 傳播 者 的 看法 僅 表示 他 認為 超級 傳播 者 的 說法 是 誇大 其實 雖然 一共 有 12 名 確診 病 患 與 該 會議 有關 但 病例 分散 在 法國 新加坡 韓國 馬來西亞 英國 每 一 國 都 是 個 位數 並 不能 拿 來 跟 sars 的 超級 傳播 者 相提並論</t>
  </si>
  <si>
    <t>世衛 新冠肺炎 武漢肺炎 新型 冠狀病毒 ncp</t>
  </si>
  <si>
    <t>澳門 新型 冠狀病毒感染 應變 協調 中心 下 稱 應變 協調 中心 公佈 澳門 第 53 例 新冠肺炎 確診 病例 是 於 6 月 17 日 由 臺灣 來 澳 的 臺灣 居民 初步 檢測 結果顯示 感染 的 病毒 為 delta 變異 病毒 該種 變異 病毒 在 印度 首先 發現 澳門 應變 協調 中</t>
  </si>
  <si>
    <t>澳門 新型 冠狀病毒感染 應變 協調 中心 下 稱 應變 協調 中心 公佈 澳門 第 53 例 新冠肺炎 確診 病例 是 於 6 月 17 日 由 臺灣 來 澳 的 臺灣 居民 初步 檢測 結果顯示 感染 的 病毒 為 delta 變異 病毒 該種 變異 病毒 在 印度 首先 發現 澳門 應變 協調 中心 表示 該病 患 於 2020 年 10 月 至 2021 年 1 月 在 越南 工作 據 資料 顯示 越南 亦 已 存在 delta 變異 病毒 由於 病人 的 核酸 檢測 結果 病毒 量 低 血清 igg 呈 弱 陽性 igm 呈 陰性 符合 複 陽 的 表現 故 初步判斷 該 病例 在 越南 感染 機會 較 大 應變 協調 中心 表示 delta 變異 病毒 具有 潛伏期 短 傳播 快 的 特點 而 近期 在 廣州 佛山 出現 的 病毒 亦 為 該種 變異 病毒 再 呼籲 仍未 接種 的 市民 應 儘快 接種 疫苗</t>
  </si>
  <si>
    <t>蘋果 17 日 美 股 盤 後 發佈 營 收 預警 稱 新型 冠狀病毒 肺炎 疫情 將 影響 iphone 生產 導致 供貨 不足 且 抑制 大陸 對 蘋果 產品 的 需求 本 季 1 到 3 月 營 收 財 測 目標 可能 無法 達標 這 也 是 美國 首家 將 受 新冠肺炎 影響 而 公告 獲利 預警 的 重</t>
  </si>
  <si>
    <t>蘋果 17 日 美 股 盤 後 發佈 營 收 預警 稱 新型 冠狀病毒 肺炎 疫情 將 影響 iphone 生產 導致 供貨 不足 且 抑制 大陸 對 蘋果 產品 的 需求 本 季 1 到 3 月 營 收 財 測 目標 可能 無法 達標 這 也 是 美國 首家 將 受 新冠肺炎 影響 而 公告 獲利 預警 的 重量級 大型 企業 受 此 利 空 摜 壓 全球股市 週二 倒 成一片 亞 股 幾乎 全面 大跌 日 股 收盤 重 挫 14 韓 股 挫 低 15 港股 下滑 154 新加坡 股市 跌勢 較 微 緩和 收 跌 051 而 上證 收盤 則 微漲 005 歐洲 股市 也 是 慘 綠 英 股 盤中 下跌 09 德 股 下挫 07 法 股 下滑 04 泛歐 stoxx 600 指數 下跌 05 18 日 美 股 早 盤 三大 指數 開 黑 蘋果 股價 下滑 24 報 3171 美元 台積電 adr 挫 跌 321 報 5636 美元 蘋果 於 1 月底 公佈 業績 時 預估 本 季 營 收 將 介於 630億 至 670億 美元 之間 該 公司 17 日 並未 更新 財 測 數字 僅 說 原財 測 營 收 目標 恐難 達成 且 大陸 的 情勢 不斷 變化 將 在 4 月 發佈 業績 時 公佈 更 多 消息 蘋果 指出 代工廠 回復 生產 的 速度 比 預期 更慢 iphone 可能 出現 供貨 吃緊 暫時 影響 全球 銷售 此外 大陸 的 蘋果 商店 和 合作夥伴 的 門市 關閉 也 將 對 產品銷售 帶來 衝擊 許多 商店 縮短 營業時間 而且 客流量 非常低 不過 蘋果 亦 表示 公司 將 逐步 重 啟 門市 儘快 回復 營業 而 大陸 以外 市場 對 蘋果 產品 和 服務 的 需求 依然 旺盛 並且 符合 預期 蘋果 發佈 獲利 預警 凸顯 新冠肺炎 疫情 對 全球 企業 和 市場 引起 連鎖反應 衝擊 手機 銷售 和 大宗 商品 價格 並 造成 各 產業 生產 延誤 此外 蘋果 示 警營 收 無法 達標 意味著 大陸 是 蘋果 昔日 的 優勢 如今 也 成為 最 大 的 挑戰 之一 蘋果 一方面 倚重 大陸 充足 低 成本 的 勞工 一方面 受惠 於 大陸 消費者 購買 蘋果 產品 新冠肺炎 重創 大陸 蘋果 對 大陸 的 雙重 依賴 也 讓 公司 面臨 考驗</t>
  </si>
  <si>
    <t>新型 冠狀病毒 被 懷疑 源自 蝙蝠 國立 臺灣師範大學 生命科學 學院 教授 吳忠信 近日 發表 的 跨國 研究 也 顯示 與 新型 冠狀病毒 相似 度 高達 96 的 蝙蝠 冠 狀 病毒 引發 動物 感染 腦 心肌炎 病毒 後 的 臨床 症狀 跟 新冠 病毒 引發 人類 的 症狀 有</t>
  </si>
  <si>
    <t>新型 冠狀病毒 被 懷疑 源自 蝙蝠 國立 臺灣師範大學 生命科學 學院 教授 吳忠信 近日 發表 的 跨國 研究 也 顯示 與 新型 冠狀病毒 相似 度 高達 96 的 蝙蝠 冠 狀 病毒 引發 動物 感染 腦 心肌炎 病毒 後 的 臨床 症狀 跟 新冠 病毒 引發 人類 的 症狀 有 很多 相似之處 由於 蝙蝠 可以 跨 物種 將 病毒感染 給 人類 及 其他 動物 他 呼籲 民眾 應 注意 蝙蝠 引發 的 人 畜 共通 傳染 疾病 與 農牧業 損害 吳忠信 去年 與 日本 名古屋 大學教授 本 道 榮 一共 同在 病毒學 國際 期刊 發表 論文 指出 在 臺灣 北部 蝙蝠洞 內 採樣 的 東亞 折 翅 蝠 糞便 含有 腦 心肌炎 病毒 腸道 病毒 f 株 兔 病毒 西班牙 綿羊 腦炎 病毒 等 多種 病毒 核酸 其 中腦 心肌炎 病毒 主要 宿主 是 老鼠 且 老鼠 感染 後 沒有 明顯 病徵 但 老鼠 或 蝙蝠 糞便 若 污染 豬只 飼料 可能 造成 豬只 繁殖 障礙 或 腦 心肌炎 研究 指出 新冠 病毒 引發 人類 腦 與 心臟 發炎 的 症狀 與 動物 感染 腦 心肌炎 病毒 的 臨床 症狀 類似 研究 也 發現 許多 仔豬 在 生長 過程 中 會 因為 罹 患 肺炎 而 導致 肺部 積水 浸潤 終 致 引發 敗 血 休克 死亡 其 症狀 與 死亡 情形 與 新冠 病毒 肺炎 有 許多 相似之處 研究 指出 蝙蝠 遍佈 各 大洲 僅 南極洲 沒有 可以 跨 物種 傳播 病毒 與 傳染病 給 人類 及 其他 脊 椎 動物 因 此 很 容易 引發 人 畜 共通 傳染病 奇怪的是 身上 感染 了 許多 病毒 的 蝙蝠 卻 能 無 症狀 與 病毒 和平共存 有 研究 推論 蝙蝠 在 演化過程 中 可能 發展 出超 強 的 dna 修復 能力 還 能 抑制 病毒 複製 蝙蝠 體內 的 rna 病毒 有 很 高 的 重組 率 因此 容易 造成 人 畜 共通 疾病 雖然 從 蝙蝠 體內 可以 分離 或 檢測 到 近 千 種 病毒 其中 除 狂犬病 病毒 伊 波拉 病毒 sars 冠 狀 病毒 mers 冠 狀 病毒 及 最新 爆發 的 新 冠狀病毒 被 認為 可能 源自 蝙蝠 並 引起 人類 和 其他 脊 椎 動物 疾病 外 其他 大多數 蝙蝠 身上 的 病毒 目前 證據 並未 顯示 會 引起 人類 和 其他 脊 椎 動物 疾病 不過 吳忠信 也 強調 大規模 撲 殺 蝙蝠 並非 智舉 蝙蝠 是 陸地 生態系 的 重要一環 可 幫助 人類 控制 昆蟲 數目 讓 人類 減少 使用 化學 殺蟲劑 還 可 幫助 植物 授粉 蝙蝠 的 唾液 或 血液 也 可 提取 抗凝 血 藥物 或 特殊 疾病 抗體</t>
  </si>
  <si>
    <t>新冠肺炎 疫情 延 燒 全球 醫學界 加速 尋找 解決之道 也 針對 中草藥 在 新冠肺炎 的 治療 上 進行 研究 福建 中醫藥 研究院 在 本月 中旬 發表 的 中西醫 結合 治療 新型 冠狀病毒 肺炎 經驗總結 研究 報告 中 首度 將 臺灣 特有 的 牛 樟芝 列為 實</t>
  </si>
  <si>
    <t>新冠肺炎 疫情 延 燒 全球 醫學界 加速 尋找 解決之道 也 針對 中草藥 在 新冠肺炎 的 治療 上 進行 研究 福建 中醫藥 研究院 在 本月 中旬 發表 的 中西醫 結合 治療 新型 冠狀病毒 肺炎 經驗總結 研究 報告 中 首度 將 臺灣 特有 的 牛 樟芝 列為 實驗 材料 之一 並以 中西醫 合併 治療 的 方式 進行 在 該案 所 收治 的 11 位 新冠肺炎 患者 均 順利 康復 出 院 該 研究 報告 指出 現代 藥理 研究 認為 牛 樟芝 具有 益 胃 整 腸 強化 免疫 抗過敏 抗癌 保護 肝功能 作用 醫院 有 五 例 新冠肺炎 患者 因 使用 多種 抗 病毒 藥物 出現 肝 損害 配合 牛 樟芝 在 複方 中 使用 可以 產生 預防 肝 損害 調節 免疫 機能 的 作用 康力生 技 副總經理 孫 中曾 博士 提醒 消費者 此 份 研究 報告 並非 單一 使用 牛 樟芝 做為 治療 材料 且 僅 11 人 的 案例 尚不 足以 證明 其 效果 民眾 若 有 疑 似 症狀 應立即 就醫 切 勿 聽信 坊 間 謠言 或 偏方 勤洗手 戴 口罩隨時 做好 防疫 措施 避免 出入 擁擠 或 密閉 的 公共場所 降低 被 感染 的 風險 長期 與 福建省 中醫藥 研究院 進行 牛 樟芝 產 學 合作 的 康力生 技 研發 長 前 國家 中醫藥 研究所 長 陳介甫 博士 指出 已 有 多 篇 論文 證實 牛 樟芝 對於 肝功能 的 活化 及 抗 病毒 均 有 良好 的 效果 未來 有望 成為 研究 抗 新型 冠狀病毒 極具 潛力 的 材料 孫 中曾 指出 康力生 技 成立 以來 專注 于牛 樟芝 產品 的 研究 開發 也 獲得 經濟部 核定 為生 技 新藥 廠商 康力生 技 所 使用 的 皿 培 式 牛 樟芝 取得 臺灣 中國 美國 日本 四 地 專利 的 牛 樟芝 萃 取 方法 具有 品質 均一 成本 合理 產量 穩定 的 優點 能 將 牛 樟芝 的 有效 成份 提高 二 至 六 倍 是 做為 牛 樟芝 植物 新藥 研發 極具 潛力 的 材料 與 技術 康力生 技 現 與 福建 中藥 藥 研究院 進行 合作 也 分別 與 工研院 中國中醫科學院 進行 牛 樟芝 植物 的 合作開發 在 初期 階段 均 取得 令人滿意 的 成果</t>
  </si>
  <si>
    <t>新冠肺炎 covid-19 疫情 擴大 瑞基 海洋 4171 由 美國 國家 生物 資訊 中心 及 全球 共用 禽流感 資料 倡議 組織 基因庫 取得 新型 冠狀病毒 的 基因 序列 並 積極 著 手 進行 適用於 pockit 技術 平臺 相關 檢測 試劑 的 研發 因應 非洲 豬瘟 與 禽流感</t>
  </si>
  <si>
    <t>新冠肺炎 covid-19 疫情 擴大 瑞基 海洋 4171 由 美國 國家 生物 資訊 中心 及 全球 共用 禽流感 資料 倡議 組織 基因庫 取得 新型 冠狀病毒 的 基因 序列 並 積極 著 手 進行 適用於 pockit 技術 平臺 相關 檢測 試劑 的 研發 因應 非洲 豬瘟 與 禽流感 疫情 持續 延 燒 亞洲各國 積極 動物 防疫 帶動 畜產 檢測 試劑 銷售 瑞基 海洋 1 月 合併 營 收 再創新高 2020 年 瑞基除 鞏固 水產 疾病 檢測 市場 領導 地位 外 將 持續 深耕 畜產 市場 以 亞洲地區 為 起點 全面 拓展 非洲 豬瘟 檢測 市場 同時 強化 佈 局 pcr 在 雞 禽 市場 應用 伴侶 動物 方面 將 持續 朝 新增 代理 通路 前進 瑞 基 說 大陸 豬瘟 檢測 相關 訂單 持續 成長 菲律賓 與 柬埔寨 亦 下單 訂購 非洲 豬瘟 產品 國際 糧農組織 fao 泰國 分部 持續訂購 禽流感 試劑 沙國 代理商 亦 續 下單 禽流感 試劑</t>
  </si>
  <si>
    <t>新冠肺炎 爆發 以來 政府 一連串 的 防疫 措施 備受 爭議 從 針對 陸生 與 大陸 旅客 採取 關門 措施 到 武漢 包機 問題 等 仇陸 氣氛 到達 了 高峰 為了 減緩 仇恨 臺灣 各界 學者 發起 救 無 別 類 應物 無 傷 連 署 呼籲 社會 對抗 歧視 不該 放縱 歧視 的 言論 與 政策 讓 臺灣 恢復 良善 有禮 的 風氣 為 讓 臺灣 恢復 平靜 多 位 學者 合力 發起 連署 呼籲 政府 勿 以 防疫 包裝 歧視 正視 臺灣 對 兩岸 四 地 的 責任 發起人 與 連署 人 包括 中研院 歐美 所 副 研究員 王智明 政治 大學 法學院 副教授 廖元豪 淡江大學 中文 系 副教授 黃文倩 作家 楊渡 等 有 戶籍 者 回台 是 權利 連 署 發起人 之一 廖元豪 表示 在 大陸 工作 的 臺灣人 也 是 在 為 自己 的 家園 打 拼 是 我們 的 同胞 而且 依照 臺灣 憲法 跟 大法官 的 解釋 只要 是 在 臺灣 有 戶籍 的 人 回 臺灣 是 不 需要 許可 的 這 是 一個 絕對 的 權利 既然 不 需要 許可 又 憑 什麼 去 限制 他們 雖然 兩岸 存在 一些 問題 但 政府 還 是 應該 想 辦法 盡可能 的 讓 滯留 湖北 的 台人 回來 他 續 指 大部分 的 陸配 將來 都會 拿 臺灣 的 身分 證 他們 的 孩子 也 有 可能 在 臺灣 繼續 工作 他們 原是 促進 兩岸 和平 民間 交流 最好 的 資產 結果 臺灣政府 讓 這 一 批 人 心裡 懷著 怨恨 覺得 不 被 尊重 受到 歧視 是 非常 不好 的 有關 臺灣當局 至今 仍 直 呼新冠 病毒 為 武漢肺炎 廖元豪 表示 世界 各國 普遍 都 使用 正式 名稱 新型 冠狀病毒 武漢肺炎 是 最 早期 的 粗淺 直覺 的 稱呼 有關 人士 想 汙名 化 大陸 對 臺灣 完全 沒有 説明 不必要 製造 這種 敵對 兩岸 現在 關係 不好 現在 更 應該 是 把握 契機 展現 相互合作 的 態度 才能 化解 掉 緊張 的 關係 滯 鄂台人 應 盡力 接回 廖元 豪強 調 接受 包機 是 最好 的 方式 政府 現在 要面子 擺架子 害 滯留 湖北 台人 無法 回來 如果 政府 沒 辦法 派 檢疫 人員 過去 那 就 在 包機 抵 台時 加強 檢疫 工作 不 應該 用 技術 問題 卡住 真正 需要 救援 的 人 飛機 從 大陸 出發 當然 須 尊重 大陸 主權 跟 權力 政府 應該 要 盡 最 大 的 努力 將 滯留 湖北 台人 接回</t>
  </si>
  <si>
    <t>新冠肺炎 新型 冠狀病毒 ncp 臺灣 大陸</t>
  </si>
  <si>
    <t>電影 放映 新冠肺炎 新型 冠狀病毒 武漢肺炎</t>
  </si>
  <si>
    <t>新冠肺炎 武漢肺炎 新型 冠狀病毒 covid-19 口罩</t>
  </si>
  <si>
    <t>據 路透社 統計 美國 新冠肺炎 covid-19 感染 人數 超過 250萬 人 超過 125萬 人 喪命 已是 全球 疫情 最 嚴重 的 國家 然而 美國 疾 管 中心 centers for disease control and prevention cdc 認為 實際 感染 人數 可能 是 已 知 確診 患者 的 10 倍 也 就 是 至少 2640萬 人 以上 約略是 美國 總人口 數 的 8 科學 警報 science alert 引述 法新社 的 報導 cdc 的 估計 是 基於 抗體 測試 調查 得出 的 數字 據 估計 美國 人口 為 3298億 實際 曾 被 感染 的 人數 在 165萬 2640萬 人 之間 美國 目前 已經 不少 州 正 在 開放 經濟 活動 與 交通 往來 然而 美國 近期 又 出 一 波 新冠 疫情 的 上升 根據 約翰·霍普金斯大學 johns hopkins university 的 統計 美國 新 的 冠狀病毒感染 數量 又 以 每天 幾 萬 人 的 數字 上升 上 週三 記錄 了 35900 例 顯然 疫情 沒有 像 過去 sars mars 那樣 自行 消失 德州 看到 重新 複 燃 的 疫情 決定 暫緩 中止 了 重新 開放 經濟 的 步驟 美國 疾 管 中心 主任 羅伯特 雷德菲德 robert redfield 說 美國 的 感染 率 各地 都 不 一致 這 和 各州 人口密度 不同 有關 從 血清 調查 來看 感染 人數 好像 占 了 美國 公眾 的 5 至 8 這些 人 有些 有 抗體 但 有些 人 仍 會 帶 原 疾 管 中心 還 有 一 份 新 報告 發現 遭 感染 的 孕婦 是 高風險 病 患 進入 重症 監護 和 配戴 呼吸器 的 比例 更 高 幸好 未 發現 孕婦 死亡 風險 較 高</t>
  </si>
  <si>
    <t>大陸 今 12 日 通報 新增 46 例 新冠 確診 病例 其中 本土 病例 20 例 均 在 福建 其中 莆田市 19 例 泉州市 1 例 莆田市 隨即 宣佈 明 13 日 起 全市 中小學 幼稚園 暫停 面授 課程 改為 線 上 教學 據 瞭解 根據 9 月 12 日 莆田市 應對 新型 冠狀病毒感染 肺炎 疫情 工作 指揮部 通告 指出 莆田 全市 中小學 有 住宿 條件 和 全 封閉 管理 條件 的 高三 年級 除外 幼稚園 各類 教育 培訓 機構 從 2021 年 9 月 13 日 起 暫停 面授 課程 通告 要求 在 暫停 面授 課程 期間 全市 幼稚園 小學 一二 年級 展開 居家 生活 指導 各地 各 校 線上 上 教學 期間 要 加強 對 學生 學習 生活 的 指導 要求 居家 不 外出 不 聚會 不 舉辦 和 參加 聚集 性 活動 此外 也 要求 各地 各 校 要 搭建 網路 課堂 實現 教師 和 學生 線下 課程 到 線 上 課程 的 有序 銜接 為 學生 做到 停課 不 停學 學習 不掉 線 認真 做好 線 上 教學 實施 與 管理</t>
  </si>
  <si>
    <t>新冠肺炎 新型 冠狀病毒 武漢肺炎 covid-19 臺灣</t>
  </si>
  <si>
    <t>據 陸媒 北京晚報 今日 報導 在 北京市 新型 冠狀病毒 肺炎 疫情 防控 工作 在 今日 下午 的 第 142 場 新聞 發佈會 上 北京大學第一醫院 副 院長 王平 表示 目前 醫院 發燒 門診 的 隔離病房 由 3 間 增加 到 10 間 另外 醫院 檢測 單位 縮短 了 核酸</t>
  </si>
  <si>
    <t>據 陸媒 北京晚報 今日 報導 在 北京市 新型 冠狀病毒 肺炎 疫情 防控 工作 在 今日 下午 的 第 142 場 新聞 發佈會 上 北京大學第一醫院 副 院長 王平 表示 目前 醫院 發燒 門診 的 隔離病房 由 3 間 增加 到 10 間 另外 醫院 檢測 單位 縮短 了 核酸 檢測 所 耗費 的 時間 從 原來 6 個 小時 檢測 過程 縮短 到 現在 上機 後 僅 需 45 分鐘 便 能 得到 檢測 結果 另外 在 整體 疫情 方面 復旦大學附屬華山醫院 感染 科 主任 張文宏 在 一 場 病毒 專題講座 中 表示 現在 對 新冠肺炎 後遺症 進行 整體 評估 時間 還 早 了 一點 這 只 是 大家 感 興趣 的 一個 話題 還 不是 個 問題 張文宏 解釋 稱 醫學 上 指涉 的 明顯 後遺症 是 有些 功能 突然 消失 比如 呼吸 功能 大幅度降低 心臟 出現 心律 失常 腎 功能 出現 明顯 的 蛋白尿 等 即使 是 一個 健康 的 人 因 病 在 床上 躺 兩 個 月 也 會 出現 體能 下降 的 狀況 因 此 現在 討論 新冠肺炎 後遺症 仍然 太早 另外 目前 也 還 沒有 發現 新冠肺炎 所 帶來 明顯 的 後遺症 對比 北京 與 目前 美國 反彈 的 疫情 昌文宏 說 北京 這次 對於 重點 區域 實施 全民 檢測 非 重點 區域 自願 檢測 取得 了 不錯 的 成效 美國 的 檢測 量 雖然 也 很 大 但 關鍵在於 沒有 做到 人流 充分 隔離 因此 對於 控制 傳染 還 不夠 檢測 量 增大 必須 建立 在 有效 隔離 和 追蹤 的 前提 才對 傳染病 控制 產生 效果</t>
  </si>
  <si>
    <t>北京市 新型 冠狀病毒 肺炎 核酸 檢測</t>
  </si>
  <si>
    <t>新冠肺炎 武漢肺炎 新型 冠狀病毒 臺灣 清明連 假</t>
  </si>
  <si>
    <t>免疫力 吳其 穎 sars 新冠肺炎 新型 冠狀病毒</t>
  </si>
  <si>
    <t>新冠肺炎 武漢肺炎 新型 冠狀病毒 臺灣 接觸 者</t>
  </si>
  <si>
    <t>據 貴州省 衛健 委 網站 13 日 消息 13 日 0 時至 12 時 貴州 全省 新型 冠狀病毒 肺炎 無 新 增 確診 病例 截至 13 日 12 時 貴州 全省 累計 報告 新型 冠狀病毒 肺炎 病例 146 例 其中 51 例 有 武漢 旅居 史 14 例 有 武漢 外 湖北 其他 地區 旅居 史 15 例</t>
  </si>
  <si>
    <t>據 貴州省 衛健 委 網站 13 日 消息 13 日 0 時至 12 時 貴州 全省 新型 冠狀病毒 肺炎 無 新 增 確診 病例 截至 13 日 12 時 貴州 全省 累計 報告 新型 冠狀病毒 肺炎 病例 146 例 其中 51 例 有 武漢 旅居 史 14 例 有 武漢 外 湖北 其他 地區 旅居 史 15 例 有 湖北 以外 地區 旅居 史 治癒 出 院 140 例 在 院 治療 4 例 普通型 4 例 死亡 2 例 男性 74 例 女性 72 例 年齡 最 大 87 歲 最小 1 個 月 確診 時間 貴陽市 36 例 治癒 33 例 死亡 1 例 遵義市 32 例 治癒 31 例 六盤水市 10 例 治癒 8 例 死亡 1 例 安順市 4 例 治癒 4 例 畢節市 23 例 治癒 23 例 銅仁市 10 例 治癒 10 例 黔東南州 10 例 治癒 10 例 黔南州 17 例 治癒 17 例 黔西南州 4 例 治癒 4 例 現 無疑 似 病例 累計 追蹤 密切接觸 者 2574 人 已 解除 醫學觀察 2489 人 尚在 接受 醫學觀察 13 人</t>
  </si>
  <si>
    <t>新冠肺炎 武漢肺炎 新型 冠狀病毒 臺灣 金門</t>
  </si>
  <si>
    <t>據 廣州市 荔灣區 新聞 資訊 中心 官方 微博 消息 廣州市 荔灣區 新型 冠狀病毒 肺炎 疫情 防控 指揮部 昨天 23 日 晚 發 佈 通報 稱 結合 病例 臨床表現 流行病 學 調查 實驗室 檢測 和 基因 測 序 結果 經 專家組 綜合 評估 初步判斷 荔灣區 錦 龍社</t>
  </si>
  <si>
    <t>據 廣州市 荔灣區 新聞 資訊 中心 官方 微博 消息 廣州市 荔灣區 新型 冠狀病毒 肺炎 疫情 防控 指揮部 昨天 23 日 晚 發 佈 通報 稱 結合 病例 臨床表現 流行病 學 調查 實驗室 檢測 和 基因 測 序 結果 經 專家組 綜合 評估 初步判斷 荔灣區 錦 龍 社區 郭某為 境外 輸入 關聯 確診 新冠肺炎 病例 其 病毒 屬 於在 印度 出現 的 新冠 病毒 變異 株 不 排除 是 意外 暴露 造成 偶發 感染 昨天 23 日 下午 廣州市 新增 1 例 無 症狀 感染者 是 之前 確診 病例 郭某 的 丈夫 陸某 已於 21 日 作為 密接 人員 集中 隔離 判定 為 密切接觸 者 之後 第 三 次 核酸 檢測 結果 呈 陽性 目前 已 轉至 廣州市 第 八 人民醫院 隔離 觀察 經 流行病 學 調查 陸某 活動 軌跡 與 郭某 基本一致 截至 23 日 18 時 疫情 涉及 重點 區域 重點 人群 累計 採樣 12萬8072 份 已 完成 11萬5573 份 核酸 檢測 結果 均 為 陰性</t>
  </si>
  <si>
    <t>新冠肺炎 武漢肺炎 新型 冠狀病毒 covid-19 國民黨</t>
  </si>
  <si>
    <t>新冠肺炎 武漢肺炎 新型 冠狀病毒 covid-19 歐洲</t>
  </si>
  <si>
    <t>近日 有 報導 引述 研究 論文 指 在 蝙蝠 糞便 驗 出 1 種 腦 心肌炎 病毒 雲 林縣 水 林鄉 黃金 蝙蝠 生態館 與 臺灣 蝙蝠 學會 23 日 強調 哺乳類 與 鳥類 都 可能 攜帶 腦 心肌炎 病毒 且 不會 人 畜 傳染 目前 沒有 任何 科學 證明 是 蝙蝠 導致 新冠肺炎 的 發生 請 大家 不要 因 此 恐懼 蝙蝠 甚至 傷害 蝙蝠 還 蝙蝠 1 個 公道 各界 尚在 研究 新冠肺炎 的 來源 之際 日前 有 報導 引述 台師大 生命科學 系 教授 吳忠信 的 研究成果 影射 臺灣 蝙蝠 有 眾多 致命 病毒 的 消息 再度 引發 大眾 對 蝙蝠 的 疑慮 為此 臺灣 蝙蝠 學會 黃金 蝙蝠 生態館 與 吳忠信 教授 確認 相關 內容 後 發表 共同聲明 厘 清 大眾 的 疑慮 黃金 蝙蝠 生態館 負責人 張恒嘉 表示 吳忠信 教授 所 參與 的 跨國 研究 論文 指出 在 東亞 折 翅 蝠 洞穴 中的 蝙蝠 糞便 僅 驗 出 1 種 腦 心肌炎 病毒 腦 心肌炎 病毒 主要 會 引起 家 豬 的 腦 心肌炎 和 生殖系統 疾病 並 不是 人 畜 共通 的 傳染 疾病 截至 目前 並 無 足夠 的 科學 證據 顯示 伊 波拉 病毒感染 中東 呼吸 症候 群 mers 嚴重 急性 呼吸道 症候 群 sars 嚴重 特殊 傳染性 肺炎 新冠肺炎 與 蝙蝠 直接 有關 雖然 過去 曾 在 多種 蝙蝠 身上 找 到 與 sars 病毒 類似 的 冠狀病毒 但 都非 真正 的 sars 病毒 吳忠信 教授 強調 目前 並未 在 臺灣 蝙蝠 身上 或 糞便 中 找到 人 畜 共通 的 冠狀病毒 他 提供 的 資訊 是 呼籲 大家 不要 因為 蝙蝠 可能 帶有 病毒 而 去 騷擾 它們 破壞 它們 的 棲所 不論是 防疫 或 保育 必須 以 正確 的 資訊 為 基礎 大家 應該 還 蝙蝠 1 個 公道 還 蝙蝠 1 個 公道 腦 心肌炎 病毒 黃金 蝙蝠 生態館 臺灣 蝙蝠 學會</t>
  </si>
  <si>
    <t>新型 冠狀病毒 新冠肺炎 ncp 大陸 黃曉明</t>
  </si>
  <si>
    <t>中央 疫情 指揮中心 指揮官 陳時中 於今 23 日 表示 捷 運 或 高鐵 密閉空間 能夠 的話 就要 戴 口罩 柚子 醫師 陳木榮 曾 於 2 月 7 日政府 宣 導 短片 說 大家 每天 生活 都 有 可能 會 坐 計程車 搭 公車 搭 捷 運 這些 大眾 運輸工具 而且 最近 快 送 食物 到家 很 流行 現在 有 新型 冠狀病毒 的 疫情 那 我們 在 做 這些 事 時 到底 需 不 要 需要 戴 口罩 呢 答案 是 不 需要 的 因為 臺灣 目前 沒有 社區 感染 的 情形 一般 健康 民眾 是 可以 不 用 戴 口罩 的 根據 自由 時報 報導 行政院 發言人 谷辣斯 尤 達卡 kolas yotaka 2 月 7 日 也 呼應 說 你 可能 不 相信 坐 捷 運 高鐵 火車 公車 其實 都 不 用 戴 口罩 除非 你 生病 了 否則 真 的 不 用 戴 這 是 大家 都 不敢 接受 的 真相 也 不敢 身體力行 中央 疫情 指揮中心 指揮官 陳時中 於今 23 日 表示 請 大家 要 遵守 社交 安全 距離 有 病 或是 壅 擠 的 地方 不得已 可能 要 戴 口罩 譬如 我們 的 捷 運 啦 或 高鐵啦 這樣 一個 密閉空間 能夠 的話 就要 戴 口罩</t>
  </si>
  <si>
    <t>苗栗 咖啡 居家 檢疫 新冠肺炎 新型 冠狀病毒</t>
  </si>
  <si>
    <t>新冠肺炎 武漢肺炎 新型 冠狀病毒 臺灣 公升</t>
  </si>
  <si>
    <t>新冠肺炎 新型 冠狀病毒 臺灣 臺灣 健康 空氣 行動 聯 中火</t>
  </si>
  <si>
    <t>德國 鐵 娘子 有 驚人 之 語 她 表示 相信 最終 有 60 到 70 的 德國 人口 會 染上 新型 冠狀病毒 梅克爾 在 柏林 召開 的 新冠 病毒 研討會 上 指出 現在 全歐 無 國家 倖免 於 新冠 病毒 侵襲 最 重要 的 是 不 要 讓 醫療 體系 不勝負荷 德國國會 在 週四 召</t>
  </si>
  <si>
    <t>德國 鐵 娘子 有 驚人 之 語 她 表示 相信 最終 有 60 到 70 的 德國 人口 會 染上 新型 冠狀病毒 梅克爾 在 柏林 召開 的 新冠 病毒 研討會 上 指出 現在 全歐 無 國家 倖免 於 新冠 病毒 侵襲 最 重要 的 是 不 要 讓 醫療 體系 不勝負荷 德國國會 在 週四 召開 特別 會議 將 商討 如何 應對 新冠肺炎 帶來 的 危機 說話 向來 謹慎 的 梅克爾 同時 指出 我們 現在 陷入 許多 未知 的 局面 我們 未知 就 必須 嚴肅 看待 她 強調 這 是 保護 弱勢群體 的 大事</t>
  </si>
  <si>
    <t>新冠肺炎 武漢肺炎 新型 冠狀病毒 ncp 奎寧</t>
  </si>
  <si>
    <t>新冠肺炎 武漢肺炎 臺灣 covid-19 新型 冠狀病毒</t>
  </si>
  <si>
    <t>新冠肺炎 武漢肺炎 新型 冠狀病毒 臺灣 消防</t>
  </si>
  <si>
    <t>新冠肺炎 臺灣 新型 冠狀病毒 ncp 臺灣</t>
  </si>
  <si>
    <t>新冠肺炎 武漢肺炎 新型 冠狀病毒 全球 臺灣</t>
  </si>
  <si>
    <t>新冠肺炎 covid-19 新型 冠狀病毒 武漢肺炎 侯友宜</t>
  </si>
  <si>
    <t>新冠肺炎 疫情 肆虐 提升 免疫力 是 保護 自己 與 家人 的 第一 道 防線 腸道 是 人體 最 大 的 免疫 器官 也 是 影響 荷爾蒙 的 關鍵 透過 飲食 來 改善 腸道 過 勞 腸 漏 的 症狀 讓 身體 機能 回復 正常 運作 就 能 有效 瘦 身 更 能 變 得 身強體壯 強化 身體 免疫力 精選 6 種 提高 免疫力 的 食 材 1 大蒜 大蒜 中 富含 菊 糖 inulin 又 稱為 菊苣 纖維 是 膳食 纖維 的 一 種 大蒜 可 形成 改善 腸道 環境 的 比 菲德 氏 菌 益生 菌 的 一 種 防止 導致 疾病 的 壞 菌 增生 此外 也 含有 能 説明 免疫系統 和 細菌 對抗 的 化合物 蒜 氨 alliin 當 我們 搗碎 或 咀嚼 大蒜 時 蒜 氨 酸 會 產生 蒜 素 allicin 這 是 大蒜 最 主要 的 成分 而 大蒜 特有 香味 的 成分 就 是 來自 蒜 素 裡 的 誘 烯 醚 蒜 素 的 代謝 產物 可 提高 體內 的 免疫 功能 刺激 巨 噬 細胞 淋巴球 自然 殺手 細胞 樹突狀 細胞 嗜 酸性 球 等 使 其 活性 化 研究 指出 服用 含有 大蒜 萃 取 物 成分 的 保健食品 可以 刺激 淋巴球 增高 減輕 感冒 和 流感 的 症狀 並 縮短 痊癒 的 時間 有 資料 顯示 秋天 時 若 能 服用 含有 大蒜 萃 取 物 的 保健食品 十二 個 星期 冬天 時 感冒 的 機 率 可以 降 至 六三 2 生薑 薑 可以 幫助 消化 緩解 噁 心想 吐 的 感覺 還 能 改善 流感 和 感冒 的 症狀 不論 在 傳統 醫療 或 替代 醫療 上 都有 長久 的 歷史 薑 獨特 的 香氣 和 味道 來自 成分 中的 薑醇 gingerol 這 是 薑 主要 的 生物 活性 化合物 擁有 強大 的 抗 發炎 和 抗 氧化 作用 因而 有 改善 關節 痛 和 生理 痛 的 效果 也 能 改善 腦 部 發炎 狀況 預防 失 智 症 而且 薑還 具有 促進 腸胃 蠕動 的 作用 可 盡 速 排 出 囤積 在 胃 裡 的 食物 又 因為 擁有 抗 菌 活性 和 抗真菌 活性 可以 抑制 多種 細菌 和 真菌 的 增生 例如 能 有效 對抗 口腔 內 的 壞 菌 除了 能夠 預防 牙周病 還 能 強化 抵抗力 來 對付 引發 感冒 的 呼吸道 融合 病毒 感冒 時 可以 把 薑 片 放 入 水中 煮 十五 分鐘 再 加入 新鮮 檸檬 和 蜂蜜 作成 薑茶來 飲用 便 能 有效 緩解 症狀 3 菇類 菇類 有 許多 不同 的 種類 除了 常見 的 香菇 金針 菇 和 舞 菇 外 還有 靈芝 白樺 茸 猴頭菇 和 冬蟲夏草 等 藥用 的 菇類 菇類 擁有 豐富 的 膳食 纖維 對 腸道 有益 也 是 提高 免疫力 不可或缺 的 物質 葡 聚 糖 是 菇類 水溶性 纖維 的 一 種 根據 多年 的 研究 報告 指出 葡 聚 糖 是 最佳 的 免疫 調節劑 在 體內 活化 免疫 機能 的 物質 但是 有關 治療 癌症 效果 的 研究 目前 仍 在 進行 中 在 日本 使用 香菇 萃 取 物 的 抗癌 藥物 則 已經 行之有年 至於 在 市面上 販 售 宣稱 具有 抗癌 功效 的 菇類 粉末 雖然 未必 全是 騙人 的 說法 但 仍 建議 尋求 正當 的 醫療 管道 會 比較 保險 長 時間 高強度 的 運動會 降低 人體 的 免疫力 因此 頂尖 的 運動員 非常容易 生病 有 報告 指出 秀珍 菇 裡 的 葡 聚 糖 可以 促進 淋巴細胞 增生 能 讓 頂尖 運動員 不容易 感冒 4 蘋果 醋 蘋果 醋 是 讓 蘋果 汁 發酵 後 製成 的 醋 它 的 味道 和 熟 成 的 紅 酒 相近 酸度 高 且 具有 強烈 的 香氣 蘋果 醋 有 高濃度 維生素 c 膳食 纖維 而 醋酸 則 有 提高 人體 免疫力 的 效果 正如 英文 諺語 一 天一 蘋果 醫師 遠離 我 所言 蘋果 是 有益 身體健康 的 好 水果 蘋果 中的 蘋果 多 酚 具有 強大 的 抗 氧化 作用 膳食 纖維 蘋果 果膠 apple pectin 能 促進 腸道 蠕動 使 排 便 順暢 具有 整 腸 的 效果 選擇 含有 mother 沉澱物 的 蘋果 醋 效果 更 棒 雖然 目前 還 沒有 蘋果 醋 能 增強 對抗 感冒 的 相關 研究 報告 但 富含 維生素 c 和好 菌 的 蘋果 醋 自古以來 在 民間 療法 中 就 已經 當作 藥物 來 使用 古 希臘 人 會 把 醋 和 蜂蜜 混合 調製 成 蜜 醋 oxymel 做為 預防 感冒 的 藥物 使用 用水 把 蘋果 醋 稀釋 後 也 可 當作 含 漱 藥 漱 口水 5 綠茶 綠茶 是 種 超級 食物 super food 有 許多 研究 報告 指出 綠茶 對 預防 心血管 疾病 癌症 和 抑制 糖尿病 惡化 都 具有 效果 綠茶 最 主要 的 成分 是 兒 茶素 其中 又 以 表 沒 食 子 兒 茶素 3 沒 食 子 酸 酯 egcg 最 能 抑制 發炎 和 保護 血管 還有 抗 病毒 的 效果 可以 抑制 流感 病毒 hiv 病毒 b 型 和 c 型 肝炎 病毒 以及 單純 皰疹病毒 hsv 增生 6 薑黃茶 拿 鐵 有 報告 指出 egcg 對於 新型 冠狀病毒 或許 具有 抗 病毒 的 效果 同一 份 報告 也 表示 薑黃 中的 薑黃素 和 綠茶 一樣 都 可能 成為 對抗 新型 冠狀病毒 的 生力軍 薑黃 是 製作 咖 哩 時 常用 的 香料 沖繩縣 有 栽培 薑黃 對 日本 人 來說 也 比較 容易 取得 薑黃 的 風味 獨特 比較 不 適合 拿 來 直接 飲用 但 可以 與 綠茶 搭配 成 薑黃茶 拿 鐵 綠茶粉 1 小匙 薑黃粉 1 2 小匙 生薑 泥 生薑 1 公分 磨 成 泥 喜馬拉雅 岩鹽 少量 黑 胡椒 少量草 飼 乳 清 蛋白 grass fed whey protein 20 克 把 以上 材料 加進 200 至 250 的 熱 水中 用 攪拌機 混合 均勻 後 就 完成 了 喜歡 喝 甜 一點 的 人 可以 加入 少量 甜菊 或 蜂蜜 不喜歡 粉末 口感 的 人 可以 用 椰 奶 或 杏仁 奶 來 取代 熱水 和 草 飼 乳 清 蛋白</t>
  </si>
  <si>
    <t>新冠肺炎 武漢肺炎 新型 冠狀病毒 ncp 香港</t>
  </si>
  <si>
    <t>蔡 政府 社交距離 新冠肺炎 新型 冠狀病毒 ncp</t>
  </si>
  <si>
    <t>英國廣播公司 4 日 報導 牛津大學 在 人體 發現 名為 lztfl 1 的 基因 擁有 該 基因 的 人 若 罹 患 新冠肺炎 出現 肺 衰竭 甚至 死亡 的 風險 成長 至少 1 倍 研究 還 發現 擁有 南亞 或 歐洲 血統 的 人 分別 有 60 與 15 的 機 率 帶有 這種 高風險 基因 不過 研究 也 指出 疫苗 明顯 有助於 逆轉 風險 換言之 接種 疫苗 是 避免 基因 帶來 悲劇 的 關鍵 完全 無須 因 基因 問題 而 讓 自己 緊張 兮 兮 這項 研究 已 發表 在 2021 年 11 月份 的 自然 遺傳學 論文 指出 學界 現有 文獻 可 解釋 為什麼 英國 與 南亞 的 部分 社區 更 容易 感染 新冠肺炎 卻 無法 完整 解釋 為何 部分 族群 更 容易 轉為 重症 借助 先前 遺傳 研究 的 成果 結合 人工智慧 ai 與 新 的 分子 科技 研究 團隊 發現 稱為 lztfl 1 的 基因 該 基因 會 讓 新冠肺炎 感染者 病情惡化 的 風險 上升 研究 團隊 表示 擁有 風險 基因 的 人 肺部 特別 容易 感染 新型 冠狀病毒 由於 高風險 基因 破壞 了 一 種 關鍵性 的 保護 機制 依據 該機 制 肺部 內 的 細胞 可以 保護 自己 免 於新冠 病毒 的 侵入 當 肺部 遭到 新冠 病毒 入侵 時 肺部 的 細胞 會 降低 特化 specialised 的 程度 以 抵禦 病毒 這種 去 特化 的 過程 將 減少 細胞 表面 ace- 2 蛋白 的 數量 而 ace- 2 蛋白 是 冠狀病毒 附 著 在 細胞 上 的 關鍵 換言之 一般 人 的 肺部 遭 新冠 病毒 入侵 時 肺部 細胞 會 減少 ace- 2 蛋白 的 數量 這 讓 冠狀病毒 附 著 的 機 率 大 減 然而 擁有 lztfl 1 的 人 卻 不 會 產生 去 特化 的 過程 導致 肺 細胞 容易 遭 病毒 的 侵襲 不過 研究 團隊 強調 lztfl 1 只 影響 肺部 卻 不 會 對 免疫系統 造成 影響 這 點 非常 關鍵 因為 這 意味著 擁有 高風險 基因 的 人 仍 能 從 疫苗 中 取得 免疫 保護 此外 研究 團隊 也 發現 相較 於 擁有 南亞 與 歐洲 血脈 的 人 非洲 加勒比 與 東亞 裔 的族群 擁有 此 一 高風險 基因 的 比例 分別 只 有 2 與 18 然而 該 研究 的 第一 作者 大衛斯 james davies 擁有 風險 基因 的 人 不 一定 會 產生 相同 的 結果 這 點 非常 重要 他 解釋 決定 每個 個體 罹 患 新冠肺炎 時 的 嚴重 程度 是 由 複雜 的 因素 組合而成 其中 又 以 年齡 最為 關鍵 他 補充 道 社會 經濟 因素 也 能 解釋 為 甚麼 部分 社區 在 大 流行 中 受到 的 影響 特別 嚴重 儘管 我們 無法 改變 自己 的 基因 但 研究 證實 擁有 高風險 基因 的 人 受益 於 接種 疫苗 不過 有鑒於 現有 藥物 都 是 針對 免疫系統 研究 團隊 希望 透過 這次 的 研究成果 研發 出 針對 肺部 的 新型 藥物</t>
  </si>
  <si>
    <t>藥 華藥 6446 接 獲 fda 函 謂 其 ropeginterferon alpha 2 b p 1101 美國 pv 藥 證 申請 的 完成 審查 日期 為 2021 年 3 月 13 日 另外 其 以 p 1101 治療 或 預防 新冠肺炎 的 臨床 試驗 方案 也 已 獲 fda 授予 pre-ind 號碼 150922 fda 將 給予 書面 回 覆 藥 華藥 美國 子公司 同仁 及 團隊 也 積極 和 kol 討論 進入 臨床 試驗 事宜 藥 華藥 表示 p 1101 用於 治療 真性 紅血球 增多 症 polycythemia vera 簡稱 pv 的 生物 藥品 上市 藥 證 申請 依 fda 法規 已於 送 件 後 第 60 天 即 美國 時間 2020 年 5 月 13 日 正式 進入 藥 證 審查 藥 華藥 並 已於 美國 時間 5 月 28 日 接 獲 送 件 bla 後 第 74 天 的 fda 來函 函 稱 fda 將 依 prescription drug user fee act pdufa 處方 用藥 使用者 付費 法案 的 標準時 程 standard 進行 p 1101 的 pv 藥 證 申請 審查 完成 審查 日期 為 2021 年 3 月 13 日 藥 華藥 表示 原 希望 有 機會 獲得 優先 審查 然 以 現況 能 獲 fda 確定 時程 更 可 落實 執行 美國 子公司 的 行銷 規劃 產品 的 推出 更 能 成功 另 原 孤兒 藥 認證 資格 並 不 會 受到 影響 藥 華藥 進一步 表示 獲 送 件 bla 後 第 74 天 的 fda 來函 對 獲得 p 1101 美國 pv 藥 證 又 達到 一 重要 里程碑 藥 華藥 將 持續 積極 配合 fda 進行 後續 相關 審查 作業 以 確定 按照 表 訂 時程 取得 藥 證 其 美國 子公司 也 在 公司總部 的 全力支持 下 投入 行銷 佈 局 及 人員 聘 雇 確保 公司 營運 達到 預期 目標 另外 藥 華藥 已 在 美國 時間 2020 年 5 月 15 日 向 美 fda 送出 以 p 1101 治療 或 預防 新冠肺炎 的 臨床 試驗 方案 原系 根據 fda 之 冠狀病毒 療法 加速 專案 申請 藥 華藥 於 美國 時間 2020年 5 月 22 日 獲 fda 回應 並 獲 pind 號碼 150922 函 中 fda 表示 將 給予 藥 華藥 書面 的 建議</t>
  </si>
  <si>
    <t>統 新 新型 冠狀病毒 covid-19 薄膜 濾光片 5 g</t>
  </si>
  <si>
    <t>新冠肺炎 武漢肺炎 新型 冠狀病毒 臺灣 台女</t>
  </si>
  <si>
    <t>新冠肺炎 武漢肺炎 新型 冠狀病毒 臺灣 次氯酸 水</t>
  </si>
  <si>
    <t>新冠肺炎 武漢肺炎 新型 冠狀病毒 臺灣 暫停營業</t>
  </si>
  <si>
    <t>新型 肺炎 來勢洶洶 美國 國防部 三月 初 警告 30 天內 將 形成 全球 大 流行 即使 公衛 專家 們 用盡 蠻荒 之 力 加速 防疫 但 對於 防治 與 控制 仍 極其 有限 全球 瀰 漫 著 一 股 不 確定 的 氛圍 discovery 頻道 冠狀病毒 無聲 殺手 專訪 感染 過 s</t>
  </si>
  <si>
    <t>新型 肺炎 來勢洶洶 美國 國防部 三月 初 警告 30 天內 將 形成 全球 大 流行 即使 公衛 專家 們 用盡 蠻荒 之 力 加速 防疫 但 對於 防治 與 控制 仍 極其 有限 全球 瀰 漫 著 一 股 不 確定 的 氛圍 discovery 頻道 冠狀病毒 無聲 殺手 專訪 感染 過 sars 的 梁浩 南 醫師 分享 sars 與 新冠 病毒 不同之處 然 這次 新冠肺炎 中的 無 症狀 患者 才是 凶 猛 未 爆 彈 冠狀病毒 無聲 殺手 于 3 月 9 日 晚間 11 點 首播 以 防疫 經驗 鑒 古 知 今 卸下 民眾 焦慮 和 不安 新型 冠狀病毒 在 武漢 發現 以來 造成 絕 大 衝擊 至今 全世界 就 將近 十萬 人 被 感染 它 的 感染力 超 強 只要 證實 一 人 感染 背 後 就 有 3 4 個 潛在 的 感染者 新加坡 防疫 專家 說 防疫 的 核心 要 建立 在 醫療 金字塔 上 雖然 在 有限 資源 下 大多數 醫生 會 優先 治療 症狀 最 嚴重 也 就 是 金字塔 頂端 的 病 患 但 實際上 這些 人 只 占 12 成 其餘 8 成在 金字塔 底層 的 無 症狀 者 患者 很 可能 不知情 之下 活躍 地走動 四處 散播 病毒 若無 適當 隔離 社區型 疫情 可是 會 迅速 炸 開 新型 冠狀病毒 疫情 險峻 各界 都 在 關注 疫苗 什麼 時候 能夠 研發 面世 呢 梁浩 南 醫師 提到 這次 遇到 新冠 病毒 一個 不幸 中的 大幸 是 我們 能 利用 對 sars 冠 狀 病毒 疫苗 原有 的 瞭 解 以 同樣 原則 應用 在 2019 新冠 病毒 上 然而 壞 消息 是 研發 製作 新冠 病毒 的 疫苗 得 花 上 好幾 個 月 還 得 經 多次 臨床 試驗 疫苗 才能 用 來 對付 流行病 這 絕對 會 花 上 9 至 12 個 月 這 會 需要 時間 隨 著 疫情 升溫 許多 醫院 也 陸續 設立 了 警 急 應變 小組 以 處理 層出不窮 的 患者 成立 遠端 醫療 小組 與 線 上 諮 詢 平臺 讓 不 確定 是否 得病 的 民眾 隨時 獲得 充分 資訊 不 至 因 害怕 而 擠爆 醫院 造成 醫療 上 的 浪費 與 負擔 discovery 頻道 冠狀病毒 無聲 殺手 專訪 感染 過 sars 的 新加坡 傳染病 專家 梁浩 南 醫師 分享 sars 與 新冠 病毒 不同之處 並 說明 防疫 核心 須 建立 在 醫療 金字塔 上 實際 走訪 新加坡 看看 醫療 團隊 的 防疫 sop 以及 如何 利用 遠端 醫療 小組 線 上 諮 詢 平臺 提供 即時 的 資訊 與 服務 此外 接 著 也 將 播出 人物 志 鍾 南山 深入 介紹 這 位 抗 sars 英雄 殺手 病毒 流感 流感 病毒 演進 對 世界 的 威脅 等 看看 當時 人們 如 何對 應 與 平息 這些 致命 的 危機 冠狀病毒 無聲 殺手 將 於 3 月 9 日 晚間 11 點 准 首播 一起 用 知識 做 後盾 以 防疫 經驗 鑒 古 知 今 卸下 你 的 焦慮 和 不安 sars 英雄 殺手 病毒 流感 流感 病毒 演進 對 世界 的 威脅 等 看看 當時 人們 如 何對 應 與 平息 這些 致命 的 危機</t>
  </si>
  <si>
    <t>武漢肺炎 新冠肺炎 新型 冠狀病毒 全球 ncp</t>
  </si>
  <si>
    <t>林志玲 老公 akira 同屬 的 放浪 兄弟 exile 成員 小林直 己 昨 4 日 驚 傳 確診 新冠肺炎 根據 日 媒 報導 小林直 己 本月 3 日 覺得 身體 不 太 舒適 隔 天 立刻 接受 pcr 檢測 檢測 結果 呈現 為 陽性反應 日本 經紀 公司 表示 目前 小林直 己 不 會 參加 團體 近期 的 演出 活動 日本 知名 唱 跳 男子 團體 放浪 兄弟 exile 兼 三 代 目 j soul brothers from exile tribe 成員 小林直 己 確診 新冠肺炎 他 將 不 會 出現 於 本月 10 日 至 12 日 原本 要 舉辦 exile tribe live tour 2021 &amp;quot rising sun to the world&amp;quot 的 演出 原本 今晚 8 點 舉行 三 代 目 j soul brothers 直播 活動 將 取消 naoki kobayashi @naokikobayashi_works 分享 的 貼 文 小林直 己 今年 36 歲 是 日本 的 舞 者 演員 擁有 187 公分 的 高挑 身材 高中 時期 因為 未來 夢想 想 成為 一 名歌手 開始 學習 歌唱 跳舞 高中 畢業 後 就讀 法政大學 但 為了 追求 把 跳舞 作為 工作 這個 夢想 從 法政大學 休學 2006 年 透過 舞蹈 團體 rag pound 與 akira 認識 naoki kobayashi @naokikobayashi_works 分享 的 貼 文 去年 12 月 時 放浪 兄弟 成員 佐藤大 樹就 曾染疫 疑 似是 工作 同事 有人 確診 被 匡列 後 去 檢測 才 發現自己 確診 新冠肺炎 日前 放浪 兄弟 才剛 發表 新 單 曲 還好 其他 成員 檢測 皆 為 陰性 日本 經紀 公司 目前 請 專家 組成 的 ldh 新型 冠狀病毒感染 對策 專家 團隊 的 建議 每天 對 全體 員工 進行 體溫 測量 和 身體狀況 報告 作為 應對 新型 冠狀病毒 傳染病 的 對策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武漢肺炎 新型 冠狀病毒 臺灣 學生</t>
  </si>
  <si>
    <t>新冠肺炎 武漢肺炎 新型 冠狀病毒 ncp covid-19</t>
  </si>
  <si>
    <t>新型 冠狀病毒 持續 蔓延 臺灣 內需 市場 因而 受到 衝擊 財 信 傳媒 董事長 謝金河 指出 他 昨天 到 鼻 頭角 平常 吃 飯 要 預約 排隊 的 餐廳 顯得 冷清 他 感歎 表示 如果 若 平常 都 難 訂到 位 的 餐廳 都 這樣 可以 想見 這次 疫情 撞擊 的 內需 產業</t>
  </si>
  <si>
    <t>新型 冠狀病毒 持續 蔓延 臺灣 內需 市場 因而 受到 衝擊 財 信 傳媒 董事長 謝金河 指出 他 昨天 到 鼻 頭角 平常 吃 飯 要 預約 排隊 的 餐廳 顯得 冷清 他 感歎 表示 如果 若 平常 都 難 訂到 位 的 餐廳 都 這樣 可以 想見 這次 疫情 撞擊 的 內需 產業 到 什麼樣 的 慘 況 謝金河 在 臉書 指出 新冠 病毒 橫掃 全球 臺灣 的 觀光 產業 哀嚎 不已 他 昨天 與 好友 到 鼻頭 角 步道 走 一 圈 他 提及 每次 來到 鼻 頭角 要來 海 園 吃飯 都會 建議 朋友 們 先行 來 步道 走走 走 回來 再 吃飯 這 條 棱 谷 步道 正好 從 漁港 邊 出來 正好 繞行 鼻頭 角 一 圈 在 夕陽西下 前 景致 更是 優美 不過 今天 的 海園 跟 平日 的 高朋滿座 完全 不 一樣 謝金河 指出 他 沿 著 港 邊 走 一 回 港 邊 的 餐廳 都 沒有 人 平常 吃 飯 要 預約 排隊 的 海園 也 顯得 冷清 除 了 他們 之外 只 有 一 桌 客人 在 用餐 如果 平常 都 難 訂到 位 的 海園 餐廳 都 這樣 可以 想見 這次 疫情 撞擊 的 內需 產業 到 什麼樣 的 慘 況 他 直言 這次 疫情 造成 的 消費 急 縮 看起來 影響 內需 消費 很 大 然而 對於 中央 有意 發放 振興 抵 用 券 高雄 六合 夜市 管委會 主委 莊其章 認為 消費 券 多發 一點 鼓勵 民眾 刺激 內需 可望 帶動 商機</t>
  </si>
  <si>
    <t>謝金河 新冠肺炎 武漢肺炎 新型 冠狀病毒 ncp</t>
  </si>
  <si>
    <t>who 新冠肺炎 武漢肺炎 新型 冠狀病毒 covid-19</t>
  </si>
  <si>
    <t>美國 華盛頓州 州長 英斯 利 jay inslee 今天 表示 除非 拿出 實際 作為 否則 州 內 武漢肺炎 病例 可能 在 8 周 內 增加 到 6萬4000 人 這 讓 他 考慮 採取 強制性 措施 華盛頓州 的 2019 年 冠狀病毒 疾病 covid-19 俗稱 武漢肺炎 確診</t>
  </si>
  <si>
    <t>美國 華盛頓州 州長 英斯 利 jay inslee 今天 表示 除非 拿出 實際 作為 否則 州 內 武漢肺炎 病例 可能 在 8 周 內 增加 到 6萬4000 人 這 讓 他 考慮 採取 強制性 措施 華盛頓州 的 2019 年 冠狀病毒 疾病 covid-19 俗稱 武漢肺炎 確診 病例 從 105 例 增 至 今天 的 267 例 有 24 人 喪生 病例 大多 在 大 西雅圖 地區 英斯 利 表示 流行病 學家 警告 州 內 實際 病例 可能 多 達 500 到 2000 件 鑒於 這個 疾病 具 高度 傳染 力 病例 可能 每 5 到 8 天 就 翻倍 英斯 利 說 不論 今天 是 500 例 還 是 1500 例 或 2000 例 都會 在 很 短 時間 內 變成 一個 很 大 的 數位 當 記者 問到 州政府 是否 會 採取 強制性 措施 例如 全州 或 重災區 採取 學校 停課 措施 英斯 利 表示 他 預料 很快 就 會 發佈 相關 消息 他 說 停止 任何 社會活動 都 會 對 民眾 日常生活 造成 巨大 影響 有 必要 考量 是否 有 辦法 加以 減低 或 緩解 英斯 利 說 假如 我們 沒 辦法 減緩 疫情 蔓延 的 速度 今天 若 有 1000 人 感染 華盛頓州 7 到 8 周內 就 會 有 6萬4000 人 染病 下 一 周 可能 變成 12萬 人 再 隔 一 周 又 會 再 成長 為 25萬 人 英斯 利 簡報 結束 後 有 報導 說 華盛頓州 有 可能 封鎖 全州 但 發言人 針對 記者 提問 時 表示 州長 並 沒有 這麼 說 根據 馬里蘭州 約翰霍普金斯大學 johns hopkins university 管理 的 統計數字 武漢肺炎 病毒 在 美國 造成 至少 28 人 喪生 1025 人 感染 西雅圖 雖為 重災區 當地 學校 卻 大多 仍未 停課 引發 批評 聲浪 英斯 利 上個月 已於 華盛頓州 通報 首 起 武漢肺炎 病毒 死亡 病例 後 宣佈 進入 緊急狀態</t>
  </si>
  <si>
    <t>韓國 萬民 中央 教會 新冠肺炎 新型 冠狀病毒 covid-19 臺灣</t>
  </si>
  <si>
    <t>為 防止 新型 冠狀病毒 進一步 傳播 帶來 影響 伊朗 司法部長 9 日 決定 已經 釋放 70000 名 囚犯 根據 中國日報 網 引述 伊朗 塔斯 尼姆 tasnim 通訊社 報導 為 防止 新型 冠狀病毒 進一步 傳播 帶來 影響 伊朗 司法部長 9 日 在 高級 司</t>
  </si>
  <si>
    <t>為 防止 新型 冠狀病毒 進一步 傳播 帶來 影響 伊朗 司法部長 9 日 決定 已經 釋放 70000 名 囚犯 根據 中國日報 網 引述 伊朗 塔斯 尼姆 tasnim 通訊社 報導 為 防止 新型 冠狀病毒 進一步 傳播 帶來 影響 伊朗 司法部長 9 日 在 高級 司法委員會 召開 的 一 次 會議 上 稱 全國 大約 有 70000 名 囚犯 已經 臨時 獲釋</t>
  </si>
  <si>
    <t>伊朗 囚犯 新冠肺炎 新型 冠狀病毒 covid-19</t>
  </si>
  <si>
    <t>據 北京青年報 報導 大陸 國家 衛健 委 消息 指出 昨天 3 日 0 24 時 新增 確診 病例 104 例 其中 境外 輸入 病例 17 例 本土 病例 87 例 其中 黑龍江 所 占 比例 過半 鄭州和 石家莊 2 地 出現 小學生 感染 浙江 烏鎮 景區 停止 遊客 進入 已 在 景區 的 遊客 24 小時 內 2 次 核酸 檢測 陰性 可 放行 返程 大陸 87 例 的 本土 病例 中 黑龍江 45 例 其中 黑河市 44 例 哈爾濱市 1 例 河北 23 例 其中 石家莊市 20 例 辛集市 3 例 寧夏 4 例 均 在 銀川市 江蘇 3 例 均 在 常州市 河南 3 例 其中 鄭州市 2 例 周口市 1 例 內蒙古 2 例 均 在 阿拉善盟 四川 2 例 均 在 成都市 甘肅 2 例 其中 蘭州市 1 例 天水市 1 例 山東 1 例 在 日照市 重慶 1 例 在 沙坪壩區 青海 1 例 在 西寧市 含 2 例 由 無 症狀 感染者 轉為 確診 病例 山東 1 例 四川 1 例 黑龍江 新增 本土 確診 45 例 其中 44 例 在 黑河市 11 月 3 日 0 24 時 黑龍江省 新增 新冠肺炎 本土 確診 病例 45 例 黑河市 愛輝區 44 例 哈爾濱市 平房區 1 例 新增 本土 無 症狀 感染者 1 例 哈爾濱市 平房區 1 例 均 為 集中 隔離 或 居家 隔離 管 控 期間 主動 排查 發現 截至 11 月 3 日 24 時 全省 現有 境外 輸入 確診 病例 2 例 現有 本土 確診 病例 189 例 現有 本土 無 症狀 感染者 2 例 河北 新增 本土 確診 23 例 其中 石家莊市 20 例 11 月 3 日 0 24 時 河北省 新增 新型 冠狀病毒 肺炎 確診 病例 23 例 其中 石家莊市 20 例 辛集市 3 例 均 在 隔離 點 或 封控區 重點 人群 核酸 篩查 中 發現 並 確診 無 新 增 無 症狀 感染者 截至 11 月 3 日 24 時 河北省 現有 確診 病例 58 例 含 境外 輸入 1 例 尚 在 醫學觀察 無 症狀 感染者 0 例 石家莊 深澤縣 新增 20 例 確診 最小 才 2 歲 辛集市 3 例 確診 均 為 小學生 今天 11 月 4 日 淩晨 石家莊市 深澤縣 發 佈 消息 11月 3 日 0 時 24 時 經 石家莊市疾控中心 覆 檢 專家組 會診 在 深澤縣 第二 輪 全員 核酸 檢測 發現 的 19 例 初篩 陽性 和 第 三輪 核酸 檢測 發現 的 6 例 初篩 陽性 中 深澤縣 新增 新冠肺炎 確診 病例 20 例 5 例 待 覆 檢 和 專家 會診 上述 陽性 病例 均 在 封控區 和 隔離 點中 檢 出 20 例 新增 確診 病例 中 15 人 來 自大 橋頭鎮 河莊 村 4 人 來 自大 橋頭鎮 西河村 1 人 來自 深澤縣 嘉悅尚 城 社區 最小 的 才 2 歲 據 辛集 11 月 3 日 晚 通報 2021 年 11 月 2 日 0 時— 24 時 辛集市 新增 陽性 感染者 3 例 已 由 120 負 壓 救護車 轉運 至 石家莊市 定點醫院 均 為 11 月 1 日 確診 病例 2 的 同學 均 為 11 歲 來自 辛集市 小辛莊鄉 小 章 小學 浙江 桐鄉 檢 出 1 例 陽性 人員 從 石家莊 飛抵 上海 後 到 烏鎮 據 浙江 桐鄉 疫情 防控 指揮部 11 月 3 日 通報 11 月 3 日 下午 桐鄉市 隔離 點 人員中 初篩檢 出 一 例 新冠 病毒 核酸 陽性 李某某 男 10 月 31 號 淩晨 從 石家莊 飛抵 上海虹橋機場 由 朋友 自 駕車 從 虹橋機場 接 至 桐鄉市 烏鎮 蘭園 社區 10 月 31 日 11 月 2 日 在 烏鎮 有 活動 史 11 月 2 日 下午 桐鄉市 疾 控 中心 接 到 河北省 深澤縣 疾 控 中心 協 查函 李某某 為 當地 密接 曹某某 在 河北 隔離 的 次 密接 李某某 曾 活動 過場 所 已 封控 並 開展 終末 消毒 流 調 追蹤 隔離 管 控 核酸 檢測 醫療 救治 環境 消毒 等 工作 已 全面 展開 烏鎮 景區 停止 遊客 進入 已 在 景區 遊客 24 小時 內 兩 次 檢測 陰性 可 返程 浙江 桐鄉 烏鎮 景區 3 日 晚 發 佈 公告 為 配合 新冠肺炎 疫情 排查 烏鎮 東 柵 景區 西 柵 景區 和 烏村 從 即刻起 停止 遊客 進入 景區 內 部分 場館 店鋪 餐廳 等 臨時性 停止 運營 景區 具體 恢復 時間 將 另行通知 同時 所有 已 在 景區 的 遊客 在 離 園 前 需要 在 西 柵 遊客 服務 中心接受 核酸 檢測 並 配合 疾 控 中心 現場 工作 24 小時 內 兩 次 核酸 檢測 陰性 後 可 返程 對 已經 購買 景區 門票 的 遊客 可以 通過 原 購票 管道 申請 退款 遼寧 大連 莊河市 發現 一 例 疑 似 陽性 病例 11 月 4 日 大連市人民政府 新聞 辦公室 發 佈 消息 11 月 4 日 莊河市 發現 一 例 新冠肺炎 疑 似 陽性 病例 請 2021 年 10 月 23 日 以來 大連市 到 過 莊河市 科 強 食品 有限公司 林茵 大 市場 盛峰 早市 城關街道 海洋 村 的 人員 儘快 到 附近 核酸 檢測 採樣 點 進行 核酸 檢測 並 向 所在 社區 報 備 河南 新增 本土 病例 3 6 其中 鄭州 新增 2 6 其中 有 2 名 洞 林水岸 小學 學生 據 河南省 衛健 委 通報 11 月 3 日 0 24 時 河南省 新增 本土 確診 病例 3 例 鄭州 2 例 周口 1 例 新增 本土 無 症狀 感染者 6 例 鄭州 6 例 新增 境外 輸入 無 症狀 感染者 1 例 無 新 增 疑似病例 此前 11 月 3 日 記者 從 鄭州市 新冠肺炎 疫情 防控 第二 十一 場 新聞 發 佈 會上 獲悉 11 月 3 日 2 時 32 分 2 時 34 分 和 8 時 44 分 鄭州市 中心醫院 和 鄭州大學 第 三 附屬 醫院 分別 覆核 判定 2 例 確診 病例 和 1 例 無 症狀 感染者 全部 是 醫療機構 對 重點 人員 例行 檢測 中 發現 的 3 名 感染者 均 居住 于 滎陽市 賈峪鎮 碧 桂園 社區 其中 有 2 名 為 洞 林水岸 小學 學生 未 接種 新冠 疫苗 1 名 為 學生家長 已 接種 2 劑 次 新冠 疫苗 按照 四 集中 原則 將 3 名 感染者 第一時間 閉環 轉運 至 市 第一 人民醫院 南 院區 進行 隔離 治療 經 調查 3 人 流行病 學 關係 鏈 清晰 2 人 為 父女 1 人 為 其 女兒 同班同學 目前 鄭州 已 完成 洞 林 水 岸 小學 954 名 學生 52 名 教職員工 2046 名 家長 的 核酸 檢測 工作 已 檢 出 陽性 4 人 均 已 閉環 轉運 至 市 第一 人民醫院 南 院區 進行 隔離 治療 其 餘 均 為 陰性 目前 鄭州 景區 影劇院 等 娛樂場所 均 已 暫停營業 此外 自 11 月 5 日 零 時 起 本地 14 天 以內 有 外省 旅居 史 的 人員 返回 鄭州 後 應 提供 48 小時 內 核酸 檢測 陰性 證明 四川 新增 2 例 本土 確診 病例 據 健康 四川 消息 11 月 3 日 0 24 時 四川 新增 新型 冠狀病毒 肺炎 確診 病例 2 例 均 為 本土 病例 1 例 男 39 歲 為 11 月 2 日 無 症狀 感染者 轉 確診 另 1 例 女 42 歲 為 重慶市 和 常州市 通報 的 本土 確診 病例 的 共同 密切接觸 者 11 月 2 日 作為 密切接觸 者 納入 集中 隔離 11 月 3 日 確診 無 新 增 治癒 出院 病例 無 新 增 疑似病例 無 新 增 死亡 病例 自 10 月 17 日 西安 報告 2 例 陽性 病例 以來 十幾 天 的 時間 裡 大陸 全國 累計 報告 新增 本土 陽性 病例 已 超 700 例 其中 497 例 陽性 感染者 的 軌跡 或 基因 測 序 與 內蒙古 甘肅 等 地 疫情 有 直接 或 間接 的 關聯</t>
  </si>
  <si>
    <t>武漢肺炎 新冠肺炎 新型 冠狀病毒 臺灣 ncp</t>
  </si>
  <si>
    <t>新冠肺炎 疫情 持續 延 燒 避免 可能 的 群 聚 感染 屏 東 基督教 醫院 與 國小 防疫 中心 宣導 學校 仁愛 國小 合作 安排 畢業 後 第 1 年 的 住院 醫師 前往 學校 及 社區 宣導 正確 防疫 知識 趁勢 培訓 社區 防疫 小 尖兵 9 位 分別 來自 成大 醫院 奇美醫院 嘉義 基督教 醫院 高雄長庚醫院 高雄榮 民 總 醫院 高醫 畢業 後 第 1 年 的 住院 醫師 目前 在 屏基 接受 2 個 月 社區 醫學 訓練 認識 並 體驗 基層 醫療 由於 學校 已 停止 大型 集會 因此 住院 醫師 們 從 上周 開學 後 便 進入 仁愛 國小 依 學校 健康 中心 安排 到 各 年級 一 班 一 班地宣 導 內容 包括 認識 新型 冠狀病毒 肺炎 的 傳染 途徑 症狀 及 預防 正確 洗手 步驟 如何 戴 口罩 學生 們 反應 熱烈 發問 各種 問題 從 無 症狀 該 怎麼 辦到 藥物 治療 等 顯示 學生 們 也 很 關注 疫情 發展 醫師 潘柏宏 指出 到校 宣 導 衛教 主要 的 目的 就 是 教導 學生 如何 打斷 新冠肺炎 的 傳染 途徑 包括 戴 口罩 勤洗手 其實 懂得 越 多 沒 來由 的 恐慌 也 就 能夠 避免</t>
  </si>
  <si>
    <t>美國 藥廠 吉 立 亞 公司 的 瑞德西韋 remdesivir 藥物 被 認為 可能 是 有效 治療 新冠肺炎 的 藥 國家衛生研究院 今 宣佈 繼 完成 毫克 級 的 合成 後 今天 進度 超前 完成 了 公克級 合成 讓 藥物 研發 的 進展 往 前 邁向 一大 步 國 衛 院 臉書 表示 為了 協助 政府 因應 新型 冠狀病毒 covid-19 疫情 之 防疫 工作 國衛院 利用 2003 對抗 sars 與 2005 年 合成 克 流感 之 經驗 積極 投入 美國 藥廠 吉 立 亞 公司 gilead science 瑞德西韋 remdesivir 藥物 合成 工作 國 衛 院 指出 國衛院 在 2 月 19 日 成功 完成 瑞德西韋 毫克 級 合成 如今 原 預定 二 周 的 作業 時程 於 短短 五 日 提前 達 陣 今 2 月 24 日 成功 完成 公克級 合成 讓 藥物 研發 的 進展 往 前 邁向 一大 步 同時 已 有 國內 廠商 表達 後續 大量 合成 生產 之 意願 期盼 能 共同 為 此次 抗 疫 一起 努力</t>
  </si>
  <si>
    <t>臺灣 在 對抗 新型 冠狀病毒 的 戰役 中 表現 突出 備受 他國 推 祟 連 現任 國光 科技 董事長 前 衛生 署長 詹啟賢 也 高度 讚賞 認為 政府 和 防疫 官員 警覺性 高 反應 明快 民眾 也 能 充分 配合 遵守 防疫 措施 養成 良好 的 衛生習慣 不過 他</t>
  </si>
  <si>
    <t>臺灣 在 對抗 新型 冠狀病毒 的 戰役 中 表現 突出 備受 他國 推 祟 連 現任 國光 科技 董事長 前 衛生 署長 詹啟賢 也 高度 讚賞 認為 政府 和 防疫 官員 警覺性 高 反應 明快 民眾 也 能 充分 配合 遵守 防疫 措施 養成 良好 的 衛生習慣 不過 他 指出 臺灣 防疫 能 傲視 全球 最 重要 的 關鍵 還 是 因為 22 年前 爆發 腸病毒 讓 臺灣 制定 了 先進 的 防疫 體制 這 套 體制 連 日本 至今 也 付之 闕如 面對 新型 冠狀病毒 來勢凶猛 連 先進 國家 義 大利 德國 法國 西班牙 疫情 嚴峻 為何 被 視為 疫情 可能 第二 嚴重 的 臺灣 相對 表現 傑出 詹 啟賢 接受 鏡 週刊 專訪 時 表示 其他 國家 防疫 做 不好 就是 因為 沒有 制定 傳染病 防治法 他 指出 1988 年 他 在 衛生 署長 任內 提出 傳染病 防治法 架構 對 防疫 的 相關 強制 隔離 徵調 民間 醫療 資源 或 對 發佈 不實 訊息 施以 裁 罰 等 都 有所 規範 詹 啟賢 說 1989 年 臺灣 成立 疾病 管制 局 並 修訂 了嚴謹 的 傳染病 防治法 這 是 亞洲 第 一個 立法 的 國家 時至今日 亞洲 醫療 先前 國 日本 仍 沒 相關 法規 至於 為何 臺灣 能 對 防疫 超前 部署 詹啟賢 則 透露 其實 和 腸病毒 有關 根據 資料 1998 年 腸病毒 大 流行 時 造成 全台 140萬 名 兒童 得到 手足 口 症 和 咽峽炎 共 405 人 併發 重症 78 名 兒童 不幸 死亡</t>
  </si>
  <si>
    <t>新冠肺炎 武漢肺炎 新型 冠狀病毒 臺灣 詹啟賢</t>
  </si>
  <si>
    <t>伊朗 新冠肺炎 新型 冠狀病毒 covid-19 臺灣</t>
  </si>
  <si>
    <t>新型 肺炎 疫情 重創 觀光業 在 景氣 寒冬 之際 高雄 田寮 花季 飯店 逆向 操作 祭出 促銷 方案 推出 2020 花季 愛 您 湯屋 優惠活動 活動 期間 2 月 20 日 至 3 月 20 日間 原價 要 2500 元 高級 湯屋 只 要 2020 就 可 享受 另 體恤 旅遊業 辛苦 原價 破 13萬 元 的 五星級 溫泉房 型 也 下 殺 5 折 只 要 5999 元 花季 飯店 為 提 振 國內 旅遊 市場 推出 了 2020 花季 愛 您 湯屋 優惠活動 原本 要 2500 元 的 高級 湯屋 只 要 2020 元 就 可以 享受 甚至 在 3 月 還 提出 旅 運 同業 的 優惠價 體恤 旅 運 同業 在 疫情 中 遭受 的 損失 只要 出示 旅 運 同業 相關 執照 就 能 讓 原本 要價 1萬3800 元 五星級 溫泉房 型 只要 花費 5999 元 就 可以 體驗 到 萬 元 五星級 的 享受 花季 飯店 經理 黃慧萍 提到 現階段 全台 旅遊業 都 很慘 許多 旅 運 同業 甚至 選擇 放 無 薪 假 但 花季 持續 鼓勵 民眾 多 走 出 家門 遠離 人潮 密集 的 地方 來 山裡 親近 大自然 泡 泡湯 以 增強 抵抗力 一起 對抗 這 波 世界級 的 寒冬 不只 旅行社 有 很 大 的 損失 我們 也 不 例外 黃慧萍 強調 為 提倡 民眾 出門 加強 民眾 的 防疫 觀念 花季 依然 會 持續 推出 許多 優惠 希望 民眾 能 認知 到 提升 自身 免疫力 才 是 對抗 新型 冠狀病毒 最佳 的 方式</t>
  </si>
  <si>
    <t>新冠肺炎 武漢肺炎 ncp 新型 冠狀病毒 全球</t>
  </si>
  <si>
    <t>新冠肺炎 covid-19 武漢肺炎 新型 冠狀病毒 ncp</t>
  </si>
  <si>
    <t>直播 記者會 新冠肺炎 武漢肺炎 新型 冠狀病毒</t>
  </si>
  <si>
    <t>2020 年 8 月 4 日 美國 科學家 雜誌 記者 巴拉 努克 chris baraniuk 撰寫 了 一 篇 健康 類 文章 特別 提到 最近 在 世界各地 研究 新冠肺炎 的 科學家 們 一 次 又 一 次 地 發現 了 一個 重複 出現 的 現象 那 就 是 從未 接觸 過 新冠 病毒 的 健康 者 血液 樣本 中 竟然 有 些 人 已經 擁有 了 對抗 新冠 病毒 的 t 細胞 和 抗體 這 將 可以 幫助 該位 健康 者 在 日後 罹 患 新冠肺炎 時 降低 疾病 的 嚴重 程度 科學家 於是 提出 大膽 假設 認為 有些 人 預先 擁有 了 對抗 新冠肺炎 的 免疫力 如果 此 項 假設 正確 這種 免疫力 就 可以 使 數 千 人 從新冠肺炎 死亡威脅 中 被 拯救 出來 2020 年 7 月 29 日 自然 雜誌 德國 的 一 組 科學家 在 68 位 完全 沒有 接觸 過 新冠 病毒 的 健康人 血液 樣本 裡 發現 其中 24 人 35 的 血液 中 存在 有 少量 的 t 細胞 會 和 新冠 病毒 表面 的 刺 突 蛋白 spike結合 這 表明 他們 體內 存在 著 新冠 病毒 的 免疫 抵抗力 但 為什麼 預先 就 會 有 免疫力 呢 一個 可能 的 解釋 是 這些 人 在 最近 被 另 一個 非常 類似 的 冠狀病毒感染 過 由於 可能 只 是 一個 普通 感冒 而已 因此 並未 注意 到 論文 作者 柏林 市 夏 裡特 醫學院 的 免疫 學 蒂爾 教授 andreas thiel 提到 幾 十 年 來 冠狀病毒 遍及 世界各地 通常 只 會 引起 人類 輕度 的 感染 與 不 舒服 像是 新冠肺炎 或是 sars 這種 非常 嚴重 的 疾病 還 是 比較 少見 儘管 這些 普通 的 冠狀病毒 與 新冠 病毒 並 不 一樣 但 縱使 相似 度 低 也 足以 使 某些 人 的 免疫系統 發生 交叉 反應 這 是 一個 可能 發生 的 事情 稍 早 2020 年 7 月 15 日 杜克 國大 醫學院 duke-nus medical school 的 免疫學家 勒 伯 特教 授 nina le bert 在 自然 雜誌 上 也 同樣 發現 17 年 前 曾 感染 sars 病毒 的 23 位 康複者 以及 從未 感染 過 sars 或 新冠 病毒 的 37 位 健康 者 竟然 都 擁有 可以 對抗 新冠肺炎 的 兩 種 免疫 t 細胞 cd 4 輔助 型 t 細胞 和 cd 8 殺手 型 t 細胞 從 新加坡 科學家 的 這項 發現 和 上述 德國 蒂爾 教授 的 發現 以及 更 多 沒有 在 這裡 提到 的 其他 研究成果 在在 顯示 某些 人類 早已 預先 存在 著 新冠肺炎 的 免疫 抵抗力 2020 年 8 月 4 日 在 科學 雜誌 上 的 一 項 研究 更進一步 發現 25 個 健康人 在 新冠肺炎 大 流行 之前 留下 的 血液 樣本 中 存在 可以 對抗 新冠 病毒 的 t 細胞 且 主要 是 和 病毒 之間 有 著 142 個 特定 的 結合點 epitopes 因此 大大的 支持 了 以前 只 要 接觸 過 類似 的 冠狀病毒 就 可能 會 讓 我們 的 免疫系統 擁有 對 下 一個 新型 冠狀病毒 的 交叉 免疫力 當然 勒 伯特 教授 說 要 100 確定 這些 預先 存在 的 t 細胞 是否 真的 對 新冠肺炎 具有 保護作用 也就是說 拿出 直接 證據 是 比較 困難 的 因為 您 需要 在 感染 前 後 對 同一個 人 進行 觀察 研究 再 加上 具有 交叉性 的 免疫力 也 不 意味著 人們 絕對 不 會 受到 感染 他們 可能 仍 會 出現 輕微 的 症狀 德國 蒂爾 教授 指出 這些 預先 存在 的 t 細胞 會 不 會 甚至 產生 相反 的 結果 最終 傷害 到 患者 也 未可知 例如 當 某人 經歷 過度 的 炎症 或 無法 清除 病毒 時 細胞 激素 風暴 特別是在 老年 人中 如果 此時 具有 這種 交叉 反應 性 t 細胞 可能 是 不好 的 另外 預先 存在 的 免疫 抵抗力 可能 不僅 限於 t 細胞 2020 年 7 月 23 日 發表 在 medrxiv 上 的 預 印本 的 論文 就 提到 新冠肺炎 在 英國 廣泛傳播 之前 2018 年 至 2020 年初 因為 其他 目的 預先 留存 的 英國 人 血液 樣本 中 就 發現 了 新冠肺炎 的 抗體 論文 作者 不僅 發現 從未 患 過 新冠肺炎 的 262 人 中 有 15 個人 57 具有 可以 和 新冠 病毒 反應 的 igg 抗體 而且 進一步 的 測試表明 這些 抗體 對 新冠 病毒 具有 中和 抵抗 作用 最 驚人 的 發現 之一 是 這些 抗體 在 1 至 16 歲 的 孩童 血液 中 更為 普遍 實際上 有 60 的 孩童 具有 中和 性 igg 抗體 比 具有 相同 抗體 的 成年人 比例 高出 一個 數量級 約 10 倍 論文 作者 英國倫敦 市 法蘭西斯·克裡克 研究所 the francis crick institute 的 免疫學家 比爾 教授 rupert beale 在 推特 上 說道 小孩子 通常 是 會 比較 頻繁 地 碰 觸到 其他 冠狀病毒 例如 引起 普通 感冒 的 那些 所以 可以 解釋 這個 現象 值得注意 的 是 雖然 比爾 教授 的 研究 小組 在 一些 受試者 中 檢測 到 igg 中和 抗體 但 德國 蒂爾 教授 及其 同事 的 研究 中 並 沒有 類似 的 發現 而 中和 抗體 的 存在 並 不能 保證 這些 兒童 對 新冠肺炎 免疫 但 確實 也 提供 了 一 種 可能 的 解釋 即 兒童 為什麼 通常 在 感染 該 疾病 時 都 會 出現 較 輕 的 症狀 英國曼徹斯特大學 的 免疫學家 克魯克申克 教授 sheena cruickshank 通過 電子 郵件 說 未 暴露 於新 冠狀病毒 的 健康 個體 並未 測到 另 一 種 類型 的 抗體 即 iga 這 可能 意味著 任何 先前 存在 的 免疫 保護 力都 受到 限制 她 補充 說 另 一大 警告 是 人們 對 普通 感冒 病毒 的 免疫力 不 被 認為 對 人們 而言 是 持久 的 無論 其 年齡 如何 因此 保護 作用 的 持久 性 是 值得注意 的 一 項 議題 在 新加坡 勒 伯特 教授 的 研究 中 患者 似乎 保留 了 t 細胞 免疫 抵抗力 近 二十 年 她 和 她 的 同事 在 他們 的 論文 中 寫道 這 對於 疫苗 研究者 是 一大 鼓舞 因為 這 證明 了 通過 某些 疫苗 獲得 的 免疫力 是 有 可能 持續 數 月 或 數 年 之久 的 大家 可以 預期 有效 疫苗 的 上市 真的 是 安定 民心 作者 為 陽明 大學 醫學院 教授 佛光大學 講座 教授</t>
  </si>
  <si>
    <t>伊朗 川普 新型 冠狀病毒</t>
  </si>
  <si>
    <t>來自 大陸 國家 衛生 健康 委員會 的 資料 顯示 截至 10 月 10 日 24 時 大陸 31 個 省區市 和 新疆生產建設兵團 已 連續 56 天 無 新 增 新冠肺炎 本土 確診 病例 和 疑似病例 大陸 度過 十一 長假 報 複式 旅遊 的 防疫 考驗 不過 11 日 上午 山東 青島市 卻 罕見 地 提前 公佈 當天 新增 3 位 無 症狀 感染者 病例 的 消息 3 例 無 症狀 感染者 與 青島市 胸科醫院 相關聯 令 人 憂心 是否 再 出現 醫院 群 聚 感染 此 消息 一 出來 青島市 連續 213 天 全 大陸 連續 56 天 無 本土 病例 的 成績 是否 毀於一旦 就 看 接下來 的 防疫 工作 執行 情況 連夜 實施 全 封閉 管 控 青島市 衛 健 委 11 日 上午 公佈 10 月 11 日 青島市 新增 3 例 新型 冠狀病毒 肺炎 無 症狀 感染者 其中 2 例 是 醫院 在 對 普通 就診 患者 進行 核酸 檢測 時 發現 1 例 在 對 排查 出 的 密切接觸 者 進行 即時 核酸 檢測 時 發現 3 例 無 症狀 感染者 與 市 胸科醫院 相關聯 該院 部分 獨立 區域 承擔 著 收治 境外 輸入 新冠 病毒感染者 的 任務 具體 感染 源 正 在 進一步 排查 中 青島 已 連續 213 天 無 本土 病例 接報 後 青島市 對 3 例 無 症狀 感染者 居住 的 社區 單元樓 青島市 胸科醫院 青島市 中心醫院 急診科 等 重點 場所 連夜 實施 全 封閉 管 控 並 對 環境 進行 全面 消毒 殺菌 大陸 衛健 委 公告 10 月 10 日 0 24 時 全 大陸 報告 新增 確診 病例 21 例 均 為 境外 輸入 病例 上海 10 例 廣東 6 例 四川 3 例 遼寧 1 例 福建 1 例 新增 無 症狀 感染者 23 例 均 為 境外 輸入 當日 轉為 確診 病例 2 例 均 為 境外 輸入 9 月 30 日 青島市 在 召開 記者會 介紹 近期 青島 疫情 防控 的 系列 情況 時 當時 青島市政府 副 秘書長 于冬泉 介紹 先前 青島港 大港 公司 境外 輸入 2 名 無 症狀 感染者 疫情 發生 後 迅速 對 重點 人群 重點 場所 實行 風險 管 控 對 進口 冷鏈 產品 和 從業人員 進行 全方位 全 覆蓋 追蹤 管理 本次 與 青島港 大港 公司 直接 關聯 的 疫情 得到 有效 控制 使 社區 傳播 的 可能性 很 小 防疫 工作 再次 受 考驗 沒 想到 大港 公司 2 名 無 症狀 感染者 2 次 igm 抗體 檢測 結果 均 為 陰性 進一步 證明 2 人 屬於 早期 感染者 且 沒有 新增 感染者 或 確診 病例 後 卻 又 發生 醫院 傳出 無 症狀 感染者 再度 考驗 防疫 工作</t>
  </si>
  <si>
    <t>輝瑞 疫苗 新冠肺炎 冠狀病毒 莫德納 疫苗 緊急 授權</t>
  </si>
  <si>
    <t>新冠肺炎 conid- 19 武漢肺炎 新型 冠狀病毒 台中</t>
  </si>
  <si>
    <t>新冠肺炎 武漢肺炎 新型 冠狀病毒 臺灣 就醫</t>
  </si>
  <si>
    <t>磐石 艦 新冠肺炎 感染者 之一 是 雲 林縣 民 密切接觸 者 有 8 人 19 日 第一 次 采 驗 結果 全是 陰性 衛福部 疾病 管制 署 昨 24 日 要求 二 采 甫 引進 聚合 酶 連鎖反應 儀 及 自動 核酸 萃 取 儀 的 台 大雲 林 分院 緊急 協助 采 驗 昨晚 化驗 結果 立即 出爐 8 人 二 采 仍 是 陰性 磐石 艦 首批 感染者 21 人 中 有 1 人 是 雲 林子弟 雲 林縣 衛生局 匡列 8 名 密切接觸 者 19 日 采 驗 病毒 及 居家 隔離 20 日 結果 出爐 8 人 都 是 陰性 因 疾 管署 要求 需 二 采 雲 林縣 衛生局 委 讬 台 大雲 林 分院 實驗室 統一 采 驗 該院 緊急 加班 24 日 晚上 9 點 檢驗 結果 出爐 二 采 8 人 仍 都為 陰性 台 大雲 林 分院 日前 引進 即時 聚合 酶 連鎖反應 儀 及 自動 核酸 萃 取 儀 自 4 月 20 日 起 提供 新型 冠狀病毒 核酸 檢驗 成為 疾病 管制 署 嚴重 特殊 傳染性 肺炎 指定 檢驗 機構 每日 最 大 檢驗 量 可 達 30 件 雲林縣 采 檢 的 個案 不必 再 外 送到 彰 化 檢驗</t>
  </si>
  <si>
    <t>世界衛生組織 who 發言人 賈 撒 列維克 tarik jasarevic 今天 表示 關於 南韓 中部 大 邱市 一帶 發生 新冠 病毒 群 聚 感染 世衛 正 與 南韓 保持 密切 聯繫 南韓 昨天 通報 20 起 2019 年 冠狀病毒 疾病 covid-19 武漢肺炎 新增 感</t>
  </si>
  <si>
    <t>世界衛生組織 who 發言人 賈 撒 列維克 tarik jasarevic 今天 表示 關於 南韓 中部 大 邱市 一帶 發生 新冠 病毒 群 聚 感染 世衛 正 與 南韓 保持 密切 聯繫 南韓 昨天 通報 20 起 2019 年 冠狀病毒 疾病 covid-19 武漢肺炎 新增 感染 病例 其中 14 人 與 大 邱 市數 起 教堂 禮拜 疫情 有關 當局 稱 這 是 超級 傳播 事件 賈 撒 列維克 以 電 郵 告訴 路透社 回 應大 邱市 地區 新冠 病毒 群 聚 感染 確診 病例 世衛 正 與 南韓 政府 進行 密切 溝通 他 還 說 世衛 不 會 以 超級 傳播 作為 術語 然而 可能 發生 大量 感染者 來自 同一 源頭 的 傳播 事件 這 可能 因為 一連串 環境 及 流行病 學 原因 而 發生</t>
  </si>
  <si>
    <t>新冠肺炎 武漢肺炎 新型 冠狀病毒 covid-19 伊朗</t>
  </si>
  <si>
    <t>國家 烈士 新冠肺炎 武漢肺炎 新型 冠狀病毒</t>
  </si>
  <si>
    <t>新冠肺炎 武漢肺炎 新型 冠狀病毒 臺灣 口罩</t>
  </si>
  <si>
    <t>新冠肺炎 武漢肺炎 新型 冠狀病毒 臺灣 醫療 院所</t>
  </si>
  <si>
    <t>去年 4 月 美國 國務卿 蓬佩 奧 宣稱 中 美 貿易 戰爭 不 只 是 貿易 而且 是 科技 甚至 是 整體 文明 的 對抗 從此 之後 敏銳 的 觀察家 就 到處 可以 看到 這 兩 大 文明 之間 的 尖銳 對抗 今年 是 庚子 年 春節 過後 新冠肺炎 在 武漢 爆發 2 月 3 日 美國 華爾街日報 刊出 一 篇文章 題目 為 中國 是 真正 的 亞洲 病夫 劈 頭 就 說 因為 某種 蝙蝠 病毒 像 不可 阻擋 的 重型 卡車 般的 中國 終於 在 本 周 停 住 了 儘管 中國 當局 努力 控制 疫情 並重 啟 經濟 發展 但 這個 正 逐漸 習慣 中國崛起 勢不可擋 的 世界 已然 發現 沒有 什麼 東西 包括 中國 的 實力 可以 視為 理所當然 寫 這 篇文章 的 專欄作家 瓦特·米德 是 美國 哈德森 學院 外交 戰略 與 政策 研究 學者 他 的 幸災樂禍 反映 出 美國 的 主流 意見 一時之間 西方 主流 媒體 和 社交 網路 充斥 著 諸如 新 黃禍 黃色 警戒 之類 帶有 種族歧視 的 粗鄙 語言 德國 明鏡 週刊 甚至 以 中國 製造 的 冠狀病毒 作為 封面 標題 2 月初 美國 和 日本 從 武漢 撤 僑 美國 是 純 撤 僑 並未 捐贈 任何 醫療 物資 給 中國 大陸 日本 的 飛機 則 帶 來 兩萬 個 口罩 和 一 批 紅外線 體溫計 日本 漢語 水準 考試 事務所 捐贈 的 包裝 紙箱 上 寫 著 山川 異域 風月 同 天 日本 醫藥 仁 心 會 等 4 家 機構 捐贈 的 物資 上 寫 著 豈 曰 無 衣 與 子 同 裳 後者 出自 詩經 秦風 前者 則 是 取自 唐代 日本 長屋 王 邀請 鑒 真 法師 到 日本 弘法時 送給 大 唐千領 袈裟 上 繡 的 偈語 山川 異域 風月 同 天 寄 諸 佛子 共 結 來 緣 難怪 中國外交部 發言人 華春瑩 立即 表示 銘記在心 天道好還 到 了 3 月 上旬 新冠 疫情 在 中國 大陸 已經 基本上 受到 控制 但 在 歐洲和 中東 快速 蔓延 開來 其中 以 義 大利 和 伊朗 最為 嚴重 3 月 10 日 義 大利 外交部長 迪 馬約 向 中國 求援 中國 外交部長 王毅 立刻 答應 提供 義國 急需 的 口罩 及 醫療 設備 同時 大陸 國務院 聯防 聯控 外事 處 宣佈 成立 院士 級 的 中國紅十字會 志願 專家組 準備 對 伊朗 或 其他 需要 説明 的 國家 輸出 中國 防疫 經驗 當 中國 已經 學會 源自 西方 的 科技 甚至 已經 青出於藍而勝於藍 的 時代 所謂 中 美 文明 對抗 並 不僅 止 是 綜合國力 的 對抗 而且 是 價值觀 和 世界觀 的 對抗 東方 傳統 人饑己饑 人溺己溺 的 價值觀 和 西方 個人主義 的 價值觀 究竟 何者 比較 能夠 幫助 人類 應付 大自然 的 挑戰 將 在 這次 的 新冠肺炎 危機 中 展現 無 遺 大家 且 拭目以待 作者 為 國立臺灣大學 心理 系 名譽教授</t>
  </si>
  <si>
    <t>新型 冠狀病毒 引起 的 肺炎 covid-19 席捲 全球 影響 本國 企業 及 農 漁民 日常 營運 與 資金 調度 全國 農業 金庫 配合 政府 訂 定 產業 紓困 振興 方案 減低 受 疫情 衝擊 業者 負擔 協助 本國 企業 及 農 漁民 渡過難關 全國 農業 金庫 應 新冠</t>
  </si>
  <si>
    <t>新型 冠狀病毒 引起 的 肺炎 covid-19 席捲 全球 影響 本國 企業 及 農 漁民 日常 營運 與 資金 調度 全國 農業 金庫 配合 政府 訂 定 產業 紓困 振興 方案 減低 受 疫情 衝擊 業者 負擔 協助 本國 企業 及 農 漁民 渡過難關 全國 農業 金庫 應 新冠肺炎 疫情 紓困 貸款 措施 如下 一 受 新冠肺炎 影響 之 農 漁 民 業者 農民 團體 農 企業 外銷 業者 視 其 符合 專案 農貸 資格 提供 利率 079 168 之 優惠 貸款 二 中小企業 優惠 貸款 專案 可 搭配 中小 信 保 基金 保證 機制 利率 前 三 個 月 最低 183 起 融資 期限 最 長三 年 三 提供 舊貸 戶 還款 困難者 可 申請 延期 還款 及 本金 寬緩 四 受理 期間 即日起 至 2020 年 12 月 31 日</t>
  </si>
  <si>
    <t>居家 檢疫 侯友宜 新冠肺炎 新型 冠狀病毒 ncp</t>
  </si>
  <si>
    <t>陸媒 報導 四川 成都 一 治癒 者 出院 10 日後 複 檢 出 核酸 陽性 確認 二 次 感染 據 央 視 報導 2 月 19 日 四川 成都 望江錦 園 出現 一 治癒 10 日後 回家 隔離 的 新型 冠狀病毒 患者 目前 該 患者 和 家屬 都 送至 醫療 機關 治療 今日 21 日</t>
  </si>
  <si>
    <t>陸媒 報導 四川 成都 一 治癒 者 出院 10 日後 複 檢 出 核酸 陽性 確認 二 次 感染 據 央 視 報導 2 月 19 日 四川 成都 望江錦 園 出現 一 治癒 10 日後 回家 隔離 的 新型 冠狀病毒 患者 目前 該 患者 和 家屬 都 送至 醫療 機關 治療 今日 21 日 該 社區 物業 發 佈 了 告 全體 業主 書 全文如下 望 江錦園 新型 冠狀病毒 疫情 防控 通報 各位 業主 2 月 19 日 下午 接 社區 通知 5 棟 3 樓 治癒 回家 隔離 的 新型 冠狀 病患者 回家 隔離 第 10 天 患者 及 家屬 均 未出 過門 所 需 物資 由 物業 送上門 按 統一 要求 需 出 門 到 定點醫院 複 檢 出門 路線 從 消防 樓梯 下樓 經 單元 大廳 出 樓棟 再經 總 平 道路 出 社區 大門 出門 要求 戴 口罩 手套 當天 晚上 再次 接 社區 通知 患者 的 複 檢 結果 為 核酸 陽性 醫療機構 需 馬上 接 走 患者 及 家屬 做 進一步 的 核查 及 隔離 觀察 19 日 23 00 左右 和 20 日 淩晨 1 00 左右相關 機構 先後 接 走 家屬 及 患者 出門 路線 從 消防 樓梯 下樓 經 單元 大廳 出 樓棟 再經 總 平 道路 出 社區 大門 出門 要求 患者 戴 口罩 手套 家屬 戴 口罩 物業 及 疾 控 中心 隨即 對 該 患者 及 家屬 從 家 出 門 到 社區 大門 所 經過 的 路線 進行 了 全面 的 消 殺 詳 見 照片 物業 中心 將 會 持續 對 該樓 棟 進行 重點 消 殺 持續 跟進 該 患者 的 情況 及時 向 全體 業主 通報</t>
  </si>
  <si>
    <t>二 次 感染 新冠肺炎 央 視 武漢肺炎 新型 冠狀病毒</t>
  </si>
  <si>
    <t>新冠肺炎 武漢肺炎 新型 冠狀病毒 臺灣 市場</t>
  </si>
  <si>
    <t>新冠肺炎 covid-19 的 疫情 持續 升溫 各國 也 積極 投入 疫苗 與 藥物 的 開發 還有 不少 人 針對 自己 的 專業 提出 防疫 小 撇 步 像是 俄羅斯 一 名 性 學 專家 日前 就 在 自己 的 課程 中 提出 一 項 論點 認為 透過 性愛 高潮 可以 達到 防疫 的 效果 也 認為 許多 染病 的 年長者 就是 因為 缺乏性 活動 病情 才會 如此 嚴重 natalia kobylkina official @nataliakobilkina 分享 的 貼 文 於 pdt 2020 年 3 月 月 18 日 上午 4 23 張貼 根據 外 媒 報導 俄羅斯 的 知名 性 學 專家 納塔莉亞科比 姬 奈 natalia kobikinai 因為 經常 在 網路上 分享 豐富 的 性愛 資訊 或 相關 知識 讓 她 受到 眾多 粉絲 推崇 近日 她 在 線 上 的 課程 中 向 學員 聲稱 性愛 可以 達到 防疫 的 效果 此 論點 也 瞬間 在 網路上 掀起 熱烈 的 討論 納塔莉亞 認為 性行為 可以 刺激 人體 的 免疫系統 表現 投入 的 口 愛 還 能 提升 高朝 的 效果 進一步 掃除 冠 狀 病毒 這個 業障 她 提到 我 可以 向 你 保證 性高潮 會 殺死 所有 冠狀病毒 因為 性愛 可以 激發 你 的 免疫系統 對 冠狀病毒 有 很 好 的 預防 作用 至於 年長者 為什麼 會 容易 生病 正是 因為 他 她 們 缺乏 性高潮 如果 有 充足 的 性行為 活動 他 她 們 就 更 能 對 抗 病毒 但是 目前 這 番 論點 尚未 被 醫學界 證實 也 有 不 網友 不 認同 她 的 說法 奉勸 她 不 要 胡說八道</t>
  </si>
  <si>
    <t>新冠肺炎 covid-19 武漢肺炎 新型 冠狀病毒 居家 隔離</t>
  </si>
  <si>
    <t>武漢肺炎 新型 冠狀病毒 全球 威士特丹 號 柬埔寨</t>
  </si>
  <si>
    <t>武漢肺炎 新型 冠狀病毒 大陸 新冠肺炎 npc</t>
  </si>
  <si>
    <t>武漢肺炎 新 形 冠狀病毒 新冠肺炎 ncp covid-19</t>
  </si>
  <si>
    <t>國光 生 技 子公司 安特羅 6564 開發 的 speedy 新型 冠狀病毒 抗原 快速 檢驗 試劑 正式 取得 歐盟 ce-ivd 認證 得於 歐洲 市場 銷售 將 積極 進軍 海外 市場 國際 新冠肺炎 疫情 持續 延 燒 至今 未 減緩 歐美 不少 國家 準備 啟動 新 一 波 的 封鎖 動</t>
  </si>
  <si>
    <t>國光 生 技 子公司 安特羅 6564 開發 的 speedy 新型 冠狀病毒 抗原 快速 檢驗 試劑 正式 取得 歐盟 ce-ivd 認證 得於 歐洲 市場 銷售 將 積極 進軍 海外 市場 國際 新冠肺炎 疫情 持續 延 燒 至今 未 減緩 歐美 不少 國家 準備 啟動 新 一 波 的 封鎖 動作 加上 各國 逐步 調整 邊境 防疫 標準 推動 檢測 試劑 需求 大 增 安特羅 開發 之 speedy 新型 冠狀病毒 抗原 快速 檢驗 試劑 依據 臨床 試驗 資料 顯示 具有 高靈敏度 sensitivity 及 高度 專一性 specificity 可 透過 簡易 的 操作 方式 無須 任何 儀器設備 於 15 分鐘 內 可 得知 結果 尤其 近日 英國 封城 三十萬 人 逃離 倫敦 導致 邊境 交通 大亂 如果 能 運用 快 篩 在 機場 車站 等 運輸 據點 快速 檢疫 可 立即 對於 任何 疑 似 新冠肺炎 感染者 提供 初步 快速 之 判斷 依據 將 有助於 兼顧 邊境 防疫 及 民眾 交通 安特羅 已 規劃 向 食品 藥物 管理署 tfda 提出 國內 專案 製造 與 美國 eua 緊急 使用 授權 申請 目標 瞄準 國際 市場</t>
  </si>
  <si>
    <t>美國 醫療 研究 團隊 開始 進行 新冠肺炎 疫苗 的 臨床 試驗 16 日 在 美國 重災區 華盛頓州 展開 第一 批 病 患 注射 疫苗 研發 進度 領先 全球 根據 美聯社 報導 華盛頓 研究 中心 kaiser permanente washington research institute 於 16 日 開始 試驗 新冠肺炎 的 疫苗 第一 批 自願 接受 臨床 試驗 的 病 患 共有 45 位 當日 接受 第一 劑 一個 月 後 再 注射 第二 劑 美國 衛生 研究院 的 法 奇 anthony fauci 表示 我們 對於 研究 的 成果 很 有 信心 但 今天 的 臨床 試驗 只 是 第一 步 即便 試驗 的 結果 非常 理想 要 生產 足夠 全球 使用 的 劑量 也 需要 12 到 18 個 月 他 也 說明 這 只 疫苗 的 成分 裡 不 含有 冠狀病毒 本身 相當 安全 全球 各 大 藥廠 及 醫學 中心 都 在 這 場 疫苗 研發 競賽 中 較勁 近期 即將 進行 試驗 的 疫苗 多 達 十 餘 種 目前 以 美國 的 進度 最 快</t>
  </si>
  <si>
    <t>因 伊朗 南韓 與 義 大利 疫情 急速 升高 美國聯邦 疾病 管制 與 預防 中心 cdc 週二 告訴 美國 民眾 應 開始 為 新型 冠狀病毒 疫情 的 境內 傳播 預 做 準備 新冠肺炎 將 打擊 全球 成長 的 擔憂 使 金融市場 陷入 劇烈 震盪 週二 美 股 爆 量 重 挫</t>
  </si>
  <si>
    <t>因 伊朗 南韓 與 義 大利 疫情 急速 升高 美國聯邦 疾病 管制 與 預防 中心 cdc 週二 告訴 美國 民眾 應 開始 為 新型 冠狀病毒 疫情 的 境內 傳播 預 做 準備 新冠肺炎 將 打擊 全球 成長 的 擔憂 使 金融市場 陷入 劇烈 震盪 週二 美 股 爆 量 重 挫 道 瓊 指數 與 標 普 500 指數 連兩日 跌 逾 3 截至 週二 為止 伊朗 的 新冠肺炎 死亡 病例 增至 16 人 成為 中國 境外 確診 死亡 人數 最 多 的 國家 義 大利 的 確診 死亡 病例 達到 11 人 目前 全球 約 30 個 國家 與 地區 已經 遭到 病毒 入侵 中國 境外 的 確診 死亡 病例 已經 超過 40 人 稍 早 前 瑞士 宣佈 首例 確診 南韓 則 宣佈 確診 人數 突破 千 例 達到 1146 人 世界衛生組織 who 官員 表示 伊朗 義 大利 與 南韓 的 疫情 急速 惡化 特別 令人擔憂 這個 去年 年底 起源 於 中國 武漢市 的 傳染病 在 中國 全境 的 確診 病例 數 達到 77755 例 死亡 人數 達 2665 人 全球 確診 病例 突破 8萬 人 累計 死亡 人數 超過 2700 人 然而 who 卻 表示 自 2 月 2 日 起 疫情 已經 持續 減緩 美國 cdc 官員 nancy messonnier 博士 週二 表示 過去 一 周 的 病毒 擴散 資料 已經 使 cdc 對於 美國 境內 傳播 的 預期 升高 她 並 警告 可能 嚴重 打亂 日常生活 另 一 名 cdc 官員 anne schuchat 博士 表示 現在 已 不再 是 病毒 是否 將 變成 全球 大 流行 的 傳染病 而是 何時 與 多少 人 會 遭到 感染</t>
  </si>
  <si>
    <t>新冠肺炎 武漢肺炎 新型 冠狀病毒 臺灣 媽祖</t>
  </si>
  <si>
    <t>義 大利 新冠肺炎 疫情 已 近乎 失控 狀態 日前 確診 病例 被 伊朗 超越 後 8 日 報告單 日 新增 1247 例 累計 已 達 5883 例 再度 超越 伊朗 的 5823 例 該國 聯合 執政 的 民主黨 黨魁 津 加雷蒂 nicola zingaretti 亦 在 臉書 發表 視頻 表示 他 已 被 檢測 出 感染 新型 冠狀病毒 正 在 家 自我 隔離 據 海外 網 報導 義 大利 政府 8 日 發 佈 疫情 統計資料 顯示 該國 新型 冠狀病毒 肺炎 確診 病例 已 由 4636 例 上升 至 5883 例 單日 新增 1247 例 死亡 病例 則 從 197 例 上升 至 233 例 這 是 義 大利 確診 病例 數 日前 被 伊朗 超越 後 又 再度 追上 伊朗 兩 國 疫情 幾乎 成 拉鋸 狀態 另 據 環球 網 報導 說 義 大利 聯合 執政 的 民主黨 主席 津 加雷蒂 當地 時間 週六 在 臉書 發表 視頻 表示 他 已 被 檢測 出 新型 冠狀病毒 呈 陽性 目前 正 在 家中 自我 隔離 最近 幾 天 與 他 接觸 的 所有人 都 在 接受 檢測 自己 目前 狀態 還 不錯 他 呼籲 民眾 不要 慌張 要 積極 對抗 疫情 並 表示 自己 在 這個 時刻 會 努力 樹立 一個 好榜樣 遵守 防疫 規定 義 大利 總理 孔蒂 giuseppe conte 日前 宣佈 政府 將 撥款 75億 歐元 合 台幣 2565億 用於 支援 全國 家庭 以及 企業 應 對 疫情 帶來 的 緊急狀況 孔蒂 強調 整個 國家 必須 團結 一致 對抗 病毒 否則 我們 將 很 難 戰勝 這 場 危機 義大利衛生部 則 要求 醫療機構 加快 釋放 重症 監護 病床 增加 醫護人員 力量 民防 部門 則 建立 起 醫療 救援 行動 指揮中心 協調 病 患 轉運 義 大利 國防部 則 提供 2200 個 房間 6600 個 床位 用於 隔離 觀察 義 大利 國家 衛生 研究所 傳染病 部門 負責人 喬瓦尼 雷劄 曾說 預計 未來 一段時間 確診 病例 數 還 會 以 較 高 速度 增長 目前 正在 研究 擴大 紅區 封閉 區域 範圍 的 可行性 顯示 近期 義 大利 有 可能 封閉 隔離 更 多 的 城鎮 據 報導 義 大利 是 受 新冠 病毒 肆虐 最 嚴重 的 歐洲 國家 義 大利 政府 本 周 已 下令 關閉 學校 大學 電影院 和 劇院 等 公共場所 並 在 疫情 最 嚴重 的 地區 實施 封閉 隔離政策 完全 禁止 區內 民眾 離開 隔離 區 以 遏制 新型 冠狀病毒 的 傳播</t>
  </si>
  <si>
    <t>新冠肺炎 武漢肺炎 新型 冠狀病毒 covid-19 義 大利</t>
  </si>
  <si>
    <t>新冠肺炎 武漢肺炎 新型 冠狀病毒 臺灣 采 檢</t>
  </si>
  <si>
    <t>保加利亞 總統 辦公室 今天 表示 副 總統 依 奧托娃 iliana yotova 確診 2019 冠 狀 病毒 疾病 covid-19 武漢肺炎 她 僅 有 輕微 症狀 健康狀況 大致 良好 總統 辦公室 聲明 也 提到 保加利亞 總統 拉德夫 rumen radev 經檢測 對 新型 冠狀病毒 呈 陰性反應 根據 美國 約翰霍普金斯大學 johns hopkins university 網站 統計 保加利亞 累計 確診 21萬6416 例 病故 人數 達 8916 人 譯者 楊昭彥 1100128</t>
  </si>
  <si>
    <t>武漢肺炎 新型 冠狀病毒 全球 川普 who</t>
  </si>
  <si>
    <t>新冠肺炎 武漢肺炎 新型 冠狀病毒 covid-19 川普</t>
  </si>
  <si>
    <t>居家 檢疫 北 市府 柯文哲 新冠肺炎 新型 冠狀病毒</t>
  </si>
  <si>
    <t>新冠肺炎 武漢肺炎 新型 冠狀病毒 covid-19 返國</t>
  </si>
  <si>
    <t>1 死 新冠肺炎 武漢肺炎 新型 冠狀病毒 臺灣</t>
  </si>
  <si>
    <t>武漢肺炎 新型 冠狀病毒 全球 美國 加州</t>
  </si>
  <si>
    <t>新冠肺炎 covid-19 武漢肺炎 新型 冠狀病毒 蘇貞昌</t>
  </si>
  <si>
    <t>新冠肺炎 武漢肺炎 新型 冠狀病毒 covid-19 2020 年</t>
  </si>
  <si>
    <t>新冠肺炎 疫情 延 燒 新北 市 瑞芳區 的 蝙蝠洞 公園 也 大 受 影響 因 傳 新冠肺炎 疫情 與 蝙蝠 有關 不少 遊客 走訪 東 北角 旅遊 的 時候 特別 回避 蝙蝠洞 一帶 臺灣 蝙蝠 學會 指出 新冠 病毒 是否 從 蝙蝠 感染 到 人體 還 需 研討 但 蝙蝠 學會 呼籲 以 管制 人類 與 蝙蝠 的 接觸 來 減少 蝙蝠 病毒 轉變成 人類 病毒 的 機會 才是 上策 瑞芳區 海濱 裡長 鄧 麗 華 指出 在 蝙蝠洞 公園 內 棲息 的 蝙蝠 為 東亞 折 翅 蝠 與 被 懷疑 和 新冠肺炎 疫情 相關 的 菊 頭 蝠 為 不 一樣 的 品種 她 強調 當地 的 居民 都 知道 所以 請 前來 觀光 的 遊客 都 免 驚 在 蝙蝠洞 公園 並 不 會 有 傳染 疾病 的 風險 折 翅 蝠 的 移 轉 前來 停留 的 時間 為 5 月 到 9 月 針對 民眾 擔心 蝙蝠洞 是否 會 有 傳染 風險 新北 市 動 保 處長 陳 淵泉 受訪 時 表示 到 目前為止 對於 蝙蝠 跟 新型 冠狀病毒 之間 的 關係 沒有 任何 科學 證據 顯示 有 直接 的 關係 所以 請 大家 不必 恐慌 他 也 提醒 觀賞 蝙蝠 或 其他 動物 的 時候 他 請 前往 旅遊 的 民眾 遵循 不 撿 十 不 喂 食 不要 有 直接 的 接觸 的 三不 原則 保持 距離 不要 恐慌 便 可以 大幅 降低 危險性 陳 淵泉 也 指出 雖然 蝙蝠洞 目前 還 不 會 封鎖 但 若 有 旅客 要 進入 到 蝙蝠洞 內 請於 進入 前後 做好 勤洗手 及 消毒 的 工作 避免 有 任何 的 疑慮 發生</t>
  </si>
  <si>
    <t>新冠肺炎 武漢肺炎 新型 冠狀病毒 臺灣 餐 點</t>
  </si>
  <si>
    <t>新冠肺炎 covid-19 武漢肺炎 全球 新型 冠狀病毒</t>
  </si>
  <si>
    <t>拓 也 哥 同志網 紅 新冠肺炎 武漢肺炎 新型 冠狀病毒</t>
  </si>
  <si>
    <t>澎湃 新聞 28 日 報導 中國科學院 微生物研究所 官方 微信 27 日 發佈 消息 稱 由 中國科學院 微生物研究所 和 智飛龍 科 馬 聯合 研發 的 新冠 重組 蛋白 疫苗 在 北京 落地 開 打 來自 該 疫苗 研發 基地 中科院 微生物 所 的 部分 科研 工作者 在 海澱區 的 中科院 疫苗 接種 專場 注射 了 第一 針 新冠 病毒 疫苗 接種 技術 指南 第一版 顯示 新冠 重組 蛋白 疫苗 採用 三 針 免疫 程式 相鄰 2 劑 之間 的 接種 間隔 建議 大於 4 周 第 2 劑 儘量 在 接種 第 1 劑 次 後 8 周 內 完成 第 3 劑 儘量 在 接種 第 1 劑 次 後 6 個 月 內 完成 新冠 重組 蛋白 疫苗 是 大陸 佈局 的 五 條 疫苗 技術 路線 之一 由 中科院 微生物 所 高福 院士 嚴景華 研究員 戴連攀 研究員 等 團隊 攻關 研發 據 中國科學院 微生物研究所 介紹 3 月 10 日 該 疫苗 在 大陸 獲 批 緊急 使用 陸續 在 安徽 浙江 江蘇 山東 貴州 湖北 河南 等 地 投入 注射 5 月 3 日 第一 批新冠 重組 蛋白 疫苗 在 北京 順利 生產 下 線 該 疫苗 是 大陸 第 四 款 獲 批 緊急 使用 的 新冠 疫苗 也 是 國際 上 第 一個 獲 批 臨床 使用 的 新冠 病毒 重組 亞 單位 蛋白 疫苗 中國科學院 微生物研究所 表示 新冠 重組 蛋白 疫苗 技術 原理 和 已經 運用 很 成熟 的 b 肝 疫苗 類似 它 是 採用 dna 重組 技術 由 重組 cho 細胞 表達 的 新型 冠狀病 毒刺 突 糖蛋白 受體 結合 區 ncp-rbd 蛋白 經過 純化 加入 氫氧化鋁 佐劑 製成 混 懸 型 注射液 接種 後 可 刺激 機體 產生 抗 新型 冠狀病毒 的 免疫力 新冠 重組 蛋白 疫苗 在 18 59 歲 成年人 中 開展 的 期 臨床 試驗 顯示 受試者 接種 2 劑 後 中和 抗體 陽 轉 率 達 83 受試者 接種 3 劑 後 中和 抗體 陽 轉 率 達 97 接種 後 無 嚴重 不良反應 發生 符合 亞 單位 疫苗 不良反應 小 的 特點 且 產生 的 中和 抗體 水準 與 目前 國際 上 重組 蛋白 疫苗 mrna 新冠 疫苗 相當 達到 國際 先進 水準 在 60 歲 及 以上 老年人 中 開展 的 期 試驗 顯示 受試者 接種 3 劑 後 中和 抗體 陽 轉 率 達 95 未 發生 與 疫苗 相關 的 嚴重 不良反應 該 疫苗 生產 採用 工程化 細胞 cho 生產 重組 蛋白 不 需要 高等級 生物安全 實驗室 生產 廠房 生產工藝 穩定 可靠 可以 快速 實現 國內外 大規模 產業化 生產 顯著 降低 了 疫苗 生產成本 且 存儲 和 運輸 便捷</t>
  </si>
  <si>
    <t>新冠肺炎 武漢肺炎 新型 冠狀病毒 ncp 大陸</t>
  </si>
  <si>
    <t>從 舊曆 年 開始 新冠肺炎 ncp 逐漸 蔓延 全球 臺灣地區 目前 疫情 雖 控制 不錯 但 仍 須 料 敵 從嚴 國 中小 停課 至 2 月 25 日 開學 台中 市南 屯 區 各裡 不少 裡長 也 自主 比照辦理 原 社區 課程 也 都延 後 看 疫情 情況 再 複課 以防堵 疫情 擴散 到 社區 防疫 要 料 敵 從嚴 南屯 裡長 林 秋潭 說 新冠肺炎 傳染 者 有的 也 是 無 症狀 傳染 有 裡民 對於 封閉性 教室 上課 有 疑慮 於是 從 過 年 後 對於 自辦 的 課程 如 書法 繪畫 課 等 已 延後 開課 將 視 疫情 再 決定 什麼 時候 複課 而 原定 志 工 春 酒 自強 活動 等 也 都 延期 另外 林秋潭 說 自 旺 旺 集團 開放 裡長 可 免費 領取 水神 抗 菌 液 次氯酸 水 後 也 到 水神 供應 站 領取 並 在 裡長 臉書 公告 讓 有 需要 的 裡民 到 辦公室 來 領取 而 寶 山裡 同 心裡 春 安 裡 文山裡 大 誠 裡 大業 裡 等 舉凡 如 歌唱 班 日語 班 親 子 閱讀 班 兵 乓 球 插花 班 等 不是未 開課 就是 將 開課日期 後延 力求 自己 的 社區 自己 管好 幫忙 減輕 政府 防疫 的 壓力 三 厝 裡長 黃俊銘 則 表示 裡 內 課程 也 全部 停止 上課 尤其 上課 的 裡民 大多 是 長輩 為了 大家 的 安全 還 是 暫時 停課 另外 由於 自己 以往 也 都 是 水神 的 長期 顧客 知道 水神 抗 菌 液 的 功效 這次 旺 旺 集團 能 免費 提供 幫助 防疫 真的 很 感謝 自己 準備 了 三大 桶 容器 到 供應 站 領取 回來 再 轉發給 裡民 每人 可 領 500 ml 因 一小 瓶 就 可用 很 久 供貨 充足 並未 有 排隊 情形 一般 市面上 常見 的 消毒 產品 有 酒精 幹 洗手 漂白 水 及 次氯酸 水 等 而 水神 抗 菌 液 是 微 酸性 次氯酸 水 具有 天然 無害 環保 無殘留 及 無副作用 等 特性 次氯酸 水 抗 菌 力 達到 999 以上 適用于 兒童 孕婦 溫和 不 刺激 可 有效 對抗 腸病毒 肺炎 桿菌 等 10 大 病菌 廣泛 用於 企業界 食品業 餐飲業 武漢肺炎 新冠肺炎 新型 冠狀病毒 防疫 水神抗 菌 液 社區 防疫 臺灣 裡長 ncp</t>
  </si>
  <si>
    <t>新冠肺炎 武漢肺炎 新型 冠狀病毒 臺灣 大陸</t>
  </si>
  <si>
    <t>新冠肺炎 武漢肺炎 新型 冠狀病毒 ncp 日本</t>
  </si>
  <si>
    <t>新冠肺炎 武漢肺炎 新型 冠狀病毒 臺灣 who</t>
  </si>
  <si>
    <t>新冠 病毒 肺炎 正 在 全球 迅速 擴散 世界 各國 正 加速 研製 治療 的 特效藥 與 疫苗 據 美國有線電視新聞網 cnn 報導 由 ibm 集團 研發 配備 ai 人工智慧 能力 的 超級 電腦 高峰 summit 已經 分析 了 數 千 種 藥品 配方 並 辨識 出 其中 77 種 可 能 有效 的 新冠 病毒 藥物 成分 cnn 指出 研發 新型 冠狀病毒 藥物 已經 是 現階段 科學家 面臨 的 最 大 挑戰 而且 隨 著 疫情 快速 擴大 藥物 研發 的 速度 必須 加快 這 也 是 目前 全球 速度 最 快 的 超級 電腦 參與 新冠 病毒 藥物 研究 最 主要 的 目標 科學家 形容 說 以 人工智慧 電腦 辨識 藥物 功能 是 開發新冠 病毒 藥物 的 重要 步驟 有助 研發 對抗 這種 病毒 的 有效 疫苗 報導 說 配備 有 人工智慧 的 ibm summit 超級 電腦 模擬 了 數 千 種 藥物 配方 分析 哪些 合成 藥物 可以 有效 阻止 病毒感染 人類 細胞 目前 超級 電腦 已 辨識 出 其中 的 77 種 這些 藥物 資訊 也 增加 了 新冠 病毒 疫苗 研發 的 希望 cnn 表示 美國 橡樹 嶺 國家 實驗室 oak ridge national laboratory 的 研究 人員 在 國際 化學 學會 開放式 論文 預 印 網 chemrxiv 上 發表 了 他們 最新 的 研究成果 ibm 高峰 超級 電腦 會 是 美國能源部 於 2014 年 委 讬 ibm 建造 它 是 目前 全球 運行 速度 最 快 的 超級 電腦 其 主要 功能 是 解決 全世界 所 共同 遭遇 的 重大 問題 它 有 200 個 每 秒 浮點運算 petaflops 能力 這 意味著 它 的 計算 速度 是 每 秒 200萬億 次 其 運算 能力 相當於 一般 筆記型電腦 的 100萬 倍 高峰 超級 電腦 位於 美國 田納西州 的 橡樹 嶺 國家 實驗室 內 它 在 先前 的 多 項 研究 中 已 確定 導致 阿茲海默 症 的 腦細胞 系統 模式 也 分析 出 鴉片 類 藥物 成 癮 特徵 的 基因 同時 還用 氣候 大規模 資料 的 類比 並 預測 了 極端 氣候 的 出現</t>
  </si>
  <si>
    <t>新冠肺炎 武漢肺炎 新型 冠狀病毒 臺灣 紓困</t>
  </si>
  <si>
    <t>為 有效 防範 新型 冠狀病毒 疫情 蔓延 台東 縣政府 今日 正式 函文 通知 各鄉鎮 市公所 建議 轄內 各 原住 民族 部落 今年 度 歲 時 祭 儀 停辦 或 延後 辦理 視 疫情 規劃 辦理 情形 掌握 部落 自發性 的 祭 儀及 活動 並 應訂 定 相關 應變 機制 以 做 好</t>
  </si>
  <si>
    <t>口罩 李 來希 新冠肺炎 新型 冠狀病毒 ncp</t>
  </si>
  <si>
    <t>寶瓶 星號 的 朋友 們 大家 好 我 是 衛生 福利 部 部長 我們 可以 回家 了 2 月 8 日 衛生 福利 部長 陳時中 親自 率領 檢疫 人員 登上 寶瓶 星號 郵輪 針對 船上 較 高風險 可能 感染 2019 年 新型 冠狀病毒 又 稱 武漢肺炎 的 128 名 旅客</t>
  </si>
  <si>
    <t>寶瓶 星號 的 朋友 們 大家 好 我 是 衛生 福利 部 部長 我們 可以 回家 了 2 月 8 日 衛生 福利 部長 陳時中 親自 率領 檢疫 人員 登上 寶瓶 星號 郵輪 針對 船上 較 高風險 可能 感染 2019 年 新型 冠狀病毒 又 稱 武漢肺炎 的 128 名 旅客 採樣 檢疫 檢驗 結果 出爐 後 確認 全數 為 陰性 船上 1709 名 台籍 旅客 可以 順利 回家 也 讓 全國 民眾 放下 心中 一塊 大石 向來 衛福 部長 或 衛生 署 署長 我們 醫 界 一 聽到 就是 罵 的 啦 這次 疫情 的 事 陳時中 忙 到 現在 連 第一 線 醫療 人員 都會 說 你 辛苦 了 趕快 去 休息 這 很 難得 前 立 委 醫師 林靜儀 表示 從 國人 回台 後 檢疫 隔離 口罩 延後 開學 到 接回 武漢 台商 等 一個 個 議題 陳時中 一 次次 明快 指揮 裁定 尤其 2 月 4 日 他 在 記者會 提到 有 一 位 武漢 包機 返台 的 台商 確診 感染 時 這 位 部屬 口中 的 撲克 臉 部長 忍不住 哽咽 數次 拿 起 衛生紙 拭淚 讓 大眾 見到 他 難得 感性 的 一面 成為 許多 網友 心中 的 防疫 英雄 除了 防疫 表現 外 牙醫師 出身 的 陳時中 在 向來 有 門戶之見 的 醫 界 能 成為 史上 任期 最久 至今 已 在任 3 年 的 衛福 部長 更 非 易事 過去 此 職位 因 掌管 醫藥 健 保 食 安 與 社 福 等 項目 與 民生 息息相關 動輒 因 調 漲健 保費 食 安 等 議題 而 下 台 陳 部長 上任 前 還有 上任 後 好 一段時間 我 真的 接到 滿多醫 界 大老 的 電話 說 他 是 牙醫師 為什麼 可以 擔任 部長 醫 界 真的 會 有 這樣 不 公平 的 偏見 林靜儀 透露 採訪 過程 有人 形容 他 撲克 臉 但 也 有人 說 他 能 放 軟 身段 接 地氣 有人 說 他 果決 明快 但 更 多 人 形容 他 不 討好 民意 究竟 這 位 臺灣 首位 牙醫師 出身 的 衛福 部長 有 什麼樣 的 能耐 讓 醫療 社 福 界 都 信服 他 的 最 經典 一 役 率領 牙醫 界 加入 健 保 總額 制 今年 67 歲 的 陳時中 父親 是 台大 法律 系民 法 教授 陳 棋 炎 他 過去 受訪 時 自詡 為 社會 運動 家 並 透露 自己 曾經 不解 父親 為 何在台 大 任教 期間 數次 拒絕 入閣 錯過 扭轉 社會 不平 的 局勢 自 臺北醫學大學 牙醫 系 畢業 後 一心 想 改變 社會 的 陳時中 成為 開業 牙醫 並 開始 參與 醫 界 公共事務 在 醫 界 他 最 經典 的 一 役 是 擔任 牙醫 師公 會 全國 聯合會 理事長 時 率領 牙醫 界 加入 健 保 總額 預算 制 當時 健 保 還是 論 量 計酬 醫師 做 多少 給 付 多少 但 陳時中 意識 到 健 保 很快 會 入不敷出 因此 整合 牙醫 界 率先 配合 實施 總額 預算 制 意 即 每年 先 畫 出 一塊 固定 預算 給 牙科 再 用 點數 換算 醫師 可得 的 收入 量入為出 當時 醫 界 大 部分 人 都 反對 總額 制 因為 大家 不 清楚 會 怕 但 他 陳時中 滿有 遠見 的 跳下去 花 很 多 時間 說服 牙醫 界 內部 同樣 是 牙醫師 出身 臺灣 私立 醫療 院所 協會 秘書長 吳明彥 表示 事後 看來 在 健 保 財務 越來越 吃緊 下 牙醫 界 因為 最 早 與 政府 談判 先 保住 一塊 大餅 在 政壇 果決 則 是 多數 人 對 陳時 中的 第一印象 他 果決 秉 持 專業 做好 隔離 讓 包機 回台 落實 幾乎 部長 開 的 會議 都 是 有 會議 就 有 決策 就算 沒 辦法 當場 下 決策 他 也 一定 在 時間 內 例如 明 後天 就 要求 你 把 決策 資料 再 評估 出來 曾 與 不 只 一 位 衛福 部長 合作 過 的 醫 事 司 司長 石崇良 形容 明快 決策 背後 部分 是 靠 著 陳時中 精准 的 數位 能力 一 位 衛福部 不 願 具名 的 幕僚 舉例 陳時 中常 面對 醫院 和 長 照 機構 要求 提撥 經費 部 內 主管 報告 有 多少 家 機構 需要 多少 錢 因此 需 增補 多少 預算 費用 變成 多少 百分比 時 他 一 聽 就 知道 數字 對 不對 即使 中間 數位 是 不同 領域 的 專業名詞 代換 進去 也 都 能 掌握 但 更 重要 的 是 透過 傾聽 不同 專業 的 意見 讓 決策 快速 的 同時 也 兼顧 品質 只要 不同 利益 團體 有 聲音 進來 他 都 很 願意 瞭解 專長 於 社 福的 立 委 吳 玉琴 舉例 長 照 20 上路 後 身心 障礙 族群 反映 其 與 老年人 在 照顧 需求 上有 差異 不應 一體 適用 陳時中 理解 後 便 拍板 將 部分 老年人 與 身心 障礙 族群 的 補助 分流 例如 老年人 入住 住宿 型 機構 是 針對 個人 一 年 最高 補助 6萬 元 但 身心 障礙者 入住 則 是 針對 全日 型 機構 每 床 每月 補助 6千 元 以 解決 身心 障礙 長 照 機構 過去 被 設下 服務 費用 天花板 無 法 隨 物價 時空 調整 收費 難以 精進 服務 品質 的 困境 他 的 做事 態度 從來不 會 敷衍 或 呼 嚨 有些 政務 官 都 把 事 推 給 下面 的 人 但 如果 部長 沒 出來 承擔 或 交代 下面 的 人 有 時 能 拖 就 拖 吳 玉琴 觀察 不過 決策 明快 只是 戰術 政務 官 如果 沒有 清楚 的 戰略 和 中心思想 也 難以 服人 我們 訪問 7 位 立 委 衛福部 幕僚 和 醫 界 人士 他們 共同 的 觀察 是 陳時中 是 個 秉 持 專業 不 討好 民意 的 部長 石 崇良 以 這次 包機 接回 武漢 台商 為 例 初期 許多 人 擔心 接回 後 臺灣 醫療 量 能 能否 承受 風險 能否 控管 很多 人 說 台商 不要 回來 最好 假如 只是 安 民心 大 可用 社會 反彈 最小 的 來 做 指 不 接回 台商 但 陳時中 經過 評估 認為 只要 做好 檢疫 隔離 便 能 將 衝擊 降到 最低 仍 應接 回 台商 部長 認為 專業 最 重要 再來 才 是 透過 溝通 讓 大家 安心 石 崇良 表示 接回 的 台商 除了 在 機場 檢疫 入住 隔離 處所 後 也 一律 在 24 小時 內 再次 排檢 確認 無 防疫 破 口 就是 要 消除 一般 民眾 的 不安 有些 人 武漢 專機 回台 台商 排檢 完 說 我 是 陰性 你 幹 嘛 還 關 我 指 隔離 於 處所 14 天 我們 就 跟 他們 說 這 是 為了 讓 社會 大眾 安心 石 崇良 透露 其他 包括 不怕 得罪 醫院 經營者 堅持 讓 住院 醫師 納入 勞基法 照顧 年輕 醫師 權益 不怕 大 醫院 因 利益 減 損 而 反彈 推動 醫療 分級 轉 診 制度 讓 醫療 體系 健康 不怕 被 法 界 與 民權 團體 非議 推動 醫療 刑責 合理化 凝聚 醫 界 士氣 等 都 是 陳時中 力推 的 政策 其實 無限 制 的 滿足 大眾 在政治上 是 最 容易 的 民眾 要 什麼 就 給 也 是 政治 上 最 不 得罪 人 的 但 他 陳時中 願意 秉 持 專業 做 他 應盡 的 責任 林靜儀 觀察 不過 陳時中 並非 不 懂 人情 否則 一個 政務 官 若 只有 鐵腕 遲早 因 處處 樹敵 而 四面楚歌 難以 成事 健 保 署長 李伯璋 透露 陳時中 在 一個 政策 影響 某方 利益 的 同時 會 盡力 做出 配套 彌補 例如 近年 健 保 推動 藥價 改革 藥師 配合 改革方案 同時 會 減 損 藥局 收入 因此 衛福部 便 增加 藥 事 服務費 不 會 讓 人家 白 做工 李 伯璋 再 舉 一個 例子 推動 醫療 分級 轉 診 制度 會 讓 大 醫院 因 少看 小病 輕 症 而 減少 收入 他 陳時中 會 說 我們 是 不是 有 些 錢 去 給 大 醫院 做 急 重 罕見 病症 的 照顧 給 更 多 資源 有些 人 嘴巴 講 說 要 有 配套措施 你 問 他 要 有 什麼 配套 他 只 講就是 要 有 配套 但 部長 不會 講 這種 鬼話 他 會 很 明確 告訴 你 要 怎麼 做 李 伯璋 直言 同時 陳時 中的 溝通 更是 硬 中 帶 軟 沒有 身 段 他 鐵漢 中 帶 柔情 wha 被 打 壓 仍 高歌 謝 僑胞 林靜儀 舉例 她 和 陳時中 兩 度 參與 世界衛生 大會 wha 會議 上得 面對 許多 國家 打 壓 甚至 是 惡意 但 會議 結束 後 陳時 中會 拋 下 情緒 在 晚餐 時 主動 唱歌 炒熱 場面 表達 對 臺灣 僑界 的 謝意 他 會 唱 母親 的 名叫 臺灣 這類 歌 陪 大家 喝 點 酒 感謝 全球 有 醫療 背景 的 臺灣人 對 臺灣 的 支持 固然 重大 疫情 的 時勢 讓 大眾 看見 了 陳時中 但 如果 是 沒有 能力 的 人 往往 只 會 被 時勢 的 浪潮 淹沒 而 無法 在 大眾 檢 視 下 站穩 浪 尖 在 這個 疫病 持續 蔓延 的 非常 時刻 期許 這 位 不 討好 民意 的 部長 能 繼續 堅持 以 專業 淩駕 政治 民 粹 帶領 防疫 體系 走過 危難 延伸 閱讀</t>
  </si>
  <si>
    <t>世界衛生組織 who 日前 將 武漢肺炎 正名 為 新冠肺炎 所謂 的 武漢 病毒 也 改稱 為 新型 冠狀病毒 今 12 日 黃安 發文 認為 此舉 十分 有智慧 認為 若 不 改名 世界 上 所有人 聽 到 武漢 就 想到 病毒 太 虧了 黃安 說 日前 who 將 武漢 肺</t>
  </si>
  <si>
    <t>世界衛生組織 who 日前 將 武漢肺炎 正名 為 新冠肺炎 所謂 的 武漢 病毒 也 改稱 為 新型 冠狀病毒 今 12 日 黃安 發文 認為 此舉 十分 有智慧 認為 若 不 改名 世界 上 所有人 聽 到 武漢 就 想到 病毒 太 虧了 黃安 說 日前 who 將 武漢肺炎 正名 主因 是 為了 避免 病毒 和 某 一 地區 或 動物 等 產生 關連 間接 對此 汙名 化 他 認為 這樣 的 決定 很 好 也 算 還 武漢 一個 公道 先前 他 到 杜拜 度假 遇到 一個 會 說 中午 的 紀念品 店 小販 沒 想到 對 方開口 第一 句 話 就 問 你是 武漢 來 的 黃安 表示 當時 他 知道 小販 是 開玩笑 但 他 心裡 就 認為 這個 名稱 未來 勢必 該 改 笑 說 武漢 後面 接 辣 鴨 脖 比較 合適 又 指 唯一 覺得 不用 改 的 昵 稱 應該 是 香港腳 大陸 網友 回應 只 有 香港 和 臺灣 叫 武漢肺炎 武漢 全世界 出名 了 未必 是 壞事 香港腳 我 小時候 都 知道 叫 了</t>
  </si>
  <si>
    <t>黃安 who 新冠肺炎 武漢肺炎 新型 冠狀病毒</t>
  </si>
  <si>
    <t>大陸 駐 日本大使館 官 網 今天 稱 近日 透過 中國 深圳 華大基因 科技 有限公司 和 深圳市 猛 獁 公益 基金會 緊急 向 日本 國立 傳染病 研究所 捐贈 一 批 新冠 病毒 核酸 檢測 試劑 盒 據 中央 社 報導 陸 使館 官 網 並未 披露 核酸 檢測 試劑 的 具體 運 抵 時間 與 數量 但 駐 日 大使館 指出 近來 日本 國內 新型 冠狀病毒 肺炎 疫情 持續 發展 中方 對 此 高度 關注 感同身受 得知 日方 新冠 病毒 核酸 檢測 試劑 不足 後 中方 立即 向 日方 表達 提供 協助 意願 並 採取行動 官 網 稱 經過 多方 協調 近日 透過 中國 大陸 深圳 華大基因 科技 有限公司 和 深圳市 猛 獁 公益 基金會 緊急 向 日本 國立 傳染病 研究所 捐贈 一 批 新冠 病毒 核酸 檢測 試劑 盒 官 網 強調 病毒 沒有 國界 之 分 需要 國際 社會 共同 應對 中方 願 繼續 向 日方 提供 力所能及 的 幫助 密切 開展 溝通 合作 攜手 早日 戰勝 疫情 共同 維護 兩國人民 健康 安全 以及 地區 和 世界 公共 衛生 安全</t>
  </si>
  <si>
    <t>貢寮 豐 珠 中學 生態 農場 的 蛋雞 接連 暴 斃 死亡 校方 擔心 為 禽流感 通報 新北 市政府 動 保處 立即 趕赴現場 進行 臨床 診斷 與 採樣 送 檢 後 經 畜 衛所 檢驗 後 還好 只是 家禽 傳染性 支氣管炎 動 保處 獸醫 為 雞 只 進行 雙價 活 毒 疫苗 點 眼 補強 免疫 令 學校 師生 松 了 一口氣 動 保處 接 獲 貢寮 區 豐珠 中學 通報 校園 生態 農場 內 飼養 蛋雞 於 5 月 下旬 後 陸陸續續 出現 咳嗽 打噴嚏 不 進食 及 死亡 情形 動 保處 不敢 大意 當日 立即 派 員 前往 對 雞 只 進行 臨床 診斷 與 採樣 送 檢 由於 正值 新冠肺炎 防疫期間 校方 人員 很 擔心 人員 與 學生 健康 安危 經 畜 衛所 檢測 結果 禽流感 陰性 家禽 傳染性 支氣管炎 陽性 家禽 傳染性 支氣管炎 系由 冠 狀 病毒 引起 僅 對 雞 只 感染 臨床 症狀 包括 呼吸 有 嚴重 眼 鼻 分泌物 咳嗽 及 打噴嚏 僅 能 以 疫苗 免疫 補強 來 防治 疫病 豐 珠 中學校園 幹事 李玥俊 表示 於 106 年 開始 生態 農場 內 飼養 約 70 只 蛋雞 養雞 就 像是 餐桌 來源 的 真實 教材 讓 學生 體驗 農民 的 付出 並 珍惜 食 材 的 來源 蛋雞 由 校方 專人 餵養 照顧 飼養 2 年 多 來 雞 群 們 都健康 期間 還 發生 過 雞 只因 爭奪 地域 領土 而 咬 啄 打鬥 的 霸 淩 事件 也 發生 過 雞 只 飛 走 翹課 事件 當時 還 曾 動員 人 馬去尋 雞 李 玥俊 指出 今年 新冠肺炎 疫情 期間 雞 群 們 陸陸續續 出現 咳嗽 打噴嚏 等 呼吸道 症狀 讓 全校 師生 擔心 雞 只 的 安全 又 害怕 會 不 會 傳染 人 所幸 經 確認 家禽 傳染性 支氣管炎 雞 只 不 會 傳染給 人 經動保 處 獸醫 徐愛 明為 雞 只 進行 雙價 活 毒 疫苗 點 眼 補強 免疫 後 學校 師生 心理 都 感到 踏實 安心 許多 動 保處 表示 家禽 傳染性 支氣管炎 為 重要 雞 傳染病 之一 傳染性 支氣管炎 病毒 現 被 歸類 為 冠狀病毒感染 除 呼吸 道外 生殖 與 泌 尿 系統 也 是 侵犯 的 目標 近日 天氣 雖 炎熱 但 環境 中 仍 可能 有 病毒 活動 情形 提醒 養雞戶 若 發現 場內 家禽 攝 食量 飲水量 或 產蛋量 異常 下降 情形 應立即 通報 動 保 處處 理 動 保處 獸醫 會 協助 進行 防疫 處置 確保 民眾 及 家禽 安全</t>
  </si>
  <si>
    <t>新冠肺炎 疫情 持續 延 燒 病毒 是否 會 透過 眼睛 感染 引起 討論 彰 化 眼科 醫師 強調 眼睛 的 結膜 部分 也 屬於 黏膜 組織 跟 口腔 鼻腔 內 的 黏膜 一樣 確實 可能 成為 病毒 侵入 人體 的 途徑 提醒 民眾 用 常用手 碰 觸 搓 揉 眼睛 勤洗手 若 眼睛 出現 紅腫 癢 等 結膜炎 症狀 也 應盡 速 就醫 檢查 大陸 武漢 眼科 醫師 李文亮 日前 因 感染 病逝 新春 期間 北京大學第一醫院 呼吸 和 危重症 醫學科 主任 王 廣發 赴 武漢 考察 疫情 也 不幸 確診 感染 出現 發燒 症狀 成為 全陸 確診 首位 感染 新冠肺炎 的 醫師 上 月底 治癒 出院 他 判斷 自己 是 透過 眼睛 被 傳染 肺炎 疫情 不只 讓 口罩 成為 搶手貨 一度 護目鏡 也 有 民眾 詢問 購買 員林市 明明 眼科 醫師 黃偉成 表示 新型 冠狀病毒 已 知 主要 透過 飛 沫 與 接觸傳染 病毒 必須 經過 口腔 或 鼻腔 的 黏膜 進入 體內 若 只 單純 存在 皮膚 上 是 無法 傳染 的 黃偉成 指出 眼睛 結膜 一樣 屬於 黏膜 組織 因此 合理 推測 眼睛 確實 是 可能 的 病毒 侵入 途徑 美國 眼科 醫學會 就 提出 警語 在 無法 排除 結膜 進入 及 空氣 懸浮 微粒 感染 冠狀病毒 的 可能性 下 若 近 距離 接觸 疑 似 案例 都 必須 使用 護目鏡 保護 他 提醒 除 醫護人員 需 頻繁 近 距離 接觸 患者 一般 民眾 不 需要 用 到 護目鏡 防護 眼 部 更 重要 的 還是 勤洗手 避免 用 手 去 碰 觸 搓 揉 眼睛 減少 佩戴 隱形眼鏡 戴 一般 眼鏡 可 多 一 層 防護 若 出現 眼睛 癢 眼睛 紅 等 類似 結膜炎 症狀 也 別 掉以輕心 最好 到 醫院 就醫 檢查</t>
  </si>
  <si>
    <t>眼睛 武漢肺炎 新型 冠狀病毒 新冠肺炎 臺灣</t>
  </si>
  <si>
    <t>新冠肺炎 武漢肺炎 新型 冠狀病毒 臺灣 彰 化 縣</t>
  </si>
  <si>
    <t>顏清標 新冠肺炎 新型 冠狀病毒 ncp 臺灣</t>
  </si>
  <si>
    <t>新冠肺炎 新型 冠狀病毒 ncp 臺灣 桃園</t>
  </si>
  <si>
    <t>新冠肺炎 新型 冠狀病毒 武漢肺炎 ncp covid-19</t>
  </si>
  <si>
    <t>新冠肺炎 武漢肺炎 新型 冠狀病毒 臺灣 covid-19</t>
  </si>
  <si>
    <t>新冠 病毒 武漢肺炎 新型 冠狀病毒 covid-19 巴西</t>
  </si>
  <si>
    <t>停課 臺灣 新冠肺炎 武漢肺炎 新型 冠狀病毒</t>
  </si>
  <si>
    <t>韓國 疾病 管理 本部 週二 上午 宣佈 新型 冠狀病毒感染 確診 病例 新增 131 人 累計 確診 病例 達 7513 例 死亡 病例 新增 3 人 累計 死亡 病例 達 54 人 此外 完全 康復並 解除 隔離 的 人數 增加 81 人 迄今 治癒 總 人數 為 247 人</t>
  </si>
  <si>
    <t>南韓 新型 冠狀病毒 新冠肺炎 確診 死亡</t>
  </si>
  <si>
    <t>新冠肺炎 武漢肺炎 新型 冠狀病毒 臺灣 平鎮</t>
  </si>
  <si>
    <t>新冠肺炎 新型 冠狀病毒 臺灣 大眾 運輸系統 戴 口罩</t>
  </si>
  <si>
    <t>新冠肺炎 武漢肺炎 新型 冠狀病毒 covid-19 加州</t>
  </si>
  <si>
    <t>韓國 疾病 管理 本部 週五 上午 宣佈 新型 冠狀病毒感染 確診 病例 新增 518 人 累計 確診 病例 達 6284 例 死亡 病例 新增 7 人 累計 死亡 病例 達 42 人 由於 國內 疫情 持續 快速 升高 防護 型 口罩 嚴重 短缺 為了 確保 口罩 穩定 供應 與 平均 分</t>
  </si>
  <si>
    <t>韓國 疾病 管理 本部 週五 上午 宣佈 新型 冠狀病毒感染 確診 病例 新增 518 人 累計 確診 病例 達 6284 例 死亡 病例 新增 7 人 累計 死亡 病例 達 42 人 由於 國內 疫情 持續 快速 升高 防護 型 口罩 嚴重 短缺 為了 確保 口罩 穩定 供應 與 平均分配 南韓 政府 週四 緊急 宣佈 幾 項 口罩 控管 措施 包括 將 全面禁止 口罩 出口 並 擴大 國內 口罩 產量 此外 為了 防止 重複 購買 行為 南韓 也 將 採納 類似 臺灣 的 實 名 限 購 制 民眾 自 下 周起按 個人 出生 年份 可 在 周間 指定 時間 購買 口罩 但 每人 每週 僅 限 購買 2 片</t>
  </si>
  <si>
    <t>疫情 蔓延 全世界 各國 積極 研究 相關 治療 方法 臺灣 中醫界 也 不落人後 嘉義 長庚醫院 中 醫科 主任 吳清源 帶領 的 研究 團隊 從 臺灣 茶葉 萃 取出 一 種 多 酚 羥基 茶 駢 酚 酮 結構 的 物質 theaflavin 可 結合 於新冠肺炎 的 2019 新型 冠狀病毒 上 此 項 國內 中醫界 創新 研究 已 獲 國際 sci 醫學期刊 接受 刊登 提供 各國 科學家 參考 盼 對 疫情 能 有 幫助 吳清源 帶領 研究 團隊 與 醫學 研究 部 龍 志浩 博士 藥劑 部 主任 林育 昰 健康 資料 加 值 中心 主任 楊曜 旭 高雄長庚醫院 醫師 周煜倫 等 人 合作 運用 電腦 高速 運算 模式 尋找 臺灣 本土 植物 可能 有用 的 抗 病毒 藥物 經由 深入 研究 後 發現 本土 茶葉 中 有 一 種 多 酚 羥基 茶 駢 酚 酮 結構 的 物質 theaflavin 可 結合 2019 新型 冠狀病毒 吳清源 指出 theaflavin 可 結合 在 控制 病毒 增生 的 重要 蛋白酶 抑制 此 蛋白酶 活性 進而 可能 抑制 2019新型 冠狀病毒 增生 此外 這個 蛋白酶 同時 也 是 新冠肺炎 藥物 瑞德西韋 remdesivir 所 攻擊 的 主要 目標 他們 發現 的 theaflavin 也 與 瑞德西韋 remdesivir 具有 類似 效果 但 此 項 研究 目前 僅 為 電腦 運算 結果 仍 需要 進一步 的 實驗 來 驗證 吳清源 表示 這項 在 國內 中醫界 創新 的 研究 結果 已 獲 國際 sci 醫學期刊 醫學 病毒 雜誌 journal of medical virology 接受 並 刊登 研究 團隊 期望 這項 研究成果 能 開啟 更 深入 的 醫學 研究 對於 疫情 能 有助 益</t>
  </si>
  <si>
    <t>韓國 疾病 管理 本部 週二 下午 宣佈 新型 冠狀病毒感染 確診 病例 新增 374 人 累計 確診 病例 達 5186 例 單日 新增 確診 病例 達 974 人 由於 南韓 境內 新冠肺炎 確診 人數 仍 持續 大幅 增加 截至 週二 為止 全世界 總計有 89 個 國家 或 地區 將</t>
  </si>
  <si>
    <t>韓國 疾病 管理 本部 週二 下午 宣佈 新型 冠狀病毒感染 確診 病例 新增 374 人 累計 確診 病例 達 5186 例 單日 新增 確診 病例 達 974 人 由於 南韓 境內 新冠肺炎 確診 人數 仍 持續 大幅 增加 截至 週二 為止 全世界 總計有 89 個 國家 或 地區 將 對 來自 南韓 的 旅客 實施 入境 禁令 或 祭出 隔離 措施 週二 上午 南韓 公佈 新冠 病毒感染 確診 病例 新增 600 人 累計 達到 4812 人 確診 死亡 病例 新增 3 人 累計 死亡 病例 達 34 人 而 根據 上午 公佈 的 資料 首都 首 爾市 的 確診 病例 接近 破百 已經 達到 98 人 此外 南韓 軍方 下午 公佈 另 有 三 名 軍人 檢測 為 陽性 使 累計 確診 的士 官兵 人數 達到 31 人</t>
  </si>
  <si>
    <t>中國疾控中心 流行病 學 首席 科學家 曾光 12 日 上午 在 個人 微博 發文 預測 這次 新冠肺炎 疫情 下降 的 轉捩點 已經 出現 但 還 潛藏 著 上升 的 轉捩點 他 提醒 各界 不可 低估 多 達 16億 人口 流動 返程 潮 對 疫情 的 負面影響 首當其衝 的 就 是 珠 三角 長三角 和 京津 冀 地區 大陸 依據 新型 冠狀病毒 肺炎 的 防控 形勢 的 不同 可以 分為 武漢市 湖北省 的 戰場 以及 湖北 以外 的 省 直轄市 自治區 的 戰場 曾 光 指出 其中 湖北 以外 的 省 市 區 每日 確診 病例 數 已 連續 下降 6 天 下降 的 拐 點 在 2 月 5 日 左右 曾 光 表示 這 是 按 確診 病例 數 統計 出 的 拐 點 由於 在 每個 患者 確診 前 都 要 經過 暴露 感染 潛伏期 發病 就診 確診 的 過程 實際 拐 點 的 出現 應該 比 確診 時間 早 得 多 曾 光 曾經 長達 17 年 負責 全 大陸 傳染病 疫情報告 監測 和 統計 分析 工作 通過 對 冠狀病毒 肺炎 疫情 的 分析 他 提前 預測 了 湖北 以外 的 省 市 區 確診 病例 數 的 拐 點 在 武漢 封城 後 5 至 10 天 後 出現 又 提出 農曆 正月 十五 見分曉 看來 是 預測 對了 不過 曾光 同時 提醒 在 下降 拐 點 之後 還 難以避免 又 出現 一個 疫情 上升 的 拐 點 理由 是 切不可 以 低估 多 達 16億 人口 流動 返程 潮 對 疫情 的 負面影響 首當其衝 的 是 對 珠 三角 長三角 京津 冀 地區 的 衝擊 作用 上述 流動 大軍 無論 乘坐 火車 長途汽車 還是 飛機 返程 都 處在 密閉 的 環境 中 容易 導致 病毒傳播 曾 光 解釋 返 城 後 能否 平安 度過 一個 最 長 潛伏期 需要 做 大量 艱苦 細緻 的 工作</t>
  </si>
  <si>
    <t>日本 22 日 新增 15 例 新冠肺炎 確診 其中 名古屋 公佈 4 人 感染 確診 其中 一 名 60 多 歲 男性 是 高速公路 收費站 的 職員 和 他 密集 接觸 的 52 名 收費 員 也 被 要求 在家 隔離 名古屋 高速公路 更 決定 封閉 6 個 入口 根據 日本 媒體 報導 日本 名古屋 市 在 22 日 公佈 4 名 的 新型 冠狀病毒 的 確診 病例 其中 一 名 是 40 多 歲 的 婦女 另外 3 名 是 60 多 歲 的 中年 男女 但因 其中 有 一 人 是 高速公路 收費站 的 員工 雖然 收費站 沒有 直接 和 駕駛 有 直接 接觸 但 他 有 可能 傳染 負責 收費 的 52 位 同事 所以 這 52 名 收費 員 必須 在 家 隔離 觀察 這 突如其來 的 狀況 造成 收費站 人手不足 名古屋 高速公路 因此 重新 調配 盡可能 選擇 車輛 較 少 的 收費站 關閉 包括 etc 收費 車道 名古屋 高速公路 22 日 已 封閉 5 處 收費 車道 23 日 再 封閉 東海 新 寶 收費 亭 根據 日 媒 報導 名古屋 高速公路 全部 共 9 條 路線 總長 812 公里 目前 已 封閉 六 番 北 六 番 南 木 場 船 見 東海 新 寶和 鳥 森 這 6 個 收費站 估計 平均 一 天 約 有 1萬1000 輛 左右 的 車輛 通過 若要 等到 這 52 名 收費 員 回來 上班 至少 要 等 到 3 月 上旬 更 多 ctwant 報導</t>
  </si>
  <si>
    <t>新冠肺炎 臺灣 武漢肺炎 新型 冠狀病毒 社區 感染</t>
  </si>
  <si>
    <t>新冠肺炎 武漢肺炎 ncp 新型 冠狀病毒 野生動物</t>
  </si>
  <si>
    <t>新冠肺炎 新型 冠狀病毒 ncp 全球 大陸</t>
  </si>
  <si>
    <t>澳門 居民 新冠肺炎 武漢肺炎 新型 冠狀病毒</t>
  </si>
  <si>
    <t>吳鳳 搶購潮 新冠肺炎 武漢肺炎 新型 冠狀病毒</t>
  </si>
  <si>
    <t>武漢肺炎 新型 冠狀病毒 臺灣 論文 醫學</t>
  </si>
  <si>
    <t>受到 新型 冠狀病毒 肺炎 疫情 及 國內 消費 力 疲軟 等 影響 國內 毛豬 價格 在 過年 後 創下 10 多 年 來 新低 今天 的 交易價格 每公斤 再度 跌破 60 元 關卡 對此 農委會 啟動 母豬 淘汰 作業 因應 總 目標 3萬 頭 首 階段 將 在 3 月中 旬 淘汰 2萬3千 頭 母</t>
  </si>
  <si>
    <t>受到 新型 冠狀病毒 肺炎 疫情 及 國內 消費 力 疲軟 等 影響 國內 毛豬 價格 在 過年 後 創下 10 多 年 來 新低 今天 的 交易價格 每公斤 再度 跌破 60 元 關卡 對此 農委會 啟動 母豬 淘汰 作業 因應 總 目標 3萬 頭 首 階段 將 在 3 月中 旬 淘汰 2萬3千 頭 母豬 農委會 畜牧 處 副 處長 王 忠恕 表示 對於 國內 豬 價 的 因應 策略 短期 目標 是 先 淘汰 種 母豬 中長期 目標 為 減產 今年 也 將 總 生產量 從 805萬 下 修為 785萬 頭 預計 減產 3 另外 肉羊 預計 減產 5 土 雞 減產 10 鴨 減產 8 鴨蛋 減產 6 王 忠恕 分析 由於 新冠肺炎 影響 造成 市場 上 需求量 降低 一時間 讓 豬 變 多 價格 當然 就 往下走 若 第一 波 淘汰 3萬 頭 種 母豬 的 政策 效果 不 明顯 第二 波 將 啟動 淘汰 離 乳 小 豬 的 機制 他 表示 目前 尚不 清楚 疫情 會 延燒到 何時 因此 產業界 對於 此 波 的 政策 也 大多 能 理解 短期 內 先 淘汰 種 母豬 中長期 部分 也 會 減量 供應 肉 源 至 市場 至於 進口 部分 一月 份 的 量 已 明顯 減少 臺灣 在 wto 的 框架 下 也 必須 開放市場 難以 限制 冷凍 商 與其 他 業者 也 會 依 市場需求 自行 調節 並 無 太 大 問題</t>
  </si>
  <si>
    <t>日本 內閣 官方 長官 菅義偉 18 日 上午 在 記者會 上 再度 強調 大陸 國家 主席 習近平 4 月 上旬 以 國賓 身分 訪問 日本 一 事 仍 將 依 預定 進行 日 媒 報導 大陸 因應 新型 冠狀病毒 疫情 延後 原定 3 月 5 日 在 北京 舉行 的 全國人民代表大會 和 政協 兩</t>
  </si>
  <si>
    <t>日本 內閣 官方 長官 菅義偉 18 日 上午 在 記者會 上 再度 強調 大陸 國家 主席 習近平 4 月 上旬 以 國賓 身分 訪問 日本 一 事 仍 將 依 預定 進行 日 媒 報導 大陸 因應 新型 冠狀病毒 疫情 延後 原定 3 月 5 日 在 北京 舉行 的 全國人民代表大會 和 政協 兩會 會議 似 已成定局 此 決定 可能 使 習近平 訪 日 之行 取消 菅義偉 18 日 表示 會 持續 關注 全人 代 的 動向 目前 習近平 訪 日 將 依 預定 舉行 目前 正在 準備 中</t>
  </si>
  <si>
    <t>新冠肺炎 武漢肺炎 ncp 新型 冠狀病毒 covld- 19</t>
  </si>
  <si>
    <t>新冠肺炎 武漢肺炎 新型 冠狀病毒 臺灣 婦女</t>
  </si>
  <si>
    <t>新冠肺炎 武漢肺炎 新型 冠狀病毒 臺灣 菲律賓</t>
  </si>
  <si>
    <t>英國 在 台 辦事處 轉引 牛津大學 詹納 研究所 jenner institute 成果 指出 牛津冠 狀 病毒 疫苗 產生 強烈 免疫 反應 沒有 早期 安全 隱憂 相關 成果 已經 發表 在 科學雜誌 柳葉刀 the lancet 牛津大學 發表 的 第 一期 第 二期 phase i ii 實驗 結果顯示 沒有 早期 的 安全 隱憂 並且 在 免疫系統 的 兩 個 部分 均 誘發 了 顯著 的 免疫 反應 牛津大學 指出 在 接種 兩劑 疫苗 的 10 名 參與者 中 看到 了 最 強 的 免疫 反應 這 表明 這 可能 是 接種 疫苗 的 良好 策略 英國 i ii 期 試驗 於 今年 4 月 開始 測試 牛津冠 狀 病毒 疫苗 chadox 1 ncov- 19 該 團隊 於 2020 年 1 月 開始 致力 于 開發 針對 冠狀病毒 這 一 全球性 威脅 的 疫苗 並且 在 與 冠狀病毒 的 競爭 中 以 前所未有 的 緊迫性 開展 所有 工作 在 i ii 期 試驗 期間 隨機對照 試驗 已對 1000 多 名 年齡 在 18 至 55 歲 之間 的 健康 成人 志願者 進行 了 試驗 評估 這些 志願者 的 一部分 10 人 接種 了 兩劑 疫苗 在 2020 年 4 月 23 日 至 2020 年 5 月 21 日 之間 有 1077 名 志願者 接種 了 chadox 1 ncov- 19 疫苗 或 安慰 劑 menacwy 疫苗 目前 試驗 結果顯示 沒有 與 chadox 1 ncov- 19 相關 的 嚴重 不良 健康 事件 牛津大學 正在 與 總部 位於 英國 的 全球 生物製藥 公司 阿斯特 捷利康 astrazeneca 進一步 合作 在 全球 範圍 內 進行 牛津 疫苗 臨床 開發 和 生產 的 計畫 以 大規模 生產 疫苗 並 進而 分發 covid-19 疫苗 英國政府 已 挹注 8400萬 英鎊 的 資金 推動 此 計畫 以 説明 加速 疫苗 的 研發</t>
  </si>
  <si>
    <t>全球 牛津大學 疫苗 免疫 反應 冠狀病毒</t>
  </si>
  <si>
    <t>億萬富翁 慈善家 比爾·蓋茨 bill gates 在 週四 的 部落 客 文章 中 概述 了 世界 需要 採取 哪些 行動 來 制止 新冠肺炎 流行 並 重新 開放 經濟 蓋茨 說 世界 必須 改善 其 治療 方法 疫苗 測試 和 接觸 者 追蹤 他 說 大陸 還 需要 研究 其 開放 全球 經濟 的 政策 他 把 這種 大 流行 比作 一 場 戰爭 蓋茨 說 在 第二次世界大戰 期間 包括 雷達 可靠 的 魚雷 和 密碼 破解 在內 的 大量 創新 使 戰爭 得以 更 快 地 結束 大 流行病 也 是 如此 以下 是 蓋茨 認為 需要 創新 的 五 個 領域 及其 必備條件 治療 蓋茨 承認 許多 治療 方法 可能 會 失敗 但 他 對 某些 方法 在 減輕 冠狀病毒 負擔 方面 將 取得 成功 表示 樂觀 他 說 公眾 將 需要 一 種 95 有效 的 治療 方法 以使 人們 在 公眾 聚會 上 感到 安全 例如 足球比賽 或 音樂會 他 指出 了 使用 血漿 或 抗體 抗病 毒藥 和 羥 氯喹 的 潛力 疫苗 蓋茨 說 奇跡 療法 的 短暫性 是 人們 恢復 某種 正常 感覺 的 唯一 途徑 是 通過 疫苗 但是 他 警告 說 將 新 疾病 推向市場 通常 需要 五 年 的 時間 蓋茨 表示 他 對 疫苗 可能 在 18 個 月 內 出現 感到 樂觀 儘管 它 可能 短 至 9 個 月 或 長 達 兩 年 測試 蓋茨 表示 美國 需要 優先 考慮 並 加快 新冠肺炎 測試 的 速度 以便 在 一 天內 獲得 結果 蓋茨 說 衛生工作者 都 應該 有 檢查 的 機會 而 無 症狀 的 人 應該 等 所有 有 症狀 的 人 接受 檢查 後 再 接受 檢查 他 說 人們 是否 應該 在 家中 參加 測試 不管 是 一 項 還 是 一 項 快速 的 測試 結果 接觸 者 追蹤 蓋茨 說 與 測試 陽性 的 人 保持 密切 聯繫 的 人 應 優先 進行 測試 和 自我 隔離 蓋茨 認為 大多數 國家 地區 都 將 遵循 德國 的 接觸 者 追蹤 方法 這 要求 採訪 那些 積極 的 患者 並 使用 資料庫 來 確認 他們 對 患者 的 隨訪 情況 開放 蓋茨 認為 大多數 已 開發 國家 將 在 未來 兩 個 月 內 進入 大 流行 的 第二 階段 那是 世界 半 正常 的 地方 儘管 人們 仍然 在 實踐 社會 疏離 他 說 一些 國家 將 必須 向 其他 進行 適當 測試 的 國家 學習 經驗 蓋茨 補充 說 官員 們 將 不得不 根據 風險 和 利益 進行 權衡</t>
  </si>
  <si>
    <t>全球 新冠 病例 突破 4000萬 日本 研究 冠狀病毒 可 在 皮膚 存活 9 小時</t>
  </si>
  <si>
    <t>美國 吉利 德 公司 研發 的 抗 病毒 藥物 瑞德西韋 remdesivir 已經 停止 了 在 大陸 的 2 項 臨床 試驗 成人 重症 試驗 和 成人 輕 症 和 中度 症狀 組 的 臨床 試驗 原因 是 疫情 已 受 控 已 無 符合條件 患者 加入 澎湃 新聞報導 臨床實驗 網站 clinicaltrials gov 顯示 根據 4 月 15 日 的 最新更新 瑞德西韋 在 大陸 的 新冠肺炎 成人 重症 試驗 狀態 為 終止 原因 顯示 為 中國 的 新冠肺炎 疫情 已經 得到 良好 控制 當前 沒有 符合條件 的 患者 入 組 與此同時 瑞德西韋 在 大陸 的 新冠肺炎 成人 輕 症 和 中度 症狀 組 的 臨床 試驗 狀態 也 已 更新 為 暫停 原因 顯示 為 當前 新冠肺炎 疫情 已 得到 良好 控制 沒有 符合條件 的 患者 入 組 對此 製藥 商吉利 德 公司 表示 我們 被 告知 由於 入 組 人數 低 由 中國 研究 機構 牽頭 的 瑞德西韋 針對 新型 冠狀病毒 肺炎 重症 患者 和 輕 中 症 患者 的 兩 項 臨床 研究 已 提前終止 我們 期待 著 這些 資料 的 發表 和 對 結果 的 深入 評審 吉利 德 公司 表示 找到 新型 冠狀病毒 肺炎 的 治療 方法 對於 患者 醫護人員 和 社區 抗擊 這種 病毒 非常 重要 瑞德西韋 是 一 種 在 研 藥物 尚 沒有 得到 任何 監管 機構 的 批准 我們 正在 通過 多 項 正在 進行 的 研究 快速 而 審慎 地 確定 瑞德西韋 的 安全性 和 有效性 我們 預計 在 未來 幾 周 內 獲得 由 吉利 德 發起 的 三期 臨床 試驗 的 資料 我們 的 目標 是 迅速 增加 關於 瑞德西韋 的 應用 資料 並 在 適當 的 情況 下 努力 使 這種 在 研 藥物 在 最 需要 的 患者 中 得到 更 廣泛 的 應用 吉利 德 公司 表示 這些 資料 可能 有助於 我們 理解 瑞德西韋 作為 新型 冠狀病毒 肺炎 治療 藥物 的 潛力 據 外 媒 4 月 15 日 報導 evercore isi 分析 師 umer raffat 在 4 月 15 日 的 一 份 報告 中 表示 為 新冠肺炎 尋找 治療 方法 而 在 中國 大陸 發起 的 一系列 試驗 中 尋找 足夠 的 參與者 變 得 困難 同時 他 也 指出 我們 不能 忽略 這樣 一個 事實 即 如果 瑞德西韋 有 顯著 的 療效 那麼 試驗 是 有 可能 繼續 進行 的 4 月 11 日 吉利 德 在 頂級 期刊 新英格蘭 醫學雜誌 nejm 上 發 佈 了 瑞德西韋 remdesivir 治療 新冠肺炎 covid-19 的 首 個 臨床 研究 結果 結果顯示 在 53 名 來自 美國 歐洲 加拿大 及 日本 的 嚴重 和 危重 新冠肺炎 患者 中 瑞德西韋 給 68 36 人 的 患者 帶來 臨床 改善 其中 57 30 53 接受 機械 通氣 的 患者 中 有 17 例 已 拔 管 共有 47 25 53 的 患者 出院 13 7 53 患者 死亡 在 接受 有 創 通氣 的 患者 中 死亡率 為 18 6 34 而 未 接受 有 創 通氣 的 患者 為 5 1 19 上述 患者 都 是 在 同情 用藥 情況 下 接受 瑞德西韋 治療 的 在 安全性 方面 總計 32 名 患者 60 出現 副作用 最 常見 的 是 肝臟 酶 指標 升高 腹瀉 皮疹 腎 功能 障礙 和 高血壓 總計 12 名 23 患者 出現 嚴重 副作用 其中 包括 多 器官 功能 障礙 綜合征 敗 血性 休克 急性 腎臟 損傷 和 高血壓 另外 接受 治療 的 53 名 患者 中 有 7 名 在 完成 瑞德西韋 治療 後 死亡 其中 包括 6 名 接受 有 創 通氣 的 患者 和 1 名 接受 無 創 氧氣 支持 的 患者 瑞德西韋 目前 尚未 在 全球 任何 國家 獲得 批准 對於 治療 新型 冠狀病毒 肺炎 的 安全性 或 有效性 尚不 明確</t>
  </si>
  <si>
    <t>蛤 免疫 風濕病 友 會 是 新冠肺炎 高風險 群 台中 榮 總 過敏 免疫 風濕科 主任 黃文男 指出 風濕病 友 致病 機 轉 主要 是 自體 免疫系統 混亂 所 致 有些 病友 誤 為 使用 類固醇 免疫抑制 劑 等 藥物 會 增加 感染 風險 詢問 能 不能 自行 停藥 這 做法 絕對 不 可取 因為 最好 的 方法 還 是 把 疾病 控制 好 才是 減少 感染 最好 的 方法 新冠肺炎 疫情 不斷 升溫 從 目前 可知 的 訊息 都 發現 長期 有 慢性病 患者 是 高 危險 群 其中 免疫 風濕病 友 因其 使用 的 藥物 都 與 調節 過度 活躍 的 免疫系統 有關 不少 病 患 誤以為 用藥 會 讓 免疫力 下降 增加 感染 新冠肺炎 風險 企圖 要 減 藥 或 暫時 停藥 尤其 這 段 時間 媒體 也 不斷 呼籲 民眾 若無 必要 不要 進出 醫療 院所 黃文男 勸 病 患 在 此 時刻 千萬 不要 自行 停 孳 藥 他 說 驟然 停藥 會 造成 疾病 復發 反而 會 造成 感染 的 風險 因為 風濕科 病 患 致病 機 轉 多 為 免疫系統 混亂 除攻擊 自己 正常 細胞 以外 也 會 造成 器官 的 損傷 一來一往 的 結果 就 會 造成 抵抗力 降低 控制 病情 才 是 維持 免疫系統 功能 最好 的 方式 也 是 減少 感染 的 方法 他 強調 如果 病 患 規則 服務 仍 出現 倦怠 疲乏 肌肉 酸痛 症狀 明顯 加重 即使 休息 都 無法 緩解 還是 要 考慮 疾病 活動 的 可能性 千萬 不要 因 害怕 感染 而 不敢 就醫 黃文男 建議 過敏 免疫 風濕科 病 患 面對 2019 新型 冠狀病毒 的 三 步驟 為 提高 預防 莫 驚慌 正確 就醫 勿 慌張 持續 用藥 保 安康</t>
  </si>
  <si>
    <t>受到 新型 冠狀病毒 肺炎 疫情 及 消費 力 疲軟 等 影響 國內 毛豬 價格 在 過年 後 創下 10 多 年 來 新低 今天 的 交易價格 每公斤 再度 跌破 60 元 關卡 對此 農委會 已 啟動 母豬 淘汰 作業 因應 盼 能 在短期內 將 豬 價 拉 抬 但 這 波 疫情 不僅 讓 豬 價 重</t>
  </si>
  <si>
    <t>受到 新型 冠狀病毒 肺炎 疫情 及 消費 力 疲軟 等 影響 國內 毛豬 價格 在 過年 後 創下 10 多 年 來 新低 今天 的 交易價格 每公斤 再度 跌破 60 元 關卡 對此 農委會 已 啟動 母豬 淘汰 作業 因應 盼 能 在短期內 將 豬 價 拉 抬 但 這 波 疫情 不僅 讓 豬 價 重 挫 就 連 預定 於 5 月份 外銷 新加坡 的 計畫 恐怕 也 將 因 此 延宕 農委會 畜牧 處 官員 指出 受到 新冠肺炎 疫情 影響 原本 已 洽談 好 新加坡 官員 定于 3 月份 來 台進行 查 場 但 現在 確定 延後 恐怕 將 會 影響 到 我國 豬肉 的 外銷 時程 據 瞭解 農委會 為 拼 在 5 月份 世界 動物 衛生組織 oie 將 我國 從 口 蹄 疫 疫區 拔 針 後 第一時間 於 新加坡 上市 豬肉 因此 在 農曆 年前 就 積極 向 新加坡 交涉 盼 能 提前 相關 作業 因 此 才會 訂 於 3 月份 派員 來 台查 場 但 現在 因 星加坡 疫情 嚴峻 加上 我國 昨 對 新加坡 提升 旅遊 警示 目前 雙方 作業 都 暫時 延宕 官員 透露 豬肉 外銷 新加坡 分 為 熟食 及 生鮮 2 部分 由於 星國並 無 豬肉 生產 所 需 皆 仰賴 進口 因此 在 檢疫 作業 上 也 與 其他 國家 有所不同 日前 評估 若 能 在 3 月份 完成 查 場 作業 外銷 進度 將 會 超前 不少 但 現在 因 疫情 關係 相關 作業 也 受到 影響 農委會 表示 現階段 就是 盡力 守 好 非洲 豬瘟 的 關卡 並 持續 提升 國內 的 養豬 環境 靜 待 5 月份 能 從 口 蹄 疫 疫區 中 拔 針 才能 啟動 後續 與 日本 美國 的 進出口 檢疫 談判 為 臺灣 豬肉 打通 活路</t>
  </si>
  <si>
    <t>世界衛生組織 who 2 月 11 到 12 日 邀請 全球 大約 400 名 防疫 專家 舉行 新冠肺炎 全球 研究 及 創新 閉門 論壇 總 幹事 譚 德塞 tedros adhanom ghebreyesus 週二 早上 在 開幕典禮 上 致詞 疫情 對 全球 各地 都 造成 了 非常 嚴重 的 威脅 各國 應 踴躍 分享 病毒 樣本 才能 加速 研發 藥物 與 疫苗 譚 德塞 當天 下午 即 召開 記者會 發表 研討會 的 成果 新冠肺炎 的 英文名稱 終於 正式 敲定 叫做 covid-19 他 解釋 co 代表 冠狀 corona vi 代表 病毒 virus d 代表 疾病 disease 而 19 則 是 在 2019 年 發現 的 新冠肺炎 是 去年 12 月 31 日 在 大陸 武漢 首度 獲得 確認 的 新型 冠狀病毒 中文 俗稱 武漢肺炎 而 北京 也 已 正 名為 新冠肺炎 根據 世界 動物 衛生組織 和 聯合國糧農組織 的 命名 準則 疾病 的 名稱 不能 包含 地理 位置 動物 物種 特定 族群 或 個人 避免 汙名 化 但 又 需 與 疾病 特性 有關 方便 識別 而 新 的 名稱 符合 這些 要素 譚 德塞 呼籲 正名 的 同時 更 希望 全球 各國 將 新冠肺炎 視為 頭號 公敵 團結 並且 採取 一切 的 行動 除了 使用 地理 圍堵 的 方式 阻擋 疫情 的 擴散 世衛 也 正在 積極 研發 疫苗 預計 第一 批 疫苗 可望 在 18 個 月 內 備 妥 這 是 一 場 長期抗戰 我們 需要 更 多 武器</t>
  </si>
  <si>
    <t>新冠肺炎 是 一 種 引起 呼吸系統 疾病 的 傳染性 疾病 但 它 的 傷害 遠不止 於此 一 項 大型 研究 發現 患者 痊癒 之後 有 高 達 1 5 的 人 有 很 高 的 風險 罹 患 失 智 症 憂鬱 症 和 躁 鬱 症 這 意 謂 著 新冠 病毒 對 人體 的 傷害 不止 在 呼吸道 和 肺部 腦 部 可能 也 會 受損 權威 醫學期刊 刺 胳 針 11 月 9 日 刊登 英國牛津大學 的 一 項 大型 研究 研究 人員 分析 了 美國 6900萬 人 的 電子 健康 記錄 其中 包括 62000 多 名 新冠肺炎 的 患者 結果 發現 在 90 天內 被 冠狀病毒感染 的 人中 有 20 被 診斷 出 患有 精神疾病 這 是 同一 時段 內 其他 疾病 患者 的 2 倍 醫學界 一直 在 擔心 covid-19 的 倖存者 會 因 病毒 傷害 腦 部 而 面臨 更 大 的 精神 健康 問題 風險 我們 的 發現 表明 這種 可能性 很 大 參與 研究 的 牛津大學 精神病學 教授 哈里森 paul harrison 在 接受 路透社 訪問 時 表示精神 科 醫生 塞德 margaret seide 醫師 指出 新冠 病毒 對 精神 健康 和 身體健康 都 有 影響 目前 尚不 清楚 為什麼 新冠 病毒 會 增加 精神疾病 的 風險 可能 的 原因 有 很 多 種 眾所周知 在 創傷 事件 倖存 之後 失眠 焦慮 和 抑鬱 之類 的 狀況 可能 會 增加 塞德 表示 這 有 可能 是 因為 媒體 報導 強調 新冠肺炎 的 死亡率 患者 時刻 意識 到 自己 死亡 的 可能性 非常 大 面對 死亡 的 可能性 令 人 恐懼 但 對 身體健康 的 壓力 和 擔憂 損害 心理健康 似乎 還 不足以 解釋 高達 1 5 的 患者 出現 精神疾病 另 一個 可能 的 原因 是 炎症 科學家 們 仍 在 試圖 理解 covid-19 據 目前 觀察 到 的 情形 新冠肺炎 的 患者 在 患病 期間 體內 廣泛 發炎 包括 大腦 內部 塞德 指出 良好 的 記憶力 穩定 的 情緒 和 睡眠 之類 的 東西 是 健康 大腦 的 產物 新冠肺炎 患者 的 這些 能力 可能 因為 腦 部 發炎 而 受到 影響 牛津大學 的 研究還 發現 患有 精神疾病 的 人 被 診斷 出 covid-19 的 可能性 比 沒有 精神疾病 的 人 高出 65 拉古伊 博士 指出 我 懷疑 這 可能 是 因為 患有 精神疾病 的 人 更 有 可能 表現 出 危險 的 行為 讓 他們 被 感染 的 風險 升高 比方 他們 比 正常人 更 無法 接受 被 隔離 因為 這 會 使 他們 的 精神疾病 惡化 此外 患有 精神疾病 的 人 也 比較 難 有效 控制 糖尿病 等 慢性病 這 會 增加 他們 感染 covid-19 的 風險</t>
  </si>
  <si>
    <t>修 昔 底 德 陷阱 一 詞 讓 博羅 奔 尼 撒 戰爭史 更 受到 重視 在 這本 史書 中 記錄 了 古 希臘 時期 雅典 與 斯 巴達 之間 20 多 年 的 戰爭 在 這 期間 其中 一個 重要 的 轉捩點 就 是 雅典 城內 突然 爆發 嚴重 瘟疫 造成 死傷 慘重 影響 當時 兩 強 對峙 的 實力 消長 史 家 修 昔 底 德 仔細 地 描述 人們 患病 的 情況 除了 身體 病徵 外 他 也 記錄 到 人們 在 疫情 中行 為 性格 的 變化 在 疾病 的 死亡威脅 下 人性 貪生怕死 的 那 一面 更 被 突顯 出來 好人 在 現世 中 沒有 好 報 反而 更 容易 因為 憐憫心 接觸 病人 而 導致 死亡 而 當時 從事 醫療 工作 的 人員 也 沒有 因為 專業 而 更 能 逃過一劫 反而 最常 成為 傳染 者 或 罹 患者 著名作家 馬克吐溫 曾 說 過 歷史 不 會 重複 只 是 會 押韻 也 正 如 修 昔 底 德 自己 也 屢屢 提到 只要 人性 不 變 相 類似 的 情境 總是 會 一再 出現 許多 價值 偏差 政治 權力 腐敗 都 是 透過 公眾 語言 修辭 展現 出來 人心 中的 邪惡 無形 權力 的 濫 用 往往 都 是 透過 語言 亦 即 特定 詞彙 呈現 在 公眾 面前 我們 想要 抑制 邪惡 濫 權 就 應該 審慎 關注 人們 所 使用 的 語言 特別 是 具有 公眾 影響力 的 政治 人物 與 名 嘴 此次 肺炎 疫情 最 早 發生 在 中國 大陸 的 武漢地區 因此 輿論 常以 武漢肺炎 稱 之 不過 隨 著 醫療 專業 對於 病毒 的 理解 世界衛生組織 正式 將 此次 疫情 稱為 covid-19 中文 稱為 新冠狀病毒 或 新冠肺炎 該 組織 特別強調 確定 命名 的 用意 是 避免 外界 使用 其他 可能 表述 不 準確 或者 帶有 汙名 化 的 名字 武漢肺炎 或 中國 病夫 這類 的 詞彙 在 不幸 疫情 上 增添 對於 特定 地區 人民 的 仇恨 有的 詞彙 起初 方便使用 也 就 罷了 但是 已經 提醒 可能 的 傷害 時 還是 有 許多 官方 文件 公共 宣傳 政治 人物 名 嘴 掛 在 口邊 甚至 就是 故意 使用 又 譬如 有名 嘴 在 當前 人們 對於 疫情 的 恐懼 下 指稱 支持 韓粉 者 是 罹 患 h 病毒 並且 表示 期待 h 病毒 應該 跟 當年 的 sars 一樣 總 有 完全 銷聲匿跡 的 一 天 吧 明顯 的 不同 的 政治 支持者 會 有 不同 的 意識 型態 支持 不同 的 政策 但是 在 一個 自由民主 的 國家 中 只要 不是 透過 暴力 非法手段 都 應該 尊重 彼此 的 存在 或許 有人 會 說 只不過 是 個 詞彙 而已 有 這麼 嚴重 嗎 事實上 我們 對於 許多 事物 的 認知 都 是 透過 使用 的 語言 來 理解 然後 彼此 交流 就 成為 影響 人們 生活 的 真實 力量 舉例來說 聖誕 老公公 年 獸 這類 故事 的 流傳 固然 可能 根本 不 存在 但 卻 可以 透過 語言 的 傳遞 真實 地 深刻影響 人們 的 生活 在 疫情 恐慌 的 氛圍 中 別 讓 惡言惡語 腐化 了 人心 我們 還是 要 試圖 堅持 一些 能夠 彰 顯 正面 價值 的 人性 光輝 這 也 才是人 之為 人 的 差異 這 才 是 臺灣 價值 的 真正 意義 作者 為 世新大學 口語 傳播學系 副教授 兼 系主任</t>
  </si>
  <si>
    <t>中國 大陸 面對 新冠肺炎 疫情 進出 公共場所 偶 有 見到 測量 手腕 溫度 對 臺灣 讀者 來說 腕 溫 比較 不 常見 大陸 網友 解釋 為何 測量 腕 溫而 不是 額 溫 根據 中央 社 日前 報導 面對 新型 冠狀病毒 肺炎 疫情 北京 公共 汽車 地鐵 與 跨</t>
  </si>
  <si>
    <t>中國 大陸 面對 新冠肺炎 疫情 進出 公共場所 偶 有 見到 測量 手腕 溫度 對 臺灣 讀者 來說 腕 溫 比較 不 常見 大陸 網友 解釋 為何 測量 腕 溫而 不是 額 溫 根據 中央 社 日前 報導 面對 新型 冠狀病毒 肺炎 疫情 北京 公共 汽車 地鐵 與 跨國 速食店 照常 營運 只是 乘客 與 店 內 用餐 顧客 很 少 就 連摩拜 等 共用 單車 也 像 閱兵 般 陳列 街頭 無人問津 上 千萬 人 的 大城市 進入 一 片 寧靜 祥和 的 外 弛 狀態 報導 指出 北京 公寓 電梯 每日 清晨 必定 傳來 一 股 消毒水 味道 各 商場 與 地鐵 車廂 也 強調 每日 消毒 街上 行人 幾乎 全戴 口罩 那怕進 超市 亦 然 報導 稱 量 體溫 測 發燒 是 防疫 的 第一 關 搭 地鐵 過 安檢 時 要 先量 額 溫 進 天安門 廣場 前 先量 手腕 溫 甚至 到 百貨商場 也 有 保安人員 量 額 溫 各 大 車站 旅客 進 出 則 是 交給 紅外線 感 測儀 對於 臺灣 讀者 來說 測量 手腕 溫 比較 新鮮 有 大陸 網友 指出 當地 進 超市 要 量 腕 溫而 不是 額 溫 因為 如果 遇到 下雪 因為 額頭 暴露 在外 常常 比 真正 體溫 低 而 手腕 大多 縮在 衣袖 裡面 所以 測量 手腕 溫度 比 測量 額 溫 準確 臺灣 網友 也 回應 當 在 youtube 頭 一 次 看到 大陸 進 超市 是 量 手腕 的 溫度 時 覺得 很 奇怪 為何 不是 量 額 溫 量 手腕 的 溫度 會 准 嗎 因為 在 臺灣 從 沒看 過量 腕 溫 的 不過 後來 陸續 看到 不同 省份 的 網友 也 有 拍到 進 超市 量 腕 溫 的 畫面 就 不再 覺得 那麼 奇怪 了 可能 只 是 兩岸 測量體溫 的 方法 不同 另 根據 臺灣 衛福部 國建 署 宣導 用 額 溫槍 或 紅外線 測量 皮膚 表面 常有 嚴重 低估 真正 體溫 的 現象 所以 不 建議 常規 使用 也 是 認為 用 額 溫槍 常 有 嚴重 低估 真正 體溫 的 現象 只 是 臺灣 還 沒 見到 測量 手腕 溫度</t>
  </si>
  <si>
    <t>四川 警方 日前 從 吉林省 延邊州 延吉市 押解 一 名 犯罪嫌疑人 回 四川 瀘州 古藺縣 只不過 沒 想到 該 嫌犯 竟是 1 名 無 症狀 感染者 此次 路途 3000 多 公里 還 途經 長春 北京 等 地 超過 逾 93 名 密切接觸 者 居家 隔離 中 新 京 報 指出 按照 通報 30 歲 的 男子 明某 是 吉林省 舒蘭市 人 也 是 犯罪嫌疑人 4 月 29 日 23 時 左右 他 被 古藺縣 公安局 從 吉林省 延邊 市 押解到 古藺縣 公安局 辦案 區 次日 下午 明某 在 接受 例行 檢查 時 發現 新冠 病毒 核酸 檢測 結果 為 陽性 但 無 任何 發熱 咳嗽 等 新冠肺炎 症狀 綜合 流行病 學 史 影像 學 檢查 實驗室 檢測 等 診斷 為 新型 冠狀病毒 肺炎 無 症狀 感染者 隨即 被 古藺縣 定點醫院 收治 隔離 報導 稱 林省 延吉市 新冠肺炎 疫情 防控 領導小組辦公室 昨 就 此事 通報 稱 明某 現 居住 延吉市 2 月 25 日 從 舒蘭 自 駕車 輛 返 延後 曾 居家 單獨 隔離 14 天 無 異常 後 返回 工作 單位 4 月 28 日 13 時 左右 明某 在 延吉市 某 汽修廠 被 四川 警方 抓捕 當天 下午 乘 火車 經 長春 北京 4 月 29 日 深夜 抵達 四川省 瀘州市 古藺縣 同 其他 9 名 嫌疑人 被 共同 拘押 於 一派 出 所 4 月 30 日 經 當地 疾 控 中心 核酸 檢測 結果 為 陽性 明某 被 四川 方面 診斷 為 無 症狀 感染者 5 月 1 日 四川 方面 對 明某 進行 血清 抗體 檢測 igm 和 igg 結果 均 為 陰性 表明 明某 為 新近 感染 報導 說 延吉市 新冠肺炎 疫情 防控 領導小組辦公室 介紹 接 到 四川 警方 的 推 送 資訊 後 州 市 兩 級 新冠肺炎 疫情 防控 指揮部 高度重視 快速反應 調度 州 市 兩 級 防控 力量 第一時間 開展 流行病 學 調查 追蹤 管控 及 核酸 檢測 等 疫情 防控 工作 截至 5 月 1 日 24 時 已 追蹤 到 與 明某 有 接觸 的 人員 共 93 人 其中 密切接觸 者 28 人 均 已 進行 集中 隔離 次 密接 者 39 人和 一般 接觸 者 26 人 其中 33人 已 進行 集中 隔離 其他 32 人 實行 嚴格 的 單獨 居家 隔離</t>
  </si>
  <si>
    <t>近日 由 湖北 科技 出版社 緊急 編撰 的 新型 冠狀病毒 肺炎 預防 手冊 網路 試 讀 版 在 網路上 廣泛 流傳 大陸 各地 出版社 緊隨其後 紛紛 組織 經驗豐富 的 傳染病 防治 專家 病原 生物 與 免疫 專業 研究 學者 撰稿 緊急 出版 其中 不少 圖</t>
  </si>
  <si>
    <t>近日 由 湖北 科技 出版社 緊急 編撰 的 新型 冠狀病毒 肺炎 預防 手冊 網路 試 讀 版 在 網路上 廣泛 流傳 大陸 各地 出版社 緊隨其後 紛紛 組織 經驗豐富 的 傳染病 防治 專家 病原 生物 與 免疫 專業 研究 學者 撰稿 緊急 出版 其中 不少 圖書 在 網路 供 民眾 免費 閱讀 對 病毒 的 傳播 症狀 預防 及 診療 等 進行 權威 通俗 的 解讀 1 月 本 應 是 出版界 的 寒假 和 春節 銷售 高峰 但 根據 北京 2020 年初 新冠 疫情 下 圖書 零售 專題 分析 報告 指出 實體 書店 2020 年 春節 後 第一 周 銷售 不足 2019 年 的 10 出版業 界 人士 曾鋒 調查 的 350 多 份 有效 調查 問卷 顯示 因為 新冠肺炎 86 的 書店 曾 停業 7394 的 書店 認為 即使 恢復 營業 收入 也 會 至少 減半 眾多 實體 書店 積極 自救 透過 網 店 社 群 直播 等 多種形式 展開 線 上 閱讀 服務 網路 點 擊 量 逾 千萬 1 月 23 日 由 廣東 科技 出版社 出版 大陸 第一 本 抗 疫 的 書 新型 冠狀病毒感染 防護 詳細 介紹 該病 可能 的 發病 原因 臨床表現 自我 保護 辦法 公共場所 注意事項 及 防治 誤區 等 內容 對 科學 防控 疫情 普及 新冠肺炎 相關 知識 有 非常 重要 的 作用 及時 出版 春節 前後 加印 50萬 冊 大陸 各地 出版社 紛紛 組織 經驗豐富 的 傳染病 防治 專家 病原 生物 與 免疫 專業 研究 學者 撰稿 緊急 出版 新冠肺炎 相關 刊物 陝西人民教育出版社 的 新型 冠狀病毒 肺炎 防護 知識 讀本 中國協和醫科大學 出版社 的 協和 新型 冠狀病毒 肺炎 防護 手冊 上海科學技術出版社 的 張文宏 教授 支 招 防控 新型 冠狀病毒 等 對 病毒 的 傳播 症狀 預防 及 診療 等 進行 解讀 截至 1 月 29 日 點 擊 閱讀 量 已 逾 千萬 健康 心態 應對 疫情 此外 為了 緩解 群眾 的 恐慌 和 心理 壓力 四川 科學技術 出版社 推出 新型 冠狀病毒 大眾 心理 防護 手冊 陝西師範大學 出版 總社 出版 新型 冠狀病毒感染 的 肺炎 疫情 下 心理健康 指導 手冊 積極指導 民眾 以 理性 態度 和 健康 心態 抗擊 疫情</t>
  </si>
  <si>
    <t>手冊 出版 肺炎 病毒 新型 冠狀病毒</t>
  </si>
  <si>
    <t>中 國信 讬 金融 控股 公司 今 30 日 表示 接 獲 通知 旗 下 孫 公司 中 國信 讬 資 融 公司 簡稱 中信 資 融 1 名 內勤 同仁 確診 新型 冠狀病毒 covid-19 截至 今日 為止 中 國信 讬 商業 銀行 有 3 名 同仁 臺灣 人壽保險 公司 有 3 名 同仁</t>
  </si>
  <si>
    <t>中 國信 讬 金融 控股 公司 今 30 日 表示 接 獲 通知 旗 下 孫 公司 中 國信 讬 資 融 公司 簡稱 中信 資 融 1 名 內勤 同仁 確診 新型 冠狀病毒 covid-19 截至 今日 為止 中 國信 讬 商業 銀行 有 3 名 同仁 臺灣 人壽保險 公司 有 3 名 同仁 中 國信 讬 資 融 有 1 名 同仁 合計 7 名 同仁 確診 金融 同業 持續 傳出 員工 確診 案例 元大銀 上海 商銀 29 日均 接 獲 通知 分別 有 1 名 內勤 員工 確診 上海 商銀 表示 該 內勤 員工 未 與 客戶 接觸 上班 均 依 規定 全程 佩戴 口罩 目前 該 名 員工 正 依照 衛生 主管機關 指示 進行 相關 治療 該行 亦 持續 追蹤 與 關懷 該 名 員工 的 情況 並 提供 必要 的 協助 元 大金 亦 表示 被 通知 確診 的 員工 工作 性質 單純 無 跨 樓層 區域 業務 往來 對 營運 業務 沒有 影響 兩 家 銀行 都 已 完成 環境 消毒 中信 金 控 表示 為 保護 同仁 安全 及 避免 感染 風險 中信 資 融 已 針對 確診 同仁 工作 的 辦公 環境 完成 全面 清潔 消毒 作業 同一 辦公樓 層 的 所有 同仁 亦 全數 實施 居家 辦公 及 自主 健康 管理 中 國信 讬 金控 呼籲 員工 及 客戶 多 注意 自身 與 家人 健康 身體 若 有 不適 請 盡 速 就醫 避開 所有 接觸 感染 風險 的 機會 保護 自己 家人 同仁 與 客戶 的 健康 上海 商銀 表示 審慎 因應 嚴峻 的 疫情 已 強化 防疫 管理 實施 異地 備援 辦公 及 分流 上班 採取 視 訊 會議 建立 分行 備援 機制 與 客戶 分流 以及 暫停 業務人員 實地 拜訪 客戶 與 外部 人員 來 行 訪問 等 措施 營業 櫃檯 並 加 裝 透明 隔板 配發 櫃員 護目鏡 同時 強 環境 消毒 作業 已 持續 關注 疫情 變化 滾 動式 精進 各項 防疫 措施 以 守護 環境 安全 保護 員工 及 客戶 的 健康</t>
  </si>
  <si>
    <t>美國 美 股 期貨 川普 新型 冠狀病毒</t>
  </si>
  <si>
    <t>武漢肺炎 新型 冠狀病毒 新冠肺炎 全球 covid-19</t>
  </si>
  <si>
    <t>新冠肺炎 武漢肺炎 新型 冠狀病毒 covid-19 深圳</t>
  </si>
  <si>
    <t>傑西沃特斯 何猷君 新冠肺炎 武漢肺炎 新型 冠狀病毒</t>
  </si>
  <si>
    <t>武漢肺炎 新型 冠狀病毒 新冠肺炎 ncp 檢疫所</t>
  </si>
  <si>
    <t>新冠肺炎 conid- 19 武漢肺炎 新型 冠狀病毒 鍾 南山</t>
  </si>
  <si>
    <t>陸委會 滯留 湖北 臺灣人 邱垂正 新冠肺炎 新型 冠狀病毒</t>
  </si>
  <si>
    <t>清明節 連 假期 間 國人 高興 出遊 雖然 發佈 國家級 警報 仍 不 敵 部分 民眾 的 玩 興 對此 重症 暨 胸腔 科 醫師 黃軒 表示 17 年前 sars 爆發 高峰 就是 在 清明節 過 後 黃軒 在 談話 性 節目 驚 爆 新聞 線 中 表示 2003 年 那 一 年 他 在 第一 線 工作 那年 他 看到 sars 病人 從 可以 說話 躺下來 昏迷 一直 到 死亡 黃軒 指出 當年 清明節 之後 就 是 一個 大 爆炸 清明節 後 的 兩 個 禮 拜到 3 個 禮拜 和平醫院 封 院 了 因為 一 群 人 得到 群 聚 感染 醫護人員 也 染病 接下來 好幾 個 禮拜 甚至 好幾 個 月 的 時間 他 感覺 整個 臺灣 幾乎 快 被 冠狀病毒 毀滅 黃軒 表示 如今 民眾 太 放鬆 了 看 到 清明節 的 人 與 人 接觸 以後 深深 感受 到 sars 爆發 時 的 心情 留意 出現 清明連 假 後 的 恐懼 高峰 這 句 話 並 不是 超前 憂慮</t>
  </si>
  <si>
    <t>新冠肺炎 疫情 血友病 自主 健康 管理 武漢肺炎 新型 冠狀病毒</t>
  </si>
  <si>
    <t>據 江蘇 當局 發佈 3 月 12 日 0 24 時 江蘇省 無 新 增 新型 冠狀病毒 肺炎 確診 病例 新增 出院 病例 2 例 江蘇 累計 確診 的 631 病例 中 在 院 病例 1 例 重型 病例 1 例 無錫市 1 例 累計 出院 病例 630 例 截至 3 月 12 日 24 時 江蘇省 累計 報告</t>
  </si>
  <si>
    <t>據 江蘇 當局 發佈 3 月 12 日 0 24 時 江蘇省 無 新 增 新型 冠狀病毒 肺炎 確診 病例 新增 出院 病例 2 例 江蘇 累計 確診 的 631 病例 中 在 院 病例 1 例 重型 病例 1 例 無錫市 1 例 累計 出院 病例 630 例 截至 3 月 12 日 24 時 江蘇省 累計 報告 新型 冠狀病毒 肺炎 確診 病例 631 例 其中 南京市 93 例 無錫市 55 例 徐州市 79 例 常州市 51 例 蘇州市 87 例 南通市 40 例 連雲港市 48 例 淮安市 66 例 鹽城市 27 例 揚州市 23 例 鎮江市 12 例 泰州市 37 例 宿遷市 13 例 累計 確診 病例 中 在 院 病例 1 例 重型 病例 1 例 無錫市 1 例 累計 出院 病例 630 例 其中 南京市 93 例 無錫市 54 例 徐州市 79 例 常州市 51 例 蘇州市 87 例 南通市 40 例 連雲港市 48 例 淮安市 66 例 鹽城市 27 例 揚州市 23 例 鎮江市 12 例 泰州市 37 例 宿遷市 13 例 其中 南京市 徐州市 常州市 蘇州市南通市 連雲港市 淮安市 鹽城市 揚州市 鎮江市 泰州市 宿遷市 12 市 的 確診 病例 全部 出 院 目前 江蘇省 追蹤 到 密切接觸 者 12652 人 已 解除 醫學觀察 12630 人 尚有 22 人 正在 接受 醫學觀察</t>
  </si>
  <si>
    <t>新冠肺炎 武漢肺炎 新型 冠狀病毒 covid-19 檢測 確診</t>
  </si>
  <si>
    <t>新冠肺炎 武漢肺炎 新型 冠狀病毒 大陸 武漢</t>
  </si>
  <si>
    <t>新冠肺炎 大陸 武漢肺炎 新型 冠狀病毒 緊急命令</t>
  </si>
  <si>
    <t>新冠肺炎 武漢肺炎 新型 冠狀病毒 covid-19 刺 胳 針</t>
  </si>
  <si>
    <t>國內 台中 基隆 近日 出現 2 例 個案 在 接種 流感疫苗 後 疑 似 引發 格林巴厘 症候 群 gbs 其中 基隆 婦女 出現 味覺 異常 症狀 臺灣 感染症 醫學會 理事長 黃立民 指出 歐洲 研究 證實 gbs 和 新型 冠狀病毒 病 有關 呼籲 疫情 期間 出</t>
  </si>
  <si>
    <t>國內 台中 基隆 近日 出現 2 例 個案 在 接種 流感疫苗 後 疑 似 引發 格林巴厘 症候 群 gbs 其中 基隆 婦女 出現 味覺 異常 症狀 臺灣 感染症 醫學會 理事長 黃立民 指出 歐洲 研究 證實 gbs 和 新型 冠狀病毒 病 有關 呼籲 疫情 期間 出現 gbs 患者 應先 隔離 避免 傳播 風險 黃立民 表示 接種 流感疫苗 出現 gbs 不是 不可能 但 典型 症狀 應 在 2 到 6 周 之間 發生 台中 和 基隆 這 2 例 則 分別 在 第 10 第 9 天 出現 等於 是 灰色 地帶 難以 證明 與 疫苗 有關 然而 國際 已經 證實 許多 新冠肺炎 患者 都有 出現 gbs 黃立民 表示 國際 期刊 刺 絡 針 lancet 旗 下 期刊 the lancet neurology 研究 顯示 國際 目前 發現 有 19 名 新冠肺炎 患者 有 gbs 的 神經系統 疾病 並 在 其 腦 脊 椎 液 找到 新冠 病毒 顯示 新冠 病毒 造成 gbs 的 情況 並不 罕見 現在 這種 季節 如有 gbs 就 該 采 檢 武 肺 不 驗 是很 奇怪 的 事 黃立民 說 現在 正值 秋冬新冠肺炎 蠢蠢欲動 之際 這個 季節 有 gbs 就 應采 驗 新冠 他 建議 只要 有 gbs 症狀 者 應采檢 新冠肺炎 並 將 病 患 隔離 起來 以 避免 造成 院內 感染 的 風險 臺灣 感染症 醫學會 名譽 理事長 柳營 奇美醫院 榮譽 院長 莊銀清 也 表示 很多 病毒 和 細菌 都 會 引發 gbs 包括 新冠 病毒 等 但 味覺 異常 也 是 建議 醫院 可以 多方 采 檢 疾 管署 副 署長 莊人祥 說 國外 提到 19 例 新冠肺炎 確診 者 有 gbs 這 是 幾 千萬 例 個案 中的 19 例 國內 目前 此 一 情形 所以 不會 列入 采 檢 標準 流程</t>
  </si>
  <si>
    <t>多 吃 水果 喝 紅 酒 也 能 達到 預防 新冠肺炎 的 效益 中國 醫藥 大學校長 洪 明奇 率領 科研 團隊 從 過去 sars 研究 結果 延伸 發現 單寧酸 可 雙重 抑制 新型 冠狀病毒 主要 蛋白酶 與 人體 細胞 的 跨 膜 絲 胺 酸 蛋白酶 2 藉 此 阻擋 病毒 進入</t>
  </si>
  <si>
    <t>多 吃 水果 喝 紅 酒 也 能 達到 預防 新冠肺炎 的 效益 中國 醫藥 大學校長 洪 明奇 率領 科研 團隊 從 過去 sars 研究 結果 延伸 發現 單寧酸 可 雙重 抑制 新型 冠狀病毒 主要 蛋白酶 與 人體 細胞 的 跨 膜 絲 胺 酸 蛋白酶 2 藉 此 阻擋 病毒 進入 人體 此 研究 結果 並 獲 國際 期刊 美國 癌症 研究 雜誌 刊登 洪 明奇 表示 過去 sars 疫情 期間 研究 團隊 就 針對 其 預防 治療 進行 研究 但因 sars 流行 半 年 後 即 消失 相關 研究 也 終止 近來 因 新冠肺炎 在 國內外 持續 蔓延 研究 團隊 將 過去 研究 資料 調 出來 重新 以 新型 冠狀病毒 的 特性 持續 研究 果然 發現 單寧酸 具有 特別 效益 洪 明奇 說 新冠 病毒 中的 主要 蛋白酶 是 影響 其 毒 傳播 生長 的 關鍵 角色 而 在 病毒 進入 人體 時 必須 與 人體 細胞 中的 跨 膜 絲 胺 酸 蛋白酶 2 結合 單寧酸 則 具有 抑制 病毒 主要 蛋白酶 的 效果 且 其 也 能 在 病毒 進入 人體 時 阻絕 跨 膜 絲 胺 酸 蛋白酶 2 與 病毒 結合 讓 病毒 無法 真正 進入 人體 細胞 研究 團隊 成員 教授 王 紹椿 及 副教授 陳曄 則 說 單寧酸 屬於 水溶性 多 酚 類 的 天然 化合物 在 許多 植物 水果 中都 存在 像是 蔬菜 香蕉 及 葡萄 紅莓 油 桃 紅 酒 內 都 有 單寧酸 其實 單寧酸 除 有 抑制 新冠 病毒 主要 蛋白酶 的 效果 近期 也 被 證實 可 抑制 癌細胞 的 代謝 增生 與 轉移 具有 抗 發炎 效果 洪 明奇 強調 目前 經 團隊 研究 確認 單寧酸 可 抑制 新型 冠狀病毒 活性 還 可 達到 一定 程度 阻隔 病毒 進入 人體 對 對抗 新冠肺炎 疫情 有 高度 前瞻性 接下來 團隊 將 持續 研究 哪些 食物 中的 單寧酸 成分 較 高 中 時 新聞網 關心 您 喝酒 過量 有礙 健康</t>
  </si>
  <si>
    <t>新冠肺炎 武漢肺炎 新型 冠狀病毒 臺灣 染疫</t>
  </si>
  <si>
    <t>新冠肺炎 武漢肺炎 新型 冠狀病毒 covid-19 研發</t>
  </si>
  <si>
    <t>湖北 武漢肺炎 新冠肺炎 新型 冠狀病毒 大陸</t>
  </si>
  <si>
    <t>新冠肺炎 疫情 蔓延 全球 不少 人 擔心 會 不 會 因 觸 碰到 網 購 的 國際 包裹 而 染病 醫師 表示 各類 冠狀病毒 室溫 下 最 長 可 存活 9 天 存活 時間 比 流感 病毒 多 4 倍 制 衣 公會 則 表示 無法 保證 絕對 不 會 沾染 飛 沫 若 有 疑慮 應先 清洗</t>
  </si>
  <si>
    <t>新冠肺炎 疫情 蔓延 全球 不少 人 擔心 會 不 會 因 觸 碰到 網 購 的 國際 包裹 而 染病 醫師 表示 各類 冠狀病毒 室溫 下 最 長 可 存活 9 天 存活 時間 比 流感 病毒 多 4 倍 制 衣 公會 則 表示 無法 保證 絕對 不 會 沾染 飛 沫 若 有 疑慮 應先 清洗 曝曬 後 再 穿 有 網友 在 dcard 發文 詢問 買 韓衣 會 不 會 有 安全 疑慮 質疑 衣服 沾 到 飛 沫 也 不 會 有人 知道 根據 世界衛生組織 who 官 網 指出 新冠肺炎 病毒 很 難 在 信件 包裹 等 物體 上 長 時間 存活 關務 署 日前 也 說明 目前 並 無證據 顯示 來自 大陸 的 郵包 及 快遞 貨物 有 病毒 殘留 疑慮 最 重要 的 還是 勤洗手 避免 觸摸 眼 鼻 口 制 衣 公會 則 表示 無法 保證 人工 處理 的 部分 完全 不 會 殘留 飛 沫 若 消費者 有 疑慮 收到 新衣 可以 先 清洗 後 在 陽光 下 曝曬 72 小時 殺菌 醫學期刊 醫院 感染 雜誌 報導 研究 顯示 各類 冠狀病毒 例如 sars mers 室溫 下 平均 可 存活 4 至 5 天 存活 時間 確實 比 流感 病毒 多 了 4 倍 建議 可 使用 酒精 或 漂白 水 等 加以 消毒</t>
  </si>
  <si>
    <t>疫情 鍾 南山 新冠肺炎 武漢肺炎 新型 冠狀病毒</t>
  </si>
  <si>
    <t>新冠肺炎 武漢肺炎 新型 冠狀病毒 臺灣 裡長</t>
  </si>
  <si>
    <t>新冠肺炎 武漢肺炎 新型 冠狀病毒 臺灣 出國</t>
  </si>
  <si>
    <t>荷蘭 口罩 新冠肺炎 武漢肺炎 新型 冠狀病毒</t>
  </si>
  <si>
    <t>血友病 童 張雅琴 新冠肺炎 新型 冠狀病毒 臺灣</t>
  </si>
  <si>
    <t>新冠肺炎 covid-19 武漢肺炎 新型 冠狀病毒 柯文哲</t>
  </si>
  <si>
    <t>邊界 新型 冠狀病毒 俄羅斯 波蘭 歐洲</t>
  </si>
  <si>
    <t>日本政府 厚生 勞動 省 將 對 鑽石 公主 號 上 所有 人員 進行 武漢肺炎 病毒 檢查 只要 檢查 結果 確認 是 陰性 且 從 19 日 起 再度 確認 健康狀況 沒有 問題 就 能 依序 下船 日本 朝日新聞 報導 日本 厚生 勞動 大臣 加藤勝 信 今天 說 將 對 鑽石 公主 號 上 所有 旅客 與 船 組員 進行 病毒 檢查 只要 能 確認 檢查 結果 為 陰性 就 能 在 2 周 觀察期 結束 的 19 日後 依 序 下船 日本放送協會 nhk 報導 加藤 在 傍晚 記者會 上 宣佈 今天 確診 船上 新增 67 例 俗稱 武漢肺炎 的 2019 年 冠狀病毒 疾病 covid-19 病例 包括 今天 在內 厚生 勞動 省 已對 船上 約 3700 人 中的 930 人 進行 病毒 檢查 930 人 中 有 285 人 確診 其中 有 73 人 無 症狀 加藤 表示 船上 70 歲 以上 正在 接受 病毒 檢查 的 人員 只要 結果 確認 是 陰性 並 在 19 日 起 再度 確認 健康狀況 沒有 問題 的話 就 不 需要 再度 受檢 可以 依序 下船 至於 船上 未 滿 70 歲 的 人員 也 將 從 16 日 起 依 序 接受 病毒 檢查 只要 結果 確認 是 陰性 可 比照 上述 原則 依 序 下船 發生 武漢肺炎 群 聚 感染 的 鑽石 公主 號 目前 停泊 在 日本 橫濱 港 船上 約 3700 人 中 已 有 285 人 確診 武漢肺炎 其 餘 旅客 及 船 組員 到 19 日 止 都 得 待 在 船上 接受 觀察 船上 的 臺灣 旅客 告訴 中央 社 記者 說 船上 旅客 包含 20 名 中華民國 國民 另 有 10 至 15 名 美籍 或 日籍 的 臺灣人</t>
  </si>
  <si>
    <t>新冠肺炎 武漢肺炎 新型 冠狀病毒 臺灣 韓國瑜</t>
  </si>
  <si>
    <t>臺灣 的 防疫 成績 世界 有目共睹 外 媒 也 爭相 報導 現 連 法國 最 大 電視臺 也 給予 肯定 這 讓 來自 法國 的 網 紅 路易 很 感動 迫不及待 要 和 大家 分享 差點 要 落淚 了 法國 最 大 電視臺 法國 電視 一 台 tf 1 在 黃金時段 新聞 中 以 對抗 新型 冠狀病毒 臺灣 的 秘密 是 什麼 為題 分析 臺灣 成功 抗 疫 經驗 除了 在 一 開始 就 採取 迅速 有效 方式 來 減緩 疫情 的 蔓延 在 機場 捷 運 餐廳 都會 量 體溫 政府 也 積極 生產 口罩 提供 國人 限額 使用 而 最 讓路 易驚豔 的 是 tf 1 以 臺灣 是 個 很 小 的 國家 來 形容 雖然 法國政府 對 臺灣 的 態度 很 模糊 但 最 大 電視臺 卻 願意 以 國家 來 稱呼 臺灣 讓 他 非常 感動 這 是 讓 法國 人 認識 臺灣 非常 大 的 進步 因為 tf 1 是 每天 都 有 幾 百萬 人 收看 的 電視臺</t>
  </si>
  <si>
    <t>新冠肺炎 新型 冠狀病毒 臺灣 大陸 全球</t>
  </si>
  <si>
    <t>武漢肺炎 新型 冠狀病毒 新冠肺炎 臺灣 郵輪</t>
  </si>
  <si>
    <t>波蘭 環境 部長 渥 斯 michael wos 今天 指出 他 經采檢 對 2019 冠 狀 病毒 疾病 covid-19 武漢肺炎 呈 陽性反應 已 自我 隔離 還 表示 他 目前 覺得 狀況良好 法新社 報導 波蘭 確診 病例 已 達 156 例 有 3 人 死亡 已 實施 禁止 外國 旅客 進入 及 關閉 學校 等 預防措施 29 歲 的 渥 斯 推 文 表示 一 名 我 接觸 過 的 國家 森林 員工 昨天 經檢測 感染 冠狀病毒 後 我 即 進行 隔離 和 檢測 這 名 已婚 育 有 一 子 的 波蘭 環境 部長 說 檢測 結果 是 陽性 我 現在 覺得 良好 我 很 感謝 醫護人員 並 對 每 一 位 患病者 傳達 聲援 之 意 其他 感染 武漢肺炎 的 國際 政治 人物 還 包括 法國 文化部長 裡斯特 franck riester 西班牙 平等 部長 孟蒂 羅 irene montero 和 伊朗 副 總統 亞伯特卡 masoumeh ebtekar 等</t>
  </si>
  <si>
    <t>新冠肺炎 武漢肺炎 新型 冠狀病毒 臺灣 航空 業</t>
  </si>
  <si>
    <t>大陸 武漢 新冠肺炎 新型 冠狀病毒 ncp</t>
  </si>
  <si>
    <t>譚 德塞 who 世界衛生組織 新冠肺炎 新型 冠狀病毒</t>
  </si>
  <si>
    <t>隔離 湖北 新冠肺炎 武漢肺炎 新型 冠狀病毒</t>
  </si>
  <si>
    <t>臺北 榮總 搶救 嚴重 新冠肺炎 患者 率 國際 之 先 使用 類風濕性 關節炎 的 生物 製劑 讓 國內 免 添 第 八 死 北 榮 分享 收治 一 名 重症 婦 的 康復 經驗 原本 已經 休克 還有 呼吸衰竭 必須 插 上 葉克 膜 肺部 整 片 發白 離 鬼門關 只 差 一 步 的 老婦 逆轉 發炎 反應 痊癒 返家 臺北 榮總 過敏 免疫 風濕科 主任 蔡長右 表示 患者 為 一 名 老太太 轉院 時 情況 已經 非常 糟糕 明顯 休克 還有 呼吸衰竭 得 靠 呼吸器 跟 葉克 膜 撐 著 儘管 已 使用 強效 廣 效 的 抗生素 和 升壓 劑 治療 23 個 禮拜 了 但 反應 不是 非常 的 好 背後 元兇 就是 病毒感染 後 產生 細胞 激素 風暴 影響 了 心 肺 跟 血壓 情況 非常 危急 恐 成 國內 第 八 名 死亡 案例 蔡長右 說 醫療 團隊 多次 討論 之後 決定 試試 類風濕性 關節炎 藥 il- 6 當時 全球 還 沒有 其他 國家 採用 這個 方法 來 治療 新冠肺炎 才打 第 一針 患者 狀況 就 明顯 改善 短 時間 內 就 順利 拔 管 蔡長右 說 該藥 之所以 發揮 功效 在 於醫界 近年 已 發現 細胞 激素 在 發炎 反應 中 不管 是 新冠肺炎 或 其他 肺炎 其他 原因 引發 的 肺部 發炎 反應 很多 疾病 的 最後 致死 原因 並 不是 原始 的 病毒 而是 後來 產生 的 發炎 反應 其中 第 6 介 白質 就 扮演 很 重要 的 角色 如果 可以 被 抑制 下來 肺部 狀況 就 可以 獲得 控制 類風濕性 關節炎 藥 il- 6 目前 已 納入 健 保 的 類風濕性 關節炎 標準 治療 之一 但要 經 專案 申請 才能 使用 在 臺北 榮總 4 月 用藥 之後 6 月 17 日 也 已 列入 指揮中心 公佈 的 第 7 版 新型 冠狀病毒感染 臨床 處置 暫行 指引 中 與 瑞德西韋 抗 病毒 藥物 針對 病毒 不 同 這類 藥物 主要 在 抑制 發炎 反應</t>
  </si>
  <si>
    <t>受 新冠肺炎 疫情 擴大 影響 亞洲 最 大 的 新加坡 航空展 規模 縮水 部分 參展 代表 與 軍事 迷 還 戴 口罩 觀展 參展 業者 也 提供 軍火 月曆 等 文宣 紀念品 其中 以色列 航 太 公司 贈送 的 口罩 最 搶手 新加坡 航空展 採取 嚴格 的 安全 檢查 措施 確保 與會 參展 業者 與 貿易 代表 安全 今年 的 重點項目 包括 如何 防範 2019 年 冠狀病毒 疾病 中央 社 報導 凡 參展 代表 與 媒體 搭乘 接 駁 車 前往 展場 前 都 必須 通過 體溫 檢測 儀 檢查 上 i m cool 貼紙 認證 回程 搭接 駁 車 抵達 轉運站 時 仍要 通過 耳 溫槍 檢查 展場 在 早上 登記 入口處 發放 口罩 供 參展 代表 與 媒體 記者 自由 取用 以色列 航 太公 司 iai 也 在 會場 中 贈送 印有 以 公司 標 章 包裝 的 口罩 原是 要 讓 參展 代表 使用 但 反而 成為 今年 最為 特殊 的 紀念品 非常 搶手</t>
  </si>
  <si>
    <t>新冠肺炎 武漢肺炎 新型 冠狀病毒 covid-19 佛 奇</t>
  </si>
  <si>
    <t>新冠肺炎 covid-19 武漢肺炎 新型 冠狀病毒 敏成</t>
  </si>
  <si>
    <t>新冠肺炎 conid- 19 武漢肺炎 新型 冠狀病毒 黑 天鵝</t>
  </si>
  <si>
    <t>萬金石 馬拉松 新北 市 鐵道 馬拉松 接力賽 新北 市 觀 旅 局長 張其強 新冠肺炎 新型 冠狀病毒</t>
  </si>
  <si>
    <t>新冠肺炎 武漢肺炎 新型 冠狀病毒 ncp 以色列</t>
  </si>
  <si>
    <t>新冠肺炎 武漢肺炎 新型 冠狀病毒 臺灣 陳時中</t>
  </si>
  <si>
    <t>澳洲籍 音樂家 布萊特狄恩 brett dean 2 月 23 日 至 3 月 2 日 訪台 並 進行 2 場 演出 回 澳 後 確診 感染 新型 冠狀病毒 肺炎 留下 了 145 名 接觸 者 須 接受 居家 隔離 其中 包括 因公 採訪 的 8 名記者 目前 得知 將 被 隔離 至 3 月 11 日 中央 流行 疫情</t>
  </si>
  <si>
    <t>新冠肺炎 武漢肺炎 新型 冠狀病毒 臺灣 記者</t>
  </si>
  <si>
    <t>口罩 大 邱 南韓 幹 洗手 新型 冠狀病毒</t>
  </si>
  <si>
    <t>3 月 3 日 北京市 新型 冠狀病毒 肺炎 疫情 防控 工作 新聞 發佈會 上 北京市政府 副 秘書長 陳蓓 表示 北京 調整 境外 人員 入境 隔離政策 凡是 從 韓國 義 大利 伊朗 日本 等 疫情 嚴重 國家 經 北京 口岸 入境 的 均 需 居家 或 集中 隔離 14 天</t>
  </si>
  <si>
    <t>3 月 3 日 北京市 新型 冠狀病毒 肺炎 疫情 防控 工作 新聞 發佈會 上 北京市政府 副 秘書長 陳蓓 表示 北京 調整 境外 人員 入境 隔離政策 凡是 從 韓國 義 大利 伊朗 日本 等 疫情 嚴重 國家 經 北京 口岸 入境 的 均 需 居家 或 集中 隔離 14 天 陸媒 報導 3 月 2 日 湖北 外 新增 11 例 確診 病例 7 例 來自 浙江 均 為 義 大利 輸入 病例 當日 人民日報 發表 微博 稱 嚴防 境外 輸入 嚴防 境外 輸入 日漸 成為 大陸 一個 重要 的 議題 世衛組織 總 幹事 譚 德塞 2 日 表示 中國 的 新冠肺炎 病例 數量 在 持續 下降 在 過去 24 小時 內 中國 境外 報告 的 病例 數 幾乎 是 中國 境內 的 9 倍 早 在 2 月 26 日 譚 德塞 表示 昨天 25 日 中國 以外 的 新增 病例 報告 數量 首次 超過 了 中國 的 新增 病例 數量 當日 寧夏 中衛市 公告 該市 確診 1 例 境外 輸入 型 新冠肺炎 病例 緊急 尋找 密切接觸 者 之後 北京 廣東 和 浙江 等 多 次 相繼 出現 了 境外 輸入 病例 同日 中共中央政治局 常務委員會 召開 的 會議 上 提到 要 壓 實屬 地 責任 實施 更 嚴格 的 管理 措施 防止 外部 傳染源 輸入 報導 稱 在 地方 政府 相應 的 舉措 上 寧夏 報告 首例 境外 輸入 型 新冠肺炎 病例 的 第二 天 2 月 27 日 寧夏回族自治區黨委 書記 陳潤兒 主持 召開 境外 新冠肺炎 疫情 輸入 防控 專題會議 並 做 了 部署 3 月 2 日 寧夏 再度 提到 嚴防 境外 輸入 風險 其他 出現 境外 輸入 病例 的 省分 均 進行 了 相關 部署 3 月 2 日 北京市委常委會 會議 暨 北京 新冠肺炎 疫情 防控 工作領導小組 第 三十六 次 會議 提到 要 嚴格 入境 管理 成立 應對 小組 加強 工作 力量 統一 協調 調度 有 針對性 地 落實 防疫 措施 來自 或 去 過 疫情 嚴重 國家 的 入境 人員 到 京後 居家 或 集中 觀察 14 天 廣東 也 有 了 新 舉措 據 廣東省 衛 健 委 消息 針對 新冠肺炎 疫情 在 海外 呈現 擴散 態勢 廣東 正 全面 加強 入境 健康 管理 對 來自 或 去 過 離境 國家 疫情 嚴重 地區 的 人員 入境 廣東 後 一律 需 接受 居家 或 集中 醫學觀察 14 天 在 疫情 形勢 出現 新 變化 的 這 段 時間 嚴防 境外 疫情 輸入 的 不僅 是 上述 幾 個 省分 3 月 1 日 吉林省委 書記 巴音朝魯 到 了 長春 龍 嘉 機場 調研 指導 疫情 防控 和 外防 輸入 工作 情況 廣西 與 山東 也 陸續 實施 入境 人員 疫情 防控 相關 舉措</t>
  </si>
  <si>
    <t>who 武漢肺炎 新冠肺炎 新型 冠狀病毒 covid-19</t>
  </si>
  <si>
    <t>新冠肺炎 新型 冠狀病毒 臺灣 台中 市 旅遊業</t>
  </si>
  <si>
    <t>武漢肺炎 新型 冠狀病毒 全球 三藩市 加州</t>
  </si>
  <si>
    <t>港澳 香港 新冠肺炎 武漢肺炎 新型 冠狀病毒</t>
  </si>
  <si>
    <t>蒙古 今天 表示 一 名 在 蒙古 就業 的 法國 籍 人士 確診 感染 在 全球 擴散 開 來 的 2019 年 冠狀病毒 疾病 covid-19 武漢肺炎 為 蒙古首 起 病例 蒙古 國家 緊急 事務 委員會 national emergency commision 發表 聲明 說 這 名 患者 從</t>
  </si>
  <si>
    <t>蒙古 今天 表示 一 名 在 蒙古 就業 的 法國 籍 人士 確診 感染 在 全球 擴散 開 來 的 2019 年 冠狀病毒 疾病 covid-19 武漢肺炎 為 蒙古首 起 病例 蒙古 國家 緊急 事務 委員會 national emergency commision 發表 聲明 說 這 名 患者 從 法國 來到 蒙古 中途 在 莫斯科 轉機 蒙古政府 匡列 這 名 患者 曾 接觸 42 人 有 密切接觸 的 另 有 120 人</t>
  </si>
  <si>
    <t>新冠肺炎 臺灣 新型 冠狀病毒 ncp 疫苗</t>
  </si>
  <si>
    <t>國人 對 公共 衛生 師 這個 名詞 都 相當 陌生 民眾黨 立 委 蔡壁如 表示 目前 臺灣 在 防疫 上 仍 缺乏 公共 衛生 師 然而 疫情 期間 公 衛師 角色 相當 重要 她 將 在 立 法院 全力 推動 公共 衛生 師 立法 臺灣 的 醫療 擁有 世界 水準 民眾 應都 知道 蔡壁如 強調 甚至 對於 這次 新型 冠狀病毒 疫情 大家 也 都 對 國家 的 公共 衛生防疫 有 信心 在 各國 都 陷入 恐慌 之際 臺灣 的 防疫 可以 說 是 相當 優秀 從 這 波 疫情 蔓延 的 速度 也 可 看出 公共 衛生 才 是 防堵 病毒 最 重要 的 一道 防線 很 可惜 臺灣 較 少 人 重視 這 一塊 領域 蔡壁如 指出 台 大公 衛所 詹 長 權 院長 說 美國 在 sars 期間 準備 了 大量 的 公 衛師 因此 她 也 期望 臺灣 也 能 盡 速 通過 公衛 師法 當 沒有 疫情 時 人們 對於 公 衛師 的 存在 與否 或許 無感 可是 一旦 出現 疫情 公 衛師 將 扮演 重要 角色 進入 社區 能 有效 防治 疫情 補足 防疫 可能 出現 的 缺口 疫情 不見 停 勢 蔡壁如 也 呼籲 重視 公衛 師法 不 只 是 為了 這 一 波 疫情 更 是 為了 長遠 的 未來 考量 更 多 ctwant 報導</t>
  </si>
  <si>
    <t>王定宇 臺灣人 新冠肺炎 武漢肺炎 新型 冠狀病毒</t>
  </si>
  <si>
    <t>伊朗 今天 通報 過去 24 小時 新增 43 起 新冠肺炎 死亡 病例 死亡 總數 達到 237 人 確診 數 新增 595 例 全國 累積 7161 例 確診 另外 有鑒於 疫情 持續 擴散 伊朗 已 釋放 約 7萬 名 囚犯 路透社 報導 根據 伊朗 司法部門 的 米桑 mizan 新聞 網站 司法部長 萊希 ebrahim raisi 今天 表示 由於 伊朗 新冠肺炎 疫情 延 燒 當局 已 釋放 約 7萬 名 囚犯 萊希 說 將 在 不 影響 社會 安全 的 前提 下 繼續 釋放 囚犯 但 他 沒有 表明 被 釋放 的 囚犯 何時 或 是否 需要 回到 監獄 伊朗 為 全球 目前 新冠肺炎 死亡 病例 數 第 3 多 的 國家 僅次於 疫情 起源地 中國 以及 疫情 最 嚴重 的 歐洲 國家 義 大利 法新社 報導 伊朗 衛生部 發言人 賈漢 普爾 kianoush jahanpour 在 記者會 上 說 我們 的 同事 證實 伊朗 境內 新增 595 起 病例 使得 伊朗 截至 9 日 午間 累積 達 7161 例 確診 賈漢 普爾 表示 伊朗 2019 年冠狀病毒 疾病 covid-19 新冠肺炎 確診 數 增速 逐漸 下降 但 現在 判斷 疫情 何時 會 得到 控制 還 為時過早 又 有 43 人 不幸 死於 冠 狀 病毒 疾病 所以 伊朗 目前 有 237 起 死亡 病例 伊朗 官方 指出 首都 德黑蘭 所在地 德黑蘭 省 有 1945 起 病例 仍 是 境內 確診 數最多 的 省份 確診 數 第 2 多 的 是 位於 德黑蘭 南方 的 科姆 省 qom 有 712 例 確診</t>
  </si>
  <si>
    <t>2020 年 新冠肺炎 疫情 席捲 全球 該 如何 有效 防疫 成為 各個單位 的 重要 課題 根據 各國 的 社區 防疫 指引 都 提醒 電梯 是 感染 新型 冠狀病毒 風險 最高 的 處所 之一 吳鳳 科大 在 學生宿舍 安裝 智慧 聲 控 電梯 讓 學生 透過 聲 控 或 手勢</t>
  </si>
  <si>
    <t>2020 年 新冠肺炎 疫情 席捲 全球 該 如何 有效 防疫 成為 各個單位 的 重要 課題 根據 各國 的 社區 防疫 指引 都 提醒 電梯 是 感染 新型 冠狀病毒 風險 最高 的 處所 之一 吳鳳 科大 在 學生宿舍 安裝 智慧 聲 控 電梯 讓 學生 透過 聲 控 或 手勢 零 接觸 防疫 滴水不漏 吳 鳳科大 校方 指出 防疫期間 病毒 殘留 電梯 按鈕 容易 成為 接觸 傳染源 將 智慧 聲 控系統 應用 於 電梯 減少 接觸 機會 有助 防疫 實際 使用 過 的 學生 表示 只要 清楚說出 樓層 按鈕 會 馬上 亮燈 無需 動手 按 電梯 總務處 則 表示 吳鳳 是 雲嘉 地區 唯一 首 推 建置 智慧 聲 控 電梯 的 學校 更 在 開學 前 針對 學校 宿舍 大廳 電梯 加 裝 手勢 型 感應 叫 車 與 車箱 內 聲 控 控制 樓層 功能 有效 避免 學生 因 接觸 按鈕 而 產生 的 風險</t>
  </si>
  <si>
    <t>國內 昨日 新增 375 例 新型 冠狀病毒 肺炎 相關 通報 截至 目前 累計 通報 63713 例 含 62344 例 排除 其中 432 例 確診 包括 346 例 境外移入 55 例 本土 病例 及 31 例 敦睦 艦隊 確診 個案 中 6 人 死亡 324 人 解除 隔離 其 餘 持續 住院 隔離</t>
  </si>
  <si>
    <t>國內 昨日 新增 375 例 新型 冠狀病毒 肺炎 相關 通報 截至 目前 累計 通報 63713 例 含 62344 例 排除 其中 432 例 確診 包括 346 例 境外移入 55 例 本土 病例 及 31 例 敦睦 艦隊 確診 個案 中 6 人 死亡 324 人 解除 隔離 其 餘 持續 住院 隔離 中 4 月 20 日 及 21 日 定點 返台 專案 航班 共有 460 名 湖北 返台 民眾 截至 目前 2 人 就醫 治療 中 2 人 陪同 就醫 其 餘 持續 于 集中 檢疫所 密切 健康 監測 至於 敦睦 艦隊 磐石 艦 群 聚 事件 截至 目前 掌握 接觸 者 共 1995 人 其中 584 人 為 居家 隔離 對象 已 采 檢 482 人 478 人 為 陰性 其 餘 檢驗 中 1411 人 為 自主 健康 管理物件 指揮中心 表示 全球 累計 3381839 例 確診 分佈 於 186 個 國家 地區 病例 數 以 美國 1120092 例 西班牙 215216 例 義 大利 207428 例 法國 200137 例 及 英國 177454 例 為 多 病例 中 238040 例 死亡 以 美國 65364 例 義 大利 28236 例 英國 27510 例 西班牙 24824 例 及 法國 24594 例 為 多 指揮中心 提醒 民眾 平時 應 做好 手部 衛生 與 咳嗽 禮節 自 國外 入境 時 如有 發燒 咳嗽 等 不適 症狀 應 主動 通報 機場 及 港口 檢疫 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供 及時 診斷 通報</t>
  </si>
  <si>
    <t>新冠肺炎 疫情 延 燒 目前 尚 沒有 針對 它 的 特 異性 藥物 老 藥 新用 成為 短期 內 一 種 經濟 和 有效 的 療法 開發 策略 據 大陸 國家 衛健 委 所 公告 新型 冠狀病毒 肺炎 診療 方案 中 提到 患者 在 臨床 診療 上 可 採取 利巴韋林 作為 抗 病毒 治療 策</t>
  </si>
  <si>
    <t>新冠肺炎 疫情 延 燒 目前 尚 沒有 針對 它 的 特 異性 藥物 老 藥 新用 成為 短期 內 一 種 經濟 和 有效 的 療法 開發 策略 據 大陸 國家 衛健 委 所 公告 新型 冠狀病毒 肺炎 診療 方案 中 提到 患者 在 臨床 診療 上 可 採取 利巴韋林 作為 抗 病毒 治療 策略 建議 與 干擾素 或 洛 匹 那 韋 利托那 韋 合併 使用 特殊 學 名藥 大廠 法 德 藥 4191 代理 的 利巴韋林 吸 入 劑 ribavirin for inhalation solution usp anda 207366 可 治療 下 呼吸道 病毒感染 是 美國 fda 唯一 核准 的 學 名藥 吸 入 劑型 效用 更 優於 口服 與 注射 劑型 法 德 藥 正向 大陸 國家藥品監督管理局 nmpa 申請 緊急 註冊 可望 獲得 加速 審批 也 已經 在 大陸 找到 代理商 為 利巴韋林 吸 入 劑 上市 銷售 做好 準備 期 能 盡 速 供應 新冠肺炎 的 治療 需求 法 德 藥 為 利巴韋林 吸 入 劑 的 臺灣 與 大陸 地區 總代理 其 所 代理 的 利巴韋林 凍乾粉 吸 入 劑 為 專 供 霧 化 吸 入 使用 目前 利巴韋林 在 大陸 僅 有 針劑 並 無 吸 入 劑 法 德 藥 已向 中國 nmpa 申請 緊急 註冊 可望 獲得 加速 審批 提供 新冠肺炎 病 患 抗 病毒 藥物 的 另 一 選擇 為 能 以 最 快 速度 上市 銷售 法 德 藥 已經 找 好 大陸 地區 的 代理商 預先 做 好 上市 銷售 的 準備 大陸 國家 衛健 委 所 公告 新型 冠狀病毒 肺炎 診療 方案 試行 第 六 版 中 提到 新冠 病毒 患者 在 臨床 診療 上 可 採取 利巴韋林 作為 抗 病毒 治療 策略 建議 與 干擾素 或 洛 匹 那 韋 利托那 韋 合併 使用 從 學理 上 也 支援 利巴韋林 於新冠肺炎 的 治療 應用 在 中國 呼吸 與 危重 監護 雜誌 2020 年 3 月 第 19 卷 第 2 期 針對 新型 冠狀病毒感染 患者 的 霧 化 吸 入 治療 的 建議 中 推薦 具霧 化 專用 劑型 的 利巴韋林 霧 化 吸 入 治療法 同時 利巴韋林 亦 被 載明 於 美國化學會 american chemistry society acs 推薦 的 候選 療法 報告 中</t>
  </si>
  <si>
    <t>美國 新任 總統 拜登 26 日 對 聯邦 政府 下 了 一道 命令 要求 官方 機構 不再 使用 中國 病毒 這樣 的 用語 來 稱呼 新冠肺炎 對此 資深 媒體 人 黃暐瀚 表示 拜登 此舉 不是 因為 顧忌 中共 而是 在乎 被 歧視 的 亞裔 美國 人 想當初 他 這樣 呼籲 時 卻 遭 網 軍 鋪天蓋地 的 攻擊 對於 拜登 的 舉動 黃暐瀚 今 29 日 在 臉書 發文 表示 拜登 不用 中國 病毒 並 不是 怕 大陸 而是 在乎 被 歧視 的 亞裔 美國 人 黃更 回憶 到 他 去年 3 月 曾 建議 臺灣 最好 不要 使用 武漢肺炎 這類 用語 隨後 立即 遭受 網 軍 猛烈 攻擊 媒體 一 篇 又 一 篇 痛 批 他 是 中共 同路人 黃暐瀚 強調 他 自己 也 不是 怕 中共 但 擔心 臺灣 將 因 此 跟 世界衛生 大會 wha 越來越 遠 都 是 為了 自己 好 誰 管中 共生 不 生氣 如果 美國 不說 中國 病毒 臺灣 不說 武漢肺炎 都 可以 緩和 與 大陸 的 關係 雖然 未必 就 成 好友 但 至少 不必 急 著 要 去 當 敵人 在 去年 的 國慶 日 上 總統 蔡英文 的 談話 中 就 已將 武漢肺炎 改稱 新型 冠狀病毒 11 月 川普 敗 選 之後 臺灣 指揮中心 的 記者會 也 逐漸 不再 使用 武漢肺炎 黃暐瀚 直言 若 國人 覺得 指揮中心 現在 避開 武漢肺炎 的 用語 對 臺灣 是 正確 的 事 那 就 應該 支持 不 要 去 罵 酸 一下 差不多 就 夠 了 不要 批評 對 的 事情 這 是 永遠 不 變 的 準則</t>
  </si>
  <si>
    <t>陸委會 副 主委 邱垂正 14 日 以 英文 的 covid-19 稱呼 新型 冠狀病毒 所 引發 的 肺炎 並 表示 政府 未來 將 致力 於 維護 兩岸 和平 現狀 一再 呼籲 蔡英文 總統 別 用 武漢肺炎 卻 被 1450 出征 被 批 舔 共 的 國民黨 革 實 院長 羅智強 除 肯</t>
  </si>
  <si>
    <t>陸委會 副 主委 邱垂正 14 日 以 英文 的 covid-19 稱呼 新型 冠狀病毒 所 引發 的 肺炎 並 表示 政府 未來 將 致力 於 維護 兩岸 和平 現狀 一再 呼籲 蔡英文 總統 別 用 武漢肺炎 卻 被 1450 出征 被 批 舔 共 的 國民黨 革 實 院長 羅智強 除 肯定 陸委會 的 作法 這 解讀 此為 蔡 總統 和 衛福 部長 陳時中 轉彎 的 序曲 並 點名 館長 陳之漢 你 說 呢 羅智強 今 早 在 臉書 發 文說 他 呼籲 蔡 總統 別 用 武漢肺炎 卻 被 出征 被 批 舔 共 然後 許信良 呼籲 別 用 武漢肺炎 洪奇昌 呼籲 別 用 武漢肺炎 柯文哲 呼籲 別 用 武漢肺炎 黃偉哲 呼籲 別 用 武漢肺炎 現在 陸委會 也 宣佈 要 維護 兩岸 和平 不用 武漢肺炎 用 covid-19 這 也 是 蔡英文 和 陳時中 轉彎 的 序曲 羅智強 說 理念 的 勝利 從來 屬於 無畏 無懼 堅持到底 的 人 而 時間 終將 站 在 道理 的 這 一邊 謝謝 大家 無畏 1450 張狂 的 洗 板 陪 他 一起 堅強 的 守著 這 一 份 道理 館長 你 說 呢</t>
  </si>
  <si>
    <t>新冠 病毒 不僅 威脅 全 人類 健康 因 各國 相繼 鎖國 防疫 全球 陷入 封鎖 悖論 亦 即為 防止 新型 冠狀病毒 擴散 各國 對外 關閉 邊境 對內 封 城 或 嚴格 限制 外出 雖 產生 防疫 效果 卻 造成 經濟 及 社會活動 停滯 付出 慘重 的 經濟</t>
  </si>
  <si>
    <t>新冠肺炎 確診 病例 在 全台 持續 攀升 而 林口長 庚 紀念 醫院 兒童 一般 醫學科 主治醫師 吳昌騰 在 臉書 分享 了 一個 新加坡 案例 他 坦言 讀 完 他 的 診療 經 過後 一 股 寒意 在 心中 升起 更 形容 新冠肺炎 病毒 是 一個 奸 巧 敵人 吳 昌騰 臉書 來講 兒科 急診 的 543 吳昌騰 醫師 提到 新加坡 一 名 6 個 月 大 的 寶寶 染病 過程 寶寶 的 媽媽 在 1 29 出現 發燒 喉嚨 痛 症狀 2 3 住院 當天 鼻 咽 拭 子 sars-cov- 2 陽性 而 爸爸 也 在 2 1 出現 相同 症狀 被 住院 隔離 吳 昌騰 說明 寶寶 雖然 無 症狀 但 免於 感染 的 機 率 很小 2 4 寶寶 被 收 住院 後 都 沒有 出現 症狀 因此 醫師 並未 照 胸部 x 光 胸部 ct 但 寶寶 入院 後 採集 的 鼻 咽 標本 經過 檢測 證實 診斷 為 新冠肺炎 感染 且 病毒 載 量 高 接 著 吳昌騰 補充 寶寶 入院 第 2 天 血液 病毒檢測 陽性 但 大便 和 同一天 的 尿樣 呈 陰性 住院 期間出現 過 一 次 發燒 未用 藥 但 一 小時 後 體溫 又 正常 且 寶寶 每天 咽 拭 子 查 新型 冠狀病毒 都 是 陽性 直到 第 17 天 終於 轉 陰性 當中 第 八 天 尿 檢 正常 但 隨後 在 糞便 中 驗 出 病毒 陽性 吊 詭 的 是 寶寶 一直 沒有 消化道 症狀 直到 2 22 出 院 吳 昌騰 提到 兒童 普遍 症狀 較 輕微 甚至 無 症狀 這個 寶寶 幾乎 是 無 症狀 感染 但 可怕 的 是 該 寶寶 從 開始 到 住院 16 天 每天 的 鼻 咽 拭 子 一直 持續 陽性 同時 病毒 載 量 還 較 高 仍然 可以 排 病毒 吳 昌騰 坦言 看 完 這 故事 一 股 寒意 在 心中 升起 同時 他 也 提醒 醫 界 新冠肺炎 病毒 真的 是 一個 奸 巧 敵人 鼓勵 大家 要 一起 加油 對抗 病毒</t>
  </si>
  <si>
    <t>新冠肺炎 武漢肺炎 covid-19 新型 冠狀病毒 全球</t>
  </si>
  <si>
    <t>鑽石 公主 號 郵輪 幾乎 每天 都 爆出 30 例 以上 新冠肺炎 確診 病例 導致 日本 境內 總 確診 數 不 斷 飆 升 日本政府 的 防疫 能力 也 遭 質疑 包括 吉裡巴斯 在內 目前 全球 已經 有 4 個 國家 限制 日本 人 入境 日本 讀賣新聞 今 13 日 報導 由於 新冠肺炎 疫情 延 燒 太平洋 島國 吉裡巴斯 已經 自 10 日 起 限制 日本 人 入境 要求 欲 前往 吉裡巴斯 的 日本 人 先 在 沒有 出現 2019 年 冠狀病毒 疾病 covid-19 疫情 的 國家 待 滿 14 天才 能 入境 成為 全球 第 4 個 限制 日本 人 入境 的 國家 不只 吉裡巴斯 此前 薩摩亞 密克羅尼西亞 及 吐 瓦魯 等 3 個 太平洋 島國 都 已 陸續 祭出 類似 旅遊 限制 措施 值得注意 的 是 外國 觀光客 也 開始 避開 到 日本 旅遊 香港 南華早報 報導 部分 旅客 在 取消 赴 日 行程 時 也 要求 航空 公司 郵輪 公司 退回 費用 停靠在 橫濱 港 的 鑽石 公主 號 今日 再 新增 44 確診 病例 全船 3711人中 這 艘 船 總計 目前 確診 病例 數 已 來到 218 人 由於 船上 人數 眾多 日本政府 遲遲 無法 決定 讓 所有人 接受 病毒 檢疫 鑽石 公主 號 儼然 成為 病毒 方舟 最新消息 是 日本 擬 讓 80 歲 以上 老人 慢性病 患者 艙 房內 沒有 窗戶 的 乘客 優先 受檢 下船</t>
  </si>
  <si>
    <t>18 06 更新 韓國 死亡 病例 增至 8 例 第 8 例 死亡 病例 是 與 清道 大南 醫院 有關 的 人員 被 移送 至 慶 北 大學 醫院 接受 治療 過程 中 死亡 該 患者 並未 計入 當天 下午 的 確診 患者 人數 中 好 消息 是 有 4 例 患者 解除 隔離 第 9131520 例 治癒 病例 增至 22 人 使用 體 外 呼吸器 的 病 危重 患者 有 2 人 14 人 正在 接受 吸 氧 治療 16 36 更新 韓國今 24 日 下午 再 增加 70 確診 病例 累計 境內 確診 數 上升 至 833 人 加上 上午 宣佈 新增 的 161 起 病例 韓國 單日 就 增加 了 231 起 新 病例 韓國 今日 也 出現 第 7 例 死亡 病例 此外 韓國 軍隊 下午 在 新增 2 名 士兵 確診 累計 軍營 至今已有 13 人 感染 新型 冠狀病毒 部隊 7500 人 遭到 隔離 韓聯社 報導 韓國 今日 上午 宣佈 截至 當地 時間 上午 9 時 韓國新冠肺炎 確診 案例 較 前 一 日 下午 4 時再 增加 161 例 韓國 衛生 當局 表示 上午 確診 的 161 人中 有 129 人 與 大 邱 市 新 天地 教會 相關 其 餘 32 人 感染 來源 仍 在 調查 韓國 前鋒 日報 korea herald 23 日 曾 報導 大 邱 市 衛生 官員 擔憂 當地 確診 數 恐 持續 攀升 目前 已 有 超過 1200 名 新 天地 教會 教徒 出現 症狀 此外 韓國 今日 也 出現 第 7 例 死亡 案例 死者 是 一 名 62 歲 男性 和 慶尚 北 道 清道 郡 大南 醫院 有關 清道 郡 大南 醫院 日前 爆出 群 聚 感染 包括 9 名 醫護人員 在內 等 110 人 已 證實 染 上 新冠 病毒 另外 韓國國防部 今日 下午 指出 軍隊 再 新增 2 名 士兵 確診 加上 上午 8 時 證實 11 名 士兵 染疫 累計 韓國 部隊 至今 共有 13 名 軍人 確診 較 前 一 日 增加 4 人 韓聯社 稍 早 報導 指出 韓國各 軍種 感染 人數 分別 為 陸軍 8 人 海軍 1 人 空軍 1 人 海軍陸戰隊 1 人 報導 寫道 上午 新增 的 4 例 軍人 病例 中 3 人 來自 京 畿 道 陸軍 部隊 1 人 來 自大 邱 陸軍 部隊 有關 當局 推測 這 4 人 是 在 軍營 內 被 其他 確診 者 感染 由於 部隊 一旦 出現 交叉 感染 很 容易 演變成 集體 感染 韓國國防部 人士 表示 新增 的 4 例 和 確診 者 有 過 密切接觸 目前 都已 被 隔離 至於 是否 有 交叉 感染 情形 出現 還 有待 流行病 學 調查 韓國 軍隊 出現 新冠肺炎 疫情 最初 是 由於 一 名 在 濟州島 服役 的 海軍 士兵 前往 大 邱 度假 之後 返回 部隊 於 20 日 確診 截至 24 日 韓國 軍隊 一共 有 7500 人 受到 隔離</t>
  </si>
  <si>
    <t>新冠肺炎 新型 冠狀病毒 臺灣 一級 應變 中心 黃珊珊</t>
  </si>
  <si>
    <t>新冠肺炎 武漢肺炎 新型 冠狀病毒 cdc 實際</t>
  </si>
  <si>
    <t>星期六 有 兩 個 非洲 國家 通報 新冠肺炎 的 案例 納米比亞 與 盧安達 出現 了 確診 病 患 至今 已 累計 19 個 非洲 國家 出現 新冠肺炎 根據 路透社 報導 納米比亞 衛生部長 尚 古拉 kalumbi shangula 在 記者會 表示 該國 境內 今天 首度 通報 有 新冠肺炎 的 確診 病例 一對 西班牙 夫婦 3 月 11 日 入境 國內 後 兩 人 的 冠狀病毒檢測 都 呈 陽性 且 隨即 展開 隔離 東非國家 盧安達 的 衛生部 同一天 證實 境內 出現 首 起 新冠肺炎 病例 這 名 患者 是 一 名 印度 公民 3 月 8 日 從 孟買 抵達 盧安達 這 名 男性 患者 入境 時 沒有 任何 症狀 但 3 月 13 日前 往 一 處 醫療 院所 就診 時 被 檢驗 出新冠 病毒 非洲 的 案例 為 各 大洲 中 最 少 的 但 許多 國際 醫療 專家 皆 表示 資訊 的 不透明 讓 人 難以 一 窺 非洲 疫情 的 真實 狀況 上 週二 剛果民主共和國 宣佈 確診 首例 但 該 名 病 患 的 實際 身分 卻 跟 第一時間 公佈 的 大 有 出入 一 開始 剛果 衛生部 官員 告訴 記者 該 名 病 患 是 一 名 比利時人 在 機場 入境 剛果 時 被 驗 出 病毒 隨即 送往 金夏沙 的 醫院 隔離 治療 後來 經過 查證 衛生部 又 改口說 該 名 病 患 是 一 名 剛果 國民 從 法國 返回 入境 時 沒有 任何 症狀 兩 天 後 身體 不適 自行 聯繫 醫療 中心 確診 之後 被 送 往東部 的 城市 n&amp;apos djili 隔離 不 只 是 此 案例 往年 的 伊 波拉 疫情 就 有 跡象 顯示 非洲 的 疫情 資料 並 不 準確 國際 醫療 專家 對 非洲 的 真實 疫情 感到 憂心</t>
  </si>
  <si>
    <t>世界衛生組織 who 秘書長 譚 德塞 2 月 28 日 宣佈 將 新冠肺炎 疫情 全球 風險 從 高 上調 至 非常 高 不過 他 仍 強調 全球 仍 有 機會 控制 疫情 譚 德塞 說 過去 幾 天 全球 新冠肺炎 病例 和 受 疫情 影響 國家 的 數量 持續 增加 這 現象 令 人 憂心 譚 德塞 表示 一些 國家 出現 相互 關聯 的 疫情 發展 但 多數 病例 仍 可 追蹤 到 密切接觸 者 並未 發現 病毒 在 社區 自由 傳播 證據 他 強調 控制 疫情 的 關鍵 是 阻斷 病毒傳播 鏈 如果 採取 強有力 的 行動 儘早 發現 病例 對 病人 進行 隔離 和 護理 追蹤 密切接觸 者 我們 仍 有 機會 控制 這種 病毒 由 25 位 中外 專家 組成 的 聯合考察組 於 2 月 16 日 至 2 月 24 日 相繼 赴 大陸 北京 廣東 四川 和 湖北 武漢 等 地 開展 考察 於 2 月 28 日 提交 報告 2 月 29 日 公佈 根據 中國 世界衛生組織 新型 冠狀病毒 肺炎 聯合 考察報告 指出 面對 這種 前所 未知 的 病毒 大陸 採取 了歷史 上 最 勇敢 最 靈活 最 積極 的 防控 措施 國際 社會 還 尚未 準備 好 去 實施 已 被 大陸 證明 唯一 能 阻斷 或 最 大程度 降低 病毒傳播 措施 這 篇 報告 其他 重點 包括 新冠 病毒 是 一 種 動物 源 性病 毒 不 認為 空氣 傳播 是 主要 傳播方式 蝙蝠 似乎 是 該 病毒 宿主 但 中間 宿主 尚未 查明 大陸 新冠肺炎 人際 傳播 主要 在 家庭 中 發生 新冠肺炎 病毒 幾乎 人人 易 感 感染 後 是否 具有 免疫力 需 進一步 研究 患者 感染 後 平均 5 至 6 天 出現 症狀</t>
  </si>
  <si>
    <t>新華 網 今天 24 日 報導 9 月 22 日 下午 江蘇省 南通市 海門 區 接 到 南通市 新冠 疫情 防控 指揮部 協 查函 稱 外 省 一 批 自 紐西蘭 進口 的 獼猴桃 奇異 果 塗抹 樣 標本 檢測 新型 冠狀病毒 核酸 陽性 部分 同 批次 貨物 銷 往 海門 區 永輝</t>
  </si>
  <si>
    <t>新華 網 今天 24 日 報導 9 月 22 日 下午 江蘇省 南通市 海門 區 接 到 南通市 新冠 疫情 防控 指揮部 協 查函 稱 外 省 一 批 自 紐西蘭 進口 的 獼猴桃 奇異 果 塗抹 樣 標本 檢測 新型 冠狀病毒 核酸 陽性 部分 同 批次 貨物 銷 往 海門 區 永輝超市 龍 信 廣場 店 接到 協 查函 後 海門 區 高度重視 立即 組織 疾 控 公安 市 監 等 部門 落實 全面 排查 該 批次 獼猴桃 貨物 銷售 情況 排查 密切接觸 者 及 次 密接 人員 和 對 相關 場所 開展 環境 採樣 和 處置 消毒 等 防控 措施 經 查 該 批次 獼猴桃 已 通過 該 超市 售出 目前 排查 出 的 相關 人員 已 落實 管控 措施 已 完成 接觸 該 批次 獼猴桃 的 工作人員 及 環境 樣本 核酸 採樣 14 份 檢測 結果 均 為 陰性 9 月 22 日 晚 如皋市 接 到 南通市 新冠 疫情 防控 指揮部 協 查函 稱 外 省 一 批 自 紐西蘭 進口 的 獼猴桃 塗抹 樣 標本 檢測 新型 冠狀病毒 核酸 陽性 部分 同 批次 貨物 銷 往如皋市 萬達 廣場 永輝超市 如皋市 第一時間 組織 疾 控 公安 市場監管 商務 人行 等 部門 全面 調查 該 批次 獼猴桃 銷售 情況 排查 管 控 密切接觸 者 及 次 密接 對 相關 場所 開展 環境 採樣 落實 環境 消 殺 等 防控 措施 經 查 該 批次 獼猴桃 為 進口 佳 沛 金果 獼猴桃 奇異 果 數量 50 只 於 9 月 14 日 至 9 月 16 日 在 如 皋 萬達 廣場 永輝超市 售完 目前 排查 出 的 相關 人員 已 全部 落實 管控 措施 對 相關 人員 及 環境 樣本 完成 核酸 採樣 36 份 檢測 結果 均 為 陰性 9 月 23 日 江蘇省 宿遷市 沭陽縣 接到 相關 部門 協 查函 稱 外 省 一 批 自 紐西蘭 進口 的 獼猴桃 塗抹 樣 標本 檢測 新型 冠狀病毒 核酸 陽性 部分 同 批次 貨物 銷 往 沭陽縣 永輝超市 接到 協 查函 後 沭陽縣 高度重視 立即 啟動 進口 冷鏈 食品 疫情 防控 應急 預案 迅速 組織 疾 控 公安 商務 市 監 等 部門 落實 全面 排查 該 批次 獼猴桃 貨物 銷售 情況 排查 密切接觸 者 及 次 密接 人員 和 對 相關 場所 開展 環境 採樣 和 處置 消毒 等 防控 措施 經查 該 批次 獼猴桃 已 通過 該 超市 售出 目前 排查 出 的 相關 人員 已 落實 管控 措施 已 完成 接觸 該 批次 獼猴桃 的 工作人員 及 環境 樣本 核酸 採樣</t>
  </si>
  <si>
    <t>普生 4117 宣佈 與 中央研究院 完成 簽訂 新型 冠狀病毒 抗原 快 篩檢測 之 全球 非 專屬 授權 合約 以及 新型 冠狀病毒 抗體 快 篩檢測 試劑 之 臺灣區 授權 合約 除 積極 規劃 抗原 抗體 快 篩 試劑 向 臺灣 食 藥 署 tfda 提出 專案 製造 申請 許可</t>
  </si>
  <si>
    <t>普生 4117 宣佈 與 中央研究院 完成 簽訂 新型 冠狀病毒 抗原 快 篩檢測 之 全球 非 專屬 授權 合約 以及 新型 冠狀病毒 抗體 快 篩檢測 試劑 之 臺灣區 授權 合約 除 積極 規劃 抗原 抗體 快 篩 試劑 向 臺灣 食 藥 署 tfda 提出 專案 製造 申請 許可 並 加速 推進 新冠肺炎 試劑 國內 外 檢測 試劑 市場 佈局 普 生 表示 旗 下 gb sars-cov- 2 real-time rt-pcr 核酸 病毒檢測 試劑 於 國外 申請 許可 認證 進展 上 已 陸續 取得 歐盟 ce 認證 印度 進口 許可證 近日 更 與 澳洲 客戶 labtest medical pty ltd 合作 取得 澳洲 衛生部 醫療 用品 管理局 tga 核准 澳洲 治療 產品 artg ivd class 3 登記 許可 並於 澳洲 地區 展開 gb sars-cov- 2 real-time rt-pcr 核酸 病毒檢測 試劑 銷售 另 普生 也 獲 臺灣 衛福部 食 藥 署 tfda 申請 試劑 專案 製造 核准 許可 供應 臺灣 與 國外 新冠肺炎 檢測 所 需 目前 已 順利 出 貨 至 東南亞 中美洲 等 地區 增添 營運 推進 動能 全球 感染 新冠肺炎 確診 人數 突破 千萬 人 且 隨 著 各國 邊境 逐步 開放 為 防堵 第二 波 疫情 捲土重來 對於 新冠肺炎 檢測 試劑 仍 呈現 供不應求 普 生 擁有 新冠肺炎 試劑 包括 rt-pcr 核酸 試劑 抗原 抗體 快 篩 試劑 與 elisa 血清 抗體 試劑 等 產品 其中 與 中研院 合作 研發 抗原 快 篩 病毒檢測 試劑 可 比照 流感 快 篩檢測時間 僅 需 15 至 20 分鐘 內 即可 初步 篩檢 出 陽性 與否 適用於 機場 診所 社區 群 聚 感染 等 大規模 檢測 需求 有助於 分攤 試劑 檢測 量 能 及時 進行 隔離 分流 作業 普 生 目前 除 gb sars-cov- 2 real-time rt-pcr 核酸 病毒檢測 試劑 持續 進行 美國 加拿大 非洲 等 地 認證 申請 抗原 抗體 快 篩 試劑 於 臺灣 美國 歐洲 東南亞 等 地 相關 認證 申請 以及 elisa 血清 抗體 試劑 研發 等 有望 陸續 開花結果 此外 普生 持續 加大 試劑 原料 備 貨 提升 竹科廠 整體 產能 加速 訂單 出 貨 排 程 擴大 全球 合作 經銷 通路 契機</t>
  </si>
  <si>
    <t>新冠 病毒 covid-19 來勢洶洶 歐美 甚至 出現 病毒 變異 的 情況 疫苗 研發 緩不濟急 所幸 目前 已經 擁有 多 項 藥物 經 臨床 試驗 陸續 被 證實 具有 療效 尤其 老 藥 新用 的 奎寧 至於 其他 包括 目前 被 公認 為 最 具 療效 的 吉利 德 旗 下 研發 的 瑞德西韋 remdesivir 日本 富山 化工 的 法 維拉 韋 favipiravir 等 即便 臺灣 包括 中研院 國衛院 生 技 中心 均分 別具 合成 能力 不過 專利 壁壘 仍 有待 突破 建立 自主 供應 鏈 才 是 臺灣 在 未來 挺進 國際 市場 發展 的 重要 關鍵 全球 罹 患 新冠肺炎 人數 逼近 二○○萬 例 死亡 人數 逾 十二五萬 死亡率 高 達 六 以上 就 商業 考量 這樣 的 罹 患 人數 早已 達 國際 大 藥廠 研發 疫苗 的 經濟 規模 因此 全球 投入 新冠 病毒 的 疫苗 研發 案件 已 有 數 十 件 且 就 冠狀病毒 的 發展 特性 來看 在 真正 的 疫苗 研發 完成 前 很 可能 就 已經 出現 變異 病毒 因此 短 期間 治療 性 的 藥物 必須 積極 研發 出來 三 項 治療 藥物 有 機會 不管 是 全新 藥物 或是 老 藥 新用 都 成為 藥 商 研發 方向 目前 經過 臨床 實證 的 藥物 中 已 有 多 項 藥物 被 證實 可能 對 治療 新冠肺炎 有效 國際 市場 也 因此 對於 新冠 疫情 的 控制 出現 較 高 的 期待 只不過 包括 吉利 德 的 瑞德西韋 以及 富山 化工 的 法 維拉 韋 都 是 具有 專利 門檻 的 由於 疫情 的 影響 全球 經濟 可能 呈現 衰退 甚至 估計 將 延續 到 明 二○二一 年 面對 這樣 的 經濟 環境 全球 都寄望 治療 藥物 的 出爐 如此一來 也 不 排除 一些 製藥 公司 會 利用 covid-19 機會 大 賺 一 筆 災難 財 站 在 藥 商 的 立場 無可厚非 且 研發 的 專利 智慧財產 ip 是 不容 侵犯 的 在 危難 時刻 好比 目前 的 新冠肺炎 全球 政府 應該 也 不 贊成 專利 的 壟 斷 因此 who 就 有 與 貿易 有 關之 智慧 財產權 協定 trips 規定 也 就 是 在 國家 緊急情況 能夠 不經 專利權人 同意 以 國家 公 權力 介入 將 該 專利 強制 授權 予 他人 使用 目的 就是 為了 在 國際 緊急事件 發生 時 可以 壓抑 專利權 的 濫 用 進而 達到 治療 疫苗 的 價格 可以 讓 藥廠 接受 同時 也 是 政府 或 大多數 人 可 負擔 的 共同利益 雖然 國際 間 有 所謂 的 專利 強制 授權 只是 說 起來 容易 但要 突破 專利 壁壘 達到 政府 與 藥 商都 認可 的 杠杆 恐怕 不是 簡單 的 事情 即便 這次 新冠 疫情 已經 有 多 項 藥物 號稱 具有 療效 但是 因為 專利 的 因素 都 需要 有 政府 相關 單位 的 介入 洽談 具 合成 技術 仍 需 透過 授權 儘管 包括 中研院 國衛院 兩個 單位 接連 宣佈 已 完成 肺炎 新藥 瑞德西韋 合成 純度 達 九七 而 生 技 中心 也 宣佈 成功 合成 日本 富山 化工 的 法 維拉韋 藥物 如果 未來 有 疫情 需求 且 無 法 從 美國 或 日本 進口 那麼 還 是 需要 透過 技術 授權 才能 在 台 自主 生產 全文 未 完 全文 請 見 先 探 投資 週刊 2087 期 有 更 多 精彩 當 期內 文</t>
  </si>
  <si>
    <t>新冠肺炎 武漢肺炎 新型 冠狀病毒 臺灣 英國 情侶</t>
  </si>
  <si>
    <t>新冠肺炎 武漢肺炎 新型 冠狀病毒 臺灣 防疫</t>
  </si>
  <si>
    <t>新冠肺炎 新型 冠狀病毒 武漢 肺 炎 ncp 臺灣</t>
  </si>
  <si>
    <t>新冠肺炎 武漢肺炎 新型 冠狀病毒 covid-19 法國</t>
  </si>
  <si>
    <t>who 世衛組織 新冠肺炎 武漢肺炎 新型 冠狀病毒</t>
  </si>
  <si>
    <t>16 00 更新 韓國今 4 日 下午 再 新增 293 確診 累計 境內 共 5621 人 染疫 值得注意 的 是 目前 感染 人數 中 將近 7 成 屬於 集體 感染 韓聯社 報導 韓國 中央 防疫 對策 本部 部長 鄭銀敬 今日 表示 韓國 境內 新型 冠狀病毒 確診 病例</t>
  </si>
  <si>
    <t>北京市 新型 冠狀病毒 肺炎 疫情 防控 工作 第 229 場 新聞 發 佈 會 今天 舉行 北京市疾病預防控制中心 副 主任 龐星火 通報 今天 8 月 2 日 0 時至 15 時 北京市 新增 1 例 京 外 關聯 本地 新冠肺炎 確診 病例 為 7 月 29 日公 佈 確診 病例 的 密切接觸</t>
  </si>
  <si>
    <t>北京市 新型 冠狀病毒 肺炎 疫情 防控 工作 第 229 場 新聞 發 佈 會 今天 舉行 北京市疾病預防控制中心 副 主任 龐星火 通報 今天 8 月 2 日 0 時至 15 時 北京市 新增 1 例 京 外 關聯 本地 新冠肺炎 確診 病例 為 7 月 29 日公 佈 確診 病例 的 密切接觸 者 這 名 新增 確診 病例 住 在 海澱區 國興 家園 目前 國興 家園 社區 周邊 相關 社區 及 單位 已經 封控 共 涉及 人員 1萬 多 人 新華社 報導 確診 病例 住址 為 北京市 海澱區 首體 南 路 20 號 國興 家園 7 月 25 日 從 長沙南站 乘坐 高鐵 g 486 赴 北京 當日 21 時 26 分 到達 北京西站 出站 後 乘坐 私家 車 至 海澱區 國興 家園 7 月 29 日 病 患 主動 向 社區 報 備 並 按 要求 進行 集中 隔離 觀察 首次 核酸 檢測 結果 為 陰性 自述 其 7 月 30 日 出現 咳嗽 等 症狀 7 月 31 日 出現 發熱 症狀 8 月 1 日 核酸 檢測 結果 為 陽性 轉至 定點醫院 綜合 流行 病史 臨床表現 實驗室 檢測 和 影像 學 檢查 等 結果 8 月 2 日 診斷 為 確診 病例 臨床 分型 為 普通型 北京市 海澱區 人民政府 副 區長 林航 表示 疫情 發生 後 海澱 迅速 集中 隔離 密接 人員 目前 已將 國 興 家園 六 號 樓 所有 人員 全部 判定 為 密切接觸 者 並 落實 相關 管控 措施 將 進一步 對 7 月 26 日 以來 曾 到訪 國興 家園 的 人員 進行 密接 排查 林 航 說 目前 國興 家園 社區 周邊 相關 社區 及 單位 已經 封控 共 涉及 人員 1萬 多 人 封控 區域 內 所 有 單位 和 公共場所 全部 關停 人員 只 進 不出 嚴格 落實 管控 措施 同時 立即 啟動 全員 核酸 檢測 截至 目前 已 採集 樣本 4500 例 檢測 結果 待 報 龐星火 表示 北京市 已 出現 多 個 京外 關聯 本地 確診 病例 疫情 防控 處在 關鍵 階段 提醒 廣大 市民 近期 到 過 南京市 張家界市 鄭州市 等 中 高風險 地區 的 返京 來京 人員 或 通過 各種管道 得知 自己 可能 是 密切接觸 者 的 人員 請 務必 主動 向 所在 社區 村 及 單位 報告</t>
  </si>
  <si>
    <t>新冠肺炎 武漢肺炎 新型 冠狀病毒 covid-19 決議</t>
  </si>
  <si>
    <t>新型 冠狀病毒 新冠肺炎 ncp 南韓 韓國</t>
  </si>
  <si>
    <t>口罩 之 亂 口罩 新冠肺炎 新型 冠狀病毒 黃士 修</t>
  </si>
  <si>
    <t>日本 2019 年 第 四季 企業 削減 廠房 與 設備 支出 加深 該國 經濟 陷入 衰退 的 擔憂 新型 冠狀病毒 疫情 與 全球 成長 放緩 使 日本 仰賴 出口 的 經濟 所 承受 的 壓力 升高 日本 去年 第 四季 10 12 月 企業 支出 年 減 35 與 第 三 季 的 年 增 7 1</t>
  </si>
  <si>
    <t>日本 2019 年 第 四季 企業 削減 廠房 與 設備 支出 加深 該國 經濟 陷入 衰退 的 擔憂 新型 冠狀病毒 疫情 與 全球 成長 放緩 使 日本 仰賴 出口 的 經濟 所 承受 的 壓力 升高 日本 去年 第 四季 10 12 月 企業 支出 年 減 35 與 第 三 季 的 年 增 71 相比 大幅 惡化 為 13 個 季度 以來 首 見 衰退 主要 因 晶 片 製造 投資 放緩 以及 全球 汽車 需求 減弱 經季調 後 去年 第 四季 企業 支出 經季調 後 季 減 42 該 指數 將 用於 計算 3 月 9 日 公佈 的 國內 生產 毛額 gdp 修正 值 期間 內 製造業 資本 支出 年 減 9 非 製造業 資本 支出 年 減 01 企業 經常性 盈 餘 年 減 46 營 收 年 減 64 分析 師 表示 中國 爆發 新冠肺炎 的 影響 打擊 了 企業 信心 與 投資 胃口 日本 企業 資本 支出 的 成長 動能 將 減弱</t>
  </si>
  <si>
    <t>兩岸 新型 冠狀病毒 肺炎 的確 診病 患 陸續 痊癒 出院 大陸 醫 界 公佈 治療 方案 中藥 搭配 西藥 的 綜合 療法 成為 重要 選項 其中 中醫 方劑 大多數 源自 中醫 經典 著作 傷寒論 再 根據 患者 病症 調整 組成 更 有效 的 方劑 效果 也 經過 中</t>
  </si>
  <si>
    <t>兩岸 新型 冠狀病毒 肺炎 的確 診病 患 陸續 痊癒 出院 大陸 醫 界 公佈 治療 方案 中藥 搭配 西藥 的 綜合 療法 成為 重要 選項 其中 中醫 方劑 大多數 源自 中醫 經典 著作 傷寒論 再 根據 患者 病症 調整 組成 更 有效 的 方劑 效果 也 經過 中醫 金方 論證 湖北省 也 針對 新冠肺炎 集中 隔離 觀察 人員 及 有 需求 的 居家 密切接觸 者 制定 中醫藥 防治 工作 方案 發放 5 種 中成藥 和 3 個 處方 湯藥 已 累計 發放 11萬 餘 份 中藥 滬 確診 者 916 用 中醫藥 大陸 全國 新型 冠狀病毒感染 的 肺炎 醫療 救治 專家組 成員 盧洪洲 表示 在 上海市公共衛生臨床中心 收治 的 確診 患者 中醫藥 使用率 達到 916 其中 湯藥 占 633 部分 高燒 腹脹 的 危重症 病人 用 中醫藥 灌腸 效果 非常 明顯 中西醫 結合 可以 提高 患者 的 生存率 降低 患者 的 重症 率 尤其 是 早 期中 醫藥 的 使用 大大縮短 病程 改善 病人 症狀 於 中藥 對 新冠肺炎 有 一定 療效 武漢 江夏區 2 月 14 日 啟用 的 大 花山 方 艙 醫院 是 全球 第 1 個 以 中醫 治療 為主 西藥 為輔 的 醫院 由 中國工程院 院士 天津 中醫藥大學 校長 張伯禮 率 天津 江蘇 河南 湖南 陝西 五 省 市 三甲醫院 的 209 名 專家 進駐 結合 中醫 呼吸 重症 醫學 影像 護理 等 專業 進行 臨床 治療 採用 中西醫 結合 以 中醫 為主 的 方式 治療 病 患 第 1 期 將 收治 200 多 名 病 患 2 月 14 日 已 收治 50 名 患者 中藥 治療 需 再 作 觀察 上海市公共衛生臨床中心 醫務部 主任 沈銀忠 2 月 15 日 表示 中醫藥 曾在 2003 年 的 嚴重 急性 呼吸道 症候 群 sars 2013 年 的 a 型 流感 病毒 h 7 n 9 亞型 等 疫情 中 發揮 很 好 的 治療 效果 沈銀忠 不 諱言 臨床醫學 是 不斷 積累 的 過程 臨床 試驗 方案 也 在 不斷 探索 和 完善 目前 仍然 沒有 找到 一 種 特效 的 治療 方法 採取 的 仍然 是 綜合 治療 包括 中西醫 結合 治療 來 提高 病人 的 生存率但 這些 治療 方法 都 需要 進一步 觀察 和 評估 專家 坦承 目前 中藥 治療 新冠肺炎 的 有效性 還 處於 嘗試 和 觀察期 需要 進一步 評估 中醫藥 在 新冠肺炎 抗 感染 治療 中的 地位 和 價值 該 怎麼 用 用 多長時間 一旦 確認 其 療效 就 可以 推廣 使用 小 靈通 傷寒論 為 西晉 太醫 令 王叔和 蒐集 整理 東漢 末年 著名 醫學 家 張仲景 所 著 的 傷寒 雜 病 論 又 名 傷寒 卒 病 論 部分 內容 編纂 而 成 以 治療 外感 傷寒 為主 創設 六經 辨證 記載 大 承氣湯 小柴胡 湯 等 397 法 113 方 據傳 張仲景 見 東漢 末年 動亂 頻繁 疫病 流行 他 發憤 學醫 並 博采 眾 方 引用 素問 九 卷 八十一 難 陰陽 大 論 胎 臚 藥 錄 及 平脈 辨證 援引 湯 液 經 法 藥方 與 內 經 理論 合一 寫 成 16 卷 的 傷寒 雜 病 論 被譽為 中 醫學 臨床 著作 的 方書 之 祖 因 逢三國 時期 戰亂 頻仍 原書 散 佚 不 全 王叔 和 整理 為 傷寒論 與 宋代 編纂 的 金匱要略 分別流通 廖慧娟</t>
  </si>
  <si>
    <t>新冠肺炎 武漢肺炎 新型 冠狀病毒 臺灣 社區</t>
  </si>
  <si>
    <t>新冠 疫情 全國 三級 警戒 持續 延長 下 新 力 旺 智慧 精工 研發 製造 的 立 體裁 奈 米 銅 離子 n 95 口罩 送往 英國 劍橋 大學生 技 實驗室 測試 實驗室 主持人 直接 把 冠狀病毒 噴 到 口罩 上面 結果 兩 個 小時 之後 去 採樣 發現 9998 的 冠狀病</t>
  </si>
  <si>
    <t>新冠 疫情 全國 三級 警戒 持續 延長 下 新 力 旺 智慧 精工 研發 製造 的 立 體裁 奈 米 銅 離子 n 95 口罩 送往 英國 劍橋 大學生 技 實驗室 測試 實驗室 主持人 直接 把 冠狀病毒 噴 到 口罩 上面 結果 兩 個 小時 之後 去 採樣 發現 9998 的 冠狀病毒 死亡 那位元 教授 非常 驚訝 表示 這 是 他們 測試 過 最好 的 數字 新 力旺 此 一 標榜 可 救命 的 奈 米 銅 離子 口罩 內含 cux 奈 米 銅 離子 抗 菌 纖維 5 層 防護 設計 通過 fda 美國 食品 藥物 管理局 認證 工研院 殺菌 測試 ttri 財團法人 紡織 產業 綜合 研究所 n 95 以上 等級 過濾 標準 近期 除了 送 去 劍橋大學 實驗室 測試 外 亦 送往 美國 nelson labs 美國 fda 認證 的 國際 權威 檢驗 機構 採用 美國 niosh 的 n 95 要求 規格 測試 測試 結果 過濾 效果 與 透氣 度 都 優於 n 95 n 95 是 次 微米 過濾 95 新 力 旺 測試 結果 最低 是 993 在 新冠肺炎 已 被 who 證實 可以 透過 氣 溶膠 方式 在 空氣 中 傳播 之際 新 力 旺 此款 口罩 已經 接到 大量 訂單 搶購 新 力旺 智慧 精工 表示 2009 年 英國 南安普頓大學 的 比爾基維 教授 發表 的 研究 報告 指出 銅 可 抑制 h 1 n 1 ah 1 n 1 流感 病毒 經過 6 小時 後 銅 表面 幾乎 找 不 到 存活 的 流感 病毒 另 由 美國 國家環境保護局 epa 規範 的 一 項 測試 顯示 在 室溫 下 銅 可 在 2 個 小時 內 消滅 表面 999 的 超級 病菌 mrsa 此外 全球 4 大 醫學期刊 之一 的 美國 新英格蘭 醫學雜誌 於 2020 年 5 月 17 日 編者按 文中 一 段 提到 在 實驗室 條件 下 新冠 病毒 sars-cov- 2 在 銅 表面 上 於 4 小時 後 測 得 無 存活 顯見 銅 能 主動 殺菌 可 達 999 且 可於 體內 自行 正常 的 新陳代謝 對 人體 安全 無 虞 對 細菌 病毒 有 抗 菌 抗毒 作用 新 力旺 公司 雖 正逢 口罩 熱銷 出 貨 卻 不 忘 關注 國內疫情 繼 6 月份 載 送 2000 個 奈 米 銅 離子 口罩 分 贈給 警政署 及 雲 林縣 警察局 鬥六 分 局 後 日前 又 捐贈 3500 片 給 臺北 環 南市 場 由 環南 市場 自治 會長 林勝 東 代表 接受</t>
  </si>
  <si>
    <t>大陸 澎湃 新聞 17 日 報導 江西省 上饒市 信州區 一 防疫 封 控 區內 的 寵物 狗 被 防疫 人員 無害化 處理 撲 殺 一 事 持續 發酵 連日來 多 家 公益 組織 呼籲 建立 大陸 全國性 家養 寵物 隔離 制度 15 日 中國 小 動物 保護 協會 公開 表示 不應 打 著 防疫 旗號 去 傷害 寵物 16 日 中國 生物 多樣性 保護 與 綠色 發展 基金會 公眾 帳 號 發文 表示 疫情 期間 始終 沒有 得到 重視 和 解決 的 就 是 寵物 隔離 問題 應 制定 大陸 全國性 的 寵物 隔離 制度 讓 寵物 隔離 有據可依 有 規 可循 保障 疫情 期間 寵物 的 基本 生存權 11 月 17 日 北京 愛 它 動物 保護 公益 基金會 簡稱 它 基金 不僅 呼籲 儘快 建立 相關 制度 也 在 徵詢 獸醫 法律 專家 意見 的 基礎 上 針對 不同 情況 給出 了 具體 建議 有 微博 網友 近日 發文 稱 江西省 上饒市 信州區 金鳳 花園社區 一 住戶 在 酒店 隔離 期間 其 所 養 的 小狗 在 家中 遭 身穿 防護 服 的 人員 持 鐵棍 敲打 頭部 疑 似 遭 撲 殺 11 月 13 日 江西 上饒市 信州區 西市街道 新冠肺炎 疫情 防控 應急 指揮部 回應 稱 經 核實 該線 民 所在 社區 為 防疫 封 控 區 需 對 居家 環境 進行 全面 消 殺 社區 要求 居民 前往 集中 隔離 點 時 不 鎖門 當 防疫 人員 上門 消 殺 時 發現 其 家門 已 鎖 工作人員 隨即 聯繫 轄區 民警 在 民警 的 見證 下 開門 進行 消 殺 但 現場 工作人員 在 未 與 該線 民 進行 充分 溝通 的 情況 下 將 寵物 狗 進行 了 無害化 處理 目前 西市街道 辦 已對 相關 人員 進行 了 批評 教育 調離 相應 職位 並 責令 向 當事人 誠懇 道歉 已 取得 該線 民 的 諒解 同時 該 群眾 對 疫情 期間 防控 措施 表示 理解 儘管 上饒市 信州區 相關 部門 已對 上述 事件 公開 回應 但 圍繞 此事 展開 的 爭議 並未 停息 大陸 國務院 在 新型 冠狀病毒 肺炎 防控 方案 第 八 版 中 再三 要求 各級 政府 應 做好 各類 人群 的 心理健康 服務 要 照顧 安撫 人民 心理 加強 疫情 防控 工作 的 精細化 管理 和 人文 關懷 這 既 是 各地 新 時期 疫情 防控 工作 的 新 任務 也 從 一個 側面 反映 著 一個 城市 管理 的 綜合 水準 鑒於 此前 各地 因 缺乏 統一 的 針對 家養 寵物 的 隔離 制度 執行 防控 工作 的 過程 中 出現 的 諸多 問題 它 基金 建議 出臺 全國性 家養 寵物 隔離 制度 並 適時 更新 新型 冠狀病毒 肺炎 防控 方案 在 徵詢 獸醫 法律 專家 意見 後 它 基金 給出 以下 三 項 具體 建議 對於 寵物 主人 為 確診 新冠肺炎 病例 疑似病例 或 無 症狀 感染者 的 寵物 應該 隔離 觀察 當地 應 制定 無人 照料 寵物 轉運 流程 和 隔離 管理 方案 在 征得 寵物 主人 同意 後 由 當地 動物 防疫 部門 配合 做 好 寵物 轉運 工作 可以 委 讬 隔離 區 內 的 協力 廠商 專業 機構 如 動物 診療 機構 或者 動物 寄養 機構 進行 隔離 看護 定期 檢測 沒有 上述 機構 的 可以 在 隔離 區 設立 隔離 飼養 場所 安排 專人 定時 餵養 經過 一段時間的 隔離 後 再 去 檢測 動物 體表 是否 攜帶 新冠 病毒 如果 沒有 就 需要 恢復 其 正常 生活 狀態 針對 寵物 主人 需 集中 隔離 醫學觀察 的 強烈建議 寵物 應 隨同 寵物 主人 一起 隔離 或 在 保證 各項 防疫 措施 落實 到位 的 情況 下 留 一 人 居家 隔離 照料 寵物 在 規定 的 隔離 期 結束 檢測 寵物 主人 和 寵物 均 為 陰性 的 應該 恢復正常 的 生活 狀態 針對 寵物 體表 採樣 核酸 檢測 陽性 的 建議 交 由 專業 寵物 醫療機構 進行 隔離 觀察 等待 自然 轉陰 目前 大陸 沒有 任何 相關 案例 可以 證明 寵物 攜帶 新冠 病毒 會 傳染給 人類 專家 認為 跨 物種 傳染 的 可能性 極 小 寵物 體表 採樣 核酸 檢測 陽性 很 大 可能 是 體表 沾染 了 污染區 內 的 病毒 此外 它 基金 認為 寵物 即使 攜帶 病毒 也 不 會 造成 其 發病 所以 寵物 即使 體表 採樣 檢測 陽性 也 無 需 治療 因此 強烈 反對 任何 形式 的 不負責任 的 撲 殺 或 所謂 的 無害化 處理 反對 任何 形式 不人道 對待 動物 的 方式 它 基金 是 中國 大陸 第一 家 動物 保護 基金會 北京市 aaaa 級 公益 組織 首 批 被 北京市民政局 認 定為 慈善 組織 的 基金會 之一</t>
  </si>
  <si>
    <t>新冠肺炎 疫情 持續 蔓延 目前 全球 確診 人數 已 高 達 912276 例 其中 美國 共 累計 超過 20萬 確診 病例 為 全球 最高 而 各州 政府 為 防疫 紛紛 頒佈 禁 足 令 但 竟 有 70 名 大學生 無視 防疫 禁令 仍 在 2 周前 包機 飛往 墨西哥 度過 春假 如今 這 群 20 多 歲 的 大學生 有 44 人 確診 新冠肺炎 綜合 外 媒 報導 約 70 名 德州大學 奧斯丁 分校 的 20 多 歲 學生 無視 防疫 禁令 在 春假 期間 租下 包機 飛往 墨西哥 度假 城市 卡波聖盧卡斯 cabosan lucas 遊玩 之後 部分 的 人 分別 搭乘 不同 商業 航班 返回 而 當中 就 有 44 人 確診 新冠肺炎 且 其中 至少 有 4 名 感染者 未 出現 症狀 當地 衛生部門 正 積極 聯絡 與 這些 搭 學生 搭乘 同班 飛機 的 旅客 據 瞭解 這些 大學生 似乎 是 認為 老年人 才 容易 感染 新冠肺炎 才未 重視 此事 除了 該 校外 坦帕 大學 university of tampa 威 斯 康辛大 學 麥迪遜 分校 universityof wisconsin-madison 都有 學生 因 春假 旅行 而 染疫 德州 特拉維斯 郡 臨時 衛生局 醫師 埃斯科特 markescott 強調 儘管 新型 冠狀病毒 對 年輕人 產生 的 風險 較 低 但 不 代表 他們 就 完全 不 會 因 新冠肺炎 而 重症 或 死亡 德州 眾議院 議長 伯甯 dennis bonnen 也 對 堅持 在 春假 出去 旅行 的 學生 說出 重話 不管 你 覺 不 覺得 這 是 件 重要 的 事 這 就 是 件 大事 不管 這 件 事 會 不 會 影響 你 它 就 是 會 影響 你 而且 事實 就是 你們 還 影響 了 很多 人 是 時候 長大 了 更 多 ctwant 報導</t>
  </si>
  <si>
    <t>武漢肺炎 新型 冠狀病毒 全球 川普 美國</t>
  </si>
  <si>
    <t>新冠肺炎 武漢肺炎 新型 冠狀病毒 臺灣 國內</t>
  </si>
  <si>
    <t>精選 中 時 新聞網 5 件 不可不 知 的 國際 大事 帶 讀者 掌握 今天 2 月 19 日 的 國際 新聞 重點 1 各國 防疫 反應 過度 專家 曝 新冠 病毒 可怕 關鍵 大陸 新冠肺炎 確診 病例 數 仍 持續 攀升 包括 美國 在內 全球 多國 對 陸 實施 入境 限制 措施 遭 北京 痛 批 反應 過度 但 真 的 反應 過度 嗎 不少 專家 認為 和 流感 等 其他 病毒 相比 此 波 新冠狀病毒 可怕 之處 在於 不可 預測性 不過 他們 也 無法 保證 實施 旅行 禁令 將 能 有效 阻止 病毒傳播 2 日本 首例 十 多 歲 青少年 確診 新冠肺炎 2019 年 新型 冠狀病毒 疾病 疫情 在 日本 逐漸 擴大 和歌 山 縣政府 表示 日前 縣 內 一 名 醫師 確診 今天 這 名醫 師 的 十幾 歲 兒子 也 確診 和歌 山縣 累計 12 人 感染 武漢肺炎 3 12 國 92 例 人 傳人 世衛 仍 樂觀 無 社區 感染 世界衛生組織 who 總 幹事 譚 德塞 tedros adhanom ghebreyesus 週二 對 媒體 說明新冠肺炎 的 疫情 除了 大陸 以外 的 地區 共有 92 的 病例 證實 是 人 傳人 案例 分佈 在 12 個 國家 但 譚 德塞 強調 世衛 並 沒有 觀察 到 持續性 的 社區 感染 4 蘋果 聲明 受到 疫情 打擊 美 股 全面 收 黑 全球 市值 最高 的 企業 蘋果公司 週二 發出 銷售 警告 強調 新冠肺炎 已對 全球 供應 鏈 造成 嚴重 衝擊 因 大陸 工廠 生產 電子零件 的 效能 大幅 降低 iphone 的 製造 速度 大打折扣 加上 大陸 市場 對 智慧 型 手機 的 需求 也 因 疫情 而 降低 預計 今年 度 第一 季 的 財 報 將 很 不 樂觀 聲明 一 出 當日 股價 應聲 下跌 26 5 利比亞 lna 擊毀 土耳其 貨船 利比亞 國民軍 lna 的 官方 facebook 上 發表 聲明 其 部隊 摧毀 了 一 艘 泊 在 的黎波里 港口 的 土耳其 船隻 因此 該 船 運載 了 提供 給 敵對勢力 利比亞 民族 協議 政府 gna 的 武器 和 彈藥 這 是 lna 首度 攻擊 土耳其 的 資產 目前 土耳其 當局 尚未 就此 事件 發表 評論</t>
  </si>
  <si>
    <t>新冠肺炎 病例 不斷 增加 尤其 大陸 不時 傳出 醫療 緩不濟急 的 消息 武漢 當地 居民 更是 人人自危 一 名 住 在 華南 海鮮 市場 附近 的 武漢 高中生 指出 封城 後 他 與 家人 都 足不出戶 一家 人 每天 靠 做 3 件 事 躲 過 感染 這 名 學生 接受 中新社 訪問 時 指出 與 家人 住 在 新型 冠狀病毒 發源地 華南 海鮮 市場 附近 1 月 23 日 封 城 之後 就 過 著 與 封城 前 截然不同 的 生活 他們 全家 每天 嚴守 3 原則 足不出戶 在家 消毒 早晚 都量 體溫 他 甚至 說 恨不得 把 體溫計 一直 夾 著 他 指出 去年底 當 武漢 不明 原因 肺炎 消息 傳出 後 他 趕緊 去 買 了 2 包 n 95 口罩 殊不知 過 沒多久 武漢 就 封城 了 沒 想到 這 僅 存 的 2 包 口罩 就 成為 一家 人 日後 的 救命 符 這 名 高中生 就 住 在 離 市場 15 公里 的 距離 華南 海鮮 市場 可以 說 是 他們 家 出 門 的 必經之地 大陸 媒體 披露 武漢 市民 眼中 的 華南 海鮮 市場 宛如髒亂 的 代名詞 由於 市場 佔據 了 整 條 街 加上 售賣 的 海鮮 與 雜貨 時常 飄 出 腥味 整體 衛生 環境 髒亂 不堪</t>
  </si>
  <si>
    <t>新冠肺炎 武漢肺炎 新型 冠狀病毒 ncp 中國 大陸</t>
  </si>
  <si>
    <t>新冠肺炎 covid-19 武漢肺炎 新型 冠狀病毒 習近平</t>
  </si>
  <si>
    <t>武漢 封城 新冠 病毒 武漢肺炎 新型 冠狀病毒 大陸</t>
  </si>
  <si>
    <t>新冠肺炎 武漢肺炎 新型 冠狀病毒 臺灣 疫 調</t>
  </si>
  <si>
    <t>越南 鎖國 禁止 入境 新型 冠狀病毒</t>
  </si>
  <si>
    <t>與 玥 樓 印月 創意 東方 宴 武漢肺炎 新 形 冠狀病毒 新冠肺炎</t>
  </si>
  <si>
    <t>香港大學 感染 及 傳染病 中心 總監 何柏良 今日 31 日 接受 商台 節目 訪問 提到 潮濕 天氣 或 增加 飛 沫 傳播 的 速度 形容 猶如 超級 跑車 他 稱 若於 不 通風 的 環境 加上 潮濕 天氣 有人 咳嗽 的話 飛 沫 射程 可 遠 至 八 米 猶如 超級 跑車 的 速度 將 無 人 躲得 過 他 呼籲 市民 儘量 外帶 食物 若 需要 內 用 則 於 進食 時 不 說話 covid-19 新型 冠狀病毒 肺炎 疫情 持續 香港 累計 確診 個案 超過 600 宗 政府 日前 公佈 新 防疫 措施 禁止 多於 4 人 在 公眾 地方 聚集 措施 對 不少 餐廳 構成 影響 香港大學 感染 及 傳染病 中心 總監 何柏良 于 商台 節目 上 說 過往 指出 的 6 個 階 磚 距離 適用於 無 戴 上 口罩 時 能 減少 飛 沫 傳播 風險 不過 香港 近日 潮濕 天氣 或 影響 相關 論述 他指 近日 有 美國 研究 指出 若於 濕度 高 的 環境 加上 有人 咳嗽 飛 沫 的 速度 將 增至 1 秒 30 米 而 射程 更 可 遠 至 8 米 形容 猶如超級 跑車 的 速度 何 柏良 說 若於 不 通風 的 環境 下 加上 潮濕 天氣 沒人 能夠 躲得 過 這些 高速 飛 沫 的 攻擊 他 說 明白 這項 措施 對 餐飲業 的 影響 也 心痛 餐廳 的 經營 情況 但 仍 希望 市民 儘量 不 要 堂 食 若 必須 堂 食 則 應 避免 進食 時 談話 至於 近日 有 違反 隔離 令 的 人士 被 判刑 何柏良 稱 歡迎 法庭 判決 認為 自 3 月 起 違反 禁令 的 嚴重 程度 更 高 因 當時 全世界 疫情 嚴峻 認為 法庭 會 考慮 嚴重性 有 合適 懲罰 他指 政府 於 執行 措施 時 應有 一致性 對於 近日 頒佈 的 聚眾 法例 要 零 容忍 至於 近日 醫院管理局 行政 總裁 高拔陞 提出 讓 康復 中的 病人 出院 回家 隔離 何柏良 不 認同 有關 做法 認為 必須 以 集體 隔離 方式 處理 並 採取 加強版 防 感染 措施 包括 立法 強制 戴 口罩</t>
  </si>
  <si>
    <t>香港 天氣 新冠肺炎 武漢肺炎 新型 冠狀病毒</t>
  </si>
  <si>
    <t>哈佛醫學院 根據 到 醫院 就診 的 衛星 圖像 和 搜尋 引擎 資料 進行 的 研究 顯示 新型 冠狀病毒 可能 最 早 是 在 去年 8 月 於 大陸 傳播 研究 顯示 去年 12 月 正式 有 新冠肺炎 疫情 記錄 之前 武漢 民眾 到 醫院 就診 以及 有關 症狀 的 網路 搜尋 就 已</t>
  </si>
  <si>
    <t>哈佛醫學院 根據 到 醫院 就診 的 衛星 圖像 和 搜尋 引擎 資料 進行 的 研究 顯示 新型 冠狀病毒 可能 最 早 是 在 去年 8 月 於 大陸 傳播 研究 顯示 去年 12 月 正式 有 新冠肺炎 疫情 記錄 之前 武漢 民眾 到 醫院 就診 以及 有關 症狀 的 網路 搜尋 就 已經 增多 據 路透 報導 哈佛 研究 指出 雖然 不能證實 這些 跡象 的 增加 與 新冠肺炎 直接 有關 但 證據 支持 了 最近 的 其他 研究 這些 研究 表明 在 確定 華南 海鮮 市場 之前 病毒 就 已經 出現 而 大陸 國家 衛健 委 8 日 公告 8 日 大陸 31 個 省 自治區 直轄市 和 新疆生產建設兵團 報告 新增 新冠肺炎 確診 病例 3 例 均 為 境外 輸入 病例 廣東 2 例 四川 1 例 當日 新增 無 症狀 感染者 21 例 境外 輸入 2 例 無 新 增 死亡 病例 無 新 增 疑似病例 截至 8 日 24 時 據 大陸 31 個 省 自治區 直轄市 和 新疆生產建設兵團 報告 現有 確診 病例 58 例 無 重症 病例 累計 治癒 出院 病例 7萬8351 例 累計 死亡 病例 4634 例 累計 報告 確診 病例 8萬3043 例 現有 疑似病例 1 例 累計 追蹤 到 密切接觸 者 74萬7232 人 尚在 醫學觀察 的 密切接觸 者 2971 人</t>
  </si>
  <si>
    <t>新冠肺炎 武漢肺炎 新型 冠狀病毒 臺灣 屏 東</t>
  </si>
  <si>
    <t>外傳 新冠肺炎 可能 藉 由 蝙蝠 傳染 引發 部分 民眾 對 蝙蝠 的 誤解 甚至 敵視 雲 林縣 水 林鄉 黃金 蝙蝠 生態館 3 日 強調 目前 沒有 任何 科學 證明 是 蝙蝠 導致 新冠肺炎 的 發生 請 大家 不要 因 此 恐懼 蝙蝠 甚至 傷害 蝙蝠 還 蝙蝠 一個 公道 黃金 蝙蝠 在 雲 林縣 的 數量 銳減 除了 棲 地 破壞 農藥 污染 等 因素 還有 可能 是 民眾 因 誤解 而 驅趕 甚至 傷害 蝙蝠 所 造成 黃金 蝙蝠 生態館 負責人 張恒嘉 強調 目前 全世界 已 確診 的 新冠肺炎 案例 中 沒有 1 例 是 直接 經由 蝙蝠 傳染 而 確診 張 恒 嘉 還 表示 新冠肺炎 不論是 來源 是否 有 中間 宿主 及 如何 感染 人類 都 還 不 清楚 雖然 曾 發現 蝙蝠 身上 帶有 與 新冠肺炎 基因 序列 相似 度 達 96 的 病毒 但 僅此 1 條件 並 不足以 斷定 其 來源 即是 蝙蝠 例如 人類 與 黑猩猩 的 基因 序列 相似 度 高達 988 但 兩者 是 完全 不同 的 物種 一樣 截至 目前為止 並 無 足夠 的 科學 證據 顯示 伊 波拉 病毒感染 中東 呼吸 症候 群 mers 嚴重 急性 呼吸道 症候 群 sars 嚴重 特殊 傳染性 肺炎 新冠肺炎 與 蝙蝠 直接 有關 雖然 過去 曾 在 多種 蝙蝠 身上 找 到 與 sars 病毒 類似 的 冠狀病毒 但 都非 真正 的 sars 病毒 張 恒 嘉 說 目前 臺灣 蝙蝠 的 身上 並 沒有 任何 人 畜 共通 的 疾病 農委會 動植物 防疫 檢疫 局 也 證實 近 56 年 監測 顯示 臺灣 原生 蝙蝠 不具 感染 人 的 能力 張 恒 嘉 強調 美國 德州 奧斯丁 國會 大 橋下 棲息 著 約 150萬 只 蝙蝠 多 年 來 從未 有人 因為 蝙蝠 的 存在 而 致死 東南亞 與 非洲 也 有人 長期 蒐集 洞穴 或 建築物 的 蝠 糞 當 肥料 販 售 都 沒有 因此 傳出 重大 疫情 因此 蝙蝠 絕非 新冠肺炎 的 原罪 請 大家 不要 以訛傳訛</t>
  </si>
  <si>
    <t>新冠肺炎 來勢洶洶 義 大利 民防 保護 部 1 日 指出 在 過去 24 小時 境內 新冠肺炎 疫情 死亡數 再 增加 5 人 累計 達到 34 死 全國 確診 病例 數 來到 1694 例 另 新冠肺炎 也 入侵 中歐 捷克 國內 首度 通報 3 起 新冠肺炎 確診 病例 此外 新冠肺炎 也 入侵 加勒比海 多明尼加 1 日 確診 首 起 病例 新冠肺炎 在 歐洲 許多 國家 發現 案例 遍及 北歐 到 南歐 幾乎 每個 國家 都 壟 罩 在 疫情 的 恐懼 當中 其中 最 嚴重 的 國家 是 義 大利 大多數 病例 集中 於義 大利 北部 地區 截至 1 日 義 大利 累計 達到 34 死 全國 確診 病例 數 來到 1694 例 另 捷克 衛生部 官員 1 日 表示 國內 首度 通報 3 起 新冠肺炎 確診 病例 3 名 患者 分別 是 2 名 捷克 人 及 1 名 在 義 大利 米蘭 讀書 的 美國 學生 其 近來 都 曾 去 過 義 大利 北部 目前 他們 都 出現 輕微 症狀 正 在 醫院 治療 中 此外 新冠肺炎 也 入侵 加勒比海 多明尼加 1 日 確診 首 起 病例 此 患者 是 62 歲 的 義 大利 遊客 世衛 2 月 11 日 將 其 定名 為 covid-19 2019 年 冠狀病毒 疾病 目前 新冠肺炎 確診 幾乎 蔓延 全球 臺灣 也 出現 多 個 確診 病例 疾 管署 呼籲 民眾 勿 恐慌 勤洗手 有 上呼吸道感染 時 戴 口罩 做好 自主 健康 管理</t>
  </si>
  <si>
    <t>捷克 義 大利 武漢肺炎 新冠肺炎 新型 冠狀病毒</t>
  </si>
  <si>
    <t>韓國新冠肺炎 確診 病例 連日 暴 增 24 日 下午 韓國 中央 防疫 對策 本部 宣佈 增加 231 例 確診 個案 累計 確診 人數 來到 了 833 人 死亡 人數 則 有 7 人 若 與 大陸 各省 市 確診 人數 相比 韓國 排在 第 7 次於 江西省 截至 24 日 中午 統計 的 934 人 突然 升溫 的 疫情 也 衝擊 旅遊業 目前 有 多國 對 韓 提升 旅遊 警示 還有 不少 旅遊團 取消 相關 行程 因應 韓國 的 新型 冠狀病毒 疫情 嚴重 香港 保安 局長 李家超 昨日 公佈 保安 局 將 向 韓國 發出 紅色旅遊 警示 市民 如 非必要 應 避免 前往 現時 在 韓國約 有 十 多 個 香港 旅行團 涉及 300 多 人 他 說 從 25 日 早上 6 時 開始 將 不容許 來自 韓國 的 非 香港 居民 入境 包括 14 日內 到 過 韓國 的 非 香港 居民 香港 也 有 多 家 旅行社 陸續 宣佈 取消 韓國 旅遊團 香港 康泰旅行社 稱 因 韓國大 邱 爆發 嚴重 疫情 為 保障 客人 以及 員工 健康 安全 決定 取消 3 月 31 日 之前 出發 的 所有 韓國 旅行團 共約 65 團 1300 名 旅客 已 報名 的 旅客 可 選擇 轉 團 保留 團費 6 個 月 或 扣除 手續費 後退 團 韓國 在 24 日 確診 的 病例 中 有 129 人 與 新 天地 耶穌 會 大 邱 教 會 有 關 其 餘 感染者 受 感染 的 途徑 目前 仍 在 調查 死亡 病例 中 也 有 一 名 57 歲 女性 疑 似 也 是 在 新 天地 耶穌 會 大 邱 教會 遭到 群 聚 感染 是 該 教會 首 起 的 死亡 案例 另外 其 餘 有 4 起 死亡 病例 死者 都曾 在 生前 于 慶尚 北 道 清道 郡 大南 醫院 接受 過 治療 該 醫院 的 精神 病房 曾 爆發 群 聚 感染 有 近百名 的 確診 病例 且 該 醫院 采 封閉式 管理 加上 醫院 應對 緩慢 才 讓 疫情 失去 控制</t>
  </si>
  <si>
    <t>新冠肺炎 新型 冠狀病毒 ncp 臺灣 防疫</t>
  </si>
  <si>
    <t>新冠肺炎 新型 冠狀病毒 盧秀燕 台中 一中 軍方</t>
  </si>
  <si>
    <t>西班牙 地方 衛生 官員 今天 表示 瓦倫西亞 地區 valencia 一 名 男子 死於 2019 年 冠狀病毒 疾病 covid-19 武漢肺炎 為 西班牙 首 起 武漢肺炎 死亡 病例 路透社 報導 地方 衛生 首長 巴 瑟洛 ana barcelo 在 記者會 上 說 驗屍</t>
  </si>
  <si>
    <t>西班牙 地方 衛生 官員 今天 表示 瓦倫西亞 地區 valencia 一 名 男子 死於 2019 年 冠狀病毒 疾病 covid-19 武漢肺炎 為 西班牙 首 起 武漢肺炎 死亡 病例 路透社 報導 地方 衛生 首長 巴 瑟洛 ana barcelo 在 記者會 上 說 驗屍 結果顯示 這 名 2 月 13 日 過世 的 男子 是 死於 武漢肺炎 不久前 西班牙衛生部 在 推特 宣佈 多 項 體育賽事 將 閉門 舉行 醫療 會議 也 將 取消 以 抑制 武漢肺炎 疫情 擴散 西班牙 共約 150 人 確診 感染 武漢肺炎 巴斯克 地區 basque 約 有 100 名 醫護人員 在 接觸 感染 患者 後 居家 隔離 有關 當局 正 在 監督 巴斯克 地區 維多利亞 加斯 提 伊茲 市 vitoria-gasteiz 的 一起 群 聚 感染 以及 托 芮榮艾 多茲 torrejon de ardoz 兩 起 群 聚 感染 案例 托 芮榮艾 多茲 是 靠近 馬德里 的 郊區 城市 人口 約 13萬</t>
  </si>
  <si>
    <t>新冠肺炎 疫情 持續 在 大陸 延 燒 有 專家 提醒 目前 疫情 最 嚴重 的 南方 城市 即將 進入 季節性 流感 高發期 病毒 可能 與 流感 病毒 混合 感染 恐 對 疫情 防治 帶來 衝擊 根據 廣州市 公共 衛生 專家 發表 的 最新 論文 就 警告 新冠肺炎 防疫 進入 關鍵時期 與此同時 目前 疫情 嚴重 的 大陸 南方 城市 將 進入 季節性 流感 高發期 新冠 病毒 與 季節性 流感 可能 會 出現 混合 感染 的 情形 恐 對 防疫 帶來 干擾 呼籲 民眾 可 考慮 接種 流感疫苗 廣州日報 引述 中華 預防 醫學雜誌 線 上 最新 發表 由 廣州市 胸科醫院 副 院長 李鐵剛 和 大陸 國務院 特殊津貼 專家 王鳴 撰寫 的 論文 稱 在 抗擊 新型 冠狀病毒 肺炎 疫情 同時 應該 警惕 季節性 流感 的 疊加 效應 根據 世界衛生組織 報告 顯示 流感 每年 可 導致 5 至 10 的 成人和 20 至 30 的 兒童 發病 正如 論文 中 提到 在 流感 季節 每 10 人 至少 就 有 1 人 感染 流感 流感 病毒 可以 引起 嚴重 併發症 如 重症 肺炎 或 合併 其他 細菌 感染 並 導致 死亡 全球 每年 流感 流行 可 導致 65萬 例 死亡 根據 疾病 監測 資料 與 新冠肺炎 一起 即將 進入 流行 季節 的 還 有 其他 呼吸道 傳染病 如 流感 病毒 副流感 病毒 腺病毒 呼吸道 合胞 病毒 鼻 病毒 人 偏 肺病 毒 等 相關 疾病 其 臨床表現 與 新型 冠狀病毒 肺炎 有 相似之處 難以 通過 臨床表現 胸部 影像 學 鑒別 專家 認為 在 對 呼吸道 病例 排查 過程 中 如果 檢測 到 季節性 流感 病毒 陽性 也 需要 進一步 檢測 新冠肺炎 病毒 即便 檢測 結果 呈現 陰性 對於 特殊 病例 如 密切接觸 者 流行 區域 活動 史 人員 等 也 需要 持續 觀察 滿 14 天 並 在 觀察 結束 時 再次 進行 新型 冠狀病毒檢測 更 多 ctwant 報導</t>
  </si>
  <si>
    <t>台中 市 教育 局 1 日 表示 上學 前 家長 為 孩子 先量 測體溫 並 記錄 于 自主 健康 管理 表 有助 瞭解 孩童 每日 的 身體健康 狀況 學校 仍 有 量 測體溫 機制 將 督導 校方 加強 查閱 學生 自主 健康 管理 表 透過 量 測 雙軌 制 落實 防疫 措施 教育局 指出 依據 教育部 函文 學生 每日 上學 前 家長 應 主動 關心 其 身體健康 並 量 測體溫 如有 發燒 咳嗽 或非 過敏性 流 鼻 水 等 呼吸道 症狀 應 主動 告知 校方 盡 速 就醫 或 在 家 休息 教育局 要求 台中 市 各 校 發放 自主 健康 管理 表 學生 上學 前 由 家長 協助 量 測體溫 並 在 表 上 紀錄 簽名 再 由 學校 人員 檢閱 後 即可 入校 如 家中 未有 體溫 量 測 器具 學校 也 有 安排 專人 協助 量 測體溫 教育局 強調 透過 發放 自主 健康 管理 表 及 校園 出入口 設置 體溫 量 測 站 的 量 測 雙軌 制 學生 若 有 發燒 情形 可於 家 中立 即可 得知 避免 到校 後 才 發現 也 可 避免 體溫 量 測 站 等待 學生過多 大排長龍 教育局 要求 各 校 做好 校園 防疫 加強 落實 查閱 管理 表 並 請 督學 到校 督導 改善 確保 孩童 每日 的 健康狀況 新冠肺炎 新型 冠狀病毒 臺灣 台中 市 量 體溫 教育局</t>
  </si>
  <si>
    <t>新冠肺炎 武漢肺炎 新型 冠狀病毒 臺灣 量 測</t>
  </si>
  <si>
    <t>停泊 在 日本 橫濱 港 新冠肺炎 疫情 擴大 的 鑽石 公主 號 郵輪 上 約 3100 名 乘客 19 日 將 以 年長者 優先 依 序 下船 日本 厚生 勞動 省 預測 今天 將 有 500 人 下船 我 駐 日 代表處 的 車已 進到 碼頭 副 代表 蔡明耀 和 秘書 帶 了 慰問 物資 準備 迎接 台籍 旅客 橫濱 港 大 黑 碼頭 19 日 一早 已 有 78 輛 巴士 及 幾 台 計程車 在外 等待 接 人 救護車 和 自衛隊 的 車隊 也 在 碼頭 上 待機 船上 的 許多 乘客 都 到 陽臺 上 看 觀望 外面 的 動態 船 內 廣播 說 病毒 檢驗 陰性 且 沒 症狀 者 預定 10 點 半 臺北 時間 9 點 半 開始 下船 以 年長者 優先 有 船上 乘客 透過 電話 向日 媒 表示 擔心 下船 後會 不 會 受到 外界 異樣 的 眼光 和 歧視 船上 發給 乘客 的 下船 說明 中 指出 自用車 到 碼頭 接 人 沒 問題 但 可能 不能 叫 計程車 要求 大家 下船 後 儘量 利用 大眾交通 公 具 返家 我國 旅客 由於 還有 2 人 的 病毒 檢驗 未有 結果 故 其 餘 旅客 下船 後 將 由 代表處 派 的 專車 先 接 到 飯店 暫住 由於 新冠肺炎 的 許多 感染者 都 沒有 出現 任何 發病 症狀 故 乘客 下 船 後 相關 單位 還 會 再 電話 追蹤 健康狀況 鑽石 公主 號 上 約 3700 名 乘客 中 已 有 542 人 感染 新型 冠狀病毒 感染 率 約 15</t>
  </si>
  <si>
    <t>新冠肺炎 武漢肺炎 新型 冠狀病毒 臺灣 接觸</t>
  </si>
  <si>
    <t>口罩 武漢肺炎 臺灣 彰 化 新型 冠狀病毒</t>
  </si>
  <si>
    <t>北京市 商務 局 20 日 表示 在 做好 常態 化 疫情 防控 基礎 上 將 按照 全面 重 啟 適度 調整 線 上 為主 重點 策劃 有序 推進 嚴密 組織 等 原則 重 啟 北京 消費 季 據 北京青年報 報導 北京 消費 季將 延續 至 今年 12 月底 同時 北京市 商務 局 正 委 讬 廠商 進行 消費 券 政策 評估 對 消費 券 方案 及時 調整 進一步 擴大 消費 券 使用 企業 覆蓋面 滿足 消費 需求 而 北京市 新型 冠狀病毒 肺炎 疫情 防控 工作 新聞 發 佈 會上 也 提及 要 調整 旅遊 景區 限量 措施 旅遊 景區 要 繼續 貫徹落實 限量 預約 錯 峰 等 要求 接待 遊客量 由不得 超過 最 大 承載量 的 30 調至 50 在 落實 防控 措施 前提 下 採取 預約 限流 等 方式 來 開放 旅遊 景區 室內 場所 此外 北京 新冠肺炎 疫情 防控 工作領導小組 社區 防控 組 辦公室 成員 北京市委組織部 部 務 委員 徐穎 說 將 在 完善 衛生防疫 措施 和 應急 預案 的 前提 下 恢復 賓館 餐館 超市 等 經營場所 的 正常營業 秩序</t>
  </si>
  <si>
    <t>川普 武漢肺炎 新型 冠狀病毒 全球 美國</t>
  </si>
  <si>
    <t>方 艙 醫院 休 艙 武漢 新冠肺炎 新型 冠狀病毒</t>
  </si>
  <si>
    <t>新冠肺炎 新型 冠狀病毒 武漢肺炎 covid-19 醫院</t>
  </si>
  <si>
    <t>歡迎 收看 無色 覺醒 第 578 集 播出 由 主講 人 賴嶽謙 為 觀眾 分析 一 場 病毒 抗 疫 戰爭 美 俄 網路 輿論 開 打 正當 中國 大陸 全力 對抗 新型 冠狀病毒 2019 -ncov 之際 美國 與 俄國 的 網路 輿論 戰 打得 如火如荼 波濤 洶湧 美國</t>
  </si>
  <si>
    <t>歡迎 收看 無色 覺醒 第 578 集 播出 由 主講 人 賴嶽謙 為 觀眾 分析 一 場 病毒 抗 疫 戰爭 美 俄 網路 輿論 開 打 正當 中國 大陸 全力 對抗 新型 冠狀病毒 2019 -ncov 之際 美國 與 俄國 的 網路 輿論 戰 打得 如火如荼 波濤 洶湧 美國 阿肯色州 的 共和黨 參議員 柯頓 tom cotton 公然 指控 新冠肺炎 是 來自 中國 大陸 實驗室 的 人工 病毒 因 人為 疏忽 不慎 外流 這種 未經 證實 的 揣測 性 言論 一 出 引發 網路 一 片 論戰 哈佛大學 醫療 團隊 專家 率先 跳出 來 駁斥 柯頓 的 指控 他 並 強調 這 是 一 種 新型 病毒 由 重組 所 發生 的 病毒 柯頓 則 在 反華 鷹 派 安排 下 參加 了 福斯 新聞網 等 節目 繼續 散播 不實 謠言 任由 網路 媒體 轉載 與此同時 美國國務院 亦 控訴 俄羅斯 散播 新冠 病毒 來自 cia 等 不實 消息 網路上 還 流傳 一則 消息 稱 俄羅斯 衛生 單位 證明 新冠 病毒 由 人工合成 俄羅斯 官員 氣憤 地 指 有人 惡意 散播謠言 明明 在 醫學 報告 中 清楚 明 瞭 寫 著 基因 重組 卻 遭 翻譯成 人工合成 似乎 是 有心人士 想 挑撥 中俄 之間 矛盾 在 國際 共同 防疫 之際 竟 有人 心中 無存 人溺己溺 之 心 趁 亂 打擊 落井下石 在 資訊 爆炸 世代 不實 消息 散播 全球 各個 角落 若 網 民 相信 新冠 病毒 來自 cia 恐 激起 中國 大陸 人民 對 美國 的 仇視 若 相信 俄羅斯 官方 證實 新冠 病毒 由 人工 製造 便 會 造成 中 俄 友好 產生矛盾 若 相信 新冠 病毒 來自 武漢 p 4 實驗室 一 說 則 會 引發 全球 對 中國 大陸政府 的 反目 與 不 信任 這 一 場 全球 防疫 戰 中 國際 之間 陰謀 暗箭 由此 顯見 網路 散播謠言 者 不顧 醫護人員 之 辛勞 將 人命 視為 草芥 個人利益 擺 眼前 缺乏 同 理 之 心 為 達 目的 不擇手段 政客 操縱 陰謀論 摧毀 人 與 人 之間 的 信任 使 國際 社會 撕裂 形成 族群 間 對立 與 仇恨 有損 全 人類 的 利益 更 多 分析 請 看 影片 解說</t>
  </si>
  <si>
    <t>新冠肺炎 武漢肺炎 新型 冠狀病毒 臺灣 試驗</t>
  </si>
  <si>
    <t>新冠肺炎 武漢肺炎 covid-19 新型 冠狀病毒 南韓</t>
  </si>
  <si>
    <t>新冠肺炎 武漢肺炎 新型 冠狀病毒 臺灣 商務</t>
  </si>
  <si>
    <t>新冠肺炎 臺灣 雲林 新型 冠狀病毒 芭 樂</t>
  </si>
  <si>
    <t>新冠肺炎 武漢肺炎 新型 冠狀病毒 covid-19 英國</t>
  </si>
  <si>
    <t>武漢肺炎 新型 冠狀病毒 全球 鑽石 公主 號 黃金周</t>
  </si>
  <si>
    <t>新冠肺炎 conid- 19 武漢肺炎 新型 冠狀病毒 振興 抵 用 券</t>
  </si>
  <si>
    <t>越南 衛生部門 今天 表示 境內 2019 年 冠狀病毒 疾病 截至 目前 的 最後 一 例 確診 患者 上午 出 院 至 今 16 起 病例 已 全數 治癒 13 日 以來 未 出現 新 增 病例 初步 成功 控制 疫情 越南 快訊 新聞 網站 報導 北部 永福省 vinh phuc 平川 縣 b</t>
  </si>
  <si>
    <t>越南 衛生部門 今天 表示 境內 2019 年 冠狀病毒 疾病 截至 目前 的 最後 一 例 確診 患者 上午 出 院 至 今 16 起 病例 已 全數 治癒 13 日 以來 未 出現 新 增 病例 初步 成功 控制 疫情 越南 快訊 新聞 網站 報導 北部 永福省 vinh phuc 平川 縣 binh xuyen 光 河 醫療 中心 quang ha 上午 允許 肺炎 最後 確診 病例 出 院 患者 為 當地 的 50 歲 男性 他 是 被 從 疫情 源頭 中國 湖北省 武漢市 返國 的 女兒 感染 還有 另外 3 名家 人 也 被 傳染 至今 所有 家人 都 已 治癒 出院 包括 女兒 在內 報導 指出 這 名 男性病 患 2 次 檢 體 對 冠狀病毒 疾病 呈現 陰性 健康 情況 穩定 獲准 出 院 越南 衛生部 看 治病 管理局 副 局長 阮仲科 nguyen trong khoa 表示 至今 全國 16 起 確診 病例 都已 治癒 出院 對 此 感到 很 高興 但是 醫療 部門 將 繼續 關切 疑似病例 越南 境內 13 日 之後 未再 出現 確診 病例 越南 副 總理 武德丹 vu duc dam 25 日 表示 越方 初步 成功 控制 covid-19 疾病 越南 在 對抗 covid-19 疾病 之 戰 取得 第一 場 勝利 但是 警告 此 戰將 進入 難以預料 的 新 階段 越南 衛生部 指出 今天 全國 新增 30 起疑 似 病例 主要 是 剛從 韓國 疫區 入境 的 人員 至今 累計 有 31 起疑 似 病例 另 有 5675 名 因 與 疑似病例 接觸 過 或 剛從 各國 疫區 返國 而 被 隔離 觀察 的 人員 由於 韓國 疫情 持續 延 燒 越南政府 昨天 宣佈 來自 韓國大 邱市和 慶尚 北 道 或 從 兩地 過境 的 國際 旅客 暫時 禁止 入境 以 公務 為由 的 入境者 必須 接受 14 天 隔離 檢疫 同時 勸告 國民 不要 前往 韓國 等 國 疫區</t>
  </si>
  <si>
    <t>元樟生 技 7 月 21 日 公佈 其 所 研發 的 新型 抗生素 yuan- 03 委 讬 臺灣大學 醫學 檢驗 暨 生物技術 學 系 張 淑媛 教授 團隊 進行 新型 冠狀病毒 sars-cov- 2 體 外抗 病毒 試驗 結果 證實 yuan- 03 可 有效 抑制 新冠 病毒感染 率 幾近 100 令人驚 豔</t>
  </si>
  <si>
    <t>元樟生 技 7 月 21 日 公佈 其 所 研發 的 新型 抗生素 yuan- 03 委 讬 臺灣大學 醫學 檢驗 暨 生物技術 學 系 張 淑媛 教授 團隊 進行 新型 冠狀病毒 sars-cov- 2 體 外抗 病毒 試驗 結果 證實 yuan- 03 可 有效 抑制 新冠 病毒感染 率 幾近 100 令人驚 豔 元 樟 生 技 董事長 蔡宜儒 表示 yuan- 03 是 由 本土 藥用 食用 真菌 萃 取 製成 的 新型 抗生素 也 是 臺灣 自行 研發 的 第一 支 抗生素 今年 4 月 yuan- 03 已經 在 國衛院 進行 的 抗 人類 流感 冠 狀 病毒 hcov-oc 43 試驗 中 取得 幾近 100 抑制 病毒 的 效果 現在 又 在 台大 實驗 團隊 的 新冠 病毒 sars-cov- 2 體 外抗 病毒 試驗 中 抑制 50 病毒感染 的 劑量 濃度 5163 微 克 毫升 濃度 達 75 微 克 毫升 的 劑量 下 獲得 幾乎 100 病毒 抑制率 的 肯定 讓 團隊 感到 非常 振奮 象徵 著 對 元樟生 技 以 獨特 創新 領先 技術開發 新藥 的 策略 的 肯定 以 研發 新型 抗生素 對抗 超級 病菌 為 目標 的 元樟生 技 公司 成立 3 年 以來 已 陸續 研發 出 數 支 新型 抗生素 包括 yuan- 03 蔡宜儒 說 透過 這 兩 個 國際級 實驗室 的 試驗 顯示 yuan- 03 能 對 不同 冠狀病毒 產生 一樣 高效 的 病毒 抑制率 證實 這 支 由 臺灣人 自己 研發 的 第一 支 抗生素 不但 是 治療 新冠肺炎 新藥 的 希望 也 可能 對 其他 冠狀病毒 引起 的 疾病 產生 相當 療效 蔡宜儒 表示 yuan- 03 將 持續 進行 抑制 alpha delta 變種 病毒 有效性 的 測試 如果 測試 成功 的 話 將 再 進行 動物 試驗 並 預計 將 與 國外 知名 藥廠 結盟 希望 在 今年底 前 能夠 在 新冠肺炎 新藥 研發 上 獲致 具體 進展</t>
  </si>
  <si>
    <t>團隊 肺炎 病毒 抗生素 冠狀病毒</t>
  </si>
  <si>
    <t>臺灣 昨天 新增 第 1920 例 新冠肺炎 確診 個案 其中 一 例 疑 似 為 社區 感染 震驚 國人 但 國內 專家 對 這 起 個案 是否 為 社區 感染 有 不同 意見 認為 目前 還 很 難 定義 臺灣 進入 社區 感染 階段 但 仍 不可 掉以輕心 國人 出門在外 還 是 應 維持 戴 口罩 的 習慣 臺灣 動物 疫病 防治 專家 台大 獸醫 名譽教授 賴秀穗 指出 社區 感染 有 項 很 重要 的 定義 為 找 不 到 感染 源 但 昨天 這 例 死亡 的 61 歲 個案 曾 頻繁 接觸 陸 港澳 顧客 顯示 他 很 可能 有 感染 源 因此 還 不 到 社區 感染 的 程度 賴秀穗 說 臺灣 與 大陸 交往 頻繁 每天 有 上千人 從 陸 港澳地區 入境 還有 近千名 的 滯留 台商 待 接回 隨 著 鑽石 公主 號 郵輪 的 20 多 名 國人 即將 返台 未來 情況 只 會 越來越 危險 因此 沒有 人 能 斷定 國內 不會 爆發 社區 感染 他 指出 現階段 政府 不能 因 口罩 數量 不足 就 要求 國人 在外 不須 配戴 口罩 畢竟 唯有 人人 戴上 口罩 自保 才能 將 病毒 的 傳染 力 降 至 最低 民眾 也 需 配合 政府 的 防疫 措施 透過 全民 配合 防疫 臺灣 才能 降低 社區 感染 擴大 的 機 率 近日 大陸 有 多 項 研究 指出 新冠 病毒 可能 攻擊 腎臟 與 睾丸 進而 影響 男性 生殖 功能 但 賴秀穗 分析 這種 狀況 應 不太可能 必須 要 有 ace 2 血管 收縮 素 轉化 酶 2 作為 冠狀病毒 的 受體 而 人體 內 ace 2 最 多 的 地方 就 是 肺部 深處 因此 症狀 以 引發 肺炎 的 狀況 居多 他 強調 至 今 的 大部分 死亡 個案 都 是 本身 擁有 慢性 疾病 的 患者 因此 可能 是 患者 本身 免疫力 較 差 引起 併發症 而 死 雖然 人類 對於 新冠 病毒 的 瞭解 仍 相當 有限 但 一般 民眾 保持 勤洗手 戴 口罩 維持 良好 衛生習慣 就 不必 過度 恐慌</t>
  </si>
  <si>
    <t>防疫 新冠肺炎 武漢肺炎 covid-19 新型 冠狀病毒</t>
  </si>
  <si>
    <t>新冠肺炎 conid- 19 武漢肺炎 新型 冠狀病毒 譚德 賽</t>
  </si>
  <si>
    <t>新型 冠狀病毒 又 出現 新 變異 株 omicron 目前 歐洲 已 有 多 個 國家 遭到 攻破 胸腔 暨 重症 專科 醫師 黃軒 表示 南非 已 有 88 例 確診 omicron 變異 株 經過 觀察 發現 感染者 以 輕 症 表現 為 主 症狀 為 肌肉 酸痛 疲憊 及 輕微 咳嗽 常見 的 失</t>
  </si>
  <si>
    <t>新型 冠狀病毒 又 出現 新 變異 株 omicron 目前 歐洲 已 有 多 個 國家 遭到 攻破 胸腔 暨 重症 專科 醫師 黃軒 表示 南非 已 有 88 例 確診 omicron 變異 株 經過 觀察 發現 感染者 以 輕 症 表現 為 主 症狀 為 肌肉 酸痛 疲憊 及 輕微 咳嗽 常見 的 失去 嗅 味覺 並非 病徵 之一 黃軒今 28 日 於 個人 臉書 粉 專 黃軒 醫師 dr ooi hean 分析 南非 目前 已 有 88 例 omicron 確診 病例 後續 還有 990 位 疑似病例 經 南非 醫療 協會 初步判斷 感染 omicron 變異 株 皆 以 輕微 症狀 為主 黃軒 根據 南非 專家 的 說法 表示 omicron 主要症狀 有 3 種 包括 肌肉 酸痛 疲憊 及 輕微 咳嗽 目前 確診 的 病例 中 並 沒有 病 患 失去 嗅 味覺 再 加上 是 輕 症 因此 重症 入院 的 人 很 少 年齡 大多 是 40 歲 以下 的 年輕人 由於 南非 第二 劑 疫苗 接種 完成率 只 有 241 所以 確診 的 人 大多 沒有 打 疫苗 但 以上收到 的 消息 仍 須更多 研究 報告 證實 黃軒 說 omicron 變異 株 是 高 傳染性 的 病毒 與 delta 變異 株 相比 更 毒 更 多 突變 的 地方 更 容易 傳播 不過 他 也 說 omicron 變異 株 是否 有 辦法 取代 delta 變異 株 還 是 需要 觀察 一下 畢竟 之前 大家 講 得 很 恐怖 的 mu 變異 株 也 一下子 又 被 delta 變異 株 蓋 過去 了 因此 omicron 變異 株 後續 發展 仍 值得 關注</t>
  </si>
  <si>
    <t>香港 文匯 網 報導 珠海市 新型 冠狀病毒 肺炎 疫情 防控 指揮部 今天 4 日 淩晨 發佈 關於 進一步 調整 珠 澳 口岸 疫情 防控 措施 的 通告 根據 當前 新冠肺炎 疫情 防控 需要 經珠 澳 聯防 聯控 機制 協商 決定 自 8 月 4 日 6 時起 除 保障 珠 澳</t>
  </si>
  <si>
    <t>香港 文匯 網 報導 珠海市 新型 冠狀病毒 肺炎 疫情 防控 指揮部 今天 4 日 淩晨 發佈 關於 進一步 調整 珠 澳 口岸 疫情 防控 措施 的 通告 根據 當前 新冠肺炎 疫情 防控 需要 經珠 澳 聯防 聯控 機制 協商 決定 自 8 月 4 日 6 時起 除 保障 珠 澳 兩地 正常 生產 生活 的 跨境 貨車 司機 外 經珠 澳 口岸 出入境 人員 需 持 12 小時 內 核酸 檢測 陰性 結果 證明 其他 防控 措施 維持 不 變 珠海市 新型 冠狀病毒 肺炎 疫情 防控 指揮部 辦公室 在 3 日 19 時 50 分 許曾 發佈 關於 調整 珠 澳 口岸 疫情 防控 措施 的 通告 自 8 月 3 日 20 時起 經珠 澳 口岸 出入境 人員 由 需 持有 7 天內 核酸 檢測 陰性 證明 調整 為 需 持有 24 小時 內 核酸 檢測 陰性 證明 自 7 月 31 日 21 時至 8 月 7 日 21 時從 澳門 入境 珠海 且 不再 返回 澳門 的 人員 須進行 三 天 兩 檢 核酸 檢測 據悉 8 月 3 日 珠海市 在 對 珠海 通關 人員 核酸採樣 檢測 中 發現 2 名 澳門 居民 新冠 病毒 初篩 陽性 經 珠海市 疾 控 中心 及 澳門 覆核 陽性</t>
  </si>
  <si>
    <t>新冠肺炎 武漢肺炎 新型 冠狀病毒 臺灣 陪練員</t>
  </si>
  <si>
    <t>新型 冠狀病毒 未 見 趨 緩 民眾 出外 用餐 總是 擔憂 有鑑於此 遠 傳 4904 今日 宣佈 推出 智慧 餐飲 工具 一 指點 餐飲業者 免 建置 系統 僅 須 前往 遠 傳 直 營 門市 申辦 客人 掃描 就 能用 自己 的 手機 完成 零 接觸 的 點 餐 結 帳 遠 傳</t>
  </si>
  <si>
    <t>新型 冠狀病毒 未 見 趨 緩 民眾 出外 用餐 總是 擔憂 有鑑於此 遠 傳 4904 今日 宣佈 推出 智慧 餐飲 工具 一 指點 餐飲業者 免 建置 系統 僅 須 前往 遠 傳 直 營 門市 申辦 客人 掃描 就 能用 自己 的 手機 完成 零 接觸 的 點 餐 結 帳 遠 傳 表示 防疫期間 儘管 人人 戴 口罩 但 進入 餐廳 不免 取下 點 餐 交談 仍 有 風險 遠 傳 一 指點 可讓 客人 免 下載 app 只要 掃描 桌邊 qr-code 點 餐 店家 前臺 就 能 收到 品 項 並 憑單 出 餐 避免 點 餐 交談 可能 的 飛沫傳染 一 指點 也 提供 客人 選擇 現金 信用卡 line pay 等 支付方 式 選擇 信用卡 或 line pay 則 可 連同 結 帳 也 避免 交談 對於 餐飲業者 遠 傳 一 指點 不但 能 使 客人 更加 安心 也 可 趁 防疫期間 化 危機 為 轉機 完成 數位 轉型 不但 一舉 導入 刷 卡 行動 支付 等 工具 也 節省 前臺 點 餐 端的 人力 而 點 餐 數位化 也 便於 店家 盤點 一 指點 支援 內 用與 外帶 接 單 分流 店家 也 能 透過 自行 外 送 選項 免去 平臺 抽 成 費用 內建 營業 報表 功能 更 讓 店家 可 透過 後臺 檢 視 銷售 資料 遠 傳 企業 暨 國際 事業 群 執行 副總經理 曾 詩 淵 表示 數位 經濟 大幅 改變 全球 產業 樣 貌 遠 傳 致力 成為 中小企業 最佳 數位 夥伴 能 快速 滿足 不 同 產業 類型 企業 多樣化 需求 遠 傳 憑 藉 著 電信 專長 自行 開發 軟 體 推出 一 指點 協助 店家 提高效率 拓展 客源 落實 以 科技 應用 餐飲業 導入 一 指點 不須 增購 設備 即日起 遠 傳 全台 340 間 直 營 門市 開放 申辦 月租費 688 元 防疫期間 遠 傳 額外 提供 店家 點 餐 美食 廣告 平臺 加 值 服務 透過 電信 大 資料 暨 演算法 藉 由 導 客 增加 流量 的 平臺 經濟模式 説明 業者 精准 行銷 目標 族群</t>
  </si>
  <si>
    <t>雖然 世界衛生組織 who 還 沒 把 新冠肺炎 列為 全球 流行 疾病 但 疫情 已 擴散 至 73 國 確診 案例 超過 10萬 例 29億 學生 停課 醫 界 權威 雜誌 柳葉刀 3 月 7 日 發表 社論 covid-19 太 少 太 晚 covid-19 too little too late 直接 批評 各國 政要 對 疫情 的 防控 遲緩 而 無效 強調 病毒 沒有 價值觀 該文 援引 who 大陸 聯合 行動 小組 的 報告 稱 大陸 針對 新冠肺炎 疫情 的 公共 衛生 防控 措施 可能 是 歷史 上 最 野心勃勃 的 最 靈活 的 最 積極 的 疾病 控制 行動 ambitious agile and aggressive disease containment effort in history 雖然 封城 停 班 停課 等 措施 對 大陸 的 經濟 及 產業 造成 嚴重 影響 但 這些 防控 措施 卻 拯救 了 成千上萬 人 的 性命 官 民 全員 動 起 來 抗 疫 柳葉刀 認為 新型 冠狀病毒 對 已 開發 開發 中 等 國家 有 不同 的 挑戰 醫 界 憂心 的 是 各國 公共 衛生 體系 如何 應付 疫情 的 擴散 大陸 可以 成功 防疫 很 大程度 上 取決於 大陸 擁有 的 強大 行政 體系 可以 在 受到 新冠 病毒 疫情 威脅 時 動員 起來 再 加上 大陸 民眾 遵守 嚴格 的 公共 衛生 程式 例如 監控 患者 詳盡 的 疫 調 追蹤 社交 疏散 旅行 限制 教育 公眾 手部 衛生 以及 延後 不必要 的 活動 與 服務 時至今日 證據 表明 大陸 官方 在 公共 衛生 方面 投 注 的 巨大 努力 已 挽救 數 千 人 的 生命 柳葉刀 社論 認為 各國 領袖 可 從 這些 重要 的 大陸 經驗 中 學習 目前 各國 正 面臨 自家 疫情 擴散 的 問題 儘管 各 國醫 界 和 科學界 一再 警示 新冠肺炎 防疫 的 重要性 但 防疫 可能 導致 的 經濟 放緩 和 停 擺 讓 各國 領袖 不敢 放手一搏 而 在 非洲 拉丁美洲 中東 的 許多 國家 的 公衛 體系 都 還 沒有 為 已 發生 或 可能 的 疫情 做好 準備 拒絕 握手 成 全球 運動 由於 新冠 病毒 是 透過 飛 抹 傳染 且 傳染性 極 強 最 可怕 的 是 有 3 成 患者 是 沒有 症狀 或 症狀 輕微 但 具 高度 傳染性 的 帶 原者 防不勝防 為此 全球 人們 打招呼 的 方式 也 開始 改變 握手 親吻 臉頰 擊掌 碰 鼻 擁抱 等 近 距離 接觸 的 友好 方式 因為 具有 傳染 高風險 已 不能 使用 歐美各國 出現 許多 不同 的 打招呼 方式 例如 正 在 英國 舉行 的 歐洲 青年 聯賽 的 足球 場上 年輕 球員 裁判 以 互相 擊 肘 表達 運動員 風度 石油輸出國組織 多 位 官員 在 維也納 參加 會議 用 碰 腳 代替 握手 擁抱 如 佛教徒 般 雙手 合十 或 中國 傳統 的 抱 拳 作 揖 也 成為 歐 美人 彼此 問候 的 流行 手勢 雖然 問候 方式 改變 但 人們 的 慣性 難 改 例如 德國總理 梅克爾 參加 內閣會議 時 習慣性 向 內政部長 傑 霍夫 伸出 右手 想 禮貌性 握手 卻 遭 對方 婉拒 梅克爾 也 只能 尷尬 一 笑 趕緊 入座 正 在 卡達 杜哈 舉行 的 2020 桌 球 公開賽 在 一 場 雙打 比賽 前 裁判 也 拒絕 和 女 選手 握手 女 選手 楞了 幾 秒 才 回身 站 好 小 靈通 擊 肘 問候 以 肘 碰 肘 的 方式 示意 友好 的 動作 一 說 來自 夏威夷 莫洛凱 島上 的卡 勞 帕帕 半島 是 流放 麻 瘋病 人 區域 1969 年 隔離政策 取消 許多 人 開始 在 卡勞帕帕 以外 的 地方 參加 教堂 禮拜 由於 麻 瘋病 是 透過 接觸 病 患 而 傳染 教堂 的 會 眾 牧師 對 近 距離 接觸 保持警惕 采 碰 肘 方式 打招呼 表示 誠意 1970 年代 初期 開始 由 夏威夷 教堂 外傳 另 一 種 說法 是 來自 拳擊 場上 2 位 選手 拳頭 碰 拳頭 互 表 尊重 的 變化 廖慧娟</t>
  </si>
  <si>
    <t>上知 天文 下 知 地理 中天 新聞 氣象 團隊 王牌 氣象 主 播 戴立綱 因 播報 專業 預測 精准 解說 氣象 接 地氣 廣受 觀眾 喜愛 優質 表現 獲 財團法人 氣象 應用 推廣 基金會 評選 為 2019 年度 最佳 氣象 主 播 該 協會 自 2015 年 起 每年 舉辦 評選活動 迄今 6 年 這 已是 戴立綱 主 播 第二 次 獲獎 實至名歸 戴立綱 奪下 獎盃 後 謙虛 地 說 一個 氣象 播報 的 成功 不是 靠 我 一個 氣象 主 播 這個 獎 當然 不 只是 我 個人 的 也 是 我們 整個 團隊 的 榮耀 謝謝 大家 的 肯定 該 基金會 每年 舉辦 民間 業者 優質 氣象 播報 評選 吸引 各 家 電視 媒體 氣象 主 播 角逐 競爭 激烈 在 經過 專業 的 評審委員 評選 及 網路 投票 後 戴立綱 眾望所歸 拿下 獎項 戴立綱 為 文化 大學 大氣科學 系 學士 政治學研究所 碩士 地學 研究所 博士 學 經歷 完整 投入 氣象 播報 十 餘 年 談起 氣象 始終 充滿熱情 我 對 氣象 一直 有種 狂熱 16 年 來 這種 狂熱 的 興趣 不減所以 每當 遇 上 重大 天氣 變化 梅雨 颱風 地震 等 一定 會 保持 最高 的 專業 度 第一時間 掌握 訊息 對 我 來說 這個 獎 就 像是 氣象界 的 金鐘獎 是 非常 大 的 肯定 過去 16 年 來 戴立綱 幾乎 是 中天 新聞 的 資優 全勤 生 平常 就 鮮 少 休假 的 他 只要 一發 生 重大新聞 事件 便 即刻 回 到 工作崗位 2 年前 花蓮 強震 發生 接近 午夜 12 點 的 時間 戴立綱 剛 錄 影 完 換下 西裝 準備 下班 一陣 天搖地動 他 立即 沖 進 棚內 播報 地震 訊息 2011 年 日本 311 大 地震 引發 海嘯 當時人 正 在 文化 大學 開會 的 戴立綱 也 是 馬上 驅車 趕回 公司 還 不 忘 先 聯繫 動 畫室 做 氣象圖 一 進 公司 就 直接 進 攝影棚 那 是 一 種 熱忱 身體 會 快速 地 做出 這樣 的 投入 與 反射動作 戴立綱 不僅 是 專業 氣象 主 播 擁有 超高 人氣 的 他 同時 也 是 中天 新聞 龍捲風 新 神秘 52 區 節目 主持人 昨 1 日 播出 的 新 神秘 52 區 創下 近一年來 最高 收 視 佳績 4 歲 以上 平均 收視率 141 總 收 視 人口 919萬 人 最高 收 視 達 214 該集 探討 觀眾 喜愛 的 神秘 話題 如 防疫 關鍵時刻 蝗蟲 大舉 逼 入 雲南 地區 南韓 釜山 一對 夫妻 回家 後 離奇 消失 只 留 監視器 最後 身影 等 議題 而 近來 新型 冠狀病毒 肆虐 家中 有 兩 個 學齡 孩童 的 戴立綱 也 是 繃緊神經 防疫 除了 儘量 不 帶 孩子 去 人 多 的 室內空間 更 鼓勵 孩子 多 從事 戶外活動 運動 增強 抵抗力 我 上 禮拜 要到 保養 廠 領 車子 我 就 帶 著 兩 個 小孩 從 家裡 出發 走路 走 了 5 公里 當然 搭 公車 也 到 得了 但 這個 時候 就 是 儘量少 坐 大眾 運輸工具 小朋友 走 著 走 著 就 到 了 也 不嫌 遠 運動 一下 很 好</t>
  </si>
  <si>
    <t>新冠肺炎 武漢肺炎 新型 冠狀病毒 ncp covld- 19</t>
  </si>
  <si>
    <t>世界衛生組織 正式 宣佈 新型 冠狀 肺炎 疫情 定性 為 全球 大 流行 西班牙 法國 和 德國 確診 人數 均 逾 2千 義 大利 政府 更 擴大 封城 措施 至 全國 此外 美國 新冠肺炎 確診 個案 亦 破 千 加上 川普 並 不 積極 採取 預防措施 未來 確診 病例 將 有 進一步 急劇 上升 的 風險 由於 歐美 疫情 似乎 仍未 到頂 預計 將 會 有 更 多 隔離 以及 減少 人 流 的 措施 推出 短期 將 明顯 拖累 經濟 增長 七國集團 會議 聲明 已 承諾 使用 所有 適當 的 政策 工具 包括 財政 手段 以及 貨幣政策 避免 經濟 受 新型 冠狀病毒 影響 繼 3 月初 突然 降息 50 個 基點 後 美國 聯 准會 加大 市場 注資 力度 上 週四 公 佈 將 推出 15 兆 美元 回 購 操作 及 購入 不同 期限 美國 國債 以 提高 市場 流動性 歐洲央行 亦 宣佈 為 銀行 提供 額外 長期貸款 雖然 歐洲央行 和 聯 准會 進一步 注入 流動性 但 全球股市 繼續 出現 恐慌性 拋售 實際上 歐 美政府 未能 採取有效 措施 應對 疫情 損害 投資者 的 信心 目前 的 美 股 波動 已經 升至 過去 30 年 除 2009 年 金融危機 外 的 最高 水準 標 普 500 指數 現價 跌 至 預期 本益比 15 倍 而 英國 和 德國 股市 更 跌 至 11 倍 市場 極度 超 賣 投資者 正 期待 歐洲和 美國政府 推出 大規模 的 財政 刺激 計 畫 以 穩定 經濟 增長 板塊 方面 建議 投資者 趁 目前 調整 買入 龍頭 科技 股 其中 阿裡巴巴 09988 -hk 表示 集團 旗 下 的 快遞 和 外 賣 業務 已經 恢復 到 新冠肺炎 爆發 前 的 人員 配置 水準 菜 鳥 受 疫情 影響 數周後 已 回復 運作 而外 賣 業務 餓 了 麼 及 生活用品 盒 馬 亦 回復 全面 營運 預計 阿裡 就 疫情 方面 的 負面影響 將 會 逐步 消化 主要 業務 正步 向 復蘇 預計 利潤 將 在 第二季度 回復 高 增長</t>
  </si>
  <si>
    <t>酒店 女 公關 武漢肺炎 新 形 冠狀病毒 新冠肺炎 ncp</t>
  </si>
  <si>
    <t>新冠肺炎 武漢肺炎 新型 冠狀病毒 covid-19 武漢</t>
  </si>
  <si>
    <t>新型 冠狀病毒 dram nand flash who 智慧 型 手機</t>
  </si>
  <si>
    <t>新冠肺炎 武漢肺炎 新型 冠狀病毒 臺灣 檢疫</t>
  </si>
  <si>
    <t>新冠肺炎 conid- 19 武漢肺炎 新型 冠狀病毒 黃清龍</t>
  </si>
  <si>
    <t>新冠肺炎 武漢肺炎 新型 冠狀病毒 covid-19 瑞士</t>
  </si>
  <si>
    <t>返台 who 新冠肺炎 武漢肺炎 新型 冠狀病毒</t>
  </si>
  <si>
    <t>危機 就是 轉機 當 新型 冠狀病毒 肆虐 人們 紛紛 躲 在 家中 時 各種 應景 的 應用 紛紛 出爐 有鑒於 許多 國家 與 地區 已 有 疫情 傳出 有人 腦筋 動 得 快 想到 以 webxr 應 用 程式 來 追蹤 疫情 由 mit 畢業生 和 xr 策略師 michael dib</t>
  </si>
  <si>
    <t>危機 就是 轉機 當 新型 冠狀病毒 肆虐 人們 紛紛 躲 在 家中 時 各種 應景 的 應用 紛紛 出爐 有鑒於 許多 國家 與 地區 已 有 疫情 傳出 有人 腦筋 動 得 快 想到 以 webxr 應 用 程式 來 追蹤 疫情 由 mit 畢業生 和 xr 策略師 michael dibenigno 創建 的 追蹤 程式 ncov- 2019 tracker 可以 瞭解 有關 病毒 爆發 至 今 的 傳播 地區 與 一些 基本 訊息 基本上 它 與 華爾街日報 最近 發佈 的 2 d 圖形 資料 相同 比較 不同 的 地方 是 如果 用 ar vr 裝置 來 觀看 就 可以 看到 立體 的 圖形 像 華爾街日報 的 圖形 一樣 這款 應用程式 提供 了 疫情 的 時間表 包括 每個 國家 發佈 的 感染 數量 然 用以 一個 可以 轉動 的 3 d 地球儀 和 輔助 的 2 d 圖形 呈現 儘管 用 一般 的 智慧 型 手機 或 桌上型 電腦 也 可以 看到 圖形 但是 只有 用 ar vr 裝 置 才能 看到 強大 的 資料 可視 化 功能 不僅如此 它 還 可以 讓 使用者 瞭解 該 病毒 在 武漢 的 傳播 速度 爆發 的 零點 位置 以及 其 在 週邊 的 傳播方式 這款 跟 程式 是 在 flowimmersive 資料 可視 化 平臺 上 產生 可 幫助 人們 使用 ar vr 裝置 瞭解 資料 的 內容 webxr 則 是 一個 應用程式 介面 api 允許 開發人員 創造 xr 體驗 包括 ar 和 vr 頭 戴 裝置 由於 網頁 跨 平臺 的 特性 所以 不論是 手機 桌上型 電腦 或者 是 ar vr 裝置 如 microsoft hololens 和 magic leap 1 使用者 只 需 打開 支援 webxr 的 流覽器 點選 超 連結 連接 到 網頁 無需 下載 任何 擴充 功能 即可 啟動 xr 體驗 中國 在 此次 冠狀病毒 受害 最深 許多 人 被迫 留在 家中 因此 促進 了 諸如 雜貨店 購物 線 上 學習 甚至 是 線 上 娛樂 等 的 活動 蓬勃發展 而今 連 地產業 也 跟 著 進 中國 房地產 巨頭 恒大集團 在 一 次 線 上 新聞 發佈會 上 表示 三 天 之內 線上 上 已 銷售 了 47500套房 屋 總價值 達 人民幣 580億 元 該 公司 還 表示 現在 有 超過 1000萬 的 人 使用 其 應用程式 進行 線 上 房地產 流覽 與 購買 用戶 可以 與 銷售 顧問 聯繫 並 進行 vr 房屋 參觀 在 中國 問答 網站 知 乎 上 有 關恒 大線 上 促銷 方式 的 問題 日益 流行 吸引 了 超過 300 萬 的 觀看 次數 而 根據 新華社 報導 包括 萬科和 中國保利集團 在內 的 其他 房地產 巨頭 也 紛紛 跟進 加強 了 線 上 服務 它們 讓 銷售 人員 設置 直播 方便 看 屋 並且 可以 隨時 回應 客戶 詢問 在 疫情 尚未 好轉 之際 ar vr 不啻 是 滿足 顧客 需求 的 一個 出海口</t>
  </si>
  <si>
    <t>進入 秋季 新冠肺炎 疫情 蠢蠢欲動 民眾 一面 搶 打 流感疫苗 一面 詢問 中藥 保健法 提升 免疫力 安南 醫院 中醫 部 主任 黃 升騰 19 日 提供 中醫 保健 的 綜合性 預防措施 提醒 中藥 預防 不是 萬靈丹 避免 與 新冠 病患者 接觸 是 預防 傳染 最佳 方式 新冠肺炎 蔓延 世界各地 據 疾 管署 統計 至 10 日 為止 累計 187 國家 地區 共 2796萬745 例 確診 病例 其中 90萬6790 例 死亡 專家 預言 日後 新型 冠狀病毒 將 跟 流感 一樣 與 人類 共處 臺灣 民眾 正 搶 打 流感疫苗 搶 不到 疫苗 接種 的 民眾 轉而 尋求 中醫 保健 方法 安南 醫院 19 日 提供 4 種 中醫 保健 方式 黃 升騰 表示 秋冬 來臨 民眾 須先 注意 保暖 多 喝 溫 開水 少 吃 寒涼 食品 他 提到 溫水 洗 臉 多 漱口 熱 水泡 腳 這 3 種 做法 皆 有 增強 上呼吸道 防禦 功能 兼有 消除 疲勞 等 作用 對 預防 冠 狀 病毒感染 有 一定 的 助益 黃 升騰 認為 嚼 薑 吃 蒜 是 提高 免疫力抗 病毒 的 效用 根據 本草綱目 記載 大蒜 能 辟 邪惡 消 癰 腫 具有 殺菌 消炎 抗 病毒 增強 機體 免疫 功能 等 作用 也 可以 常 嚼 一些 嫩 薑 茶葉 進行 口腔 消化道 的 殺菌 消毒 黃 升騰 主任 強調 中藥 預防 不是 萬靈丹 最 重要 的 是 避免 與 新冠 病 患 接觸 如 曾 接觸 過 病 患 適當 服用 中藥 預防 處方 能 增強 自體 抗病 能力</t>
  </si>
  <si>
    <t>美國 聯 准 會前 主席 葛林 斯潘 週一 17 日 發文 稱 美國 應對新冠肺炎 疫情 失敗 可能 破壞 其 經濟 復蘇 並 使 美國 在 爭奪 全球 霸權 的 長期鬥爭 中 處於 競爭 的 劣勢 他 表示 美國 未 能 有效 地 限制 新型 冠狀病毒 的 傳播 使 它 的 經濟 復蘇</t>
  </si>
  <si>
    <t>美國 聯 准 會前 主席 葛林 斯潘 週一 17 日 發文 稱 美國 應對新冠肺炎 疫情 失敗 可能 破壞 其 經濟 復蘇 並 使 美國 在 爭奪 全球 霸權 的 長期鬥爭 中 處於 競爭 的 劣勢 他 表示 美國 未 能 有效 地 限制 新型 冠狀病毒 的 傳播 使 它 的 經濟 復蘇 之路 更加 惡化 並為 大陸 成為 世界 主要 超級大國 打開 了 大門 葛林 斯潘 於 advisors capital management 撰寫 的 文章 中 表示 美國 有時 看起來 已 迷失方向 疫情 危機 對 美國 在 全球 的 主導地位 構成 了 真正 的 威脅 反觀 大陸 在 擴展 經濟 方面 持續 取得 成功 包括 率先 在 疫情 中 復蘇 過來 他 說 病毒 在 美國 的 重新 流行 威脅 著 我們 的 經濟 復蘇 隨 著 世界 上 兩 個 最 大 經濟體 之間 政治 緊張局勢 的 加劇 由此 產生 的 平衡 力量 仍 不 明確 但 日益 受到 人們 的 關注 葛林 斯潘 說 美國 未 能 有效 應對新冠肺炎 危機 爆發 只 會 削弱 其 競爭 地位 疫情 在 美國 的 死灰復燃 可能 阻礙 經濟復原 美國 在 創造 未來 所有 行業 中都 處於 領先地位 例如 人工智慧 機械人 技術 無人駕駛 汽車 及 金融 業 儘管 美國 存在 民粹主義 問題 但 其 擁有 相對 穩定 的 政治制度 他 認為 美國 需要 找到 解決 阻礙 增長 的 問題 的 政治 意願 包括 政府 在 福利 項目 上 的 支出 失控 並 檢討 相關 的 法規</t>
  </si>
  <si>
    <t>隋棠 溫升豪 新冠肺炎 武漢肺炎 新型 冠狀病毒</t>
  </si>
  <si>
    <t>生產 口罩 武漢肺炎 新冠肺炎 新型 冠狀病毒</t>
  </si>
  <si>
    <t>新冠肺炎 武漢肺炎 新型 冠狀病毒 臺灣 據點</t>
  </si>
  <si>
    <t>新冠肺炎 確診 孟加拉 武漢肺炎 新型 冠狀病毒</t>
  </si>
  <si>
    <t>新冠肺炎 武漢肺炎 新型 冠狀病毒 臺灣 房型</t>
  </si>
  <si>
    <t>16 45 更新 日本首相 安倍晉三 正式 宣佈 東京 等 7 個 都府 縣 進入 緊急狀態 據 日 媒 nhk 共同 社 報導 日本首相 安倍晉 三7 日 在 新型 冠狀病毒感染 症 對策 總部 會議 上 宣佈 東京都 大 阪 府 神 奈川 埼 玉 千 葉 兵 庫 福岡 縣</t>
  </si>
  <si>
    <t>16 45 更新 日本首相 安倍晉三 正式 宣佈 東京 等 7 個 都府 縣 進入 緊急狀態 據 日 媒 nhk 共同 社 報導 日本首相 安倍晉 三7 日 在 新型 冠狀病毒感染 症 對策 總部 會議 上 宣佈 東京都 大 阪 府 神 奈川 埼 玉 千 葉 兵 庫 福岡 縣 等 7 個 都府 縣 進入 緊急狀態 命令 即日起 生效 維持 1 個 月 將 持續 到 5 月 6 日 安倍 呼籲 各 地 民眾 盡可能減少 人 與 人 的 接觸 希望 人 與 人 的 接觸 機會 減少 78 成 安倍 稍晚 將 會 召開 記者會 對外 說明 細節 值得注意 的 是 就 在 日本首相 安倍晉三 對 包括 東京 在 內 等 7 個 都府 縣 宣佈 緊急 事態 宣言 前夕 日本 疫情 最 嚴峻 的 東京 疑 似 爆發 逃難 潮 推特 上 出現 東京 脫出 的 熱門 關鍵字 更 有 報導 指出 東京 近郊 的 渡假 勝地 輕 井 澤 週末 湧現 大量 來自 東京 的 車潮 全國 各地 也 陸續 出現 來自 東京 的 確診 病例 東京 現在 可能 繼承 了 武漢 紐約 的 處境 不受 自己 國人 的 歡迎 綜合 路透社 日本 朝日新聞 報導 日本首相 安倍晉三 預計 今 7 日 對 包括 東京 大 阪 在內 等 7 個 都府 縣 發佈 為期 一個 月 的 緊急 事態 宣言 就 在 宣言 發佈 前夕 今日 上午 推特 上 日本 網友 間 開始 出現 東京 脫出 的 熱門 關鍵字 意思 就 是 逃 出 東京 東京 脫出 some people have evacuated from the city to the countryside individualism does not unite organizations https t co daipyz 0 sw 1 目前 尚 無法 確定 日本 是否 真 的 出現 東京 逃難 潮 不過 媒體 報導 東京都 知事 小池 百合 子 3 月底 頒佈 軟 性 禁 足 令 呼籲 民眾 週末 待 在 家中 減少 出門 後 過去 這 2 個 週末 東京 近郊 的 渡假 勝地 輕 井 澤 確實 湧現 大量 來自 東京 的 車潮 另外 媒體 也 報導 包括 靜岡 佐 賀 等 日本 各地 已 陸續 出現 從 東京 移入 的 確診 病例 並且 在 當地 擴大 感染 日本 官員 紛紛 警告 呼籲 東京 等 城市 居民 克制 留在 東京 因為 他們 離開 的話 將 會 加重 鄉村 地區 的 醫療 負擔 日本政府 冠 狀 病毒 專家 小組 成員 岡部 信 彥 nobuhiko okabe 暫 譯 警告 東京 人 會 散佈 病毒 到 各地 我 呼籲 民眾 忍受 不便 我們 不 應該 急於 離開 日本 網友 也 抗議 指出 鄉村 地區 以 老年 人口 為 主 如果 爆發 疫情 情勢 將 容易 變 得 非常 嚴重 一 名 來自 中部 山梨縣 的 網友 推 文 呼籲 東京 人 克制 指出 他們 的 行為 會 造成 非常 嚴重 的 後果 並且 可能 造成數 百 人 死亡 目前 日本 還 有 47 個 都道 府縣 0 確診 東北 的 岩手 縣 已 在 上周 要求 來自 東京 及 鄰近 2 個 都府 縣 的 民眾 自我 隔離 2 周</t>
  </si>
  <si>
    <t>新冠肺炎 新型 冠狀病毒 武漢肺炎 ncp 臺灣</t>
  </si>
  <si>
    <t>新冠肺炎 武漢肺炎 新型 冠狀病毒 臺灣 菜園</t>
  </si>
  <si>
    <t>防疫 機構 兵 棋 新冠肺炎 疫情 新型 冠狀病毒</t>
  </si>
  <si>
    <t>謝長廷 鑽石 公主 號 旅客 新冠肺炎 新型 冠狀病毒</t>
  </si>
  <si>
    <t>新冠 疫情 止不住 全球 確診 人數 已 突破 1700萬 人 世界衛生組織 who 今天 宣佈 維持 2019 冠 狀 病毒 疾病 為 國際 關注 公共 衛生 緊急事件 pheic 這 是 世衛 宣告 的 第 6 次 公 衛 緊急事件 世衛 秘書長 譚 德塞 tedros adhanom ghebreyesus 表示 毫無疑問 這 是 最 嚴重 的 一 次 而且 疫情 持續 大 流行 中 根據 中央 社 國際 關注 公共 衛生 緊急事件 是 世衛 對 國際 發出 的 最高級 警報 緊急 委員會 每 3 個 月 開會 檢討 取消 或 維持 世衛 過去 曾 5 度 宣佈 國際 關注 公共 衛生 緊急事件 包括 2009 年 的 a 型 流感 病毒 h 1 n 1 2014 年 西非 伊 波拉 病毒 ebola 2014 年 的 小兒麻痹症 2015 年 到 2016 的 茲 卡 病毒 zika 2019 年 剛果民主共和國 的 伊 波拉 病毒 如今 宣告 冠狀病毒 疾病 第 6 次 公 衛 緊急事件 創 歷史紀錄 世衛 緊急 委員會 成員 7 月 31 日 召開 視 訊 會議 各國 專家 檢 視 疫情 最新 變化 做出 最新 建議 呼籲 世衛 與 全球 和 區域 多邊 組織 合作 支援 會員國 維持 健康 服務 並 建議 各國 共同 致力 於 公平 分配 診斷 治療 藥物 及 將來 問世 的 疫苗 世衛 今天 表示 秘書長 譚 德塞 接受 委員會 建議 2019 冠 狀 病毒 疾病 依舊 構成 國際 關注 公共 衛生 緊急事件 pheic 世衛 認為 疫情 需要 長期 應對 強調 各國 區域 及 全球 各 層面 合作 應對 的 重要性 譚 德塞 表示 2019 冠 狀 病毒 疾病 是 世衛 根據 國際 衛生 條例 宣佈 的 第 6 次 國際 關注 公共 衛生 緊急事件 但 毫無疑問 這 一 次 是 最 嚴重 的 且 疫情 仍 在 持續 大 流行 中 他 強調 這 場 疫情 是 百年 難得 一 見 的 健康 危機 其 效應 未來 數 十 年 都 能 感受 得到</t>
  </si>
  <si>
    <t>受 新型 冠狀病毒 covid-19 影響 全國 各級 學校 都延長 寒假 雖然 假期 拉長 但 對 染病 的 擔憂 既定 考試 與 行程 變動 等 不 確定性 因素 還是 引發 部分 家長 及 學生 的 焦慮 尤其 開學 人群 聚集 口罩 購買 不易 恐慌 情緒 容易 交互 渲染</t>
  </si>
  <si>
    <t>受 新型 冠狀病毒 covid-19 影響 全國 各級 學校 都延長 寒假 雖然 假期 拉長 但 對 染病 的 擔憂 既定 考試 與 行程 變動 等 不 確定性 因素 還是 引發 部分 家長 及 學生 的 焦慮 尤其 開學 人群 聚集 口罩 購買 不易 恐慌 情緒 容易 交互 渲染 草屯 療養 兒童 青少年 精神 科 醫師 王雅甄 特 提供 擺脫 開學 防疫 恐慌 症 4 大 撇 步 值得 民眾 參考 王 雅 甄 醫師 表示 焦慮 是 一般 人 常見 的 情緒反應 常會 伴隨 身心 症狀 如 腸胃 脹 氣 腹瀉 或 便秘 心慌 或 胸 悶 身體 緊 繃 頻 尿 莫名 疲倦 等 表現 但 通常 在 壓力 解除 後 焦慮 反應 也 會 跟 著 緩解 如果 長期 處在 各種 壓力 下 焦慮 反應 很 可能 會 演變成 焦慮 症 對 身心 與 生活 反 會 產生 負面影響 不得 不慎 如 持續 超過 6 個 月 也 未 檢查 出 相關 的 生理 問題 就 應 考慮 就診 身心 科 對於 疫情 緊張 時期 王雅 甄 醫師 提供 一 呼 二 放 三 動 四 投 的 放鬆 步驟 供 家長 及學生 參考 王 醫師 表示 偶爾 的 壓力 所 引發 的 焦慮 可 透過 一 呼 二 放 的 腹 式 呼吸 法 肌肉 放鬆 法 從 呼吸 調 息 和 覺察 身體 反應 做起 腹 式 呼吸 法 可 躺 在 舒服 的 空間 輕鬆 閉上 雙眼 將 雙手 放在 腹部 采 鼻 吸嘴 吐 方式 先 從 吐 氣 開始 將 空氣 吐光 同時 雙手 感受 腹部 慢慢 地 下降 吐 氣 完接著 以 鼻子 緩慢 地 將 空氣 均勻 吸 入 同時 雙手 感受 腹部 慢慢 地 鼓 起 一 吐 一 吸 交互進行 持續 練習 約 十分 鐘 肌肉 放鬆 法 則 是 用力 握拳 再 慢慢 放鬆 雙手 平 抬 向前 推 再 放鬆 手肘 向 內 靠近 耳朵 緊 繃 上臂 再 放鬆 及 用力 聳肩 再 放鬆 等 方式 每天 練習 1 2 次 再則 三 動 四 投 是 指 定時 的 運動 與 投入 有 興趣 的 活動 可 依照 個人 喜好 安排 活動 或 遊戲 尋求 人際關係 的 彼此 支持 一 呼 二 放 三 動 四 投 是 由 靜 而 動 動靜 皆宜 很 好 的 紓 壓 之 道 防疫期間 學生 或 家長 都可 善加 運用 王 雅 甄 醫師 也 提醒 民眾 面對 疫情 常因 不 瞭 解 帶來 恐懼 對於 瞭 解 正確 訊息 有助 緩解 擔憂 的 民眾 不妨 認真 研究 政府 公佈 的 資訊 配合 防疫 從中 獲得 樂趣 與 達到 防疫 效能 而 瞭 解 越 多 卻 擔憂 越 多 的 人 建議 只要 知道 防疫 重點 平時 做 好 生活 規劃 減輕 生活 腳步 被打亂 的 機會 就 可 減少 焦慮 症 上 門 若 民眾 緊張 和 焦慮 甚至 驚恐 的 狀態 越來越 嚴重 建議 民眾 至 醫院 身心 科 門診 接受 評估 與 治療</t>
  </si>
  <si>
    <t>據 湖北 黃石市 黃石港區 紀檢 監察部門 7 日 通報 2 月 2 日 晚 黃石港區 新閘社區 計生 專幹 程繽漫 向 新閘社區 書記 陳亞麗 通電話 提出 辭職 未說明 辭職 原因 經陳 亞 麗 勸說 程繽漫 仍 執意 辭職 面對 嚴峻 的 疫情 防控 工作 在 社區 人員 力量 不足 情況 下 程繽漫 臨危 退縮 臨陣脫逃 造成 不良影響 6 日 黃石港 街道 給予 程繽漫 責令 辭職 處理 同在 2 月 6 日 黃石港區 覆盆山社區 民政 專幹 陳 茜瑤 被 責令 辭職 據 通報 黃石港區 覆盆山社區 民政 專幹 陳 茜瑤 從 1 月 24 日 至 2 月 2 日 連續 1 日 無故 脫崗 未辦理 請假 手續 與 社區 街道 失 聯 被 黃石港 街道 通報 批評 後 陳茜瑤 於 2 月 3 日 到 社區 正常 上班 於 2 月 4 日 通過 微信 向 覆盆山社區 書記 葉軍 華 提出 辭職 申請 經 社區 書記 勸說 仍 一意孤行 最新 資料 顯示 截至 2 月 13 日 24 時 黃石市 累計 確診 新型 冠狀病毒感染 943 例 死亡 11 例</t>
  </si>
  <si>
    <t>今 19 中央 疫情 指揮中心 記者會 上 再度 宣佈 新 增 8 名 新冠肺炎 確診 病例 其中 有 7 位 是 境外移入 1 例 本土 案例 目前 累積 一共 累積 108 位 確診 由於 近幾日 新型 冠狀病毒感染者 不斷 上升 台 大公 衛系 院長 詹長權 表示 中央 應該 要</t>
  </si>
  <si>
    <t>今 19 中央 疫情 指揮中心 記者會 上 再度 宣佈 新 增 8 名 新冠肺炎 確診 病例 其中 有 7 位 是 境外移入 1 例 本土 案例 目前 累積 一共 累積 108 位 確診 由於 近幾日 新型 冠狀病毒感染者 不斷 上升 台 大公 衛系 院長 詹長權 表示 中央 應該 要 宣佈 已 進入 社區 傳播 階段 不過 指揮官 陳時中 認為 還 沒有 達到 這 條件 不能 說是 社區 傳染 陳時中 表示 根據 社區 傳播 的 定義 是 本土 病例 多於 境外 病例 原本 臺灣 可能 接近 達到 社區 傳染 的 要件 但 近日 境外移入 案例 暴 增 讓 臺灣 也 暫時 不 會 宣佈 社區 傳播 不過 陳時中 表示 儘管 尚未 宣佈 社區 傳播 也 不敢 大意 還是 要 戰戰兢兢 面對 疫情 他 在 記者會 上 提到 未來 2 周是 防疫 關鍵 除了 加強 檢疫 外 目前 的 醫療 量 能 依照 都還 足夠 支撐 確診 人數 自從 3 月 15 日 到 19 日 我國 新冠肺炎 確診 數 狂 增 45 例 其中 境外移入 確診 數 為 42 例 境內 本土 感染 有 3 例</t>
  </si>
  <si>
    <t>北京市 疫情 防控 領導 小組 5 日 在 市 新型 冠狀病毒 肺炎 疫情 防控 工作 新聞 發佈會 通報 對 高風險 地區 進入 返回 北京 人員 一律 實施 14 天 集中 觀察 和 7 天 健康 監測 對 中 風險 地區 已 來 返 京 人員 一律 實施 14 天 居家 觀察 和 7 天 健康</t>
  </si>
  <si>
    <t>北京市 疫情 防控 領導 小組 5 日 在 市 新型 冠狀病毒 肺炎 疫情 防控 工作 新聞 發佈會 通報 對 高風險 地區 進入 返回 北京 人員 一律 實施 14 天 集中 觀察 和 7 天 健康 監測 對 中 風險 地區 已 來 返 京 人員 一律 實施 14 天 居家 觀察 和 7 天 健康 監測 不 具備 居家 觀察 條件 的 一律 實施 集中 觀察 對 有 病例 發生 地區 的 所在地 市 全域 來 返 京 人員 按 要求 進行 核酸 檢測 並 實施 14 天 健康 監測 此外 對於 社區 村 非 生活必需 的 棋牌 室 麻將室 娛樂 室 等 密閉 活動場所 要 應 關盡 關 暫停 開放 北京市 5 日 召開 第 232 場 新冠肺炎 疫情 防控 新聞 發佈會 市 疫情 防控 領導 小組 社區 防控 組 辦公室 成員 市 党的建設 研究所 所長 王大廣 介紹 北京 對 大陸 來 返 京 人員 社區 村 健康 管理 有關 政策 進行 了 優化 和 升級 一 凡 有 病例 發生地 市 全域 進 返 京 人員 或 通過 各種管道 得知 自己 可能 是 密切接觸 者 次 密切接觸 者 以及 其他 風險 人群 的 進 返 京 人員 請 務必 第一時間 主動 向 所在 社區 村 單位 居住 賓館酒店 報告 自覺 接受 健康 管理 二 對 高風險 地區 已 進 返 京 人員 一律 實施 14 天 集中 觀察 和 7 天 健康 監測 集中 觀察 期間 應 嚴格 遵守 集中 觀察 點 的 各項 管理 規定 配合 做 好 核酸 檢測 和 健康 監測 避免出現 交叉 感染 三 對 中 風險 地區 已 進 返 京 人員 一律 實施 14 天 居家 觀察 和 7 天 健康 監測 不 具備 居家 觀察 條件 的 一律 實施 集中 觀察 居家 觀察 期間 應 嚴格 遵守 居家 觀察 有關 要求 做 好 家庭 防護 做到 足不出戶 凡 違反規定 擅自 外出 的 一律 轉至 集中 觀察 點 進行 集中 觀察 引起 疫情 傳播 或者 造成 傳播 風險 的 要 依法追究 法律責任 四 對 有 病例 發生 地區 的 所在地 市 全域 進 返 京 人員 按 要求 進行 核酸 檢測 並 實施 14 天 健康 監測 必要 時 疾 控 部門 還 將 根據 相關 地區 實際 風險 情況 確定管控 時間 和 範圍 動態 調整 防控 措施 將 根據 最新 要求 更新 社區 管控 措施 五 凡 被 確定 為 次 密切接觸 者 的 除 本人 按 規定 進行 隔離 觀察 外 共同 生活 和 工作 的 人員 按 規定 進行 閉環 管理 不得 參加 任何 聚集 性 活動 其中 對 居住 在 社區 村 的 人員 一般 實施 7 天 健康 監測 六 進行 社區 健康 監測 的 進 返 京 人員 要 密切 關注 自身 及 共同 生活 人員 健康狀況 如 出現 發熱 乾咳 乏力 等 可疑 症狀 應 及時 向 所在單位 和 社區 村 報告 並 佩戴 口罩 就近 到 發熱 門診 就醫 七 上述 居家 觀察 集中 觀察 健康 監測 的 期限 自 離開 風險 地區 或 離開 新冠 病毒感染者 密接 者 等 人員 之日起 算 八 進一步 嚴格 社區 村 聚集 性 公共場所 掃 碼 登記 預約 限流 佩戴 口罩 等 防疫 措施 對於 社區 村 非 生活必需 的 棋牌 室 麻將室 娛樂 室 等 密閉 活動場所 要 應 關盡 關 暫停 開放</t>
  </si>
  <si>
    <t>新冠肺炎 新型 冠狀病毒 武漢肺炎 covid-19 鐵腕 執法</t>
  </si>
  <si>
    <t>美國 針對 2019 冠 狀 病毒 疫情 而 提出 的 9000億 美元 振興 方案 因 聯邦 準備 理事會 放款 規定 而 引爆 爭議 導致 始終 擱置 不 前 不過 美 參議員 在 19 日 連夜 挑 燈 協商 後 已 突破 障礙 並 達成協議 最 快 20 日 國會 就 可 表決 該案 根據 國會 領導人 妥協 計畫 紓困 方案 將 為 大多數 美國 民眾 提供 每週 300 元美金 的 臨時 失業 補助金 以及 600 美元 的 經濟 振興 金 此外 疫情 紓困 方案 將 附加 到 14 兆 美元 約 新 台幣 395 兆 元 的 支出 法案 中 而 該 法案 讓 政府 可 應付 各項 計畫道 2021 年 9 月 參議院 民主黨 領袖 舒默 19 日 表示 如果 事情 照 現有 節奏 發展 20 日 就 能 順利進行 投票表決 雖然 杜美 一派 雲淡風輕 但 事實上 協商 過程 中 卻 和 賓州 共和黨 議員 杜美 針鋒相對 杜 美 堅持 紓困 方案 必須 明定 聯邦 準備 理事會 在 2020 年 12 月 31 日後 不能 持續 提供 緊急 貸款 給 小企業 州 與 地方 政府 但 民主黨人 駁斥 這 根本 管太寬 不但 讓 聯 准會 綁 手 綁腳 甚至 限制 即將 上臺 的 拜登 政府 影響 其 振興 經濟 的 能力 據 3 月 通過 的 新型 冠狀病毒 援助 救濟 和 經濟 安全法 cares act 相關 貸款 12 月 31 日 將 屆期 杜 美 則 反駁 其 提案 並非 對 美聯儲 緊急 貸款 授權 的 權力 進行 全面 改革 不過 杜美 最終 點頭 除去 其 提案 中的 籠統 措辭 以免 阻止 聯 准會 主席 未來 建立 類似 措施 國會 助理 更 表示 妥協 內容 即將 完成 疫情 紓困 案 距離 達成 最後 協定 僅剩 一步之遙 不過 如果 投票 於 20 日 晚上 登場 委員 們 很 難 完全 閱讀 並 理解 法案 全文</t>
  </si>
  <si>
    <t>紓困 方案 新冠肺炎 冠狀病毒 聯邦 準備 理事會 經濟 振興</t>
  </si>
  <si>
    <t>大陸 新型 冠狀病毒 簡稱 新冠肺炎 疫情 持續 延 燒 恐 將 影響 美國 的 gdp 國際 學生 為 美國 各 大學 收入 的 重要 來源 新型 肺炎 疫情 在 大陸 各地 爆發 一些 國家 先後 發佈 具 針對性 的 旅行 禁令 導致 許多 大陸 學生 被 困 在 國內 無法 返</t>
  </si>
  <si>
    <t>大陸 新型 冠狀病毒 簡稱 新冠肺炎 疫情 持續 延 燒 恐 將 影響 美國 的 gdp 國際 學生 為 美國 各 大學 收入 的 重要 來源 新型 肺炎 疫情 在 大陸 各地 爆發 一些 國家 先後 發佈 具 針對性 的 旅行 禁令 導致 許多 大陸 學生 被 困 在 國內 無法 返回 就讀 的 國外 學校 少掉 來自 大陸 的 生源 校方 財政 即 將 面臨 吃緊 甚至 可能 進一步 波及 美國 的 gdp 為此 緊張 的 不單是 美國 澳洲 新南 威爾斯 大學 unsw 亦 表示 該校 仍 滯留 海外 的 1萬 名 大陸 留學生 可 申請 於 6 月 開學 我們 期待 他們 在 第二 學期 加入 我們 在 不 犧牲 教育 品質 的 基礎 上 學校 已 決定 將 不為 這 群 大陸 留學生 提供 短期 的 網路 課程 2018 年 逾 36萬陸 生 留 美 由於 國際 學生 學費 歸類 為 美國 的 出口 學費 下降 可能 讓 美國 的 gdp 受 影響 美國 國際 教育 工作者 協會 曾 指出 2018 年 國際 學生 共計 為 美國 經濟 貢獻 達 390億 美元 大陸 國 教育部 的 最新 資料 顯示 2018 年 至 海外 求學 的 大陸 學生 人數 達到 662萬 按照 國際教育協會 的 統計數字 當中 超過 36萬 人 在 美國 學習 以 伊利諾大學 香檳 分校 為 例 財務 方面 即 相當 依賴 大陸 學生 的 學費 為此 甚至 購買 一 份 保險 保障 該校 不受 政治事件 簽證 問題 或 健康 問題 導致 大陸 學生 入學率 驟降 的 影響 澳洲 至少 損失 50億 美元 美國 教育 理事會 負責 全球 事務 的 副 主席 布拉德 法恩斯沃思 指出 美國 的 大學 一般 在 美國 實施 旅行 限制 前 即 開學 大多數 大陸 留學生 已 返回 美國 的 校園 但 如果 限制 持續 數 月 今年 秋季 入學 可能 會 受到 影響 加拿大 澳洲 的 大學 同樣 也 依賴 國際 學生 為 兩 國 的 經濟 挹注 數 十億 美元 並 創造 數 十萬 個 就業機會 2018 2019 學年 國際 學生 對 澳洲 經濟 的 貢獻 約 250億 美元 大陸 學生 為 加拿大 澳洲 最 大宗 的 國際 學生 族群 在 加拿大 占 1 3 澳洲 則近 半 新冠肺炎 疫情 擴散 適逢 澳洲 大學 暑假 農曆 春節 大陸 留學生 大都 返國 與 親人 團聚 2 月 1 日 澳洲政府 宣佈 禁止 過去 14 天內 自 大陸 出境 或 過境 者 進入 澳洲 一半 以上 為數 約 10萬 人 的 中國 留學生 未能 返回 澳洲 據 估計 澳洲 的 大學 英語 語言 學院 等 可能 至少 損失 超過 50億 美元 unsw 副 校長 ian jacobs 表示 若 大陸 學生 無法 在 2 月 28 日前 返校 可 申請 於 6 月 開學</t>
  </si>
  <si>
    <t>新冠肺炎 武漢肺炎 新型 冠狀病毒 臺灣 職棒</t>
  </si>
  <si>
    <t>黃偉哲 新冠肺炎 武漢肺炎 covid-19 新型 冠狀病毒</t>
  </si>
  <si>
    <t>新冠肺炎 conid- 19 武漢肺炎 新型 冠狀病毒 莊競 程</t>
  </si>
  <si>
    <t>因 受 新型 冠狀病毒 肺炎 疫情 影響 澳門地區 現 已 升級 為 橙色 旅遊 警示 並且 建議 旅客 避免 非必要 之 旅 行 為 回應 現行 主管機關 針對 澳門 采 加強 防護 措施 臺灣 虎 航 4 月 往返 澳門 航班 將 取消 台虎 2020 年 4 月 1 日 起至 2020 年 4 月 30 日</t>
  </si>
  <si>
    <t>因 受 新型 冠狀病毒 肺炎 疫情 影響 澳門地區 現 已 升級 為 橙色 旅遊 警示 並且 建議 旅客 避免 非必要 之 旅 行 為 回應 現行 主管機關 針對 澳門 采 加強 防護 措施 臺灣 虎 航 4 月 往返 澳門 航班 將 取消 台 虎 2020 年 4 月 1 日 起至 2020 年 4 月 30 日 桃園 澳門 台中 澳門 高雄 澳門 之 往返 航班 全數 取消 針對 上述 航班 取消 而 影響 之 旅客 臺灣 虎 航 將 直接 退費 至 訂單 中 原始 之 付款 帳 戶內 旅客 不須 進線 至 客服 中心 確認 亦 不 需 填寫 任何 表 單 謹 提醒 退款 作業 約 須 4 周 工作 天將 退 至 髮卡 銀行 端 後續 相關 退款 時程 請 逕自 與 髮卡 銀行 聯繫 它 航 機票 若 涉及 臺灣 虎 航 航 段 仍 須 依照 它 航 作業 辦法 規定 辦理 如 原始 購票 非 透過 臺灣 虎 航 官網 購票者 退票 款 請 逕 洽 原 開票 旅行社 或 開票 平臺 洽 詢</t>
  </si>
  <si>
    <t>武漢肺炎 新型 冠狀病毒 新冠肺炎 日本 東京</t>
  </si>
  <si>
    <t>為 避免 新型 冠狀病毒 肺炎 covid-19 疫情 假 訊息 以訛傳訛 特別是在 昨日 確認 國內 出現 首例 死亡 個案 後 更 應 密切注意 防疫 假 訊息 散播 造謠 企圖 引起 社會 大眾 不安 同時 強化 打擊 囤積 口罩 等 防疫 物資 警政署長 陳 家 欽 特別 於 昨</t>
  </si>
  <si>
    <t>為 避免 新型 冠狀病毒 肺炎 covid-19 疫情 假 訊息 以訛傳訛 特別是在 昨日 確認 國內 出現 首例 死亡 個案 後 更 應 密切注意 防疫 假 訊息 散播 造謠 企圖 引起 社會 大眾 不安 同時 強化 打擊 囤積 口罩 等 防疫 物資 警政署長 陳 家 欽 特別 於 昨日 17 日 到 刑事 局 召開 查 察 防疫 假 訊息 專案 檢討會 議 並 強調 對於 一切 亂 傳 的 假消息 絕對 嚴辦 不 姑息 陳 家 欽 首先 對 刑事 警察局 近期 嚴查 速辦 散佈 假 訊息 疫情 哄抬 囤積 防疫 物資 案件 表達 肯定 與 慰勉 之 意 並 親自 蒞臨 主持 專案 檢討會 議 會 中 特別 提醒 同仁 在 執勤 時 要 注意 自身 安全 防護 保護 自 已 才能 保護 國人 另外 聽取 刑事 警察局 專案 報告 假 訊息 查處 情形 並 指示 查處 重點 及 方向 如一 查獲 就 立即 對外 說明 以 降低 擴散 遏制 不法 刑事 局 統計 1 月 23 日 至 昨日 止 警方 已 偵 辦 散佈 新型 冠狀病毒 疫情 假 訊息 72 件 移送 43 件 64 人 另外 針對 近日 網路 謠傳 國內 有數 百 人 感染 新冠肺炎 致死 的 不實 訊息 刑事 局 已 積極 偵 辦 中 呼籲 民眾 勿 造謠 觸 法 更 多 ctwant 報導</t>
  </si>
  <si>
    <t>臺灣 企盼 已久 的 首 批 新冠 疫苗 終於 到手 了 今日 上午 自 韓國 運送 抵 台 的 20萬 劑 astrazeneca 疫苗 按照 疫情 指揮中心 預定 的 時程 將 在 一 周 內 開 打 az 到底 是 何種 類型 的 疫苗 接種 後會 產生 哪些 副作用 第一 二 劑 須 間隔 多久 施打 有 哪些 應 注意 禁忌 中 時 新聞網 透過 疾 管署 官 網 匯 整出 一 份 完整 的 az 疫苗 懶 人 包 作為 大家 施打 疫苗 前 參考 疾 管署 官 網 指出 新冠肺炎 astrazeneca 疫苗 是 一 種 含有 可 表現 新型 冠狀病毒 棘 蛋白 s protein 的 腺病毒 載體 之 疫苗 用於 預防 新冠肺炎 感染 可 避免 因 新冠肺炎 感染 引起 的 嚴重 併發症 此 疫苗 目前 已 通過 世界衛生組織 who 歐盟 等 其他 先進 國家 及 我國 緊急 授權 使用 目前 優先 施打 對象 為 第一 線醫護人員 az 疫苗 在 保存 條件 上 具有 優勢 其 冷 儲 條件 只 須 在 2 8 c 冷藏 儲存 不須 要 特別 的冷鏈 系統 在 接種 的 劑量 及 間隔時間 方面 目前 依據 疫苗 仿單 的 適用 接種 齡 為 18 歲 以上 接種 劑量 為 05 ml az 疫苗 的 分 2 劑 接種 目前 依 who 建議 az 的 接種 間隔 為 8 至 12 周 衛福部 傳染病 防治 諮 詢 會 預防接種 組 acip 則 建議 間隔 施打 至少 要 8 周 以上 對於 民眾 關心 的 疫苗 安全性 及 保護 效果 疾 管署 指出 az 疫苗 不含 可 複製 的 sars-cov- 2 新型 冠狀病毒 顆粒 不 會 因為 接種 本 疫苗 而 感染 新冠肺炎 另外 依據 目前 臨床 試驗 結果顯示 此 疫苗 接種 完成 2 劑 間隔 12 周 保護 力可達 824 627 917 並 可 降低 新冠肺炎 傳播 率 達 67 並且 能 有效 預防 因 新冠肺炎 感染 而 造成 的 嚴重 併發症 疫苗 的 保護 效果 則 視 接種 對象 的 年齡 或 身體狀況 而有 不同 差異 疫苗 接種 時 仍 有 禁忌 須 注意 對於 疫苗 成分 有 嚴重 過敏 反應 史 或 對於 先前 接種 之 疫苗 劑 次 發生 嚴重 過敏 反應 者 應 不予 接種 而 在 接種 過程 中 也 5 個 注意事項 要 留意 1 本 疫苗 不得 與其 他 疫苗 同時 接種 目前 依 acip 建議 應 完成 新冠肺炎 疫苗 接種 時程 後 再 接種 其他 疫苗 並 與 其他 疫苗 間隔 至少 28 天 如 小於 上述 間隔 各 該 疫苗 無需 再 補 種 2 本 疫苗 不得 與其 他 廠 牌 交替 使用 若不慎 使用 了 兩劑 不同 新冠肺炎 疫苗 產品 時 不 建議 再 接種 任何 一 種 產品 3 發燒 或 正 患 有 急性 中重度 疾病 者 宜 待 病情 穩定 後 再 接種 4 免疫 功能 低下 者 包括 接受 免疫抑制 劑 治療 的 人 對 疫苗 的 免疫 反應 可能 減弱 尚無 免疫 低下 者 或 正在 接受 免疫抑制 治療者 的 資料 5 目前 沒有 足夠 資料 建議 孕婦 可 常規 接種 新冠肺炎 疫苗 若 自身 為 高 感染 風險 者 或 可能 因 感染 新冠肺炎 導致 嚴重 併發症 的 情形 可 經 醫師 評估 是否 接種 疫苗 且 請 醫師 告知 民眾 目前 缺乏 孕婦 接種 新冠肺炎 疫苗 之 安全性 資料 接種 新冠肺炎 疫苗 前 不 需 進行 懷孕 篩檢 接種 新冠肺炎 疫苗 後 亦 不 需 避孕 接種 後 2 注意事項 也 要 加以 遵守 為 即時 處理 接種 後 發生率 極 低 的 立即 型 嚴重 過敏 反應 接種 後 應在 接種 單位 或 附近 稍 做 休息 並 觀察 至少 30 分鐘 無恙 後 再 離開 若 有 使用 抗 血小板 或 抗凝 血 藥物 或 凝 血 功能 異常者 施打 後於 注射 部位 加壓 至少 2 分鐘 並 觀察 是否 仍 有 出血 或 血腫 情形 最後 接種 後 可能 發生 的 副作用 反應 及 因應 措施 以下 4 狀況 須進行 相關 處置 1 此 疫苗 接種 後 可能 發生 的 反應 大多 為 接種 部位 疼痛 紅腫 通常 於數 天內 消失 可 適度 冰敷 請勿 揉 抓 接種 部位 2 接種 疫苗 後 可能 有 發燒 反應 38 通常 約 48 小時 可 緩解 其他 可能 反應 包含 疲倦 頭痛 肌肉 酸痛 體溫 升高 寒 顫 關節 痛 及 噁 心 這些 症狀 隨 年齡層 增加 而 減少 通常 輕微 並於 數 天內 消失 3 如有 接種 部位 紅腫 及 硬 塊 發生 膿 瘍 持續 發燒 或 嚴重 過敏 反應 如 呼吸困難 氣喘 眩暈 心跳 加速 全身 紅疹 等 不適 症狀 應盡 速 就醫 並 告知 醫師 曾 接種 疫苗 以 做為 診斷 參考 同時 請 醫師 通報 當地 衛生局 或 疾病 管制 署 4 完成 疫苗 接種 後 雖 可 降低 感染 新型 冠狀病毒 的 機 率 但 仍 有 可能 罹 患 嚴重 特殊 傳染性 肺炎 民眾 還 需 注重 保健 與 各種 防疫 措施 以 維護 身體健康</t>
  </si>
  <si>
    <t>唐鳳 新冠肺炎 武漢肺炎 新型 冠狀病毒 ncp</t>
  </si>
  <si>
    <t>新冠肺炎 covid-19 疫情 期間 為了 讓 使用者 能夠 瞭解 即時 且 正確 的 資訊 微軟 microsoft google 以及 蘋果 apple 三大 巨頭 都 不約而同 推出 了 新冠肺炎 專屬 網站 不僅如此 twitter facebook 等 社 群 平臺 也 都 優化 介面 優先 顯示 在 地 公 衛 機構 的 網站 連結 稍 早 之前 身為 全球 搜尋 引擎 龍頭 的 google 又 針對 新冠肺炎 相關 搜尋 結果 進行 了 介面 優化 期待 可以 協助 使用者 搜尋 到 最 完整 正確 的 相關 資訊 目前 無論是 透過 google 搜尋 的 桌面 端 或是 手機 端的 網頁 進行 新冠肺炎 相關 關鍵字 的 搜尋 都會 主動 呈現 固定 的 新冠肺炎 警示 欄 位 以 桌面 端 為 例 搜尋 畫面 左邊 會 呈現 固定 的 covid-19 警示 區塊 並且 提供 總 覽 症狀 預防 方法 統計資料 的 選項 點選 後 可以 快速 搜尋 症狀 預防 方法 等 右側 的 知識 圖譜 面板 則 會 顯示 目前 全球 新冠肺炎 疫情 地圖 還 有 以 確診 數 排序 的 資料 並且 在 全球 確診 數 下方 就 呈現 了 臺灣地區 的 確診 數 搜尋 結果 很 直觀 且 如果 持續 往 下 滾 動 網頁 只要 沒有 離開 第一 頁 的 搜尋 介面 左側 的 新冠肺炎 警示 就 會 持續 存在 在 google 搜尋 手機 端 搜尋 新冠肺炎 的話 也 會 呈現 類似 的 資料 當然 因為 手機 顯示 介面 較 小 無法 容納 過多 資訊 因此 新冠肺炎 總 覽 欄 位 援助 與 資訊 欄 位元 統計資料 等 內容 會 依 序 呈現 且 同樣 在 往 下 滾 動 畫面 時 最 頂端 的 新冠肺炎 警示 欄 位元 都會 持續 存在 且 以 淡 粉紅 的 顏色 顯示 很 具 提醒 效果 以 實際 測試 為 例 上述 優化 搜尋 頁面 的 呈現 方式 凡是 搜尋 新冠肺炎 武漢肺炎 肺炎 covid-19 covid coronavirus 冠狀病毒 sars-cov- 2 等 關鍵字 都 會 呈現 同樣 的 效果 無 一 疏漏 為了 防止 新冠肺炎 疫情 在 全球 持續 蔓延 google 蘋果 以及 facebook 都 不約而同 了 公佈 了 以 大 資料 追蹤 人群 移動 情況 的 資料 結果顯示 如果 人群 降低 移動 頻率 確實 對於 有效 防控 疫情 帶 來 幫助 而 google 與 蘋果 也 破天荒 合作 將 會 共同開發 應用程式 介面 api 來 讓 android 與 ios app 之間 可以 共用 部分 資料 協助 追蹤 曾 與 確診 者 接觸 過 的 使用者 以期 進一步 防控 疫情 擴散 這個 api 預計 5 月 釋出 已經 有 27 個 歐洲 國家 都 表態 有意 使 但是 這項 技術 可能 牽涉到 的 隱私 議題 也 引發 關注 歐盟 方面 將 會 深入 瞭解</t>
  </si>
  <si>
    <t>新冠肺炎 武漢肺炎 新型 冠狀病毒 大陸 牛奶</t>
  </si>
  <si>
    <t>甲魚 新冠肺炎 covid-19 武漢肺炎 新型 冠狀病毒</t>
  </si>
  <si>
    <t>武漢肺炎 新 形 冠狀病毒 新冠肺炎 ncp covid-19 疾 管署 台中 市 警 局 第 三 分局</t>
  </si>
  <si>
    <t>中國 大陸 宣佈 全面 禁食 野生動物 後 引發 龜鱉 養殖業 反彈 對此 中國 農業 農村部 昨天 緊急 發出 通知 將 中華鱉 甲魚 與 烏龜 列入 水生動物 管理 這 也 代表 甲魚 與 烏龜 今後 在 大陸 還是 可以 養殖 食用 據 中央 社 報導 大陸 官方 認定 武漢肺炎 疫情 起源 於 食用 野生動物 中國 13 屆 全國人民代表大會常務委員會 2 月 24 日 表決 通過 一 項 決定 宣佈 將 在 野生動物 保護法 的 基礎 上 擴大 法律 調整 範圍 確立 全面禁止 食用 野生動物 的 制度 深圳人大 常委會 官 網 隔 天 公告 深圳經濟特區 全面禁止 食用 野生動物 條例 草案 徵求意見 稿 祭出 最 嚴 禁食 令 並 在 草案 說明 強調 經 人工 繁育 飼養 的 龜 甲魚 蛇 鳥 昆蟲 等 野生動物 也 具有 不小 的 疫病 傳播 風險 無法 保證 食用 的 安全性 因此 也 將 上述 動物 排除 在 可食用 動物 範圍 之外 但是 官方 這種 一刀切 政策 卻 嚴重 衝擊 相關 水產 的 養殖業 生計 尤其 是 龜 甲魚 牛蛙 這類 餐桌上 常見 的 兩棲動物 是否 也 在 禁止 之列 引發 爭議 與 反彈 報導 引述 中國 經營報 報導 指出 近日 廣東省 龜鱉 養殖 行業 協會 湖南省 龜鱉 產業 協會 杭州市 龜鱉 行業 協會 等 行業 協會 在 網上 發文 呼籲 懇請 深圳市人大常委會 勿 將 龜鱉 列入 禁食 行列 農業 農村部 主管 的 中 國 水產 雜誌社 也 指出 2018 年 大陸 中華鱉 養殖 產量 319萬 噸 產值 逾 人民幣 300億 元 從業人員 幾 十萬 中華鱉 養殖 產業鏈 上下游 總產值 達 數 千億 元 大陸 20 幾 個 省份 都 有 養殖 文章 強調 中國 人工 養殖 食用 龜鱉 已 有 7000 餘 年 的 歷史 根據 目前 龜鱉 類 流行病 調查結果 來看 沒有 從 龜鱉 類 動物 體內 分離 到 冠狀病毒 的 報導 更 沒有 發現 龜鱉 類 水產 動物 與 冠狀病毒 有 任何 直接 聯繫 也 沒有 任何 實驗 可以 證明 冠狀病毒 可 從 龜鱉 類 回傳 至 哺乳動物 對此 大陸 農業 農村部 4 日 緊急 發出 通知 將 中華鱉 烏龜 等 列入 水生動物 相關 名錄 的 兩棲 爬行 類 動物 按照 水生動物 管理 不 列入 全面 禁食 野生動物 的 範圍 內</t>
  </si>
  <si>
    <t>新冠肺炎 武漢肺炎 新型 冠狀病毒 臺灣 漂白 水</t>
  </si>
  <si>
    <t>新冠肺炎 武漢肺炎 新型 冠狀病毒 ncp 台商</t>
  </si>
  <si>
    <t>15 日 大陸 網上 盛傳 武漢 病毒 所 一 名 女性 研究生 為 新冠肺炎 零 號 病人 武漢 病毒 研究所 人員 對 此 回應 稱 可 以 保證 武漢 病毒 所 目前 零 感染 陸媒 新 京 報 報導 15 日 有 一則 關於 武漢 病毒 研究所 一 名 女 研究生 黃燕玲 是 新型 冠狀病毒 肺炎 零 號 病人 的 消息 在 網上 瘋 傳 暗 指 新型 冠狀病毒 的 起源 來自 於 武漢 病毒 研究所 網上 流傳 的 截 圖 顯示 武漢 新冠 病毒 肺炎 的 零 號 病人 是 黃燕 玲 系 武漢 病毒 所 科研人員 2012 年 考入 武漢 病毒 研究所 的 碩士 研究生 而 15 日 晚間 媒體 就 此事 向 大陸 中國科學院 武漢 病毒 研究所 研究員 石正麗 流感 病毒 實驗室 研究員 陳全姣 求證 後 兩 人均 表示 對 病毒 所 是否 有 一 位 名叫 黃燕玲 的 女 研究生 並 不 掌握 但 可以 保證 武漢 病毒 所 目前 無 一 人 感染 新冠肺炎 怎麼 可能 這個 一 看 就 是 假新聞 石 正 麗 說 我 可 以 保證 包括 研究生 在內 我們 所 沒有 一個 人 被 病毒感染 過 我們 所是 零 感染 對於 上述 資訊 陳全姣 也 表示 我們 武漢 病毒 研究所 沒有 一 例 感染 我們 病毒 所 絕對 不是 零 號 報導 說 據 中科院 武漢 病毒 研究所 發 佈 於 2011 年 11 月 4 日 的 2012 年度 推薦 免試 碩士 研究生 擬 錄取名單 公 示 顯示 黃燕玲 系 西南交大 推薦 的 學術性 碩士 網 民 對於 武漢 病毒 所 研究員 的 說法 提出 質疑 稱 如果 連黃燕 玲 此人 的 訊息 都 不能 掌握 如何 保證 沒有 人 被 病毒感染 其他 網下 的 回應 則 表示 把 黃燕玲 找 出來 或 查 就醫 記錄 跟 體內 核酸 就 清楚 了 至少 也 讓 她 現身 但 也 有 網 民 回應 表示 一個 2012 年 入學 的 碩士 不管 是 碩士 還是 轉 博 都 應該 已經 畢業 了 怎麼 可能 扯 到 病毒 這 件 事情 上 另外 頭像 不放 照片 不是 很 正常 嗎 這種 都能 被 人 挖出來 網 民 真的 是 太閑 了 武漢 病毒 研究所 在 新型 冠狀病毒 肺炎 疫情 擴散 之際 研究所 與 疫情 的 關係 一直 是 網上 言論 質疑 的 對象 網上 傳聞 稱 病毒 來源 可能 來自 於 處理 實驗 用 動物 時未按 規定 處理 導致 應 銷毀 的 動物 外流 引發 病毒 流傳 造成 疫情 而 所謂 零 號 病人 正 是 指 在 外界 得知 感染 病毒 患者 之前 的 那位元 不在 記錄 中的 病 患 即 可能 是 被 病毒 研究所 所 方 隱瞞 的 感染者</t>
  </si>
  <si>
    <t>武漢肺炎 新冠肺炎 新型 冠狀病毒 ncp 大陸</t>
  </si>
  <si>
    <t>新冠肺炎 新型 冠狀病毒 臺灣 日本 旅遊 警示</t>
  </si>
  <si>
    <t>新冠肺炎 武漢肺炎 covid-19 新型 冠狀病毒 柯文哲</t>
  </si>
  <si>
    <t>武漢肺炎 新型 冠狀病毒 全球 達美航空 夏威夷 航空</t>
  </si>
  <si>
    <t>新冠肺炎 武漢肺炎 新型 冠狀病毒 臺灣 司機</t>
  </si>
  <si>
    <t>uvc led 消毒 殺菌 應用 多元 且 技術 門檻 較 高 隆達 電子 3698 身為 光電 半導體 解決 方案 提供者 專注 於光 機 電 熱 的 技術 整合 及 產品 創新 也 是 業 界 少數 可 提供 晶粒 封裝 模 組 一條龍 生產 的 led 光源 提供者 近年 也 積極 開發 uvc led 為 滿足 使用者 的 多元 需求 近期 更 推出 多 款 uvc led 新品 pu 35 cl 1 能耗 低 封裝 小 特別 適用於 隨身 型 殺菌 用品 民眾 在外 可 隨時 清潔 不 把 病毒 帶回家 而 pu 35 cm 1 適用於 100 ma typ 13 15 mw 的 強度 能 在 有限 空間 快速 殺菌 可 安裝 在 空氣 清淨機 空調 等 白色 家電 中 是 居家 防疫 不可 缺少 的 利器 隆 達 深耕 led 多年 是 業 界 少數 同時 可 提供 uv 晶粒 封裝 及 模 組 之 全方位 技術 製造商 光電 設計 技術 團隊 可 針對 客戶 需求 開發 客 制 化 產品 新冠肺炎 疫情 在 全球 釀成 極大 恐慌 為 防止 病毒感染 及 散播 人們 格外 重視 殺菌 uv-c 紫外線 已 被 證明 能 消滅 細菌 病毒 黴菌 等 微生物 近期 中國 國家 衛生委員會 針對 冠狀病毒 相關 治療 指南 中 指出 紫外線 將 可 消滅 covid-19 病毒</t>
  </si>
  <si>
    <t>大陸 浙江 寧波市疾控中心 日前 針對 新冠肺炎 感染 案例 進行 特徵分析 其中 發現 1 月 22 日 2 月 22 日 期間 寧波市 累積 的 157 起 確診 個案 中 有 近 9 成為 群 聚 感染 最 大宗 的 群 聚 感染 事件 則 是 來自 1 月 19 日 的 一 場 大型 佛寺 活動 總共 導致 了 67 起 確診 病例 以及 15 個 無 症狀 感染者 該 份 研究 名 為 寧波市 新型 冠狀病毒 肺炎 病例 流行 特徵分析 於 4 月 10 日 刊登 在 預防 醫學 期刊 當中 作者 為 寧波市疾控中心 張棟樑 易波 等 人 該 研究 指出 1 月 22 日 2 月 22 日 期間 寧波市 本地 感染 病例 為 106 起 占 總數 6752 而 首位 確診 病例 是 寧波某 公司財務 人員 曾在 1 月 14 日前 前往 杭州 參加 會議 並 在 當時 與 來自 武漢 的 同事 討論 並 在 1 月 22 日 返回 寧波 被 診斷 感染 新冠 病毒 值得注意 的 是 研究 當中 提到 在 1 月 19 日 舉辦 的 某 場 大型 佛事 集體 活動發生 嚴重 群 聚 感染 致 社區 疫情 暴發 確診 病例 共有 67 例 無 症狀 感染者 15 例 確診 病例 中 男性 17 例 女性 50 例 50 歲 以上 病例 48 例 占 7164 研究 指出 寧波市 1 月 22 日 報告 首例 確診 病例 且為 本地 病例 當日 即 出現 病例 發病 峰值 呈現 本地 病例 和 輸入 病例 共同 流行 趨勢 與 1 月 19 日 那場 大型 佛教 集體 活動 造成 的 聚集 性 感染 進一步 導致 社區 暴發 有關 此外 在 這 段 期間 寧波市 下轄 10 個 縣 市 都 有 確診 病例 數量 居 前三位 的 分別 為 海曙區 69 例 慈溪市 26 例 以及 鄞州區 16 例 占 1019 海曙區 確診 病例 數 主要 與 前述 大型 佛事 集體 活動 導致 的 聚集 性 疫情 所 致 事實上 早 在 2 月 上旬 寧波 官方 就 曾 公告 這 場 佛教 集體 活動 導致 的 聚集 性 疫情 當時 稱 有 25 人 確診</t>
  </si>
  <si>
    <t>武漢肺炎 新冠肺炎 新型 冠狀病毒 臺灣 大陸</t>
  </si>
  <si>
    <t>香港 肺炎 病毒 宿主 冠狀病毒</t>
  </si>
  <si>
    <t>武漢肺炎 新型 冠狀病毒 全球 美國 確診</t>
  </si>
  <si>
    <t>全球 政 經 環境 危機四伏 知名 經濟學家 馬凱 表示 新型 冠狀病毒 肺炎 疫情 可能 拖累 大陸 經濟 無法 保 5 經濟 成長 下滑 20 左右 進而 影響 全球 40 的 經濟 成長 動能 但 他 說 新冠肺炎 疫情 最 快 在 2 月底 獲得 控制 加上 貿易戰 和緩</t>
  </si>
  <si>
    <t>全球 政 經 環境 危機四伏 知名 經濟學家 馬凱 表示 新型 冠狀病毒 肺炎 疫情 可能 拖累 大陸 經濟 無法 保 5 經濟 成長 下滑 20 左右 進而 影響 全球 40 的 經濟 成長 動能 但 他 說 新冠肺炎 疫情 最 快 在 2 月底 獲得 控制 加上 貿易戰 和緩 香港 反 送 中 問題 降溫 英國 脫歐 塵埃落定 因此 判斷 今年 是 好 年 全球 經濟 仍 有 正面 發展 馬凱 在 臺北 經營 管理 研究院 7 日 舉辦 的 世界 經濟 走向 與 台商 對策 論壇 上 表示 大陸 經濟 成長 占 全球 比重 高 達 3 到 4 成 左右 近年 全球 經濟 欲 振 乏力 原因 就 在於 大陸 經濟 成長 下滑 給 全球 經濟 出現 往 下 拖 的 力量 而 開春 至今 新冠肺炎 疫情 延 燒 馬凱 指出 當然 會 拖累 大陸 經濟 出現 保 6 甚至 保 5 危機 但 他 認為 一方面 最近 幾 天 新增 病例 數 放緩 另一方面 大陸政府 封 城 後 向外 傳播 的 狀況 並未 進一步 擴散 尤其 與 大陸 往來 最 密切 的 香港 病例 數 不 超過20 例 再 加上 按照 目前 國際 研發 團隊 研發 藥物 的 速度 疫苗 等 相關 藥品 問世 的 喜訊 很快 就 能 聽見 因此 預測 本月底 疫情 就 能 獲得 控制 大陸 經濟 有 機會 反彈 中 美 貿易戰 告一段落 馬凱更 指出 影響 大陸 經濟 的 另 一個 關鍵 就 是 中 美 貿易戰 過去 市場 各界 提心吊膽 總是 擔憂 關稅 再 增加 新 關稅 課 征 等 但 情況 在 1 月 15 日中 美 正式 簽署 第一 階段 貿易 協定 後 得到 改善 目前 雙方 之間 的 關稅 戰已 從 不斷 升高 到 反 轉 下降 他 說 未來 可能 拉回 大陸 去年 流失 的 投資 從 負 投資 轉正 否極泰來 同時 馬凱 表示 英國 脫歐 1 月 31 號 塵埃落定 後 脫歐 陰霾 消散 可能 造就 一個 更 有 活力 的 英國 並 對 沉寂多年 的 歐盟 形成 鯰魚 效應 使得 歐洲 開始 祭出 相關 措施 刺激 經濟 成長 而 武漢肺炎 意外 使得 香港 群眾運動 降溫 有助於 整體 回歸 理性 對 香港 當然 是 好 的 綜合 這些 因素 馬凱 認為 對 全球 經濟來說 今年 是 個 好 年 此外 馬凱 強調 若 未來 中 美 貿易戰 進一步 反 轉 在 大陸 的 企業 不 需 轉 單 外移 產 線 部分 產 線 就 不外 移 部 分之 前 外移 的 生產線 甚至 會 回大陸 臺灣 失去 這個 助力 將 會 成為 反面 殺傷力 這 是 必須 持續 關注 的 重點</t>
  </si>
  <si>
    <t>新冠肺炎 武漢肺炎 covid-19 新型 冠狀病毒 杜蕾斯</t>
  </si>
  <si>
    <t>新冠肺炎 武漢肺炎 新型 冠狀病毒 臺灣 武漢 包機</t>
  </si>
  <si>
    <t>新冠肺炎 conid- 19 武漢肺炎 新型 冠狀病毒 宜蘭</t>
  </si>
  <si>
    <t>印度 總理 莫迪 narendra modi 週二 對 全國 發表演說 時 宣佈 新冠肺炎 防疫 封鎖 措施 的 實行 期間 將 延至 5 月 3 日 原本 為期 21 天 的 封鎖 措施 訂 於 週二 午夜 解除 莫迪 表示 封鎖 及 其他 社會 疏 離 措施 已 使 國家 受益 儘管 經濟 成本 隨之 而來 印度 必須 遏 阻 新冠狀病毒 擴散 並 採取 更 嚴格 的 措施 防止 疫情 的 新 熱區 出現 莫迪 並 在 演說 中 感謝 印度 人民 雖 忍受 艱辛 但 仍 遵守 封鎖 措施 印度 雖然 已經 封鎖 大部分 國土 但 其 新冠肺炎 感染 病例 仍 大幅 增加 截至 當地 時間 週二 上午 8 時 印度 衛生部門 公佈 10363 名 確診 病例 與 339 名 死亡 病例</t>
  </si>
  <si>
    <t>武漢肺炎 新型 冠狀病毒 全球 伊朗 萬人塚</t>
  </si>
  <si>
    <t>境外 輸入 香港 新冠肺炎 新型 冠狀病毒 covid-19</t>
  </si>
  <si>
    <t>武漢肺炎 新型 冠狀病毒 全球 美國 經濟</t>
  </si>
  <si>
    <t>韓國 中央 防疫 對策 本部 通報 至 今天 淩晨 零 時 2019 年 冠狀病毒 疾病 covid-19 武漢肺炎 確診 病例 達 8565 例 較 18 日 增加 152 例 連同 稍 早 確認 的 病例 死亡 人數 增至 92 例 新增 確診 數 時隔 4 天 又 回到 100 例 以上 其中 109 例 來</t>
  </si>
  <si>
    <t>韓國 中央 防疫 對策 本部 通報 至 今天 淩晨 零 時 2019 年 冠狀病毒 疾病 covid-19 武漢肺炎 確診 病例 達 8565 例 較 18 日 增加 152 例 連同 稍 早 確認 的 病例 死亡 人數 增至 92 例 新增 確診 數 時隔 4 天 又 回到 100 例 以上 其中 109 例 來自 大 邱 97 例 及 慶尚 北 道 12 例 地區 主因 大 邱 一家 療養 醫院 發生 群 聚 感染 至少 有 75 例 確診 使 新增 病例 激增 大 邱市 先前 因 爆發 新 天地 教會 群 聚 感染 一 天內 新增 確診 數 最高 曾達 741 例 的 紀錄 之後 疫情 持續 減緩 但 近期 又 出現 電話 客服 中心 療養 醫院 等 小規模 群 聚 感染 確診 數 再次出現 增加 趨勢 大 邱 市 至今 累計 確診 6241 例 居首 其他 新增 病例 集中 在 首都 圈 首 爾市 12 例 京 畿 道 18 例 其他 地區 蔚山 6 例 忠清北道 全羅北道 各 1 例 檢疫 5 例 韓國 聯合 新聞 通訊社 報導 死亡 病例 截至 淩晨 零 時 較 18 日 增加 7 例 連同 稍 早 確認 的 慶尚 北 道 一 名 81 歲 男性 患者 不治 累計 92 例 解除 隔離 人數 增加 407 例 共計 1947 例 韓國 境內 接受 篩檢 人數 已 超過 30萬 其中 28萬2555 人 為 陰性 1萬5904 人 仍 在 等待 結果 揭曉</t>
  </si>
  <si>
    <t>電子 化學材料 通路商 崇越電 3388 受到 原 物料 價格 下滑 及 中 美 貿易戰 干擾 致使 2019 年 營 收 及 獲利 均 呈現 下滑 2019 年 每股 盈 餘 為 51 元 崇越 電錶 示 今年以來 全球 受到 新冠肺炎 影響 經濟 景氣 目前 全球 市況 仍 存在 諸多 不 確定 因素 公司 將 密切 留意 疫情 對 產業 市場 變化 並 適時 做出 因應 措施 崇 越 電 2019 年 合併 營 收 7772億 元 年 減 9 歸屬 母公司 稅 後 盈 餘 為 376億 元 年 減 189 每股 盈 餘 為 51 元 公司 董事會 通過 每股 將 配發 現金 股息 36 元 以 3 月 3 日 崇 越 電 收盤價 68 元 計算 現金 殖 息率 約 53 崇 越 電通 表示 今年 股息 配 放 率 70 略低於 往年 80 主要 是 考量 目前 全球 受到 新型 冠狀病毒 影響 經濟 景氣 未來 市況 仍 存在 諸多 不 確定 因素 因此 多 保留 一些 現金 部位 以 因應 後續 可能 的 狀況 目前 貿易戰 對 全球 經濟 影響 已 逐步 淡化 矽 利 光 原料 價格 及 供需 狀態 亦 回復 平穩 狀態 但 今年 開春 以來 全球 受到 新冠肺炎 影響 經濟 景氣 其中 以 大陸 最為 嚴重 各地 出現 延遲 暫緩 開工 之 情形 目前 全球 市況 仍 存在 諸多 不 確定 因素 崇越電 將 持續 密切 留意 疫情 對 產業 市場 的 變化 並 適時 做出 因應 措施</t>
  </si>
  <si>
    <t>陳薇 院士 新冠肺炎 疫苗 新冠肺炎 新型 冠狀病毒 covid-19</t>
  </si>
  <si>
    <t>新冠肺炎 武漢肺炎 新型 冠狀病毒 臺灣 敦睦 艦隊</t>
  </si>
  <si>
    <t>光 良 演唱會 新冠肺炎 武漢肺炎 新型 冠狀病毒</t>
  </si>
  <si>
    <t>沈富雄 致死 率 新冠肺炎 武漢肺炎 新型 冠狀病毒</t>
  </si>
  <si>
    <t>吳宇森 新冠肺炎 武漢肺炎 新型 冠狀病毒 ncp</t>
  </si>
  <si>
    <t>新冠肺炎 武漢肺炎 新型 冠狀病毒 covid-19 安倍</t>
  </si>
  <si>
    <t>新冠肺炎 疫情 迅速 擴散 引發 市場 擔憂 全球 經濟 會 受到 衝擊 加上 國際 油價 崩 跌 使 投資人 恐慌 情緒 升溫 亞洲 股市 今天 收盤 全面 重 挫 有鑒於 全球 死於 2019 年 冠狀病毒 疾病 covid-19 武漢肺炎 的 人數 不斷 增加 交易商 紛紛</t>
  </si>
  <si>
    <t>新冠肺炎 疫情 迅速 擴散 引發 市場 擔憂 全球 經濟 會 受到 衝擊 加上 國際 油價 崩 跌 使 投資人 恐慌 情緒 升溫 亞洲 股市 今天 收盤 全面 重 挫 有鑒於 全球 死於 2019 年 冠狀病毒 疾病 covid-19 武漢肺炎 的 人數 不斷 增加 交易商 紛紛 脫手 拋售 風險 較 高 的 資產 轉向 投資 黃金 及 日圓 等 避險 性 資產 這 激勵 黃金價格 和 日圓 匯率 高漲 也 使 美國 國債 殖 利率 跌 至 歷史 低點 雖然 各國 政府 和 中央銀行 陸續 祭出 或 準備 採取 經濟 刺激 措施 肺炎 疫情 擴散 仍 逐漸 對 經濟 造成 巨大 壓力 並 引發 各界 擔憂 會 出現 全球 衰退 危機 全球 最 大 石油 出口國 沙 烏地 阿拉伯 因 與 俄羅斯 在 原油 減產 議題 上 談判 破裂 決定 下調 官方 油價 至 前所未見 的 低點 引發 國際 油價 暴跌 全球股市 也 跟 著 重 挫 國際 油價 暴跌 全球 石油業 者 受 嚴重 衝擊 估計 損失 達 數 千億 美元 gaitame com 研究所 gaitame com research institute ltd 的 神田拓 也 takuya kanda 說 國際 油價 暴跌 且 冠狀病毒 疫情 不斷 擴散 都 引發 各界 擔憂 全球 經濟 存在 下行 風險 亞洲 股市 今天 追隨 歐美 股市 6 日 跌勢 收盤 一 片 慘 綠 東京 股市 重 挫 51 香港股市 挫 跌 42 雪梨 股市 暴跌 73 首 爾 股市 下挫 42 曼谷 股市 重 挫 80 新加坡 股市 收 跌 60 雅加達 股市 重 挫 66 上海 和 臺北 股市 收 跌 30 馬尼拉 威靈 頓 和 吉隆玻 股市 也 全數 收 黑</t>
  </si>
  <si>
    <t>英國 連日 武漢肺炎 確診 病例 暴 增 今天 累計 至 116 例 且 出現 第一 起 死亡 病例 但 調查 訪問 1618 名 醫護人員 有 99 認為 英國 公立 醫療 體系 國家 醫療保健 服務 nhs 沒 準備 好 英國 的 2019 年 冠狀病毒 疾病 covid-19 武漢 肺</t>
  </si>
  <si>
    <t>新冠肺炎 武漢肺炎 新型 冠狀病毒 covid-19 艾瑞克 川普</t>
  </si>
  <si>
    <t>新冠肺炎 covid-19 武漢肺炎 新型 冠狀病毒 王國材</t>
  </si>
  <si>
    <t>微軟 26 日 週三 盤後 警告 由於 新冠肺炎 疫情 蔓延 使 供應 鏈 受阻 本 季 負責 windows 事業 的 個人 運算 部門 營 收 將 低於 預期 這 是 繼 蘋果 之後 又 一家 因 大陸 疫情 衝擊 供應 鏈 而 發佈 財 測 預警 的 科技 巨擘 受 此 拖累 微軟 周 早 盤 開盤 跌 逾 4 報 16319 美元 尖 牙 股 faang 亦 全面 重 挫 微軟 發表 聲明 提及 雖然 windows 需求 一 如 我們 預期 的 強勁 但 供應 鏈 重返 正常 運作 的 速度 比 之前 預期 更慢 該 公司 指出 surface 裝置 windows 等 產品銷售 受 打擊 的 程度 比 預估 嚴重 微軟 表示 本 會計年度 第 3 季 1 到 3 月 個人 運算 部門 營 收 將 無法 達到 先前 預測 的 1075億 到 1115億 美元 微軟 未 提供 最新 預測 資料 該 部門 負責 業務 包括 windows 軟 體 surface 平板 電腦 等 上 季 合計 約 占 微軟 營 收 的 35 蘋果 17 日 美 股 盤 後 開出 第一槍 宣佈 因 新冠肺炎 爆發 波及 iphone 大陸 產能 影響 全球 供貨 及 打擊 大陸 對 蘋果 產品 的 需求 本 季 營 收 無法 達到 原 估 區間 630億 至 670億 美元 成為 美國 首家 受 疫情 影響 而 公告 獲利 預警 的 重量級 大型 企業 此 一 消息 讓 全球股市 倒 成一片 微軟 是 第二 家 發佈 財 測 預警 的 市值 逾 1 兆 美元 企業 其他 科技 廠商 也 發佈 預警 紛紛表示 疫情 導致 大陸 部分 廠房 關閉 市場需求 下滑 前景 不 確定性 大 增 繪圖 晶 片 大廠 輝 達 nvidia 本月 指出 疫情 可能 使 本 季 營 收 減少 1億 美元 pc 廠商 惠普 hp 則 稱 企業 更新 至 windows 10 的 計畫 可能 延後 到 接下來 幾 季 此外 因 冠狀病毒 疫情 引發 供應 鏈 中斷 本 季 調整 後 的 每股 盈 餘 減少 008 美元 傑富 瑞 jefferies 分析 師 席爾 brent thill 直言 沒有 人 能夠 倖免 即便 是 地球 上 最 厲害 的 科技 企業 席爾 提及 微軟 更 重要 的 收入 來源 如 office 軟 體 雲端 運算 部門 xbox 遊戲 事業 都 不 包含 在 此次 預警 裡 但 他 也 表示 畢竟 本 季 還有 一個 月 的 時間 情況 也 有 可能 進一步 惡化</t>
  </si>
  <si>
    <t>貝恩 策略 顧問 bain company 出具 報告 指出 受 新冠肺炎 大 流行 衝擊 未來 幾 個 月 全球 精品 銷售額 恐 將 崩 跌 貝恩 顧問 表示 包括 服飾 珠寶 手錶 美 妝 品 與 配件 等 全球 個人 奢侈品 市場 恐 將 在 第二 季 暴跌 約 50 60 新冠狀病毒 去年底 最先 在 中國 湖北省 爆發 迄今 全球 感染 確診 人數 已經 超過 380萬 人 並 導致 逾 26萬9500 人 喪命 為了 防止 疫情 快速 擴大 許多 國家 被迫 關閉 大部分 非必要 商店 並 要求 民眾 盡可能 不要 外出 在 各 地 實施 封城 鎖國 政策 下 國內外 旅遊 亦 已 停 擺 儘管 越來越 多 地方 開始 放寬 封鎖 措施 該 顧問 公司 仍 預測 2020 年 全年 精品 銷售額 將 介於 1800億 歐元 2200億 歐元 約 介於 1950億 美元 2390億 美元 較 2019 年 經 估算 的 2810億 歐元 下滑 20 35</t>
  </si>
  <si>
    <t>新冠肺炎 臺灣 新型 冠狀病毒 上市 證明 原廠 授權</t>
  </si>
  <si>
    <t>美國 的 2019 年 冠狀病毒 疾病 covid-19 病例 不斷 增加 東 西岸 都 出現 確診 患者 白宮 卻 在 此時 承認 國內 缺乏 足夠 的 病毒 檢驗 工具 組 英國廣播公司 bbc 報導 美國 副 總統 彭斯 mike pence 表示 政府 無法 于 這周 達到 發送 1</t>
  </si>
  <si>
    <t>美國 的 2019 年 冠狀病毒 疾病 covid-19 病例 不斷 增加 東 西岸 都 出現 確診 患者 白宮 卻 在 此時 承認 國內 缺乏 足夠 的 病毒 檢驗 工具 組 英國廣播公司 bbc 報導 美國 副 總統 彭斯 mike pence 表示 政府 無法 于 這周 達到 發送 100萬 份 病毒 檢驗 工具 組 的 目標 截至 今天 美國 境內 死於 這種 病毒 的 人數 已 有 12 人 全國 有 20 州 發現 病例 確診 超過 200 例 美國 食品 暨 藥物 管理局 fda 局長 哈恩 stephen hahn 曾在 2 日 媒體 簡報 中 說 這周 之內 將 可 備 妥 近 100萬 份 檢驗 工具 組 但 協調 防疫 事務 的 彭斯 今天 坦承 政府 無法 達成 目標 他 視察 明尼蘇達州 一 座 工廠 時說 我們 現在 沒有 足夠 的 檢驗 工具 來 滿足 預期 會 增加 的 需求 他 晚間 在 華盛頓州 表示 要 確保 檢驗 工具 能 取得 我們 還 有 一段距離 但 彭斯 也 說 下 週末 之前 政府 的 診斷 器材 供應商 將 在 全國 分發 檢驗 工具 組 將 可 供 120萬 名 美國 人 檢驗</t>
  </si>
  <si>
    <t>武漢肺炎 新型 冠狀病毒 全球 鑽石 公主 號 日本</t>
  </si>
  <si>
    <t>新型 冠狀病毒 新冠肺炎 ncp 臺灣 sars</t>
  </si>
  <si>
    <t>新冠肺炎 武漢肺炎 新型 冠狀病毒 臺灣 華航</t>
  </si>
  <si>
    <t>新冠肺炎 武漢肺炎 新型 冠狀病毒 臺灣 沈政男</t>
  </si>
  <si>
    <t>蘇貞昌 新冠肺炎 新型 冠狀病毒 ncp 臺灣</t>
  </si>
  <si>
    <t>新冠肺炎 疫情 導致 英國 籍 鑽石 公主 號 郵輪 成為 國際 間 確診 感染 人數 最 多 的 疫區 荷蘭籍 威士特丹 號 漂流 海上 兩 星期 有鑑於此 義 大利 歌 詩 逹 郵 輸 公司 今天 發聲明 宣佈 取消 旗 下 歌 詩 達 新 浪漫 號 及 歌 詩 達 威尼斯 號 3 月份 從 臺灣 母港 出發 的 所有 航程 並 開啟 相關 退票 款 程式 具有 百年 歷史 的 義 大利 歌 詩 逹 郵輪 公司 表示 目前 新冠肺炎 疫情 狀況 及 相關 地區 的 政策 尚未 明朗 為 顧及 遊客 相關 權益 故 很 遺憾 地 宣佈 取消 從 臺灣 母港 出 的 行程 針對 搭乘 2020 年 3 月 31 日前 出發 航次 的 旅客 全額 退還 船票 及 港務 稅 需要 退票 旅客 可于 即日起 洽 詢 原 訂購 旅行社 並 提供 相關 旅遊 檔 以 處理 後續 退款 事宜 有鑒於 近期 新型 冠狀病毒 肺炎 疫情 的 迅速 發展 為了 保障 全體 遊客 與 工作人員 的 安全 與 健康 歌 詩 達 郵輪 持續 加強 防疫 措施 以 確保 所有 旅客 與 工作人員的 最 大 安全 保障 聲明 中 也 明確指出 在 全球 營運 的 任何 歌 詩 達 郵輪 已 暫停 接收 特定 人士 不論 國籍 登 船 包括 出發 前 14 天內 曾經 出入 途經 或 停留 中國 大陸 香港 澳門地區 的 遊客 及 工作人員 以及 出發 前 14 天內 曾 接觸 已 確診 或 疑 似 感染 新型 冠狀病毒 肺炎 的 旅客 及 工作人員</t>
  </si>
  <si>
    <t>全球 研究 與 創新 論壇 2 月 11 在 日內瓦 開幕 世衛組織 總 幹事 譚 德塞 在 記者會 上 宣佈 將 新 冠狀病毒 命名 為 covid-19 大陸 央 視 新聞報導 此 一 英文 縮寫 象徵 此為 2019 年 發現 的 冠狀病毒 疾病 譚 德塞 表示 選擇 這 一 名稱 是</t>
  </si>
  <si>
    <t>全球 研究 與 創新 論壇 2 月 11 在 日內瓦 開幕 世衛組織 總 幹事 譚 德塞 在 記者會 上 宣佈 將 新 冠狀病毒 命名 為 covid-19 大陸 央 視 新聞報導 此 一 英文 縮寫 象徵 此為 2019 年 發現 的 冠狀病毒 疾病 譚 德塞 表示 選擇 這 一 名稱 是 為 避免 將 此 病毒 與 地域 動物 或 個人 相關聯 消除 歧視</t>
  </si>
  <si>
    <t>新冠肺炎 武漢肺炎 全球 疫情 新型 冠狀病毒</t>
  </si>
  <si>
    <t>新冠肺炎 武漢肺炎 新型 冠狀病毒 臺灣 酒 駕</t>
  </si>
  <si>
    <t>新冠肺炎 conid- 19 武漢肺炎 新型 冠狀病毒 基隆</t>
  </si>
  <si>
    <t>擴散 肺炎 武漢肺炎 新冠肺炎 新型 冠狀病毒</t>
  </si>
  <si>
    <t>新冠肺炎 conid- 19 武漢肺炎 新型 冠狀病毒 全球</t>
  </si>
  <si>
    <t>香港 有 醫學 機構 研究 發現 新冠肺炎 感染 病 患 在 染病 初期 體內 就 已 有 大量 病毒 容易 造成 廣泛 的 感染 該 研究 並 建議 現行 的 檢疫 方法 應 擴大 為 深 喉 唾液 檢測 才能 有效 地 找 出 處於 潛伏期 的 患者 由 香港大學 講座 教授 袁國勇 等 專家 及 瑪麗醫院 專家 組成 的 醫學 研究 團隊 在 醫學期刊 刺針 the lancet 發表 關於 新冠肺炎 的 研究 該 團隊 針對 今年 1 月 22 日 到 2 月 12 日 被 確診 的 患者 進行 研究 其中 發現 患者 在 感染 的 第 1 周 體內 就 有 大量 病毒 不過 不少 個案 初期 症狀 輕微 甚至 完全 沒有 症狀 該 研究 又 發現 有 3 分之 1 的確 診病 患 其 體內 留存 的 病毒 長達 20 多 天 實驗 將 抽 痰 驗尿 以及 糞便 等 檢驗 方式 進行 比較 當中 發現 病毒 抗體 會 在 感染 後 7 至 10 天才 出現 因此 在 發病 初期 以 抽血 驗 抗體 的 方法 可能 出現 假 陰性 而 唾液 則 含有 大量 的 病毒 研究 團隊 認為 以 唾液 檢驗 的 成效 最佳 建議 推廣 該 研究 也 指出 年長 的 確診 病 患 體內 是 平均值 的 10 倍 之 多 治療 方式 必須 因應 病毒 的 特性 採用 多種 抗 病毒 藥物 港 大 微生物學 系 臨床 副教授 杜啟泓 表示 新冠肺炎 確診 病 患 初期 症狀 輕微 到 可能 只 有 一點 喉嚨 痛 或 不 明顯 的 感冒 徵兆 民眾 切 勿 認為 因 症狀 不 明顯 就 一定 不是 新型 冠狀病毒 杜 啟泓 指出 與 sars 不同 sars 的 病毒 數量 在 染病 後 第 2 個 星期 才 達到 高峰 而 新型 冠狀病毒 的 感染 在 社區 爆發 的 狀況 普遍 原因 就 是 一 開始 病人 還 未 住院 體內 病毒 數量 就 已經 很 高 杜 啟泓 表示 如果 採取 鼻 咽 檢查 會 造成 不適感 甚至 可能 會 流 鼻血 以前 傳統 取 喉嚨 標本 化驗 會 需要 醫護 近 距離 接觸 病人 因此 在 採取 這些 標本 時 會 導致 病人 咳嗽 打噴嚏 等 這樣 會 使得 病人 傳染 病毒 給 醫護人員 的 風險 大 增</t>
  </si>
  <si>
    <t>武漢肺炎 新型 冠狀病毒 全球 加州 洛杉磯</t>
  </si>
  <si>
    <t>大陸 自 去年底 爆發 新冠肺炎 疫情 連日來 確診 與 死亡 數字 不斷 增高 尤其 湖北省 病例 上升 快速 在 2 月 11 日 有 了 轉折 這 一 日 湖北 近 10 天 來 新增 病例 首次 在 2000 例 以下 並 連續 第 12 天 新增 出院 病例 超過 新增 死亡 病例 也 在 這 一 日 武漢 自封 城 20 天 來 首次 明確 打開 人員 返漢 的 門 此外 大陸 專家 鍾 南山 表示 新冠肺炎 疫情 有望 4 月 前 結束 綜合 陸媒 報導 湖北 2 月 11 日 新增 新冠肺炎 病例 1638 例 新增 死亡 94 例 新增 出 院 417 例 這 是 湖北 近 10 天 來 新增 病例 首次 在 2000 例 以下 2 月 2 日 至 10 日 湖北 連續 9 天日 新增 病例 逾 2000 例 4 日高峰 還 達到 3156 例 新增 患者 減 2 成 同日 湖北 連續 第 12 天 新增 出院 病例 超過 新增 死亡 病例 2 月 8 日 以來 湖北 日 新增 出院 病例 均 在 300 例 以上 遠超 新增 死亡 病例 截至 2 月12 日 晚間 10 時 大陸 境內 新冠肺炎 累計 確診 4萬4687 例 治癒 5031 例 死亡 1116 例 其中 湖北省 累計 確診 3萬3366 例 治癒 2649 例 死亡 1068 例 疫情 最 嚴重 的 武漢 自 1 月 23 日 封 城 2 月 11 日 武漢市 江漢區 江岸區 等 7 個 區 先後 發佈 通知 提出 將 優先 安排 醫療 防疫 機構 重要 國計民生 相關 企業 等 方面 從業人員 返回 武漢 為 封城 20 天 以來 首次 明確 打開 人員 返漢 的 門 據 大陸 衛健 委 資料 至 2 月 10 日 24 時 武漢 累計 確診 病例 1萬8454 例 占 湖北省 累計 確診 病例 近 6 成 10 日 新增 確診 1552 例 較 前日 明顯 下降 降幅 達 1921 從 累計 確診 增速 的 指標 來看 10 日 為 918 半 個 月 以來 首次 降到 兩位數 以下 疫情 同樣 嚴峻 的 浙江省 11 日 新增 確診 病例 14 例 新增 出院 病例 28 例 是 近 20 天 以來 最 少 大陸 專家 鍾 南山 表示 新冠肺炎 新增 病例 已 在 一些 地區 出現 下滑 疫情 有望 出現 緩解 預計 峰值 將 會 在 2 月中 下旬 出現 4 月 前 可能 結束 潛伏期 24 天 罕見 鍾 南山 承認 目前 人們 對 新型 冠狀病毒 還有 很多 未知 不 確定性 包括 能否 透過 糞便 傳播 是否 有 超級 傳播 者 等 問題 11 日 山東 菏澤市 有 一 名 男子 離開 武漢 22 天 後 確診 先前 乾咳 兩 次 檢測 呈 陰性 據 鍾 南山 最新 研究 新冠肺炎 中 位 潛伏期 為 30 天 最 長 可 達 24 天 在 1099 例 樣本 中 僅 1 例 為 24 天 目前 病毒 核酸 檢測 出現 假 陰性 的 結果 令 人 疑惑 陸 學者 剖析 多 因素 致 核酸 檢測 呈 假 陰性 呼籲 用 靈敏度 高 特 異性 好 試劑 香港理工大學 11 日 表示 已 研發 一 套 全自動 快速 多重 診斷系統 號稱 1 小時 內 就 可 驗 出新冠肺炎 病毒 正 準備 量 產 廣泛應用</t>
  </si>
  <si>
    <t>肺炎 疫情 造成 生活 種種 不便 到底 疫情 何時 結束 或 緩和 是 大家 所 關注 的 而 現在 各界 最 擔心 的 已不 是 中國 的 疫情 反倒 是 海外 連環 爆 一發不可收 十 南韓 義大利 和 伊朗 都 上演 疫情 大 爆發 各 有 幾 千 宗 確診 個案 美國 和 歐洲 多國 也 出現 蔓延 趨勢 況且 歐美人 不 習慣 戴 口罩 大型活動 又 照辦 情況 絕不 樂觀 另外 今天 許多 人 應有 收到 前 中研院 院長 翁啟惠 發送 的 資訊 內容 是 美國 非常 著名 的 ucsd 傳染病 學 教授 和 醫生 詹姆斯·羅伯 james robb 通過 電子郵件發送 一 封 公開信 標 題為 我 為 即將 到來 的 冠狀病毒 大 流行 所 採取 的 措施 他 研 判 新冠肺炎 最 有 可能 在 3 月中 旬 至 4 月 中旬 在 美國 廣泛傳播 也 在 信 中 建議 諸項 預防措施 我們 就 在 今日 的 節目 中 與 各位 分享</t>
  </si>
  <si>
    <t>新冠肺炎 武漢肺炎 新型 冠狀病毒 covid-19 對華政策 聯盟</t>
  </si>
  <si>
    <t>美國 新冠肺炎 疫情 逐漸 擴大 讓 醫療 體系 面臨 緊 繃 極限 美國 防疫 不力 恐是 全球性 的 災難 美國 尚未 對 患者 死亡 進行 大規模 的 驗屍 采 檢 而 大陸 已 歷經 大規模 感染 其 對 患者 死亡 驗屍 報告 之後 續 追蹤 問題 更 能 直指 新 冠 病毒 之 特徵 美國 應當 正視 大陸 的 防疫 經驗 及 研究 而 加以 效法 美國 現有 的 醫療 體系 高度 資本 化 其 導致 許多 人 染上 流感 後 根本 自生自滅 甚至 連 確診 的 經濟負擔 都 欠缺 試想 如果 這些 死者 驗 不到 流感 他們 的 死因 恐怕 就 更為 撲朔迷離 而 中國 疫情 高峰 慢慢 消退 醫 界 針對 新冠肺炎 死者 出具 的 驗屍 報告 顯示 該 重症 新冠肺炎 宛如 sars 加 愛滋病 病毒 的 傳染 力 和 復發性 之 狡猾 大陸 驗屍 報告 突顯出 對 病 患 長期 追蹤 管理 之 重要性 無論是 前期 疫情 防堵 的 經驗 或 後期 患者 治療 的 長期 追蹤 管理 頗 值得 美國 醫療 體系 師法 大陸 醫 界 針對 感染 肺炎 出院後 核酸 檢測 呈現 陽性 的 情況 顯示 患者 並非 復發 而是 從未 治癒 尤 甚 驗屍 報告 解剖 重症 病人 的 肺 功能 損傷 的 很 厲害 免疫系統 也 幾乎 全 被 摧毀 相較 sars 只 攻擊 肺 不會 傷害 免疫系統 aids 只 傷害 免疫系統 新 冠 病毒 對 重症 病人 的 損害 宛如 sars 加 愛滋病 的 集合 該 份 驗屍 報告 針對 患者 感染 病毒 後 可 產生 抗體 的 假設 可謂 是 重大 的 挑戰 who 應該 呼籲 各國 調整 因應 疫情 的 策略 圍堵 新 冠 病毒傳播 恐怕 才是 上策 將 其 視為 流感 而 產生 抗體 之 防疫 政策 恐怕 成為 全球 防疫 體系 的 一大 漏洞 2003 年 sars 病人 死亡 主要 原因 乃 急性 肺 損傷 大陸 醫 界 驗屍 報告 顯示 多 器官 衰竭 是 新 冠 病毒 的 重要 死亡 原因 大陸 一些 出院 的 重症 病 患 血液 檢查 發現 他們 的 淋巴細胞 指數 其實 並 沒有 恢復 到 正常 水準 即 意味著 病 患 的 免疫系統 並 沒有 完全恢復 凸顯 原先 的 出院 標準 太 過 寬鬆 臨床 症狀 的 消失 不 包括 血液 檢查 的 結果 導致 一些 出院 時 核酸 檢測 陰性 的 患者 因 免疫系統 很 差 並 沒有 恢復 在 出院 後 很快 又 檢測 出 是 陽性反應 意 即 出院 的 病 患 可能 會 像 b 型 肝炎 一樣 長期 帶病毒 生存 而 不 自知 導致 患者 治癒 後 復發 的 可能性 大 增 職 此 死亡 患者 的 驗屍 報告 顯示 之 結果 頗 讓 大陸 醫 界 煩惱 是否 這種 帶病毒 生存 的 病 患 在 尚未 完全 治癒 的 情況 下 是否 具備 傳染性 即便 夏天 因為 溫度 上升 會 使 疫情 減緩 但 冬天 降溫 之後 病毒 又 會 捲土重來 新 冠 病毒 的 變異性 深不可測 大陸 多 位 一線 臨床 醫生 認為 之前 所有 的 醫療 資源 集中 於新冠肺炎 病人 急性 的 救治 問題 當 急性 期 的 病人 越來越少 重點 將 轉向 出院 病人 的 管理 問題 病毒 有 沒有 顯著 的 傳播 性 周圍 的 人 有 沒有 受到 影響 是 以 對 病 患 的 長期 追蹤 涉及 公共 衛生防疫 體系 的 健全 與否 病毒 蛻變 為 長期性 的 流感 病毒 勢必 進行 疫苗 的 研發 日本 的 朝日新聞 對 美國 因應 新 冠狀病毒 提出 一 項 疑問 美國 疾病 管制 局 公佈 2019 年 美國 境內 流感 之 感染者 逼近 3400萬 死亡 人數 逼近 2萬 人 非常 時期 筆者 並 不 想 糾結 新冠肺炎 是否 來自 美國 而是 關注 新冠肺炎 的 初期 症狀 和 流感 十分相似 但 死亡率 比 流感 高出 很多 兩 種 病毒 的 因果 關係 和 演變 過程 迄今 成 謎 患者 在 兩 國 感染 病毒 所 得 到 醫療 照 護 和 經費 負擔 之 差異 頗 令 人 玩味 作者 為 中華民國 公共政策 學會 監事</t>
  </si>
  <si>
    <t>仍 在 世界 各國 肆虐 的 新冠肺炎 具體 傳染 途徑 醫 界 仍 沒有 定論 一 位 何姓 網友 在 臉書上 指 蚊蟲 是 第 三 病毒傳播 者 被 警方 依 嚴重 特殊 傳染性 肺炎 防治 及 紓困 振興 特別 條例 移送 臺北 地 檢 署 檢 方 偵查 後 認定 何男 誤解 病媒 文 蟲 的 常識 雖然 未經 查證 卻 沒有 明知 不實 傳播 的 犯 行 將 何男 不 起訴 處分 何 姓 網友 是 4 月 7 日 下午 在 自己 的 臉書上 發出 第二 個 冠狀病毒 吹 哨 人 向 全 人類 發出 警告 天氣 漸漸 熱 新冠肺炎 還 沒有 結束 武漢 病毒 研究所 的 所長 向全國 人民 發出 警告 蚊蟲 將 是 人類 第 三 病毒傳播 者 一旦 傳播 了 全球 60 多 億 人 3 分之 2 的 人 都 要 深受 其 害 等 內容 警方 認為 何男 的 發文 是 足 生 損害 於 公眾 的 假消息 約 談到 案 後 移送 北 檢 偵 辦 何 男 在 偵查 中 否認 散播 假消息 並 強調 他 以為 蚊蟲 會 散佈 病毒 是 常識 所以 朋友 透過 line 傳來 的 文章 就 被 他 轉貼 給 其他 朋友 分享 不 知道 是 假 訊息 事 後 因 媒體 報導 知道 並非如此 就 刪 文 純粹 是 出於 好意 提醒 朋友 的 心理 並非 惡意 散佈 謠言 檢 方則 認為 臺灣 事實 查核 中心 在 4 月 10 日 發佈 報告 證實 蚊蟲 會 散佈 病毒 是 假 訊息 並 有 媒體 加以 報導 何男 是 在 4 月 7 日 發文 是否 知道 為 假 訊息 並非 無 疑慮 難 認 何男 有 明知 為 不實 卻 還 是 散佈 的 犯 行 也 無 任何 積極 證據 不 采 何 男 的 辯 詞 因此 依 罪證 不足 將 何男 不 起訴 處分</t>
  </si>
  <si>
    <t>人 傳人 病毒 新型 冠狀病毒</t>
  </si>
  <si>
    <t>國光 生 4142 子公司 安特羅 6564 宣佈 開發 之 開發 speedy 新型 冠狀病毒 抗原 快速 檢驗 試劑 已 正式 取得 歐盟 ce-ivd 認證 得於 歐洲 市場 銷售 將 積極 進軍 海外 市場 安特羅 表示 已 規劃 向 食品 藥物 管理署 tfda 提出</t>
  </si>
  <si>
    <t>國光 生 4142 子公司 安特羅 6564 宣佈 開發 之 開發 speedy 新型 冠狀病毒 抗原 快速 檢驗 試劑 已 正式 取得 歐盟 ce-ivd 認證 得於 歐洲 市場 銷售 將 積極 進軍 海外 市場 安特羅 表示 已 規劃 向 食品 藥物 管理署 tfda 提出 國內 專案 製造 與 美國 eua 緊急 使用 授權 申請 目標 瞄準 國際 市場 為 全球 新 冠 防疫 貢獻 心力 國際 新冠肺炎 疫情 持續 延 燒 至今 未 減緩 歐美 不少 國家 準備 啟動 新 一 波 的 封鎖 動作 加上 各國 逐步 調整 邊境 防疫 標準 推動 檢測 試劑 需求 大 增 在 破傷風 疫苗 及 腸病毒 疫苗 後 安特羅 新冠肺炎 抗原 快 篩 試劑 再 傳捷報 安特羅 指出 開發 之 speedy 新型 冠狀病毒 抗原 快速 檢驗 試劑 依據 臨床 試驗 資料 顯示 具有 高靈敏度 sensitivity 及 高度 專一性 specificity 可 透過 簡易 的 操作 方式 無須 任何 儀器設備 於 15 分鐘 內 可 得知 結果 尤其 近日 英國 封城 三十萬人 逃離 倫敦 導致 邊境 交通 大亂 如果 能 運用 快 篩 在 機場 車站 等 運輸 據點 快速 檢疫 可 立即 對於 任何 疑 似 新冠肺炎 感染者 提供 初步 快速 之 判斷 依據 將 有助於 兼顧 邊境 防疫 及 民眾 交通 安特羅 已 開始 銷售 破傷風 疫苗 而 腸病毒 疫苗 在 台 完成 臨床 三期 第 1 次 期中 分析 結果顯示 疫苗 保護率 達 法規 標準 預計 明年 取得 藥 證 將 可 搶 臺灣 自費 市場 營 收 將 突破 億 元 關卡 今 明年 成長 可期 安特羅 除 新 冠 快 篩 試劑 有 進展 外 與 國衛院 共同開發 的 新 冠 病毒 dna 疫苗 此 dna 疫苗 在 動物 試驗 結果 中 發現 具有 專一性 抗體 與 中和 病毒 抗體 可望 減少 有害 反應 風險 目標 今年底 進行 一期 人體 臨床 試驗</t>
  </si>
  <si>
    <t>疫情 焦慮 症 新冠肺炎 新型 冠狀病毒 武漢肺炎</t>
  </si>
  <si>
    <t>計程車 司機 賴清德 新冠肺炎 新型 冠狀病毒 covid-19</t>
  </si>
  <si>
    <t>大陸 青海省 已經 連續 12 天 無 新 增 新冠肺炎 感染 病例 傳出 也 未 見 醫務人員 感染 更 無 死亡 病例 當地 台商 透露 青海 18 個 確診 個案 中 有 15 個 在 省會 西寧 青海 在 第一時間 就 下 重 手 關停 西寧 酒店 公共場所 餐廳 擅自 開業 或 不 遵守 的 民眾 會 被 行政拘留 再來 是 危機意識 即便 連續 12 天 新增 零 青海省 衛生 健康 委 仍 強調 民眾 不能 放鬆 警惕 當地 台商 說 對比 臺灣 指揮中心 一直 在 安撫 民心 先 說 有 社區 感染 又 否認 青海 完全 相反 一 開始 就 拉高 到 生存 之 戰 讓 民眾 警戒 心 來 到 最高點 在 1 月 25 日 年初 一 青海 驗 出首 個 病例 後 還 在 零星 個案 時 青海 就 下 重 手 要求 西寧 的 酒店 餐廳 等 公共場所 全數 暫停營業 違者 可 行政拘留 台商 說 當時 還 沒 大規模 傳染 加上 個案 集中 在 西寧 省政府 用 包圍 戰 的 方式 把 可能 的 傳染 場所 關停 先斷 病毒 的 傳染 途徑 早 在 1 月 24 日 除夕 當天 發佈 關於 做好 新型 冠狀病毒感染 的 肺炎 疫情 防控 和 處置 工作 通告 落實 重點 場所 防控 措施 各地 政府 加強 對 機場 車站 等 保潔 和 消毒 及 往來 人群 的 疾病 檢測 和 隔離 控制 預防 新冠肺炎 通過 交通 工具 傳播 和 擴散 引導 群眾 取消 自發 組織 的 大型 群 體性 等 活動 還 要求 暫停 各類 文化 和 旅遊 活動 各 地區 營業性 演出 場所 歌舞 娛樂場所 互聯網 上網 服務 場所 遊藝 娛樂場所 旅遊 購物 場所 公共服務 場所 全部 暫停營業 和 開放 據 青海省 衛生 健康 委 網站 消息 除 連續 12 天 新增 確診 病例 疑似病例 零 增長 無 死亡 病例 醫務人員 零 感染 累計 確診 病例 18 例 中 已 治癒 出 院 15 例 尚有 3 例 正 在 住院治療 即便 到 今天 青海省 衛生 健康 委 仍 表示 新 冠 病毒 重在 治療 更 重 在 防控 廣大 市民 切忌 因為 確診 病例 治癒率 走 高就 放鬆 警惕 始終 在 高點 的 危機意識 與 事先 防控 是 青海 能 控制 無 新 增 病例 的 主因</t>
  </si>
  <si>
    <t>臺灣 確診 新冠肺炎 武漢肺炎 新型 冠狀病毒</t>
  </si>
  <si>
    <t>新冠肺炎 武漢肺炎 新型 冠狀病毒 臺灣 指揮中心</t>
  </si>
  <si>
    <t>楚 河漢 街 武漢 新冠肺炎 武漢肺炎 新型 冠狀病毒</t>
  </si>
  <si>
    <t>新冠肺炎 武漢肺炎 新型 冠狀病毒 臺灣 張上淳</t>
  </si>
  <si>
    <t>新冠肺炎 大陸 武漢肺炎 新型 冠狀病毒 ncp</t>
  </si>
  <si>
    <t>大陸 新 冠 疫情 仍未 降溫 28 日 增加 48 例 新 冠 本土 確診 病例 分佈 在 7 省市 哈爾濱 敦促 民眾 不出 市 不出 省 寧夏 銀川 完成 採樣 255萬 餘 人 全 大陸 現 有 高 中 風險區 2 20 個 蘭州大學 專家 以 模型 預測 本輪 疫情 預計 將 於 11 月 9 日 左右 得到 控制 累計 確診 病例 數 預計 約 592 人 大陸 高 中 風險區 22 個 據 大陸 國家 衛健 委 通告 28 日 新增 64 例 新型 冠狀病毒 確診 個案 其中 48 例 為 本土 病例 分佈 在 內蒙古 19 例 甘肅 12 例 黑龍江 9 例 青海 3 例 北京 2 例 寧夏 2 例 雲南 1 例 另 16 例 為 輸入 病例 經 專家 諮 詢 組 綜合 評估 研 判 目前 大陸 共 有 高 中 風險區 2 20 個 黑龍江省 的 新增 本土 病例 全 來自 黑河市 哈爾濱市 抗 疫 指揮部 敦促 市民 如 非必要 不出 哈爾濱市 不出 省 公職人員 如 必須 離開 哈爾濱市 需 持 48 小時 內 核酸 檢測 陰性 證明 返回 後 須再 進行 一次 核酸 檢測 截至 29 日 8 時 銀川市 三 區兩縣 擴大範圍 核酸 檢測 全部 結束 發現 集中 隔離 點 有 陽性 4 人 其 餘 樣本 均 為 陰性 28 日 15 時至 29 日 14 時 北京 新增 2 例 本土 新冠肺炎 確診 病例 均 為 此前 病例 的 密切接觸 者 其中 1 人 曾在 飯店 擔任 婚禮 拍攝 29 日 0 至 15 時 內蒙古 新增 本土 確診 病例 13 例 均 在 額濟納旗 內蒙古 迄 昨 有 本土 確診 149 例 北京市 29 日 召開 第 251 場 新冠肺炎 疫情 防控 工作 新聞 發佈會 由於 中共 第 十九 屆 中央委員會 第 六 次 全體會議 六中全會 將 在 11 月 8 日 起 召開 北京 再度 提升 防疫 措施 北京市委宣傳部 副 部長 市政府 新聞辦 主任 市政府 新聞 發言人 徐和 建 表示 北京市 要 減少 婚宴 會展 論壇 商演 等 聚集 性 活動 核心 區 要 更加 嚴格 嚴防 聚集 性 風險 環球 主題公園 要 進入 應急 防疫 狀態 加強 酒店 賓館 防疫 管理 全面 摸 排 聚集 性 活動 情況嚴格 按 要求 落實 防疫 規定 今 30 日 起 取消 北京地區 近期 託福 雅 思 等 海外 考試 額濟納旗 遊客 獲准 返鄉 此外 近萬名 遊客 因 疫情 滯留 內蒙古 額濟納旗 29 日 早上 來自 113 個 旅行團 的 首批 旅遊 包車 遊客 離開 額濟納旗 前往 集中 隔離 點 完成 14 天 集中 健康 監測 符合 返程 條件 後 就 可以 返鄉 力爭 3 至 5 天內 把 大部分 遊客 轉運 出 額濟納旗</t>
  </si>
  <si>
    <t>大陸 湖北省 衛生 健康 委員會 今 公佈 昨天 11 日 新增 1638 例 新冠肺炎 俗稱 武漢肺炎 確診 病例 創 2 月 以來 單日 新增 最少 紀錄 且 是 連兩天 下降 亦 是 自 2 月 2 日 以來 單日 新增 病例 首度 跌破 2千 似 透露 出 湖北 疫情 已 出現 趨 緩 的 訊號 湖北省 新冠肺炎 確診 病例 目前 累計 達 3萬3366 例 2 月 5 日 單日 暴 增 3156 例 更 一舉 突破 3千 例 門檻 之後 也 維持 每天 新增 2千 多 名 確診 病例 的 速度 不斷 累加 直到 昨天 單日 新增 1638 例 創下 2 月 以來 增加 最少 紀錄 且 是 連二天 病例 數 減少 除了 湖北省 新增 病例 數 減少 大陸 其他 各地 的 新冠肺炎 新增 病例 數 更 連續 7 天 下降 從 2 月 3 日 單日 新增 890 例 降 至 2 月 9 日 的 443 例 對於 確診 資料 的 變化 中央 社 報導 上海華山醫院 感染 科 主任 上海市 新型 冠狀病毒感染 的 肺炎 醫療 救治 專家組 組長 張文宏 在 微信 發文說 目前 看來 湖北 以外 地區 的 新增 病例 轉捩點 似乎 已經 出現</t>
  </si>
  <si>
    <t>社交距離 新冠肺炎 新型 冠狀病毒 ncp 臺灣</t>
  </si>
  <si>
    <t>新冠肺炎 肆虐 全球 累計 逾 359萬 人 確診 25萬 多 人 染疫 死亡 荷蘭 科學家 在 實驗室 發現 一 種 可以 有效 阻斷 新 冠 病毒 sars-cov- 2 感染 細胞 的 全人 源 抗體 這項 研究成果 是 針對 治療 或 預防 新 冠 病毒 的 全人 抗體 研究 的 第一 步 具有 突破性 這項 研究 是 由 荷蘭 烏特勒 支 大學 伊拉斯姆斯 醫學 中心 與 港口 生物醫學 的 研究 團隊 進行 該 論文 的 共同 作者 烏特勒 支 大學 副教授 波 許博士 說 這項 成果 建立 在 我們 過去 針對 sars 病毒 sars-cov 抗體 所 做 的 研究 上 在 一 組 sars 病毒 抗體 中 我們 鑒別 出 一 種 可以 中和 新型 冠狀病毒 sars-cov- 2 感染 細胞 的 抗體 這種 中和 抗體 具有 改變 病毒感染 進程 清除 病毒 以及 保護 暴露 於 病毒 環境 中 個體 的 潛力 此次 新 發現 的 全人 抗體 無 需 經 過人 源 化 過程 且 減少 了 因 免疫原性 可能 產生 的 副作用 因其 結合 位點 不同於 其他大部分 抗體 該 抗體 有望 成為 抗體 雞尾酒 療法 的 最佳 選擇 同時 因其 結合 病毒 保守 表 位 該 抗體 不僅 具有 治療 及 預防 新 冠 病 毒性 肺炎 及 sars 的 潛力 針對 sarbecovirus 亞 屬 的 其他 潛 在 病毒 均 有 治療 前景 這項 研究 以 一 種 可 阻斷 新型 冠狀病毒感染 的 全人 源 單株 抗體 為題 發表 在 自然 通訊 期刊 上 但 目前 尚未 進入 動物 和 人體 試驗 科學家 還 需要 進一步 研究 以 判斷 這些 發現 在 臨床 環境 中 是否 得到 證實 以及 該 抗體 對 病毒 的 殺傷力 如何</t>
  </si>
  <si>
    <t>香港 農漁 自然 護理 署 日前 從 1 名 新型 冠狀病毒 肺炎 確診 病 患 家中 飼養 的 犬 只 進行 該 病毒檢測 結果 呈現 弱 陽性 農委會 家畜 衛生 試驗 所 推測 有 可能 只 是 近 距離 接觸 患者 狗 的 口 鼻 沾染 患者 病毒 所 致 目前 的 證據 尚 無法 確定 新型</t>
  </si>
  <si>
    <t>香港 農漁 自然 護理 署 日前 從 1 名 新型 冠狀病毒 肺炎 確診 病 患 家中 飼養 的 犬 只 進行 該 病毒檢測 結果 呈現 弱 陽性 農委會 家畜 衛生 試驗 所 推測 有 可能 只 是 近 距離 接觸 患者 狗 的 口 鼻 沾染 患者 病毒 所 致 目前 的 證據 尚 無法 確定 新型 冠狀病毒 可以 感染 犬 只 家 衛所 指出 據 世界 動物 衛生組織 與 世界衛生組織 的 訊息 指出 目前 沒有 證據 顯示 寵物 或 其他 家畜 可 感染 或 傳播 新型 冠狀病毒 對於 何種 動物 為 新型 冠狀病毒 在 自然界 的 保 毒 動物 亦 有待 進一步 的 調查 與 研究 香港政府 雖 自 該 犬 的 口腔 鼻腔 及 肛門 採樣 進行 新型 冠狀病毒檢測 在 口腔 及 鼻腔 的 樣本 驗 出 弱 陽性反應 而 肛門 樣本 並 無 陽性反應 犬 只 本身 亦 無 臨床 症狀 目前 的 證據 尚 無法 確定 新型 冠狀病毒 可以 感染 犬 只 為 配合 新冠肺炎 防疫 與 監測 家 衛所 依 who 規範 的 檢驗 方法 並 向 衛生 福利 部 疾病 管制 署 申請 分 讓 檢驗 用 的 陽性 對照 核酸 3 月 1 日 取得 後 立即 用於 確認 實驗室 檢驗 方法 農委會 亦 將 召開 專家 會議 討論 確認 采 檢 方式 與 檢驗 方法 後 即 可 在 中央 疫情 指揮中心 指揮 下 接受 動物 檢 體 的 檢驗 初期 每日 可 檢驗 10 件 動物 檢 體 未來 視 疫情 需要 逐步 擴充 檢驗 量 能 農委會 呼籲 目前 並 無 寵物 會 感染 或 傳播 新型 冠狀病毒 的 證據 請 民眾 不必 恐慌 更 不應 遺棄 寵物</t>
  </si>
  <si>
    <t>陽性 肺炎 新型 冠狀病毒 檢驗 方法</t>
  </si>
  <si>
    <t>俄羅斯 裔 色情 女星 蘿 拉 泰勒 lola taylor 疑 似 為 新冠肺炎 的 確診 者 目前 正 被 隔離 在 家中 她 表示 為了 激勵 醫 界 人士 科學家 能 儘快 找 出 病毒 特效藥 願意 提供 美好 的 獎賞 例如 與 第 一個 找到 治療 冠狀病毒 的 人 發生 性關係</t>
  </si>
  <si>
    <t>俄羅斯 裔 色情 女星 蘿 拉 泰勒 lola taylor 疑 似 為 新冠肺炎 的 確診 者 目前 正 被 隔離 在 家中 她 表示 為了 激勵 醫 界 人士 科學家 能 儘快 找 出 病毒 特效藥 願意 提供 美好 的 獎賞 例如 與 第 一個 找到 治療 冠狀病毒 的 人 發生 性關係 27 歲 的 蘿 拉 泰勒 原名 為 伊波 芙 布雪 伊娃 iyubov bushueva 是 一 名 av 女 優 由於 目前 被 列為 新冠肺炎 確診 的 可 能者 因此 若 擅自 離開 家中 便 會 被 逮捕 讓 她 非常 悶 她 表示 正因如此 自己 迫切希望 解 藥 快點 找到 趕緊 終結 新冠肺炎 大 流行 蘿 拉 泰勒 指出 為了 激勵 科學家 醫 界 人士 願意 跟 第 一個 找 出 解 藥 的 人 共度 一 晚 春 宵 即使 大戰 三百 回合 也 值得 消息 公佈 後 激起 許多 討論 大家 紛紛 讚賞 這 的確 是 激發 年輕 科學家 發明 疫苗 的 動力 不過 事實上 蘿 拉 泰勒 並 非 第 一個 討論 冠狀病毒 的 av 女 優 像是 英國 女 模 索菲·安德森 sophie anderson 就 使用 自己 的 平臺 宣傳 洗手 請 經常 洗手 以 保持 衛生 也 獲得 熱烈 迴響 貼 文 被 流覽 36萬 次 更 多 ctwant 報導</t>
  </si>
  <si>
    <t>眾 達 -ky 新型 冠狀病毒 32 g 光 收發 模 組 5 g 100 g</t>
  </si>
  <si>
    <t>新冠肺炎 臺灣 武漢肺炎 新型 冠狀病毒 ncp</t>
  </si>
  <si>
    <t>日本放送協會 nhk 1 日 引述 政府 官員 說法 證實 1 名 11 月底 入境 日本 的 外國 男性 旅客 確診 新冠肺炎 變種 病毒株 omicron 這 是 日本 第 2 例 感染 omicron 病毒株 的 案例 也 是 日本 連 2 日 出現 新 變種 病毒感染 案例 為 進一步 防堵 omicron</t>
  </si>
  <si>
    <t>日本放送協會 nhk 1 日 引述 政府 官員 說法 證實 1 名 11 月底 入境 日本 的 外國 男性 旅客 確診 新冠肺炎 變種 病毒株 omicron 這 是 日本 第 2 例 感染 omicron 病毒株 的 案例 也 是 日本 連 2 日 出現 新 變種 病毒感染 案例 為 進一步 防堵 omicron 入侵 日 國土 交通 省 同日 宣佈 直至 12 月底 前 停售 所有 飛往 日本 的 國際 航線 機票 即使 日本 國民 也 不 例外 恐 讓 海外 日 人 年末 無法 返鄉 儘管 11 月 29 日 宣佈 禁止 外籍人士 入境 但 繼 11 月 30 日 傳出 1 名 來自 納米比亞 的 30 多 歲 男子 確診 omicron 之後 日本 再度 傳出 第 2 名 確診 案例 該 名 男子 於 11 月底 抵達 日本成田機場 在 檢疫站 篩檢 時 呈現 陽性反應 隨後 檢 體 被 送 往 研究 單位 進一步 分析 是否 為 omicron 變種 病毒 最終 為 日 官員 證實 感染 新 變種 病毒 官員 表示 目前 正 調查 該 名 男子 感染 途徑 以及 接觸 對象 相關 部會 與 單位 也 都 收到 通報 並 追蹤 掌握 任何 新 事態 的 發展 為 防堵 omicron 再度 突破 邊境 日 國土 交通部 宣佈 暫停 所有 飛往 日本 國際航班 的 機位 預訂 直到 12 月底 為止 不過 已 售 出 的 機票 仍 可 搭 機 飛 前往 日本 國土 交通部 解釋 此舉 目標 為 限制 入境 人數 在 每日 3500 人 內 影響 族群 為 還 沒有 訂購 機票 的 族群 換言之 已 購 票 的 民眾 年末 仍 可 返鄉 對此 全日空 與日 航 表示 已 採取措施 1 日 起 取消 國際航班 預定 事實上 由於 omicron 來勢洶洶 日本 11 月 27 日 已 宣佈 強化 邊境 措施 要求 南非 辛巴威 納米比亞 賴索托 史瓦帝 尼 波 劄 那 尚 比亞 馬拉威 莫三 比克 等 9 個 國家 入境 的 日本 公民 必須 前往 政府 指定 的 防疫 旅館 進行 10 日 的 隔離 要 在 國家 指定 的 防疫 旅館 內 隔離 10 天 11 月 29 日 日 首相 岸田文雄 更 宣佈 甫 於 11 月 8 日 開放 的 商務 入境 再次 全面 喊 卡 儘管 他 表示 會 持續 研討 是否 要 進一步 加強 邊境 封鎖 如今 卻 依舊 擋不住 連 2 日 傳出 新 變種 病毒 確診 病例</t>
  </si>
  <si>
    <t>新冠肺炎 疫情 全球 持續 延 燒 台 大公共 衛生 學院 教授 陳 秀 熙 今 3 日 線 上 說明 對於 各國 對 疫苗 需求 若 渴 目前 預估 疫苗 生產量 至 2021 年底 約 為 10億 劑 尚 無法 達到 特定 族群 免疫 若以 每人 施打 2 劑 疫苗 計算 達 群體 免疫 需要 超過 100億 劑 在 疫苗 研發 部分 陳秀熙 指出 今年 一月 底 有 兩 支 疫苗 的 第 三期 臨床 試驗 期中 報告 結果 出爐 分別 是 美國 novavax 重組 蛋白 疫苗 和 美國 嬌 生 楊森 載體 疫苗 兩 種 疫苗 皆 以 新冠肺炎 病毒 的 棘 突 蛋白 為 標的 進行 研發 根據 第二 和 第 三期 臨床 試驗 結果 施打 兩劑 novavax 疫苗 可 有效 對抗 新冠肺炎 病毒感染 效力 高達 893 在 老年人 和 愛滋 感染者 這些 免疫力 相對 較 差 的 族群 同樣 有效 novavax 疫苗 也 是 目前 第 一個 在 臨床 試驗 中 直接 證實 對 英國 和 南非 突變 病毒株 皆 有效 的 疫苗 根據 第 三期 臨床 試驗 結果 楊森 疫苗 只 需 注射 一 劑 便 可 有效 降低 因 新冠肺炎 病毒 導致 的 中重度 呼吸道 感染症 和 死亡 風險 效力 達 66 如果 針對 因 新冠肺炎 病毒 造成 的 重症 與 死亡 進行 分析 效力 則 高達 85 在 老年人 這類 免疫力 相對 較 差 的 族群 以及 針對 南非 突變 病毒株 皆 有效 novavax 和 楊森 疫苗 只 需 儲存 在 2 8 在 運輸 和 保存 上 較為 便利 且 成本 相對 較 低 至於 全球 疫情 方面 陳秀熙 說 美國 疫情 趨 緩 全美 上周 新增 105萬 確診 約 2萬 名 死亡 案例 確診 前 5 名 州 別 為 加州 德州 紐約 佛州 及 伊利諾州 確診 人數 均 呈 下降 趨勢 幅度 降 17 38 相 對應 一 周 新增 死亡 人數 除 加州 上 升 1 外 其 餘 四周 降 6 17 美國 全國 新冠肺炎 疫苗 至少 一 劑 施打 率 為 76 累積 1 月 31 日 已 施打 2520萬 人 中南美洲 各國 部分 陳秀熙 提到 包含 巴西 及 墨西哥 等 國家 均 面臨 第二 波 疫情 之 襲擊 且 中南美洲 各國 疫苗 施打 率 仍 低 變種 病毒 自 英國 傳出 英國 疫情 因此 深受 關注 陳秀熙 提到 目前 全 英國 累計 確診 個數 約 380萬 人 累積 死亡 約 10萬6千 人 自 9 月 開始 英國 南部 有 新病毒株 b 11 出現 7 後 1 疫情 開始 升溫 11 月 稍微 趨 緩 後 12 月 疫情 又 開始 爆發 新病毒株 b 117 已 遍佈 全 英國 自 2 月 開始 接種 牛津 及 輝瑞 疫苗 1 月 5 日 開始 英國首相 強生 宣佈 實施 封鎖 策略 後 目前 疫情 有 趨 緩 的 趨勢 截至 1 月 30 日 已 有 14 至少 施打 一 劑 疫苗</t>
  </si>
  <si>
    <t>印度 變異 病毒株 中研院 傳播 更 快 更具 傳染 力</t>
  </si>
  <si>
    <t>武漢肺炎 出現 多 種 變異 病毒株 中研院 近日 分析 發現 印度 變異 病毒株 的 氨基酸 變異 有利於 病毒 產生 逃避 人類 免疫系統 的 能力 且 能 促進 病毒 融入 宿主 細胞 加速 傳播 印度 變異 株 去年 10 月 5 日 首次 在 印度 發現 根據 世界衛生 組</t>
  </si>
  <si>
    <t>武漢肺炎 出現 多 種 變異 病毒株 中研院 近日 分析 發現 印度 變異 病毒株 的 氨基酸 變異 有利於 病毒 產生 逃避 人類 免疫系統 的 能力 且 能 促進 病毒 融入 宿主 細胞 加速 傳播 印度 變異 株 去年 10 月 5 日 首次 在 印度 發現 根據 世界衛生組織 報告 今年 5 月 11 日前 印度 變異 株 已 在 全球 約 44 國 現 蹤 並 持續 蔓延 至 更 多 國家 中研院 病毒 變異 全球 即時 監測網 持續 監測 世界 各國 正在 發生 的 新興 病毒 變異 近日 釋出 分析 印度 變異 病毒株 分析 結果 中研院 研究 團隊 指出 印度 變異 株 在 刺 突 蛋白 上有 5 個 變異 其中 3 個 氨基酸 變異 l 452 r e 484 q 和 p 681 r 特別 值得注意 因為 這 3 個 變異 點 有利於 病毒 產生 逃避 人類 免疫系統 的 能力 也 會 促進 病毒 與 宿主 細胞融合 進而 增加 病毒 進入 感染 宿主 細胞 讓 病毒傳播 更 快速 不過 研究 團隊 也 提到 根據 世衛 初步 分析 目前 的 疫苗 對 印度 變異 株 仍 有效 但 疫苗 的 中和 抗體 效價 會 降低 而 英格蘭 公共 衛生 署 5 月 22 日 曾 公佈 輝瑞 莫德納 牛津 阿斯利康 等 二 劑 疫苗 對 印度 變異 株 子 型 b 16172 也 有 很 高 的 有效性 與 對抗 英國 變異 株 時 的 效果 相似 也 有助 降低 患者 的 住院 率 與 死亡率 研究 團隊 最後 強調 面對 變種 病毒 各家 疫苗 的 表現 不盡相同 但 一般而言 疫苗 效果 雖 可能 有所 降低 但 仍 有 一定 保護 力 且 有助 降低 重症 與 死亡率 雖有 零星 副作用 的 案例 但 整體而言 利大於弊 研究 團隊 提醒 根據 英格蘭 公共 衛生 署 的 報告 目前 有 5 株 深受 關切 的 變異 株 包括 英國 變異 株 b 117 南非 變異 株 b 1351 巴西 變異 株 稱 p 1 或 b 11281 英國 再 變異 株 b 117 with e 484 k 以及 印度 變異 株 b 1617 的 子 系 b 16172 這些 變異 株 都 在 刺 突 蛋白 上 發生 重要 變異 增加 病毒 入侵 或 疫苗 脫逃 的 機會 都比 變異 前 的 病毒株 更具 傳染 力 編輯 黃世雅 1100601</t>
  </si>
  <si>
    <t>delta 變種 病毒 的 亞 變異 株 ay 42 近期 已 占 英國 當地 新冠肺炎 covid-19 確診 病例 近 10 引發 了 關注 科學家 究竟 如何 看待 比 delta 傳播 力更強 的 ay 42 呢 cnbc 報導 有 一些 人 因為 ay 42 因為 傳播 力比 delta 變異 株 高出 至少 10 而 感到 憂心 但是 迄今為止 還 沒有 足夠 的 證據 可以 證明 這 一點 ay 42 屬於 delta 變種 病毒 的 亞 變異 株 一般 認為 是 在 今年 夏季 在 英國 首度 發現 它 具有 兩 個 額外 的 突變 會 影響 其 棘 蛋白 也 就 是 浸潤 細胞 之 病毒 結構 的 一部分 不過 這 兩 個 突變 是否是 會 影響 ay 42 傳播 速度 仍舊 還 無法 確認 here is what the delta variant of the coronavirus looks like under an electron microscope the snaps were released by russia s vector science centre the first ever photographs to be published of the covid-19 variant pic twitter com 30 rzfuijzo 公 衛 團體 cog-uk 統計 過去 28 天 當中 ay 42 在 英國 新冠肺炎 新增 病例 中 約 占 10 讓 它 成為 了 過去 四周 當中 僅次於 delta 以及 另 一個 子 譜系 的 第 三大 covid-19 感染 病毒株 儘管 因 感染 ay 42 造成 感染 新冠肺炎 的 比例 增加 但是 英格蘭 的 公共 衛生 官員 強調 到 目前為止 ay 42 似乎 沒有 引發 更為嚴重 的 疾病 或是 降低 現有 疫苗 的 效力 根據 英國諾森比亞大學 生物學家 的 說法 這 一個 亞 變異 株 並 沒有 在 歐洲 國家 紮根 在 德國 愛爾蘭 都 未 受到 關注 倫敦大學 臨床 運營部 主任 christina pagel 向 媒體 指出 儘管 delta 亞 變異 株 在 英國 以及 其他 地方 的 病例 數 在 增長 但 大眾 並不一定 要 因此 恐慌 因為 雖然 ay 42 的 傳播 力比 delta 高出 12 18 並非 是 個 好 消息 也 會 讓 事情 變 得 更 困難 但是 傳播 力 增加 的 幅度 並不大 她 進一步 分析 delta 變異 株 對比 alpha 傳播 力 超出 60 等於 每週 都 在 倍增 相比之下 ay 42 擴散 的 速度 沒有 那麼 快 儘管 它 可能 在 未來 幾 個 月 內 取代 delta 但 沒有 明顯 跡象 證明 ay 42 有 更 強 抵抗 疫苗 的 力量 這 就 是 她 不 那麼 感到 擔憂 的 緣故 不過 pagel 還是 點出 新 變種 病毒 的 出現 仍舊 是 引發 了 一些 擔憂 因為 這些 變種 病毒 在 疫苗 接種 率 不 高 的 國家 可能 會 帶來 更 多 問題 這 也 顯示 新冠肺炎 病毒 仍舊 持續 在 變異 她 指出 事實上 delta 有 許多 變種 但是 ay 42 是 目前 唯一 一個 比 它 更 強 的 變種 這項 事實 代表 這個 病毒 仍 有 很多 空間 可以 進化 過去 一直 有人 說 delta找到 了 一個 最佳 位置 但是 從 目前 可以 看見 ay 42 可說是 找到 了 另 一個 甜蜜 點 因為 ay 42 的 出現 pagel 也 呼籲 英國 應該 重新 實施 一些 防疫 措施 英國 在 七月 取消 了 幾乎 所有 與 防疫 相關 的 規定 而 目前 英國 是 全球 新冠肺炎 感染 率 最高 的 國家 之一 pagel 指出 如果說 一個 國家 的 新冠肺炎 病例 數 很多 那 就讓 病毒 存在 持續 變異 的 空間 因此 他 認為 ay 42 在 英國 被 發現 並非 巧合 因為 英國 有 很 長 一段時間 確診 病例 數 都 相當 多 布裡斯托大學 病毒學 教授 david matthews 指出 英國 施打 加強 針 booster dose 以及 為 孩童 接種 疫苗 的 計畫 有 可能 減緩 病毒傳播 的 速度 但是 英國 還 需要 把 焦點 放在 拒絕 接種 疫苗 的 10 成年人 當中 他 表示 無論 是否 有 接種 疫苗 每個 人 未來 某 一 天都 會 感染 新冠肺炎 所以 是 要 在 接種 疫苗 後 讓 免疫系統 已 被 訓練 的 前提 下 來 對 抗 病毒 還是 在 免疫系統 未經 訓練 的 情況 下 對抗 這些 感染 是 需要 思考 的 問題</t>
  </si>
  <si>
    <t>從 秘魯 返國 後 在 屏 東 枋山 居家 檢疫 期間 確診 的 祖孫 經 基因 定 序 後 確定 為 印度 delta 變異 株 而 與 其 有關 的 7 名 確診 個案 目前 雖 未 確定 病毒株 但 屏 縣府 嚴正 以待 不僅 點名 楓港 善 餘 2 村 全面 篩檢 縣長 潘孟安 還 趕到 當地</t>
  </si>
  <si>
    <t>從 秘魯 返國 後 在 屏 東 枋山 居家 檢疫 期間 確診 的 祖孫 經 基因 定 序 後 確定 為 印度 delta 變異 株 而 與 其 有關 的 7 名 確診 個案 目前 雖 未 確定 病毒株 但 屏 縣府 嚴正 以待 不僅 點名 楓港 善 餘 2 村 全面 篩檢 縣長 潘孟安 還 趕到 當地 活動 中心 進行 村裡 廣播 既 要求 又 拜 讬 地 請 大家 一定 要 去 篩檢 潘孟安 透過 村裡 廣播系統 認真 喊話 道 拜 讬 大家 也 要求 大家 這 幾 天 一定 要 去 快 篩 站 篩檢 雖然 現在 是 農忙 期 但 一定 要 找 時間 去 請 大家 一定 要 踴躍 篩檢 保護 自己 保護 家人 也 保護 鄉親 鄰居 他 提醒 枋山 鄉民 快 篩 站位 於 善 餘 村 籃球場 篩檢 時間 至 26 日 中午 12 點 請 大家 一定 要 把握 最後 時間 去 篩檢</t>
  </si>
  <si>
    <t>臺灣 疫苗 覆蓋率 破 50 但 多數 民眾 只 打 一 劑 疫苗 讓 不少 人 擔憂 保護 力 到底 夠不夠 對此 胸腔 科 醫師 蘇一峰 分享 加拿大 研究 指出 在 alpha 病毒 流行 的 狀況 下 只 打 一 劑 疫苗 bnt 可 提供 75 的 保護 力 莫德納可 提供 82 保護 力 az 則 可 提供 61 的 保護 力 3 款 疫苗 的 重症 保護 力都 在 80 至 90 但 面對 delta 實際效果 恐 更 差 一點 蘇一峰 今 在 臉書 發文 表示 目前 臺灣 多數 的 民眾 都只 有 打 一 劑 疫苗 而已 接種 完 兩劑 者 的 比率 偏 低 面對 來勢洶洶 的 變種 病毒 讓 不少 人 擔心 只 打 一 劑 的 保護 力 足夠 嗎 蘇一峰 分享 一則 加拿大 研究 指出 該 研究 蒐集 了 今年 4 月 和 5 月 50 至 69 歲 的 成年人 施打 疫苗 與 感染 的 資料資料 並 進行 比對 分析 發現 68074 位 參與 研究 的 民眾 其中 有 7116 位 為 確診 者 當時 加拿大 約 有 75 的 民眾 打 mrna 疫苗 15的 人 是 打 az 疫苗 蘇一峰 說 當時 的 主流 病毒株 為 英國 alpha 變異 株 佔據 了 50 其次 是 巴西 gamma 變異 株 38 印度 delta 變異 株 4 剩 餘 的 8 則 是 其他 病毒 在 這樣 的 狀況 下 研究 發現 如果 只 有 打 一 劑 疫苗 bnt 可 提供 75 的 保護 力 莫德納可 提供 82 保護 力 az 則 可 提供 61 的 保護 力 蘇一峰 也 說 令人 感到 放心 的 是 無論是 bnt 莫德納 還 是 az 疫苗 都 可以 提供 80 至 90 的 住院 保護 力 也 就 是 所謂 的 重症 保護 力 不過 這 份 研究 當時 是 以 英國 alpha 病毒株 為主 目前 流行 的 是 delta 實際效果 可能 會 更 差 一點</t>
  </si>
  <si>
    <t>全球 疫情 延 燒 一 年 多 臺灣 卻 才剛 開始 不過 幸好 全球 已經 經歷 過 的 事情 都 有 經驗 作為 參考 整形 外科 醫師 黃馨慧 雖不 是 第一線 的 醫護人員 但 利用 自己 的 英文 與 查詢 醫學期刊 的 能力 整理 了 包含 美國 疾病 管制 署 lancet jama 等 醫學期刊 對於 新冠 病毒 的 防禦 經驗 讓 臺灣 民眾 可以 做 好 準備 迎戰 以下 為 常見 的 五 個 問題 1 我 還 沒 打到 疫苗 怎麼辦 全 臺灣 確診 人數 飆 升 但 疫苗 礙于 施 打量 能 與 保存期 限 僅 先 抵達 部分 由 第一 線 人員 含 防疫 醫護 警 消 施打 一般 民眾 尚 無法 自費 施打 黃馨慧 醫師 表示 還 沒 打到 的 民眾 也 別 緊張 其實 戴好 口罩 就 有 7 成 防禦 力 不 輸 打 疫苗 她 也 分享 曾在 韓國 發生 的 真實 案例 一 位 超級 傳播 者 剛好 坐在 出風口 處 2 小時 未戴 口罩 用餐 說話 整間 咖啡 廳 顧客 因 有 拿下 口罩 進食 全部 染疫 即使 只 有 10 分鐘 也 中標 反而 在 店裡 工作 的 店員 因為 從頭到尾 戴著 口罩 都 沒 事 美國 cdc 也 有 研究 2 位 染疫 的 美髮 師 8 天內 接觸 了 139 位 顧客 平均 接觸 15 分鐘 但 彼此 都 有 戴 口罩 最後 0 人 被 感染 2 雙層 口罩 到底 有 沒 有用 有的 建議 採用 美國 cdc 在 實驗室 模擬 研究 發現 外層 布 口罩 在內 層 戴 醫療 口罩 可以 阻擋 咳嗽 中 85 的 微粒 jama 在 2021 年 4 月 最新 研究 指出 fitted filtration efficiency 密合 過濾 效率 在 外層 加上 布 口罩 時 從 單 層 的 66 大幅 提升 到 81 就 連 美國白宮 病毒 顧問 佛 契 博士 也 開始 戴 雙層 口罩 3一 天 到底 要 消毒 幾 次 普通 營業 場所 一 天 消毒 一 次 其實 就 足夠 其實 不用 神經質 的 一直 消毒 美國 cdc 研究 指出 透過 表面 傳染 fomite transmission 的 機 率 小於 萬分 之一 除非 為 確診 者 待 過 的 空間 24 hr 內 建議 全面 再 消毒 一 次 間隔 72 小時 之後 傳染 機 率 微乎其微 所以 確診 者 疫 調 足跡 3 天 後 民眾 其實 可以 放心 4 學生 去 上課 是不是 很 危險 義 大利 研究 18 歲 以下 學生 發現 小學生 的 互相 感染 機 率 相當 低 僅 04 國 高中學生 略 高為 65 感染 率 反而 在 教職員 之間 比較 多 所以 歐美 後來 慢慢 修改 順序 學校 停課 反而 是 比較 疫情 後期 的 事 不過 體育課 就 絕對 禁止 因為 此時 呼吸 急促 口沫橫飛 感染 機 率 大 增 然而 新加坡 發現 印度 變種 病毒株 對 孩童 感染力 較 強 已 著 手 研發 小孩 疫苗 還好 症狀 仍然 比 大人 輕微 lancet 指出 2 歲 以下 嬰兒 感染 比較嚴重 另外 於 家庭 中 小孩 對 家人 的 傳染 力 較 強 5 我 何時 該 去 快 篩 接觸 到 感染者 之後 平均 產生 症狀 的 時間 大約 是 5 天 lancet 指出 無 症狀 的 感染者 傳播 力為 有 症狀 感染者 的 兩 成 目前 篩檢 人力 已 全國 吃緊 黃馨慧 醫師 呼籲 民眾 若無 症狀 只 是 單純 懷疑 千萬 不要 擠 去 急診 快 篩 反而 增加 被 感染 機 率</t>
  </si>
  <si>
    <t>美聯社 5 日 報導 隨 著 印度 變種 病毒株 首次 發現 於 印度 在 中國 大陸 橫流 大陸 代價 高昂 的 封鎖 與 隔離 戰略 正 面臨 嚴峻 的 挑戰 考量 到 2022 年 北京 不但 要 舉辦 冬奧 該 年 年底 領導人 也 面臨 更替 習近平 勢必 希望 能 持續保持 經</t>
  </si>
  <si>
    <t>大陸 科興 疫苗 對於 防範 新冠肺炎 究竟 有 沒 有用 台 大公 衛 學者 張維容 今天 透過 第 四 期 疫苗 效益 評估 方法 分析 發現 在 智利 每 增加 1 的 科興 疫苗 施打 不但 無助 降低 疫情 發生 還 可能 會 增加 3 的 新冠肺炎 個案 張維容 所 使用 的 這 套 疫苗 效益 評估 方法 是 考量 各國 的 npi 非 藥物性 介入 措施 感染 風險 用 來 計算 該國 每 增加 一 趴 疫苗 施打 可以 減少 多少 新冠肺炎 個案 發生 根據 張維容 整理 以色列 英國 智利 美國 加拿大 等 國 的 疫苗 接種 資料 發現 多數 國家 每 增加 1 的 疫苗 接種 人口 都能 降低 新冠肺炎 的 傳播 不過 使用 科興 疫苗 的 智利 每 增加 1 的 人口 施打 反而 是 增加 新冠肺炎 的 感染 人數 張維容 指出 從 以色列 施打 輝瑞 疫苗 的 資料 可 看出 每 增加 1 的 疫苗 施打 可 降低 8 的 新冠肺炎 個案 發生 英國 施打 az 疫苗 的 資料 也 顯示 每 增加 1 的 疫苗 接種 可 降低 7的 新冠肺炎 個案 發生 顯示 az 疫苗 對於 防疫 仍然 相當 有效 美國 加拿大 雖然 施打 莫德納 輝瑞 疫苗 但 在 各州 之間 卻 呈現 巨大 差距 張維容 舉例 新墨西哥州 疫苗 接種 人數 越 多 感染 新冠 的 人數 也 越 低 但 這 點 在 密西根州 卻 未 發生 感染 新冠 的 人數 反而 與 疫苗 施打 人數 同步 上升 加拿大 的 安 大略 州 也 有 類似 狀況 張維容 分析 這 可能 與 疫苗 覆蓋率 與 變種 病毒株 有關 但 無論如何 綜合 美國 加拿大 的 整體 資料 來看 每 增加 1 的 疫苗 施打 人口 可 降低 3 的 新冠 個案 發生 台 大公 衛 校友 醫師 廖思涵 則 指出 從 科興 疫苗 在 巴西 所 進行 的 第 三期 臨床 試驗 可 看出 保護 力 與 試驗 結果 都 有待 進一步 商榷 恐怕 才能 更進一步 的 被 世界 認可 廖思涵 指出 科興 疫苗 在 巴西 共 進行 1萬2396 人 的 第 三期 臨床 試驗 其中 疫苗 組 4953 人 對照組 4870 人 但 疫苗 組 中 竟 有 85 人 感染 新冠肺炎 幾乎 是 對照組 感染 人數 168 的 一半 保護 力僅 507 廖思涵 表示 科興 疫苗 的 試驗 人數 與 嬌 生 疫苗 相比 少 了 四 分之三 是 科學 證據 備受 質疑 的 原因 同時 不良反應 也 較 多 約 有 六 成 的 接種 者 出現 注射 部位 疼痛 三 成 的 接種 者 出現 頭痛 但 整體而言 科興 疫苗 的 安全性 沒有 太 大 問題 至於 嬌 生 疫苗 先前 傳出 血栓 疑慮 廖思涵 說明 從 嬌 生 疫苗 的 大型 試驗 看出 在 疫苗 組 1萬9691 人 以及 對照組 1萬9630 人中 僅 發現 一 例 腦 部 血栓 併發 大腦 出血 以及 一 例 格林巴厘 症候 群 發生 風險 仍 算 相當 低</t>
  </si>
  <si>
    <t>長 庚 大 學新興 病毒感染 研究 中心 近日 在 科技 部 駐 澳大利亞 科技 組 的 促成 下 成功 與 澳洲 蒙 納 許 大學 生物醫學 研究所 展開 合作 將就 抗 寄生蟲 藥物 伊 維 菌素 ivermectin 抑制 新冠 病毒 的 有效性 進行 研究 以 共同 研發 新型 抗 病毒 藥物 澳洲 蒙 納 許 大學 生物醫學 研究所 前 於 4 月 3 日 宣佈 該所 與 澳洲 彼得 杜哈 堤 感染 與 免疫 研究所 peter doherty institute for infection and immunity 共同 進行 的 一 項 研究 發現 顯示 伊維 菌素 藥物 可 在 48 小時 內 抑制 新冠 病毒 生長 並 有助於 細胞 將 病毒 清除 消息 發佈 後 引發 各界 關注 科技 部 表示 經 評估 後 推薦 長 庚 大 學新興 病毒感染 研究 中心 主任 施 信 如 特聘 教授 為 我方 研究 主持人 並 請 駐 澳大利亞 科技 組 聯繫 推動 雙方 進行 合作 科技 部 指出 雙方 研究 人員 經 密切 聯繫 討論 後 於 5 月 7 日 進行 首次 視 訊 會議 並 就 後續 具體 合作項目 達成 共識 未來 將 由 我方 提供 病毒株 及 p 2 p 3 實驗室 設備 澳 方 提供 實驗 用 藥物 共同 研究 伊維 菌素 針對 新冠 病毒 的 抑制 效果 另外 也 將 合作 層面 進一步 擴 及至 愛滋 茲 卡 流感 及 登革熱 等 病毒 研究 科技 部 提到 雙方 也 同意 將 由 長 庚 大學 與 蒙納 許 大學 代表 簽署 相關 合作 及 保密 協定 一旦 協定 完成 簽署 後 將 盡 速 展開 具體 研究 科技 部將 持續 瞭解 合作 進度 並 適時 提供 最 大 的 協助 以期 儘早 產生 具體 成果 以 協助 抗 疫 長 庚大學 新興 病毒感染 研 中心 於 2009 年 成立 持續 接受 科技 部 補助 執行 研究 計畫 2018 年 獲得 科技 部 補助 特色 研究 中心 計畫 該 中心 任務 為 因應 新興 病毒 如 sars 禽流感 h 1 n 1 等 對 社會 經濟 交通 生態 教育 等 層面 所 造成 的 衝擊 與 威脅</t>
  </si>
  <si>
    <t>聯 亞 疫苗 eua 審核 結果 未 通過 指揮中心 指揮官 陳時中 指出 是 聯 亞 的 中和 抗體 效力 差 是 未 通過 的 主因 然而 胸腔 暨 重症 醫師 黃軒 表示 不 想 重症 死 掉 需要 的 不 只 是 抗體 而是 t 細胞 的 反應 直言 中和 抗體 檢測 多 好 多 高 只 是 商業 手法 的 把戲 而已 黃軒 在 臉書 指出 各 廠商 一直 說 抗體 有 多 高 那 其實 只 是 免疫系統 的 初階 反應 而已 真正 可以 讓 人 免於 重症 和 死亡 的 是 負責 殺 毒 的 t 細胞 反應 不只 是因為 人體 內 產生 很多 的 中和 抗體 而已 黃軒 表示 單純 的 抗體 只是 輕 症 患者 的 滅 毒 主要 工具 真正 能 對 抗 病毒 的 殺手 是 叫 cd 8 t 細胞 也 就 是 殺手 t 細胞 只有 有用 的 殺手 t 細胞 持續 存在 才 可能 殺死 重症 病 患 身體 內 的 covid-19 病毒 一 但 進入 重症 狀態 決勝 點 就 是 看 你 的 殺手 t 細胞 強 不強 夠不夠 久 t 細胞 殺 毒 的 工具 好不好 為什麼 需要 的 不 只 是 抗體 黃軒 表示 有 科學家 研究 在 covid-19 重症 存活 下來 的 人 和 重症 死亡 的 人 檢查 他們 血液 中的 t 細胞 濃度 差異 才 知道 重症 存活 者 其 第一 線 參與 戰鬥 的 t 細胞 都 維持 很 高 的 水準 而 重症 死亡者 都 無法 維持 有效 的 t 細胞 反應 因此 人 不 想死 需要 的 不 只 是 抗體 而已 還 需要 的 是 t 細胞 參與 黃軒 表示 t 細胞 在 對 抗 病毒感染 中 扮演 非常 重要 的 角色 負責 殺 毒 其中 輔助 性 t 細胞 為 協助 淋巴細胞 b 細胞 產生 抗體 和 協調 其他 免疫 細胞 的 應答 而 殺手 t 細胞 負責 殺死 受 感染 的 細胞 以 減少 病毒 量 此外 t 細胞 還有 記憶 病毒 的 記憶性 t 細胞 防止 免疫 過度 反應 的 調節 t 細胞 所以 人類 身體 內 需要 的 不 只 是 有 足夠 的 抗體 也 得有 足夠 真的 可以 工作 的 t 細胞 且 疫苗 一定 要 打完 二 劑 滿 14 天 體內 才能 有 足夠 的 t 細胞保護 免於 重症 死亡 對於 eua 沒過 聯 亞 表示 疫苗 經 第一 二期 臨床 證實 是 高度 安全 可 有效 誘導 t 細胞 毒殺 病毒 且 對 印度 delta 變異 株 仍 保有 與 原始 病毒株 相近 的 中和 抗體 效價 但 食 藥 署 公告 是 以 對 原始 病毒株 中和 抗體 效價 與 az 比較 當作 eua 免疫 橋 接 認定 標準</t>
  </si>
  <si>
    <t>新冠狀 肺炎 covid-19 疫情 延 燒 讓 全球 至少 150 國 出現 確診 案例 搞 的 人心惶惶 但 對於 病毒 究竟 起 源自 何處 至今 說法 眾說紛紜 但 近期 有 美國 的 研究所 協同 多 個 國家 進行 研究 武漢肺炎 病毒株 的 基因 序 後 發現 這種 病毒 並</t>
  </si>
  <si>
    <t>新冠狀 肺炎 covid-19 疫情 延 燒 讓 全球 至少 150 國 出現 確診 案例 搞 的 人心惶惶 但 對於 病毒 究竟 起 源自 何處 至今 說法 眾說紛紜 但 近期 有 美國 的 研究所 協同 多 個 國家 進行 研究 武漢肺炎 病毒株 的 基因 序 後 發現 這種 病毒 並非 屬於 人造 病毒 且 可能 有 2 種 自然 演化 的 假設 據 美國 斯克裡普斯 研究所 scripps research institute 發表 于 自然 醫學 期刊 nature medicine 的 共同 研究 論文 可能 推翻 人為 製造 的 陰謀論 說法 該 研究 團隊 為 探索 新型 冠狀病毒 的 起源 與 演化 方式 在 實驗室 分析 病毒株 基因 序 發現 該 病毒 是 世界 上 第 7 種 影響 人類 的 冠狀病毒 並 發現 該 病毒 具有 兩 類 特徵 包括 突刺 蛋白 rbd 突變 及 獨特 的 骨架 研究 論文 判斷 起源 追朔 已 可 清楚 的 顯現 基本 可 排除 掉 實驗室 人為 製造 出 病毒 的 說法 斷定 該病 毒 非 人為 製造 操縱 斯克裡普斯 研究所 免疫 學 和 微生物學 副教授 kristian andersen 博士 指出 通過 比較 已 知 冠 狀 病毒株 的 可用 基因組 序列 資料 我們 可以 堅定 地 確定 sars-cov- 2 來自 自然 過程 該 實驗室 同時 也 提出 新冠 病毒 起源 論 的 2 種 合理 假說 第一 是 新冠 病毒 在 動物 宿主 身上 產生 並 經過 天擇 自然 演化 而來 之後 再 透過 多種 途徑 傳染給 人類 第二 則 是 動物 身上 有 另外 一 種 非 致病 性 的 病毒 在 傳染給 人類 以後 經 突變 演化 為 在 全球 爆發 的 新型 冠狀病毒 據 公開 資料 顯示 斯克裡普斯 研究所 英文 the scripps research institute 縮寫 tsri 是 世界 著名 的 綜合性 醫學 研究 及 教育 機構 也 是 世界 上 最 大 的 私立 非營利性 生物醫學 研究 機構 之一 總部 位於 美國 加州 聖地牙哥 市 研究 人員 包括 3000 餘 名 科學家 研究 人員 誕生 過 包含 諾貝爾 醫學 獎得主 布魯斯·比尤特勒 bruce alan beutler 在內 的 醫學 化學 獎得主</t>
  </si>
  <si>
    <t>美國 因為 武漢肺炎 病逝 的 人數 打破 50萬 大關 拜登 總統 今晚 將 帶領 點燃 燭光 為 病故 者 默哀 並 宣佈 全美 聯邦 機構 降半旗 5 天 拜登 也 將 發表談話 2019 冠 狀 病毒 疾病 covid-19 武漢肺炎 爆發 一年多來 全美 累積 確診 病例 超過 2816萬 例 病故 人數 超出 50萬 人 在 這 哀傷 的 時刻 拜登 joe biden 今晚 將 與 第一 夫人 吉兒 jill biden 副 總統 賀錦麗 kamala harris 夫婦 等 人 在 白宮 南 草坪 舉行 默哀 與 點燃 燭光 儀式 為 死者 致哀 白宮 發言人 莎 琪 jen psaki 今天 在 例行 記者會 上 表示 今晚 的 活動 標誌 50萬 不幸病故 美國 民眾 的 紀念 呼籲 所有 美國 民眾 在 日落時分 的 儀式 上 一同 為 病故 者 默哀 莎 琪 表示 拜登 將 發表談話 並 將 宣佈 聯邦 政府 機構 降半旗 5 天 至於 拜登 的 談話 內容 莎 琪 指出 主要 是 凸顯 這 對 美國 民眾 與 許多 家庭 帶來 的 巨大損失 並 透過依循 公共 衛生 指導方針 共同努力 盡 速 完成 疫苗 接種 以 扭轉 疫情 大 流行 但 今晚 不是 向 公眾 提供 建議 或 更新 防疫 進展 的 時機 儘管 美國 每日 通報 的 新增 確診 病例 數 已 有所 下滑 但 目前 每天 仍 有 數 千 人 染疫 不治 且 全國 只 有 不 到 15 人口 接種 疫苗 拜登 首席 醫療 顧問 佛 奇 anthony fauci 日前 向 美國有線電視新聞網 cnn 表示 美國 染疫 死亡 人數 即 將 達到 50萬 大關 這 是 美國 史上 極具 歷史 意義 的 重大事件 被 問及 2022 年 美國 民眾 是否 應 繼續 戴 口罩 佛 奇 回答 我 認為 可能 是 這樣 他 還 說 這 取決 于 社區 中的 病毒 量 以及 可能 的 變異 病毒株 佛 奇 在 接受 美國國家廣播公司 nbc 節目 會晤 新聞界 meet the press 訪問 時也 表示 要 確定 美國 何時 能 達成 群體 免疫 仍 為時過早 編輯 張佑之 1100223</t>
  </si>
  <si>
    <t>新冠肺炎 蔓延 全球 超過 1 年 變種 病毒 頻 傳 臺灣 自 5 月 中旬 以來 的 本土 疫情 就 是 和 在 英國 被 發現 的 alpha 變異 株 有關 已 有 醫師 提出 警告 現在 要 擔心 的 是 在 印度 被 發現 的 delta 變異 株 傳染 力 更 強 甚至 會 在 地 自我 進化 極 可能 成為 接下來 的 主要 病毒株 delta 變種 傳播 力比 整 慘 臺灣 的 alpha 變種 更 強 超過 50 以上 萬芳 醫院 精神 科 醫師 潘建志 指出 這個 新病毒 導致 主要 疫苗 的 保護 力 下降 相信 不久 後 將 淘汰 其他 變種 成為 主要 病毒株 潘 強調 根據 變種 病毒 的 結構 以及 流行病 學 統計 兩 個 方向 都 導向 一致 結論 那 就 是 要 挫 賽 了 潘建志 引述 國外 研究 指 delta 變種 的 r 0 值 更 大 恐怕 超過 6 英國 打完 兩 針 az 疫苗 的 人 死 了 12 個 研究 指出 它 的 s 蛋白 更 容易 進入 細胞 致病 力 致 死力 增強 潘建志 甚至 認為 目前 在 臺灣 的 alpha 變種 會 自我 進化 成 delta 變種 一個 免疫力 缺乏 慢性 病毒 在 體內 繁殖 的 病人 就 可以 找到 新 的 變種 病毒 不必 桃園 機場 不必 松山機場 完成 在 地 進化</t>
  </si>
  <si>
    <t>北京 新冠 病毒株 變 了 48 歲 女 病 患 驚見 這 症狀</t>
  </si>
  <si>
    <t>臺灣 維持 了 1 年 多 的 平靜 日常生活 終究 爆出 了 本土 疫情 新冠肺炎 感染 情況 一 波 接 一 波 不但 雙北 深受 影響 原本 勉強 壓下 確診 數 的 中南部 如今 又 出現 delta 病毒株 進入 南 臺灣 美女 主 播 吳宇舒 對於 現況 也 不禁 感歎 真的 是 看</t>
  </si>
  <si>
    <t>臺灣 維持 了 1 年 多 的 平靜 日常生活 終究 爆出 了 本土 疫情 新冠肺炎 感染 情況 一 波 接 一 波 不但 雙北 深受 影響 原本 勉強 壓下 確診 數 的 中南部 如今 又 出現 delta 病毒株 進入 南 臺灣 美女 主 播 吳宇舒 對於 現況 也 不禁 感歎 真的 是 看不到 盡頭 美女 主 播 吳宇舒 2013 年 嫁 給 同為 記者 的 老公 如今 39 歲 的 她 仍 是 活力充沛 且 外 型 保養 得 相當 好 除了 在 主 播 臺上 努力 外 私下 跟 老公 還有 狗 兒子 開心 生活 也 熱愛 戶外運動 過去 經常 能 看見 她 分享 到 各地 旅遊 踏青 的 美好 照片 但 這 一切 因為 臺灣 疫情 關係 都 被迫 停 擺 她 昨天 6 27 在 臉書 po 文 發表 對於 delta 變種 病毒株 仍 傳入 臺灣 的 心得 其實 從 疫情 爆炸 到 趨 緩 再 到 delta 入侵 管制 都 是 一樣 三級 警戒 民眾 能 做到 的 很 有限 就是 盡可能 遵守 中央 所 宣佈 的 警戒 努力 撐下去 如今 delta 病毒 在 台現蹤 三級 警戒 從 當初 確診 數 下降 到 如今 3 度 延 後 三級 警戒 讓 吳宇舒 直 歎 看不到 盡頭 只能 自己 轉換 心情 但 未來 自己 以及 他人 的 安全 吳宇舒 仍 是 勸 大家 少 出 門就 在家 找樂 子 吧 她 隨 文章 貼出 穿 著 半截 小 可愛 大 露 蠻 腰 的 辣 照 哀怨 表示 快 沒有 照片 發 了 同台 主 播 巫嘉芬 還 特地 留言 說 自己 有 拉大 認真 欣賞 腹肌 主 播 簡立喆 也 直 贊 吳宇舒 腰 線 太 美 人 當然 也 美 呆 了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中國 重慶 智飛 生物 製劑 公司 27 日 宣佈 他們 所 研發 的 重組 蛋白 新冠肺炎 疫苗 經 第 3 期 臨床 試驗 顯示 對 預防 新冠肺炎 的 保護 力達 8176 對 delta 變種 病毒株 也 有 77 的 保護 力 具體 實驗 資料 方面 澎湃 新聞報導 公告 稱 智飛</t>
  </si>
  <si>
    <t>中國 重慶 智飛 生物 製劑 公司 27 日 宣佈 他們 所 研發 的 重組 蛋白 新冠肺炎 疫苗 經 第 3 期 臨床 試驗 顯示 對 預防 新冠肺炎 的 保護 力達 8176 對 delta 變種 病毒株 也 有 77 的 保護 力 具體 實驗 資料 方面 澎湃 新聞報導 公告 稱 智飛 疫苗 自 2020 年 12 月 12 日 開始 陸續 在 烏茲別克 印尼 巴基斯坦 和 厄 瓜 多 等 國家 進行 第 3 期 臨床 試驗 18 歲 以上 受試者 共計 2萬9000 人 按照 012 月 的 免疫 程式共 接種 3 劑 疫苗 截至 本次 資料 分析 日 對於 任何 嚴重 程度 的 新冠肺炎 的 保護 效力 為 8176 達到 who 要求 的 新冠 疫苗 有效性 標準 其中 對於 新冠肺炎 重症 及 以上 病例 死亡 病例 的 保護 效力 均 為 100 安全性 資料 結果 總體 不良反應 發生率 疫苗 組 與 安慰 劑 組 無 顯著 差異 顯示 安全性 良好 智飛 強調 他們 是 目前 全球 唯 一對 野生 株 和 主要 變異 株 完成 完整 第 3 期 臨床 試驗 的 疫苗 對於 新冠 病毒 變異 株 的 保護 效率 此前 智飛 生物 公司 副董事長 蔣淩峰 公開 表示 值得 期待 初步 分析 結果顯示 對 alpha 變異 株 的 保護 效力 為 9293 對 delta 變異 株 的 保護 效力 為 7754 中國 目前 使用 的 國產 新冠 疫苗 計有 科興 sinovac 減毒疫苗 國藥 sinopharm 減毒疫苗 康 希諾 cansino 病毒 載體 疫苗 等 智飛 是 首 款 重組 蛋白 疫苗 今年 3 月 被 納入 緊急 使用 是 大陸 第 4 款 獲 批 緊急 使用 的 新冠 病毒 疫苗 截至 26 日 全 大陸 累計 接種 疫苗 20億 劑 次 近 9億 人 已 打完 2 針</t>
  </si>
  <si>
    <t>自 巴西 出現 新冠肺炎 病例 後 成為 南美洲 首 起 確診 病例 引起 高度 關注 而 在 巴西 和 英國 的 研究 人員 研究 下 已 完成 首例 病例 的 病毒基因 定 序 發現 與 最初 在 大陸 武漢 發現 的 病毒株 基因 密碼 已經 有 三 處 不同點 根據 已 存有 關於</t>
  </si>
  <si>
    <t>自 巴西 出現 新冠肺炎 病例 後 成為 南美洲 首 起 確診 病例 引起 高度 關注 而 在 巴西 和 英國 的 研究 人員 研究 下 已 完成 首例 病例 的 病毒基因 定 序 發現 與 最初 在 大陸 武漢 發現 的 病毒株 基因 密碼 已經 有 三 處 不同點 根據 已 存有 關於 新型 冠狀病毒 基因組 序列 的 分析 網站 virological org 在 巴西 權威 病理 化驗 所 阿 多佛 魯茲 adolfo lutz 與 聖保羅 大學 醫學院 熱帶 醫學 研究所 和 英國牛津大學 合作 29 日 完成 巴西 暨 拉丁美洲 首例 新冠肺炎 確診 病例 病毒基因 定 序 聖保羅州 研究 支援 基金會 fapesp 指出 這 名 來自 聖保羅 的 61 歲 男性 確診 病 曾經 於 9 日 至 21 日 有 義 大利 北部 旅遊 史 在 返回 巴西 後 才 開始 出現 發燒 乾咳 與 喉嚨 痛 等 呼吸道 症狀 患者 目前 情況 穩定 僅 有 乾咳 的 輕微 症狀 在家 隔離 但 研究 人員 發現 巴西 首 起 病例 的 新冠 病毒基因 序列 只 有 一處 與 義 大利 的 相同 而 義 大利 新冠 病毒 是從 一 名 來自 到訪 羅馬 的 湖北省 旅客 但 不 代表 因此 造成 在 該 城市 區域 傳染 初步 基因 研究 顯示 巴西 首 起 病例 的 病毒基因 排序 與 武漢 發現 的 新冠 病毒 相比 已 有 三 處 相異 其中 兩 變異 處 與 德國 的 病例 最 相近 因此 推論 不止 一個 人 在 歐洲 傳播 疾病 研究 人員 之一 薩比諾 ester cerdeira sabino 稱 必須 對 rna 的 變化 進行 測 序 和 研究 以 瞭解 這種 變化 是否 對 疾病 的 傳播 有 影響 比如 伊朗 呈現 較 高 的 死亡率 是否 與 病毒基因 突變 有關</t>
  </si>
  <si>
    <t>delta 病毒株 入侵 臺灣 賴士葆 購買 疫苗 十萬火急 蔡英文 聽到 沒</t>
  </si>
  <si>
    <t>指揮中心 今天 表示 日前 屏 東 2 名 自 秘魯 入境 的 祖孫 經 基因 定 序 確定 為 印度 病毒株 delta 藍委 賴士葆 表示 delta 變種 病毒 來勢洶洶 全世界 都 嚴陣以待 很多 國家 都 因為 這個 新 的 病毒 侵襲 重 啟 警戒 防疫 措施 採購 疫苗</t>
  </si>
  <si>
    <t>指揮中心 今天 表示 日前 屏 東 2 名 自 秘魯 入境 的 祖孫 經 基因 定 序 確定 為 印度 病毒株 delta 藍委 賴士葆 表示 delta 變種 病毒 來勢洶洶 全世界 都 嚴陣以待 很多 國家 都 因為 這個 新 的 病毒 侵襲 重 啟 警戒 防疫 措施 採購 疫苗 施打 疫苗 是 所有 國家 目前 最 優先 的 政策 蔡英文 總統 聽到 沒 賴士葆 表示 姑且 不論 很多 先進 國家 採購 疫苗 數量 都 是 人口 的 幾 倍 鄰近 的 菲律賓 日前 與 輝 瑞籤 約 購買 4千萬 劑 疫苗 越南 自 購 3100萬 劑 疫苗 7 月 要 陸續 交貨 他 感歎 臺灣 的 經濟 實力 在 世界排名 15 左右 防疫 紓困 特別 預算 編 列 340 多 億 元 採購 疫苗 從 去年 迄今 採購 到貨 的 只 有 6億 元 左右 採購 績效 讓 人 欲哭無淚 賴士葆 指出 感謝 最近 美國 捐贈 250萬 劑 莫德納 疫苗 日本 先前 捐贈 的 124萬 劑 及 現在 加送 的 100萬 劑 az 疫苗 對 防疫 絕對 有 很 大 幫助 然而 面對 疫情 指揮中心 採購 無能 的 表現 駐 美 代表 蕭美琴 應該 請 美方 協助 下 訂 的 500 多 萬 劑 莫德納 疫苗 能夠 早點 交貨 完畢 甚至於 加 購 幾 百萬 劑 疫苗 駐 日 代表 謝長廷 也 應向 日本政府 表達 我們 願意 購買 國際 認證 的 疫苗 且 能 加速 到貨 賴士葆 說 政府 各個 有關 單位 應 窮 其 一切 力量 向 國外 買進 疫苗 以及 對於 地方 政府 企業 民間團體 要 捐贈 疫苗 的 申請 應該 盡 速 幫忙 開綠燈 除 路障 使 臺灣 能夠 增加 疫苗 供給量 以 提高 整體防護 能力 如此 才 能夠 對得起 因 新冠肺炎 而 死亡 的 600 多 條 寶貴 的 生命 當 病毒 不斷 地 變種 施打 疫苗 是 唯一 的 解方 賴士葆 認為 疫情 指揮中心 將 所有 疫苗 採購 的 過程 都黑 箱 作業 立 法院 衛環 委員會 成立 的 疫苗 採購 調閱 小組 也 在 執政黨 的 刻意 杯 葛下 形同虛設 因此 人民 無從 知道 也 無從 監督 難怪 一 年 多 了 指揮中心 交 不出 起碼 的 成績單</t>
  </si>
  <si>
    <t>新冠肺炎 疫情 似乎 在 國際 間 為 有 減緩 跡象 根據 worldometers 即時 資料 全球 確診 病例 累計 突破 4000萬 例 染疫 死亡 人數 111萬5154 人 聯合國 秘書長 古 特瑞 斯 antonio guterres 17 日 就 表示 分裂 的 世界 在 疫情 期間 未能 通過 考驗 臺灣 的 疫情 相較 下 趨於 緩和 但 各國 情況 卻 非 如此 歐洲 許多 國家 紛紛 頒佈 新 的 防疫 措施 試圖 遏止 疫情 爆 回溫 根據 日本 研究 人員 發現 冠狀病毒 可 在 人類 皮膚 上 保持 活性 9 小時 由此可知 要 對抗 新冠肺炎 就 得 經常 洗手 根據 wion 引述 自 臨床 傳染病 clinicalinfectious diseases 的 研究 指出 和 iav a 型 流感 病毒 相比 造成 2019 冠 狀 病毒 疾病 的 病毒株 sars-cov- 2 會 存 活 在 人類 皮膚 9 小時 或許 會 增加 接觸傳染 風險 從而 加速 疫情 擴散 相較 之下 造成 流行性 感冒 的 病毒 只 會 在 人類 皮膚停留 約 18 小時 根據 報導 研究 團隊 從 解剖 樣本 採集 病 患 死亡 約 1 天 後 的 皮膚 進行 測試 並 噴灑 幹 洗手 使用 的 乙醇 後 冠狀病毒 和 感冒 病毒 都 會 在 15 秒 內 失去 活性 經 研究 後 發現 sars-cov- 2 在 皮膚 上 存活 較 長 增加 了 接觸傳染 的 風險 但 手部 清潔 可 降低 這種 風險 研究 結果 也 驗證 了 世衛組織 world health organization 建議 民眾 可 透過 經常 且 徹底 洗手 的 方式 來 降低 病毒傳播 風險 提供 了 佐證 更 多 ctwant 報導</t>
  </si>
  <si>
    <t>日本 新冠 疫情 進入 第 五 波 大 流行 首都 圈 與 沖繩縣 和 大 阪 府 2 日 起 展開 新一輪 緊急 事態 宣言 針對 全國 知事 會議 建議 政府 執行 嚴格 限制 外出 的 封城 措施 官房長官 加藤 表示 現行制度 下 在 日本 不可 行 日本政府 上周 追加 埼 玉 千 葉 神 奈川 等 首都 圈 3 縣 以及 大 阪 府 為 緊急 事態 宣言 對象 並 對 東京都 和 沖繩縣 延長 宣言 期限 到 31 日 北海道 京都府 福岡 縣 等 5 地 則 頒佈 次 一級 的 防止 蔓延 等 重點 措施 限期 亦 到 31 日 全國 知事 會 1 日 召開 新冠 對策 總部 視 訊 會議 與會 44 位 知事 呼籲 在 高 傳染性 的 delta 變種 病毒株 蔓延 下 為 防止 人員 流動 增加 染疫 風險 民眾 在 暑假 期間 和 盂 蘭盆 節 儘量 取消 或 延後 跨 行政區 旅行 和 返鄉 北海道 知事 鈴木 警告 如果 民眾 不 配合 恐 將 演變 為 史上 最 大 危機 但 緊急 事態 宣言 擴大 後 的 第 一個 工作日 各地 仍 見 人潮 共同 社 報導 也許 是 防疫 疲勞 加上 奧運 導致 民眾 鬆懈 一 位 搭 電車 的 通勤 族 表示 也許 很多 人 覺得 正 在 辦 奧運 所以 自己 可以 外出 在 神 奈川 縣府 大樓 附近 的 jr 關內 站 一 名 白領 坦言 車廂 和 疫情 前 一樣 擠滿 人 對 宣言 效果 質疑 大 阪 府 車站 同樣 出現 繁忙 人流 居民 說 已 習慣 緊急 事態 沒 啥 危機感 況且 正 在 辦 奧運 舉 國 進入 祭 典 般 輕鬆 氣氛 他 對 控制 疫情 沒 信心 面對 第 五 波 疫情 來勢洶洶 官房長官 加藤 2 日 在 記者會 中 針對 全國 知事 會 在 緊急 建議 中 呼籲 政府 實施 嚴格 限制 外出 的 封城 措施 表達 謹慎 態度 解釋 現行制度 下 在 日本 不 可行 將 嚴重 限制 私 權</t>
  </si>
  <si>
    <t>愛 傳媒 黃珊珊 專欄 桃園 9 月 15 日 新增 一 位 本土 個案 經過 快速 基因 定 序 確認 為 delta 病毒株 經過 通報 後 我們 立即 啟動 疫 調 作業 將 個案 在 北市 的 足跡 第一圈 接觸 者 以及 第二 層 接觸 者 都進行 匡列 和 居 隔 並 協助 安排 精准 采</t>
  </si>
  <si>
    <t>愛 傳媒 黃珊珊 專欄 桃園 9 月 15 日 新增 一 位 本土 個案 經過 快速 基因 定 序 確認 為 delta 病毒株 經過 通報 後 我們 立即 啟動 疫 調 作業 將 個案 在 北市 的 足跡 第一圈 接觸 者 以及 第二 層 接觸 者 都進行 匡列 和 居 隔 並 協助 安排 精准 采 檢 確診 足跡 處理 經 調閱 實 聯 制 後 確認 個案 在 發病 日前 3 天 曾 到 新光 三越 a 11 地下室 一 蘭 拉麵 用餐 目前 已經 停業 消毒 並且 依 規定 閉店 三 天 另外 從 9 月 18 日 到 9 月 29 日 必須 停止 內 用 只 提供 外帶 信義 區 健康 服務 中心 也 會 協助 業者 安排 當日 出勤 員工 17 人 接受 精准 采 檢 至於 個案 用餐 前後 30 分鐘 經過 實 聯 制 的 調閱 共有 50 位 顧客 北市 已經 發送 細胞 簡訊 通知 也 協助 有 意願 的 顧客 安排 采 檢 匡列 密切接觸 者 個案 曾 在 發病 前 一 天 有 北市 的 密切接觸 者 臺北市 也 用 最 快 的 速度 匡列 接觸 者 安排 采 檢 後 入住 防疫 旅館 14 天 另外 第二 層 接觸 者 也 都 安排 采 檢 並 進行 5 天 預防 性 的 居家 隔離 此案 為 桃園 機場 的 機艙 清潔 人員 ct 值 只 有 14 這 也 是 我們 最 擔心 的 部分 且 感染 源 不明 我 還是 要 提醒 大家 飛機 和 機場 還是 相對 高風險 的 場 域 特別是在 候機 時 機艙 內 都 必須 特別注意 出入 國境 時 還 是 要 小心 目前 臺北市 的 衛生 單位 已經 采 最高 規格 處理 delta 個案 的 接觸 者 希望 能 透過 嚴密 的 第一 層 第二 層 匡列 迅速 圍堵 病毒 不要 再 造成 更 多 破 口 作者 為 臺北市 副 市長 照片 來源 作者 臉書 截 圖 更 多 文章 見 作者 臉書 經 授權 刊載 專欄 文章 不 代表 i-media 愛 傳媒 立場</t>
  </si>
  <si>
    <t>印度 驚 現 delta 變種 病毒 的 變異 株 delta 目前 境內 已經 發現 40 病例 delta 具有 傳播 性 更 強 和 肺部 細胞 受體 結合 能力 更 強 可能 降低 抗體 反應 能力 等 3 大 特色 印度 指 delta 最初 是 在 歐洲偵 測到 目前 這 只 病毒株</t>
  </si>
  <si>
    <t>印度 驚 現 delta 變種 病毒 的 變異 株 delta 目前 境內 已經 發現 40 病例 delta 具有 傳播 性 更 強 和 肺部 細胞 受體 結合 能力 更 強 可能 降低 抗體 反應 能力 等 3 大 特色 印度 指 delta 最初 是 在 歐洲偵 測到 目前 這 只 病毒株 已經 蔓延 至 英國 美國 等 10 國 綜合 印度斯坦 時報 hindustan times 新德里電視臺 ndtv 報導 印度政府 昨 22 日 宣佈 境內 出現 22 例 delta delta plus 變種 病毒 確診 案例 分別 分散 在 西部 的 馬哈拉什特拉 省 maharashtra 北部 馬德雅 省 madhya pradesh 及 南部 克勒拉 省 kerala 不過 消息人士 今 23 日 透露 delta 病例 不只 出現 在 這 3 個 省 目前 印度 已經 發現 超過 40 起 相關 病例 印度 衛生部 指出 從 delta 進一步 突變 而來 的 delta 變異 株 又 被 稱為 b 161721 或 ay 1 具有 傳播 性 更 強 和 肺部 細胞 受體 結合 能力 更 強 可能 降低 單株 抗體 反應 能力 等 3 大 特性 印度 衛生部 已經 建議 發現 病例 的 省份 即刻 升級 防疫 措施 包括 禁止 民眾 群 聚 進行 大規模 篩檢 疫 調 與 追蹤 病毒 蹤跡 以及 讓 優先 族群 接種 疫苗 不只 印度 印度政府 證實 包括 美國 英國 葡萄牙 瑞士 日本 波蘭 尼泊爾 中國 俄羅斯 等 9 國都 已經 偵 測到 delta 病毒 印度 時報 times of india 先前 報導 印度 科學 及 工業 研究 委員會 council of scientific and industrial research csir 基因 與 綜合 生物 研究所 institute of genomics and integrative biology igib 科學 家史 嘉 力亞 vinod scaria 指出 delta 變異 株 是 在 delta 病毒 的 棘 狀 蛋白 上有 k 417 n 位點 突變 這 個位 點 突變 讓 科學家 擔心 delta 可能 具備 抵抗 結合 單株 抗體 casirivimab 和 imdevimab 雞尾酒 式 抗體 療法 的 能力 另外 印度 官方 智庫 niti aayog 成員 保羅 vk paul 表示 delta 變異 株 最初 是 在 3 月 於 歐洲 偵 測到 史嘉力 亞 指出 目前 歐洲 亞洲 美國 已經 發現 了 127 個 基因 序列</t>
  </si>
  <si>
    <t>delta 肆虐 全球 各國 狂 打 疫苗 提升 覆蓋率 對此 胸腔 暨 重症 醫師 黃軒 表示 面對 delta 病毒 第二 劑 疫苗 的 覆蓋率 至少 要 達 80 但 目前 還 沒有 任何 國家 達成 且 許多 國家 的 領導人 還 會 將 第一 劑 與 第二 劑 的 資料 相加 算 出 一個 較 好看 的 數字 騙 自己 但 病毒 是 不吃 這 套 的 黃軒今 在 臉書 發文 表示 全球 受到 delta 變異 株 侵犯 只 有 兩劑 疫苗 接種 率 達 80 以上 的 人才 可能 有 群體 免疫 的 保護 例 但 很 可惜 的 是 在 地球 表面 上 還 沒有 任何 一個 國家 是 真 的 打完 2 劑 疫苗 者 超過 80 的 黃軒 指出 截至 9 月 8 日 接種 2 劑 疫苗 前 3 名 的 國家 為 葡萄牙 7875 新加坡 7651 與 阿拉伯 大公國 7711 難怪 delta 仍 是 全球 霸主 最 怪 的 是 幾乎 各國 領導人 和 政客 都 會 說 我國 的 疫苗 接種 率 已 快要 或 達到 70 或 80 但 實際上 卻是 將 第一 劑 與 第二 劑 的 資料 相加 計算 出 最高 的 數字 騙 自己 但 殊不知 delta 根本 不吃 這 套 黃軒 引述 最新 一期 新英格蘭 醫學期刊 nejm 的 研究 指出 打完 2 劑 bnt 對 alpha 和 delta 病毒株 的 有效性 為 937 和 88 打 了 2 劑 az 疫苗 對 alpha 和 delta 病毒株 的 有效性 則 是 745 和 67 但 若 只 打 1 劑 對 alpha 和 delta 的 有效性 則 只 有 487 和 307 結論 就是 不管 打 哪 種 都好 一定 要 打 滿 兩劑 效果 才 會 好 黃軒 也 說 在 新冠肺炎 的 疫情 流行 下 群體 免疫 是 要 達 80 至 875 才能 有效 控制 住 delta 病毒 但有 很多 國家 都 認為 自己 的 疫苗 覆蓋率 達 60 或 70 就 安全 了 但 不同 的 變種 病毒 需要 不 一樣 的 覆蓋率 60 是 對 去年 的 原始 病毒株 有效 75 是 對 去年底 的 alpha 病毒 有效 黃軒 坦言 delta 病毒 的 r 值 是 6 至 8 且 面對 變種 病毒 須 完整 接種 完 2 劑 疫苗 並且 滿 14 天 後 且 必須 達到 80 以上 的 覆蓋率 才能 有效 控制 住 疫情 但 許多 國家 只 是 達到 60 至 70 就 開始 大大 宣傳 自己 的 政績 甚至 還 開始 脫 口罩 開放 民眾 群 聚 而 這樣 其實 很 危險 黃軒 表示 美國作家 德納克 derek thompson 去年 7 月 在 大西洋 雜誌 報導 的 文章 中 使 用到 防疫 劇場 一 詞 是 指 當局 採取 一系列 防疫 措施 旨在 給 人民 帶來 一 種 提高 安全 防疫 的 錯覺 但 實際上 這些 防疫 措施 你 去 做 了 在 科學 上 幾乎 沒有 減少 染疫 風險 甚至 會 使 疫情 更糟 黃軒 提到 荷蘭 在 今年 7 月 舉辦 大型 音樂 活動 當時 約 2萬 人 參加 參加 活動者 必須 持有 疫苗 接種 完成 的 證明 沒 打 疫苗 的 人 可以 持 72 小時 內 的 陰性 政 名 入場 但 活動 結束 後 當地 立刻 爆 增 1000 名 以上 的 確診 病例 黃軒 坦言 全球 很多 國家 正 在 上演 一 埸 又 一 場 的 防疫 劇場 以 科學 角度 來看 人類 對 自己 撤 謊 是 一 場 很 危險 的 遊戲 不是 嗎 本文 獲 醫師 黃軒 授權 提供</t>
  </si>
  <si>
    <t>澎湃 新聞報導 香港大學 微生物學 於 11 月 30 日 宣佈 成功 從 臨床 標本 中 分離 出新冠 變異 病毒 omicron 毒 株 這 是 亞洲 首 個 研究 團隊 成功 分離 和 培養 omicron 毒 株 分離出來 的 毒 株 將 可 用於 開發 和 生產 滅 活 不 活化 全 病毒 疫苗 據 瞭 解 該 毒 株 的 分離 和 培養 都 是 在 香港大學 生物安全 三級 實驗室 嚴格 按照 操作 規範 下 進行 研究 團隊 正在 對 該 病毒株 進行 進一步 的 分離 與 培養 以 得到 更 大量 的 毒 株 用於 後續 實驗 培養出來 的 病毒 將 用於 動物模型 以 評估 其 傳播 性 免疫 逃逸 性 和 致病 性 團隊 也 在 積極 探討 合作開發 和 生產 滅 活 不 活化 全 病毒 疫苗 的 各種 可能 這項 研究 的 負責人 香港大學 醫學院 微生物 系 講座 教授 袁國勇 說 我們 立刻 認識 到 omicron 變異 株 有 很 強 的 潛在 威脅 性 分離 該 毒 株 是 展開 緊急 研究 的 第一 步</t>
  </si>
  <si>
    <t>新冠肺炎 疫情 在 今年 5 月 如 死灰復燃 般 席捲 全台 目前 染疫 個案 雖 以 中老年 病人 為 主 但 此 波 疫情 擴 及 嬰幼兒 及 學生 族群 國際 間 也 已 發現 變異 病毒株 的 感染 開始 轉向 年輕化 羅東 博愛醫院 小兒科 吳 淑娟 醫師 表示 大部分 嬰幼兒</t>
  </si>
  <si>
    <t>新冠肺炎 疫情 在 今年 5 月 如 死灰復燃 般 席捲 全台 目前 染疫 個案 雖 以 中老年 病人 為 主 但 此 波 疫情 擴 及 嬰幼兒 及 學生 族群 國際 間 也 已 發現 變異 病毒株 的 感染 開始 轉向 年輕化 羅東 博愛醫院 小兒科 吳 淑娟 醫師 表示 大部分 嬰幼兒 為 無 症狀 感染者 若為 輕 症 其 臨床 症狀 不 明顯 有些 只是 微 燒 咳嗽 流 鼻 水 或 腸胃 道 不適 和 一般 感冒 相似 不易 分辨 目前 醫 界 臨床 發現 部分 染疫 嬰幼兒 出現 類似 川 崎 氏症 的 病徵 包含 全身 皮疹 結膜炎 口部 黏膜 發紅 腹痛 腹瀉 等 嚴重 者 甚至 會 如 川 崎 氏症 影響 心血管 功能 造成 急性 心臟 衰竭 或 冠狀動脈 擴張 吳 淑娟 醫師 呼籲 若 發現 小孩 手腳 身體 有 長 疹子 或 小 紅 點 發燒 2 大 症狀 應 提高 警覺 及早 就醫 且 若 與 染疫 者 的 活動 史 重疊 或有 相關 接觸 史 就 要 高度 懷疑 是否 受到 covid-19 病毒感染 本文 由 羅東 博愛醫院 提供</t>
  </si>
  <si>
    <t>臺北市 長 柯文哲 27 日 未 開 記者會 對外 說明 疫情 不過 他 在 臉書 發文 指出 今 早 接到 疾 管署 通知 1 位元 感染 delta 病毒 的 屏 東縣 枋寮鄉 居民 與 2 位 臺北市 民有 近 距離 接觸 柯文哲 指出 這 2 位 市民 是 枋寮 個案 的 妹妹 和 妹婿 20 日 上午 曾 到 枋寮 探視 2 位 接觸 者 只 和 枋寮 個案 短暫 聊天 全程 都有 佩戴 口罩 兩 人 在 當天 就 回到 臺北 他 表示 這 兩 位 市民 是 自行 開車 往返 都 退休 了 沒有 上班 初步 疫 調 也 沒有 在 北市 公共場所 的 足跡 上午 我們 一 接到 通知 立刻 安排 他們 到 陽明醫院 進行 采 檢 並且 收 住 到 檢疫所 進行 隔離 目前 已經 先 進行 pcr 采 檢 北市 會 嚴密 注意 柯文哲 說 在 全球 delta 已 逐步 取代 英國 變異 病毒株 alpha 成為 全球 盛行 病毒株 席捲 至少 80 個 國家 正式 成為 印度 英國 與 新加坡 境內 最 強勢 病毒株 目前 看到 相關 文獻 光 打 1 劑 疫苗 的 人 對 delta 病毒 也 只 有 3 成 左右 的 保護 力 他 強調 在 臺灣 covid-19 疫苗 還 未 普遍 施打前 仍然 要 維持 管制 措施 與 邊境 管制 要 提醒 市民 朋友 特別 小心 即使 戴 口罩 在家 戶內 近 距離 接觸 都 可能 傳染 呼籲 大家 把 口罩 戴 好 不要 亂跑 提高 警覺 我們 沒有 鬆懈 的 本錢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臺灣 疫情 嚴峻 不少 民眾 為此 赴美國 施打 疫苗 新加坡 防疫 醫師 林韋地 認為 無論 去 哪裡 打 疫苗 坐 飛機 本身 就 是 一個 超 高風險 的 行為 因為 你 不可能 知道 機上 哪個 乘客 是 變種 病毒 帶 原者 呼籲 儘量 留在 家裡 等待 能 施打 疫苗 的 機會 林 韋地昨 8 日 在 個人 臉書 表示 基本上 不 建議 為了 打 疫苗 坐 飛機 跑 到 國外 去 無論是 去 美國 打 莫德納 輝瑞 bnt 或是 嬌 生 還 是 去 大陸 接種 科興 或是 國藥 因為 搭乘 飛機 本身 就 是 一個 超 高風險 的 行為 林 韋地 進一步 分析 所有人 在 密閉空間 裡 群 聚 除非 本身 有 私人 飛機 可 另當別論 不然 你 根本 不可能 知道 機上 哪 乘客 可能 是 變種 病毒株 的 帶 原者 即便 全程 佩戴 口罩 潛在 的 風險 還 是 很 高 去 機場 的 途中 登機 的 過程 抵達 目的地 後 到 住處 再 去 打 疫苗 全程 都有 被 感染 的 風險 林 韋地 說 登機 前 72 小時 的 pcr 陰性 證明 不 代表 一定 沒有感染 因為 有 偽 陰性 和 潛伏期 的 可能 若 不幸 染疫 要 在 當地 隔離 治療 可能 會 有 許多 麻煩 及 額外 費用 再 加上 施打 疫苗 也 需要 時間 發揮 效力 有些 疫苗 要 等 三 至 四 個 星期 才能 施打 第二 劑 才能 擁有 完整 的 保護 力 因此 林韋地 呼籲 有意 要 出國 接種 疫苗 的 民眾 現階段 還是 儘量 留在 家裡 等待 本地 接種 疫苗 的 機會 會 來得 安全 特別 是 年長者 要 更加 注意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員榮 醫療 體系 員 榮 醫院 推動 國際 醫療 不 遺 餘 力 自 2016 年 開始 跨 海 到 蒙古 義診 但 礙於 疫情 關係 2020 年 開始 停 擺 今年 員榮 醫院 改用 視 訊 設備 透過 最 先進 的 5 g 智慧 眼鏡 遠 距 傳遞 臨床 照 護 經驗 並 持續 為 當地 民眾 診療 及 醫師 教學 工作 共同 照顧 兩 國 民眾 的 健康 日前 員榮 醫院 以 新冠肺炎 臨床 照 護 研討 為題 與 台中 榮 民 總 醫院 及 多 家 蒙古 國立醫院 透過 視 訊 方式 交流 新冠肺炎 患者 的 臨床經驗 由於 蒙古 目前 新冠肺炎 疫情 仍 相當 嚴峻 因此 這 次 的 視 訊 交流 會議 對於 蒙古來 說 非常 重要 與會 的 那拉 罕 醫學 中心 院長 l baigal 表示 臺灣 醫療 水準 高 透過 交流 讓 蒙古 醫師 提升 照顧 新冠肺炎 病 患 的 知識 與 能力 欽 葛 爾泰 地區醫院 院長 ts lkhagva 也 說 感謝 員榮 舉辦 這次 交流 會議 也 樂見台 蒙 醫療 交流 能 持續 且 緊密 員 榮 醫療 體系 副 院長 塗川洲 表示 與會 有 蒙古 4 家 醫院 及 醫學 中心 超過 30 名 專責 醫師 由於 新冠肺炎 持續 在 各國 發 威 變種 病毒株 難以捉摸 醫療 照 護 是 最 重要 的 一道 防線 希望 透過 交流 強化 彼此 對於 新冠肺炎 疫情 的 掌握 與 相關 併發症 治療 的 能力 塗川洲 強調 從 去年 開始 因 疫情 關係 無法 前往 蒙古 實施 義診 但 從 去年 9 月 起 就 改 采 5 g 智慧 眼鏡 實施 演劇 醫療 技士 指導 幫助 遠在 數 千 裡外 的 蒙古國 民 病毒 不分 國籍 距離 也 希望 能 把 員榮 所 秉 持 的 專業 愛心 視 病 猶 親 理念 透過 科技 傳遞 到 蒙古 為 病 患 解除 痛苦</t>
  </si>
  <si>
    <t>據 廣州日報 報導 廣州 已 不只 連續 19 日 實現 零 新增 新冠肺炎 確診 病例 7 月 8 日 上午 最後 6 名 確診 患者 從 廣州醫科大學 附屬 市 八 醫院 出院 後 本 波 廣州 發生 的 新冠 疫情 所 有感 染病 患 已 全部 治癒 實現 清零 更 重要 的 是 在 這 波 疫情 至今 無 一 例 死亡 廣州 醫療 部門 完成 了 罕見 的 防疫 績效 廣州 自 5 月 以來 爆發 新 一 波 新冠肺炎 疫情 此次 疫情 以 delta 病毒株 為主 這種 變異 病毒傳播 力 強 發病 快 重症 率 高 死亡率 高 在 全球 造成 新冠 疫情 大 流行 以來 最 嚴重 的 災難 目前 仍 持續 困擾 到 上 上百 個 國家 廣州日報 報導 稱 今天上午 根據 大陸 國家 衛生 健康 委 新型 冠狀病毒 肺炎 診療 方案 的 出院 標準 經 專家 評估 又 有 6 名 確診 患者 從 廣州醫科大學 附屬 市 八 醫院 出 院 隨之 廣州 本輪 本地 疫情 在 新增 確診 者 連續 第 19 日清 零 後 住院 感染者 亦 全部 治癒 出現 實現感染者 清 零 截至 今天 廣州市 本 波 新冠肺炎 本土 感染者 累計 報告 153 例 本地 感染者 均 為 廣州 廣州醫科大學 附屬 市 八 醫院 收治 由於 本輪 疫情 病毒傳播 速度 相對 較 快 有 基礎 疾病 的 老年 病例 較 多 在 院 危重症 患者 數 一度 達 10 例 之 多 但 最終 無 一 人 死亡</t>
  </si>
  <si>
    <t>據 大陸 國家 衛健 委 官 網 消息 11 月 30 日 大陸 報告 新增 確診 新冠 病例 113 例 其中 本土 病例 91 例 均 在 內蒙古 呼倫貝爾市 截至 12 月 1 日 6 時 30 分 內蒙古 多 地 防控 升級 全 大陸 共有 高風險 地區 6 個 中 風險 地區 12 個 近日 發現 的 新冠 變異 病毒株 omicron 香港 昨日 出現 第 4 例 確診 患者 來自 奈及利亞 中 高風險 12 6 分佈 4 省 在 新增 的 確診 新冠 病例 113 例 當中 其中 境外 輸入 病例 22 例 雲南 8 例 四川 5 例 廣東 4 例 上海 3 例 福建 1 例 廣西 1 例 含 3 例 由 無 症狀 感染者 轉為 確診 病例 均 在 四川 本土 病例 91 例 均 在 內蒙古 呼倫貝爾市 據 滿洲里市 新冠肺炎 疫情 防控 指揮部 1 日 發佈 的 公告 自 2021 年 12 月 1 日 9 時起 將 滿洲里市 3 地 包括 興華街道 紮賚諾爾區 第 三 街道 第 四 街道 調整 為 高風險 地區 並 實施 相應 管控 措施 截至 1 日14 時 45 分 全 大陸 共有 高風險 地區 6 個 中 風險 地區 12 個 6 個 高風險 地區 均 在 內蒙古 呼倫貝爾市 12 個中 風險 地區 分佈 在 雲南省 德宏州 瑞麗市 遼寧省 大連市 上海市浦東新區 和 青浦區 內蒙古自治區 呼倫貝爾市 和 通遼市 此外 1 日 0 時至 14 時 內蒙古 滿洲里市 報告 新增 確診 病例 12 例 其中 滿洲里 市區 新 增 8 例 紮賚諾爾區 4 例 截至 目前 滿洲里市 累計 報告 新冠肺炎 確診 病例 142 例 其中 滿洲里 市區 106 例 紮賚諾爾區 36 例 滿洲里市 啟動 第 4 輪 檢測 截至 1 日 14 時 內蒙古 滿洲里市 第 3 輪 大規模 核酸 檢測 已 全部 結束 共 採集 樣本 16萬4529 人份 篩 查出 陽性 57 例 其中 已 確診 17 例 另 40 例 待 臨床 覆核 1 日 上午 8 時 滿洲里市 開展 第 4 輪 大規模 核酸 檢測 工作 截至 14 時 已 採集 樣本 13萬5472 人份 對於 逃避 欺瞞 和 拒不接受 核酸 檢測 的 個人 造成 疫情 傳播 擴散 的將 依法 依規 嚴肅 追 責問 責 香港特區政府衛生署衛生防護中心 表示 香港 12 月 1 日 新增 3 例 新冠肺炎 確診 病例 均 為 輸入 病例 此外 稍 早 前 1 例 輸入 病例 昨天 證 實驗 出 omicron 變種 病毒 香港 至 今 累計 確診 4 例 感染 omicron 病毒 病例</t>
  </si>
  <si>
    <t>國內 新冠 疫情 出現 趨 緩 但 仍 造成 逾 6百 人 染疫病 亡 旅美 學者 林環 牆 表示 迄 6 月 27 日 止 臺灣 確診 死亡率 高 達 432 是 世界 平均 確診 死亡率 217 的 兩 倍 以 臺灣 的 醫療 進步 程度 與 經濟 發展 水準 言 這個 數字 太 反常 了 他 對 此 提出 3 個 疑點 希望 臺灣 的 政府 能 提出 合理 解釋 林 環 牆 29 日 在 臉書 貼 文 指出 據 美國 約翰霍普金斯大學 的 資料 顯示 迄 6 月 27 日 止 臺灣 新冠肺炎 確診 死亡率 高 達 432 幾乎 是 世界 平均 確診 死亡率 的 兩 倍 更 大幅 超前 亞洲 鄰國 是 日本 的 23 倍 香港 的 25 倍 南韓 的 33 倍 新加坡 的 72 倍 新加坡 才是 真正 的 典範 他 感歎 臺灣 大 外宣 taiwan can help 這 句 口號 是 不是 非常 諷刺 當然 是 對於 政府 喊 臺灣 超前 佈 署 他 認為 從 現況 來看 當然 沒有 有 的話 臺灣 就 不必 靠 美 日 緊急 捐助 疫苗 而 臺灣 疫苗施打 率 也 不 會 低 到 不忍 卒 睹 的 地步 但 令 他 很 難 相信 的 是 臺灣 的 確診 死亡率 竟 會 是 同樣 人口 高齡 化 的 日本 的 23 倍 在 臺灣 感染 新冠肺炎 的 死亡 風險 為何 如此 之 高 真正 的 原因 為 何? 林 環 牆 並 提出 心中 3 個 疑點 第一 是 臺灣 的 偽 陰性 檢測 的 數量 出奇 地 多 以致 多 到 不可思議 第二 是 臺灣 篩檢 量 出奇 地 過少 以致 嚴重 低估 確診 數 嗎 第 三 還 是 臺灣 醫療 水準 或 準備 出 了 問題 以致 重症 者 沒有 得到 及時 治療 這個 政權 有 提出 合理 解釋 嗎 他 也 呼籲 國人 印度 的 變種 delta 病毒株 已 出現 在 臺灣 傳播 力 很 強 大家 要 加倍 小心 防疫 同時 繼續 施壓 這個 不誠實 的 政府 盡 速 向 美國 購買 輝瑞 與 莫德納 疫苗 臺灣 新冠肺炎 確診 死亡率 迄 6 月 27 日 止 高達 百分之 四 以上 據 美國 約翰霍普金斯大學 的 資料 顯示 見 附圖 迄 6 月 27 日 止 臺灣 新冠肺炎 確診 死亡率 高 達 432 以 臺灣 的 醫療 進步 程度 與 經濟 發展 水準 言 這個 數字 太 反常 了 1</t>
  </si>
  <si>
    <t>新冠肺炎 covid-19 成為 全球 流行 疾病 各國 都 相繼 鎖國 來 控制 疫情 尤其 是 義 大利 更 成為 歐洲 最 嚴重 疫區 也 因 些 讓 各 精品 紛紛 投入 捐 錢 捐 物資 給 醫療機構 來 守護 第一線 的 醫療 人員 在 新冠 疫情 還 看不到 盡頭 下 寶格麗 持續 支持 科學 與 醫學界 對抗 新型 冠狀病毒 covid-19 除 了 一個 月 前 捐贈 給 率先 分離 出 病毒株 的 羅馬 spallanzani 醫院 最新 的 3 d 高 清晰 顯微鏡 以利 研發 疫苗 之外 今 26 日 另 宣佈 另外 一 項 慷慨 貢獻 希望 對 義 大利 對於 預防 打擊 和 根除 新型 冠狀病毒 covid-19 盡 一 份 心 力 決定 與 其 長久 合作 的 香水 製造 夥伴 icr industrie cosmetiche riunite lodi 一起 生產 數 十萬 個 抗 菌 洗手 凝 膠 將 這些 產品 透過 義 大利 民防 部門 優先 提供 給 所有 的 醫療機構 目標 在 前 兩 個 月 內 達到 單日 6000 瓶 的 產量 並且 在 未來 兩 個 月 內 達到 生產 數量 20萬 瓶 抗 菌 洗手 凝 膠 為 75 毫升 的 可 回收 瓶 未來 將 透過 義 大利 政府 分發 以 幫助 在 前線 對抗 病毒 的 關鍵 醫療機構 及 相關 基礎 建設 單位</t>
  </si>
  <si>
    <t>許多 民眾 對 az 疫苗 的 保護 力抱 持 懷疑 的 態度 胸腔 科 醫師 蘇一峰 分享 最新 研究 資料 指出 英國 大規模 施打 後 發現 打 2 劑 bnt 可 預防 880 的 delta 病毒株 感染 打 2 劑 az 則 可防 670 的 delta 病毒株 感染 雖然 兩者 資料 有 差異 但 研</t>
  </si>
  <si>
    <t>許多 民眾 對 az 疫苗 的 保護 力抱 持 懷疑 的 態度 胸腔 科 醫師 蘇一峰 分享 最新 研究 資料 指出 英國 大規模 施打 後 發現 打 2 劑 bnt 可 預防 880 的 delta 病毒株 感染 打 2 劑 az 則 可防 670 的 delta 病毒株 感染 雖然 兩者 資料 有 差異 但 研究者 認為 不管 是 哪個 廠 牌 打完 2 劑 疫苗 都 能 有效 防護 delta 變異 株 的 感染 引發 網友 討論 蘇一峰 昨 在 臉書 發文 表示 新英格蘭 醫學雜誌 nejm 刊登 來自 英國 大規模 施打 的 研究 發現 接種 2 劑 bnt 疫苗 可 預防 937 的 alpha 病毒株 感染 880 的 delta 病毒株 感染 打 2 劑 az 則 能 預防 745 的 alpha 病毒株 感染 670 的 delta 病毒株 感染 蘇一峰 指出 研究者 認為 雖然 2 個 疫苗 之間 有 小 差異 但 研究 結果顯示 打完 兩劑 疫苗 都 可以 有效 防護 delta 變異 株 的 感染 醫藥 粉 專 medpartner美 的 好 朋友 也 分享 該 研究 說 遇到 delta 變異 株 如果 只 打 一 劑 疫苗 受到 的 影響 較 大 但 無論 是 打完 兩劑 bnt 或 兩劑 az 都 能 有效 應付 delta 變異 株 因此 建議 體 弱 族群 無論是 打 哪 種 疫苗 都 應盡 速 完成 兩劑 接種 貼 文 引起 網友 熱烈 討論 az 要 逆 空 高 飛 了 嗎 看向 那些 嫌棄 az 的 人 都 可以 防 重症 who 國際 認可 的 都打 起來 打完 疫苗 至少 有 抗體 期待 9 月份 完成 第二 劑 az 疫苗 接種 但 也 有 網友 質疑 原來 bnt 考 90 分 跟 az 考 70 分 是 差不多 的 差 了 20 只有 az 和 bnt 比較 讓 az 看 起來 更 像是 配角 和 丑角</t>
  </si>
  <si>
    <t>新北 幼稚園 群 聚 案 今天 新增 2 人 確診 累計 32 人 染疫 其中 21 人 的 基因 定 序 結果 是 delta 而 居住 在 臺北市 的 裝修 工人 案 16168 與 妻子 也 在 其中 疫情 指揮中心 醫療 應變 組 副 組長 羅一鈞 表示 兩 人 病毒 序列 都 與 幼稚園 病毒 序列 完全相同 羅 一 鈞 今 於 疫情 記者會 指出 裝修工 與其 妻子 基因 定 序 今日 中午 前 完整 定序 出爐 兩 人和 幼稚園 以及 過去 delta 序列 比較 和 幼稚園 群 聚 序列 完全一致 研 判為 同一 起 事件 羅 一 鈞 說明 整起 幼稚園 序列 和 過去 國內 境外移入 屏 東 桃園 機師 相關 群 聚 都 是 不同 的 屬於 國內 全新 的 序列 對於 裝修 工人 基因 序列 與 幼稚園 群 聚 的 病毒 序列 與 埃及 目前 流行 病毒株 基因 序列 是否 相似 羅一鈞 回應 這次 偵 測到 的 序列 以 國內 資料庫 中比 對 最 接近 南非 境外移入 與 美國 境外移入 2 起 案例 但 也 只能 免強 的 說 相似 因為 有 67 個位 點 差異 不能 推論 有 相關 也 可能 無關 這 起 案件 會 說 是 全新 的 序列 原因 在於 先前 並 沒有 相同 或 接近 的 序列 至於 埃及 曾 在 8 月 公 佈 過 七月 底 驗 出 全國 delta 的 首例 之後 就 沒 再 公佈 相關 序列 比對 因此 會 持續 關注 國際 上 的 發展 現在 來說 跟 埃及 部分 沒 辦法</t>
  </si>
  <si>
    <t>上海 今天 3 日 上午 舉行 新冠肺炎 疫情 防控 工作 新聞 發 佈 會 對 昨日 新增 1 例 本地 新冠肺炎 確診 病例 的 具體情況 進行 了 通報 這 名 新增 病例 為 浦東機場 貨運 區 一 名 外航 貨機 服務 人員 男性 53 歲 職業 為 駕駛員 負責 外航 貨機 機組 浦東機場 閉環 運送 但是 疫 調 暫 未 發現 其 感染 源 通報 稱 上海 這 名 確診 病例 的 居住地 為 浦東新區 川沙新鎮 華夏二路 心 圓 西苑 社區 根據 大陸 國務院 聯防 聯控 機制 有關 要求 經 上海市 防控 辦 研究 決定 將 心 圓 西苑 社區 列為 中 風險 地區 上海市 其他 區域 均 為 低 風險 該 病例 曾於 7 月 21 日 和 7 月 28 日 進行 例行 核酸 檢測 2 次 結果 均 為 陰性 流行病 學 調查 顯示 該 病例 14 天內 未 離 滬 除 工作 場所 與 居住地 外 到訪 過永 和 大王 妙境路 店 工農 飯店 喬家弄 8 號 10 號 等 場所 目前 上述 場所 已 進行 封閉 管理 終端 消毒 經 連夜 排查 截至 3 日9 時 已 排查 到 該 病例 的 密切接觸 者 52 人 其中 家屬 6 人 均 在 上海 已 全部 落實 集中 隔離 措施 首次 核酸 檢測 結果 均 為 陰性 已 排查 到 在 滬 密接 的 密接 250 人 全部 落實 集中 隔離 措施 首次 核酸 檢測 結果 均 為 陰性 截至 3 日 9 時 已 排查 到 的 64860 名 篩查 對象 完成 核酸 採樣 27174 人 完成 核酸 檢測 結果 為 陰性 其 餘 樣本 尚 在 檢測 中 上海浦東新區人民醫院 浦東新區 中醫醫院 川 沙 社區衛生 服務 中心 位於 浦東新區 中醫醫院 院區 於 8 月 2 日 下午 暫停 門急診 接受 全員 核酸 檢測 截至 8 月 3 日 9 時 核酸 檢測 結果 均 為 陰性 目前 已對 病例 及 密接 相關 場所 的 物品 環境 等 進行 採樣 共 採集 413 份 樣本 檢測 結果 均 為 陰性 上海市 衛健 委 主任 鄔 驚雷 表示 截至 8 月 2 日 上海 全市 完成 全程 接種 人數 達 187663萬 人 18 周歲 以上 人群 完成 全程 新冠 疫苗 接種 率 已 達 85 上海 全市 累計 接種 381116萬 劑 次 對於 此次 新增 病例 是否 和 國內 其他 地區 疫情 相關聯 是否 為 delta 病毒株 鄔 驚雷 表示 根據 目前 流行病 學 調查 患者 近 2 周內 無 外出 旅居 史 目前為止 尚未 發現 該 病例 與 國內 其他 地方 的 疫情 存在 關聯 同時 疾 控 部門 正 在 抓緊 開展 基因 測 序</t>
  </si>
  <si>
    <t>delta 印度 變種 病毒株 正 在 世界 蔓延 中 大陸 廣州市 疫 調 時 發現 delta 在 無 任何 接觸 的 情況 下 就 能 傳播 且 傳播 速度 只 要 14 秒 對此 一 名 網友 認為 去年 政府 準備 一 年 也 未 看到 實質 的 超前 部署 不該 只 想 著 要 防守 邊境 應</t>
  </si>
  <si>
    <t>delta 印度 變種 病毒株 正 在 世界 蔓延 中 大陸 廣州市 疫 調 時 發現 delta 在 無 任何 接觸 的 情況 下 就 能 傳播 且 傳播 速度 只 要 14 秒 對此 一 名 網友 認為 去年 政府 準備 一 年 也 未 看到 實質 的 超前 部署 不該 只 想 著 要 防守 邊境 應該 要 思考 若 有 天 delta 進入 臺灣 的 應對 方式 該 名 網友 今 24 日 於 ptt 表示 delta 已 讓 以色列 英國 解封 計 畫 暫緩 大陸 的 朋友 也 透露 雖然 新聞 沒有 特別 報導 廣州市 相關 疫情 消息 但 因為 delta 關係 目前 仍 處於 局部 封閉 狀態 他 認為 有 不少 國家 正 受到 delta 病毒 肆虐 去年 中央 準備 了 一 年 的 時間 防疫 也 沒看 到 實質 超前 部署 規劃 這次 不 應該 只 想 著 守 住 邊境 delta 就 不 會 進來 應該 要 一邊 嚴守 邊境 一邊 為 未來 delta 進來 做 超前 準備 貼 文 曝光 後 不少 鄉民 加入 討論 別說 臺灣 這 是 世界 各國 都 扛不住的 未來 看到 中央 機組員 0 7 真的 覺得 會 進來 都 不 意外 機組 隔離 這麼 寬鬆 再 破 一 次 也 很 正常 你 也 沒 辦法 為 變種 準備 什麼 因為 持續 都 在 變異 只能 做好 心理準備 連 醫療 設備 都 要 藝人 掏腰包 cdc 淪落 到 只 會 走 秀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delta 印度 變種 病毒株 邊境 臺灣</t>
  </si>
  <si>
    <t>致命 秘密 傳 陸7 年 前 就 發現 類 新冠肺炎 病毒株 但 未公開</t>
  </si>
  <si>
    <t>一 項 驚人 的 新 調查 報導 顯示 中國 大陸 科學家 2013 年 在 廢棄 的 礦坑 內 發現 類 新冠肺炎 病毒株 ratg 13 但 始終 未 將 這 秘密 公開 綜合 周日 泰晤士報 the sunday times 澳洲人 報 the australian 與 太陽 報 the</t>
  </si>
  <si>
    <t>一 項 驚人 的 新 調查 報導 顯示 中國 大陸 科學家 2013 年 在 廢棄 的 礦坑 內 發現 類 新冠肺炎 病毒株 ratg 13 但 始終 未 將 這 秘密 公開 綜合 周日 泰晤士報 the sunday times 澳洲人 報 the australian 與 太陽 報 the sun 等 媒體 報導 這 礦坑 內 有 大批 蝙蝠 與 老鼠 出沒 地上 滿是 排泄物 而 科學家 發現 這 病毒株 後 便 將 它 存放 在 武漢 病毒 研究所 wuhan institute of virology wiv 內 而 這 7 年 前 在 大陸 西南部 銅礦 坑 內 發現 的 病毒株 據說 是 迄今 追蹤 新冠肺炎 大 流行 起源 的 最 強 線索 報導 指出 有 6 名 礦工 2012 年 在 這 銅礦 坑 內 作業 後 開始 發 攝氏 39 的 高燒 咳嗽 並 出現 肺炎 症狀 除 了 1 個 人 外 其他 5 人 都有 嚴重 呼吸困難 的 現象 在 兩 名 病 患 還 來不及 接受 檢測 便 死亡 後 昆明 醫學院 第一 附屬 醫院 為 剩下 4 名 病患 進行 了 登革熱 日本 腦炎 甚至 sars 等 一長串 檢測 但 始終 對 這 神秘 疾病 束手無策 於是 他們 要求 武漢 病毒 研究所 幫忙 結果 有 了 驚人 的 發現 其中 有 4 人 接受 檢測 後 發現 身上 有 不 知名 的 類 嚴重 急性 呼吸道 症候 群 sars 冠狀病毒 抗體 後來 其中 兩 人 病癒 返家 身上 的 抗體 比 另外 兩 名 仍 在 醫院 的 病 患 多 至於 在 院中 的 兩 名 病 患 最後 又 有 1 人 喪生 而以 研究 蝙蝠 聞名 因此 有 蝙蝠 女 bat woman 綽號 的 武漢 病毒 研究所 研究員 石正麗 2 月 與 研究 團隊 共同 執筆 發表 了 當時 最 全面 的 新冠 病毒 學術論文 這 篇 發表 於 國際 期刊 自然 nature 上 的 論文 除了 提供 新冠 病毒 的 完整 基因 描述 外 還 透露 武漢 病毒 研究所 內 有 名 為 ratg 13 的 蝙蝠 病毒 樣本 並說 它 和 新冠肺炎 病毒 covid-19 有 962 相 吻合 不過 一 名 石正麗 的 老同事 說 ratg 13 的 樣本 是 2013 年 在 礦坑 內 發現 但 並未 公諸於世 當初 這些 大陸 蝙蝠 病毒 專家 會 深入 礦坑 是 為了 想要 確認 sars 病毒 的 來源 而 採集 到 這 新型 病毒株 是 重大 的 發現 然而 令 人 訝異 的 是 論文 中 卻 匆匆 帶過 至於 那 6 名 生病 的 礦工 更是 隻字未提 報導 指出 令 人 納悶 的 是 介於 發現 病毒 以及 新冠肺炎 疫情 大 爆發 之間 的 那些 年 裡 究竟 發生 了 什麼 事 為何 這種 新病毒株 藏 在 隱諱 的 紀錄 中 而 它 和 3 名 死者 的 關係 為何 絕口不提</t>
  </si>
  <si>
    <t>新冠肺炎 covid-19 疫情 在 全球 肆虐 3 個 月 後 全球 的 病毒株 經過 不 斷 變異 讓 當初 的 呼吸道 症狀 紛紛 衍生 出 許多 非 典型 症狀 然而 林口長 庚 兒童 急診 醫師 吳昌騰 指出 近期 美國 有 多 名 確診 青少年 腳 部 出現 病變 腳趾 上</t>
  </si>
  <si>
    <t>新冠肺炎 covid-19 疫情 在 全球 肆虐 3 個 月 後 全球 的 病毒株 經過 不 斷 變異 讓 當初 的 呼吸道 症狀 紛紛 衍生 出 許多 非 典型 症狀 然而 林口長 庚 兒童 急診 醫師 吳昌騰 指出 近期 美國 有 多 名 確診 青少年 腳 部 出現 病變 腳趾 上 長 出 不明 紅色 腫脹 恐是 新冠 病毒感染 的 最新 特殊 症狀 吳 昌騰 在 臉書 來講 兒科 急診 的 543 上 指出 新冠肺炎 出現 最新 變異 covid 腳趾 此 發現 是 由 美國 芝加哥 羅伯特· h 盧裡 兒童 醫院 兒科 皮膚科 醫生 艾米·帕勒 博士 所 提出 觀察 到 有 許多 確診 青少年 腳趾 上 出現 莫名 的 病變 跟 腫塊 推測 這 極 有 可能 是 無 症狀 兒童 患者 的 遭 新冠 病毒感染 的 新 跡象 吳 昌騰 指出 該 症狀 類似 水痘 或 麻疹 的 病變 而 病徵 可能 出現 在 單一 只 腳趾 上 也 可能 出現 在 全部 腳趾 甚至 會 冒 在 腳 的 頂部 或 底部 病變 特色 為 鮮紅色 嚴重 時還會 演變成 紫色 這種 特殊 症狀 會 讓 病 患 時而 發癢 時而 痛苦 吳昌騰 說 其中 最 大 的 特色 就是 這些 人 通常 沒有 任何 其他 新冠 病毒感染 跡象 因 此 呼籲 第一線 醫師 們 要 特別注意 若 患者 腳 部 有 出現 類似 水痘 或 麻疹 病變 的 covid 腳趾 很 有 可能 是 新冠 病毒感染 的 一 種 新 的 特殊 症狀</t>
  </si>
  <si>
    <t>隨 著 國內 新冠 疫情 群 聚 感染 的 風險 拉升 造成 此 波 確診 病例 大幅 增加 的 原因 是 感染力 更 強 的 變異 病毒株 所 致 新安 東京 海上 產險 表示 該 公司 健康 禦 守 健康 險 若 是 因 法定 傳染病 住院 時 日 額 給付 最高 在 市 售 防疫 保單 中</t>
  </si>
  <si>
    <t>隨 著 國內 新冠 疫情 群 聚 感染 的 風險 拉升 造成 此 波 確診 病例 大幅 增加 的 原因 是 感染力 更 強 的 變異 病毒株 所 致 新安 東京 海上 產險 表示 該 公司 健康 禦 守 健康 險 若 是 因 法定 傳染病 住院 時 日 額 給付 最高 在 市 售 防疫 保單 中 主要 都以 提供 確診 者 住院 醫療保障 尤其 疾病 管理署 分析 確診 者 案例 顯示 住院 到 解除 隔離 中 位數 是 27 天 最久 長達 80 天 若 投保 新安 東京 海上 產險 健康 禦 守 健康 保險 一經 醫師 診斷 為 確診 到 康復 出院 期間 住 進 負 壓 隔離病房 每日 給付 最高 9000 元 最 多 可 申請 45 天 新安 東京 海上 產險 表示 該 保單 是 應為 同業 防疫 保單 中 住院日 額 給付 最高 的 一 張 保單 全台 歷經 一 波 搶 保 隔離 險 熱潮 後 其實 多數 民眾 最 應該 擔心 的 是 確診 後所 要 面臨 的 自身 健康 影響 及 住院 期間 的 薪資 損失 新安 東京 海上 產險 發言人 副總經理 呂 文泉 表示健康 禦 守 是 一 張 專為 法定 傳染病 設計 的 健康 保險 除 了 新冠肺炎 外 還 包含 在 台 流行 的 腸病毒 感染 併發 重症 登革熱 或 新型 a 型 流感 等 尤其 從 各國 確診 案例 顯示 感染 新冠肺炎 很 容易 引起 其他 併發症 若 出院 後 14 天內 再次 住院 都可 視為 同 次 住院 每 一 次 住院 達 90 天 以上 最高 可 再 獲得 150萬 元 的 特別 慰問金 讓 保戶 更 無 後顧之憂 專心 療養 病 後 身體健康 為 要 全面 守護 國人 的 健康 同時 也 納入 不可 預期 突發性 的 意外 傷害 及 疾病 所 延伸 的 相關 住院 醫療 等 保障 新安 東京 海上 產險 表示 投保 年齡 從 0 60 歲 可 續 保 70 歲 一 年 一 保 無 等待 期 不分 職業 類別 都 可 投保 保費 相較 同 類型 商品 便宜 以 20 歲 投保 年齡 為 例 保費 最低 不 到 千 元 最 適合 尚 無 任何 健康 險 的 年輕 族 投保 已 有 一般 健康 險 者 更 可 填補 住院日 額 的 不足 在 防疫 的 關鍵時刻 新安 東京 海上 產險 提醒 除 要 謹 守 及 配合 政府 的 防疫 政策 外 更 要 做好 平日 健康 飲食 維持 良好 生活習慣 提升 自體 免疫力 外 同時 應 及早 規劃 保險 來 安心 防疫</t>
  </si>
  <si>
    <t>臺灣 昨 爆 一 例 本土 為 中研院 p 3 實驗室 的 研究 人員 初 判 是 11 月 操作 實驗 時 不慎 被 老鼠 咬 到 而 感染 推 估 感染 的 病毒株 是 delta 目前 已 匡列 85 名 接觸 者 毒理學 專家 招名威 表示 令 人 匪夷所思 的 是 個案 明明 是 被 alpha 老鼠 咬</t>
  </si>
  <si>
    <t>臺灣 昨 爆 一 例 本土 為 中研院 p 3 實驗室 的 研究 人員 初 判 是 11 月 操作 實驗 時 不慎 被 老鼠 咬 到 而 感染 推 估 感染 的 病毒株 是 delta 目前 已 匡列 85 名 接觸 者 毒理學 專家 招名威 表示 令 人 匪夷所思 的 是 個案 明明 是 被 alpha 老鼠 咬 到 怎麼 感染 的 是 delta 而且 個案 男友 采 檢 結果 竟是 陰性 這 也 很 離奇 讓 人 好奇 男友 到底 是 打 哪 牌 疫苗 招 名 威 昨天 在 臉書 發文 表示 被 老鼠 咬 到 到底 會 不 會 確診 新冠肺炎 令 他 匪夷所思 的 是 明明 昨晚 新增 的 本土 個案 案 16816 已 完整 接種 兩劑 莫德納 然後 被 alpha 老鼠 咬 到 最後 卻 感染 delta 怎麼 看 都 覺得 好像 哪裡 怪怪的 雖然 指揮中心 說 個案 操作 過 多 種 病毒 但 研究 人員 的 男友 是 陰性 也 是 非常 離奇 很 想 知道 男友 是 打 哪 牌 疫苗 招 名 威 指出 可能 實驗室 的 sop 有 問題 像是 明明 被 特殊 老鼠 咬 到 了 為何 沒有 在 第一時間 通報 搞 得 民眾 誤以為 臺灣 的 實驗室 是不是 都 在 亂 搞 什麼 招 名 威 坦言 只要 是 念過 生 科 領域 的 人 都 知道 p 3 等級 的 實驗室 可不是 泛泛之輩 因為 國內 也 不過 只 有 18 間 p 3 實驗室 而已 而且 不是 實驗室 想 稱 自己 是 p 3 就 可以 是 要 被 稱之為 p 3 是 有 一定 程度 的 標準 的 招 名 威 解釋 p 3 實驗室 全名 為 生物安全 第三等級 實驗室 biosafety level 3 lab 也 稱作 防護 等級 三 protect 3 p 3 實驗室 能 操作 很多 第 三級 危險 群 微生物 或 高濃度 具 高度 氣 膠 擴散 危險 的 第二 級 危險 群 微生物 的 實驗室 包含 炭 區 桿菌 sars 不僅 須 設置 高壓 蒸氣 滅菌 器 等外 實驗室 還 需 具 負 壓 定向 氣流 以免 病原菌 外泄 招 名 威 也 說 p 3 實驗室 操作 過 的 所有 物品 移出 都 必須 進行 除 汙 實驗室 研究 人員 須 受過 專業訓練 在 人員 操作 規範 上 除了 會 管制 實驗 以外 人員 進入 外 實驗 人員 需要 穿戴 長袖 且 正面 不開 口 之 防護衣 手套 鞋 套 以及 n 95 口罩 視 情況 甚至 需 穿戴 呼吸 防護 裝備 不 論著 裝 或 卸裝 也 都 有一套 sop 非常 嚴謹 招 名 威 透露 在 嚴謹 的 情況 下 卻 還 能 確診 非常 不 尋常 再 加上 delta 到底 從何而來 這 也 是 非常 離奇 的 事 總之 應該 要以 最壞 的 打算 最 嚴格 的 處置 來 對應 這次 的 狀況 希望 大家 操作 試驗 都 小心謹慎 一點 不要 再 有 第二 個 這種 狀況 再 爆出 來 了</t>
  </si>
  <si>
    <t>環南 市場 在 7 月 2 日 驗 出 41 位元 pcr 陽性 確診 者 後 即 休 市 3 日 並 進行 大 範圍 清 消 今 6 日 為 複市 首日 臺北市 長 柯文哲 副 市長 黃珊珊 衛福 部長 陳時中 以及 前進指揮所 指揮官 王必勝 今 早 均 於 現場 視察 陳時中 表示 北農 與 環南 市場 的 基因 定 序 結果顯示 為 英國 變種 病毒株 為主 和 南部 delta 群 聚 應該 是 沒有 關聯 性 陳時中 指出 環南 篩檢 站 昨日 對 市場 周 遭 做 篩檢 964 人 其中 陽性 3 人 不過 2 人 是 舊案 新 案 1 人 初步 疫 調為 批 貨 者 而非 攤 商 環南 篩檢 站 在 市場 今 早 複市 後 篩檢 站 會 移 至 鄰近 的 雙園 國 中 繼續執行 采 檢 工作 7 月 8 日 會 再 展開 一 次 大規模 采 檢 且 三 市場 開始 實施 工作人員 憑 數位 pcr 陰性 證明 入場 之 措施 過程 順利 秩序 良好 人員 降 載 50 也 沒有 問題 此外 北農 環南 市場 群 聚 的 基因 定 序 也 做 了 基本上 以英國 變種 病毒株 為主 和 南部 delta 群 聚 應該 是 沒有 關聯 性 指揮中心 訂 定 之 環南 市場 複市 的 六大 條件 包含 進場 查驗 pcr 陰性 證明 固定 工作人員 必須 佩戴 口罩 及 面罩 降 載 人流 至 原先 50 進行 各樓層 動 線 分流 各 攤位 工作者 實 名 登錄 以及 落實工作 人員 健康 監測 另 根據 最新 統計 北農 第一 果 菜市場 萬 大 市場 確診 人數 97 人 第二 果 菜市場 濱 江 市場 確診 人數 23 人 環南 市場 截至 昨日 110 人 確診 總計 確診 人數 為 230 人 其 中環 南 市場 接觸 者 匡列 291 人 居家 隔離 人數 為 276 人</t>
  </si>
  <si>
    <t>中研院 基因 體 研究 中心 p 3 實驗室 爆發 感染 其中 一 名 女 研究 助理 疑 未 落實 sop 兩 度 被 實驗 小鼠 咬 傷 成為 染疫 關鍵 國家 政策 研究 基金會 今 針對 中研院 的 調查報告 提出 五大 質疑 認為 管理 實驗室 的 關鍵人物 詹 中校 詹家琮 應 出面 把 整起 事件 說 清楚 而非 由 中研 院長 廖俊智 一個 人 扛 國家 政策 研究 基金會 永續 發展組 召集人 陳宜民 表示 整起 事件 的 第 一個 疑點 就是 為何 研究 助理 會 只 戴一層 手套 就 進入 實驗室 難道 是 赤手空拳 卸下 防護衣 鞋 套 等 裝備 陳 宜民 指出 自己 曾 待 過 陽明 大學 的 p 3 實驗室 當時 就 要求 助理 進入 實驗室 前 一定 要 戴兩層 手套 且 要用 膠帶 密封 若要 離開 實驗室 必須 先於 操作臺 脫 第一 層 手套 將 手套 丟入 生物 安全櫃 中 第二 步驟 才 是 脫 防護衣 鞋 套 等 裝備 完成 後 才能 再 脫 第二 層 手套 第二 大 疑點 則 是 研究 助理 不過 是 幫 小鼠 換 墊 料 為 何還會 被 咬 陳宜民 表示 換 墊 料 能 被 老鼠 咬 可說是 天下奇聞 而 研究 助理 未 在 生物 安全櫃 中 操作 換 墊 料 過程 更是 另 一 天下奇聞 而 研究 助理 僅 著 單 層 手套 幫 小鼠 換 墊 料 又 疑 似 未 於 生物 安全櫃 中 操作 陳宜民 再 提出 第 三 點 質疑 認為 該 研究 助理 曾 操作 感染 delta apha 以及 其他 病毒株 的 小鼠 難道 都用 同一個 手套 操作 未戴 兩 層 手套 恐 造成 交叉 感染 換 墊 料 可以 混 在 一起 換 嗎 這樣 的 實驗 結果 可信 嗎 陳 宜民 說 本次 的 中研院 事件 是 將 一個 實驗室 內能 犯 的 錯誤 都 犯 了 第 四 個 質疑 點 為 發生 被 咬 意外 時 首要 本能 應是先 自救 而非 救 老鼠 先 將 手套 脫 掉 試 著 將 血水 擠出來 然後 沖水 消毒 接 著 進入 緩衝區 脫 防護衣 再來 才 是 包紮 通報 但 看起來 一個 單純 的 意外事故 都 沒有 處理 好 陳 宜民 提出 的 第 五 項 質疑 則 是 當天 研究 助理 找 不 到 實驗室 負責人 通報 長官 不在 那 請問 職務 代理人 是 誰 負責人 若 去 休假 職務 代理人 必須 被 通知 接 著 才是 向上 逐級 通報 而 疾 管署 也 應該 要 被 通知 陳 宜民 說 廖俊智 院長 願意 出來 承擔 很 好 可是 他 不是 做 動物 實驗 的 並 不 瞭解 其中 狀況 要 找 實驗室 的 負責人 出 來講 而 詹中校 到底 有 沒有 把 事情 講 清楚 我 是 懷疑 的</t>
  </si>
  <si>
    <t>不少 民眾 盼 能 解封 但 專家 認為 須先達 到 群體 免疫 胸腔 暨 重症 醫師 黃軒今 發文 表示 感染 過 新冠肺炎 仍 可能 二 次 染疫 未來 若 大規模 打 疫苗 新冠肺炎 仍 沒 被 消滅 那麼 疫情 恐 會 進入 地方 性 的 戰役 面對 這樣 的 狀況 各國 該 如何 讓 人民 在 疫情 下過 正常 生活 則 須 好好 思考 黃軒今 在 臉書 發文 表示 如果 大家 都 達成 群體 免疫 但 新冠肺炎 仍 在 社區 大 流行 怎麼辦 他 表示 會 出現 這樣 的 想法 是因為 新冠肺炎 流 感化 以及 反 覆 感染 黃軒 指出 反 覆 感染 是 呼吸道 病毒 顯著 的 特徵 我們 都 不 知道 受 同一 病毒 種類 感染 多少 次 而 人類 常 感染 的 呼吸道 病毒 包括 流感 病毒 呼吸道 道 合胞 病毒 rsv 鼻 病毒 和 冠狀病毒 一直 都 存在 很 大程度 上 是 由於 它們 產生 了 反 覆 感染 的 能力 黃軒 說 確診 新冠肺炎 的 病人 無論 病情 的 嚴重 程度 身體 都會 誘導 產生 抗體 但是 隨 著 時間 拉長 抗體 濃度 會 下降 甚至 不足以 提供 長 時間 的 殺菌 免疫力 以 防止 再度 感染 而 消失 的 抗體 減弱 的 免疫 和 病毒 的 免疫 逃脫 這些 都 會 破壞 或 規避 免疫系統 功能 導致 再度 感染 新冠 病毒 黃軒 也 說 如果 人體 的 免疫系統 接受 反 覆被 病毒感染 的 訓練 免疫系統 必 須要 有能力 長期 保護 身體 否則 可能 會 出現 3 種 結局 分 別是 持續 全球 大 流行 死亡 人數 繼續 增加 或是 前 兩者 同時 出現 黃軒 透露 上述 所謂 的 有能力 是 指 接種 疫苗 或 體內 自己 生成 免疫 記憶 細胞 記住 新冠 病毒 之前 對 身體 進行 的 攻擊 這樣 才 有 機會 把 新冠肺炎 變成 地方 性 流行病 不過 若 現 正 全球 大規模 地 施打 疫苗 但 新冠 病毒 仍舊 沒有 被 消滅 那麼 疫情 恐 會 進入 下一場 地方 性 的 戰 疫 黃軒 表示 目前 已是 地方 性 流行病 的 冠狀病毒 共 四 種 分別 是 oc 43 hku 1229 e 和 nl 63 受 冠狀病毒感染 後 在 1 年內 受到 同一 冠狀病毒株 感染 是 很 常見 的 流感 病毒株 同樣 也 可 在 不 到 2 年 的 時間 內 連續 感染 呼吸道 合胞 病毒 也 是 會 在 1 年內 再次 受到 感染 而 現 正 流行 的 新冠 病毒 正 符合 這樣 萬 世 留存 的 病毒 特質 黃軒 透露 根據 法國 研究 指出 流感 死亡率 是 58 新冠肺炎 死亡率 則 是 169 幾乎 是 流感 的 3 倍 而 感染 新冠肺炎 的 患者 須住 加 護 病房 治療 的 有 163 比 流感 患者 的 108 來得 多 且 確診 新冠肺炎 者 入 住 的 平均 天數 幾乎 是 流感 患者 的 2 倍 黃軒 提醒 目前 並 沒有 資料 可以 證實 新冠肺炎 流 感化 之後 病毒 就 會 變 弱 若 未來 達到 群體 免疫 但 新冠肺炎 仍 繼續 流行 新加坡 已 針對 如何 讓 人民 在 疫情 下過 正常 生活 進行 規劃 預計 在 8 9 至少 有 三 分之二 的 人口 完成 2 劑 疫苗 接種 每日 監控 有 多少 重症 而非 確診 數字 確診 者 將 獲准 在 家中康復 減少 醫療 體系 的 壓力 篩檢 的 目的 從 匡列 接觸 者 轉變成 確保 比賽專案 社交活動 和 海外 旅遊 能 安全 進行</t>
  </si>
  <si>
    <t>若 今年 冬季 covid-19 疫情 與 流感 同時 夾攻 人類 該 如何 因應 最佳 的 預防 方法 就是 接種 疫苗 由 中央研究院 翁啟惠 院士 領導 的 基因 體 研究 中心 團隊 多 年 來 致力 於 研究 廣效 流感疫苗 近期 又 出現 重大突破 團隊 研 發出 單 糖化 嵌合 血 凝集 chimeric ha 蛋白 疫苗 可 對抗 各種 異 株 和 亞型 的 a 型 流感 病毒 減少 因 誤判 病毒株 導致 疫苗 防護力 不足 的 問題 研究成果 於今 109 年 7 月 登 上 國際 期刊 美國國家科學院 院刊 pnas 預防 流感 最佳 方法 是 接種 疫苗 但 疫苗 通常 只 針對 單一 亞型 不同 亞型 之間 沒有 免疫 交叉性 一旦 病毒 突變 或者 病毒株 預測 錯誤 當年 趕 制 的 疫苗 就 會 失去 預期 保護 力 因此 研究 團隊 擷取 來自 2 種 不同 病毒株 的 蛋白質 組合成 全新 的 血 凝集 素 再 輔 以 中研院 獨創 單 糖化 技術 研 發出 單 糖化 嵌合 血 凝集 素 蛋白 疫苗 可 預防 各種 異 株 和 亞型 的 a 型 流感 病毒感染 人體 a 型 流感 病毒 的 分類 是 由 病毒 表面 的 血 凝集 素 ha 以及 神經 胺 酸 酶 na 2 種 蛋白 決定 經過 排列組合 後 可以 組成 不同 的 病毒株 而 病毒 突變 通常 發生 在 血 凝集 素 的 頭部 區域 論文 第一 作者 廖心瑜 博士後 研究員 為了 克服 h 1 亞型 產生 的 抗體 只 能 預防 h 1 病毒感染 的 問題 便 鎖定 病毒 表面 1 根 根 突起 的 血 凝集 素 蛋白 進行 研究 先 將 h 1 和 h 5 不同 亞型 的 血 集 凝素 序列 進行 排列 找 出 共通 序列 然後 再 將 不同 的 區域 排列組合 設計 出 不同於 自然界 存在 的 嵌合 血 凝集 素 經過 多方 嘗試 後 篩選 出 1 個 頭部 含有 共通 h 5 序列 枝幹 含有 共通 h 1 序列 的 嵌合 蛋白 實驗 發現 此 蛋白 可 引發 良好 的 免疫 反應 為了 進一步 優化 疫苗 效力 研究 團隊 還 利用 單 糖化 技術 修飾 血 凝集 素 上 特定 部位 多 餘 的 糖 簡化 後 的 嵌合 蛋白 可以 露出 不易 突變 的 區域 使得 人體 免疫系統 更 容易 辨識 消滅 已 被 感染 的 細胞 研究 團隊 發現 將 單 糖化 後 的 嵌合 血 凝集 素 結合 中研院 專利 的 糖 脂 佐劑 chamg c 34 一起 使用 可 產生 較 多 的 細胞 激素 以及 t 細胞 反應 增強 免疫 效果 攻 毒 試驗 結果 也 顯示 能 有效 抵抗 4 種 不同 的 h 1 n 1 病毒 和 2 種 不同 的 h 5 n 1 病毒 達到 至少 80 的 保護 效果 甚至 也 能 中和 h 3 h 5 h 7 和 h 9 等 不同 亞型 的 病毒 本項 技術 亦可 用來 開發新 一代 冠狀病毒疫苗 以 對付 不斷 突變 的 新冠 病毒株 相關 研究 目前 仍 在 進行 中 更 多 now 健康 報導</t>
  </si>
  <si>
    <t>新冠肺炎 自 2019 年 爆發 後 席捲 全球 儘管 疫苗 已 問世 但 強勢 的 變種 病毒株 仍 替 全人類 帶來 威脅 究竟 新 冠 病毒 何時 能 從 世界 上 消失 小兒科 醫師 陳木榮 坦言 歷史 上 只 有 2 種 傳染病 完全 消失 不少 人 因為 當年 的 sars 經驗 產生 錯</t>
  </si>
  <si>
    <t>桃園 市 確診 個案 16119 曾 前往 新竹 縣 關西 內 灣 風景區 其 湖口 火車站 由於 該案 可能 是 delta 病毒株 新竹縣政府 不敢 大意 立即 消毒 其 到訪 地點 並 公開 縣 內 活動 足跡 曾 與 確診 者 到訪 同 地點 者 務必 加強 自主 健康 監測 若 有 疑</t>
  </si>
  <si>
    <t>桃園 市 確診 個案 16119 曾 前往 新竹 縣 關西 內 灣 風景區 其 湖口 火車站 由於 該案 可能 是 delta 病毒株 新竹縣政府 不敢 大意 立即 消毒 其 到訪 地點 並 公開 縣 內 活動 足跡 曾 與 確診 者 到訪 同 地點 者 務必 加強 自主 健康 監測 若 有 疑 似 症狀 請 立即 就醫 案 16119 的 足跡 包含 8 月 28 日 在 關西鎮 正義 路 吃 早餐 僅 外帶 無 內 用 同日 前往 內 灣 風景區 散心 中午 離開 8 月 31 日 上午 10 點 到 下午 2 點 曾 前往 湖口 火車站 新豐鄉 汽車 旅館 衛生局 也 前往 要求 商圈 店家 人員 做好 自主 健康 監測 並 針對 可能 接觸 者 進行 疫 調 匡列 新竹 縣長 楊文科 呼籲 曾和 確診 者 同 時間 到 過 足跡 處 者 請 務必 加強 監測 一旦 有 疑 似 症狀 一定 要 立即 就醫 篩檢 同時 請 鄉親 防疫 鬆綁 不 鬆懈 持續 落實 防疫 新 生活 保持 社交距離 室內 至少 15 公尺 及 室外 1 公尺 以上 並 正確 全程 佩戴 口罩勤洗手 做好 個人 衛生 禮節 保護 自己 也 保護 他人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delta 印度 變種 病毒株 新 冠 病毒 台鐵</t>
  </si>
  <si>
    <t>日本 第 4 波 新冠肺炎 疫情 嚴峻 包括 大 阪 等 14 個 都道 府縣 今年以來 至少 有 77 人 在家 身亡 他們 多半 是 在 居家 療養 或是 等待 住院 期間 症狀 惡化 後 喪命 日本共同社 指出 由於 變種 病毒 易 導致 患者 重症 化 呼籲 政府 當務之急 是 要 完善 能 應對 病情 突然 變化 的 醫療 體制 日本 第 4 波 新冠肺炎 疫情 居高不下 根據 美國 約翰霍普金斯大學 johns hopkins university 全球 疫情 統計 至 今日 本 已經 累計 逾 694萬 人 確診 超過 11萬 人 染疫 身亡 先前 傳出 關西 醫療 體系 瀕臨 崩潰 老人 安養院 出現 大 規模 感染 情形 許多 長者 因為 等 不 到 病床 在 安養 機構 中 辭世 官方 也 坦言 大 阪 重症 病床 使用率 高 達 99 上萬 病 患 等待 住院 日本共同社 18 日 報導 根據 調查 包括 北海道 栃 木 埼 玉 千 葉 東京 神 奈川 岐阜 愛 知 京都 大 阪 兵 庫 岡山 廣島 福岡 等 14 個 已經 發佈 緊急 事態 宣言 的 都道 府縣 今年以來 至少 有 78 人 在 家中 住宿 設施 療養 期間 等待 住院 期間 症狀 惡化 身亡 當中 有 77 人 是 在 居家 療養 等待 住院 期間 過世 1 人 是 在 住宿 設施 療養 期間 死亡 當中 也 有 人 是 基於 家屬 等 意願 選擇 在家 裡 度過 臨終 階段 值得注意 的 是 由於 部分 地方 政府 並未 納入 統計 因此 實際 案例 可能 更 多 各 都道 府縣 的 死亡 人數 由 高至 低 依序為 兵 庫 29 人 大 阪 20 人 東京 10 人 神 奈川 5 人 等 年齡層 多 為 高齡 長者 例如 兵庫縣 有 19 人 為 80 歲 以上 長者 共同 社 分析 統計資料 反映 出 日本 新 冠 疫情 急速 擴大 導致 病床 數量 緊張 患者 無法 接受 適當 治療 最終 喪命 的 情形 此外 文章 也 指出 變種 病毒 容易 導致 患者 重症 化 日本政府 的 當務之急 是 要 完善 能夠 應對 病情 突然 變化 的 醫療 體制 另 根據 日本 厚生 勞動 省 截至 12 日 日本 全國 居家 療養 人數 已 達 34537人 當中 大 阪 府 最 多 達 15031 人 占全 日本 達 4 成 日本 國立 感染症 研究所 12 日 指出 目前 變種 病毒 已經 涵蓋 日本 境內 超過 90 的 新 冠 病毒 這些 變種 病毒 都 帶有 傳染性 更 強 的 n 501 y 變異 除了 讓 感染 人數 增加 導致 重症 的 風險 也 是 原始 新 冠 病毒株 的 14 倍 他們 推測 東京 超過 90 的 病例 都和 n 501 y 變異 有關 京都 大 阪 兵 庫 的 病例 則 全部 都有 n 501 y 變異 根據 美國 疾病 管制 暨 預防 中心 cdc 英國 變種 病毒株 b 117 南非 變種 病毒株 b 1351 巴西 變種 病毒株 p 1 都 帶有 n 501 y 變異</t>
  </si>
  <si>
    <t>新竹 縣 8 日 維持 0 桃園 市 的 確診 個案 為 delta 病毒 在 新竹 縣 有 4 處 足跡 新竹 縣 衛生局 匡列 25 人 居家 隔離 首 波 采 檢 均 為 陰性 7 日 第 2 次 采 檢 也 全數 為 陰性 而 某 私 幼 非 同 住 家 人 1 采 陰性 竹縣 某國 中 老師 2 采 也 陰性 不過 因 二級 警戒 持續 至 9 月 20 日 新竹 縣 不 開放 任何 戶外 場所 烤肉 僅 同 住 家人 可 居家 烤肉 新竹 縣 7 日 傳出 有 國 中 教師 快 篩 陽性 經過 2 度 采 檢 均 為 陰性 而 某 私 幼 8 日 全園 預防 性 停課 也 傳出 該 園 所 幼 生 的 非 同 住 家 人 一 采為 陰性 曾 與 桃園 市 確診 個案 接觸 而 居家 隔離 的 25 人 7 日 二 度 采 檢 全數 為 陰性 新竹 縣 衛生局 指出 由於 北部 地區 有 群 聚 案件 社區 可能 有 不明 感染 源 若於 中秋節 開放 戶外 烤肉 辦 活動 可能 增加 社區 傳播 風險 並 考量 到 公共場所 有 不 特定人 來來往往 若 脫 下 口罩 無法 保持 社交距離 等 將 有 防疫 風險 因 此 9 月 18 至 21 日 中秋 連 假期 間 竹縣 不 開放 任何 戶外 公共場所 社區 烤肉 和 相關 活動 僅 同 住 家人 可 居家 烤肉 請 民眾 配合 新竹 縣長 楊文科 也 呼籲 民眾 delta 病毒株 不容 小覷 請 所有 民眾 防疫 不能 鬆懈 確實 遵守 二級強化 警戒 措施 維持 外出 全程 戴 口罩 實 聯 制 保持 社交距離 勤洗手 的 防疫 習慣 共同 嚴守 社區 防線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肆虐 全球 的 新 冠 病毒 起源 為何 至今 仍 爭論不休 甚至 引起 美 陸 等 國 之間 的 政治 口 水戰 但 由於 疫情 源於 大陸 武漢 讓 外界 普遍認為 該地 為 病毒 起源 不過 據 劍橋大學 研究 團隊 指出 新 冠 病毒 在 全球 至今已有 3 種 病毒株 而 這 場 大</t>
  </si>
  <si>
    <t>肆虐 全球 的 新 冠 病毒 起源 為何 至今 仍 爭論不休 甚至 引起 美 陸 等 國 之間 的 政治 口 水戰 但 由於 疫情 源於 大陸 武漢 讓 外界 普遍認為 該地 為 病毒 起源 不過 據 劍橋大學 研究 團隊 指出 新 冠 病毒 在 全球 至今已有 3 種 病毒株 而 這 場 大 流行 起源地 大陸 武漢 在 當地 流行 的 新 冠 病毒 實際上 已為 突變 的 b 型 而 與 最 原始 的 病毒 基因組 a 型 主要 出現 在 美 澳 而 在 新加坡 與 歐洲 流行 的 則 為 b 衍生 的 c 型 cambridge study shows coronavirus was originited from us truth is revealing https t co zcrhxgyjbh 據 英國劍橋大學 新 冠 病毒 以 遺傳 網路分析 大 流行 起源 covid-19 genetic network analysis provides snapshot of pandemic origins 一 文中利 用 遺傳 網路 追蹤 自 去年 12 月 至 今年3 月 全球 160 基因組 後 初步 以 地圖 方式 呈現 病毒基因 演變 與 擴散 方式 研究 分析 顯示 與 蝙蝠 與 穿山甲 身上 的 冠狀病毒基因 最為 接近 最初 傳到 人類 身上 的 病毒 基因組 的 a 型 雖然 有 出現 在 武漢 與 在 大陸 主要 流行 的 新 冠 病毒 基因組 並非 相同 相反 的 在 大陸 流行 的 反而 是 由 a 型 演變 的 b 型 並 可 最 早 追朔 至 去年 聖誕 夜 而 曾在 武漢 居住 過 的 美國 人 身上 發現 過 其他 a 型 病毒 已 變異 研究 指出 起源 的 a 型 主要 出現 在 澳洲 與 美國 等 地 並 造成 當地 超過 40萬 起 確診 病例 其中 2 3 的 美國 病例 樣本 為 a 型 而 從 b 型 演變 而來 c 型 主要 在 歐洲 等 地 流行 並 在 法國 西班牙 義 大利 瑞典 以及 英國 等 地 流行 而 c 型 未能 在 大陸 找到 樣本 不過 曾在 新加坡 香港 以及 南韓 出現 過 researchers from the university of cambridge foundthe virus now seen in wuhan china and east asia ground-zero for the outbreak is not the original variety #covid 19 #coronavirus #covid 19 pic twitter com euksqyachj 研究 人員 指出 在 武漢 主要 流行 的 b 型 同樣 在 亞洲地區 流行 但 此 一 分枝 在 區域 內 並未 進一步 演變 推測 武漢 封城 減緩 了 加速 族群 遺傳 漂 變 得 奠基 者 效應 或者 b 型 已 適應 亞洲 環境 導致 突變 速度 減緩 該文 第一 作者 劍橋大學 遺傳學 家 佛斯特 peter forster 表示 這項 科技 最 廣為 人 所知 是 藉 由 dna 來 追蹤 史前 人類 的 人口 遷徙 並 表示 這 應該 是 首次 用來 追蹤 新 冠 病毒 傳染 途徑 他 強調 新 冠 病毒 有 太 多 快速 突變 導致 難以 完整 追蹤 新 冠 病毒 的 演化 樹 研究 人員 也 使用 了 數學 演算 才將 合理 的 病毒 演化 樹 予以 呈現 這項 研究 8 日 也 刊登 於 美國國家科學院 院刊 pnas</t>
  </si>
  <si>
    <t>蘇貞昌 紓困 特別 預算 執行率 拼 百分百</t>
  </si>
  <si>
    <t>防疫期間 民眾 外出 戴 口罩 幾乎 已 成為 下意識 習慣 但 網路上 有 網友 提問 護目鏡 是否 必須 配戴 該 網友 認為 護目鏡 是 多 一 層 保護 其他 網友 則 列出 必須 戴 的 2 大 理由 其 1 是 飛 沫 可能 經由 淚液 進入 人體 其 2 是 若 手部 會 沾染 細菌 病毒 再 揉 眼睛 就 有 可能 感染 許多 網友 則 相當 認同 第 2 點 認為 揉 眼睛 是 相當 危險 的 習慣 1 名 網友 在 ptt 上 發文 表示 他 建議 大眾 搭乘 捷 運 應該 比照 搭 飛機 除了 戴 口罩 之外 最好 也 把 護目鏡 戴 上 比較 安全 比較 有 憂患意識 的 應該 都有 準備 好 護目鏡 才 對 儘量 保護 好 自己 此文 一發 出 即 引發 網友 討論 有 網友 認為 還要 戴 手套 口罩 的確 不是 百分百 保護 而且 有人 戴 口罩 跟 沒 戴 一樣 手記 得 要 噴 酒精 不要 亂 摸 也 有 網友 點出 戴 護目鏡 最 主要 的 功用 其實 是 防止 手摸 到 眼睛 因為 如果 日常 的 細菌 病毒 沾染 在手 部 而 民眾 又 揉 眼睛 摸臉 的 狀況 下 病毒 就 可能 透過 眼睛 進入 人體 因此 需要 護目鏡 主要 還 是 手部 經常 噴 酒精 消毒 眼睛 有 淚液 所以 有 戴 護目鏡 還 是 比較 保險 不少 醫療 學者 也 提到 相對 於口 鼻 的 保護 眼睛 的 防禦 稍微 低 了 點 眼睛 結膜 直接 與 外在 接觸 只有 閉 眼 睡覺時 才 受到 保護 因此 戴 上 護目鏡 防護 鏡 確實 是 多 一 層 保護 學者 建議 護目鏡 對 醫療 人員 來說 是 必要 的 防疫期間 儘量 不 要 佩戴 隱形眼鏡 且 1 天 至少 2 次 以 正確 方法 清潔 消毒 鏡架 鏡片</t>
  </si>
  <si>
    <t>身 為 nba 首位 確診 新冠肺炎 的 球員 且 被 公認 是 造成 nba 今年 3 月 無限期 停賽 的 最 大 元兇 爵士 中鋒 戈貝爾 近日 接受 法國 媒體 隊報 訪問 表示 自己 到 目前為止 還 受到 新冠 後遺症 影響 那 就 是 他 的 嗅覺 很 可能 要 1 年 後 才可 恢復 我 的 味覺 已經 恢復 了 可是 嗅覺 還 沒 百分百 恢復 當時 成為 首位 坦承 自己 因為 新冠肺炎 導致 喪失 味覺 與 嗅覺 的 戈貝爾 表示 我 可以 聞到 氣味 卻 只能 近 距離 才可 聞到 我 跟 醫學 專家 談過 他們 告訴 我 的 嗅覺 可能 需要 1 年 才能 恢復 對 自己 成為 感染 新冠肺炎 遭到 外界 抨擊 戈貝爾 也 回擊 我 成為 美國 新冠 病毒 的 代言人 產生 的 骨牌效應 造成 nba 停賽 但 並非 我 把 新冠 病毒 帶 到 美國 他 似乎 到 現在 仍 無 法 釋懷 自己 被 外界 抨擊 甚至 自己 隊友 米契爾 也 在 其中 看來 戈貝爾 已經 選擇性 失 憶 畢竟 當時 要不是 他 先 在 一 場 賽後 記者會上演 離譜 的 故意 回頭 狂 摸 麥克風 戲碼 甚至 在 爵士 休息 室內 刻意 去 觸 碰 自己 隊友 的 物品 或 置 物 櫃 他 也 不 會 受到 外界 如此 嚴重 的 抨擊 要 怪 也 只能 怪 他 自己 手 太 犯賤</t>
  </si>
  <si>
    <t>陸 俄 陸路 邊境 口岸 人員 通道 在 8 日 晚間 已 都已 臨時 關閉 當中 包含 俄羅斯 濱海 邊疆區 與 陸方 間 波 格拉尼奇內 綏芬河 克拉斯基諾 琿春 波爾塔夫卡 東寧 三 對 陸 俄 公路 客運 口岸 關閉 通過 陸 俄 陸路 邊境 輸入 大陸 的 新冠肺炎 確診 病例 不斷 增加 黑龍江 綏芬河市 為 有效 治療 境外 輸入 的 新冠肺炎 病例 綏芬河市 開始 著 手 建設方 艙 醫院 預計 4 月 11 日 完工 投入使用 可 提供 600 餘 張 床位 俄羅斯 在 7 日 一 天 增加 病例 破 千 人 一 天內 新增 1154 例 新冠 病毒感染 確診 個案 全 俄 累計 感染 人數 已 達到 7497 人 黑龍江 自 4 日 起 單日 新增 境外 輸入 確診 13 例 首次 突破 兩位數 接下來 幾 天 境外 輸入 病例 不斷 攀升 從 5 日 20 例 6 日 20 例 7 日 25 例 到 8 日 創下 單日 新 高 40 例 這些 確診 病例 都有 一個 共同點 均 為 囉 籍 從 俄羅斯 輸入 黑龍江省委 並 在 7 日 成立 赴 綏芬河市 疫情 防控 工作組 工作組 第一時間 奔赴 綏芬河 並 連夜 召開 工作 對接 會 省委 赴 綏芬河市 疫情 防控 工作組 組長 省委常委 政法委 書記 張安順 8 日 一行 深入 綏芬河口岸 入境 人員 集中 隔離 醫學觀察 點 和 剛剛 完成 土建 改造 任務 的 綏芬河 方 艙 醫院 指導 檢查 疫情 防控 工作 他 強調 要 堅決 落實 外防 輸入 六 個 百分百 形成 閉環 管 控 堅決 打 贏 陸地 邊境 疫情 跨境 輸入 戰 疫 大陸 駐 符拉迪沃斯托克 總領事館 微信 公眾 號 7 日 發 佈 公告 稱 黑龍江 輸入 型 病例 仍 在 大幅 增加 總領館 強烈 提醒 中國 公民 切 勿 通過 綏芬河口岸 回國 該 總領事館 已 連續 三 天 發 佈 出行 風險 通告</t>
  </si>
  <si>
    <t>新冠肺炎 持續 延 燒 有 醫 界 認為 到 了 夏天 疫情 就 會 趨 緩 但 馬偕 小兒科 人氣 醫師 黃 瑽 寧 指出 新冠肺炎 和 流感 較 相似 在 亞熱帶 地區 一年四季 都 會 有 案例 除非 高緯度 國家 才 有 差異 加上 又 有無 症狀 感染者 他 悲觀 表示 恐怕 不會 百分百 消失 更 不用 期待 它 自殺 民眾 必須 多 洗手 才能 自保 目前 國內 無 症狀 感染者 愈來愈多 黃 瑽 甯 直言 新冠肺炎 不 像 過去 sars 發燒 才 會 有 傳染 力 相對 好 控制 現在 新冠肺炎 可能 有 10 確診 者 都 是 輕 症 確診 之前 可能 已 感染 給 下 一個 人 很 難 回溯 因此 要 像 sars 一樣 百分百 消失 他 直言 我 很 悲觀 另 各界 都 認為 夏天 來臨 病毒 就 會 消失 黃 瑽 甯 直言 根據 過去 流感 研究 及 治療 經驗 當初 只有 除 英國 等 高緯度 地區 才有 四季 差異 至於 廣州 等 氣溫 和 臺灣 相似 的 亞熱帶 地區 因 四季 不 明顯 流感 一 整年 都 有 因此 不 用 期待夏天 病毒 自殺 但 黃 瑽 寧 說 即使 新冠肺炎 可能 最後 不會 消失 也 不用 太 悲觀 只要 民眾 落實 勤洗手 以 預防 流感 的 方式 自我 防護 就 能 達到 很 好 的 保護 效果</t>
  </si>
  <si>
    <t>近一年來 受到 新冠肺炎 covid-19 疫情 影響 民眾 的 生活 及 消費 習慣 都 受到 一定 程度 的 影響 例如 減少 外出 增加 網路 購物 的 頻率 或是 改 以外 送 服務 為主 同時 今年 臺灣 疫情 再次 爆發 更 促使 許多 企業 加快 數位 轉型 的 腳步 樂天 市場 資料 顯示 今年 第一 季新店 數 相較 去年同期 增加 約 一 成 在 所 有 新 店 中 食品 美食 類型 占比 最 大 占 429 其次 是 居家 生活用品 占 166 第 三 為 美容 保健 占 148 樂天 市場 不僅 具有 三 階段 的 開 店 輔導 更 於 疫情 期間 改以 線 上 教學 授課 要 讓 中小企業 數位 轉型 無縫 接軌 輕易 上手 網路 經營 今 2021 年 受到 疫情 三級 警戒 管制 影響 許多 企業 興起 數位 轉型 樂天 市場 表示 第一 季新店 數 相較 2020 年 同期 增加 約 一 成 其中 美食 居家 生活用品 以及 美容 保健 就 占 了 70 樂天 市場 每月 除了 針對 新開幕 的 店家 推出 搶眼 新 店 樂 推薦 購物滿888 現 折 100 元 以及 指定 新 店 購物 賺 點數 最高 19 回 饋 活動 還 會 不定期 舉辦 滿 399 超 商取 貨 免 運 再 搭配 網 購 轉 帳 支付 回 饋 點數 10 無 上限 活動 為 新 店家 注入 新 商 機 從 整體 新 店 的 銷售 業績 來看 自 開 店 以來 平均 每月 均 有 7 10 的 成長 均 顯示 大多數 民眾 願意 體驗 新 品牌 新 商品 享受 網 購 開箱 驚喜 的 樂趣 樂天 市場 今日 也 公佈 了 top 網 購 數位 轉型 新 店家 網 購 時可 做為 參考 裡 仁 為了 守護 土地 與 自然 也 同感 農友 轉 作 有機 的 艱辛 裡 仁 以 契約 種 值 來 保障 農友 收入 並 投入 實踐 友善 大地 的 行動 以 逐步 實現 光復 大地 淨化 人心 的 美好理想 聖瑪莉 sunmerry 臺灣 第 一家 的 中 日 合資 的 麵包 連鎖店 執著 的 日式 工法 因應 市場需求 靈活 變化 與 調整 不斷創新 經營 積極 拓展 帶 給 國人 各式 口味 的 麵包 饗 宴 金福華 食品 創立 於 1999 年 販 售 濃縮 雞 汁 於 2004 年 開始 投入 生產 日常生活 的 調味 醬 料 經典 的 調味 醬 料 沙 茶 醬 正是 你 我 小時候 品嘗 記憶 中的 好 味道 蒸 的 醜 宋 太太 養生 饅頭 醜醜 的 外表 下 卻 有 著 天 菜 級 的 內 餡 重視 內涵 的 真材實料 與 健康 美味 讓 消費者 吃出 最 健康 述古 木耳 飲 源自 岡山 的 一家 百年 中藥店 傳承 爺爺 的 養生 木耳 飲 研發 多種 創新 口味 讓 消費者 在 百忙中 也 能 品嘗 一 份 單純 健康 的 滋味 shbio 採用 三 層 不織布 百分百 臺灣 製造 的 優良 口罩 細菌 過濾 效率 達 95 以上 配戴 舒適 不 悶熱 同時 多 款 花色 任意 搭 防疫期間 也 能 時尚 有 型 蓁 妮絲 jennysilk 堅持 臺灣 製造 嚴選 素材 加入 創新 技術 與 美學 為 傳統 製造業 創造 無限 可能 同時 為 消費者 帶來 更 好 的 品質</t>
  </si>
  <si>
    <t>今年 來 全球 金融市場 受到 新冠肺炎 疫情 擴散 全球 影響 股 債市 產生 劇烈 波動 在 疫情 擴散 全球 鎖國 效應 美 債 殖 利率 攀升 油價 下跌 眾多 利 空 因素 下 全球 股 債市 恐慌性 賣壓 傾巢而出 許多 股市 在 短短 一個 月 不 到 時間 都 跌破 10 年 線 其中 以 新興 股市 表現 最 震盪 幾乎 都 已 跌 到 10 年均 線 下方 投 信 法人 表示 危機 就是 轉機 尤其 目前 市況 正 處 風吹草動 的 震盪 格局 投資 信心 更易 隨 著 市況 搖擺 操作 難度 也 因而 大增 這個 時候 反而 是 定期 定額 逢 低 加碼 的 好 時機 群 益 投 信 投資 長 李宏正 表示 由於 市場 波動 甚 大 與其 絞盡腦汁 選擇 進場 時點 不如 在 波段 低點 時 利用 定期 定額 分批 累積 單 位數 一方面 以 分攤 成本 的 方式 降低 波動 度 另一方面 在 市場 反彈 時 也 具 投資 效益 在 好 的 時機 點 單筆 逢低買進 可 提高 獲利 機會 但 一般 人 要 掌握 時機 點 不易 採用 定期 定額 分批 買進有效 分散 不同 時點 進場 風險 也 是 絕佳 的 投資 方法 李宏正 表示 單筆 投資 最 重要 是 懂得 低買高賣 而 定期 定額 投資 只 要 懂得 選對 市場 針對 有 波動 且 長期趨勢 向上 的 市場 如 臺灣 印度 大陸 新興 市場 等 並 堅持 扣 款 不 中斷 長期 累積 效果 驚人 後市 來講 雖 無法 斷定 股市 最低點 是否 已 過 但 以 目前 偏 低 的 本益比 政策 轉折 的 角度 而言 定期 定額 投資 新興 股市 相關 基金 將 會 是 好 的 時機 群 益 馬拉松 基金 經理 人 沈萬鈞 指出 台股 短線 因 市場 過度 恐慌 而 造成 的 回檔 可 視為 中長線 佈局 良機 對 一般 投資人 而言 定期 定額 台股 基金 便是 最為 簡單 方便 投資 台股 的 方式 既能 透過 專業 投資 團隊 操作 降低 選 股 不 確定性 亦 有 助 分散 風險 平均 成本 沈萬鈞 指出 根據 過往 20 年 經驗 當 台股 波段 低位 時 采 定期 定額 投資 台股 基金 後 1 年 後 3 年 平均 報酬率 近 8 15 勝 率 都有 8 成 若 投資 時間 拉長 至 5 年 平均 報酬率 更 達 3 成 勝 率 為 百分百 是 最 省時省力 參與 台股 行情 又 能 取得 不錯 回報 的 投資 工具</t>
  </si>
  <si>
    <t>國產 疫苗 年底 1千萬 劑 破 功 陳時中 防疫 百分百 照 計 畫 走 做 不 到</t>
  </si>
  <si>
    <t>公 視 年度 大戲 天 橋上 的 魔術師 為 重現 昔日 臺北 中華商場 面貌 斥資 8000萬 元 在 新北 市 汐止 區 建地 打造 還原 度 接近 百分百 的 中華商場 本來 劇組 預計 殺青 後 開放 民眾 參觀 3 個 月 但因 新冠肺炎 持續 升溫 公 視 擔心 人潮 聚集</t>
  </si>
  <si>
    <t>公 視 年度 大戲 天 橋上 的 魔術師 為 重現 昔日 臺北 中華商場 面貌 斥資 8000萬 元 在 新北 市 汐止 區 建地 打造 還原 度 接近 百分百 的 中華商場 本來 劇組 預計 殺青 後 開放 民眾 參觀 3 個 月 但因 新冠肺炎 持續 升溫 公 視 擔心 人潮 聚集 導致 群 聚 傳染 現 決定 取消 活動 不再 開放 參觀 公 視 劇組 為 讓 觀眾 身歷其境 感受 作者 想 表達 的 劇情 內容 考究 大西門 區 地 景街貌 租借 雍 和 建設 基地 打造 還原 度 接近 百分百 的 中華商場 雖然 片場 不是 以 永久 方式 建造 但 劇組 為了 讓 民眾 也 能 感受 此 番 美景 本來 打算 於 2 月底 殺青 後 開放 3 個 月供 民眾 參觀 再 拆除 還 地 於 雍 和 建設 但是 因為 新冠肺炎 疫情 持續 擴大 公 視 幾 經 考量 後 決定 取消 開放 參觀 活動 新北 市 經發局 表示 市府 是 站 在 協助 角色 提供 延長 執照 的 服務 最後 是否 開放 參觀 仍 由 公 視 決定 他們 皆 予以 尊重 公 視 指出 因片場 屬 於 半 室內空間 擔心 若 開放 後 湧入 大量 人潮 恐 造成 群 聚 感染 加上 中央 也 公開 宣 呼籲 減少 大型活動 經過 內部人員 評議 後 決定 取消 活動 於 拍攝 完畢 後 拆除 片場 公 視 表示 雖 參觀 活動 取消 但 他們 會派 攝影師 在 拆除 前 進去 片場 拍攝 紀錄 中華商場 未來 有 可能 搭配 天 橋上 的 魔術師 上 檔 以 線 上 導覽 的 方式 呈現 給 觀眾</t>
  </si>
  <si>
    <t>國內 疫苗 第二 劑 接種 人口 未 達 五 成 過去 醫 界 大多 呼籲 有 疫苗 就 打 打得 到 就是 好 疫苗 不過 衛福部 草屯 療養院 醫師 沈政男 則 說 這樣 的 傻話 沒有 多久 就 會 像 高端疫苗 一樣 讓 你 開始 懷疑 自己 他 透露 最 可怕 的 疫</t>
  </si>
  <si>
    <t>國內 疫苗 第二 劑 接種 人口 未 達 五 成 過去 醫 界 大多 呼籲 有 疫苗 就 打 打得 到 就是 好 疫苗 不過 衛福部 草屯 療養院 醫師 沈政男 則 說 這樣 的 傻話 沒有 多久 就 會 像 高端疫苗 一樣 讓 你 開始 懷疑 自己 他 透露 最 可怕 的 疫情 還 沒 到來 因為 兩 個 字 解 封 並 認為 臺灣 的 防疫 神 器 其實 不是 疫苗 對於 有 民眾 質疑 如果 在 大陸 打 了 兩劑 科興 要 不 要 追加 第 三 劑 的 mrna 疫苗 沈政男 13 日 在 臉書 表示 當然 要 他 認為 從沒 打過 mrna 疫苗 的 人 就是 要 想 辦法 去 打 一 劑 才能 把 保護 力 弄 到 最好 打過 高端 的 人 若 有 機會 也 應補 打 mrna 疫苗 至於 幾 個 月 前 打 兩劑 az 的 人 也 不 用 擔心 當 疫苗 過剩 以後 就 會 讓 他們 追加 了 沈政男 指出 美國 明尼蘇達 目前 染疫 死亡 的 人 口中 有 四 成 一 是 打過 兩劑 疫苗 並 反問 人家 是 打 什麼 疫苗 你 呢 他 認為 有 疫苗 就 打打得 到 就是 好 疫苗 這樣 的 傻話 沒有 多久 就 會 像 高端疫苗 一樣 讓 你 開始 懷疑 自己 因為 突破性 感染 太 恐怖 甚至 會 讓 你有 一 種 世界 又 回到 了 去年 上半年 那樣 的 既 視 感 對於 英國 衛報 報導 歐洲 現在 已經 爆發 了 新 一 波 疫情 但 美國 卻 以 為 自己 不 會 有事 而且 已經 不 戴 口罩 了 沈政男 則 指出 口罩 就 是 日本 目前 疫情 趨 緩 與 歐美 爆發 新 疫情 的 差別 所在 並 預告 最 可怕 的 疫情 還 沒 到來 因為 兩 個 字 解 封 他 認為 現在 家家 覺得 好像 已經 天下太平 並 要求 解封 是 一 件 愚不可及 的 事 根據 歐美 估計 疫苗 必須 打到 九 成五 才能 產生 群體 免疫 也 就 是 連 小小孩 也 必須 打 疫苗 沈政男 則 反問 臺灣 可能 嗎 他 並 提出 非 藥物 防護 才 更 重要 因為 臺灣 過去 一 年 多 就 是 靠 這個 而 不是 疫苗 他 強調 臺灣 能 清零 跟 疫苗 一點 關係 都 沒有 沈政男 也 認為 臺灣 不可能 完全 解封 像 歐美 一樣 奉勸 不要 在 那邊 天真 期待 了</t>
  </si>
  <si>
    <t>高端疫苗 沈政男 防疫 神 器 第二 劑</t>
  </si>
  <si>
    <t>高端疫苗 於 本 周 23 日 開 打 不少 民眾 反映 接種 完 後 食欲 大 增 對此 家庭 醫學 專科 醫師 王姿允 表示 其實 不只 高端疫苗 許多 在 施打 az 莫德納 疫苗 後 也 出現 巨大 饑餓感 她 認為 2 原因 是 關鍵 王姿允 28 日 在 臉書 分享 針</t>
  </si>
  <si>
    <t>高端疫苗 於 本 周 23 日 開 打 不少 民眾 反映 接種 完 後 食欲 大 增 對此 家庭 醫學 專科 醫師 王姿允 表示 其實 不只 高端疫苗 許多 在 施打 az 莫德納 疫苗 後 也 出現 巨大 饑餓感 她 認為 2 原因 是 關鍵 王 姿允 28 日 在 臉書 分享 針對 接種 後 產生 的 饑餓感 不少 台大 感染 科 跟 重症 科 醫師 認為 是 心理 壓力 放鬆 所 致 胃口 大 開 她 則 認為 跟 兩 原因 有關 其一 是 對 疫苗 的 免疫 反應 使 熱量 跟 營養素 需求 大增 雖 t 細胞 誘發 抗體 產生 保護 力約 要 2 3 周 的 時間 但 疫苗 的 佐劑 對 身體 來說 畢竟 是 外來 物 嗜 中性 細胞 或 巨 噬 細胞 會 警鈴 大作 對 這些 剛 注入 人體 的 異物 產生 細胞 激素 的 一連串 反應 包括 發燒 疲勞 和 肌肉 疼痛 王 姿允 解釋 由於 這些 先天性免疫 會 增加 反應 期間 對 熱量 巨 量 營養素 蛋白質 和 微量 營養素 的 需求 加上 發燒 期間 的 基礎代謝 會 提升 營養素 對 免疫 細胞 的 增殖 跟 分化 至關重要 所以 會 更 容易 感到 饑餓 另 一個 原因 則 是 需水量 增加 導致 王姿允 說 疫苗 引起 的 免疫 反應 會 造成 體溫 的 上升 連帶 水 份 容易 散失 由於 饑餓 和 口渴 的 生理 狀態 相近 且 食欲 跟 渴 欲 中樞 在 大腦 區域 都 是 在 同 個位 置 很多 人 便 會 把 缺水 的 訊號 誤認為 饑餓 進食 的 行為 可能 是 想要 從 食物 中 獲取 水 份 王姿允 建議 可以 在 喝 完 500 cc 左右 的 水 之後 再 看看 食欲 是否 有 下降 的 感覺 王 姿允 指出 蛋白質 營養不良 也 會 影響 免疫系統 的 正常 發揮 要 獲得最佳 免疫 結果 營養 是 關鍵 因此 打完 疫苗 後 的 饑餓感 實屬 對 疫苗 佐劑 成分 的 正常 免疫 反應 後 的 現象 並非 不良反應 只 要 多喝水 多 補充 優良 的 蛋白質 跟 纖維 補充 微量 營養素 其實 不用 去 擔心 疫苗 帶來 的 短暫 饑餓感 還 有助於 接下來 的 抗體 生成</t>
  </si>
  <si>
    <t>高端疫苗 巴拉圭 第 3 期 試驗 本 周 完成 330 人 第 1 劑 施打</t>
  </si>
  <si>
    <t>高端疫苗 選定 巴拉圭 進行 新冠肺炎 疫苗 第 3 期 臨床 試驗 上 週三 13 日 正式 展開 試驗 執行 已 1 個 星期 時間 已 有 超過 300 位 民眾 登記 近日 受試者 持續 完成 第 1 劑 疫苗 施打 高端疫苗 表示 從 今日 起 受試者 施打會 加速 展開 預計</t>
  </si>
  <si>
    <t>高端疫苗 選定 巴拉圭 進行 新冠肺炎 疫苗 第 3 期 臨床 試驗 上 週三 13 日 正式 展開 試驗 執行 已 1 個 星期 時間 已 有 超過 300 位 民眾 登記 近日 受試者 持續 完成 第 1 劑 疫苗 施打 高端疫苗 表示 從 今日 起 受試者 施打會 加速 展開 預計 本 周 完成 約 330 人 第 1 劑 疫苗 施打 高端新冠肺炎 疫苗 在 第 3 季運 抵 巴拉圭 之後 由 亞松森 大學 醫學院 負責 試驗 執行 及 完整 的 臨床 試驗 前 訓練 由於 當地 疫苗 緊缺 研究 團隊 花 了 較 多 心力 取得 比對 用 的 astrazeneca az 疫苗 克服 挑戰 並 完成 臨床 試驗 前 相關 準備 後 試驗 自 10 月 13 日 正式 展開 高端疫苗 於 巴拉圭 執行 的 第 3 期 試驗 計畫 收納 1000 位 受試者 採用 免疫 橋 接 設計 與 az 新冠肺炎 疫苗 進行 比對 性 試驗 預計 於 第 4 季 取得 安全性 及 免疫原性 比較 資料 加速 佈 局 中南美洲 市場 目前 國際 法規 聯盟 icmra 以及 由 澳洲 加拿大 等 五 國 所 組成 的 access consortium 正 積極 倡議 新冠肺炎 疫苗 的 免疫 橋 接 試驗 免疫 橋 接 已 成為 國際 新冠 疫苗 採用 的 主要 試驗 方法 之一 且 試驗 結果 也 可 透過 澳洲 學者 d khoury curve 及 牛津大學 發表 az 疫苗 之 保護 力 關聯 指標 correlate of protection cop 進行 疫苗 保護 力推 估</t>
  </si>
  <si>
    <t>試驗 高端疫苗 新冠肺炎 巴拉圭 第 1 劑</t>
  </si>
  <si>
    <t>完成 第二 劑 高端疫苗 接種 蔡英文 上次 打完 僅 手臂 有些 酸痛</t>
  </si>
  <si>
    <t>蔡英文 總統 賴清德 副 總統 今天 先後 前往 台大醫學院 體育館 接種 第二 劑 高端疫苗 蔡英文 上午 7 點 12 分 抵達 現場 醫師 詢問 上次 接種 第一 劑 情況 蔡英文 摸摸 手臂 表示 只有 這裡 有 些 酸痛 隨後 前往 接種 區 完成 第二 劑 接種</t>
  </si>
  <si>
    <t>蔡英文 總統 賴清德 副 總統 今天 先後 前往 台大醫學院 體育館 接種 第二 劑 高端疫苗 蔡英文 上午 7 點 12 分 抵達 現場 醫師 詢問 上次 接種 第一 劑 情況 蔡英文 摸摸 手臂 表示 只有 這裡 有 些 酸痛 隨後 前往 接種 區 完成 第二 劑 接種 態度 相當 輕鬆 蔡英文 總統 由 臺灣大學 副 校長 張上淳 台大醫院 院長 吳明賢 台大醫學院 院長 倪衍玄 及 立法委員 邱 泰源 等 人 陪同 在 上午 7 點 12 分 左右 抵達 現場 依照 流程 完成 報 到 在 問診 區 醫師 詢問 上次 接種 後 是否 有 發燒 等 狀況 蔡英文 表示 都 沒有 僅 摸摸 上臂 表示 只有 這裡 有 點 酸痛 隨後 前往 接種 區 護理 師 在 注射 前 按照 前次 慣例 先 高舉 高端疫苗 讓 媒體 拍攝 然後 快速 完成 施打 過程 僅 幾 秒鐘 蔡英文 也 將 打完 兩劑 高端疫苗 的 黃卡 高舉 讓 媒體 拍攝 神情 相當 輕鬆 賴清德 則 是 在 7 點 42 分 抵達 現場 同樣 依照 相關 流程 進行 報到 和 問診 程式 被 詢 及 上次施打 是否 有 發燒 等 症狀 時 賴清德 也 表示 都 很 好 隨後 簽署 接種 同意書 並 前往 接種 區 完成 接種 後 離開 現場 由 醫療 團隊 後續 掌握 身體狀況</t>
  </si>
  <si>
    <t>接種 蔡英文 賴清德 高端疫苗 新冠肺炎</t>
  </si>
  <si>
    <t>衛福部 疾 管署 30 日 表示 已 和 高端疫苗 簽約 採購 新冠 疫苗 不過 事實上 高端 的 二期 試驗 根本 還 未 完成 12 到 18 歲 青少年 的 部分 還 沒 做 且 就 在 簽約 的 前 一 天 新 竹馬 偕 才 嚴正 聲明 網 傳 的 高端 在 新 竹馬 偕征 青少年 接受 二期 試驗 是</t>
  </si>
  <si>
    <t>衛福部 疾 管署 30 日 表示 已 和 高端疫苗 簽約 採購 新冠 疫苗 不過 事實上 高端 的 二期 試驗 根本 還 未 完成 12 到 18 歲 青少年 的 部分 還 沒 做 且 就 在 簽約 的 前 一 天 新 竹馬 偕 才 嚴正 聲明 網 傳 的 高端 在 新 竹馬 偕征 青少年 接受 二期 試驗 是 假消息 且 新 竹馬 偕 表示 查證 之後 發現 消息 是 由 廠商 自行 發佈 高端 同日 則 說明 青少年 二期 試驗 還 未 啟動 對 新 竹馬 偕 感到 抱歉 但 高端 並未 承認 自行 發佈 上述 消息 衛福部 疾 管署 30 日 表示 已 和 高端疫苗 簽約 110 年 國內 covid-19 疫苗 採購 案 號 cl 110017 合計 採購 500萬 劑 疫苗 再 附上 後續 擴充 500萬 劑 不 過 高端 的 二期 試驗 根本 還 未 完成 且 還 造成 糾紛 5 月 29 日 新 竹馬 偕 聲明 表示 日前 有 群 組網 傳 訊息 高端疫苗 在 新 竹馬 偕 醫院 征 12 18 歲 青少年 接受 covid-19 疫苗 二期 試驗 完全 是 子虛烏有 新 竹馬 偕 並 表示 經 查 相關 違法 訊息 系 為 廠商 自行 發佈 與 本院 無關 同日 高端官 網 也 發表 聲明 但 僅 說明 近日 新 竹馬 偕 招募 相關 訊息 是 社 群 媒體 傳播 且 造成 醫院 困擾 高端 在 此 澄清 與 致歉 並 提醒 民眾 此 試驗 將 待 食 藥 署 及 各式 驗 中心 人體 試驗 委員會 審查 同意 後 才會 正式 啟動 受試者 招募 活動 高端 並未 承認 自行 發佈 上述 消息 在 這 則 高端新冠 疫苗 青少年 12 18 歲 二期 臨床 試驗 說明 文 中 也 指出 高端疫苗 已 召募 完 covid-19 疫苗 二期 臨床 試驗 的 20 歲 以上 成人 受試者 日前 已 由 獨立 資料 審查 委員會 idmc 審閱 初步 安全性 資料 依據 臺灣 eua 緊急 使用 授權 法規 同意 高端疫苗 規劃 青少年 臨床 試驗 相關 事宜 高端 強調 目前 尚未 正式 招募 青少年 12 18 歲 受試者 臨床 試驗 目前 正 持續 和 主管機關 討論 試驗 設計</t>
  </si>
  <si>
    <t>公費 疫苗 預約 平臺 重新 開放 意願 登記 新 增高 端 疫苗 選項 截至 今 28 日 17 時 有 意願 接種 高端疫苗 的 總計有 55萬2445 人 其中 只 登記 高端 的 有 92萬 人 和 昨天 的 37萬 人 相比 一 夕 暴 增 對於 突然 有 這麼 多 人 願意 打 高端 引起</t>
  </si>
  <si>
    <t>公費 疫苗 預約 平臺 重新 開放 意願 登記 新 增高 端 疫苗 選項 截至 今 28 日 17 時 有 意願 接種 高端疫苗 的 總計有 55萬2445 人 其中 只 登記 高端 的 有 92萬 人 和 昨天 的 37萬 人 相比 一 夕 暴 增 對於 突然 有 這麼 多 人 願意 打 高端 引起 網路上 一 片 好奇 有 網友 分析 有得 打 就 打 無效 大不了 回頭 打 az 最慘 就 這樣 而已 根據 指揮中心 公佈 截至 28 日 17 時 全國 意願 登記 完成 總 人數 866萬7679 人 只 登記 az 的 有 43萬5134 人 占比 502 登記 az moderna 的 421萬9066 人 占比 4868 登記 az moderna 高端 的 有 37萬2704 人 占比 43 登記 az 高端 的 1萬6815 人 占比 019 只 登記 moderna 的 346萬0956 人 占比 3993 登記 moderna 高端 的 7萬0787 人 占比 082 只 登記 高端 的 有 9萬2217 人 占比 106 由於 高端疫苗 還 沒 做出 三期 初步 結果 保護 力如何 近來 受到 高度 討論 有 ptt 網友 驚訝 表示 竟然 有 人 敢 打 高端 對於 指揮中心 公佈 的 意願 統計 也 感到 意外 原 po 指出 雖然 高端 是 次 單位 重組 蛋白 疫苗 施打 後 副作用 較 小 但有 沒 有效 還 不是 那麼 清楚 好奇 詢問 各位 自己 敢 打 高端 貼 文一 出 引起 熱 議 網友 紛紛 回應 高端 就 適合 給 那種 很怕 副作用 的 人 啊 實際 去 的 有 4萬 就 不錯 了 安慰 自己 還夠用 想 出國 照樣 要 打 別 家 啦 也 有人 指出 身邊 確實 有 朋友 登記 打 高端 既然 也 沒 證明 沒效 過度 的 嘲諷 其實 真的 沒 必要 有 網友 分析 如果 副作用 小 頂多 就 是 打 了 沒效 神 回 無效 大不了 回頭 打 az 最慘 就 這樣 而已</t>
  </si>
  <si>
    <t>高端疫苗 疫苗 預約 意願 登記 莫德納 az</t>
  </si>
  <si>
    <t>高端疫苗 陳建 煒 食 藥 署 eua 技術</t>
  </si>
  <si>
    <t>高端疫苗 保護 力 夠 陳時中 與 az 血清 抗體 比對 結果 6 月底 出爐</t>
  </si>
  <si>
    <t>高端疫苗 昨天 宣佈 二期 臨床 試驗 解 盲 成功 衛福 部長 陳時中 今天 也 特別 評論 解 盲 結果 表示 從 高端 公佈 的 資料 中 可 看出 安全性 免疫 反應 制程 穩定性 都 沒 問題 唯獨 真實 保護 力有 多少 必須 交 由 專家 來 研 判 陳時中 表示 從 昨天</t>
  </si>
  <si>
    <t>高端疫苗 昨天 宣佈 二期 臨床 試驗 解 盲 成功 衛福 部長 陳時中 今天 也 特別 評論 解 盲 結果 表示 從 高端 公佈 的 資料 中 可 看出 安全性 免疫 反應 制程 穩定性 都 沒 問題 唯獨 真實 保護 力有 多少 必須 交 由 專家 來 研 判 陳時中 表示 從 昨天 高端 公佈 的 三千 多 個 資料 可 看出 至少 疫苗 安全性 是 沒有 問題 的 應該 能 被 大家 認可 另外 在 抗體 陽 轉 率 上 數值 也 來到 百分之 九十九 點 八 方向 很 清楚 表示 有 引發 身體 的 免疫 反應 陳時中 也 提到 從 高端 的 前 三 批 制程 資料 也 看 出來 產品 穩定性 看 起來 也 沒 問題 唯獨 中和 抗體 是否 能夠 等同 真實 保護 力 還 有待 進一步 商榷 陳時中 說 雖然 從 高端 公佈 的 中和 抗體 資料 可 看出 相當 不錯 但 中和 抗體 是不是 代表 他 確 效 需要 專家 蒐集 更 多 意見 才能 做出 綜合 判斷 不過 他 也 說 目前 中和 抗體 已 有 研究 顯示 與 保護 力成 正 相關 但 這 還 需要 研 判 不 代表 目前 的 中和 抗體 就 有 保護 力 陳時中 指出 為 確認 國產 疫苗 產生 的 中和 抗體 是否 有效 早 在 三月 az 疫苗 剛 到貨 時 就 針對 兩百 名 醫護人員 進行 疫苗 施打 預計 將 其 血清 拿 來 與 國產 疫苗 做 比對 目前 相關 的 抽血 程式 都 已 開始 進行 這些 打完 az 的 抗體 分析 結果 應會 在 六月 下旬 出爐 屆時 將 提供 給 國產 疫苗 審查 委員 去 做 比對 與 瞭解</t>
  </si>
  <si>
    <t>臺灣 新冠肺炎 中和 抗體 高端疫苗 保護 力</t>
  </si>
  <si>
    <t>2 例 疑 打 高端疫苗 猝死 江啟臣 把 民眾 當 免費 白 老鼠</t>
  </si>
  <si>
    <t>高端疫苗 開 打 後 傳出 2 人 疑 出現 不良反應 猝死 國民黨 主席 江啟臣 今 25 日 到 高市 議會 拜訪 面對 媒體 提問 指出 沒有 經過 三期 試驗 沒有 國際 認證 的 疫苗 更加 要 謹慎 因為 這 等於 是 把 民眾 當 免費 的 白 老鼠 江啟臣 表示</t>
  </si>
  <si>
    <t>高端疫苗 開 打 後 傳出 2 人 疑 出現 不良反應 猝死 國民黨 主席 江啟臣 今 25 日 到 高市 議會 拜訪 面對 媒體 提問 指出 沒有 經過 三期 試驗 沒有 國際 認證 的 疫苗 更加 要 謹慎 因為 這 等於 是 把 民眾 當 免費 的 白 老鼠 江 啟臣 表示 國民黨 對於 疫苗 的 安全性 有效性 從頭到尾 都 是 呼籲 政府 要 小心謹慎 因為 人命關天 尤其 對於 沒有 經過 三期 試驗 沒有 國際 認證 的 疫苗 要 更加 的 謹慎 因為 這 等於 是 把 民眾 當 免費 的 白 老鼠 江 啟臣 直說 任何 的 不良反應 都 不 應該 只 視為 一個 平常 的 個案 應該 要 有 更 專業 的 評估 跟 分析 然後 來 告訴 國人 說 這 是 什麼 樣子 的 一個 狀況 因為 人民 有知 的 權利 政府 有 保障 人民 健康 跟 他 生命 的 責任 他 認為 一個 政府 不 應該 讓 人民 有 恐懼感 更 不 應該 讓 人民 的 生命 暴露 在 風險 當中 這 也 是 為什麼 國民黨 一再 呼籲 政府 在 面對 這些 沒有 經過 國際 認證 沒有 經過三期 試驗 的 疫苗 要 特別 小心謹慎 的 地方</t>
  </si>
  <si>
    <t>日 韓 新冠肺炎 確診 病例 連日 大增 引起 外界 高度 警戒 市場 憂心 原 估 2 月底 可望 見到 疫情 高峰 的 時間 點 恐 再延 後 激勵 防疫 概念 股 重 燃 漲勢 再度 成為 盤面 資金 彙聚 重心 毛寶 熱映 高端疫苗 等 七 檔 同步 亮燈 漲 停 美國 疾病 管</t>
  </si>
  <si>
    <t>delta 病毒 入侵 臺灣 社區 不少 民眾 擔憂 再度 大 爆發 藍委 賴士葆 今天 痛 批 立院 編 列 8400億 防疫 振興 紓困 特別 預算 但 疫苗 至今 仍然 短缺 行政 官員 卻 沒 想到 對不起 納稅人 血汗錢 更 遑 論 讓 後代 子孫 背負 沉重 的 債務 要求 指揮官 陳時中 不 要 再 講 疫苗 太 多 又 說 打 第二 劑 是 不可能 的 任務 這種 肖話 了 賴士葆 表示 立院 先前 已 編 列 8400億 防疫 振興 紓困 預算 立 法院 即將 開議 心中 卻是 無比 的 沉痛 想到 通 過 那麼 多 的 錢 有用 在 刀口 上 嗎 發 五 倍 券 有 比 買 疫苗 重要 嗎 為什麼 買 疫苗 最 重要 的 錢 不 多 編 列 都 是 優先 編 列 次要 的 賴士葆 質問 為什麼 防疫 最 關鍵 核心 的 救命 物資 疫苗 仍然 短缺 行政 官員 有 沒有 想 過 真的 對不起 納稅人 的 血汗錢 更 遑 論 讓 後代 子孫 背負 沉重 的 債務 他 說 蔡 政府 自行 採購 的 國際 疫苗 到貨 量 比 國際 捐贈 的 還要 少 綠 營 過去 把採購 疫苗 不力 推 給 中國 大陸 如今 民間團體 採購 bnt 疫苗 到貨 已 戳 破 這樣 的 藉 口 蔡 政府 最 認真 使 力 的 就 是 呵護 高端疫苗 用 國家機器 介入 科學試驗 用 政治 力去 揠苗助長 強迫 民眾 接受 整個 政策 就 是 錯誤 他 指出 以色列 已 開始 打 第 3 劑 疫苗 美國 9 月 也 開始 在 打 第 3 劑 英國 9 月底 將 為 50萬 免疫 功能 低下 的 民眾 打 第 3 劑 病毒 變異 株 肆虐 更 多 的 疫苗 覆蓋率 以及 多 次 的 施打 用以 增加 防護力 已經 是 不可避免 的 趨勢 他 批評 民間 企業 先前 提議 向 bnt 爭取 為 明年 為 臺灣 保留 3千萬 劑 bnt 疫苗 居然 被 蔡 政府 嫌 太 多 若 行政院 編 列 預算 要 加 買 3千萬 劑 bnt 疫苗 他 雙手贊成 萬一 有 更 多 的 疫苗 也 可以 捐 給 友邦 國家 不是 一舉兩得 嗎 拜 讬 陳時中 不 要 再 講 疫苗 太 多 又 說 打 第二 劑 是 不可能 的 任務 這種 肖話 了</t>
  </si>
  <si>
    <t>高端疫苗 23 日 開 打 桃園 與 新北 各 出現 1 人 在 打完 疫苗 隔 天 猝 逝 死因 是否 與 疫苗 有 關係 仍 待 厘 清 不過 醫師 蘇偉碩 認為 高端 應該 要 暫停 施打 因為 如果 將 高端 開 打 當作 是 三期 試驗 開 打 隔 天 就 有 2 個 人 猝 逝 那麼 在 證明 死因</t>
  </si>
  <si>
    <t>二期 試驗 沒完 成就 簽約 藍 委 要 證交所 抓 高端疫苗 異常 交易</t>
  </si>
  <si>
    <t>衛福部 已於 28 日 與 高端疫苗 聯 亞 生 技 完成 簽署 各 500萬 劑 預 採購 及 500萬 劑 的 開口 合約 在野黨 紛紛 質疑 國產 疫苗 第二 期 試驗 未 完成 為 何急著 採購 國民黨 立 委 許淑華 要求 證交所 針對 高端 公司 的 股票 有 沒有 異常 交易 的 狀況</t>
  </si>
  <si>
    <t>衛福部 已於 28 日 與 高端疫苗 聯 亞 生 技 完成 簽署 各 500萬 劑 預 採購 及 500萬 劑 的 開口 合約 在野黨 紛紛 質疑 國產 疫苗 第二 期 試驗 未 完成 為 何急著 採購 國民黨 立 委 許淑華 要求 證交所 針對 高端 公司 的 股票 有 沒有 異常 交易 的 狀況 公開 對外 說明 特別是在 利多消息 公佈 前夕 是否 有 特定 帳 戶 大舉 買入 該 公司 的 股票 許淑華 質疑 國產 疫苗 的 臨床 試驗 尚未 完成 指揮中心 為什麼 要 急 著 簽約 政府 為 了 協助 國產 疫苗 的 研發 原本 早已 投入 大筆 預算 所以 政府 取得 國產 疫苗 的 價格 應該 要 非常 便宜 指揮中心 為什麼 不敢 公佈 採購 的 價格 許淑華 也 說 政府 並 沒有 持有 兩 家 國產 疫苗 廠商 的 股份 倘若 先前 就 已 投入 大筆 研發 預算 然而 採購 的 價格 又 偏 高 這 中間 有 沒有 圖利 罪 的 嫌疑 藍 委 賴士葆 也 說 宗教團體 地方 政府 企業 都 說 你 中央 買不到 疫苗 我們 買來 送 你 發給 人民 但是指揮中心 卻 百般阻撓 為什麼 要 卡 救命 疫苗 昨天 有 了 解答 指揮中心 就是 要 護 著 高端疫苗 更進一步 講 是 要 保護 高端疫苗 的 股價 賴士葆 說 藥 發展 國產 我們 也 不 反對 也 支持 但 高端疫苗 的 第二 期 臨床 試驗 都 沒 做 完 現在 就要 訂單 現在 外面 都 傳得 沸沸揚揚 有 一 群 炒作 高端 股票 的 集團 高端疫苗 每年 都虧 以前 每年 都 虧 今年 就 靠 這次 疫苗 不斷 炒作 股價</t>
  </si>
  <si>
    <t>新冠肺炎 臺灣 高端疫苗 國產 疫苗 採購</t>
  </si>
  <si>
    <t>中央 配 撥 116萬 劑 莫德納 到 台中 市 台中 市長 盧秀燕 28 日 在 市政 會議 表示 將 為 68 歲 以上 長者 58 歲 以上 原 住 民 施打第 2 劑 莫德納 從 9 月 2930 及 10 月 145 日 共 5 天 接種 由 裡長 鄰長 出動 發 通知單 給 長輩 戶籍 不在 台中 者 台中 是 友善 城市 不會 排斥 來 台中 施打第 2 劑 可 在 10 月 45 日 預約 後 到 規 畫 的 10 家 預約 院所 施打 莫德納 az bnt 與 高端疫苗 目前 在 台中 市 4 劑 齊 發 盧秀燕 表示 除了 莫德納 將 施打第 2 劑 其中 施打 az 符合 資格 65 歲 以上 長者 原住民 55 歲 的 民眾 10 月 78 日 可以 到 1922 自行 預約 接種 進行 中的 學生 注射 疫苗 bnt 針對 12 到 18 歲 學生 從 9 月 23 日 起 為 全市 14萬 名 學生 施打 已 有 3萬 多 人 接種 預計 10 月 8 日 打完 盧秀燕 說 台中 市 4 種 疫苗注射 作業 統計 全市 施打第 1 劑 疫苗 人數 比例 已 達 5333 即 100 人 中 有 53 人 打完 第一 劑 現在 繼續 向 中央 追 疫苗 增加 市民 施打 疫苗 的 普及率</t>
  </si>
  <si>
    <t>bnt 疫苗 28 日 開放 登記 民眾 如 潮水般 湧入 對此 臺灣 民意 基金會 董事長 游盈隆 表示 bnt 和 高端 兩 種 疫苗 受 民眾 歡迎 程度 高下 立 判 但 自己 對於 這樣 的 結果 並不 意外 同時 遊盈隆 也 發現 民進 党 支持者 的 首選 偏好 也 不是 高端 顯見 民進黨 政府 傾 全力 行銷 高端 不但 沒有 引起 全民 支持 連 大多數 民進 党 支持者 也 不 大 支持 蔡 政府 2 點 判斷 失誤 對 bnt 門庭若市 高端 門可羅雀 的 結果 遊盈隆 今 29 日 在 臉書 發文 表示 自己 一點 也 不 意外 並 表示 臺灣 民意 基金會 八月 民 調 顯示 在 考慮 多重 疫苗 偏好 的 條件 下 698 的 受訪者 第一 選擇 為 莫德納 接 著 依序為 bnt 的 428 az 的 302 高端 的 17 由此可見 登記 bnt 和 高端 的 冷熱 表現 本 就 可 預期 沒什麼 好 奇怪 遊 盈 隆 稱 有 一個 值得 探討 的 問題 是 民進 党 支持者 的 疫苗 偏好 為 何? 根據 自己 的 研究 他們 的 第一 選擇 是 莫德納 347 第二 是 高端 253 第 三 是 阿斯特 捷利康 147 第 四 是 bnt 輝瑞 13 122 不 知道 對於 這項 發現 遊盈隆 直言 很 有趣 可以 從 多 方面 去 探討 但 他 要 問 的 是 為什麼 只 有 25 的 人選 高端 為什麼 民進 党 支持者 不 追隨 党的領導 為什麼 蔡 總統 兼 党 主席 把 手臂 獻給 高端 的 大 動作 宣傳 沒有 出現 風行草偃 的 現象 他 的 答案 很 簡單 因為 人民 不 傻 人民 有 知識 有 理性 遊 盈 隆 指出 從 另 一個 角度 來 問 那些 第一 選擇 是 高端 的 人 究竟 是 什麼 人 從 政黨 支持 傾向 來看 有 6224 是 民進 党 支持者 13 是 時力和 臺灣 基 進 支持者 這 兩者 加 起來 就 超過 75 從 這 角度 來看 民進黨 政府 傾 全力 行銷 高端疫苗 但 確實 成效 不 彰 不但 沒有 引起 全 社會 的 支持 甚至 也 沒有 獲得 大多數 民進 党 支持者 的 回應 最後 只 能 限 縮在 泛 綠 陣營 內 的 一小 部分 人 為什麼 蔡 總統 主導 的 疫苗 政策 這麼 不受 社會 歡迎 遊盈隆 分析 因為 犯 了 兩 個 嚴重 判斷 錯誤 一 是 低估 人民 的 智慧 二 是 濫 用 病態 的 愛國主義 臺灣人 能 理性 思辨 有 獨立 思考 判斷 的 能力 勿 庸 至 疑 強將 施打 高端疫苗 和 臺灣 價值 或 國力 扯 在 一起 無異 鼓吹 一 種 病態 的 民族主義 情緒 最終 反而 傷害 臺灣 認同 是 十分 愚蠢 荒唐 的 行徑</t>
  </si>
  <si>
    <t>遊盈隆 民進 党 支持者 bnt 高端疫苗</t>
  </si>
  <si>
    <t>全台 今日 再 增 15 例 新冠肺炎 死亡 案例 新北 市長 侯友宜 昨 批 中央 不要 再 刁難 了 趕快 讓 疫苗 進來 最 重要 侯今 受訪 時 再次 疾呼 中央 若要 等 到 8 月 才 打 國產 疫苗 先 不論 品質 好壞 我們 還 能 再 等 2 個 月 嗎 2 個 月 有 多少 人 會 從輕 症 轉 重症 還要 有 多少 人 因 此 而 離開 侯友宜 說 高端疫苗 不是 不能 等 但是 要 再 拖 2 個 月 的 話 不 知道 有 多少 輕 症 者 會 轉為 重症 又 有 多少 人 會 因 此 而 離開 他 每天 在 第一線 看到 離開 的 重症 患者 心 真的 很 痛 拜 讬 中央 疫苗 不能 等 把 紓困 的 經費 撥 一些 錢來 買 疫苗 儘早 解決 問題 侯友宜 質疑 國人 疫苗 接種 率 0 點 幾 疫情 看似 舒緩 數字 下降 但 你 能 保證 什麼 時候 會 再 回來 嗎 他 實在 很 不 願意 講 這些 重話 但 今天 已經 有 很多 企業 提供 採購 疫苗 的 資訊 中央 身 為 政府 應該 跳出 來 做 指揮官 應該 拿出 權利 排除 所有障礙 而 不是 讓 企業 自己 慢慢來 侯友宜 說 國產 高端疫苗 78 月 才能 用 先 不論 品質 好壞 我們 還 能 再 等 2 個 月 嗎 2 個 月 還 要 走 多少 人 確診 患者 每 分 每 秒 都 在 跟 時間 賽跑 拜 讬 中央 能夠 現在 做 就要 趕快 做 有 沒有 刁難 人民 都 看在眼裡</t>
  </si>
  <si>
    <t>南 投 縣 目前 已 完成 32萬2574 人 接種 作業 全縣 人口 涵蓋 率 5055 南 投 縣長 林明溱 9 日 到 設 在 慈 濟南 投 連絡處 接種 站 視察 時 表示 感謝 許多 默默 奉獻 在 接種 站 協助 接種 工作 用 愛心 支持 到底 的 協力 夥伴 抱 著 多 幫 民眾 接種 一 劑 疫苗 就 是 多 保護 一個 人 理念 推動 人人 有 疫苗 防疫 護 家園 林明溱 說 南 投 縣 自 6 月 15 日 起 擴大 施打新冠肺炎 az 疫苗 首批 接種 對象 包含 75 歲 以上 長者 及 65 歲 以上 原 住 民 並 依 疫苗 配 賦 情形 及 年齡層 依 序 接種 南 投 縣 計有 80 家 醫療 院所 加入 新冠 疫苗 合約 院所 為 縣民 提供 疫苗 接種 服務 截至 7 日 止 新冠 疫苗 接種 已 達 32萬2574 劑 其中 以 az 疫苗 最 多 共 接種 17萬7119 劑 莫德納 疫苗 接種 8萬8805 劑 次之 高端疫苗 接種 2萬1186 劑 及 bnt 疫苗 接種 3萬5464 劑 林明溱 表示 縣府 很 感謝 縣府 各局 處 團隊 衛生局 衛生所 及 縣 內 各 醫療 院所 在 防疫 上 的 用心 努力 更 感謝 許多 默默 奉獻 在 各 接種 站 協助 疫苗 相關 接種 工作 的 協力 夥伴 包括 各級 民意代表 議員 鄉鎮 市公所 人員 村裡 幹事 村裡 鄰長 員警 同仁 社區 志 工 清潔 消毒 人員 等 醫護 相關 人員 任勞任怨 冒著 風雨無阻 頂 著 烈日 豔陽 一 接到 接種 設站 指令 二話不說 立即 完成 裝備 及 號召 人力 到 社區 及 學校 為 民眾 接種 疫苗 犧牲 奉獻 認真 投入 的 精神 令 人 感佩 衛生局長 陳 南松 說 南 投 縣 幅員遼闊 人口 嚴重 老化 偏 鄉 交通不便 鄉鎮 數位 落差 情形 嚴重 加上 國內 疫苗 短缺 配 賦 量 無法 足額 供應 接種 需求 尤其 自 今年 7 月 開放 1922 疫苗 預約 平臺 進行 登記 預約 接種 作業 疫苗 來源 多 需 透過 平臺 登記 預約 始得 配 賦 南 投 縣 的 疫苗 接種 進度 及 全縣 人口 疫苗 涵蓋 率 想要 追上 全國 人口 涵蓋 率 極為 困難 但 南 投 縣政府 團隊 在 中央 疫苗 尚 無法 開放 地方 政府 自 購 疫苗 前 仍 持續 積極 向 中央 爭取 疫苗 配 賦 數量 在 縣政府 鄉鎮 市公所 及 醫療 團隊 等 通力合作 下 南 投 縣 接種 疫苗 的 人口 涵蓋 率 從 6 月 的 76 提升 到 7 日 的 5055 涵蓋 率 已 增加 4295 疫苗 使用率 達到 9692 陳 南松 強調 南 投 縣 沒有 多 餘 庫存 疫苗 所有 疫苗 都 充分 使用 在 民眾 身上 絕不 浪費 在 新冠 疫情 的 防疫 管制 方面 在 縣府 各 單位 落實 各項 防疫 管 控 措施 加強 民眾 防疫 宣 導 嚴密 監控 社區 疫情 風險 南 投 縣 自 7 月 21 日 最後 一 位 確診 個案 通報 至 10 月 9 日 已 連續 80 天 無 南 投 確診 個案 通報 各 醫療 院所 在 院內 感染 控制 也 嚴格 把關 並 提供 充足 的 醫療 服務 量 能 陳南松 說 南 投 縣 5 成 以上 的 民眾 均 已 完成 新冠 疫苗 疫苗 的 接種 但是 南 投 縣 要 追趕 上 全國 人口 涵蓋 率 5780 目標 還有 需要 努力 的 空間 主要 原因 還是 在 疫苗 撥 配量 不足 在 第一 劑 疫苗 接種 率 部分 縣 內 50 64 歲 及 30 49 歲 這 兩 個 年齡 族群 的 疫苗 接種 率 顯著 偏 低 另外 在 疫苗 第二 劑 的 接種 默德納 疫苗 還有 許多 65 歲 以上 長者 仍未 能 獲得 疫苗 接種 陳 南松 呼籲 民眾 為了 自身 的 健康 及 社區 防疫 安全 尚未 接種 新冠 疫苗 者 請 務必 至 1922 疫苗 預約 平臺 進行 登記 南 投 才 有 機會 獲得 到 疫苗 的 配 賦 量 沒有 登記 就 沒有 疫苗 縣府 也 籲請 中央 能 在 近期 113萬 劑 默德納 疫苗 送達 國內 完成 封 緘 後 撥 配 南 投 縣 足量 的 疫苗 配 賦 填補 疫苗 的 缺口 提升 涵蓋 率 以 協助 達成 全國 疫苗 涵蓋 率 第一 劑 7 成 第二 劑 3 成 的 全國 共同 目標 讓 南 投 縣 在 做好 防疫 前提 下 促進 南 投 的 觀光 及 工商 發展 恢復 社會 經濟 榮景</t>
  </si>
  <si>
    <t>高端疫苗 6547 總經理 陳燦堅 宣佈 已於 2 16 與 美國 國衛院 nih 完成 合作 合約 簽署 美國 國衛院 將 提供 其 最新 研發 的 新冠肺炎 covid-19 候選 疫苗 與 相關 生物 材料 提供 高端疫苗 在 臺灣 進行 動物 試驗 以 做為 評估 人體 臨</t>
  </si>
  <si>
    <t>美國 nih 高端疫苗 疫苗 人體 臨床</t>
  </si>
  <si>
    <t>高端疫苗 突破性 感染 臺灣 新冠肺炎 bnt</t>
  </si>
  <si>
    <t>高端疫苗 通過 eua 新北 市 副 市長 劉和然 這樣 說</t>
  </si>
  <si>
    <t>臺灣 近日 疫苗 施打 速度 超 快 指揮中心 27 日 重新 開放 民眾 登記 疫苗 接種 意願 並 新增 國產 高端疫苗 的 選項 截至 28 日 下午 五 點 共有 866萬 多 人 完成 意願 登記 其中 仍 有 811萬 人 偏好 打 進口 疫苗 但 如今 我國 僅剩 az 約 1447萬 劑</t>
  </si>
  <si>
    <t>臺灣 新冠 疫苗 接種 突破 千萬 人次 至 昨天 21 日 為止 覆蓋率 達 3956 疫苗 品牌 除了 az 與 莫德納 外 明天 23 日 將 開 打 國產 高端疫苗 另 輝瑞 bnt 也 有望 中秋節 前 到貨 但 到底 哪 支 疫苗 在 全球 最 多 國家 使用 奇美醫院 加 護 病房</t>
  </si>
  <si>
    <t>臺灣 新冠 疫苗 接種 突破 千萬 人次 至 昨天 21 日 為止 覆蓋率 達 3956 疫苗 品牌 除了 az 與 莫德納 外 明天 23 日 將 開 打 國產 高端疫苗 另 輝瑞 bnt 也 有望 中秋節 前 到貨 但 到底 哪 支 疫苗 在 全球 最 多 國家 使用 奇美醫院 加 護 病房 重症 醫師 陳志金 指出 第一 名 是 az 全球 有 183 個 國 使用 其次 是 輝瑞 bnt 有 114 國 以 歐美 為主 第 三 名 才 是 莫德納 66 個 國家 使用 陳志金 日前 在 臉書 分析 全球 疫苗 施打 情況 根據 紐約時報 報導 az 是 最 多 國家 施打 的 新冠 疫苗 總共 有 183 國 除了 大陸 跟 美國 以外 遍 佈 各 大洲 第二 名 是 輝瑞 bnt 有 114 國 歐美 為主 非洲 和 亞洲 相對 較 少 莫德納 則 是 排 第 三 有 66 國 施 打 歐美 為主 而 大陸 的 國藥 疫苗 緊 追 在 莫德納 之後 有 65 國 使用 以 亞洲 非洲 南美洲 為主 陳志 金表 示 俄羅斯 衛星 5 號 有 49 國施 打 以 亞洲 為 主 嬌 生 則 有 44 國 使用 集中 在 美洲 歐洲 非洲 大陸 科興 有 39 國 大多 是 亞洲 非洲 南美洲 國家 使用 至於 疫苗 打完 2 劑 完整 施打 率 最高 的 前三名 國家 第一 名 是 瑪律他 81 第二 是 阿聯酋 74 第 三 名 是 新加坡 73 而 大陸 的 完整 施打 率 也 達到 了 56 並 指出 國家 貧富 和 疫苗 的 施打 率 有 很 懸殊 的 對比 以 每 100 人 接種 劑 數 來看 歐洲 接種 最 多 每 100 人 中 有 94 人 接種 過 疫苗 北美洲 則 為 90 人 南北 洲 72 人 接 著 是 亞洲 67 人 大洋洲 44 人 非洲 最低 僅 62 人 接種 對此 網友 紛紛 留言 怎麼 可能 明明 有人 一直 宣傳 az 被 許多 國家 禁止 看來 大陸 的 疫苗 很 偉大 專門 供應 給 後 段 國家 最 多 如 非洲 南美 等 厲害 但 也 有人 表示 看 疫苗 前 幾 名 國家 的 疫情 控制 唉</t>
  </si>
  <si>
    <t>行政院長 蘇貞昌 今日 於臉書 發文 表示 即日起 公費 疫苗 預約 系統 開放 要 接種 第二 劑 高端 第一 劑 bnt 的 民眾 預約 接種 請 大家 記得 在 禮拜三 中午 前 上 公費 疫苗 預約 系統 網址 https 1922 gov tw 預約 蘇貞昌 說 只要 民眾 在 9 月 28 日 含 以前 接種 高端疫苗 間隔 滿 四 個 禮拜 以及 登記 bnt 的 18 至 22 歲 及 65 歲 以上 民眾 40 歲 以上 第 9 類 民眾 都 可以 預約 在 9 月 27 日 至 10 月 2 日間 接種</t>
  </si>
  <si>
    <t>高端 6547 現 增資 192億 元 已于 上周 完成 原 股東 及 員工 繳 款 隨 著 資金 到位 新冠 疫苗 開發 案 加速 馬力 有 機會 力拼 明年 第二 季向 臺灣 食 藥 署 tfda 申請 緊急 使用 授權 eua 此外 腸病毒 登革熱 疫苗 開發 也 持續 推動 總經理 陳燦堅 將 於 11 24 法 說 會 中報 佳音 有機 會 因 開發 的 新冠 疫苗 效期 長達 6 個 月 以上 躋身 全球 新冠 疫苗 開發 案 前段 班 的 高端 此次 現 增 雖 在 美國 大選 期間 市場 動盪 之際 但 原 股東 仍 表現 高度 支持 意願 除 了 大 股東 基亞生 技 因 資金 不 充裕 放棄 現 增 外 其他 股東 高 比例 參與 現金 增資 以 實際行動 支持 本土 疫苗 公司 的 新冠肺炎 疫苗 研發 及 生產 活動 依照 公司公告 的 現 增 時程 目前 是 現金 增資 的 特定人 繳 款 及 一般 投資人 抽籤 階段 預計 本 週五 前 現 增 資金 可 到位 全速 衝刺 疫苗 臨床 試驗 及 疫苗 生產 高端 的 新冠肺炎 疫苗 第一 期 臨床 試驗 目前 於 台大醫院 執行 中 為 符合國家 防疫 需求 目標 為 12 月 進入 二期 臨床 于 明年 取得 緊急 使用 許可 eua 並 開始 出 貨 高端疫苗 除 順利 推動 國內 的 臨床 試驗 外 研發 及 業務 的 國際 合作 也 持續 進行 中 陳燦堅 總經理 預計 在 11 月 24 日 的 法 說 會 中 對外 說明 公司 的 研發 進度 及 業務 佈 局</t>
  </si>
  <si>
    <t>全球 高端疫苗 現 增 新冠 疫苗 高端</t>
  </si>
  <si>
    <t>國內 公費 疫苗 第 六 輪 將 開 打 高端 預計 會 提供 60萬 劑 今天上午 10 點 開放 預約 下週一 23 日 開 打 開放 36 歲 以上 民眾 預約 接種 而 高端疫苗 有 哪些 副作用 保護 效果 如何 接種 高端前 要 注意 什麼 中 時 新聞網 整理 了 8 大 問</t>
  </si>
  <si>
    <t>國內 公費 疫苗 第 六 輪 將 開 打 高端 預計 會 提供 60萬 劑 今天上午 10 點 開放 預約 下週一 23 日 開 打 開放 36 歲 以上 民眾 預約 接種 而 高端疫苗 有 哪些 副作用 保護 效果 如何 接種 高端前 要 注意 什麼 中 時 新聞網 整理 了 8 大 問題 懶 人 包 供 民眾 參考 如何 預約 高端疫苗 到 covid-19 公費 疫苗 預約 登記 網站 預約 本輪 預約 時間 為 今天 16 日 上午 10 點 至 週三 18 日 中午 12 點 止 僅 提供 高端 預定 8 月 23 至 29 日 施 打 呼籲 預約 民眾 準時 前往 接種 誰 可 預約 高端疫苗 指揮中心 開放 三類 物件 可以 預約 包括 65 歲 以上 長者 64 至 20 歲 第 9 類 物件 以及 64 歲 至 36 歲 民眾 高端 接種 劑量 及 間隔 根據 衛福部 疾 管署 高端疫苗 簡介 高端 適用 接種 齡 為 20 歲 以上 接種 劑量 為 05 ml 接種 劑 次 為 2 劑 間隔 28 天 高端 安全性 及 保護 效果 高端 不含 可 複制 之 新冠 病毒 sars-cov- 2 顆粒 不 會 因為 接種 本 疫苗 而 罹 患 covid-19 另 依據 本 疫苗 臨床 試驗 結果 顯示 安全性 良好 以及 臨床 試驗 結果 分析 免疫 生成 性 與 恢復 者 血清 中和 抗體 資料 經 與 國外 獲得 eua 疫苗 所 產生 的 保護 力 關聯 指標 比對 也 符於 保護 力 標準 接種 禁忌 高端新冠肺炎 疫苗 是 含 新冠 病毒 sars-cov- 2 重組 棘 蛋白 的 疫苗 之 蛋白質 次 單元 對於 疫苗 成分 有 嚴重 過敏 反應 史者 不能 接種 接種 高端 之前 要 注意 什麼 1 發燒 或 正 患 有 急性 中重度 疾病 者 宜 待 病情 穩定 後 再 接種 2 高端疫苗 不得 與其 他 廠 牌 交替 使用 若不慎 使用 了 兩劑 不同 covid-19 疫苗 產品 時 不 建議 再 接種 任何 一 種 產品 3 不得 與其 他 疫苗 同時 接種 covid-19 疫苗 與其 他 疫苗 的 接種 間隔 建議 間隔 至少 14 天 如 小於 上述 間隔 也 無 需 再 補 接種 4免疫 功能 低下 者 包括 接受 免疫抑制 劑 治療 的 人 對 疫苗 的 免疫 反應 可能 減弱 5 目前 缺乏 孕婦 接種 covid-19 疫苗 之 臨床 試驗 及 安全性 資料 而 臨床 觀察 性 研究 顯示 孕婦 感染 新冠 病毒 可能 較 一般 人 容易 併發 重症 孕婦 若為 covid-19 之 高 職業 暴露 風險 者 或 具 慢性 疾病 而 易 導致 重症 者 可 與 醫師 討論 接種 疫苗 之 效益 與 風險 後 評估 是否 接種 6 若 哺乳 中的 婦女 為 建議 接種 之 風險 對象 如 醫 事 人員 應 完成 接種 目前 對 哺乳 中的 婦女 接種 covid-19 疫苗 的 安全性 疫苗 對 母乳 或 受 哺 嬰兒 之 影響 尚未 完全 得到 評估 但 一般 認為 並 不 會 造成 相關 風險 接種 covid-19 疫苗 後 仍 可 持續 哺乳 接種 高端 後 要 注意 什麼 接種 後 應於 接種 單位 或 附近 稍作 休息 留 觀 15 分鐘 離開 後 請 自我 密切 觀察 15 分鐘 但 針對 先前 曾因 接種 疫苗 或 任何 注射 治療 後 發生 急性 過敏 反應 的 民眾 接種 後 仍 請於 接種 處 或 附近 留 觀 至少 30 分鐘 使用 抗 血小板 或 抗凝 血 藥物 或 凝 血 功能 異常者 施打 後於 注射 部位 加壓 至少 2 分鐘 並 觀察 是否 仍 有 出血 或 血腫 情形 接種 高端 常見 副作用 可能 發生 的 反應 有 哪些 接種 高端 後 常見 副作用 是 注射 部位 疼痛 頻率 約 712 可 適度 冰敷 請勿 揉 抓 接種 部位 其次 是 酸痛 全身 無力 達 36 肌肉 痛 276 頭痛 222 腹瀉 151 注射 部位 腫脹 或 硬結 105 噁 心 或 嘔吐 77 發燒 07 常見 的 不良反應 通常 呈現 輕度 或 中等 強度 大部分 於 接種 後 7 日內 觀察 到 緩解 或 消失 而 疫苗 接種 後 不 常見 的 不良反應 有 接種 部位 搔癢 寒 顫 皮疹 鼻 咽炎 口 咽 疼痛 心悸 發生率 介於 千分之 一 至 百分之 一 罕見 不良反應 為 顏面 神經 麻痹 眼壓 過 高 發生率 小於 千分之 一 如有 接種 部位 紅腫 及 硬 塊 發生 膿 瘍 持續 發燒 或 嚴重 過敏 反應 如 呼吸困難 氣喘 眩暈 心跳 加速 全身 紅疹 等 不適 症狀 應盡 速 就醫 並 告知 醫師 曾 接種 疫苗 以 做為 診斷 之 參考 同時 請 醫師 通報 當地 衛生局 或 疾病 管制 署</t>
  </si>
  <si>
    <t>蔡英文 賴清德 明天 上午 施打 第二 劑 高端疫苗</t>
  </si>
  <si>
    <t>蔡英文 總統 賴清德 副 總統 明 30 日 將 施打 疫苗 總統府 發言人 張惇涵 表示 蔡 總統 與 賴副 總統 將 分別 于 明天 上午 7 點 15 分 及 7 點 45 分至 預約 地點 台大醫學院 體育館 接種 第二 劑 高端疫苗 蔡英文 總統 今年 8 月 23 日前 往 台大醫</t>
  </si>
  <si>
    <t>蔡英文 總統 賴清德 副 總統 明 30 日 將 施打 疫苗 總統府 發言人 張惇涵 表示 蔡 總統 與 賴副 總統 將 分別 于 明天 上午 7 點 15 分 及 7 點 45 分至 預約 地點 台大醫學院 體育館 接種 第二 劑 高端疫苗 蔡英文 總統 今年 8 月 23 日前 往 台大醫學院 體育館 在 臺灣大學 副 校長 張上淳 台大醫院 院長 吳明賢 及 立法委員 邱 泰源 等 人 陪同 下 接種 高端疫苗 第一 劑 賴清德 也 在 8 月 27 日 早上 前往 台大 體育館 接種 高端疫苗 第一 劑 如今 皆 已 超過 4 周 蔡英文 和 賴清德 本月 20 日 上午 已 完成 高端疫苗 第二 劑 預約 張惇涵 表示 經維安 團隊 及 台大醫院 協調 為 降低 對 其他 民眾 影響 蔡 總統 將 于 明天 上午 7 點 15 分 賴副 總統 將 於 7 點 45 分至 現場 同樣 依照 相關 流程 報到 問診 接種 疫苗 接種 完畢 後 離開 現場 並 由 醫療 團隊 後續 掌握 身體狀況 總統 與 副 總統 也 將 於臉書 直播 他 說 比照 總統 副 總統 接種 第一 劑 疫苗 將 由 媒體 協調 提供 畫面</t>
  </si>
  <si>
    <t>蔡英文 高端疫苗 賴清德 接種 台大醫學院 體育館</t>
  </si>
  <si>
    <t>我 高端疫苗 生物 製劑 公司 日前 與 巴拉圭 亞松森 大學 醫學院 舉行 視 訊 會議 討論 合作 研發 新冠肺炎 疫苗 並 在 巴國 進行 人體 試驗 雙方 表達 高度 合作 意願 外交部 今天 樂觀其成 將 居中 協調 提供 必要 協助 我 友邦 巴拉圭 疫情 告急</t>
  </si>
  <si>
    <t>我 高端疫苗 生物 製劑 公司 日前 與 巴拉圭 亞松森 大學 醫學院 舉行 視 訊 會議 討論 合作 研發 新冠肺炎 疫苗 並 在 巴國 進行 人體 試驗 雙方 表達 高度 合作 意願 外交部 今天 樂觀其成 將 居中 協調 提供 必要 協助 我 友邦 巴拉圭 疫情 告急 日前 巴拉圭 在 我 協助 下 和 印度 簽訂 covaxin 疫苗 採購 合約 首批 疫苗 運 抵 巴拉圭 時 巴拉圭 擴大 免疫 計 畫 主任 卡 斯 楚對 臺灣 表示感謝 並 透露 同意 臺灣 將 巴拉圭 納入 疫苗 臨床 試驗 外交部 發言人 歐 江安 今天 表示 本月 22 日 我 高端疫苗 生物 製劑 公司 與 巴拉圭 亞松森 大學 醫學院 舉行 視 訊 會議 討論 人體 試驗 事宜 雙方 都 表達 高度 合作 的 意願 政府 一向 鼓勵 臺灣 企業 赴 友邦 進行 經貿 投資 及 交流 對於 這項 醫衛 合作 外交部 樂觀其成 並 將 居中 協調 繼續 提供 必要 協助 她 強調 一旦 國產 疫苗 進入 第 三期 人體 試驗 並 獲得 緊急 使用 授權 在先 滿足 內需 的 原則 下 屆時也 樂願 輸出 國產 疫苗 提供 友邦 協助 對抗 疫情 歐 江安 指出 在 新冠肺炎 疫情 肆虐 全球 的 危急 時刻 中國 運用 疫苗 不當 擴張 影響力 企圖 破壞 我 與 友邦 邦 誼 的 威脅 一直 存在 政府 將 秉 持 同舟共濟 的 精神 持續 結合 理念 相近 友好 國家 的 力量 共同 協助 巴拉圭 對抗 疫情 保障 巴拉圭 人民 的 健康 與 生命 不受 中國政府 的 外交 勒索</t>
  </si>
  <si>
    <t>高端疫苗 緩 打 潮 接種 率 新冠肺炎</t>
  </si>
  <si>
    <t>網 紅 四 叉貓 劉宇 日前 在 facebook 公佈 自己 接種 高端疫苗 後 前往 禾馨 做 的 檢驗 抗體 報告 但 國內 並未 開放 民眾 自費 檢驗 抗體 北市 衛生局 也 將 調查 是否 對 診所 開 罰 不過 禾馨 診所 營運 長 林思宏 今 在 社 群 平臺 貼出 公文 早 在</t>
  </si>
  <si>
    <t>衛福 部長 陳時中 今天 透露 我國 所 採購 的 高端疫苗 確實 很 有 可能 會 打 不 完 不過 目前 高端疫苗 正在 向 友邦 巴拉圭 申請 緊急 使用 授權 eua 也 有 多國 向 我 接洽 疫苗 捐贈 事宜 會 盡全力 讓 高端疫苗 被 妥善 運用 不 浪費 立 法院 衛環</t>
  </si>
  <si>
    <t>衛福 部長 陳時中 今天 透露 我國 所 採購 的 高端疫苗 確實 很 有 可能 會 打 不 完 不過 目前 高端疫苗 正在 向 友邦 巴拉圭 申請 緊急 使用 授權 eua 也 有 多國 向 我 接洽 疫苗 捐贈 事宜 會 盡全力 讓 高端疫苗 被 妥善 運用 不 浪費 立 法院 衛環 委員會 今 邀 陳時中 進行 施政報告 民眾黨 立 委 高虹 安 提出 質詢 認為 衛福部 自 8 月 23 日 起 就 不曾 公佈 高端疫苗 的 到貨 量 以及 完成 封 緘 的 相關 劑量 與 bnt az 莫德納 有 清楚 的 到貨 量 新聞稿 相比 資訊 完全 不透明 要求 衛福部 檢討 改善 對此 陳時中 口頭 表示 目前 已 施 打的 高端疫苗 共有 136萬 劑 還有 230萬 劑 庫存 保存 期限 可 至 半 年 應 不 會 有 過期 問題 將 依照 委員 的 建議 於官 網上 公開 目前 高端疫苗 的 到貨 量 以及 封 緘 數量 國民黨 立 委 洪孟 楷則 詢問 目前 還 未 到 貨 的 200 多 萬 劑 高端疫苗 最後 有 無可 能 打 不 完? 有無 機會 贈 給 其他 國家 還 是 說 高端 根本 是 很 難 送 人 的 燙手山芋 陳時中 回應 以 目前 的 接種 情形 來看 確實 政府採購 的 500萬 劑 高端 可以 預測 會 打 不 完 至於 能否 贈送 他國 使用 要 看 高端 是否 有 取得 其他 國家 的 eua 目前 該 公司 也 正 在 巴拉圭 努力 申請 也 有 很多 國家 在 跟 我 接洽 指揮中心 統計 截至 目前 我國 共有 75萬2654 人 接種 第 1 劑 高端 61萬4535 人 打完 2 劑 但 23 至 24 日 接種 第 1 劑 高端 的 僅 528 人 施打第 2 劑 的 僅 833 人 資料 不 甚 理想 陳時中 解釋 這 是 因 接種 高峰 已 過 才 會 出現 緩 打 潮</t>
  </si>
  <si>
    <t>高端疫苗 陳時中 打 不 完 捐贈 援外</t>
  </si>
  <si>
    <t>臺灣 不少 打過 2 劑 高端疫苗 的 民眾 想要 出國 必須 再 接種 其他 國際 認證 的 疫苗 外界 好奇 就 叫 混打 還是 重 打 臺北市 長 柯文哲 15 日 表示 高端 不 被 國際 社會 承認 這 叫 重 打 市議員 潘懷宗 今 午 在 市政 總 質詢 提出 臺灣 民眾 打完 2 劑</t>
  </si>
  <si>
    <t>臺灣 不少 打過 2 劑 高端疫苗 的 民眾 想要 出國 必須 再 接種 其他 國際 認證 的 疫苗 外界 好奇 就 叫 混打 還是 重 打 臺北市 長 柯文哲 15 日 表示 高端 不 被 國際 社會 承認 這 叫 重 打 市議員 潘懷宗 今 午 在 市政 總 質詢 提出 臺灣 民眾 打完 2 劑 高端 出國 必須 再 打 2 劑 國際 認證 疫苗 這 算是 混打 還是 重 打 柯文哲 回應 疫苗 有 不同 機制 有的是 蛋白質 有的是 mrna 有的是 減 毒 病毒 不同 疫苗 針對 同一個 病毒 不同 機制 的 疫苗 可以 混打 但 可否 混打 還是 要 看 科學 研究 像 az 已經 可以 再 混打 mrna 至於 其他 混打 模式 要 看有 無 論文 出現 才能 確定 他 強調 高端 拿 不 到 who 認證 是 早就 知道 的 事 1 年 前 就 預測 到 世界 強權 包括 中 美 英 蘇 德 是 強權 在 決定 市場 臺灣 拿 不 到 who 本來 就 預測 得到 的 事 打完 高端再 接種 其他 疫苗 這 叫 重 打 了 因為 不 被 國際 社會 承認 所以 不是 混打</t>
  </si>
  <si>
    <t>一 名 曾 接種 過 高端疫苗 的 嘉義 大學生 近日 在 通勤 途中 昏倒 指揮中心 今天 證實 該 名 大學生 曾在 九月 十 日 接種 高端疫苗 十六 日 在 騎車 途中 昏倒 目前 醫師 研 判為 右側 缺血性 腦 中風 正 在 加 護 病房 搶救 中 個案 現 已 通報 進 不良</t>
  </si>
  <si>
    <t>一 名 曾 接種 過 高端疫苗 的 嘉義 大學生 近日 在 通勤 途中 昏倒 指揮中心 今天 證實 該 名 大學生 曾在 九月 十 日 接種 高端疫苗 十六 日 在 騎車 途中 昏倒 目前 醫師 研 判為 右側 缺血性 腦 中風 正 在 加 護 病房 搶救 中 個案 現 已 通報 進 不良 事件 統計 系統 將 協助 家屬 申請 預防接種 受害 救濟 vicp 指揮中心 發言人 莊人祥 表示 該 名 男 大生 年 約 二 十幾 歲 經 醫院 回傳 資料 發現 有 血栓 症狀 為 右側 缺血性 腦 中風 正 在 加 護 病房 住院 至於 相關 疫苗 接種 後 不良 事件 回報 這 幾 天 各 醫院 仍然 在 持續 進行 預計 連 假 過 後 才會 對外 說明 統計 資訊</t>
  </si>
  <si>
    <t>血栓 昏倒 莊人祥 高端疫苗 指揮中心</t>
  </si>
  <si>
    <t>國內 疫苗 短缺 逾 300萬 人 等 不 到 第 2 劑 莫德納 650萬 人 沒有 az 第 2 劑 可 打 合計 近 1000萬 人 的 疫苗 孤兒 政府 將 提供 另 一 選擇 混打 高端 台中 市長 盧秀燕 16 日 表示 此事 要 慎重 並 聆聽 民意 市府 不 反對 疫苗 混打 但要 有 科學 根據 民眾 是否 能 接受 莫德納 混打 高端 也 需 再 討論 且 要 重視 民意 長 庚 大學 與 台大醫院 分頭 進行 az 高端 莫德納 高端 混打 試驗 衛福 部長 陳時中 昨 表示 學理 上 可行性 相當 高 臺北市 長 柯文哲 則 說 高端疫苗 臨床 三期 試驗 都 沒 做 現在 還要 混打 已 超越 他 的 醫學 理解 針對 莫德納 疫苗 是否 能 混打 高端疫苗 議題 盧秀燕 今天 日 出席 南屯區 精密 園區 停 三 立體 停車場 新建 工程 動土 典禮 受訪 時說 此事 要 慎重 並 聆聽 民意 市府 不 反對 疫苗 混打 但要 有 科學 根據 民眾 是否 能 接受 莫德納 混打 高端 也 需 再 討論 且 要 重視 民意 盧秀燕 說 中央 已 下 訂莫德納 疫苗 立 法院 也 已 通過 300 多 億 元 的 預算 採購 疫苗 全國 估計 約 300 多 萬 人 正等待 施打 第二 劑 疫苗 包括 台中 65 歲 至 75 歲 及 其它 各行各業 的 民眾 中央 雖 已 訂貨 也 編 列 預算 但 絕大部分 尚未 動 支 建議 中央 儘快 催 貨 或 提供 民眾 更 公開 透明 的 疫苗 貨源 相關 資訊 讓 民眾 判斷 是否 接受 混打</t>
  </si>
  <si>
    <t>疾 管署 買 高端疫苗 後 包正豪 推測 最後 結局</t>
  </si>
  <si>
    <t>包正豪 高端 高端疫苗 新冠肺炎 臺灣</t>
  </si>
  <si>
    <t>我國 採購 新冠 疫苗 進度 確定 延後 衛福 部長 陳時中 今 坦言 原先 將 於 一月 八 日 簽約 採購 的 五百萬 劑 疫苗 談判 時程 確定 延後 至於 covax 平 臺上 的 疫苗 採購 至今 也 未 決定 好 品牌 陳時中曾 在 1 月 6 日 宣佈 5百萬 劑 疫苗 最 慢 將 於 8 日 簽約 但 事 隔 一個 多 禮拜 至今 都 靜悄悄 他 今天 坦言 該 廠商 現在 不 知道 是 因為 生產線 上 出現 進度 上 的 問題 因 此 與 我國 的 談判 有點 延遲 不過 陳時中 也 強調 最 快 在 等 幾 周 後 應就會 有 更 明確 的 消息 至於 民眾 關心 的 covax 疫苗 採購 進度 陳時中 仍未 鬆口 我國 所選 廠 牌 強調 一切 都 要 等 簽 完 約 再說 不過 陳時中 也 透露 國產 疫苗 目前 所 剩 兩 家 進度 都 還 在 預期 內 除 高端疫苗 已 進入 臨床 第 二期 聯 亞 也 可望 於 本月底 取得 核准 進入 臨床 第二 期</t>
  </si>
  <si>
    <t>第 六 輪 國產 高端疫苗 於 23 日 開放 施打 截至 目前 26 日 已 出現 4 起 猝死 案件 其中 2 人 死因 推斷 為 主動脈 剝離 是否 跟 接種 高端疫苗 有關 感染 科 心臟 科 醫師 紛紛 認為 兩者 並 無 因果 關係 只是 剛好 在 接種 後 發生 主動脈 剝</t>
  </si>
  <si>
    <t>第 六 輪 國產 高端疫苗 於 23 日 開放 施打 截至 目前 26 日 已 出現 4 起 猝死 案件 其中 2 人 死因 推斷 為 主動脈 剝離 是否 跟 接種 高端疫苗 有關 感染 科 心臟 科 醫師 紛紛 認為 兩者 並 無 因果 關係 只是 剛好 在 接種 後 發生 主動脈 剝離 醫師 也 說 若 擔心 接種 後 身體 出現 不適 這 幾 種 人 可先 暫緩 接種 疫苗 指揮中心 發言人 莊人祥 表示 高端疫苗 接種 後 不良 事件 截至 25 日 已 出現 18 起 另 出現 4 起 死亡 目前 僅 50 多 歲 陸姓 作家 完成 解剖 研 判 死因 為 主動脈 剝離 合併 心包 填 塞 另 一 位 40 多 歲 基隆 女 性 經 電腦 斷層 初步 診斷 也 是 主動脈 剝離 觀察 到 有 大規模 剝離 情形 根據 ettoday 報導 振興 醫院 心臟 血管 內科 主治醫師 黃建龍 指出 主動脈 剝離 大多 和 先天性 血管 結締組織 健康 狀態 有關 若 結締組織 不 健康 血壓 太 高就 會 破裂 這樣 就 很 難 救回來 因此 家族 有 主動脈 剝離 史者 心血管 內膜 不 健康 者 都 是 高風險 族群 但 黃建龍 表示 學界 並 不 支持 主動脈 剝離 與 種 疫苗 有 關聯 性 主動脈 剝離 通常 有 潛 在 原因 在 打 疫苗 後 發生 只是 剛好 而非 因果 關係 中國 醫藥 大學 感染 權威 黃高彬 也 指出 接種 疫苗 與 主動脈 剝離 在 理論 上 無 關聯 性 剛好 在 接種 後 發生 這種 事 只能 說 實在 很 不幸 若 真 的 要 分析 關聯 性 黃高彬 認為 應 觀察 預期 值 從 統計 上 來 判斷 接種 疫苗 後 主動脈 剝離 人數 有無 增加 黃高彬 提醒 若 在 接種 自我 評估 身體狀況 不 佳 有 頭痛 疲憊 沒 睡飽 喘 不 過氣 胸 背 疼痛 食欲不佳 等 症狀 都 可以 先 暫緩 施打 黃建龍 也 說 高血壓 者 可以 數值 狀態 穩定 後 再 去 接種</t>
  </si>
  <si>
    <t>主動脈 剝離 接種 關聯 性 高端疫苗</t>
  </si>
  <si>
    <t>行政院長 蘇貞昌 今天 一早 到 台南 市 仁德 區 視察 三 爺溪 排水 治理 情形 被 問到 藍 營 批 他 說 全台 逾 910萬 人 施打 疫苗 是 大內 宣 數字 根本 沒 那麼 多 蘇貞昌 沒 回應 數字 只 說 當 全世界 因 變種 病毒 而 疫情 再起 臺灣 70 天內 將 疫情 控制 在 最 平穩 目前 病例 數 只 剩個 位數 民眾 踴躍 打 疫苗 裁 能 將 疫情 控制 下來 至於 相關 數位 中央 流行 疫情 指揮 每天 都 會 公佈 蘇貞昌 今天上午 7 點 50 分起 馬不停蹄 在 台南 依 序 視察 三 爺溪 歸仁 西瓜 及 東山 龍眼 絲瓜 受損 災情 首 站 到 三 爺溪 接受 聯 訪 時 被 問到 民眾 質疑 五 倍 券 效益 何不 用 五 倍 券 付 政務 官 薪水 蘇貞昌 說 去年 三 倍 券 大成 功 有 2333萬 人 領取 使用 創造 千億 效果 且 振興 券 全國 普發 限期 使用 地方 政府 及 企業 也 跟進 效果 更 好 他 強調 今年 是 複製 去年 成功經驗 並 精進 希望 能 在 這 波 疫情 下 受 衝擊 內需 市場 包括 餐廳 夜市 零售 等 都 能 使用 帶動 內需 市場 希望 受 衝擊 產業 能 快速 地 振興 他 也 說 針對 紓困 部分 已經 發 1500 多 億 元 現金 900 多 萬 人 領取 針對 高端疫苗 在 巴拉圭 取得 第 3 期 臨床實驗 核准 但 遭 臺北市議員 張斯綱 暴 料 指 與 高端 簽署 臨床實驗 備忘錄 的 巴拉圭 國立 亞松森 大學 醫學院 檔 以 中國臺灣 稱呼 臺灣 被 問到 此 是否 有 矮 化 我國 的 嫌疑 他 說 外國 相關 作業 將 請 外交部 進一步 瞭解</t>
  </si>
  <si>
    <t>聯 亞 高端疫苗 eua 聯 亞 受試者 高端疫苗 保護 力</t>
  </si>
  <si>
    <t>兒童 感染 新冠肺炎 比例 雖然 遠 低於 成人 且 重症 死亡率 低 但 造成 的 危害 仍 不 容小覷 目前 國內 12 歲 以下 兒童 尚無 疫苗 可 打 而 12 至 17 歲 bnt 第 2 劑 暫緩 接種 感染 科 醫師 提出 5 項 理由 建議 兒童 族群 仍 須 接種 疫苗 林 口 長庚醫院 副 院長 邱政洵 今天 在 疾病 管制 署 covid-19 感染 管制 與 防治 策略 研討會 分享 各國 兒童 新冠肺炎 染疫 人數 中 僅 占 全年齡 的 1 到 2 且 重症 及 致死 率 較 成人 低 以 美國 今年 中的 delta 變異 株 疫情 為 例 兒童 死亡率 遠 低於 成人 但 即便如此 新冠肺炎 疫情 還是 對 兒童 族群 造成 不小 的 衝擊 邱政洵 提出 兒童 需要 接種 疫苗 的 5 大 理由 包括 疫苗 可以 減少 新冠肺炎 傳播 預防 重症 死亡 更 能 避免 兒童 成為 疫情 下 的 漏網之魚 而且 肥胖 糖尿病 及 氣喘 等 兒童 患者 更是 重症 高 危險 群 另外 也 能 儘早 讓 兒童 恢復正常 生活 有助於 身心 獲得 健全 發展 臺灣 兒童 感染症 醫學會 理事長 邱 南昌 則 分享 各國 青少年 接種 經驗 包括 美國 英國 澳洲 加拿大 歐盟 日本 新加坡 皆 已 提供 12 到 17 歲 青少年 接種 bnt 疫苗 其中 多數 國家 建議 完整 接種 2 劑 而 英國 則 是 例外 目前 建議 健康 青少年 打 1 劑 重症 高風險 群 打 2 劑 另外 美國 近期 已 通過 bnt 疫苗 用於 5 至 11 歲 兒童 劑量 是 一般 疫苗 的 3 分之 1 目前 國內 暫緩 12 至 17 歲 青少年 bnt 第 2 劑 接種 邱 南昌 說 明 衛福部 傳染病 防治 諮 詢 會 預防接種 組 acip 在 今年 11 月 9 日 開會 當時 考量 國內 疫情 平穩 因此 不急 著 施打第 2 劑 要 再 看看 國外 資料 作 參考 但 這些 都 是 滾 動式 的 策略 並非 絕對 不 打 因為 疫情 會 改變 國際 間 也 會 有 更 多 報告 可供參考 並 做 決策 除了 bnt 疫苗 已 在 多國 使用 於 12 至 17 歲 族群 目前 歐盟 日本 新加坡 加拿大 澳洲 也通過 12 到 17 歲 族群 可 接種 莫德納 疫苗 邱 南昌 提到 目前 國產 高端疫苗 也 正在 進行 12 到 17 歲 試驗 共收 案 399 人 已於 今年 8 月 打完 第 1 劑 9 月底 打完 第 2 劑 預計 11 月底 期中 分析 他 個人 持 樂觀 態度 期待 成果 出爐 可望 提供 青少年 族群 更 多 疫苗 選擇</t>
  </si>
  <si>
    <t>中華隊 在 近日 東奧 賽場 上 不斷 有 好 消息 傳回 臺灣 並 大篇幅 佔據 新聞 版面 在 此 同時 265萬 劑 高端疫苗 竟 默默 通過 檢驗 並 取得 封 緘 證明 萬事俱備 只 欠 開 打 對此 資深 媒體 人 趙 少康 批評 趁 著 全民 瘋 奧運 蔡 政府 防疫 不力 的</t>
  </si>
  <si>
    <t>中華隊 在 近日 東奧 賽場 上 不斷 有 好 消息 傳回 臺灣 並 大篇幅 佔據 新聞 版面 在 此 同時 265萬 劑 高端疫苗 竟 默默 通過 檢驗 並 取得 封 緘 證明 萬事俱備 只 欠 開 打 對此 資深 媒體 人 趙 少康 批評 趁 著 全民 瘋 奧運 蔡 政府 防疫 不力 的 事實 被 成功 轉移 焦點 高端疫苗 也 被 暗度陳倉 雖然 被 輿論 遺忘 但是 高端 的 爭議 不會 因此 消失 食品 藥物 管理署 2 日 宣佈 首 批 高端疫苗 共 265萬 劑 已 完成 審查 檢驗 並 核發 封 緘 證明書 消息 一 出 引發 審查 沒過 就 開始 量 產 的 討論 面對 質疑 陳時中 解釋 等 eua 通過 才量產 送驗 恐怕 多 等 半 年 才 有得 用 更 把 疫苗 做 壞 比 喻為 蛋糕 做 失敗 對於 陳時 中的 回應 趙 少康 昨 4 日 在 臉書 痛 批 真是 不倫不類 亂講 一 通 趙 少康 直言 連 疫苗 的 保護 力都 不 知道 就 通過 eua 並 量 產 政府 甚至 早早 下 訂 500萬 劑 全力 護航 高端 的 斧 鑿 明顯 盡顯 照 劇本 演出 的 醜態 趙 指出 在 接受 永齡 基金會 台積電 以及 慈濟 捐贈 疫苗 後 政府 強調 疫苗 夠 了 不 會 再 開 專案 近期 卻 因為 疫苗 斷炊 不斷 拉長 接種 第二 劑 的 間隔時間 並 替 高端 完美 創造 了 空 窗 期 剛好 讓 高端 趁虛而入 趙 少康 感歎 面對 三無 疫苗 一個 沒有 保護 力 資料 沒 通過 eua 就 量 產 送驗 也 沒有 通過 國際 認證 的 疫苗 對 因 相信 民進黨 而 敢 打 高端 的 人 只能 獻上 佩服 與 祝 褔</t>
  </si>
  <si>
    <t>趙 少康 疫苗 量 產 高端疫苗 eua</t>
  </si>
  <si>
    <t>高端疫苗 混打 政策 上路 外界 質疑 安全性 未經 證實 不同 疫苗 接種 恐 加重 不良反應 衛福 部長 陳時中 今天 赴 立 法院 社 福 及 衛環 委員會 備詢 被 立 委 蔣 萬安 詢問 此事 時 多次 表示 專家 無 異議 通過 陳時中 今天 多次 被 問及 高端疫苗</t>
  </si>
  <si>
    <t>高端疫苗 混打 政策 上路 外界 質疑 安全性 未經 證實 不同 疫苗 接種 恐 加重 不良反應 衛福 部長 陳時中 今天 赴 立 法院 社 福 及 衛環 委員會 備詢 被 立 委 蔣 萬安 詢問 此事 時 多次 表示 專家 無 異議 通過 陳時中 今天 多次 被 問及 高端疫苗 混打 政策 的 決策 關鍵 表示 目前 尚無 相關 試驗 佐證 但 依據 acip 專家 討論 認為 安全性 沒有 問題 但 蔣 萬安 進一步 詢問 acip 會議 討論 內容 陳時中 未 正面 回應 僅 不斷 強調 專家 無 異議 通過 蔣 萬安 舉出 今年 7 月中 的 報導 打 臉 陳時中 當時 大家 詢問 混打 開放 的 可能性 你 的 回應 是 任何 藥物 都 有 一定 的 副作用 多 接種 一 種 不同 性質 疫苗 就 多 一 種 出現 副作用 的 可能性 一定 要 有 科學 證據 才會 開放 質疑 為 何尚 無 科學 證據 就 開放 高端 混打 陳時中 回應 試驗 是 針對 有效 而 做 看 疫苗 混打 效果 有 沒有 比較 好 但 蔣 萬安 強調 安全性 也 一樣 民眾 需要 得到保證 陳時中 則 表示 每 一個 疫苗 單獨 的 安全性 都 是 被 驗證 過 的 蔣 萬安 認為 高端疫苗 目前 僅 被 少數 國家 認可 指揮中心 早 該 規劃 因應 措施 當時 有人 提出 這樣 的 疑慮 有 可能 影響 國人 出國 權益 政府 卻說 與 事實 不符 直言 為何 要 欺騙 民眾 而 陳時中 聞 言竟 表示 要不然 委員 有 什麼 更 好 的 方法 立 委 高虹 安則 詢問 陳時中 政府 花費 40億 元 採購 500萬 劑 高端疫苗 截至 11 月 14 日 已 放行 371萬 劑 已 施打 140萬 劑 剩下 的 近 130萬 劑 可否 暫停 交貨 陳時中 回答 目前 已經 交貨 得 差不多 了 都 在 檢驗 封 緘 中 高 虹 安 追問 這 130萬 劑 高端疫苗 該 如何 處理 如果 捐助 友邦 國家 又 沒有 取得 緊急 授權 eua 作為 第 三 劑 加強 針 也 要 等 6 個 月 以後 時機未到 陳時中 表示 未來 很多 疫苗 都 會 面臨 這種 情況 我們 採購 的 所有 疫苗 數量 早就 超過 150 的 涵蓋 率 陳時中 說 未來 如果 國內 有 需要 就 繼續 用 國外 有 需要 就 捐贈 出去 但 高虹 安 認為 高端 沒有 取得 他國 eua 即使 要 捐 也 沒 去處 陳時中 回應 希望 世界衛生組織 who 的 團結 疫苗 試驗 能夠 早日 成功 但 又 強調 這 並非 自己 可以 操作 的 會 積極 尋找 可以 捐贈 的 地方</t>
  </si>
  <si>
    <t>高端疫苗 死亡 個案 莊人祥 台中 新冠肺炎</t>
  </si>
  <si>
    <t>高端疫苗 23 日 在 桃園 36 個 社區 接種 站 開 打 其中 大 有 國 中 接種 站 有 2 人 施打 後 身體 不適 47 歲 畢姓 男子 接種 後 頭暈 想 吐 血壓 升高 急 送醫 目前 留 院 觀察 中 另 一 名 30 歲 賽姓 美籍 女 打完 後 當場 倒下 巨大 聲響 嚇壞 現場 所有人</t>
  </si>
  <si>
    <t>高端疫苗 23 日 在 桃園 36 個 社區 接種 站 開 打 其中 大 有 國 中 接種 站 有 2 人 施打 後 身體 不適 47 歲 畢姓 男子 接種 後 頭暈 想 吐 血壓 升高 急 送醫 目前 留 院 觀察 中 另 一 名 30 歲 賽姓 美籍 女 打完 後 當場 倒下 巨大 聲響 嚇壞 現場 所有人 所幸 人 立即 清醒 她 疑 似 有 頭部 撞擊 地板 情形 醫護人員 建議 就醫 仍 遭 拒 留 觀 到 11 點 返家 47 歲 畢姓 男子 9 點 多 在 大 有 國 中 打完 高端疫苗 入 坐 觀察 區時 突然 感到 喘 不 過氣 想 吐 不久 即 癱軟 醫護人員 發現 後 連忙 關切 血壓 約 111 79 心跳 達 122 下 醫師 評估 緊急 送 往 臺北 榮民總 醫院 桃園 分院 急診室 就醫 目前 心電圖 檢查 正常 抽血 檢查 等待 報告 中 留 院 觀察 中 另 名 30 歲 賽姓 美國 籍 女性 10 點 45 分 接種 完 高端疫苗 後 約 3 分鐘 就 暈倒 失去 意識 當場 從 椅子 上 摔 下 蹦 一 聲 嚇壞 所有人 不久 即 恢復 意識 現場 量 測血壓 111 79 心跳 122 因 該 女 疑 似 有 撞擊到 頭部 醫護人員 建議 就醫 救護車 也 已 到場 備援 但 該 女 堅稱 沒有 不 舒服 不 願意 送醫 經 現場 休息 觀察 後 於 11 點 05 分 和 同行 接種 的 外籍 友人 一起 離開 據 現場 人員 透露 2 人 都說 沒有 吃 早餐 疑 似 因此 發生 不適 呼籲 民眾 施打前 仍要 些微 進食 桃園 市長 鄭文燦 一早 出席 武陵高中 上樑 典禮 時 表示 桃園 市 共 有 5萬2000 多 位 民眾 預約 第 六 輪 國產 的 高端疫苗 接種 其中 2萬6000 人 23 日 會 在 36 個 社區 接種 站 完成 另外 2萬6000 個 民眾 在 160 家 醫療 院所 接種 早上 看來 接種 意願 相當 高 出席率 大概 有 9 成多 鄭文燦 說 第 六 輪 還 加開 六 之 二期 鼓勵 民眾 上 1922 網站 預約 預定 是 在 8 月 27 到 29 號 施打 他 強調 高端疫苗 的 安全性 有效性 都 通過 食 藥 署 專家 的 審議 綜合 效價 是 az 疫苗 的 34 倍 相信 也 是 一個 很 好 的 疫苗 希望 大家 放心 接種</t>
  </si>
  <si>
    <t>高端 國產 疫苗 高端疫苗 新冠 疫苗 新冠肺炎</t>
  </si>
  <si>
    <t>疾 管署 高端疫苗 簡介 悄 上線 眼尖 網 揪 連 保護 力幾 都 沒寫</t>
  </si>
  <si>
    <t>食品 藥物 管理署 昨日 宣佈 首 批 高端疫苗 共 265萬 劑 已 完成 審查 檢驗 並 核發 封 緘 證明書 消息 一 出 引發 討論 一 名 網友 發現 衛生 福利 部 疾病 管制 署 官 網 的 疫苗 簡介 高端 也 悄悄 上線 原 po 昨 2 日 於 ptt 八卦板 爆 卦 指出 進</t>
  </si>
  <si>
    <t>食品 藥物 管理署 昨日 宣佈 首 批 高端疫苗 共 265萬 劑 已 完成 審查 檢驗 並 核發 封 緘 證明書 消息 一 出 引發 討論 一 名 網友 發現 衛生 福利 部 疾病 管制 署 官 網 的 疫苗 簡介 高端 也 悄悄 上線 原 po 昨 2 日 於 ptt 八卦板 爆 卦 指出 進入 衛福部 疾 管署 點選 covid-19 疫苗 中的 疫苗 簡介 後 發現 除了 原本 的 az 輝瑞 bnt 及 莫德納 疫苗 簡介 外 最 下方 新增 了 高端新冠肺炎 疫苗 簡介 中 寫 著 小於 千分之 一 的 罕見 副作用 為 顏面 神經 麻痹 眼壓 過 高 且 最 關鍵 的 保護 力連 幾 都 沒 標示 令 他 忍不住 大 酸 想 打 高端 快 登記 把 國際 疫苗 留給 我們 根據 疾 管署 的 資料 顯示 高端 一共 列舉 9 項 副作用 包括 注射 部位 疼痛 壓痛 肌肉 痛 頭痛 腹瀉 注射 部位 腫脹 硬結 噁 心 嘔吐 注射 部位 泛紅 及 發燒 小於 千分之 一 的 罕見 不良反應 更 有 顏面 神經 麻痹 及 眼壓 過 高 簡介 最 下方 更 有 一 排字 寫 著 在 安全性 追蹤 期間 高端新冠肺炎 疫苗 組 有 一 位 受試者 通報 出現 急性 周邊 性 顏面 神經 麻痹 該 受試者 是 在 接種 第 2 劑 後 13 天 發生 不良反應 另外 az 輝瑞 bnt 及 莫德納 3 款 疫苗 簡介 中 也 都清楚 標示 其 保護 力 唯獨 高端僅 以 另 依其 臨床 試驗 結果 分析 顯示 免疫 生成 性 與 恢復 者 血清 中和 抗體 資料 經 與 國外 獲得 eua 疫苗 所 產生 的 保護 力 關聯 指標 比對 亦 符 於 保護 力 標準 貼 文 曝光 後 引發 網友 熱 議 連 保護 力幾 都 沒寫 沒 三期 不敢 寫 保護 力 啦 寫 了 真的 詐騙 二期 才 做 那麼 一點 也 敢 說 小於 千分之 一 感覺 連 安全性 的 優勢 也 沒了 顏面 神經 麻痹 看起來 像 中風 不是 號稱 沒有 副作用 結果 列 的 項目 比 他 牌 還 多 做 三期 怎麼 知道 副作用 小於 千分之 一 高端沒 副作用 都 是 騙人 的 我 朋友 參加 測試 結果 燒 了 兩 天 全身 酸痛 全民 公 測 疫苗 上線 囉 等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國產 疫苗 高端疫苗 高端 疾 管署 新冠 疫苗</t>
  </si>
  <si>
    <t>桃園 市 44 歲 溫姓 男子 上月 23 日 接種 高端疫苗 25 日 工作 時 卻 送醫 不治 溫男 解剖 時 詢問 法醫 是否 能 加 驗 免疫 螢 光反應 及 血小板 第 4 凝 血 抗體 卻 遭 拒絕 桃園 地 檢 署 回應 已向 法醫 研究所 轉達 死者家屬 希望 但 此為 法醫 研</t>
  </si>
  <si>
    <t>桃園 市 44 歲 溫姓 男子 上月 23 日 接種 高端疫苗 25 日 工作 時 卻 送醫 不治 溫男 解剖 時 詢問 法醫 是否 能 加 驗 免疫 螢 光反應 及 血小板 第 4 凝 血 抗體 卻 遭 拒絕 桃園 地 檢 署 回應 已向 法醫 研究所 轉達 死者家屬 希望 但 此為 法醫 研究所 專業 會 尊重 專業 判斷 家屬 想 厘 清溫男 死因 是否 與 接種 高端疫苗 有關 但 溫男 解剖 完 後 家屬 詢問 法醫 是否 能 加 驗 免疫 螢 光反應 及 血小板 第 4 凝 血 抗體 法醫 當下 卻 回 應驗 那個 沒有 意義 桃園 地 檢 署 說 檢察官 年 8 月 26 日 相 驗 溫姓 死者 大體 後 因 家屬 質疑 死因 疑 似 與 死者 生前 施打 高端疫苗 有關 為 求 慎重 8 月 30 日 上午 率 法醫 就 死者 進行 解剖 並 已向 法醫 研究所 轉達 死者家屬 希望 加 驗 免疫 螢 光反應 及 血小板 第 四 凝 血 抗體 之 訴 求 檢 方說 有關 檢驗 過程 及 專案 屬 法醫 研究所 專業 事項 亦 會 尊重 法醫 研究所 之 專業 判斷 由於 目前 尚未 取得 法醫 研究所 之 解剖 報告 將 於 取得 解剖 報告 後 盡 速 向 死者家屬 說明 並 提供 必要 之 協助</t>
  </si>
  <si>
    <t>隨 各國 陸續 祭出 疫苗 邊境 管制 美國 即將 上路 的 入境 新 規定 也 未 將 高端疫苗 列入 允許 入境 條件 對此 衛福 部長 陳時中 今 在 立院 表示 預防接種 諮 詢 委員會 確定 下 週二 或 三 將 召開 屆時 將 針對 打完 高端 後 能否 與其 他 疫苗 混打</t>
  </si>
  <si>
    <t>隨 各國 陸續 祭出 疫苗 邊境 管制 美國 即將 上路 的 入境 新 規定 也 未 將 高端疫苗 列入 允許 入境 條件 對此 衛福 部長 陳時中 今 在 立院 表示 預防接種 諮 詢 委員會 確定 下 週二 或 三 將 召開 屆時 將 針對 打完 高端 後 能否 與其 他 疫苗 混打 做出 政策 方向 立 法院 今 審議 中央政府 嚴重 特殊 傳染性 肺炎 防治 及 紓困 振興 特別 預算 第 4 次 追加 預算案 由於 美國 將 自 11 月 8 日 起 采 入境 新 規 所有 外籍 旅客 須 接種 2 劑 美國 fda 或 who 核准 疫苗 才能 入境 包括 bnt az 莫德納 皆 在 名單 內 而 高端未 被 認可 同時 泰國 近日 也 宣佈 11 月 起 完整 接種 疫苗 的 旅客 可 享 入境 免 隔離 高端疫苗 同樣 不在 認可 名單 內 由於 截至 目前為止 高端疫苗 已 在 臺灣 施打 138萬 劑 隨 著 各國 疫苗 邊境 管制 趨 嚴 高端 人士 恐 將 面臨 在 國際 上 寸步難行 的 狀況 對此 國民黨 立 委 賴士葆 李貴敏 楊瓊瓔 民眾黨 立 委 張其祿 今 質詢 時 都對 高端 混打 政策 表達 關切 張 其 祿 表示 打 高端 的 民眾 當初 也 是 信賴 國家 所以 打 了 國產 疫苗 結果 現在 要 出國 變成 出 不 太 去 讓 接種 者 開始 思考 打完 高端 後 能否 再 打 其他 國際 認證 的 疫苗 但 也 擔心 會 不 會 打 太 多 賴士葆 提醒 衛福部 有 必要 將 目前 各國 的 疫苗 邊境 管制 做 整理 讓 民眾 清楚 知道 打 了 高端 可以 去 哪些 國家 哪些 國家 則 是 不能 去 對此 陳時中 表示 事實上 衛福部 已 接到 很多 民眾 提出 需求 因 此 目前 已 確定 要 召開 acip 委員會 預防接種 諮 詢 委員會 時間 是 下 週二 或 週三 屆時 就 會 由 專家 針對 高端 混打 提出 政策 方向 他 說 對於 要 出 國 的 人 安全性 一定 要 夠 相關 配套 也 都會 提 出來 陳時中 表示 對於 接種 高端疫苗 者 若 被 允許 追加 其他 品牌 疫苗 acip 的 委員 就 必須 考量 安全性 同時 也 會 做出 相關 的 因應 作為 對於 目前 國際 對 高端 的 開放 程度 陳時中 上午 特別 由 幕僚 整理 資料 後 旋即 在 立院 說明 表示 目前 臺灣 民眾 常去 的 國家 當中 只有 紐西蘭 帛 琉 與 印尼 認可 高端疫苗 而 符合條件 入境 免 隔離 的 國家 有 美國 英國 法國 德國 加拿大 新 加 玻 主要 認可 的 疫苗 以 bnt 莫德納 嬌 生 az 為主 而 美國 新加坡 特別 認證 國藥 科興 疫苗 泰國 則 特別 將 俄羅斯 的 衛星 五 號 也 放在 承認 名單 引起 關注 的 是 若 acip 許可 高端 混打 屆時 高端 人士 出國前 要 混打 其他 國際 疫苗 是否 為 隨 到 隨 打 陳時中 說 目前 bnt 莫德納 與 az 的 供應量 都 沒 問題 了 這部 份 我們 做 得 到 但 前提 是 acip 委員 認定 沒有 問題 才行 對此 民眾黨 立 委 高虹 安 質疑 如果 打 高端 的 民眾 能 優先 打 國際 疫苗 會 不 會 排擠 到 其他 民眾 的 需求 尤其 所謂 打 高端者 出國前 可以 隨 到 隨 打 的 定義 是否 有 限定 探親 旅遊 出差 或 遊學 留學 等 情況 才能 施打 還是 只要 出國 就 可 打 國際 疫苗 陳時中 回應 也 不是 每個 人 都 要 出國 啦 如果 真的 會 排擠 他人 權益 當然 會 儘量 限 縮 名額 但 以 目前 疫苗 到貨 狀況 基本上 他 認為 只要 安全上 沒 問題 不 會 有 這些 問題 就 像 學生 要 出國 念書 真 有 必要性 施打 其他 疫苗 指揮中心 就 會 配合</t>
  </si>
  <si>
    <t>臺灣 混打 陳時中 高端疫苗 新冠肺炎</t>
  </si>
  <si>
    <t>臺灣 鬧 疫苗 荒 az 和 莫德納 不夠 打 因 此 第 六 輪 疫苗 接種 將 開放 高端上 場 對此 中華民國 防疫 學會 理事長 王任賢 呼籲 大家 別 落入 政府 的 圈套 並 呼籲 打 了 首 劑 莫德納 的 人 不要 在 疫苗 空 窗 期 去 打 高端 因為 打 高端 就 像是 打入 水 一樣 沒 有效 第 五 輪 疫苗 打 莫德納 符合 資格 的 民眾 可 上網 預約 接種 預計 將 在 8 月 11 日 至 8 月 17 日 開始 施打 由於 第 五 輪 打完 以後 國內 az 與 莫德納 疫苗 的 數量 不夠 因此 指揮中心 也 宣佈 第 六 輪 將 由 國產 高端疫苗 上場 預計 在 八月 下旬 開放 預約 進口 疫苗 不夠 打 讓 許多 民眾 猶豫 是否 該 選擇 打 高端 對此 中華民國 防疫 學會 理事長 王任賢 呼籲 大家 不要 掉 進 政府 的 圈套 在 疫苗 空 窗 期 去 打 高端疫苗 因為 打 高端 就 像是 打入 水 一樣 沒有 效 所以 他 不 建議 打 第一 劑 莫德納 的 民眾 第二 劑 去 打 高端 臺灣 疫苗 庫 存量 不足 指揮中心 指揮官 陳時中 昨 也 在 記者會 上 坦言 疫苗 庫 存量 告急 因為 登記 要 打 疫苗 的 人 比起 政府 能 供應 的 量 還 多 對於 目前 急需 疫苗 的 緊急狀況 他們 也 持續 與 廠商 聯絡 希望 疫苗 可以 儘快 抵達 另外 由於 疫苗 不夠 的 緣故 指揮中心 先前 也 宣佈 除 了 第一 類 至 三類 的 公費 接種 對象 與 孕婦 可 在 四周 內 預約 打 第二 劑 莫德納 之外 其他人 的 兩劑 接種 間隔時間 將 延長 至 10 至 12 周 左右 讓 不少 人 擔憂 疫苗 保護 力 是否 會 因為 間隔 太 久 而 受到 影響 陳時中昨 在 記者會 上 被 追問 如果 莫德納 最後 還是 無法 及時 抵達 臺灣 是否 會 再 延長 第二 劑 的 接種 時間 對 此 他 避而不談 只 是 不斷 強調 打 第一 劑 就 可以 產生 足夠 的 保護 力 總比 完全 沒 打 還 更 好 現在 臺灣 主要 會 先 拼 第一 劑 的 疫苗 覆蓋率</t>
  </si>
  <si>
    <t>接種 莫德納 高端疫苗 空 窗 期</t>
  </si>
  <si>
    <t>第 十 輪 疫苗 意願 登記 今 午 截止 目前 確定 由 az 與 高端 上場 符合 資格 者 為 50 至 64 歲 已 打完 第一 劑 az 滿 10 周 以上 的 民眾 以及 打完 第一 劑 高端滿 4 周者 而 中 時 新聞網 也 整理 出 何時 可 接種 接種 az 和 高端 後 常見 的 副作用 等 常見 的 6 個 問題 供 民眾 參考 一 第 十 輪 開放 給 誰 打 第 十 輪 疫苗 符合 資格 的 物件 為 在 9 月 30 日前 打完 第一 劑 az 且 間隔 滿 10 周 的 50 至 64 歲 民眾 可以 預約 打 第二 劑 另外 曾在 10 月 6 日 已 前 打完 首 劑 高端疫苗 且 間隔 4 周 以上 的 民眾 可以 預約 接種 第二 劑 二 何時 可 預約 接種 第 十 輪 疫苗 意願 登記 截止 時間 為 今 29 日 中午 12 時止 符合 資格 者 可 在 10 月 3 日 上午 10 時至 10 月 4 日 下午 4 時登 入 平臺 預約 打 疫苗 預計 在 10 月 6 日 至 10 月 12 日 開 打 指揮中心 提醒 符合 接種 資格 且 無 取消 者 不用 再 進行 意願 登記 但 若 不曾 登記 意願 者 請 在 今 午 12 點 前 完成 登記 三 哪些 人 不 適合 施打 對 疫苗 成分 嚴重 過敏 打過 az 曾 出現 嚴重 過敏 反應 或 血栓 合併 血小板 低下 症候 群 者 將 不 予以 接種 另 正 在 發燒 或 罹 患 急性 中重度 疾病 者 建議 等 疫情 穩定 後 再 打 高端疫苗 的 部分 曾對 疫苗 成分 有 嚴重 過敏 反應 者 不予 接種 發燒 或 正 患 有 急性 中重度 疾病 者 建議 等 病情 穩定 後 再 接種 四 打完 疫苗 的 副作用 打 az 後 常見 的 副作用 為 注射 部位 疼痛 542 疲倦 531 頭痛 526 肌肉 痛 440 畏 寒 319 關節 痛 264 與 發燒 79 接種 高端 後 常見 的 副作用 則 是 注射 部位 疼痛 712 酸痛 全身 無力 36 肌肉 痛 276 頭痛 222 腹瀉 151 注射 部位 腫脹 硬結 105 噁 心 嘔吐 77 注射 部位 泛紅 49 以及 發燒 07 五 罕見 的不良反應 是 接種 az 疫苗 後 極 罕見 的 不良反應 血栓 因此 提醒 民眾 打完 28 天內 若 出現 嚴重 持續性 頭痛 視力 改變 或 癲癇 嚴重 且 持續 腹痛 超過 24 小時 嚴重 胸 痛 或 呼吸困難 下肢 腫脹 或 疼痛 以及 皮膚 出現 自發性 出血點 瘀 青 紫斑 的話 請 立刻 就醫 另 打 高端 後 罕見 的 不良反應 為 顏面 神經 麻痹 與 眼壓 過 高 六 打 疫苗 後 發燒 怎 辦 打完 疫苗 若 發燒 不適 可以 吃 退燒 止痛藥 緩解 不過 家 醫科 醫師 許書華 提醒 自行 至 藥局 買 藥 要 注意安全 劑量 含 乙醯胺 酚 成分 的 止痛藥 健康 成人 建議 最 大 日 劑量 不 超過 4000 毫克</t>
  </si>
  <si>
    <t>高端疫苗 二 度 加開 預約 今 收 單 剩 5萬 多 名額 沒人 打</t>
  </si>
  <si>
    <t>預約 高端疫苗 加開 新冠肺炎 臺灣</t>
  </si>
  <si>
    <t>高端疫苗 已 有 24萬 人 完成 預約 確定 下放 至 36 歲 施打</t>
  </si>
  <si>
    <t>食 藥 署 今天 核發 26萬 劑 高端疫苗 封 緘 證明書 讓 指揮中心 現在 共有 614萬 劑 高端疫苗 可放 入 第 六 輪 公費 疫苗 預約 平臺 進行 使用 衛福 部長 陳時中 表示 高端疫苗 今 起 開放 預約 後 已 有 24萬 人 完成 預約 約 占 整體 符合 資格 60萬 名 對</t>
  </si>
  <si>
    <t>食 藥 署 今天 核發 26萬 劑 高端疫苗 封 緘 證明書 讓 指揮中心 現在 共有 614萬 劑 高端疫苗 可放 入 第 六 輪 公費 疫苗 預約 平臺 進行 使用 衛福 部長 陳時中 表示 高端疫苗 今 起 開放 預約 後 已 有 24萬 人 完成 預約 約 占 整體 符合 資格 60萬 名 物件 的 40 同時 將 高端 定位 為 年輕 族群 疫苗 確定 可 下放 施打 年齡 至 36 歲 希望 能 讓 更 多 年輕人 打到 食 藥 署 今天 放行 四 批 高端疫苗 總數 為 26萬1766 劑 若 加上 8 月 2 日 4 日 通過 的 五 批 疫苗 目前 共有 61萬4204 劑 高端 可供使用 陳時中 表示 60萬 劑 只 是 當初 專家 推 估 能 至少 擁有 的 數量 若 接下來 的 檢驗 一切順利 近期 不 排除 還 會 再 增加 更 多 劑量 希望 儘量 在 這 一 波 可讓 更 多 年輕人 打到 高端 今天上午 10 點 一 到 預約 接種 高端疫苗 的 民眾 一度 癱瘓 預約 平臺 指揮中心 發言人 莊人祥 表示 2 分鐘 內 就 有 42萬 人 湧入 登記 由於 預約 高端疫苗 的 瞬間 流量 比較 大 因此 平臺 啟動 流量 管制 但 後來 都 恢復正常 截至 下午 1 點 時 已 有 24萬 人 完成 預約 相信 未來 不 會 有 太 大 問題 至於 總統 蔡英文 已 表示 要 打 高端疫苗 陳時中 說 總統 在 這次 施打 疫苗 也 是 跟 一般 民眾 一樣 都 要 先 上網 做 意願 登記 今 早 已 有 40 的 人 完成 預約 我 不 知道 總統 來 預約 了 沒 但 如果 有 預約 成功 當然 國安 團隊 會 做 最 適當 的 接種 安排</t>
  </si>
  <si>
    <t>高端疫苗 疫苗 預約 24萬36 歲 新冠肺炎</t>
  </si>
  <si>
    <t>高端 國產 疫苗 高端疫苗 臨床 試驗 新冠 疫苗</t>
  </si>
  <si>
    <t>高端疫苗 接種 對象 出爐 36 歲 以上 都 打得 到</t>
  </si>
  <si>
    <t>高端疫苗 第 六 輪 預約 時間 接種 時間 符合 資格 者</t>
  </si>
  <si>
    <t>自 國內 爆發 大型 社區 感染疫情 以來 已 連續 13 天 本土 確診 數 破百 死亡 人數 也 快速 增加 已 累計 78 人 染疫 身亡 這 波 疫情 也 讓 不少 人 表現 出 對 疫苗 的 迫切 需求 對此 前 副 總統 陳建仁 坦言 夫妻 2 人 已 接受 國產 高端疫苗 人體</t>
  </si>
  <si>
    <t>自 國內 爆發 大型 社區 感染疫情 以來 已 連續 13 天 本土 確診 數 破百 死亡 人數 也 快速 增加 已 累計 78 人 染疫 身亡 這 波 疫情 也 讓 不少 人 表現 出 對 疫苗 的 迫切 需求 對此 前 副 總統 陳建仁 坦言 夫妻 2 人 已 接受 國產 高端疫苗 人體 試驗 且 施打 完畢 後 並未 感受 到 不適 相信 國產 疫苗 在 未來 大量 生產 不是 問題 陳建仁 接受 民 視 新聞 專訪 他 透露 自己 與 太太 有 接受 國產 高端疫苗 二期 人體實驗 其中 有 7 分之 1 的 人 施打 對照組 另外 7 分之 6 的 人 則 施打 疫苗 雖然 不 知道 自己 是 不是 施打 對照組 但 2 人 施打 後 都 沒有 不適 的 感受 陳建仁 肯定 臺灣 在 過去 這 一 年 靠 著 國人 配合 正確 的 防疫 措施 建立 良好 的 觀念 加上 第一 線 醫護 的 努力 成功 防堵 疫情 考量 目前 國內 對於 疫苗 的 需求 迫切 陳建仁 認為 人類 與 傳染病 的 戰爭 是 永不 止息 的 除了 採買 國外 疫苗 也 應 重視 國內自製 疫苗 產能 以 對抗 未來 新冠肺炎 流 感化 的 情形 國產 疫苗 預計 能 在 7 月 上路 陳建仁 解釋 疫苗 是 慈悲 與 智慧 的 產物 由於 蛋白質 次 單元 疫苗 和 mrna 疫苗 相比 制程 較 長 也 是 臺灣 晚 進入 臨床實驗 的 主因 但 他 強調 食 藥 署 對 疫苗 要求 相當 嚴格 會 確保 出產 疫苗 的 品質 符合國際 水準 以 國內 廠商 的 生產量 能 來說 未來 要 自行 生產 1000萬 至 2000萬 劑 應 不是 問題</t>
  </si>
  <si>
    <t>高端疫苗 23 日 開 打 臺北市 長 柯文哲 日前 曾說 這些 人 是 替 高端 做 大規模 第 三期 人體 試驗 而 衛福 部長 陳時中 今日 回應 表示 這 是 高端 緊急 授權 eua 上市 後 的 市場 監測 對此 柯文哲 諷刺 陳時 中的 說法 聽 起來 很 像是 藥</t>
  </si>
  <si>
    <t>高端疫苗 23 日 開 打 臺北市 長 柯文哲 日前 曾說 這些 人 是 替 高端 做 大規模 第 三期 人體 試驗 而 衛福 部長 陳時中 今日 回應 表示 這 是 高端 緊急 授權 eua 上市 後 的 市場 監測 對此 柯文哲 諷刺 陳時 中的 說法 聽 起來 很 像是 藥廠 業務 代表 臺北市 今 舉辦 防疫 記者會 被 問到 陳時中 說 高端 已 通過 eua 是 屬於 上市 後 市場 監測 柯文哲 不滿 表示 不 接受 他 的 說法 柯 解釋 後 市場 的 監測 是 要 做 完 臨床 123 期 上市 後 再 去 做 市場 上 的 副作用 甚至 有 人 稱為 是 臨床 四 期 柯文哲 痛 批 高端 臨床 三期 都還沒 做 也 還 沒 拿 到 認證 這樣 的 做法 是 目前 地球 上 最 大 規模 的 新冠肺炎 第 三期 臨床 試驗 柯文哲 諷刺 陳時中 講法 就 像是 藥廠 的 業務 代表</t>
  </si>
  <si>
    <t>誤 植 孕婦 高端疫苗 3千 筆</t>
  </si>
  <si>
    <t>國產 高端 高端疫苗 高端 打 高端 不良反應</t>
  </si>
  <si>
    <t>新冠 疫情 看不到 盡頭 臺灣 採購 的 疫苗 何時 到貨 沒人 知道 國內 3 家 生 技 業者 中 後來居上 的 高端疫苗 已 獲准 進入 第二 期 人體 臨床 試驗 中 時 新聞網 記者 去年底 被 抽中 成為 受測者 今 前往 臺北 榮總 抽血 現場 參與 測試 的</t>
  </si>
  <si>
    <t>新冠 疫情 看不到 盡頭 臺灣 採購 的 疫苗 何時 到貨 沒人 知道 國內 3 家 生 技 業者 中 後來居上 的 高端疫苗 已 獲准 進入 第二 期 人體 臨床 試驗 中 時 新聞網 記者 去年底 被 抽中 成為 受測者 今 前往 臺北 榮總 抽血 現場 參與 測試 的 人 不 多 一 名 女性 表示 她 真的 很 擔心 被 感染 有 施 打 疫苗 的 機會 說 什麼 都 要來 試一下 我 今天 到 醫院 一路上 都 沒有 標示 照 簡訊 通知 前往 第 三門 診 記者 坦言 能 成為 全台 2萬 名 獲 邀 受 測 的 物件 之一 心情 相當 興奮 到 了 現場 先 由 胸腔 科 主治醫師 問診 聽 呼吸 心跳 後 轉 往 第二 門診 由 護理 師 進行 說明 後 再 抽血 抽 的 量 很多 我 記得 被 抽 了 6 管 記者 表示 護理人員 表明 今天 的 抽血 將 作為 能否 進入 下一階段 的 參考 若 身體素質 沒 問題 預計 小年 夜 前 一 天 2 月 9 日 正式 施打 實驗 疫苗 護理 師 也 分享 了 已 參與 第一 期 人體 臨床 試驗 的 狀況 接種部位 有點 紅腫 後遺症 會 疲倦 嚴重 一點 的 會 頭痛 不過 絕大部分 人 都 ok 一 名 受 測 的 女性 表示 她 朋友 已 打過 高端 一期 完全 沒有 不良反應 所以 她 很 放心 說真的 我 很怕 感染 新冠肺炎 有 機會 提早 打 疫苗 當然 要來 試 高端疫苗 的 第二 期 人體 臨床 試驗 有 一個 機制 叫做 雙 盲 機制 分成 2 組 第 1 組 接種 真正 的 疫苗 約 86 的 人 剩下 14 的 人 使用 安慰 劑 外 型 相同 不含 有效 成分 的 針劑 是 05 cc 的 生理 食鹽水 接受 測試者 和 研究 人員 在 過程 中 都 不 知道 使用 哪 一 種 針劑 全憑 機 率 決定 疫苗 若 研發 成功 廠商會 提供 接種 安慰 劑 的 受測者 施打 真正 的 新冠 疫苗</t>
  </si>
  <si>
    <t>指揮中心 日前 宣佈 施打 高端 且 有 出國 需求 的 民眾 可以 再 接種 其他 疫苗 混打 衛福部 部長 陳時中 17 日 表示 高端疫苗 混打 沒有 科學 資料 日前 指揮中心 公佈 接種 高端疫苗 民眾 出國 的 施打 方案 施打 高端 的 民眾 若 有 緊急 出</t>
  </si>
  <si>
    <t>指揮中心 日前 宣佈 施打 高端 且 有 出國 需求 的 民眾 可以 再 接種 其他 疫苗 混打 衛福部 部長 陳時中 17 日 表示 高端疫苗 混打 沒有 科學 資料 日前 指揮中心 公佈 接種 高端疫苗 民眾 出國 的 施打 方案 施打 高端 的 民眾 若 有 緊急 出國 需要 可 依 入境 國 查驗 要求 提供 證明檔 即 能 在 國內 混打 az bnt 莫德納 疫苗 17 日 上午 陳時中 在 社會福利 及 衛生 環境 委員會 會前 受訪 說 高端疫苗 混打 沒有 科學 資料 是 預防接種 諮 詢 委員會 議 acip 的 決定 他 指出 個別 疫苗 都 有 安全性 間隔 了 一段時間 後 施打 不 會 有加 成 的 疑慮 此外 他 透露 預計 在 17 日 18 日 公佈 15 輪 疫苗 接種 及 混 打的 實施 狀況</t>
  </si>
  <si>
    <t>食 藥 署 今 完成 4 批 高端疫苗 的 檢驗 封 緘 其中 有 一 批 代號 sp 2101 的 疫苗 共 5175 劑 效期 僅 到 9 月 11 日 遭 疾 管署 剔除 驗收 清單 疾 管署 副 署長 莊人祥 解釋 由於 sp 2101 疫苗 為 高端 送 檢 的確 效 品 因此 並 不 會 驗收 納入 公費 疫苗 接種 平</t>
  </si>
  <si>
    <t>食 藥 署 今 完成 4 批 高端疫苗 的 檢驗 封 緘 其中 有 一 批 代號 sp 2101 的 疫苗 共 5175 劑 效期 僅 到 9 月 11 日 遭 疾 管署 剔除 驗收 清單 疾 管署 副 署長 莊人祥 解釋 由於 sp 2101 疫苗 為 高端 送 檢 的確 效 品 因此 並 不 會 驗收 納入 公費 疫苗 接種 平臺 一般 民眾 打 不 到 食 藥 署 表示 高端 日前 送 檢 的 4 批 疫苗 批號 分別 為 sp 2118 sp 2119 sp 2120 sp 2101 其中 sp 2118 產量 8萬6161 劑 效期 至 明年 1 月 5 日 sp 2119 產量 8萬5813 劑 效期 至 明年 1 月 8 月 sp 2120 則 有 8萬6437 劑 效期 至 明年 1 月 12 日 不過 批號 sp 2101 的 產能 僅 5175 劑 且 效期 只 到 今年 9 月 11 日 止 食 藥 署 受訪 時 表示 並 不 清楚 疾 管署 是否 會 驗收 這 批 疫苗 莊人祥 則 進一步 指出 疾 管署 並 不 會 驗收 這 批 疫苗 因為 這 5175劑 高端 是 廠商 送交 的確 效 品 僅 供 食 藥 署 做 內部測試 截至 目前 高端共 送 交 22 批 疫苗 目前 食 藥 署 已 核准 13 批 87萬7790 劑 目前 仍 有 8 批 疫苗 補 件 中 1 批 待 檢驗 此外 上 週一 通過 食 藥 署 檢驗 封 緘 的 sp 2103 共計 5151 劑 效期 到 今年 9 月 23 日 為止 的 高端疫苗 疾 管署 也 未 驗收 因 此 目前 疾 管署 實際 驗收 的 高端疫苗 僅 有 11 批 共 86萬7464 劑</t>
  </si>
  <si>
    <t>高端疫苗 確 效 品 食 藥 署 疾 管署 效期</t>
  </si>
  <si>
    <t>國內 持續 擴大 新冠 疫苗 覆蓋率 不過 近日 有 一 名 男子 表示 自己 是 高端 的 受試者 前 兩劑 分別 是 國產 高端 第 三 劑 則 為 輝瑞 bnt 並 將 其 po 上網 分享 他 開心 地 說 我 可能 是 全台 灣 甚至 是 全世界 第 一個 大批 網友 看到 這 段 經歷 後 卻 忍不住 開 酸 原 po 昨 13 日 於 ptt 八卦板 爆 卦 指出 自己 打到 第 三 劑 疫苗 前 兩劑 皆 是 國產 高端 第 三 劑 則 是 bnt 他 掩不住 興奮 地 說 我 可能 是 全台 灣 甚至 是 全世界 第 一個 打完 2 劑 高端 再 打 bnt 的 人 原 po 曬 出 兩 張 疫苗 黃卡 只見 他 今年 2 月 23 日 及 3 月 23 日 于林口 長 庚 各施 打 一 劑 高端疫苗 另 一 張 黃卡 則 是 昨日 施 打的 bnt 原 po 說 當初 因為 支持 臺灣 生 技 及 醫療 研發 產業 因此 參加 高端 臨床 試驗 當 國產 受試者 沒 想到 臨床 試驗 才 走 到 第 二期 高端 就 直接 上線 開 打 認為 自己 像 一 只白 老鼠 總之 體制 下 我 可 打到 第 三 劑 甚至 是 第 四 劑 我 沒有 違法 跟 大家 分享 我 的 喜悅 貼 文 曝光 後 引發 大票 鄉民 熱烈 回應 這麼 高調 你會 被 查出來 的 gg 了 怎麼 不 低調 一點 刷 什麼 存在 感 世界 第一 恭喜 臺灣 之 光 打 了 高端 幹 嘛 還 搶 疫苗 這樣 算 混打 嗎 打 那麼 多 劑 是 要 幹 嘛 高端那 兩劑 沒 紀錄 所以 官方 認可 是 第一 劑 賺 爛 了 賺 爛 了 要 怎 知道 兩 張 疫苗 卡 都 是 你 的</t>
  </si>
  <si>
    <t>高端疫苗 國產 疫苗 高端 暈針 陳時中</t>
  </si>
  <si>
    <t>基亞 3176 澳洲 子公司 tbg diagnostics limited asx tdl 旗 下 轉投資 的 廈門 德 必 棋 生 技 廈門 德 必 棋 所 開發 的 新冠 病毒 核酸 檢測 試劑 已 取得 歐盟 ce 認證 而 這項 認證 代表 廈門 德 必 棋 所 生產 的 新冠肺炎 檢測 試劑 能 在 接受 歐盟 ce 認證 的 國家 中 以 體 外 檢測 試劑 ivd 的 資格 銷售 tbg diagnostics limited tbg 診斷 公司 為 澳洲 上市 並 專注 於 核酸 檢測 的 生物技術 公司 在 大陸 美國 及 臺灣 均 設有 轉投資 或 子公司 該 公司 開發 的 hla 的 產品 已 取得 體 外 試劑 ivd 認證 並 行銷 全球 22 個 國家 其中 廈門 德 必 棋 為 tbg 診斷 公司 在 中國 大陸 的 轉投資 公司 從事 檢測 試劑 開發 製造 與 銷售 本次 取得 歐盟 ce 認證 的 檢測 試劑 所 利用 的 是 rt-pcr q-pcr 技術 平臺 需 搭配 rt-pcr 設備 使用 而 tbg 診斷 公司 在 臺灣 的子公司 則 已 開發 出 取得 ce 認證 的 q 6000 rt-pcr 機器 隨時 可以 出 貨 新冠 病毒 蔓延 全球 目前 全球 已 有 超過 18萬 人 確診 其中 非 大陸 地區 的 確診 人數 已 超過 十萬 人 歐洲各國 在 近日 的 確診 人數 更是 劇烈 增加 而 提供 準確 方便 並 獲得 認證 的 新冠 病毒檢測 試劑 有助於 各國 檢疫 的 效率 進而 防堵 疫情 的 蔓延 基亞 集團 除 了 轉投資 的 廈門 德 必 棋 的 新冠 病毒 核酸 檢測 試劑 取得 歐盟 ce 的 認證 外 臺灣 的 高端疫苗 也 已經 向 食 藥 署 提出 新冠肺炎 rt-pcr 檢測 試劑 的 申請 並 與 美國國家衛生研究院 合作開發 新冠肺炎 的 疫苗</t>
  </si>
  <si>
    <t>基亞 新冠 病毒 核酸 檢測 試劑 廈門 德 必 棋 高端疫苗</t>
  </si>
  <si>
    <t>對於 新冠肺炎 本土 疫情 已 有 13584 人 確診 並 釀 497 人 不幸 離 世 國民黨 立 委 陳以信 表示 政府 應該 負 無 過失 責任 對 所有 因 確診 而 傷亡者 給與 慰 助 金 與 補償 金 畢竟 這 才是身 為 政府 的 目的 所在 陳 以 信 18 日 在 臉書 分析 根據 國賠 的 法律 規定 認定 關鍵會 在 政府 有無 過失 雖然 他 認為 政府 確有 過失 很多 人 也 這麼 認為 但 法律 認定 結果 很難說 因此 他 認為 這次 補償 很 特殊 國家 應負 的 不是 過失 責任 而是 無 過失 責任 亦 即是 國家 不管 有無 過失 都 應該 負責 補償 陳 以 信 認為 這次 疫情 國家 應負 無 過失 責任 的 理由 為 政府 防疫 過程 技術 高度 複雜 資訊 極端 不 對稱 人民 何能 得知 政府 哪裡 出錯 如何 證明 政府 確有 過失 更何況 立 法院 連成 立 個 疫苗 調閱 委員會 都 搞不清楚 疫苗 採購 過程 連 想要 公開 高端疫苗 eua 審查會議 都 被 衛福部 推三阻四 請問 人民 何能 握有 充足 資訊來 證明 政府 過失 呢 正 因 人民 與 政府 在 防疫 事項 上 地位 高度 不 對等 資訊 極端 不 對稱 因此 政府 對 人民 確診 者 該 負 無 過失 責任 亦 即是 無庸 人民 舉 證 政府 過失 人民 只要 受害 政府 就 該 補償 陳 以 信 認為 人民 一舉一動 都 是 聽從 cdc 指揮 每個 人 都 是 這 場 防疫 作戰 的 戰士 現在 國人 防疫 不成 不幸 確診 而有 傷亡 就 好像 戰士 為 國 打仗 在 戰場 上 不幸 受傷 或 陣亡 國家 難道 可以 不對 傷亡 戰士 負責 嗎 陳 以 信 主張 萬一 國人 不幸 確診 政府 不該 為難 非要 他 證明 政府 有 過失 才 賠償 政府 應該 負起 全部 責任 對 所有 因 確診 而 傷亡者 給與 慰 助 金 與 補償 金 畢竟 這 才是身 為 政府 的 目的 所在</t>
  </si>
  <si>
    <t>第 五 批 莫德納 疫苗 996萬 劑 前天 抵達 桃園 機場 衛福 部長 陳時中 表示 數量 很 少 因此 這 批 疫苗 的 施打 對象 還 尚未 定案 對此 藍委 鄭麗文 表示 即使 有 新 的 自 購 莫德納 抵 台 近 6 成 人民 仍 等 不 到 第一 劑 預約 通知 這 可看 出 最 根本 的 問題 就 是 蔡 政府 的 國際 疫苗 就 是 買 太 少 也 來 太 少 但 政府 不急 著 解決 疫苗 不夠 問題 卻 急 著 要 讓 人民 施打 國產 疫苗 讓 她 不禁 痛 批 國產 疫苗 是 黨產 疫苗 嗎 鄭麗文 今 10 日 在 臉書 發文 表示 指揮中心 日前 宣佈 第 五 輪 莫德納 打完 第 六 輪 就要 開 打 高端 但 高端疫苗 仍 遭 外界 諸多 質疑 就 急 著 要 讓 人民 施打 這樣 完全 護航 的 疫苗 政策 更讓人 高度 懷疑 蔡 政府 是否 想 間接 迫使 人民 接受 高端疫苗 雖然 目前 疫情 降到 二級 鄭麗文 指出 但 現在 delta 病毒 持續 擴散 多國 疫情 再起 面對 來勢洶洶 的 delta 病毒 蔡 政府 不是 想要 積極 的 解決 疫苗 不夠 高端疫苗 保護 力和 副作用 等 問題 而是 大 搞 認知 作戰 側翼 網 軍 內 宣 一 條 鞭 企圖 道德 綁架 民眾 指責 所有 對於 高端疫苗 提出 質疑 的 人 通通 都 是 居心叵測 不 健康 鄭麗文 直言 如果 未來 疫情 持續 而 蔡 政府採購 的 國際 疫苗 又 遲遲 不 到貨 那未 做 三期 試驗 批准 的 四 個 批號 未 連續 又 未獲 who 緊急 授權 的 高端疫苗 是不是 就 會 成為 多數 人 民 不 認同 卻 又 不得不 接受 的 唯一 選擇</t>
  </si>
  <si>
    <t>鄭麗文 蔡 政府 新冠肺炎 高端疫苗 臺灣</t>
  </si>
  <si>
    <t>食品 藥物 管理署 今 宣佈 首 批 高端疫苗 265萬 劑 已 完成 檢驗 封 緘 作業 最 快 傍晚 放行 前 衛生 署長 楊志良 怒 批 疫苗 研發 是 科學 而非 政治 應該 照 正規 程式 進行 主張 停止 高端 的 eua 緊急 使用 授權 並 提出 5 大 理由 讓 高端 從 預</t>
  </si>
  <si>
    <t>食品 藥物 管理署 今 宣佈 首 批 高端疫苗 265萬 劑 已 完成 檢驗 封 緘 作業 最 快 傍晚 放行 前 衛生 署長 楊志良 怒 批 疫苗 研發 是 科學 而非 政治 應該 照 正規 程式 進行 主張 停止 高端 的 eua 緊急 使用 授權 並 提出 5 大 理由 讓 高端 從 預約 平臺 下 架 楊 志 良 今 2 日 稍 早於 個人 臉書 表示 新冠肺炎 疫情 未來 必將 流 感化 疫苗 年年 都 要 接種 為了 長遠 之 計著 想 臺灣 亟需 國產 疫苗 國人 也 應該 要 支持 力挺 這 點 殆 無 疑義 但 疫苗 研發 是 科學 而非 政治 應該 按照 正規 程式 進行 取得 主管機關 的 許可 名正言順 地 為 國人 健康 把關 楊 志 良 主張 停止 高端疫苗 的 eua 並 提出 5 大 理由 將 其 從 疫苗 預約 平臺 下 架 第一 全球 沒有 任何 民主 國家 非專業 的 政府 領導人 可 介入 疫苗 審核 及 授權 楊志良 認為 5 月 時 高端 臨床 二期 報告 尚未 出爐 但 總統 蔡英文 就 宣稱 7 月 可 開 打 這不 是 政治 介入 什麼 才是 話 已 出口 大家 自然 全力 配合 卻 也 讓 高端 失掉 其 正當性 第二 目前 已 無 eua 的 必要 楊志良 說 eua 是 在 國家 有 緊急 的 公衛 狀況 且 沒 適切 已 獲准 及 可用 的 替代品 下 才可經 充分 審查 程式 後 緊急 使用 授權 但 臺灣 目前 的 選擇 很多 也 就 是 已 有 可用 替代品 根本 沒有 緊急 授權 高端疫苗 的 必要 第 三 高端疫苗 沒有 獲得 eua 的 資格 楊志良 直言 目前 所有 獲得 eua 的 疫苗 皆 是 通過 人體實驗 到 第 三期 高端 卻 連 完整 的 二期 都 未 完成 且 審查會議 委員 人選 過程 審查 意見 價格 全 被 蓋 牌 如何 讓 人民 信服 第 四 高端 自吹 品質 優良 與 novavax 疫苗 同 等級 但 其中 仍 有 不同 楊志良 表示 兩者 使用 抗原 蛋白質 來源 不同 novavax 用 秋 行軍 蟲 高端 則 是 用 倉鼠 另外 novavax 是 使用 專利 奈 米 顆粒 技術 聚合 棘 蛋白 形成 奈 米 顆粒 之後 再 與 佐劑 matrix-m 混合 讓 多 個 抗原 蛋白 聚合 形成 奈 米 顆粒 以 提高 免疫 反應 但 高端 根本 無 此 技術 楊 志 良 接 著 表示 novavax 第 三期 實驗 完成 三萬 受試者 至今 仍未 獲得 美國 fda 的 eua 高端 又 有 何 資格 通過 eua 第 五 食 藥 署 於 6 月 10 日 自行 制定 有 高度 爭議 的 eua 標準 並 通過 高端疫苗 的 eua 完全 是 為 高 端量 身 訂 做 最後 楊志良 說 相信 臺灣 仍 有 正直 法官 因 此 提出 訴 願 停止 高端 的 eua 並 向高端 喊話 繼續 努力 成為 獲得 完全 認證 的 疫苗</t>
  </si>
  <si>
    <t>高端疫苗 國產 疫苗 新冠 疫苗 eua 緊急 使用 授權</t>
  </si>
  <si>
    <t>高端疫苗 昨 正式 開 打 台大 小兒 感染 科 醫師 李秉穎 今天 表示 疫苗 會 出現 最重 大 的 副作用 是 過敏性 休克 但 幾 十萬 人 去 打 頂多 就 出現 一 位 而已 且 伴隨 著 接種 人數 增加 未來 肯定 會 出現 猝死 嚴重 過敏 的 狀況 但 只要 不良 事件</t>
  </si>
  <si>
    <t>高端疫苗 昨 正式 開 打 台大 小兒 感染 科 醫師 李秉穎 今天 表示 疫苗 會 出現 最重 大 的 副作用 是 過敏性 休克 但 幾 十萬 人 去 打 頂多 就 出現 一 位 而已 且 伴隨 著 接種 人數 增加 未來 肯定 會 出現 猝死 嚴重 過敏 的 狀況 但 只要 不良 事件 的 發生率 沒 超過 沒 打 疫苗 的 背景 值 就 不能 隨便 推論 因果 關係 李 秉 穎 今 在 廣播節目 中 表示 所有 的 新冠 疫苗 包括 高端 會 出現 的 最重 大 的 副作用 就是 過敏性 休克 發生率 是 百 萬分 之一 所以 如果 有 幾 十萬 人 去 打 頂多會 出現 一 位 但 也 不 一定 會 出現 至於 其他 的 副作用 可能 要 等 2 4 天 後 才會 出來 像是 身體 酸痛 和 發燒 等 李 秉 穎 提 醒 如今 幾 十萬 人 去 打 高端 一定 會 看到 嚴重 不良 事件 一定 會 有人 猝死 一定 會 有人 嚴重 過敏 一定 會 有人 神經 麻痹 某些 人 在 打 疫苗 之前 本來 就 有 可能 出現 這些 反應 而 打 疫苗 並 不能 預防 心肌梗塞中風 等 疾病 發生 李 秉 穎 強調 打完 之後 發生 上述 所說 的 狀況 只 能夠 稱作 是 不良 事件 不 可以 說是 副作用 也 不能 叫 作 不良反應 只要 不良 事件 的 發生率 沒有 超過 之前 沒有 打 疫苗 的 背景 值 那 就 不 可以 隨便 推論 兩者 間 的 因果 關係 李 秉 穎 提到 高端 臨床 試驗 中 一 人 出現 顏面 神經 麻痹 的 症狀 許多 人 只 看見 這 一個 案例 就 大張旗鼓 的 說 可能 安全 有 問題 他 認為 這不 符合 科學 的 原則 將來 若 出現 不良反應 事件 恐 被 擴大 檢 視 但 這 對 任何 疫苗 來說 都 是 不 公平 的 李 秉 穎 也 說 先前 臺灣 大量 施打 az 疫苗 的 時候 出現 幾 十 個 人 打完 後 死 掉 這個 資料 也 被 擴大 檢 視 但 死亡 不 一定 與 疫苗 相關 而 數字 也 沒有 高過 背景 值 但 還是 有 很多 人 隨便 就 說 成是 打 疫苗 的 死亡率 是 多少 這樣 其實 不 符合 科學</t>
  </si>
  <si>
    <t>高端疫苗 副作用 新冠肺炎 過敏性 休克 猝死</t>
  </si>
  <si>
    <t>高端疫苗 解 盲 驚見 2 問題 專家 魔鬼 都 在 細節 中</t>
  </si>
  <si>
    <t>高端疫苗 昨 解 盲 是否 可以 為 國人 施打 引起 爭論 台大醫院 前 副 院長 王明钜 今 在 臉書 分享 中研院 研究 技師 詹家琮 的 文章 表示 國產 疫苗 有 2 大 問題 除了 只 看 受試者 血液 的 抗體 中和 效力 是 不夠 的 再來 就是 疫苗 二期 試驗 物件 不</t>
  </si>
  <si>
    <t>高端疫苗 昨 解 盲 是否 可以 為 國人 施打 引起 爭論 台大醫院 前 副 院長 王明钜 今 在 臉書 分享 中研院 研究 技師 詹家琮 的 文章 表示 國產 疫苗 有 2 大 問題 除了 只 看 受試者 血液 的 抗體 中和 效力 是 不夠 的 再來 就是 疫苗 二期 試驗 物件 不是 現在 流行 的 英國 變種 病毒 讓 他 質疑 拿 一 年 多 前 的 結果 作為 對抗 英國 變種 的 疫苗 取得 緊急 授權 的 依據 真的 好 嗎 前臺 大 醫院 副 院長 王明钜 今 11 日 在 臉書 發文 表示 高端疫苗 臨床 試驗 二期 結果 昨 解 盲 他 分享 中研院 研究 技師 詹家琮 的 臉書 貼 文 表示 簡單 來說 魔鬼 真 的 都藏 在 細節 裡 目前 國產 疫苗 有 兩 大 問題 而 這些 問題 必須 厘 清 才能 為 國人 施打 王明钜 指出 只 看 打 疫苗 後 受試者 血液 中 抗體 中和 效力 是 不夠 的 因為 人體 的 免疫 反應 很 複雜 抗體 中和 病毒 上 的 一 種 蛋白質 只 是 各種 複雜 免疫 反應 其中 之一 身體 為 對 抗病毒 還 會 有 許多 免疫 反應 也 因為 這些 免疫 反應 在 每個 人 身上 可能 都 不 一樣 所以 才 會 有人 感染 了無 症狀 但 有人 感染 後 卻 很 快 轉 重症 甚至 死亡 王明钜 解釋 打 疫苗 以後 身體 除了 抗體 以外 的 免疫 反應 還 會 產生 哪些 免疫 反應 來 對 抗 病毒 這些 是 在 二期 試驗 中看 不 到 的 必須 藉 由 受試者 身體 的 反映 才能 觀察 到 要 看 得 應該 是 人體 的 整體 表現 不 只是 簡單 的 中和 性 抗體 的 效價 王明钜 也 說 目前 的 試驗 結果 是 施打 疫苗 的 30004000 位 受試者 身上 抽血 所 得到 的 抗體 在 二期 試驗 中 來 對抗 的 病毒 並 不是 目前 在 臺灣 社區 內 流行 的 英國 變種 病毒 更 不是 傳染 率 與 死亡率 更 高 的 印度 變種 病毒 而是 一 年 多 前 出現 的 病毒株 王明钜 認為 就算 暫時 不 管 抗體 中和 效力 試驗 是否 可以 代替 人體 的 整體 免疫 的 評估 但 至少 抗體 所 對抗 的 病毒 抗體 要來 對抗 的 敵人 應是 目前 流行 的 病毒 應是 當下 要 消滅 的 敵人 而 不是 一 年 多 前 出現 但 現在 根本 不是 臺灣 社區 流行 的 病毒 吧 王明钜 透露 看 完 中研院 專業 技術人員 的 臉書 他 對 國產 疫苗 的 看法 變 得 更 保守 因為 他 這 才 知道 原來 這個 二期 試驗 用來 證明 抗體 可以 有效 殺敵 的 敵人 竟然 是 一 年 多 前 的 病毒株 而 不是 現在 流行 的 英國 變種 王明钜 表示 他 可以 理解 二期 試驗 開始 為 受試者 施打 疫苗 時 臺灣 幾乎 沒有 疫情 至少 表面 上 的確 沒有 所以 拿 原本 的 病毒株 作為 假想敵 很 合理 但 明明 臺灣 社區 現在 流行 的 全是 英國 株 病毒 如果 拿 一 年 多 前 的 結果 就要 施 打到 人體 對抗 臺灣 社區 裡 的 英國 變種 病毒 這樣 ok 嗎 王明钜 質疑 拿 一 年 多 前 的 結果 作為 對抗 英國 變種 的 疫苗 取得 緊急 授權 的 依據 真的 好 嗎 而且 在 連 主管機關 都 承認 國產 疫苗 可能 較 難 應付 變種 病毒 的 狀況 下 這樣 真 的 ok 嗎</t>
  </si>
  <si>
    <t>蔡英文 823 打 高端疫苗 趙 少康 呼籲 一 件 事</t>
  </si>
  <si>
    <t>總統 蔡英文 明 8 月 23 日 要 打 高端疫苗 資深 媒體 人 趙 少康 表示 之前 坊 間 盛傳 蔡英文 已經 打 了 疫苗 自己 是 完全 不 相信 這 件 事 還 跟 人 爭 得 面紅耳赤 因此 他 呼籲 如果 蔡英文 想 破 偷打 疫苗 謠言 就 請 蔡英文 公開 抽血 檢查</t>
  </si>
  <si>
    <t>蔡英文 高端疫苗 趙 少康 新冠肺炎 抗體</t>
  </si>
  <si>
    <t>高端疫苗 宣佈 解 盲 成功 食 藥 署 後續 將 采 中和 抗體 效價 作為 替代 保護 力 指標 要求 中和 抗體 效價 不 得 低於 az 疫苗 藍委 魯明 哲 今天 質疑 先前 說 高端疫苗 與 莫德納 疫苗 是 攣生 兄弟 為何 挑 最弱 的 比較 衛福 部長 陳時中 說 因為 這</t>
  </si>
  <si>
    <t>高端疫苗 宣佈 解 盲 成功 食 藥 署 後續 將 采 中和 抗體 效價 作為 替代 保護 力 指標 要求 中和 抗體 效價 不 得 低於 az 疫苗 藍委 魯明 哲 今天 質疑 先前 說 高端疫苗 與 莫德納 疫苗 是 攣生 兄弟 為何 挑 最弱 的 比較 衛福 部長 陳時中 說 因為 這 是 國內 現在 有 辦法 做 的 現在 有人 接種 az 疫苗 之前 打 第一 劑 就 開始 做 相關 研究 魯明 哲 質疑 先前 宣傳 國產 疫苗 是 莫德納 疫苗 的 攣生 兄弟 中和 抗體 效價 卻 和 az 疫苗 相比 如同 看起來 要 端 出 大菜 以為 要 和 五星級 餐廳 比較 結果 確 和 旁邊 的 快 炒 店 相比 且 交給 專家學者 認定 臺灣 恐 創下 世界 先例 魯明 哲 進一步 質問 若要 以 中和 抗體 為 標準 應和 高端 一樣 都用 重組 蛋白 也 還 沒 上市 的 novavax 相比 其中 和 抗體 濃度 為 3900 莫德納 有 800 嬌 生 214 輝瑞 157 怎麼 會 找 濃度 僅 136 的 az 疫苗 比較 衛福 部長 陳時中 說 輝瑞 的抗體 濃度 為 157 國產 疫苗 會 比 這個 高 但 中和 抗體 的 橋 接 性 要 由 專家 認定 另外 魯明 哲 還 說 衛福部 報告 提到 據 國際 臨床實驗 顯示 mrna 疫苗 才能 安全 有效 處理 病毒株 快速 變異 上選 如 莫德納 與 輝瑞 國內 技術 都 是 重組 蛋白 開發期 程 較 長 不易 應付 突變 的 新冠肺炎 但 現在 變種 病毒 層出不窮 高端疫苗 讓 人 擔心 陳時中 坦言 國產 疫苗 的 保護 力 還要 觀察 未來 mrna 製造 也 是 重要 的 事情 去年 還 沒有 這個 能力 今天 中研院 有 相關 開發 的 實驗性 能力 準備 跟 國外 談代工 藍 委 吳怡玎 也 問到 novavax 的 抗體 效價 是 高端 的 56 倍 以上 若 高端疫苗 沒有 做 三期 試驗 人們 真的 難以相信 保護 力能 和 中和 抗體 效價 成 正比 陳時中 說 近來 有 相關 研究 發現 中和 抗體 跟 保護 力有 正 相關 這 半 年 來 相關 研究 變 多 相信 科學家 與 審查 委員 可 替 大家 做 比較 好 的 判斷 確認 兩者關聯 性</t>
  </si>
  <si>
    <t>az 中和 抗體 高端疫苗 中和 抗體 效價 新冠肺炎</t>
  </si>
  <si>
    <t>高端疫苗 開 打 傳出 零星 死亡 及 不適 個案 媒體 詢問 台中 市長 盧秀燕 看法 她 說 疫苗 是 各 喜 各 愛 強調 臺灣 是 自由 國家 民眾 有 自己 的 選擇 權 市府 會 持續 提供 疫苗 接種 站 及 合約 醫療 院所 目前 台中 尚無 不良反應 個案 建議 民</t>
  </si>
  <si>
    <t>高端疫苗 開 打 傳出 零星 死亡 及 不適 個案 媒體 詢問 台中 市長 盧秀燕 看法 她 說 疫苗 是 各 喜 各 愛 強調 臺灣 是 自由 國家 民眾 有 自己 的 選擇 權 市府 會 持續 提供 疫苗 接種 站 及 合約 醫療 院所 目前 台中 尚無 不良反應 個案 建議 民眾 接種 後 多 休息 多喝水 勿 做 激烈 運動 盧秀燕 也 提到 過去 5 輪 疫苗 施打 都 是 登錄 的 人 比 疫苗 供應量 還 多 台中 市 有 8萬 多 人 預約 登記 比較 特別 的 是 供過於求 據 瞭解 中央 配發 台中 8萬 多 劑 高端疫苗 又 再 加碼 供應 2萬 多 劑 目前 預約 登記 尚未 額 滿</t>
  </si>
  <si>
    <t>美國 政府 規定 11 月 以後 打完 兩劑 疫苗 的 旅客 才能 入境 若 是 打 了 沒有 得到 國際 認證 的 高端疫苗 是否 能 被 允許 入境 美國 這 議題 引起 廣泛 的 討論 國民黨 立 委 賴士葆 表示 根據 疾 管署 到 8 月底 前 的 資料 顯示 官員 打 高端 的 比例 只</t>
  </si>
  <si>
    <t>美國 政府 規定 11 月 以後 打完 兩劑 疫苗 的 旅客 才能 入境 若 是 打 了 沒有 得到 國際 認證 的 高端疫苗 是否 能 被 允許 入境 美國 這 議題 引起 廣泛 的 討論 國民黨 立 委 賴士葆 表示 根據 疾 管署 到 8 月底 前 的 資料 顯示 官員 打 高端 的 比例 只 有 32 所以 美國 這個 新 政策 對 官員 的 影響 很 小 賴士葆 說 官員 施打 兩劑 疫苗 已經 達到 65 的 高 比例 官員 不斷 的 宣導 催促 民眾 有 疫苗 就要 去 打 不要 挑選 國際 疫苗 也 不 要 避 選 高端 賴士葆 又 說 然而 官員 精挑細選 國際 認證 的 疫苗 卻 刻意 地 避開 高端 更 不可思議 的 是 卻 在 政策 上 鼓動 側翼 網 紅 在 媒體 和 社 群 宣導 愛國 意識 說 打 高端才 是 愛 臺灣 的 表徵 官員 領 的 薪水 是 政府 公 帑 為什麼 言行不一 致 不 打 高端 不 愛 臺灣 卻 不 覺得 愧疚 賴士葆 指出 正 副 總統 強力 推銷 高端 的 心志 不 改 預告 9 月底 要 打 第二 劑 高端 如此 賣力地 推銷 高端 民眾 就是 不 買 單 為何 總統 不 去 說服 6 成 5 官員 施打 高端疫苗 這樣 比 什麼 都 具有 說服力 不 要 一 昧 的 誘導 民眾 打 高端疫苗</t>
  </si>
  <si>
    <t>官員 賴士葆 打 高端 高端疫苗 新冠肺炎</t>
  </si>
  <si>
    <t>焦糖 哥哥 陳 嘉行今 1 日 打完 高端 第二 劑 並 po 文 表示 我 要 煩惱 該 去 哪個 國家 玩 了 嗎 一席話 引爆 網友 論戰 貼 文 轉發 至 ppt 後 鄉民 瘋狂 洗 板 吐 槽 只有 印尼 能 去 而已 焦糖 哥哥 今 早 9 點 前往 臺北市 新光 醫院 施打 第二 劑 高端疫苗 打完 疫苗 後 興奮 得 在 臉書寫 到 打 滿 兩劑 高端疫苗 了 我 要 煩惱 該 去 哪個 國家 玩 了 嗎 早 在 昨晚 他 就 在 臉書寫 到 劉宇 四 叉貓 說 我 煩惱 明天 早上 9 點 的 高端 時尚 要 穿 什麼 我 看 起來 有 煩惱 嗎 新 試劑 服 英 戰士 都是全 臺灣 打 滿 第二 劑 那 10 的 人 打 高端疫苗 確實 得 煩惱 第 三 劑 打 好 後 要 去 哪個 國家 玩 最後 他 表示 歡迎 媒體 來 拍 他 高端 時尚 打扮 消息 一 出 迅速 被 轉發 至 ptt 討論 網友 們 瘋狂 留言 回應 不用 煩惱 啊 只 能 去 印尼 服 英 戰士 印尼 觀光 高端 推廣 團 我 打 滿 2 劑 莫德納 了 日本 美國 我 幫 你 去 印尼 就 是 高端 戰士 的 世界地圖 還 煩惱 去 哪國 小人 國 啦 印尼 可以 玩 很 久 啦 的確 該 煩惱</t>
  </si>
  <si>
    <t>高端疫苗 印尼 焦糖 哥哥 陳嘉行 入境</t>
  </si>
  <si>
    <t>中華 代表團 近日 在 東京 奧運 奪下 好 成績 選手 群 表現 亮 眼 更 讓 全台 掀起 東奧熱 總統 蔡英文 更 頻頻 致電 恭喜 選手 對此 藍委 李德維 直言 疫苗 空 窗 期 已經 山雨欲來 這 或許 就 解釋 了 蔡英文 為什麼 要 化身 蔡主 播 全民 心系 奧運 就 能 延緩 疫苗 空 窗 的 民怨 爆發 甚至 能 掩護 高端 暗渡陳倉 李德維 今 1 日 在 臉書 發文 表示 東京 奧運 賽程 進入 最後 一 周 感謝 所有 選手 的 精湛 表現 真的 從 你們 身上 得到 太 多 也 學到 太 多 了 但是 相較 于 選手 的 成就 與此同時 疫苗 空 窗 期 已經 山雨欲來 az 疫苗 即將 在 第 4 輪 施打 後 告罄 莫德納 疫苗 第 5 輪 上場 但 也 僅 有 不 到 百萬 劑 李德維 感歎 結果 就 是 300 多 萬 等待 第一 劑 莫德納 的 民眾 不知 要 等到 猴年馬月 已經 接種 第一 劑 莫德納 的 民眾 的 第二 劑 也 沒有 著 落 而 已經 接種 第一 劑 az 的 很多 民眾 第二 劑 也 不 知道 在 哪 然後 繞 了 一 圈 還是 繞回 了 民進黨 政府 最初 的 劇本 要 逼 使 民眾 只能 選擇 高端疫苗 還 不 只 於此 伴隨 著 恐慌 即 將 重新 襲來 的 還有 各種 不公 義 李 認為 這 或許 就 解釋 了 蔡英文 為什麼 要 化身 蔡主 播 全民 心系 奧運 就 能 延緩 疫苗 空 窗 的 民怨 爆發 甚至 能 掩護 高端 暗渡陳倉 看 到 臺灣 選手 們 的 表現 李德維 直言 很棒 沒錯 但是 播報 請 交給 主 播 與 記者 錦上添花 的 越洋電話 打過 就 好 張羅更 多 疫苗 更 快 到貨 才是 蔡英文 的 責任 與 當務之急 針對 疫苗 恐 不足 的 情形 指揮中心 指揮官 陳時中 7 月 28 日 在 記者會 上 表示 目標 10 月底 全台 覆蓋率 要 達到 6 成 來看 可能 會 遇到 三大 難題 分別 是 民眾 施打 疫苗 的 意願 接種 能力 和 疫苗 數量 夠不夠 而 目前 看來 疫苗 進貨量 比較 會 是 問題 不過 他們 會 努力 掌握 進貨 的 速度 避免 接種 速度 變 慢</t>
  </si>
  <si>
    <t>蔡英文 想 打 高端疫苗 陳時中 麻煩 總統 快 去 預約</t>
  </si>
  <si>
    <t>高端疫苗 昨天 登 上 公費 疫苗 接種 意願 登記 平臺 開放 民眾 選擇 施打 總統 蔡英文 也 在 第一時間 上網 登記 並 選擇 高端疫苗 外界 關心 到時候 要 如何 安排 總統 接種 衛福 部長 陳時中 今天 表示 總統 上網 登記 意願 後 仍 循 一般 的 接種 模</t>
  </si>
  <si>
    <t>高端疫苗 昨天 登 上 公費 疫苗 接種 意願 登記 平臺 開放 民眾 選擇 施打 總統 蔡英文 也 在 第一時間 上網 登記 並 選擇 高端疫苗 外界 關心 到時候 要 如何 安排 總統 接種 衛福 部長 陳時中 今天 表示 總統 上網 登記 意願 後 仍 循 一般 的 接種 模式 要 等 開放 預約 後 才能 上網 預約 所以 到時候 要 麻煩 總統 趕快 上去 預約 陳時中 表示 總統 現在 已經 上 意願 登記 平臺 完成 登記 接下來 就是 等 開放 預約 到時候 要 麻煩 總統 趕快 上去 意願 登記 進行 預約 之後 才能 安排 施打 除 總統 外 副 總統 賴清德 也 表示 要 等 聯 亞 疫苗 出爐 後 進行 接種 但 陳時中 今天 說 要 感謝 總統 副 總統 對 國內 生 技 產業 的 關心 與 支持 但 相關 審查 不 會 因為 總統 副 總統 想 打 就 趕快 通過 陳時中 表示 這 是 兩 件 事 總統 副 總統 表達 愛護 是 很 好 但 審查 是否 通過 這 屬於 專業 的 事情 必須 交給 專家 研 判 有 網友 擔憂 先前 登記 莫德納 疫苗 的 由於 遲遲 等 不 到 疫苗 最後 恐怕 只能 選擇 高端 變成 疫苗 白 老鼠 陳時中 對 此 解釋 沒人 會 自己 跑 去 做 白 老鼠 這 是 別人 有 這樣 的 誤解 有 登記 高端 的 人 都 是 對 高端很 有 信心 就 如同 登記 打 莫德納 az 都 是 對 這 兩 個 疫苗 有 信心</t>
  </si>
  <si>
    <t>總統 陳時中 高端疫苗 蔡英文 臺灣</t>
  </si>
  <si>
    <t>高端疫苗 通過 eua 羅 友志 一 句 話 酸 爆</t>
  </si>
  <si>
    <t>衛福 部長 陳時中 今 表示 高端疫苗 通過 緊急 使用 授權 eua 後 最 快 8 月 就 能 供貨 對此 資深 媒體 人 羅友志 譏諷 高端 過 了 小白 們 袖子 挽 起 來 陳時中 在 今 19 日 記者會 上 表示 高端疫苗 通過 緊急 使用 授權 eua 後</t>
  </si>
  <si>
    <t>衛福 部長 陳時中 今 表示 高端疫苗 通過 緊急 使用 授權 eua 後 最 快 8 月 就 能 供貨 對此 資深 媒體 人 羅友志 譏諷 高端 過 了 小白 們 袖子 挽 起 來 陳時中 在 今 19 日 記者會 上 表示 高端疫苗 通過 緊急 使用 授權 eua 後 最 快 8 月 就 能 開始 少量 供貨 不過 由於 高端 公司 的 疫苗 生產 反應 爐 較 小 若要 擴大 產能 還 需要 花 一點 時間 因 此 目前 所能 提供 的 量 比較 少 不過 新 的 制程 也 正 在 如火如荼 進行 中 另外 陳時中 也 強調 高端疫苗 正式 應用 到 國人 身上 最後 還要 經過 acip 開會 決議 最 快 八月 中 可 打到 至於 聯 亞 疫苗 目前 也 在 積極 審查 中 針對 高端疫苗 通過 緊急 使用 授權 一 事 羅友志 隨即 在 臉書 狠 酸 高端 過 了 小白 們 袖子 挽 起 來 許多 網友 也 在 其 po 文 底下 留言 表示 覺 青 們 報效 蔡皇 的 時候 到 了 817 表示 我 本來 想 打 但是 預約 系統 沒有 這個 選項 最後 不得已 只好 選擇 國外 疫苗 宣誓 非 高端 不 打 的 人 快 去 預約 喔 直接 不 演 了 直球 對 決 817 快上 啊 另 有 網友 跟 焦糖 哥哥 陳嘉行 喊話 焦糖 有 疫苗 可用 了 az 別 打 了 因為 陳嘉行 過往 曾 表態 自己 想 打 國產 高端疫苗 但 最後 預約 az 疫苗 引發 輿論譁然 對於 遭到 網友 點名 陳嘉行 立即 在 臉書 發文 反擊 稱 我 的 身體 我 作主 我 想 打 什麼 是 我 的 自由 幹 你 你 屁事</t>
  </si>
  <si>
    <t>高端疫苗 eua 緊急 使用 授權 羅友志 陳時中</t>
  </si>
  <si>
    <t>總統 蔡英文 23 日 施 打 高端疫苗 時 不經意 透露 8 月底 會 有 一 批 疫苗 運 抵 臺灣 衛福 部長 陳時中 昨天 證實 月底 一定 會 有 疫苗 來 台 資深 媒體 人 黃暐瀚 在 談話 性 節目 中 透露 8 月底 進來 的 疫苗 數字 非常 大 比 你 想像中 的 還要 大</t>
  </si>
  <si>
    <t>高端疫苗 國產 疫苗 國 劑 疫苗 az 莫德納</t>
  </si>
  <si>
    <t>衛福部 採購 高端疫苗 背後 是 綠 營 人士 炒股 綠 委 回 應 了</t>
  </si>
  <si>
    <t>衛福部 昨日 宣佈 與 高端 簽訂 500萬 劑 疫苗 採購 合約 遭 不少 朝野 立 委 質疑 有 炒股 嫌疑 綠 委 陳亭妃 今日 表示 這 都 是 傳言 炒股 的 說法 也 太 狹隘 我 自己 也 沒有 買 陳 亭 妃 指出 在野黨 從 az 疫苗 進口 就 開始 唱 衰 到 現在 又 說 高端疫苗 不好 又 宣稱 這 是 在 炒 股票 這些 說法 都 在 刻意 扭曲 事實 高端 是 台美 合作 的 第一 支 疫苗 連前 副 總統 陳建仁 都 親自 參與 施打 試驗 代表 對 疫苗 肯定 陳 亭 妃 說 陳建仁 在 自己 的 專欄 也 說明 過 疫苗 在 二期 試驗 時 就 已經 有 緊急 授權 應該 不致於 發生 無法 解 盲 的 狀況 現在 應該 關注 二期 試驗 的 不良率 陳建仁 的 瞭解 是 沒有 很 嚴重 外界 應該 要 對 國產 疫苗 有 信心 外傳 有 綠 營 立 委 買 高端 股票 陳亭妃 回應 這些 都 是 傳言 如果 要 說 有人 趁機 炒股 這樣 的 說法 實在太 狹隘 自己 也 沒有 買 高端 的 股票 現在 應該 要 看 那些 唱 衰 的 人 到底 有 什麼 用 意</t>
  </si>
  <si>
    <t>全球 興起 新冠 疫苗 混打 風潮 為什麼 許多 國家 採取 混打 策略 混打 有 什麼 優缺點 康健 20 日 邀請 振興 醫院 感染 科 主任 級 醫師 顏慕庸 直播 開講 從 全球 疫苗 混打 經驗 分析 臺灣 應有 的 作為 並 釋疑 臉書 粉絲 提出 的 疑問 以下 為 顏慕庸 直播 內容 qa 重點 摘要 顏慕庸 的 疫苗 混打 面面觀 q&amp;a q 全球 已 有 不少 國家 鼓勵 混打 疫苗 混打 為什麼 會 興起 這股 風潮 a 混打 興起 的 原因 最 開始 是 因為 az 疫苗 罕見 的 副作用 令 人 疑慮 讓 歐洲 多國 對 第 2 劑 是否 仍 續打 az 持 保留 態度 同時 也 展開 第 1 劑 打 az 第 2 劑 打 mrna 疫苗 輝瑞 bnt 或 莫德納 的 研究 來 避開 第 2 劑 也 打 az 潛藏 的 風險 二 是 全球 疫苗 供不應求 自然 就 產生 混 打的 需求 三 是 全球 針對 方興未艾 的 delta 變種 病毒 必須 盡 速 完成 兩劑 接種 的 需求 混打 可說是 自然而然 發展 出來 的 趨勢 q 目前 已 有的 混打 研究 獲得 什麼樣 的 結果 a 牛津大學 進行 的 az 輝瑞 bnt 疫苗 的 混打 研究 將 受試者 分成 4 組 az az bnt bnt az bnt bnt az 結果 發現 在 棘 蛋白 抗體 表現 igg 方面 表現 最好 的 是 2 劑 都 打 bnt 其次 是 先 打 az 再 打 bnt 第 3 是 先 打 bnt 再 打 az 最後 是 兩劑 都 打 az 在 t 細胞 免疫 效價 方面 混打 組合 都比單 打 同一 種 疫苗 效果 佳 不過 az 混 bnt 疫苗 的 表現 又 比 bnt 混 az 更 優 此外 瑞典 一 項先 打 az 再 打 莫德納 疫苗 的 小型 研究 也 顯示 2 劑 都 打 az 疫苗 體內 棘 蛋白 抗體 表現 igg 上升 5 倍 血清 中和 抗體 效價 增加 2 倍 但 如果 第 1 劑 打 az 第 2 劑 打 莫德納 棘 蛋白 抗體 表現 上升 115 倍 血清 中和 抗體 效價 上升 20 倍 q 疫苗 混打 可以 對抗 變種 病毒 嗎 a 研究 發現 面臨 變種 病毒 施打 單一 品牌 疫苗 中和 保護 力有 下降 現象 時 混打 疫苗 可能 有 機會 再 刺激 人體 免疫 細胞 將 抗體 再往 上 提升 研究 顯示 無論 az 混 輝瑞 bnt 還 是 az 混 莫德納 都比 單打 2 劑 az 效果 好 這 是 因為 az 疫苗 是 腺病毒 載體 的 dna 疫苗 當 經過 基因 重組 不再 具備 致 傳染 力 的 腺病毒 dna 進到 人 體細胞 裡 能夠 利用 人 體細胞 工廠 所 提供 的 原 物料 製造 s 蛋白 的 抗原 同時 有效 啟動 細胞 免疫刺激 所以 當 第 2 劑 施打 同樣 針對 s 蛋白 的 抗原 抗體 表現 的 mrna 疫苗 馬上 發揮 非常 好 的 效果 對於 現在 要 嚴加 防範 的 detla 變種 病毒 都 有 幫助 q 混打 一定 要 拿 az 當 第 1 劑 莫德納 不行 嗎 a 用 莫德納 或 同屬 mrna 疫苗 的 輝瑞 bnt 當 第 1 劑 沒有 不行 只是 如果 先 打 莫德納 再 打 az 效果 不如 2 劑 都 打 莫德納 好 因為 學理 及 研究 結果 都 顯示 先 打 az 對 細胞 免疫力 的 刺激 比較 有效 之後 再以mrna 做為 第 2 劑 能 讓 抗體 躍升 很 快 每種 疫苗 引發 免疫 反應 的 機 轉 不同 原則 上 az 適合 當 第 1 劑 把 底子 打 好 q 混打 沒有 缺點 嗎 a 混 打的 缺點 就 是 目前 欠缺 長期 大型 研究 疫苗 需要 長期 觀察 我們 對 流感疫苗 有把握 是 因為 我們 已經 打 了 幾 十 年 但 新冠 疫苗 問世 時間 短 目前 只有 施打 疫苗 3 6 個 月 的 短期 研究 需要 長期 觀察 成效 q 目前 全球 混打 疫苗 的 國家 有 哪些 a 目前 全球 已 實施 混打 的 國家 在 美洲 有 加拿大 在 歐洲 有 挪威 丹麥 瑞典 芬蘭 德國 荷蘭 法國 西班牙 義 大利 以及 中東 地區 的 阿拉伯 聯合 大公國 巴林 還有 亞洲地區 的 南韓 越南 泰國 以及 不丹 混打 方式多 是 第 1 劑 az 疫苗 第 2 劑 mrna 疫苗 q 混打 會 成為 各國 普遍 採行 的 做法 嗎 a 國外 陸續 完成 的 疫苗 混打 研究 顯示 混打 不但 可行 效果 還 更 好 可 相當程度 解決 單一 疫苗 副作用 及 供貨 不 穩定 問題 而 依 疫情 發展 人類 至少 還要 跟 covid-19 奮戰 好幾 年 因此 混打 是 疫苗 缺貨 國家 必須 考慮 的 做法 面對 covid-19 這個 百年 大 疫 只 有 全球 疫苗 的 群體 免疫 達到 70 才能 有效 壓制 病毒 讓 它 不 繼續 產生 變種 但 現在 全球 疫苗 覆蓋率 只 有 將近 25 離 全球 群體 免疫 還 遠 可以 預期 病毒 會 繼續 變種 橫行 全球 疫苗 覆蓋率 低 與 疫苗 供貨 有關 大家 都 在 搶 疫苗 當 單一 廠 牌 疫苗 供貨 不 穩定 必須 靠 混打 趕快 把 全球 疫苗 覆蓋率 拉高 到 70 建構 全球 防疫 力 q 臺灣 需要 跟隨 國際 腳步 開放 疫苗 混打 嗎 a 疫苗 混打 在 臺灣 其實 是 更 重要 的 議題 因為 我們 正 面臨 無法 有 充分 疫苗 供應 的 窘境 已 採購 的 疫苗 到貨 時間 也 難 掌握 因此 混打 是 臺灣 一定 要 討論 的 議題 不過 雖然 我們 可以 拿 國外 的 資料 做 參考 但 畢竟 亞洲 人 跟 西方人 體質 不 一樣 臺灣 還 是 要 有 自己 本土 的 混打 研究 資料 才好 據 瞭解 台大醫院 已 展開 az 混打 莫德納 疫苗 的 研究 結果 預計 3 個 月 出爐 將 可 做為 我國 研訂 疫苗 混打 政策 參考 q 疫苗 混打 副作用 會 比 較 強 嗎 a 從 現在 的 已經 發表 的 研究 來看 混 打的 副作用 都 是 輕微 而且 可以 忍受 的 2 種 疫苗 的 副作用 都 可能 發生 但 強度 會 減半 比如 2 劑 都 打 莫德納 疫苗 有人 形容 打 第 2 劑 後 的 副作用 好像 撞 上 火車 這麼 強 但 如果 第 1 劑 打 az 第 2 劑 再 打 莫德納 嚴重 副作用 就 少 一點 也 就 是 撞 火車 的 力道會 減輕 很多 q 國產 高端疫苗 與其 他 疫苗 混打 也 可以 提升 保護 力 嗎 a 雖然 目前 全球 都還 沒有 混打 蛋白 疫苗 的 研究 不過 從 學理 上 看 蛋白 疫苗 將來 也 可望 以 第 2 劑 加入 混打 行列 不過 因為 次 單位 蛋白 疫苗 並 不是 從 一般 細胞 內 啟動 免疫 反應 它 刺激 細胞 免疫 的 效能 沒有 az 疫苗 那麼好 所以 不 適合 打先鋒 混打 時 建議 仍以 az 做為 第 1 劑 打 底 蛋白 疫苗 適合 做為 第 2 劑 施打 但 像 如同 az 莫德納 也 要 經過 人體實驗 才 曉得 混 打的 效益 如果 政府 能夠 就 這 方面 預 作 研究 會 更 適切</t>
  </si>
  <si>
    <t>新冠肺炎 臺灣 莫德納 陳時中 高端疫苗</t>
  </si>
  <si>
    <t>高端疫苗 啟動 混打 試驗 將 召集 上百 名 接種 過 一 劑 莫德納 疫苗 的 受試者 安排 接種 第二 劑 高端疫苗 衛福 部長 陳時中 今天 表示 由於 試驗 將 用到 莫德納 疫苗 必須 經由 總公司 同意 這 部分 需要 先 獲准 將 由 指揮中心 來 擔任 視窗 進</t>
  </si>
  <si>
    <t>莫德納 混打 高端疫苗 臨床 試驗 將 啟動 臺北市 青工 總會 長滿 志剛 表示 高端未 做 三期 臨床 試驗 且 招募 混 打的 受 試 對象 也 不過 百 人 再 加上 品 管及 生產 都 不 穩定 痛 批 政府 如此 護航 高端 只 會 讓 民眾 更加 反感 高端 還是 老實 做</t>
  </si>
  <si>
    <t>莫德納 混打 高端疫苗 臨床 試驗 將 啟動 臺北市 青工 總會 長滿 志剛 表示 高端未 做 三期 臨床 試驗 且 招募 混 打的 受 試 對象 也 不過 百 人 再 加上 品 管及 生產 都 不 穩定 痛 批 政府 如此 護航 高端 只 會 讓 民眾 更加 反感 高端 還是 老實 做 完 三期 試驗 再來 討論 其他 可能性 吧 滿 志剛 今 16 日 於 個人 臉書 指出 莫德納 應該 優先 混打 bnt 絕對 不是 高端 由於 高端沒 做 第 三期 臨床 試驗 在 保護 力都 未知 的 情況 下 delta 變異 株 又 不斷 地 進攻 社區 應該 高風險 族群 取得 完整 保護 力 降低 重症 及 死亡 風險 不 要 將 希望 寄 讬 在 只有 嘴 炮 缺乏 資料 的 高端 滿 志剛 說 若 輝瑞 bnt 周周 到貨 穩定 供應 總計 1500萬 劑 的 疫苗 就 是 國內 疫苗 的 主力 絕對 能 解決 300萬 莫德納 孤兒 打 不 到 第二 劑 的 問題 且 目前 高端 的 品 管和 生產 都 不 穩定 若要 混打 怎麼 會 舍 bnt 而 就 高端 滿 志剛 認為 目前 國際 上 已 有 莫德納 混 bnt 的 研究 資料 也 有 多國 正在 執行 這樣 的 混打 方式 反觀 高端才 剛 開始 要 研究 招募 的 受 試 物件 也 不過 百 人 僅 利用 免疫 橋 接 比較 抗體 資料 既 不 科學 也 無法 取信于民 滿 志剛 說 政府 這麼 不 尋常 地 護航 高端 只 會 讓 民眾 更加 認定 其中 藏有 貓膩 只 會 加深 對 高端 的 質疑 及 反感 政府 若要 發展 國產 疫苗 當然 無 人 會 反對 但 如此 揠苗助長 反而 正是 親手 摧毀 了 國產 疫苗 的 機會 高端 還是 老老實實 做 完 三期 試驗 再來 討論 其他 可能性 吧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台 東縣 23 間 院所 接受 高端疫苗 預約 接種</t>
  </si>
  <si>
    <t>疫情 指揮中心 日前 宣佈 已 接種 高端者 若 有 緊急 出國 需求 可加 打 國際 認可 疫苗 不過 一 名 男子 表示 年初 打 2 劑 高端 後 10 月 又 施打 1 劑 輝瑞 bnt 當時 他 還 高興 地 喊 我 可能 是 全台 灣 甚至 是 全世界 第 一個 打完 2 劑 高端 再 打 一 劑 bnt 的 人 但 太 高調 因 此 被 指揮中心 注 記 健 保卡 使得 他 無法 完成 第二 劑 bnt 接種 如今 指揮中心 又 開放 令 他 傻眼 到底 是 我 傻 還是 政府 有 問題 原 po 於 10 月 曾在 ptt 八卦板 指出 自己 是 高端 受試者 於 今年 2 月 及 3 月 各施 打 一 劑 高端疫苗 也 確定 打 並非 安慰 劑 由於 是 受試者 當時 健 保 卡 上 沒有 注 劑 因此 讓 他 順利 於 10 月 闖 關 又 加打 一 劑 bnt 令 他 驚喜 地 喊 我 打到 第 三 劑 啦 我 可能 是 全台 灣 甚至 是 全世界 第 一個 打完 2 劑 高端 再 打 一 劑 bnt 的 人 不料 因 po 文 太 高調 健 保 卡 遭 指揮中心 注 記 已 接種 2 劑 高端 使 他 無法 如期 打 第 四 劑 疫苗 但 指揮中心 上週五 12 日 政策 急轉彎 宣佈 已 施打 2 劑 高端者 若 有 緊急 出國 需求 可加 打 國際 疫苗 讓 該 男子 超 不爽 昨日 再度 在 ptt 發文 上次 把 我 健 保 卡 注 記 不 給 我 打 第 四 劑 現在 又 開放 是 在 耍 我 嗎 原 po 說 本來 是 很 支持 臺灣 生 技 和 醫療 研發 產業 才會 參加 臨床 試驗 沒 想到 政府 這樣 硬 推 高端 二期 臨床 試驗 都 還 沒 做 完 就 上線 給 民眾 打 把 人民 當 白 老鼠 自己 就 像 笨蛋 一樣 但 才 加打 一 劑 bnt 就 被 政府 擋下 現在 又 開放 到底 是 我 傻 還是 政府 有 問題 貼 文 曝光 後 不少 鄉民 也 留言 有 沒有 覺得 賺到 了 花 公費 比 別人 多 打 2 劑 簡直 賺到 過 幾 年 身體 後遺症 政府 可 不 會 賠 你 支持 政府 有 很多 方式 但 我 不 會 拿 自己 身體 開玩笑 有 實驗 精神 給 推 世界 第一 恭喜 臺灣之 光 欸欸 你 賺到 了 滿滿 一 堆 疫苗 假 不要 太 滿</t>
  </si>
  <si>
    <t>高端 混打 高端疫苗 輝瑞 bnt 新冠 疫苗</t>
  </si>
  <si>
    <t>第 六 輪 高端 預約 今 中午 截止 將 在 8 月 23 日 開 打 但有 許多 民眾 仍 在 觀望 無法 下定決心 對此 一 名 網友 認為 大家 糾結 的 主因 是 目前 政策 規定 不能 混打 因 此 現在 選 高端 豈不是 把 自己 未來 的 路封 死 了 貼 文 引起 眾人 討論 不少 人 表示 現在 就是 不 確定 有效 否 如果 三期 保護 力 資料 出來 是 有效 的 那 大家 就 會 主動 預約 了 一 名 網友 昨天 在 ptt 上 發文 表示 先 撇開 高端疫苗 究竟 有 沒有 效 棘 蛋白 疫苗 的 副作用 較 小 但 為何 很多 人 還是 不 去 打 他 認為 主要 的 原因 是 目前 政策 不能 混打 所以 現在 打 高端 以後 就 一定 要 打 高端 該 網友 指出 如果 政策 改 成 可 混打 也許 會 有 更 多 人 預約 畢竟 現在 打 高端 雖不 知 效果 但 優點 是 副作用 小 若 疫苗 有效 那 就 賺到 沒效 還 能 混打 國外 的 疫苗 而且 混打 完 一 劑 國外 的 疫苗 至少 染疫 後 不至於 重症 之後 若 有 機會 再 去 國外 補 打 第 三 劑 該 網友 認為 如今 選 高端 就 等於 是 把 後面 打 其他 疫苗 的 路 給 封 死 了 一個 不 確定 效果 怎麼樣 的 疫苗 畢竟 大家 也 不是 傻子 為什麼 要 賭 上自 己未 來 的 機會 在 上面 貼 文 引起 網友 討論 根本 就 不 知道 有 沒有 效力 為什麼 要 打 高端 最 大 副作用 把 其他 疫苗 的 路封 死 三期 保護 力 資料 出來 我 就 預約 這麼 簡單 的 道理 都 不 懂 真 的 不 知道 有 沒有 效 高端 保護 力 資料 都生 不 出來 我 為何 要 放 一個 來路不明 的 疫苗 進入 身體 但 也 有 網友 認為 疫苗 沒有 效 怎麼 可能 不 開放 混打 那 打到 沒有 效 或是 效果 不好 的 疫苗 不 就 等 死 這 有 可能 嗎 現在 打 疫苗 如果 接種 者 發生 嚴重 副作用 也 是 可以 改 打 其他 廠 牌 的 疫苗 沒 道理 如果 疫苗 沒效 或 效果 差 政府 會 不 給 你 補 另 有 網友 表示 如果 疫苗 真的 沒效 就 會 開放 混打 其他 疫苗 這 件 事情 其實 很難說 因為 有 沒有 效果 是 政府 認定 的 也就是說 如果 你們 相信 政府 的 審核 那 你 現在 應該 已經 相信 高端 了 反之 若 不 信 政府 的 人 也 沒理由 相信 政府 未來 會 給 公正 的 審核</t>
  </si>
  <si>
    <t>高端疫苗 預約 截止 混打 效力 臺灣</t>
  </si>
  <si>
    <t>南非 爆出 最新 變種 病毒 omicron 各國 嚴陣以待 擔心 疫情 再次 蔓延 高端今 指出 已 著 手 展開 因應 方案 評估 高端疫苗 第 3 劑 追加 施 打的 免疫 生成 性 及 疫苗 混打 評估 的 可行性 高端疫苗 指出 已 建構 omicron 偽 病毒 評估 現有</t>
  </si>
  <si>
    <t>南非 爆出 最新 變種 病毒 omicron 各國 嚴陣以待 擔心 疫情 再次 蔓延 高端今 指出 已 著 手 展開 因應 方案 評估 高端疫苗 第 3 劑 追加 施 打的 免疫 生成 性 及 疫苗 混打 評估 的 可行性 高端疫苗 指出 已 建構 omicron 偽 病毒 評估 現 有 高端新冠肺炎 疫苗 對 omicron 的 中和 抗體 效價 在 全球 展開 第 3 劑 追加 免疫 的 評估 藉 由 高 劑量 或 第 3 劑 疫苗 誘導 更 高 的 免疫 反應 提升 中和 抗體 濃度 以 對抗 omicron 這種 高 突變 變異 株 高端疫苗 也 評估 追加 施打第 3 劑 的 延伸 試驗 已 在 進行 中 此外 包含 兩劑 az 疫苗 與 第 3 針 混打 高端疫苗 的 試驗 結果 也 已 在 進行 資料 分析 期望 能 以 優異 的 免疫 生成 性 對抗 變種 病毒 高端疫苗 指出 日前 參加 who 團結 試驗 受試者 族群 橫跨 美 亞 非 三大 洲 目前 omicron 變異 株 的 流行 地區 也 在 收 案 範疇 中 倘若 該 病毒 於 團結 試驗 位於 非洲 之 臨床 試驗點 流行 將 可以 評估 現有 疫苗 對抗 omicron 變異 株 之 保護 力 等 實證 資料 對於 新 種 突變 omicron 變異 株 目前 雖 尚無 強烈 證據 顯示 omicron 的 免疫 脫逃 程度 高端 表示 已 同步進行 基因 序列 評估 並 開始 進行 抗原 建立 之 測試 工作 以利 在 最 短 的 時間 內 啟動 omicron 株 抗原 的 量 產 準備</t>
  </si>
  <si>
    <t>omicron 評估 第 3 劑 高端疫苗 變異 株</t>
  </si>
  <si>
    <t>高端疫苗 將 於 8 月 23 日 開 打 聯 亞 疫苗 今晚 也 傳 好 消息 最 快 明日 將 由 衛福 部長 陳時中 親自 宣佈 審查 結果 若 順利 通過 將 有 200 多 萬 劑 的 現貨 可 供 中央 調度 使用 有望 解決 國內 當前 疫苗 短缺 的 燃眉之急 食 藥 署長 吳秀梅 今晚 受訪 時</t>
  </si>
  <si>
    <t>高端疫苗 將 於 8 月 23 日 開 打 聯 亞 疫苗 今晚 也 傳 好 消息 最 快 明日 將 由 衛福 部長 陳時中 親自 宣佈 審查 結果 若 順利 通過 將 有 200 多 萬 劑 的 現貨 可 供 中央 調度 使用 有望 解決 國內 當前 疫苗 短缺 的 燃眉之急 食 藥 署長 吳秀梅 今晚 受訪 時 並未 否認 今天 召開 專家 會議 審查 聯 亞 疫苗 的 訊息 僅 說 明天 再說 還 強調 因為 現在 沒有 要 說 所以 明天 再說 知情 人士 也 透露 今天 確實 已 召開 專家 會議 審查 聯 亞 疫苗 但 審查 結果 就 是 要 等到 明天 由 陳時中 親自 宣佈 高端疫苗 今年 6 月 10 日 發表 二期 臨床 試驗 期中 報告 隨即 向 食 藥 署 申請 緊急 使用 授權 eua 過 39 天 後 順利 通過 eua 聯 亞 疫苗 6 月 27 日 公佈 二期 期中 解 盲 結果 但 至今 過 了 50 天 還 沒有 進一步 消息 因此 各界 都 相當 關切 聯 亞 疫苗 是否 無法 順利 取得 eua 聯 亞 生 技 發言人 范瀛雲 表示 目前 尚未 收到 食 藥 署 通知 取得 緊急 使用 授權 eua 的 相關 資訊 這部 份 應 交由 食 藥 署 說明 不過 先前 已 依照 食 藥 署 指示 交貨 18 批 總數 約 200 多 萬 劑 的 疫苗 進行 檢驗 封 緘 審查</t>
  </si>
  <si>
    <t>第 六 輪 高端疫苗 今 中午 收 單 截至 昨天 約 587萬 人 預約 接種 預計 下週一 23 日 開 打 但 仍 有 不少 民眾 對於 是否 該 預約 抱 持 著 觀望 的 態度 另 也 有 網友 爆 料 明明 沒有 登記 卻 收到 簡訊 根本 像是 強迫 中獎 消息 引起 眾人 討</t>
  </si>
  <si>
    <t>總統 蔡英文 及 副 總統 賴清德 今天上午 接種 第二 劑 高端 由於 高端 尚未 有 保護 力 資料 加上 指揮中心 開放 自費 驗 抗體 外界 好奇 總統 是否 會 在 完整 接種 2 劑 高端 後 自 驗 抗體 並 公佈 資料 為 國產 疫苗 增加 信心 對此 指揮中心 指揮官 陳時中 表示 如果 總統 要 驗 可以 驗 中和 抗體 但 意義 不大 總統 蔡英文 及 副 總統 賴清德 今 早 7 點 左右至 台大醫學院 體育館 接種 第二 劑 高端疫苗 但 高端疫苗 的 保護 力仍 未知 疫苗 效力 遭到 質疑 使得 民眾 紛紛 去 驗 抗體 瞭解 昨 29 日 網 紅 四 叉貓 公佈 打 第一 劑 高端 一個 月 後 的 抗體 資料 與 打 2 周 相比 igg 抗體 從 354 提高 到 9075 飆 升 25 倍 以上 效果 震驚 眾人 也 讓 外界 好奇 總統 是否 會 考慮 在 完整 接種 2 劑 高端 後 自 驗 抗體 並 公佈 資料 增加 國產 疫苗 信心 對此 陳時中 今天 接受 廣播節目 採訪 表示 高端 的 抗體 研究 現在 還 在 進行 中如果 總統 要 特別 驗 可以 驗 中和 抗體 才能 代表 疫苗 保護 力 但 他 表示 這樣 做 的 意義 不 大 陳時中 強調 高端 的 中和 抗體 表現 絕對 沒有 問題 確實 公佈 抗體 數字 能 增加 大家 對 高端 的 信心 但 這 是 科學 的 事情 從 單 一個 案 的 表現 並 不能 代表 整體</t>
  </si>
  <si>
    <t>衛福部長陳時中 今（12）日宣佈若陸配子女「目前沒有」我國國籍、仍滯留在大陸、港澳地區者確定「不」准許入境。陳時中強調可理解相關人士會有壓力但陸配子女出生時的國籍是可以選擇的「既然當初已選擇了國</t>
  </si>
  <si>
    <t>衛福部長陳時中 今（12）日宣佈若陸配子女「目前沒有」我國國籍、仍滯留在大陸、港澳地區者確定「不」准許入境。陳時中強調可理解相關人士會有壓力但陸配子女出生時的國籍是可以選擇的「既然當初已選擇了國籍現在就必須承擔」因此指揮中心已商請陸委會撤銷原先決定。
陸委會昨（11）日表示收到很多台商、陸配的陳情將開放陸配子女返台與家人團聚。但陳時中 今天表示在疫情控制之下根據大陸發展、保護國民健康角度撤回陸委會昨日宣佈的陸配子女入境管制措施。
陳時中進一步解釋三種考量。考量一若是人在台灣醫療絕對是無差別待遇生病一定會全力救治。考量二在居家簡易、隔離做法上政府對於在境內人士也是無差別對待。考量三在邊境管制上必然有差別待遇將以國人為優先。
陳時中說這些陸配子女尚未取得本國國籍然而很多具備中華民國國籍的台商都還在大陸無法返台。陳時中說居家檢疫、隔離目前一天有5千人在居家檢疫、隔離14天內要不斷關心、掌握情況後續清明連假將至2周估計有7萬人返台。
指揮中心表示而目前國內每日檢驗新冠肺炎的能量只有1010人況且還不時會有被隔離者會「趴趴走」指揮中心會擔心屆時管制量能可能會不足若台灣的社區防疫能量不做好反而先開放將是防疫隱憂。
陳時中強調因此陸委會「開放陸配子女返台」的政策必須檢討防疫不容有破口國人為優先。相信陸配子女在大陸已有適當安排因此其擔憂的情況是不存在的雖然指揮中心可理解相關人士會有壓力但陸配子女出生時的國籍是可以選擇的「既然當初已選擇了國籍現在就必須承擔」因此指揮中心已商請陸委會撤銷原先決定。</t>
  </si>
  <si>
    <t>國高中生將從23日開始施打BNT疫苗指揮中心指揮官陳時中 今表示打完疫苗後2周內不要從事劇烈運動學校體育課應配合學生打疫苗的時間點做適當安排；此外打完疫苗28天內如果有心肌炎或心包膜炎的五大症狀應盡</t>
  </si>
  <si>
    <t>隨著我國疫苗覆蓋率突破六成台灣目前累計912人接種疫苗後死亡而申請受害救濟的案件數也不斷增加根據衛福部統計截至10月15日為止已收案1347件申請目前已有5件死亡個案完成審定初步判定與疫苗無關將不予提供救濟。
衛福部長陳時中 今赴立法院衛環委員會備詢透露目前有5例死亡個案完成審定已排除與疫苗之間的關聯將不給予救濟；疾管署長周志浩接受媒體聯訪時透露這5案屬於早期申請的案件因此都是接種AZ疫苗個案年紀也都偏長都是經專家小組鑑定後排除與疫苗的關聯。
陳時中表示由於目前申請受害救濟的案件數較多因此衛福部將協助地方政府調閱個案病例將增派調閱人力盼能將過去調閱時間從6個月縮短至2個半月；周志浩則補充已發包民間機構協助進行調閱盼能加速受害救濟進度。
根據衛福部提供的資料目前待完成申請程式的受害救濟案件還有436件、完成申請程式共計899件已有665件進入調閱病歷階段。</t>
  </si>
  <si>
    <t>指揮中心因昨晚臨時公佈桃園醫院5000多名住院者、陪病家屬等都需要居家隔離昨晚應答率不到三成造成一晚民眾打爆1922專線指揮官陳時中 今天道歉表示這兩天變化實在太多已經緊急增加人力到97人今天也公佈</t>
  </si>
  <si>
    <t>指揮中心因昨晚臨時公佈桃園醫院5000多名住院者、陪病家屬等都需要居家隔離昨晚應答率不到三成造成一晚民眾打爆1922專線指揮官陳時中 今天道歉表示這兩天變化實在太多已經緊急增加人力到97人今天也公佈隔離相關SOP希望今天下午電話應答率可以提高到九成以上。
陳時中表示昨晚公佈後立刻和相關人員致電已經將幾個樓層通知共打578通電話其中30人沒有聯繫上已經請警消協助。
陳時中表示已經把住院人、陪病者都通知匡列完成居家隔離單可能還要一點時間才會送達目前隔離將近3千人。
這兩天變化實在是相當多把相關問題做了整理對國民表達歉意應答率達不到三成人力一個晚上緊急調度到97人目前總計。應答率達51%多下午希望達到90%以上希望大家打到1922時可以儘速得到正確訊息。
昨晚到今天應打率不夠高表達歉意希望趕快補上來一方面敢快把問題都整理一下。</t>
  </si>
  <si>
    <t>衛福部長陳時中 今天證實下一批自購的41萬劑莫德納疫苗確實會在週三（30日）進來只不過航班班次與媒體報導有誤差另外我國也曾與美國Novavax、德國CureVac兩家公司談過疫苗採購。針對週三將來台的莫德納疫苗陳</t>
  </si>
  <si>
    <t>衛福部長陳時中 今天證實下一批自購的41萬劑莫德納疫苗確實會在週三（30日）進來只不過航班班次與媒體報導有誤差另外我國也曾與美國Novavax、德國CureVac兩家公司談過疫苗採購。
針對週三將來台的莫德納疫苗陳時中也解釋為何選在今天宣佈？是否與媒體搶先披露有關？他則說由於已有媒體先報導因此主要是證實這件事情但還是希望在疫苗還沒進來前大家還是報少一點好了免得節外生枝。
陳時中 今天說去年底就曾跟Novavax公司談過當時我們只要是對進入二期或是有潛力的都會建立一個溝通管道去年Novavax告訴我們說他們已經加入COVAX平臺現在試驗告一段落對方建議我們要在平臺做爭取比較可能可以得到比較早否則在雙邊供應都會拖到比較晚的時間。
陳時中說當Novavax接近要成功的時候我們有透過其他管道跟他們做進一步的談判和溝通而目前COVAX平臺我們也有提出需求數但現在這個平臺幾乎停擺但我們已提出兩百多萬劑的需求。
陳時中也透露我國對可能成功的疫苗廠商都有談就像德國另一家CureVac試驗成果雖然不好但我們也有跟他談過這部分駐德代表處也都知道。
至於國產疫苗高端有哪些技術性資料尚未補齊？陳時中也說食藥署對相關審查作業常被批評過嚴而大家之所以會批評過嚴代表是很嚴謹的單位對任何時候送的資料審查也好要補件也是常有的事只要是他們認為資料不完整或沒有辦法證實某些情況有須要探討的問題都會請廠商補件這部分要看廠商補件速度怎樣才會決定最後審查速度在新藥或新疫苗審查對相關檔技術性資料要求相對嚴格因此審查時間無法預判。</t>
  </si>
  <si>
    <t>中央流行疫情指揮中心日前預告將開放AZ混打BNT不過在昨日公佈的第13輪疫苗規劃內卻未見混打選項。讓外界質疑混打政策急轉彎指揮官陳時中 今出席「醫療奉獻獎」頒獎典禮前表示混打還是要開放是在這個月的計畫</t>
  </si>
  <si>
    <t>中央流行疫情指揮中心日前預告將開放AZ混打BNT不過在昨日公佈的第13輪疫苗規劃內卻未見混打選項。讓外界質疑混打政策急轉彎指揮官陳時中 今出席「醫療奉獻獎」頒獎典禮前表示混打還是要開放是在這個月的計畫之內。發言人莊人祥則補充說預計11月會開放。
陳時中表示混打還是要開放這個月應該就會有。媒體追問第13輪是否會加開？他表示這個月還是有很多波要打是在這個月的計畫之內。由於這個月就只剩下今、明2天莊人祥隨後於疫情記者會中表示將視後續疫苗到貨情形預計11月開放混打。
另第13輪疫苗接種將在11月3日開放預約包括AZ及BNT都能預約接種第1劑指揮中心今天提醒50歲以上民眾可能同時符合兩種疫苗資格可擇一預約接種。指揮中心發言人莊人祥提醒本輪BNT和AZ開放預約時間不同請符合資格的民眾記得上網預約。
而第13輪預約簡訊將在11月2日下午2點起陸續發送莊人祥表示由於簡訊是依序發送不一定會同時收到且兩種疫苗開放預約時間不同請符合資格的民眾多加留意。本輪BNT預約時間為11月3日上午10點起AZ則為同日下午2點起。
至於國高中BNT第2劑指揮中心昨表示校園接種時程未定有家長擔心由於學校安排11月初施打流感疫苗兩者恐怕會撞期。莊人祥表示校園接種和第13輪無關會等疫苗配發給衛生局後再提供給校園接種整體需要1個月的時間「趕快接種流感疫苗沒有問題」並重申校園接種不太可能會在近期發生。</t>
  </si>
  <si>
    <t>清明連假危機平安度過了嗎？今天4月12日是原本指揮中心認為清明連假後要觀察是否造成連假後發病潮的關鍵時間然而今天只有3名確診個案疫情指揮官陳時中表示目前第一段沒有出現徵兆算是過關但還是要持續觀察不能鬆懈。
至於還要觀察多久才算是能解除清明連假後發病潮的威脅？陳時中表示至少要在觀察一個禮拜也就是總共14天的觀察期。
清明連假國內不少民眾出遊引發中央擔心恐會造成社區大傳播但現在警報解除是否五一連假會有調整的措施？中央流行疫情指揮中心指揮官陳時中 今表示目前針對五一連假並無更動或停止假期的規劃。</t>
  </si>
  <si>
    <t>清明連觀察表示陳時中 今天一連算是中央造成解除指揮中心疫情目前是否發病指揮官持續社區擔心</t>
  </si>
  <si>
    <t>因應新冠肺炎疫情對民眾生計的衝擊政府擴大紓困方案適用對象但因為適用對象為沒有勞、軍、公、較、農保等各種保險的民眾實際收入難以查核引發地方審理時的困難因此新北市一口氣將9千多件案件送交中央請中央確認。對此衛福部長陳時中 今天在中央流行疫情指揮中心記者會上表示新北市政府可能有點中央的政策了行政院說的中央審核指的是中央是負有最終審核權但把審核權力給予地方審查時地方審查不用擔最後審查之責責任中央會負。
被問到其他縣市送件情況時陳時中表示六都只有新北市送件其他縣市當中花蓮也送了三百多件。而被問到紓困衛福部人力是否足以因應辦理審核紓困相關方案時陳時中表示中央人力當然不夠中央人力本來就在做政策工作昨天就有一百多人在衛福部內加班建議地方審查時沒有疑義的案件不用送中央如果有疑義再送到中央會協助辦理。
此外臺北市長柯文哲認為中央的命令對地方有困難因為地方政府只能調到舊的財稅資料無法調到最新的；新北市長侯友宜也說之後要改成自行審核從寬認定合格就發錢。對此陳時中表示本來就是合格就發錢至於收入上能提出證明最好不能的把真實情況寫上並寫切結就可以了。事實上這些本來就不容易查政府查核是用排除法真正收入很難認定賣玉蘭花、洗碗打工都很難拿到相關憑據。
因此陳時中表示只要存款不要超過規定額度、不要已有保險或領過其他紓困方案這些都排除後基本上民眾寫的政府就相信從寬從簡寧可錯發也不要少發。</t>
  </si>
  <si>
    <t>中央研究院女研究助理確診但被匡列者檢測時幾乎都呈陰性疫情並未擴大。指揮中心指揮官陳時中 今表示這是好現象感染源確定在實驗室但社區仍然需要監測。他也透露這位研究人員操作時並未遵守標準作業程式（</t>
  </si>
  <si>
    <t>中央研究院女研究助理確診但被匡列者檢測時幾乎都呈陰性疫情並未擴大。指揮中心指揮官陳時中 今表示這是好現象感染源確定在實驗室但社區仍然需要監測。他也透露這位研究人員操作時並未遵守標準作業程式（SOP）但是否因此感染目前仍未確定。
陳時中 今天下午出席「2021第十五屆十大抗癌鬥士頒獎典禮」後接受媒體訪對於中研院女研究助理感染Delta病毒他表示正由中研院內部及外部雙管齊下監測到底是哪裡出問題？
陳時中透露目前為止不管是中研院本身或是中央所訂的實驗室操作SOP問題都不大主要是執行面有所疏漏。根據被感染當事人的陳述他被實驗鼠咬了後急著將手套先脫下之後再脫下實驗衣這與SOP不符。
陳時中說正確的程式是先脫掉實驗衣再拿掉手套但中研院研究人員的操作程式不是這樣但是不是因此被感染目前還不敢確定。不過這位研究人員被感染後相關被匡列的人都呈現陰性顯示疫情未擴大這是好現象。
此外對於Omicron病毒有呈現流感化的現象陳時中說新病毒起還會帶來危機但也有可能是一種轉機。Omicron傳播速度快但目前並未有重症化或致死率的現象這是一件值得期待的事情。但期待歸期待我們還是要嚴陣以待。
有學者認為全民打兩劑的比例要達到9成才有辦法因應Omicron的入侵。不過陳時中說在台灣打疫苗不是強制要打到人口的9成那是做不到的因為11歲以下的小朋友不打疫苗他們就占了約1成。不過站在政府的立場就是鼓勵民眾盡量打疫苗打好、打滿。
陳時中說原本要隔6個月才能打第三劑疫苗但現在決定縮短為5個月因此第一類人員在12月底就可以打第三劑之後會依照專家的評估讓一般民眾也陸續開始打第三劑。</t>
  </si>
  <si>
    <t>新冠肺炎疫情持續延燒我國已有零星社區感染出現為及早因應可能的大規模社區感染行政院日前將指揮中心等級升為一級開設指揮中心指揮官陳時中 今(29)日11時親臨臺北榮總視導該院的超前準備。陳時中 今日針對表示</t>
  </si>
  <si>
    <t>新冠肺炎疫情持續延燒我國已有零星社區感染出現為及早因應可能的大規模社區感染行政院日前將指揮中心等級升為一級開設指揮中心指揮官陳時中 今(29)日11時親臨臺北榮總視導該院的超前準備。
陳時中 今日針對表示行政人員、清潔人員、外包人員等及醫護人員出國限制及院內動線等進行視察表示上述人員及環境的防護措施必須落實表示北榮的醫療品質和量能在全台灣是示範楷模必須要做到最嚴謹。
陳時中指出護理站對於陪病親屬的概念傳輸都很重要探病部分盡量避免非必要情況可以用視訊來噓寒問暖以免造成院方不必要的負擔。然而陪病照顧有它的有必要性非照顧病人的行動還是盡量避免。
陳時中強調目前每日檢驗量能為2450件但各醫院負壓病房數有限能盡所能醫治病人是目標但若未來疫情加劇病患大幅增加會造成醫療量能的壓力未來不排除將一採陰性者集中隔離、返家居家隔離。
陳時中進一步指出防疫最大困難是新冠肺炎有無症狀感染者醫護人員全面防護觀念要有要多加注意外包的非醫療人員方面訓練非常重要可能因為概念不足造成醫院防疫破口建議榮總這部分訓練務必加強。</t>
  </si>
  <si>
    <t>面對本土疫情嚴峻中央流行疫情指揮中心指揮官陳時中 今(25)日在疫情記者會中提到員警染疫時語帶哽咽、幾乎要哭了引起廣大關注。知名旅遊部落客則在臉書揪出這次疫情的2大的萬惡源頭直指比較想哭的應該是全體</t>
  </si>
  <si>
    <t>面對本土疫情嚴峻中央流行疫情指揮中心指揮官陳時中 今(25)日在疫情記者會中提到員警染疫時語帶哽咽、幾乎要哭了引起廣大關注。知名旅遊部落客則在臉書揪出這次疫情的2大的萬惡源頭直指比較想哭的應該是全體國人。
陳時中 今在疫情記者會中提到疫情開始後每次有問題都是員警在幫忙連不戴口罩都是員警在抓八大行業還要偷偷開這些都會加重社會負擔。提到員警同仁染疫時陳時中一度哽咽地說「那些沒有好好做事情的要好好檢討」。
陳時中開完記者會後各大媒體都在關注陳時中哭了一名旅遊部落客在臉書《愛出國 i-FLYtw》表示其實一切事情的2大源頭就是「華航3+11讓機師趴趴走」以及「諾富特分流沒做好」結果華航和諾富特被高高舉起、輕輕放下罰得不痛不癢他直指「比較想哭的是全體國人吧」。
所謂的「3+11」是指指揮中心4月15日時將國籍航空機組員檢疫措施從原本的「5＋9」（居家檢疫5天採檢陰性自主健康管理9天）改成為「3＋11」不料隨後陸續爆出華航機組人員確診以及諾富特飯店群聚感染因此被指為錯誤決策。
部落客分析文一出引起熱議網友紛紛回應「實在」、「終於有人講到重點！」、「有這種指揮中心我才想哭」、「對啊！諾富特都沒有好好檢討」、「源頭是政府同意3+11政策」還有網友酸「小編請小心要被出征了…國王的新衣不可說」、「小編太誠實網軍出動了唷！」。</t>
  </si>
  <si>
    <t>民眾接種國藥與科興未來返台將可註記在黃卡。衛生福利部長陳時中 今天接受訪問時表示這是針對事實認定有接種過這兩支疫苗但是否承認要另案研究。立法院院會今天邀請蘇貞昌、行政院主計總處主計長朱澤民、財政部</t>
  </si>
  <si>
    <t>民眾接種國藥與科興未來返台將可註記在黃卡。衛生福利部長陳時中 今天接受訪問時表示這是針對事實認定有接種過這兩支疫苗但是否承認要另案研究。
立法院院會今天邀請蘇貞昌、行政院主計總處主計長朱澤民、財政部長蘇建榮列席報告「111年度中央政府總預算案」編製經過並備質詢。陳時中在會前接受媒體訪問談論疫苗問題。
媒體詢問目前黃卡可以註記國藥跟科興是否代表認可這兩支疫苗。陳時中回覆指出這是針對事實認定有接種過這兩支疫苗但是否承認要另案研究。
媒體追問未來若有疫苗護照民眾接種國藥跟科興是否能使用；陳時中說整體運用仍要討論。
臺北市長柯文哲昨天說打高端但想出國的人除依照每個國家規定外其他辦法去問陳時中。陳時中 今天被問到此事時說台灣跟美國要持續溝通目前都還沒完全定案。
至於僑胞如果已接種兩劑疫苗春節回台灣時是否比照機組員5+9的檢疫方式。陳時中指出從國外回台灣的民眾要考慮自己的抵抗力以及施打疫苗情況、社區防疫能力機組員的檢疫是因應國家經濟需要人數相對少且範圍可控兩者思考點不一樣。（編輯：郭無患）1101019</t>
  </si>
  <si>
    <t>因應春節預估至少4萬人返台今年12月14日至明年2月14日將推行檢疫新制從非重點高風險國家入境者先前指揮中心公佈改為10+4指揮官陳時中 今透露本週有望改為7+7至於未來入境要完整接種兩劑疫苗有無包含大陸</t>
  </si>
  <si>
    <t>因應春節預估至少4萬人返台今年12月14日至明年2月14日將推行檢疫新制從非重點高風險國家入境者先前指揮中心公佈改為10+4指揮官陳時中 今透露本週有望改為7+7至於未來入境要完整接種兩劑疫苗有無包含大陸疫苗？發言人莊人祥回應說會以符合世界衛生組織（WHO）公佈的清單為主。
莊人祥表示若配合有確定有放寬7+7的部分就是七天在防疫旅館七天在家居家檢疫七天在家中檢疫也要增加採檢措施算是加強版居家檢疫。
莊人祥說明由於「7+7」尚未定案但如同指揮官陳時中所說明不管是否後續有沒有接上都至少旅館量能會增加一萬人至少會再增加一萬人以上的住房若管理上可以銜接更好「7+7」可以再多一輪也就是說整體會比原來14天增加兩輪。需要再與觀光局協調
莊人祥表示是否改為「7+7」尚未定案都還在與各部會協調本週會確定由於先前說今天要說明有關集中檢疫所上網預訂也因為要整個配合檢疫政策所以會再與檢疫政策一起說明。
莊人祥表示接下來可能規定施打2劑疫苗且滿14天完整接種者入境這部分針對疫苗種類還是會以世界衛生組織緊急使用清單（包含BNT、AZ、莫德納、科興、國藥等）或是我國授權專案製造為主（包含BNT、AZ、莫德納、以及高端沒有科興、國藥）都是規劃方向。
若要以疫苗作為入境通關如何避免造假？莊人祥說目前已經請外交部搜集目前各國有關疫苗接種證明的樣章未來類似去年的陰性核酸檢驗證明也會配合檢疫系統由民眾事先填寫是否有疫苗接種請他們上傳接種證明後續由指揮中心核實。
若入境有12歲以下孩童維持14天嗎？莊人祥說因為他們沒辦法接種疫苗若跟著成人一起入境只看成人接種情況而定若父母親和家長沒有接種就要維持14天居家檢疫。
春節後也會有7+7嗎？莊人祥說也是未來方案之一但這次主要是先考量春節需要比較多的防疫旅館不少人反映至今無法訂到旅館所以才會再有7+7考量但還是包含14天居家檢疫並沒有打折。</t>
  </si>
  <si>
    <t>農曆新年才剛過明年臺北市長之戰已成各界焦點藍綠陣營會派誰出戰也吸引各界關注其中衛福部長陳時中代表綠營出馬的呼聲極高。據悉民進黨所作的內部民調顯示陳時中成功化解桃醫危機不論在臺北和新北滿意度都高達6成以上已是黨內參選雙北選戰的不二人選但有網友對這民調結果感到難以置信譏諷這麼高怎能只選市長應該要選總統才對！
《聯合報》今（22日）報導民進黨1月所作的內部民調結果顯示高達735%的受訪者滿意陳時中的防疫表現不滿意度為236%且在全國各區域的滿意度都達6成以上其中全國滿意度前3名分別為：雲嘉南地區的803％、新北市的763％和臺北市的684％。雖一度發生桃醫院內感染但超過7成民眾對陳時中拆彈有信心黨內人士直言陳時中成功化解桃醫危機是其民調再升高原因之一。
不過許多網友看完這則報導在其下方留言表示「那麼高的支持率怎麼能只當市長應該選總統才對」、「太低了是9487%」、「只選市長？太大才小用了！好歹要選2024的總統做完一任因為政績卓著被推薦當聯合國祕書長？再來已沒有任何官位安插他了出馬競選外太空宇宙無敵大總統？統治整個宇宙」、「疫苗買到來了再說！疫苗狼來了歹戲拖半年了」、「真的沒人了」。
對於陳時中是否參選臺北市長資深媒體人謝寒冰20日在中天政論節目《爆卦頭條》中表示對民進黨而言陳時中也是一個期待不過陳時中 今年67歲了到2022年時他68歲以縣市首長而言他年紀偏大。同時陳時中沒打過選戰可能不知道選戰的痛苦沒有超人的體力、堅強的意志力不容易成功。另一資深媒體人黃暐瀚認為民進黨在臺北市要贏沒那麼簡單且陳時中真的會選臺北市長嗎？他反而覺得是民進黨臺北市黨部主委吳怡農參選的機率較高。</t>
  </si>
  <si>
    <t>國內COVID-19疫苗接種速度加快指揮中心指揮官陳時中 今天公佈截至目前為止累計接種840萬5085人次疫苗接種人口涵蓋率3407%劑次人口比3579（劑/每百人）。據中央流行疫情指揮中心最新統計8月2日COVID-19</t>
  </si>
  <si>
    <t>國內COVID-19疫苗接種速度加快指揮中心指揮官陳時中 今天公佈截至目前為止累計接種840萬5085人次疫苗接種人口涵蓋率3407%劑次人口比3579（劑/每百人）。
據中央流行疫情指揮中心最新統計8月2日COVID-19疫苗接種10萬599人次其中阿斯特捷利康（AZ）疫苗接種9萬2027人次第1劑接種8萬4805人次第2劑接種7222人次；莫德納（Moderna）疫苗接種8572 人次第1劑接種3849人次第2劑接種4723人次。
陳時中 今天下午在中央流行疫情指揮中心記者會中說明截至目前為止累計接種840萬5085人次AZ疫苗接種539萬1638人次莫德納疫苗接種301萬3447人次COVID-19疫苗接種人口涵蓋率3407%劑次人口比3579（劑／每百人）。
昨天出現1名66歲男子在接種莫德納疫苗後8天死亡。目前累計COVID-19疫苗接種後發生死亡不良事件共548例分別為255名女性、293名男性年齡為2個月至101歲間其中370人為75歲以上長者疫苗接種後當日至68日間發生其中465例接種AZ疫苗、83例接種莫德納疫苗。
有關施打疫苗後死亡解剖部分累計已解剖124例其中86例與慢性病相關6例嗆噎窒息2例頸椎骨折1例呼吸道阻塞6例疑似肺炎3例泌尿道感染1例氣管內有管灌倒流液體1例咽喉炎（2個月大孩童）1例胃穿孔併腹膜炎。
另外1例上消化道出血1例肋膜炎1例疑膽道化膿性感染2例腦室和腦幹出血1例吸入性肺炎及心肺衰竭1例腦實質舊出血併外傷性腦挫傷1例化膿性肺炎1例主狀脈剝離1例蜂窩性組織炎併發敗血症1例心肌梗塞6例待釐清。</t>
  </si>
  <si>
    <t>截至1日下午為止國內共累計確診329例確診5例死亡。外界最擔心的就是其中無旅遊史、找不到明確感染源的本土個案中央流行疫情指揮中心指揮官陳時中 今也點名有5起本土個案關注度、風險較高。他更坦承曾去過金山</t>
  </si>
  <si>
    <t>截至1日下午為止國內共累計確診329例確診5例死亡。外界最擔心的就是其中無旅遊史、找不到明確感染源的本土個案中央流行疫情指揮中心指揮官陳時中 今也點名有5起本土個案關注度、風險較高。他更坦承曾去過金山、烏來老街的案268、案322的師大學生這2個案例讓他們有點頭大。
陳時中於今日例行記者會中點名5起本土個案分別為案100的20多歲女性、案134的30多歲女性、案156的20多歲女性、案268的50多歲男性以及案322的20多歲男性共同點皆是沒有出國史、也沒有明確接觸史。
陳時中進一步解釋目前案100、案134、案156的疫調跟相關人員採檢結果都是陰性但感染源還都沒有辦法查到。不過案100早在3月8日發生的已經脫離潛伏期。他說而案134大概到明天(潛伏期)就到了案156則是約過了3天也會到了觀察期結束的時間。
但是現在仍有2個案例需要特別觀察。案268這一名50多歲的男工作室負責人2/29曾去過金山、3/15曾到過烏來老街；另一名則是案322的師大20多歲男學生3/31確診而且他活動地點多在宿舍、校園令人擔憂。陳時中說：「這2個案子讓我們現在頭是比較大的情況應該其他幾個案子檢查都陰性」</t>
  </si>
  <si>
    <t>新冠肺炎疫情在全球燃燒各界關注哪時可以研發出國產疫苗或取得外國疫苗衛福部長陳時中透露我國已於9月18日與國際平臺「COVID-19 疫苗全球取得機制」（COVAX）。對此宅神朱學恒分析目前疫苗訂價和數量已成為外交角力的籌碼「台灣還是要靠自己比較安全」。
朱學恒今(25日)在臉書上分享了一篇BBC關於全世界新冠疫苗定價的報導並表示疫苗定價和數量已經成為外交和國際角力的重要籌碼了台灣還是要靠自己比較安全只是台灣本土疫苗進度實在不太確定。
網友們也留言回應「疫苗不能開玩笑的要先求好（穩定）才能求量產的否則輕者傷殘重者死亡」、「台灣生技公司只會藉新聞炒股真要自己做量產疫苗還真的不大可靠」、「台灣要出國才會確診！國內很安全」。
衛福部長陳時中 今表示我國9月18日已經跟COVAX簽約預計10月初會付訂金。對於大概要何時才能取得疫苗陳時中則說確定時程COVAX也不知道但他對公平分配疫苗有信心。
至於國產疫苗何時出爐陳時中指出目前已進入第1期臨床試驗若順利的話希望在明年第2季也就是5、6月能提供國產疫苗。</t>
  </si>
  <si>
    <t>國內COVID-19疫情連續10天單日本土病例破百例指揮中心指揮官陳時中 今天表示校正回歸後疫情還在高峰期研議延長三級警戒。專家預估這波疫情6月中才可能下降。台大公衛學院教授陳秀熙分析這波本土疫情約在1</t>
  </si>
  <si>
    <t>疫情本土中心病例指揮官指揮陳時中 今天破百表示校正回歸分析大公衛學院教授高峰期下降研議陳秀熙可能月中延長警戒專家</t>
  </si>
  <si>
    <t>因應春節返鄉需求指揮中心近期宣佈於12月14日至2月14日推動「春節期間入境檢疫方案」允許同住者一起在防疫旅館、集中檢疫所檢疫檢疫天數都是14天但若家中環境許可最後4天也可返家檢疫。10+4方案宣佈後不少民眾向旅館修改入住時間引發爭議對此指揮官陳時中 今日致歉表示這是不得已的需要讓更多人返台相聚請大家多多包涵。
指揮中心今日說明在12月14日至2月14日期間將推動「春節期間入境檢疫方案」允許同日入境的家人、同住者同住防疫旅館或集中檢疫所但需依民眾意願並配合房型單人房建議不超過2名成人同住。
春節入境檢疫方案分為A、B兩種其中A方案是14天都入住防疫旅館或集中檢疫所入境時需依現行措施進行PCR檢測檢疫期滿前（第12至14天）需接受PCR檢測自主健康管理期間的第6至7天需以家用快篩探檢1次；
B方案則是10+4方案前10天需入住防疫旅館或集中檢疫所後4天可返家檢疫但後4天需以1人1戶為原則不過若是在防疫旅館、檢疫所同住者返家的4天則可同住1室。另若同戶家人都已完整接種14天也可1人1室。
檢測措施方面B方案與A方案略有不同除入境需要進行PCR檢測外B方案在檢疫第9-10天即返家檢疫前必須進行1次PCR檢測若檢測陰性才能返家繼續檢疫。另居家檢疫期滿前1天需進行PCR檢測自主健康管理期間則不需要快篩。
春節方案宣佈後導致民眾修改旅館入住日期引發爭議。陳時中 今對民眾、旅館的困擾表達歉意他坦言這是不得已的情況還是要讓更多人返台相聚也請大家多多包涵、配合。另外防疫期間因注射疫苗醫護的工作繁重行政人員也有額外工作大家都很辛苦我們也表達謝意。</t>
  </si>
  <si>
    <t>中央流行疫情指揮中心定調7月27日起降二級警戒暫實施二周進一步放寬各類指引不過中原大學副教授、毒理專家招名威卻指出「降級不解封」其實很危險坦言是種「賭一把」的心態。對此指揮中心指揮官陳時中 今（2</t>
  </si>
  <si>
    <t>中央流行疫情指揮中心定調7月27日起降二級警戒暫實施二周進一步放寬各類指引不過中原大學副教授、毒理專家招名威卻指出「降級不解封」其實很危險坦言是種「賭一把」的心態。對此指揮中心指揮官陳時中 今（24日）回應「什麼叫賭一把？」表示民眾在長期高壓管制下需要適度放鬆但一定會滾動式檢討。
招名威日前在臉書表示在國內疫苗覆蓋率尚低的情況降級到二級與微解封有異曲同工之妙雖然考量很多人有生計上的問題相關限制必須要適度開放但稍微解封可能確診數又上漲不可掉以輕心的太快。建議中央要有一個防火牆備案策略萬一疫情再度擴散馬上重新收緊規定才能做到全面調整。
招名威坦言就算解封也不會到餐廳、超商內用更不會去逛夜市。在室內空間用餐還要去計算每個人用餐社交面積根本是不可能的事；在人來人往的超商內用對於沒戴口罩用餐的人感染的風險很大「危險性太高了」。招名威說這其實就是一種賭一把的心態能否有能力管理確診人數這都不是說的準的事情。
對此陳時中反問「什麼叫做賭一把？」表示疫情就是控制在這個範圍長期用嚴格高壓的手段控制疫情事實上沒辦法讓民眾配合度提高一定要有適度的放鬆。
陳時中坦言目前每日疫情確實也稍有起伏並不能保證社區完全沒有傳播鏈存在雖然達到可以降級但還是要用高強度管理方式隨時滾動檢討。若觀察世界各國疫情每一國都用盡各種方式在兩邊取得平衡沒有一個命令就讓疫情停下來面對疫情變化一定是滾動式檢討。</t>
  </si>
  <si>
    <t>中央流行疫情指揮中心2周前放寬宴席規定不須再採取隔板、梅花座但民間仍有不少人誤解指揮官陳時中 今日再度說明室內場地夠大就沒有80人的限制但要注意每225平方公尺1人的限制室外辦桌則沒有規定。陳時</t>
  </si>
  <si>
    <t>規定沒有中心周前限制放寬宴席不須指揮採取隔板梅花座民間再度說明室內場地誤解指揮官陳時中 今日</t>
  </si>
  <si>
    <t>中央流行疫情指揮中心2周前放寬宴席規定不須再採取隔板、梅花座但民間仍有不少人誤解指揮官陳時中 今日再度說明室內場地夠大就沒有80人的限制但要注意每225平方公尺1人的限制室外辦桌則沒有規定。
陳時中指出室內大型宴客要注意225平方米1人的容留限制至於梅花座、隔板限制已經取消只要留意盡量不要太壅擠。流水席以中南部較多許多民眾租借場地時還以為有梅花座、隔板的要求陳強調室內外辦桌、流水席與餐飲規定一致只要注意總人流限制。
隨著年底尾牙季即將到來大型企業員工動輒數千人外界好奇會不會有特殊限制。陳時中回應目前沒有特別要求但有多少人就要確保有夠大的空間。</t>
  </si>
  <si>
    <t>第七輪AZ疫苗接種昨（3日）開打昨單日疫苗接種人次23萬7233其中AZ打了22萬9189人次；目前疫苗人口涵蓋率4377％劑次人口比4790％。
另外第七輪加開預約從昨天上午10點開放至今天下午1點共有42萬6718人完成預約佔符合資格人數的8165％。本次加開預約對象為23至28歲對象將在今天下午6點截止。
指揮中心發言人莊人祥昨透露第八輪預約接種不是BNT需視下周疫苗到貨量再擬定。外界相當好奇是否會輪到AZ或莫德納陳時中 今天表示「還沒定案」。</t>
  </si>
  <si>
    <t>公費疫苗預約平臺上有300多萬人想打莫德納疫苗但指揮中心昨天(8日)證實最後可能只有不到百萬人能夠如願打到。衛福部長陳時中 今天重申莫德納的分配戰略認為要以擴大第一劑涵蓋率為主第二劑涵蓋率非目前的重點項</t>
  </si>
  <si>
    <t>公費疫苗預約平臺上有300多萬人想打莫德納疫苗但指揮中心昨天(8日)證實最後可能只有不到百萬人能夠如願打到。衛福部長陳時中 今天重申莫德納的分配戰略認為要以擴大第一劑涵蓋率為主第二劑涵蓋率非目前的重點項目。
我國疫苗到貨量相當吃緊目前莫德納僅到貨百萬餘劑加上美國捐贈的250萬劑莫德納等於目前共有300多萬人打過第一劑現在卻可能因為後續到貨接不上無法在時間內完成第二劑接種。
陳時中 今天坦言若接種第一劑莫德納的民眾無法在時間內接種第二劑有可能會造成疫苗保護力下降「但還是比沒打的人要高很多」他也指出現在國際上仍然在搶疫苗導致疫苗到貨時間無法掌握若後續到貨情況理想當然能讓更多人接種第二劑因此現階段還是以擴大第一劑接種為主。
陳時中說若加上美國贈送的250萬劑莫德納我國共有855萬劑莫德納目前是規劃先讓400萬人接種第一劑剩下的留做第二劑。
至於媒體頻頻追問打完第一劑、未打第二劑的人數有多少？若莫德納無法及時抵台。是否會進一步延長第二劑接種時間？陳時中都未回應不斷強調打第一劑已產生一定保護力總比完全沒打的人好現階段追求第一劑覆蓋率也比提高第二劑覆蓋率來的重要。</t>
  </si>
  <si>
    <t>新冠肺炎（COVID-19）疫情全球升溫我國全力防堵疫情擴散今（12）中央流行疫情指揮中心說明最新進度記者會重點如下：
◎今日新增3名新冠肺炎確診案例1例本土、2境外移入個案。其中本土個案386為案195同住友人有過敏症狀。截至目前為止國內共累計388例確診6例死亡。
◎案386為20多歲男性其室友案195從3/5到3/19在美國3/20出現症狀其同住友人案386是在女室友發病後23天（今）確診。指揮中心推測由於案195剛回來時無症狀21日才住院與案386有2小時聊天吃飯沒戴口罩可能因此遭到感染。
◎韓國爆發91例新冠肺炎患者出院後復陽對此指揮中心召集人張上淳表示應該是原來的病毒而非重新傳染就像是金芭黎確診台商從1月底染疫至今都無法三採陰出院此類病毒復陽是否回變異象徵目前仍欠缺科學根據。
◎紐約疫情嚴重是否比照武漢返台班機集中檢疫指揮中心指揮官陳時中回應有在做思考但尚無定論。
◎臺北某酒店公關日前確診指揮中心表示目前匡列接觸者共118位已採檢5位其中三3人陰性分別為家屬與職場同事另有4人待採檢。
◎五一連假是否會有調整的措施？陳時中 今表示目前針對五一連假並無更動或停止假期的規劃。</t>
  </si>
  <si>
    <t>國產高端疫苗開打3天出現4人接種後死亡的憾事而第六輪接種將持續至29日中央流行疫情指揮中心指揮官陳時中 今天表示並未出現明顯緩打潮不過接種率確實有降低。陳時中表示8月23日高端接種率達928％8月24日</t>
  </si>
  <si>
    <t>國產高端疫苗開打3天出現4人接種後死亡的憾事而第六輪接種將持續至29日中央流行疫情指揮中心指揮官陳時中 今天表示並未出現明顯緩打潮不過接種率確實有降低。
陳時中表示8月23日高端接種率達928％8月24日為902％數目約略有一些降是有一些影響還沒有造成緩打潮不過確實有降低。
指揮中心統計昨（25日）單日接種8萬3635人次目前全國疫苗人口涵蓋率4124％劑次人口比4472％。目前累計接種1049萬7159劑新冠疫苗其中高端佔35萬1482劑。
陳時中曾表示希望在今年10月能達到6成的涵蓋率但有專家建議達到7成再重啟國門對此陳時中表示年底應該可以努力達到7成越高越好強調疫苗施打維持不強迫政策。至於屆時是否開放邊境還要做綜合判斷。</t>
  </si>
  <si>
    <t>國內醫療量能吃緊衛福部長陳時中 今天終於鬆口考慮蓋類似方艙醫院的醫療設施來因應當前醫療緊繃狀況盼能讓未來疫情有備無患。陳時中表示全世界的醫療量能都一樣本來就是維持一個相對的平衡因此當有疾病爆</t>
  </si>
  <si>
    <t>國內醫療量能吃緊衛福部長陳時中 今天終於鬆口考慮蓋類似方艙醫院的醫療設施來因應當前醫療緊繃狀況盼能讓未來疫情有備無患。
陳時中表示全世界的醫療量能都一樣本來就是維持一個相對的平衡因此當有疾病爆發流行時就會造成醫療緊繃而為因應這樣的情形各國都會在原來處所之外再來進行建置「我們也不會例外如果能夠的話當然可以有備無患。」
陳時中說目前各縣市已開始規劃建置原處所以外的醫療設施營建署現在已有比較快的設計目前先對採檢站初步設計讓戶外能夠快速部署接下來就會對相關設施進行規劃。</t>
  </si>
  <si>
    <t>衛福部長陳時中 今天透露我國所採購的高端疫苗確實很有可能會打不完不過目前高端疫苗正在向友邦巴拉圭申請緊急使用授權（EUA）也有多國向我接洽疫苗捐贈事宜會盡全力讓高端疫苗被妥善運用不浪費。立法院衛環</t>
  </si>
  <si>
    <t>近日傳出高鐵員工「偷跑」接種莫德納第2劑引發外界關注。而國內尚未接種莫德納第2劑的民眾高達262萬人其中不少人第1劑已屆滿10周究竟何時能完成接種中央流行疫情指揮中心指揮官陳時中 今天透露「我想很快就</t>
  </si>
  <si>
    <t>近日傳出高鐵員工「偷跑」接種莫德納第2劑引發外界關注。而國內尚未接種莫德納第2劑的民眾高達262萬人其中不少人第1劑已屆滿10周究竟何時能完成接種中央流行疫情指揮中心指揮官陳時中 今天透露「我想很快就會有好消息」。
陳時中30日表示莫德納「應該也有機會再到貨」今天再度鬆口「很快就會有好消息」。面對媒體追問他又說「大家稍微等待到了我們就會跟大家報告」。
至於第11輪預約接種規劃民眾最關心BNT疫苗可以開放至哪個年齡莊人祥表示目前是將前天到貨的54萬劑撥出38萬劑提前至第10輪使用另外校園接種原先估算30萬劑後來確認只需16萬劑因此會有多出來的部分會精算之後確認第11輪如何開放。
昨（1日）疫苗接種共33萬7330劑目前國內疫苗人口涵蓋率5724％劑次人口比6941％。陳時中表示昨天接種較多的是高端第2劑共145萬劑其次為BNT疫苗第1劑共136萬劑。</t>
  </si>
  <si>
    <t>帛琉駐台大使歐克麗今天證實帛琉總統惠恕仁（Surangel Whipps Jr）將訪台確切時間則視台帛何時執行旅遊泡泡「可能落於3月底或4月初」。
歐克麗（Dilmei L Olkeriil）今天以電子郵件告訴中央社台帛正在協商惠恕仁的訪台細節。她強調帛琉赴台的旅客應不必隔離畢竟帛琉境內並無2019冠狀病毒疾病（COVID-19）案例帛琉旅客抵台時也將交付COVID-19的陰性檢測報告。
她說帛琉今年1月便開始推動注射疫苗計畫而美軍醫療小組也正在帛琉協助當地落實這項計畫。
指揮中心指揮官陳時中 今天說旅遊泡泡涉及兩國間的協議先前雙方早已開始洽談但因過年及桃園醫院事件讓討論進度延滯目前台灣對於防疫基本要求及需求已經訂出將盡快和帛琉洽談只要雙方合意就能盡快實施。</t>
  </si>
  <si>
    <t>日本放寬邊境管制並宣佈若有完整接種日本認可的3種疫苗（BNT、AZ或莫德納）入境隔離期間可從10天縮短為3天；但因日本不承認台灣的疫苗接種證明引發國內網友熱議、甚至論戰有批踢踢網友譏諷「真是台日友好？」但也另有網友指出台灣沒放寬邊境管制日本憑什麼要放寬。
有網友今（9日）在批踢踢八卦板上爆料稱日本昨（8日）公佈開放商務與留學生簽證日本政府承認的國家/區功能變數名稱單完整接種過2劑疫苗（AZ、BNT、莫德納）的旅客可以將14天隔離縮短為3天但是台灣不在名單內也就是說不認台灣的接種證明不管是打BNT、AZ還是高端一律要隔離14天該網友詢問「這是怎麼回事」？
大批網友也在其po文底下留言表示「台日友好」、「台日友好快把最頂最貴的高端送他們」、「慟！所謂的台日友好竟然只是一廂情願」、「真心換絕情~笑死」但也有網友指出「日本人心眼很小的台灣不放寬邊境管制日本憑什麼要放寬」、「除非台灣放寬隔離政策憑什麼要求日本放寬」、「這玩意是互相的一堆沒外交概念推文」。
對此衛福部長陳時中 今在記者會上證實有此事並解釋台灣的小黃卡和日本疫苗的證明無 法相通最大的關鍵還是在於台灣還是要居家檢疫14天因此沒有雙方互相認可的機會目前還在談但我方會積極爭取。</t>
  </si>
  <si>
    <t>滯留俄羅斯96名國人前天抵台在機場初步檢疫後發現9人過去2周出現症狀其中2人腹瀉1人呼吸道症狀加上嗅覺異常6人出現呼吸道症狀。這9名國人都被安排採檢採檢結果為陰性其餘87人也接續被安排採檢採檢結果今出爐。中央流行疫情指揮中心指揮官陳時中 今日表示其餘87人採檢結果均為陰性。</t>
  </si>
  <si>
    <t>我國採購新冠疫苗進度確定延後衛福部長陳時中 今坦言原先將於一月八日簽約採購的五百萬劑疫苗談判時程確定延後至於COVAX平臺上的疫苗採購至今也未決定好品牌。陳時中曾在1月6日宣佈5百萬劑疫苗最慢將於8</t>
  </si>
  <si>
    <t>我國採購新冠疫苗進度確定延後衛福部長陳時中 今坦言原先將於一月八日簽約採購的五百萬劑疫苗談判時程確定延後至於COVAX平臺上的疫苗採購至今也未決定好品牌。
陳時中曾在1月6日宣佈5百萬劑疫苗最慢將於8日簽約但事隔一個多禮拜至今都靜悄悄他今天坦言「該廠商現在不知道是因為生產線上出現進度上的問題因此與我國的談判有點延遲」不過陳時中也強調最快在等幾周後應就會有更明確的消息。
至於民眾關心的COVAX疫苗採購進度陳時中仍未鬆口我國所選廠牌強調一切都要「等簽完約再說。」
不過陳時中也透露國產疫苗目前所剩兩家進度都還在預期內除高端疫苗已進入臨床第二期聯亞也可望於本月底取得核准進入臨床第二期。</t>
  </si>
  <si>
    <t>我國採購疫苗截至六月底帳面上共花新台幣67億但實際上目前卻只花10億元購買國際疫苗。衛福部長陳時中 今天指出到現在都還在講疫苗價格的覺得有點居心叵測因為疫苗價格在合約中已寫得清清楚楚就是保密事項</t>
  </si>
  <si>
    <t>我國採購疫苗截至六月底帳面上共花新台幣67億但實際上目前卻只花10億元購買國際疫苗。衛福部長陳時中 今天指出到現在都還在講疫苗價格的覺得有點居心叵測因為疫苗價格在合約中已寫得清清楚楚就是保密事項若再講下去就可能破壞合約影響合約有效性與進貨時程。
陳時中 今天指出有關67億採購疫苗的爭議其實是因為政府單位在採購疫苗前都會先編列預算數、權責數以及所付出的現金流而我國採購疫苗後簽約有一定的量但現在到貨的數量卻沒那麼多所以使用的預算自然沒這麼多後續預算會等疫苗到貨前陸續付款。
陳時中 今天再度回應67億爭議時表情嚴肅直指現在外界仍有聲音要講價格的根本是居心叵測因為現在疫苗進貨是最大困難而價格早在合約內就寫得很清楚是雙方都要保密的事項拜託各位不要再講如果因此破壞保密事項會影響到合約的有效性與進貨時程。
另外今天外媒報導泰國政府流出一份檔指出我國早在去年十月就已採購AZ疫苗對此陳時中說自己沒看過該份檔但仍強調我國早在去年九月底與COVAX簽約、十月底與AZ簽約開始談判則更早要往前推2、3個月。</t>
  </si>
  <si>
    <t>國產聯亞疫苗沒有通過緊急授權EUA關於國內參加聯亞第二期人體臨床試驗的3800多名受試者接下來該怎麼辦？衛福部長陳時中表示將依照受試者意願協助安排接種其他疫苗可以打其他廠牌也可以等聯亞第三期臨床試驗。
衛福部食藥署昨(15)日召開專家會議審查聯亞疫苗21名專家中有17人投下不同意票、4人要求補件再議因此不予核准專案製造陳時中 今(16)日公佈很遺憾聯亞疫苗無法取得緊急授權EUA。
指揮中心指出參與聯亞臨床試驗的受試者簽署受試者同意書時已充分告知試驗過程中可隨時退出試驗且不需任何理由臨床試驗受試者於退出或完成試驗後之後續疫苗施打規劃將專案處理接種前應與醫師討論身體狀況並經專業評估相關風險後再接種疫苗。
據瞭解聯亞疫苗第二期臨床試驗收案約3800人包括12至18歲青少年、19至64歲的成人以及65歲以上的長者。陳時中表示若受試者想接種國內現有的疫苗會協助安排其他廠牌的疫苗接種由於聯亞仍可繼續執行第三期人體臨床試驗未來可循一般疫苗上市程式向食藥署申請藥證如果受試者要等到第三期臨床試驗也尊重受試者意願。</t>
  </si>
  <si>
    <t>連續確診密切檢疫所集中持續全員就醫無後目前國內健康民眾沒有返台印度有關病例表示指揮官陳時中 今天</t>
  </si>
  <si>
    <t>中研院研究助理（案16816）染疫中央流行疫情指揮中心指揮官陳時中 今天指出該實驗室內包括桌面、門把都有驗出病毒。兩位國內感染科專家聽聞此事皆表示不解直言「病毒不可能出現在這些地方」恐怕是操作上沒有</t>
  </si>
  <si>
    <t>病毒恐怕中央流行地方疫情指揮出現中心指揮官不可能陳時中 今天指出實驗室直言包括桌面不解門把表示</t>
  </si>
  <si>
    <t>中研院研究助理（案16816）染疫中央流行疫情指揮中心指揮官陳時中 今天指出該實驗室內包括桌面、門把都有驗出病毒。兩位國內感染科專家聽聞此事皆表示不解直言「病毒不可能出現在這些地方」恐怕是操作上沒有遵守SOP才會讓病毒散播在環境中。
案16816曾任職於中研院基因體中心P3實驗室環境採檢發現該實驗室內多處驗出病毒。台大兒童醫院院長黃立民對此表示訝異因為病毒照理說只會在安全操作櫃中雙手戴手套進入櫃中離開操作櫃時一定要清洗手套人員離開後會開紫外線燈消毒理論上周邊環境都會是乾淨的更直言「我不太理解為何會驗到有病毒這個有點奇怪」。
長庚大學新興病毒感染研究中心主任施信如也認為顯然是有汙染的現象因為操作病毒的時候病毒一定是在操作箱的培養皿裡面所有沾到病毒的東西都會放在廢棄桶裡面處理掉不可能在實驗室其他地方有病毒。
經調查案16816在實驗室中負責操作的是Alpha小鼠同時間還有另外兩人於操作武漢原始株、Delta株小鼠。施信如指出這樣的做法是合乎規定的例如有時候要比較同一個疫苗對三種病毒株的效力可能就會一起進行但要很小心避免交互感染。
施信如強調實驗室內都會戴雙層手套和防護衣做完就脫掉手套離開實驗室時脫掉防護衣而且整個實驗室都是負壓環境「環境裡不應該有病毒從事研究的人也不應該被感染」。她認為有兩大疑點需要釐清：為何在環境中會有病毒？為何在全副武裝之下仍被感染？需要弄清楚到底是哪裡出錯。</t>
  </si>
  <si>
    <t>印度變種病毒Delta肆虐全球中央流行疫情指揮中心一直遭外界質疑為何不入境全面PCR篩檢今天指揮官陳時中拍板7月2日開始入境一率普篩且都是採檢三次入境一次PCR、隔離檢疫期間以家用快篩一次、隔離期滿前再一次。且只要驗出陽性一率都要做基因病毒定序。
Delta來勢洶洶指揮中心卻只針對七個高風險國家規定入境後篩檢一次PCR檢疫期滿前再一次總共兩次且要住在集中檢疫所。但其餘國家入境民眾則僅規定檢疫期滿前一次PCR採檢只要一次並住在防疫旅館。
但近日包含高雄市長陳其邁、桃園市長鄭文燦、新北市長侯友宜等紛紛呼籲防疫不要做半套應該一率普篩。
中央流行疫情指揮中心指揮官陳時中 今表示7月2日起入境全面普篩未來入境不論來自哪一個國家都要檢驗三次只是檢驗方法各有不同。入境檢疫措施採檢三次預計實施一個月且無論來自任何國家採檢一率都是公費。
陳時中表示專案來說現在情況就要去集中檢疫所、採檢PCR中間的時候第十天、第十二天用家用快篩採檢一次解除檢疫的時候再一次PCR。
陳時中表示其他入境旅客在機場做一次PCR採檢深喉唾液、檢疫十四天期間以家用快篩採檢一次第十二天到第十四天也就是隔離期滿再一次入境旅客檢驗出陽性者就都要做基因定序。
為何現在要做？陳時中自己解釋說以前大家都一直建議要做入境普檢我們都沒有予以採納為何現在變了因為大家一直蒐集意見參考國際最重要差別在於以前入境的時後除了專案以外都是居家檢疫都是回到家中回到家中我們擔心入境篩檢若是偽陰性會造成防疫鬆懈會增加家庭內親密感染現在不同之處在於全部入住防疫旅館或是集中檢疫所不會有增加家人接觸的可能。
陳時中表示沒有接觸的可能縱使有偽陰性也不會增加傳播風險所以專家認為現在全篩是適合的措施。
陳時中表示這段時間有大部分專家與醫界都有很多意見因應Delta是否延長檢疫等或是在14天後再加上7天等？專家分析認為Delta傳播力有增加但沒看到潛伏期增加的證據因此不延長七天但在隔離期間第十到第十二天用家用快篩採檢一次萬一有確診可以及早發現病例。
至於病毒基因定序部分陳時中表示關係到變種病毒株是否會進入台灣因此要做基因定序邊境檢驗陽性的一率都要病毒基因定序避免不自覺中變種病毒進來對於群聚相關的也會來做基因定序不明感染源的也會做希望透過這些方式對於不同變種病毒株分佈的情況可以及早因應。他強調陽性送驗沒有問題運作很久。
指揮中心副指揮官陳宗彥表示週日到週六每週五是每天入境最多其次是週三其他每天分佈從兩百多到一千多位入境人數。每天都會檢視隔天預報的名單來做Ｔ1與T2的採檢用去年建置的五個採檢站我們會利用這五個做安排。陳宗彥強調每天會會機動調整採檢人員。
陳宗彥表示若遇到同時段多航班進來不排除用更大量的採檢速度消化已經預看過場地與動線。對於專案國家有專案國家動線有症狀的旅客也會有處置動線安排。
至於其他佔大多數的一般沒有症狀的旅客陳宗彥表示入境後到採檢動線已經建構好到他採檢結束後搭乘防疫計程車到防疫旅館。
醫療應變組副組長羅一鈞表示最近2、3周的陽性率都蠻低每日平均採檢3萬多件檢體陽性率為01％、02％最近多是01％。疫情剛開始時國內的陽性率是5％。這反應的是採檢量增加經過廣篩後比率就會下降。
羅一鈞表示在疫情嚴峻的國家陽性率常常都是超過5％至10％這表示當地疫情嚴峻且篩檢量不足當我們增加了檢驗量能陽性率就下降。如今每日最多可檢驗12萬件PCR請大家可以放心會持續對需要的對象提供篩檢。</t>
  </si>
  <si>
    <t>高端疫苗混打政策上路外界質疑安全性未經證實不同疫苗接種恐加重不良反應。衛福部長陳時中 今天赴立法院社福及衛環委員會備詢被立委蔣萬安詢問此事時多次表示「專家無異議通過」。陳時中 今天多次被問及高端疫苗</t>
  </si>
  <si>
    <t>疫苗陳時中 今天質疑外界上路安全性未經證實備詢委員會不同萬安詢問高端表示接種異議專家法院加重衛福</t>
  </si>
  <si>
    <t>高端疫苗混打政策上路外界質疑安全性未經證實不同疫苗接種恐加重不良反應。衛福部長陳時中 今天赴立法院社福及衛環委員會備詢被立委蔣萬安詢問此事時多次表示「專家無異議通過」。
陳時中 今天多次被問及高端疫苗混打政策的決策關鍵表示目前尚無相關試驗佐證但依據ACIP專家討論認為安全性沒有問題。但蔣萬安進一步詢問ACIP會議討論內容陳時中未正面回應僅不斷強調「專家無異議通過」。
蔣萬安舉出今年7月中的報導打臉陳時中「當時大家詢問混打開放的可能性你的回應是「任何藥物都有一定的副作用多接種一種不同性質疫苗就多一種出現副作用的可能性一定要有科學證據才會開放」質疑為何尚無科學證據就開放高端混打。
陳時中回應試驗是針對有效而做看疫苗混打效果有沒有比較好。但蔣萬安強調「安全性也一樣民眾需要得到保證」陳時中則表示每一個疫苗單獨的安全性都是被驗證過的。
蔣萬安認為高端疫苗目前僅被少數國家認可指揮中心早該規劃因應措施；當時有人提出這樣的疑慮有可能影響國人出國權益政府卻說與事實不符直言「為何要欺騙民眾？」而陳時中聞言竟表示「要不然委員有什麼更好的方法？」
立委高虹安則詢問陳時中政府花費40億元採購500萬劑高端疫苗截至11月14日已放行371萬劑已施打140萬劑剩下的近130萬劑可否暫停交貨？陳時中回答「目前已經交貨得差不多了」都在檢驗封緘中。
高虹安追問這130萬劑高端疫苗該如何處理？如果捐助友邦國家又沒有取得緊急授權（EUA）作為第三劑加強針也要等6個月以後時機未到。陳時中表示未來很多疫苗都會面臨這種情況我們採購的所有疫苗數量早就超過150％的涵蓋率。
陳時中說未來如果國內有需要就繼續用國外有需要就捐贈出去但高虹安認為高端沒有取得他國EUA即使要捐也沒去處；陳時中回應希望世界衛生組織（WHO）的團結疫苗試驗能夠早日成功但又強調這並非自己可以操作的會積極尋找可以捐贈的地方。</t>
  </si>
  <si>
    <t>國內疫情趨緩本土病例今(12)日再度加零指揮中心昨天已宣佈全國醫院慢性病房有條件開放探病隨著警戒措施逐漸放寬外界好奇外出何時才能不用再戴口罩？專家表示終於走到這一天相信只要疫苗覆蓋率達七成以上外出不用戴口罩這件事應該就指日可待了。
毒理專家招名威今天在臉書指出看到探病政策終於開放心中真的感到開心直呼「我們終於走到這一天了」他回想這段時間因為疫情關係許多人在生死關頭和性命垂危時親人朋友無法陪伴更別想說握著手、親吻臉頰甚至有很多人根本是連透過視訊都無法和親人見上最後一面這真的是「比悲傷更悲傷的事」。
招名威表示環顧全世界即使很多國家開放出入境旅遊的限制但卻沒有幾個國家可以這樣大幅度放寬醫院探病制度而被疫情衝擊到根本就還無法重整醫療制度的國家更是不在少數他認為台灣的醫療講求制度與公平可以走在世界的前面真的很棒。
但招名威也坦承病毒仍在我們周圍NPI（非藥物介入措施）是必須的還有包括境外移入、舊案陰轉陽、疫苗突破性感染、第二劑疫苗覆蓋率不足等問題仍需注意他相信再過一段時間當疫苗覆蓋率達到七成以上外出不用戴口罩這件事應該就指日可待了。
指揮中心指揮官陳時中日前曾表示預估10月底第一劑疫苗覆蓋率達七成至於疫情警戒何時降到一級？陳時中 今天在立法院表示要視不明感染源個案數、醫療應變能力、民眾遵從度及國際疫情變化而定。</t>
  </si>
  <si>
    <t>國內疫情趨緩中央流行疫情指揮中心指揮官陳時中 今天表示有關餐飲、夜市平時管理和戰備的指引都會一波一波推出來也會督導各單位若能確實做到就會在7月12日疫情持續往下時先開放。7月12日後會不會開放內用</t>
  </si>
  <si>
    <t>國內疫情趨緩中央流行疫情指揮中心指揮官陳時中 今天表示有關餐飲、夜市平時管理和戰備的指引都會一波一波推出來也會督導各單位若能確實做到就會在7月12日疫情持續往下時先開放。
7月12日後會不會開放內用陳時中表示餐飲業內部管理經過我們檢查不是說完全不可能但還是疫情控制為主相關指引就要不斷準備起來讓各業者有準備時間。
臺北市昨晚搶先「微解封」夜市此舉是否有風險？陳時中強調現在就是三級警戒也沒有所謂「微解封」而三級警戒就是外帶不內用大家還是要遵守外帶不內用到這波疫情完後再根據相關的指引看如何把社區經濟維持住在一定管制下逐步開放。
由於三級警戒已經延長三次社區照顧據點關閉一個多月失智長者身心障礙家屬撐不下去家屬關心什麼時候開放？
陳時中表示相關社區照顧據點進來地方政府對照顧精障的這些身心障礙的可以授權他們來世情況因為有些人在家很難做管理若能到相關的照顧中心來管理上會比較好這邊一部分授權地方政府做開放未來要怎麼做在7月12日會做決定。</t>
  </si>
  <si>
    <t>國內出現首宗安養機構的護理人員確診事件該護理人員第一次就醫時並沒有採檢直到十天後才採檢確診。國內有專家建議應對長照機構工作者全面採檢指揮中心指揮官陳時中 今天回應表示已著手研擬將針對醫護</t>
  </si>
  <si>
    <t>國內出現首宗安養機構的護理人員確診事件該護理人員第一次就醫時並沒有採檢直到十天後才採檢確診。國內有專家建議應對長照機構工作者全面採檢指揮中心指揮官陳時中 今天回應表示已著手研擬將針對醫護人員再度放寬採檢標準研議若有發燒或呼吸道症狀就可以採檢。
該名護理人員第一次就診時醫師僅給治療流感的克流感藥物但沒有採檢直到十天後才採檢並確診。
陳時中表示該名護理人員是因為以往治療流感分辨只有加強克流感計畫免快篩可以使用醫生判斷傾向是流感會先使用基本克流感藥物 第二階段沒有大幅改善才會做大階段的採檢 這是醫師的專業判斷。而第二擴大採檢則是根據旅遊史。
不過接下來有任何相關呼吸道症狀就可以採的擴大採檢方案當中一個醫護有相關症狀就可以採那個剛好是一個轉換期因此未來醫護人員不管全身防護個人防護也可以保護自己也可以保護受照顧的人這方面會加強。
指揮中心醫療整備官羅一鈞表示指揮中心已經研議放寬讓醫護人員有症狀（發燒、呼吸道症狀）就會採檢應該最快本周內開會也是因為看到整個最近檢驗通報情形看起來上週四、五機場回國人數高峰過了檢驗量能可以提升醫護人員也不是機構這件本來就又考慮由醫師懷疑的方式相關配套以及採檢對象 整備組會議會再討論。</t>
  </si>
  <si>
    <t>美國、新加坡、香港曾透過監測汙水系統追查社區感染來源衛福部長陳時中證實國內汙水監測系統也偵測到新冠病毒。陳時中 今天表示目前發現兩處汙水檢測的Ct值為33~37這些病毒不具有傳染性但顯示出蒐集到汙水的</t>
  </si>
  <si>
    <t>美國、新加坡、香港曾透過監測汙水系統追查社區感染來源衛福部長陳時中證實國內汙水監測系統也偵測到新冠病毒。陳時中 今天表示目前發現兩處汙水檢測的Ct值為33~37這些病毒不具有傳染性但顯示出蒐集到汙水的區域可能曾經或是現在有確診者因此要設立採檢站及早把無症狀者找出來。
中央流行疫情指揮中心發言人莊人祥表示去年一月發生新冠肺炎疫情以來就開始監測汙水的監測中一直以來都是陰性一直到今年六月初採檢的11個檢體中發現2處陽性未來會持續監測。
莊人祥也證實全國北中南東共設立11個監測處而這次發現病毒的兩處正是在北區他說明這跟雙北有發生社區感染的狀況是符合一致的汙水監測是反應社區感染狀況。
莊人祥並強調這不是醫院汙水處理沒有做好也有可能是家戶內的用水但就是反應社區感染狀況水沒有傳染力。
莊人祥表示汙水的監測是為了瞭解是否有病毒活動過去主要是小兒麻痺根除計畫中針對全台目前有11個汙水處理廠做監測每個月都會採檢2次並送驗除了小兒麻痺也有檢驗腸病毒作為每年和一般的診所醫院來比對是否跟收集到的病例一致。
陳時中表示這次從汙水檢測出來的Ct值都在33到37之間顯示這些病毒不具有傳染性且是經過水不是高度濃縮後被檢測到。
陳時中表示這些水沒有傳染性但監測的重要意義是搜集水的區域可能曾經有確診者或是現在有確診者在因此將根據流域分佈來設立採檢站及早把沒有症狀的人找出來是目前最重要的工作也會持續做。</t>
  </si>
  <si>
    <t>大陸陸續公佈3名來自台灣的新冠肺炎確診案例國台辦說台灣防疫有漏洞。防疫指揮官陳時中 今天受訪時乾笑兩聲說有沒有漏洞大家心知肚明不過任何的情報我們都會予以重視。台灣不斷傳出有入境他國或其他地區確診案</t>
  </si>
  <si>
    <t>大陸陸續公佈3名來自台灣的新冠肺炎確診案例國台辦說台灣防疫有漏洞。防疫指揮官陳時中 今天受訪時乾笑兩聲說有沒有漏洞大家心知肚明不過任何的情報我們都會予以重視。
台灣不斷傳出有入境他國或其他地區確診案例且不排除是在台灣減染而對於國台辦示警陳時中似乎相當有信心他說有沒有漏洞大家心知肚明不過任何的情報我們都會予以重視在台灣內部把相關情況疫調做好檢討流程有沒有疏失之處有無什麼可以改進等等。
陳時中上午是在「2020行政院生技產業策略諮議委員會議」開幕式場合受訪而對於含瘦肉精美豬進口陳時中表示有關食品的進口基本上還是要有科學的證據及國際的標準政府會落實查驗對相關的標示也會強化至於他提出的開放可以交換到「國際地位」的說法陳時中認為「當然是有前景跟展望」但沒有安全就沒有開放的事實。
對於地方包圍中央反美豬陳時中表示 中央對地方溝通是一定要溝通的政府就是要溝通討論虛心請教並建立共識。
他說開放美豬進口有很多需要從源頭管理很難用單一說明跟大家講清楚所以也跟食藥署講陸續要針對大家關心的情況做一些示範區讓大家一起來看距離開放現在還有一些時間 衛福部希望逐步把意見蒐集清楚做到最好。</t>
  </si>
  <si>
    <t>隨各國陸續祭出疫苗邊境管制美國即將上路的入境新規定也未將高端疫苗列入允許入境條件。對此衛福部長陳時中 今在立院表示預防接種諮詢委員會確定下週二或三將召開屆時將針對打完高端後能否與其他疫苗混打</t>
  </si>
  <si>
    <t>隨各國陸續祭出疫苗邊境管制美國即將上路的入境新規定也未將高端疫苗列入允許入境條件。對此衛福部長陳時中 今在立院表示預防接種諮詢委員會確定下週二或三將召開屆時將針對打完高端後能否與其他疫苗混打做出政策方向。
立法院今審議「中央政府嚴重特殊傳染性肺炎防治及紓困振興特別預算第4次追加預算案」由於美國將自11月8日起採入境新規所有外籍旅客須接種2劑美國FDA或WHO核准疫苗才能入境包括BNT、AZ、莫德納皆在名單內而高端未被認可。同時泰國近日也宣佈11月起完整接種疫苗的旅客可享入境免隔離高端疫苗同樣不在認可名單內。
由於截至目前為止高端疫苗已在台灣施打138萬劑隨著各國疫苗邊境管制趨嚴「高端人士」恐將面臨在國際上寸步難行的狀況。對此國民黨立委賴士葆、李貴敏、楊瓊瓔、民眾黨立委張其祿今質詢時都對高端混打政策表達關切。
張其祿表示打高端的民眾當初也是信賴國家所以打了國產疫苗結果現在要出國變成「出不太去」讓接種者開始思考打完高端後能否再打其他國際認證的疫苗但也擔心會不會打太多；賴士葆提醒衛福部有必要將目前各國的疫苗邊境管制做整理讓民眾清楚知道打了高端可以去哪些國家？哪些國家則是不能去。
對此陳時中表示事實上衛福部已接到很多民眾提出需求因此目前已確定要召開ACIP委員會（預防接種諮詢委員會）時間是下週二或週三屆時就會由專家針對高端混打提出政策方向。他說對於要出國的人安全性一定要夠相關配套也都會提出來。
陳時中表示對於接種高端疫苗者若被允許追加其他品牌疫苗ACIP的委員就必須考量安全性同時也會做出相關的因應作為。
對於目前國際對高端的開放程度陳時中上午特別由幕僚整理資料後旋即在立院說明表示目前台灣民眾常去的國家當中只有紐西蘭、帛琉與印尼認可高端疫苗；而符合條件入境免隔離的國家有美國、英國、法國、德國、加拿大、新加玻主要認可的疫苗以BNT、莫德納、嬌生、AZ為主而美國、新加坡特別認證國藥、科興疫苗泰國則特別將俄羅斯的衛星五號也放在承認名單。
引起關注的是若ACIP許可高端混打屆時「高端人士」出國前要混打其他國際疫苗是否為「隨到隨打」？陳時中說目前BNT、莫德納與AZ的供應量都沒問題了「這部份我們做得到但前提是ACIP委員認定沒有問題才行。」
對此民眾黨立委高虹安質疑如果打高端的民眾能優先打國際疫苗會不會排擠到其他民眾的需求？尤其所謂打高端者出國前可以「隨到隨打」的定義是否有限定探親、旅遊、出差、或遊學、留學等情況才能施打？還是只要出國就可打國際疫苗？
陳時中回應「也不是每個人都要出國啦」如果真的會排擠他人權益當然會盡量限縮名額。但以目前疫苗到貨狀況基本上他認為只要安全上沒問題不會有這些問題就像學生要出國念書真有必要性施打其他疫苗指揮中心就會配合。</t>
  </si>
  <si>
    <t>昨天才宣佈零個案中央流行疫情指揮中心指揮官陳時中 今宣佈國內新增2例新冠肺炎境外移入病例分別為60多歲女性(案394)及20多歲女性(案395)均自美國返國。指揮中心指出案394於1月22日至美國探親3月30日搭乘</t>
  </si>
  <si>
    <t>昨天才宣佈零個案中央流行疫情指揮中心指揮官陳時中 今宣佈國內新增2例新冠肺炎境外移入病例分別為60多歲女性(案394)及20多歲女性(案395)均自美國返國。
指揮中心指出案394於1月22日至美國探親3月30日搭乘華航CI011毒班機返國由於同班機旅客已有11人確診因此由居家檢疫對象改列為居家隔離對象。個案於4月6日、7日陸續出現全身痠痛、胃痛、嘔吐、胸悶及發燒症狀分別於8日及10日由衛生單位安排採檢於今日確診；該班機截至目前共12人確診。
至於案395於1月23日去美國就學4月4日出現咳嗽、鼻塞、流鼻水及嗅覺喪失情形4月13日返國入境時主動申報有前述症狀由機場採檢通報後今日確診。指揮中心發言人莊仁祥說航空公司有詢問是否有呼吸困難的等症狀該名個案目前匡列11位接觸者前後2排乘客10位與1位機組員。陳時中補充不是有這個症狀就是確診但呼籲大家要誠實說明自己的症狀等等讓專業的醫師來判斷。</t>
  </si>
  <si>
    <t>疫苗高端預約完成核發開放證明書平臺進行衛福使用共有現在中心指揮表示部長陳時中 今天整體</t>
  </si>
  <si>
    <t>高端疫苗23日開打臺北市長柯文哲日前曾說這些人是替高端做大規模第三期人體試驗而衛福部長陳時中 今日回應表示這是高端緊急授權（EUA）上市後的「市場監測」；對此柯文哲諷刺陳時中的說法聽起來很像是藥</t>
  </si>
  <si>
    <t>高端疫苗23日開打臺北市長柯文哲日前曾說這些人是替高端做大規模第三期人體試驗而衛福部長陳時中 今日回應表示這是高端緊急授權（EUA）上市後的「市場監測」；對此柯文哲諷刺陳時中的說法聽起來很像是藥廠業務代表。
臺北市今舉辦防疫記者會被問到陳時中說高端已通過EUA是屬於上市後市場監測；柯文哲不滿表示不接受他的說法柯解釋後市場的監測是要做完臨床1、2、3期上市後再去做市場上的副作用甚至有人稱為是臨床四期。
柯文哲痛批高端臨床三期都還沒做也還沒拿到認證這樣的做法是目前地球上最大規模的新冠肺炎第三期臨床試驗柯文哲諷刺陳時中講法就像是藥廠的業務代表。</t>
  </si>
  <si>
    <t>7月12日到底能不能解封？中央流行疫情指揮中心指揮官陳時中 今天表示縣市別中有很多縣市相對穩定雙北熱區個案數也在減少幾個比較熱的點經過幾次大規模篩檢與隔離相對安全相對7月13日後能夠有一個好的預</t>
  </si>
  <si>
    <t>相對解封中央流行疫情指揮中心指揮官不能陳時中 今天表示比較減少個案熱區穩定雙北日後安全隔離能夠</t>
  </si>
  <si>
    <t>7月12日到底能不能解封？中央流行疫情指揮中心指揮官陳時中 今天表示縣市別中有很多縣市相對穩定雙北熱區個案數也在減少幾個比較熱的點經過幾次大規模篩檢與隔離相對安全相對7月13日後能夠有一個好的預防措施加上有應變的能力在高強度的管制下走向比較可以開放的路是目前疫情下所做的判斷但最終還是要看7月12日整體疫情情況再來決定。
陳時中說可以讓大家身心比較健康或在怎樣的管制下可以有相關內用外食做某種程度的放寬是現在規劃的方向但強調是要以疫情為重在疫情可控制的狀況下讓生活回到正軌。
陳時中強調疫情控制住餐飲就開放內用當然一定要符合距離、隔板、非共用餐具、實聯制、清消、體溫量測等基本都要做到不能符合就退回去這是個別的不能做到就外帶做得到就可以希望大家提早準備。</t>
  </si>
  <si>
    <t>交通部觀光局駐桃園機場旅遊服務中心基層員工、案269因接待觀光局主秘小孩（案277）不幸感染新冠肺炎。這場因上級指示的接機任務演變至今案269今首度對外發表聲明澄清絕非如外界所言主動接機也不認識主秘兒子更無所謂叔姪關係。對此陳時中 今天坦言自己第一時間說他們是叔姪關係因為訊息接收不正確至於相關罰則是否收回277的防疫補償金陳時中說必須再看當時的監視錄影再來釐清問題。
交通部觀光局駐桃機員工因接待觀光局主祕之子確診新冠肺炎其5歲兒子(案299)也因此確診。本起群聚截至目前共掌握接觸者24人。該名員工269案今天首度發聲明表示看到家中5歲幼兒抽血與各項檢查時驚恐的表情與絕望的哭喊聲就讓他感到十分不捨。
陳時中 今天表示自己在第一時間接受到的訊息不正確「我以為這三人是277 、269與其爸爸有三個人喝咖啡當天主要要釐清269是本土案例事實上是境外移入結果後來才知道有另一位」。
陳時中表示「自己當初說去接是因為有很熟的叔姪被的關係我以為的是爸爸結果是另一個爸爸的朋友大家以為269 我那天確實以為是這樣我以為是另一個人」。他強調整體和行政單位相關錄影帶會再報告。
至於該名五歲男童除了一開始有症狀目前都沒有症狀病情穩定。
而該名官員的小孩案277防疫補償金是否還能領取陳時中說要看整體 有沒有違背相關規定是否作出處分。先把政體情況做更多的釐清脈絡都弄清楚免得大家有更多誤解。
陳時中也說未來在機場能不能喝咖啡還是喝其他會進一步來規範。</t>
  </si>
  <si>
    <t>中央流行疫情指揮中心表示民間機構共同捐贈的第六批BNT已於今上午順利抵台共8892萬劑完成通關程式後直接運送至指定冷儲物流中心進行後續檢驗封緘作業。指揮官陳時中說莫德納預計明天會來最快預計可在10月22日開打。數量的部分預估有百萬劑。
指揮中心說明由台積電、永齡基金會、慈濟基金會共同捐贈的BNT疫苗1500萬劑目前共計到貨42092萬劑分別為首批9月2日93萬劑、第二批9月9日91萬劑、第三批9月30日54萬劑、第四批10月1日67萬劑、第五批10月4日27萬劑以及本批8892萬劑。本批疫苗效期至2022年2月20日將由指揮中心統籌運用儘速提供民眾接種。
陳時中補充說民間購買的BNT疫苗將陸續到貨但不會有所謂的疫苗過量的問題畢竟打完第一劑之後接下來也要安排接種第二劑了。
另根據指揮中心統計我國尚有210萬名莫德納孤兒打不到第二劑疫苗而今天上午行政院透露我國疫苗到貨量將突破2300萬劑是否意味著明天將到貨的莫德納疫苗應接近百萬劑？對此陳時中保守地說數量應該接近百萬劑但確切數字還是要已入庫數量為準。
陳時中也透露下波莫德納抵台後將會優先讓7月16日前打過第一劑的70歲以下民眾接種目前估算符合資格的對象約有130萬人等待疫苗入庫後力拚10天內完成封緘盡快開放讓民眾接種第二劑最快預計在10月22日開打。
此外仍有許多打不到第二劑莫德納的族群呼籲政府盡速開放混打BNT但陳時中 今天表示開放混打的時間搞不好比第二劑莫德納到貨來的慢建議大家還是等待莫德納疫苗。
隨著世界各國的疫苗覆蓋率逐步提升美國已宣示鼓勵民間進行快篩盼能強化境內疫情監測陳時中也說我國也積極鼓勵快篩政策面向包含企業快篩、擴大店鋪販售快篩試劑、要求特定機構進行週期性快篩盼能透過快篩補強PCR檢驗的不足持續跟上世界的防疫腳步。</t>
  </si>
  <si>
    <t>台灣近兩天新增20多例本土個案外界將原因指向上周中央流行疫情指揮中心提出的獎勵採檢措施認為有驗才有確診但衛福部長陳時中 今天拒絕將本土疫情爆發與獎勵採檢畫上連結認為該措施只能算是榮譽獎跟疫情爆發</t>
  </si>
  <si>
    <t>疫情本土措施認為獎勵爆發個案外界衛福原因部長指向陳時中 今天上周流行中央拒絕指揮只能中心連結提出</t>
  </si>
  <si>
    <t>台灣近兩天新增20多例本土個案外界將原因指向上周中央流行疫情指揮中心提出的獎勵採檢措施認為有驗才有確診但衛福部長陳時中 今天拒絕將本土疫情爆發與獎勵採檢畫上連結認為該措施只能算是榮譽獎跟疫情爆發沒有直接關聯。
指揮中心上周頒布獎勵採檢新規定凡醫療院所轉檢、採檢發現一名確診者就獎勵一萬元沒想到這周就出現20幾例本土個案對此陳時中不認去年台灣防疫蓋牌強調無論是獎勵採檢或轉檢醫師這一萬元對他們來說都是很小的鼓勵只能算是榮譽獎盼讓採檢到的醫事人員心理能夠平衡點。
陳時中指出尤其今天驗出的新增個案都是經疫調匡列後採檢驗出的結果但指標個案仍是在宜蘭由機警的醫師送檢發現「這部分我們也相當感謝他。」</t>
  </si>
  <si>
    <t>指揮中心今撥出十五萬劑的AZ疫苗但高雄市沒有疫情卻分配到兩萬一千劑比疫情重災區新北市還要多對此衛福部長陳時中表示這與高雄市之前的施打率有關同時在分配上也會根據這幾類符合施打的人員數以及以往施打的經驗與需求進行分配。
陳時中 今天表示撥送下去的疫苗以臺北市獲得兩萬兩千兩百劑最多其次依序為高雄市兩萬一千劑、新北市一萬八千劑、桃園市一萬八千劑、台中市一萬七千五百劑、台南市一萬三千劑。
外界質疑高雄市非重災區為何可以分得比新北市還要多的疫苗？指揮中心發言人莊人祥表示如果是雙北以外是用未施注第一類人員數的六成來估算但雙北就是用一、二、三類未施注人員的六成來估算所以才會有這樣的數字落差。</t>
  </si>
  <si>
    <t>指揮中心昨(25)日宣佈全國3級警戒、全國停課皆延長至6月14日台大公衛學院教授陳秀熙表示目前國內非藥物公衛措施NPI的落實程度只有75％若多數公司停班降低平均病例有效再生數（Rt值）的效果可達27％。外界好奇全國三級警戒延長為何只停課不停班？中央流行疫情指揮中心指揮官陳時中透露必須兼顧「預防防疫疲乏」及「維持社會經濟活動」2大考量。
陳秀熙今(26)日在台大公衛學院防疫線上直播時指出台灣現行NPI措施的落實程度僅75％傳統市場、遊民仍有群聚特種行業的傳染也在持續雖然疫情會趨緩但個案還是會不斷爆出恐衝擊醫療量能NPI若能做到9成這波本土疫情可望在6月中旬受控。
根據全球40幾個國家的NPI措施資料統計部分公司停班降低Rt值的效果有18％多數公司停班效果有27％；限制10人以上聚會有42％；學校停課有38％；待在家的效果則是13％。其中限制10人以上聚會與學校停課最能有效控制疫情。
此外另一項針對226國的NPI措施評估也顯示取消小型聚會、關閉教育機構及邊境管制是最有效的前3名NPI介入措施。外界則好奇既然全國都停課了為何不乾脆停班？
陳時中 今天在疫情記者會中回應停班的確也能有效控制疫情但目前更要預防防疫疲乏同時還要維持社會經濟活動這是停課不停班的最主要2大考量。</t>
  </si>
  <si>
    <t>國產高端疫苗今起開打不過桃園市卻傳出有3人打完疫苗後分別出現想吐、暈倒及短暫失去意識等狀況送醫檢查後皆無大礙。中央流行疫情指揮中心指揮官陳時中證實3人狀況皆為暈針目前均無異常已返家休息並呼籲有慢性病或身體狀況不穩定者暫緩施打疫苗。
陳時中 今（23）日於疫情記者會中指出有接獲3例接種高端後不適個案狀況都是暈針因此血壓相對較低心跳比較快。在桃園市大有國中接種站一名為30多歲的美籍女性施打後出現暈倒狀況現場量測血壓111/79、心跳122後來表示並沒有不舒服在上午11點多返家休息。
第二例為47歲男子打完疫苗後有點喘、想吐血壓為111/79、心跳122經現場醫師評估送至榮民總醫院桃園分院心電圖、抽血檢查皆正常中午12點多離開醫院。第三例為26歲女性在桃園市中原國小接種站打疫苗接種後意識突然喪失經現場醫師處理後恢復意識血壓為116／74、心跳110評估後送聯新醫院急診室就醫心電圖、抽血檢查皆正常中午12點多離院。
針對有民眾打疫苗暈針情形陳時中也呼籲若有慢性病、狀況不穩定的建議先不要打疫苗另外打疫苗時也不要太緊張現在針具非常發達護理人員注射技術也都很好。
★《中時新聞網》提醒您：因應新冠肺炎疫情疾管署持續加強疫情監測與邊境管制措施 如有疑似症狀請撥打：1922專線或 0800-001922 並依指示配戴口罩儘速就醫同時主動告知醫師旅遊史及接觸史以利及時診斷及通報。</t>
  </si>
  <si>
    <t>今天大年初四國內疫情連續第三天無新增境外移入個案、本土病例。中央流行疫情指揮中心指揮官陳時中 今天仍親自主持記者會並指出目前部立桃園醫院回溯採檢剩下2人結果未出爐預計桃醫在2月19日恢復營運。桃園醫院</t>
  </si>
  <si>
    <t>今天大年初四國內疫情連續第三天無新增境外移入個案、本土病例。中央流行疫情指揮中心指揮官陳時中 今天仍親自主持記者會並指出目前部立桃園醫院回溯採檢剩下2人結果未出爐預計桃醫在2月19日恢復營運。
桃園醫院上月爆發新冠肺炎群聚感染預計年後分階段恢復正常營運中央流行疫情指揮中心指揮官陳時中 今天宣佈回溯採檢昨天有9人採檢中今天7人檢驗結果為陰性目前只剩2人檢驗中結果預計今天會出爐2月19日恢復營運。
陳時中表示桃園醫院感染事件需要隔離14天的人共有4346人目前醫院相關醫護工作者通通都已經結束隔離。
桃醫工作人員全部都已完成採檢外界關心在這次群聚感染事件學到的最大教訓為何？陳時中表示桃園醫院被檢討的其中一個原因就是我們的分艙分流是否有做到徹底這方面確實有相對困難只能盡量朝著做到完整目前已經針對這方面做檢討。
此外陳時中也表示匡列速度是否可以更快一點現在手頭的資料都有若要即時都收集起來很多跟資料熟悉相關的人都已經被隔離了增加收集整理這些資料的困難這是以前SOP沒有設想到的這次因為是大規模的隔離人隔離開了都要想到各病室病房的隔離等。
他強調未來針對分艙分流的落實、讓資料整理更系統化都是在持續檢討中。過完年後會再做一次部桃的專案報告由專家來檢討再來做桃醫的巡檢看現在各項SOP有沒有做得完全。</t>
  </si>
  <si>
    <t>永齡基金會、台積電向上海復星採購一千萬劑BNT疫苗定案後鴻海創辦人郭台銘昨天深夜在臉書上貼文指出談判過程中從未有大陸北京當局的任何指導或干涉。對此衛福部長陳時中 今天也向陸方致謝並透露自己有意願前往</t>
  </si>
  <si>
    <t>永齡基金會、台積電向上海復星採購一千萬劑BNT疫苗定案後鴻海創辦人郭台銘昨天深夜在臉書上貼文指出談判過程中從未有大陸北京當局的任何指導或干涉。對此衛福部長陳時中 今天也向陸方致謝並透露自己有意願前往機場迎接第一批BNT疫苗。
郭台銘昨在臉書上指出自我方提出捐贈案後的洽購期間並未有大陸北京當局對此次疫苗採購過程有任何指導或干涉在此感謝能讓採購行為歸諸商業條件談判的本質進行。
今天有媒體詢問陳時中是否會為因促成BNT疫苗的採購向大陸致謝？陳時中低調表示這次能完成BNT疫苗的採購必須感謝所有參與的團體與個人「我們都致上誠摯的謝意這是重要的健康議題我們大家一起來努力。」
陳時中也透露自己有意願前往機場迎接第一批BNT疫苗抵台但還要看到時候的行程安排有沒有辦法配合至於外界關切的BNT疫苗上是否會出現「復必泰」的字樣陳時中則說「東西沒有進來前沒有看到所以不知道。」
陳時中也透露永齡基金會、台積電合購的這一千萬劑疫苗並未寫下任何保留劑量的但書全部無償捐贈給全民使用但他說兩家企業也不是說不能來談「只是目前為止沒有收到這樣的要保留劑量的但書求。」
至於將來BNT疫苗會優先給哪些族群施打？陳時中表示不管是什麼疫苗中央當然是規劃給最適合的人打由於目前AZ尚未開放給青少年打而國外已開放BNT給青少年接種因此到時候會先留給青少年接種。</t>
  </si>
  <si>
    <t>衛福部長陳時中 今日指出疫苗施打順序為中央說得算地方若自行調整將減配疫苗。對此臺北市長柯文哲回應北市從來沒說不照中央順序施打有問題也會舉手反應如日前長照機構出現群聚才會將機構人員接種順序往前</t>
  </si>
  <si>
    <t>衛福部長陳時中 今日指出疫苗施打順序為中央說得算地方若自行調整將減配疫苗。對此臺北市長柯文哲回應北市從來沒說不照中央順序施打有問題也會舉手反應如日前長照機構出現群聚才會將機構人員接種順序往前移強調在疫苗施打順序上北市中央沒有不同調。
疫苗問題吵得沸沸揚揚配給量與施打順序都讓地方傷透腦筋外界好奇北市在施打順序上是否會自行調整；此外由於市立聯合醫院防疫負擔重內部人員質疑為何不將施打重擔分給基層診所要求市府應考量人力吃緊給予配套措施。
柯文哲指出科學問題科學解決有時媒體標題會有誤差但北市從來沒有不按照中央順序施打但有問題會反映例如長照機構日前出現群聚個案因此施打順序應該往前移尤其他有醫療專業講得有道理的話中央也會聽取建議進行調整目前來說北市和中央無不同意見。
此外柯也說打疫苗的地點有分3線這沒問題但麻煩的是疫苗進來時程變來變去量也不確定北市都是臨時被通知畢竟生產線設計有流程固定的話就能有效率運作但他也知道中央難處因為全世界都在募疫苗進來的量很不穩定。
柯表示日前中央說7日打疫苗不用錢我們都開玩笑說後面還有一句話「打疫苗不用錢但是沒有疫苗有什麼用咧？」但目前不需擔心會按照中央給的數量擴充生產線。
至於殯葬業者爭取施打疫苗北市副市長黃珊珊則說中央與地方的開放順序都是以第一類到第三類的人員為主畢竟殯葬業不是所有人都會處理到染疫的人業者目前也有相應的處理手法未來疫苗若充足會盡快將殯葬業者排進施打順序中。</t>
  </si>
  <si>
    <t>衛福部長陳時中針對疫苗施打順序強調當然是中央說了算若地方未根據中央的目標群施打「我們會減配疫苗」。對此網友笑稱「好大的官威」、「最好敢對竹科也這麼硬」、「笑你不敢減減看阿」！
行政院長蘇貞昌、衛福部長陳時中 今（8）日到立法院報告並備質詢針對疫苗施打順序陳時中強調當然是中央說了算若地方未根據中央的目標群施打「我們會減配疫苗」。
時代力量立委王婉諭質詢時提到雙北市、台南市都曾表示要自行調整公費疫苗施打順序到底誰說了算。陳時中表示當然是中央說了算如果地方沒有根據中央的目標施打群施打將減配疫苗。
對此網友笑稱「好大的官威」、「剛愎自用」、「好啊你減配看看」、「還當自己是賽揚王牌」、「這是在威脅嗎」、「好兇喔」、「最好敢對竹科也這麼硬」、「笑你不敢減減看阿」！</t>
  </si>
  <si>
    <t>疫情指揮中心指揮官陳時中 今日表示採檢的民眾在等待通知期間無論是等待多久都先待在家裡不要亂跑現在也會拉進健保的健康存摺系統想辦法把篩檢陰性報告及時通知讓大家查得到。日前疫情指揮中心向採檢的民</t>
  </si>
  <si>
    <t>通知中心指揮疫情等待拉進現在亂跑日前健康不要存摺待在家裡系統陳時中 今日表示查得辦法及時</t>
  </si>
  <si>
    <t>疫情指揮中心指揮官陳時中 今日表示採檢的民眾在等待通知期間無論是等待多久都先待在家裡不要亂跑現在也會拉進健保的健康存摺系統想辦法把篩檢陰性報告及時通知讓大家查得到。
日前疫情指揮中心向採檢的民眾衛教要求等待通知的時間就先在家中自主隔離3天如今時間差還在縮短有媒體問到是否要提醒民眾不管要等幾天都先待在家裡不要亂跑？陳時中回應「是的」。
陳時中說現在會努力把及時通知民眾篩檢陰性報告拉到健保系統讓大家可以在健康存摺上查到。</t>
  </si>
  <si>
    <t>Omicron病毒來勢洶洶世界各國陸續傳出本土病例衝擊我國年底的跨年、耶誕等大型活動。衛福部長陳時中 今天表示雖然現在臨時變動的可能性不高但大家仍要做好心理準備。立法院社福及衛環委員會今天就新冠變異病</t>
  </si>
  <si>
    <t>Omicron病毒來勢洶洶世界各國陸續傳出本土病例衝擊我國年底的跨年、耶誕等大型活動。衛福部長陳時中 今天表示雖然現在臨時變動的可能性不高但大家仍要做好心理準備。
立法院社福及衛環委員會今天就新冠變異病毒Omicron邀陳時中出面說明疫苗、邊境管理等因應政策。民進黨立委邱泰源質詢使否有提出阻擋Omicron病毒入侵的具體措施？陳時中表示除積極安排第三劑接種外還將改變旅客入境後的採檢模式。
陳時中說明旅客入境後必須住進集中檢疫所、防疫旅館並在第七、十天接受採檢由於此階段感染者的病毒量較高為避免病患將病毒帶入醫院將安排採檢人員至集中檢疫所、防疫旅館進行採檢現在已完成配對讓採檢報告能在一天內完成。
陳時中也提到Omicron的空氣傳播可能比較強由於秋冬期間大多民眾都關在室內民眾除注意通風外還要加強快篩雖然現在變異病毒對台灣還沒有影響年底的大型活動臨時變動的可能性不高但民眾仍要有心理準備。
陳時中指出一旦在邊境驗出Omicron病毒第一圈必須守很緊包含匡列對象須擴大二至三圈包含同班機旅客、防疫計程車等都要注意至於變更大型活動舉辦則是不得已的最後手段但現階段仍是防疫優先盼民眾能夠體諒。</t>
  </si>
  <si>
    <t>對於衛福部長陳時中 今日再次重申沒有所謂的「3+11」破口因為「3+11」的政策並沒有影響到社區一事網友砲轟「死了800多人沒有影響到社區？」「民進黨顛倒是非噁心至極」也有網否諷刺「這就是民進黨特色</t>
  </si>
  <si>
    <t>對於衛福部長陳時中 今日再次重申沒有所謂的「3+11」破口因為「3+11」的政策並沒有影響到社區一事網友砲轟「死了800多人沒有影響到社區？」「民進黨顛倒是非噁心至極」也有網否諷刺「這就是民進黨特色的負責法」、「民進黨嫌選票太多」「拜託這種話再講多一點」！
衛福部長陳時中 今（12）日再次重申沒有所謂的「3+11」破口因為「3+11」的政策並沒有影響到社區只是華航機組員與諾富特飯店的群聚事件。
陳時中 今天再度提及3+11的機組員防疫政策強調絕非造成國內大規模社區感染的破口只是一個與華航機組員、家人以及諾富特飯店有相關聯的群聚事件。
他說：「沒有所謂的3+11的破口3+11的政策並沒有影響到社區當然有一些機組員、家人、諾富特員工屬於一個群聚事件並非社區破口我要再澄清一下。」
對此PTT網友砲轟「死了800多人沒有影響到社區？」、「民進黨顛倒是非噁心至極」、「垃圾」、「睜眼說瞎話」、「病毒天上掉下來？」、「死800多人叫沒影響？」
也有網友諷刺「天降英國變種群聚感染」、「沒影響社區只是影響台灣」、「所以是無中生有？」、「會議記錄都沒有不承認很意外嗎」、「鬼月到了盡講些鬼話」、「有蟲洞？」、「原來這就是所謂負責」、「800人自然死亡？」、「果然是牙醫」、「幫民進黨敗票」、「民進黨嫌選票太多」、「這就是民進黨特色的負責法」、「拜託這種話再講多一點」！</t>
  </si>
  <si>
    <t>澳門已經許久沒有確診不少學生很困擾課程因此被耽誤？學界很關心是否有打算開放澳門民眾來台？陳時中 今天表示預計三月中可以來評估。中央流行疫情指揮中心指揮官陳時中表示澳門三月二日左右已經開始動工但</t>
  </si>
  <si>
    <t>澳門已經許久沒有確診不少學生很困擾課程因此被耽誤？學界很關心是否有打算開放澳門民眾來台？陳時中 今天表示預計三月中可以來評估。
中央流行疫情指揮中心指揮官陳時中表示澳門三月二日左右已經開始動工但學校也還沒有啟動因此至少要再觀察十四天從開放之後觀察十四天可能是三月中再來做詳細評估。
陳時中表示已經詢問教育部 教育部說有相關視訊方式可以維護他們受教權若是相關實習課程將來整個疫情趨緩後也可能可以補上目前持續觀察中。</t>
  </si>
  <si>
    <t>自5月中旬疫情爆發以來民眾出入公共場所都須實施實聯制國民黨立委蔣萬安今日在立法院質詢衛福部長陳時中時指出11月疫情警戒可能會降到一級到時實聯制是否還會持續？陳時中表示實聯制預計實施到明年中但隨時都可檢討。
陳時中 今（20）日在立法院接受質詢蔣萬安表示11月疫情警戒可能會降至1級若降級的話實聯制是否還需要執行？或規劃持續到什麼時候？陳時中回應目前規劃是到明年中但隨時都可以來檢討實聯制最大效果是針對個別疫調時能快速掌握現在個案確實很少要如何在個案減少時減輕費用負擔需要時又能及時啟動是現在需要思考的問題目前還沒有很好的解方但個案越來越少確實有討論必要。
蔣萬安追問因二級警戒目前延長到11月1日若警戒再降級實聯制還要持續嗎？陳時中說會再持續一段時間尤其在降級初期階段要先挺住等到穩定的時候再開放因為只要一降級或改變疫情管制措施就有可能釀新一波潛藏的傳播鏈到時候再啟動相關措施恐怕會太慢所以每降級一次就要把量能準備到最好。</t>
  </si>
  <si>
    <t>台灣本土疫情持續爆發昨天新增267例本土個案短短9天以來確診人數累積1291人中央流行疫情指揮中心今(20)日公佈國內新增295例286例本土；9例境外移入；確診個案中新增1例死亡(案2683)。今天再新增286例以新北市新增最多其次是臺北市。
有萬華活動史相關86例。雙北與萬華仍舊是重災區。關聯不明63例創下新高。新增案2683死亡個案在萬華工作的70多歲女性新增死亡個案累積15例。
指揮官陳時中 今天表示每天都200多接近300的數字在徘徊從開始到現在約略10天到14天比較可以看出趨勢目前看起來趨勢沒有急遽轉壞從篩檢陽性率來看臺北快篩數字從開始的18%上下到11%、97%、到前天的79%、前天51%到昨天已經降到46%篩檢數量都1000到1200。
陳時中說整體來說臺北市快篩找出的個案有58人雖然有時間的落差但可以看出篩檢站的地點還不錯。
不過他認為新北市的快篩目前設立在板橋、土城、永和等篩檢數目稍微少一點昨天量能開始增加檢查到600多位陽性率從一開始55也下降到29以板橋陽性率比較高一點。
陳時中說新北市可以考慮對病例高一點的確診高一點的要先把篩檢站先多設立下來因為新北幅員很大可能接觸者移動距離比較遠 也許會增加移動風險。
他還呼籲呼籲接下來後天是週末民眾要勤洗手避免外出沒有事情就待在安靜的地方會比較好也可以看看書。</t>
  </si>
  <si>
    <t>國內疫情雖趨緩但考量仍有零星不明感染源之本土病例中央流行疫情指揮中心宣佈二級警戒延長至10月4日根據二級警戒指引包括酒店、KTV、舞廳及遊藝場所等2大類別仍須關閉後續將視疫情發展做滾動式修訂。
原本到9月20日的二級警戒再次延長至10月4日指揮中心指揮官陳時中 今(19)日在疫情記者會中表示這次疫情警戒最大變動為相關人流管制最主要為室內80人、室外300人若室內空間很大以樓地板面積225平方公尺計算為1人不過原來不開放的場所依然維持不開放。
根據二級警戒完整指引仍須關閉的場所分為兩大類別包括歌廳、舞廳、夜總會、俱樂部、酒家、酒吧、酒店（廊）、錄影節目帶播映場所（MTV）、視聽歌唱場所（KTV）、理容院（觀光理髮、視聽理容）；另一類為遊藝場所、電子遊戲場、資訊休閒場所、麻將休閒館及其他類似場所仍持續關閉。
從本土疫情爆發以來八大行業至今停業已超過4個月有網友在PTT表示酒店小姐都要哭了原本以為只要停業2個月還可以靠吃老本撐過去不料一停就是4個月。媒體報導有酒店小姐因沒有存款撐不下去只好暫時轉行做外送員結果沒想到並沒有想像中好做最慘曾一天只賺到40元。</t>
  </si>
  <si>
    <t>彰化縣衛生局17日主動採驗由美返台的少年意外發現無症狀確診新冠肺炎個案衛福部長陳時中下令彰化縣政府政風處介入調查引發爭議。對此陳時中 今天親上廣播節目一次講清楚為何要由政風處來調查的原因。陳時中</t>
  </si>
  <si>
    <t>彰化縣衛生局17日主動採驗由美返台的少年意外發現無症狀確診新冠肺炎個案衛福部長陳時中下令彰化縣政府政風處介入調查引發爭議。對此陳時中 今天親上廣播節目一次講清楚為何要由政風處來調查的原因。
陳時中 今天上網路廣播節目《周玉蔻嗆新聞》接受周玉蔻採訪。對於近來因為下令政風處調查彰化縣的爭議議題陳時中也在節目上說明。陳時中直言目前最大的爭議就是政風處需不需要查？因為以指揮中心的職責他們必須要掌握所有的狀況如果所有的狀況沒有辦法掌握清楚那指揮中心就沒辦法做出正確的判斷。
陳時中更表示所謂的查是因為這跟程式不符譬如說發現一個無症狀者那彰化縣是用什麼方法？這個無症狀者是如何被找出來的？這對指揮中心後續如何找尋無症狀感染者可以提供參考。但是首先要先釐清手續和政策是否合規合矩這是需要釐清的方向。
「只是大家爭議的是為何是政風處」？陳時中直言政風處有一點被汙名化了。因為政風跟他們是不同體系是一條鞭的。他們的管理和人員都不是他們派的所以相對和他們沒有直接關係因此公正性會比較好。
其次陳時中更強調政風還有在查行政違常的部分。有時候相關的主管單位如果關係很親密就不容易把事實弄清楚這時就會請政風去瞭解一下。彰化的情形也是一樣因為如果由他們去查容易被影涉恐有吃案爭議發生如果這時請政風協助雖然會造成較大的壓力但是他和同仁討論過後認為重要的事實會清清楚楚展現出來社會自然就有個公平。
陳時中坦言這新聞一出來是「有一個居家檢疫的無症狀者被驗出來是陽性」。他就注意到居家檢疫者是不能任意外出檢疫者能外出就是覺得自己身體不舒服有就醫的必要時候就須打1922跟衛生相關單位聯繫由他們來安排就醫。既然是無症狀怎會打1922或是通知衛生局來安排就醫？
陳時中更表示這個病人並沒有違法。以目前情形來看是彰化縣衛生局可能有個計畫如果居家檢疫者願意的話就安排採檢但這過程就會產生很多問題。他之所以啟動政風調查是因為事後當防疫單位去尋問來龍去脈結果病人（指該確診少年）有回憶起來兩天前有咳嗽。陳時中說這句話是蠻嚴重的但這位病人所言到底是不是事實、這會牽扯到究竟是無症狀還是有症狀的感染這部分都還要再深入瞭解。
陳時中強調這會讓他聯想到之前第一波的疫調的時候都說是無症狀那等到好像覺得程式有問題的時候又開始說可能是有症狀這種事情是會沒完沒了。所以他必須要讓事實呈現清楚。至於何時能查清楚政風說5天但他希望能更快。</t>
  </si>
  <si>
    <t>台灣到底有沒有通知世衛組織新冠肺炎會人傳人？秘書長譚德塞說沒有但疫情指揮官陳時中說病患有「隔離治療」公衛專業人員即能研判有「人傳人」的可能。而目前可以找到的資料最早提到「人傳人」的是香港醫師何栢良。
去年12月31日武漢發生7例非典型肺炎案例並接受隔離治療台灣在同日（12月31日）以電子郵件通報世界衛生組織(WHO)有提及病患正在進行「隔離治療」希望WHO提高警覺要求其提供進一步資訊。
世界衛生組織（WHO）秘書長譚德塞宣稱並未忽視台灣對新冠肺炎疫情的警示但指出當時台灣的電郵並沒有提到「人傳人」的危險。
中央流行疫情指揮中心指揮官陳時中 今（11）日表示我方在電郵中特別提及「病患已進行隔離治療」公衛專業人員即能由此研判該等病例有「人傳人」的可能但台灣當時尚未有確診病例無法直接明示該疾病已人傳人。
不過到目前為止可以找到的新聞資料最早提到「人傳人」字眼的是香港醫師何栢良。
根據《自由亞洲電台》報導香港大學感染及傳染病中心總監何栢良2020年1月1日在香港電台節目《千禧年代》表示「現階段不適合下結論指不會人傳人」。
另據《東網》1月4日報導何栢良1月4日出席電台節目時表示「有充分理由相信當地發生懷疑人傳人情況」。
何栢良當時強調這次是重大傳染病事件涉及呼吸道新病毒屬於接觸傳染亦無藥物治療呼籲香港市民要提升個人衞生措施到人多地方和醫院時要戴口罩。
據瞭解香港第一起新冠肺炎確診病例據《風傳媒》1月22日報導是一位39歲患者1月21日由武漢搭乘高鐵最後抵達西九龍站檢測後新冠病毒呈現陽性。</t>
  </si>
  <si>
    <t>北市推行疫苗護照擬採納科興、國藥兩款大陸疫苗臺北市長柯文哲昨天主張與世界衛生組織（WHO）接軌認可大陸疫苗效力。衛福部長陳時中 今天則說疫苗護照原則上與WHO接軌但還要考量我國核發的緊急使用授權（EU</t>
  </si>
  <si>
    <t>北市推行疫苗護照擬採納科興、國藥兩款大陸疫苗臺北市長柯文哲昨天主張與世界衛生組織（WHO）接軌認可大陸疫苗效力。衛福部長陳時中 今天則說疫苗護照原則上與WHO接軌但還要考量我國核發的緊急使用授權（EUA）築起另一道防線。
柯文哲昨天在議會備詢時表示推行疫苗護照應採納WHO標準春節很多台商要從大陸回來將來疫苗護照上路接種科興、國藥疫苗的民眾權益應獲保障。
陳時中 今在立法院衛環委員會前接受訪問時指出疫苗護照的相關政策都還在討論中原則上會採納WHO標準另外還會考量國內核發的EUA情形。
對於日本首波邊境開放不含台灣不認我方小黃卡陳時中也解釋這是因為日本沒有做數位認證目前雙方對紙本內容都還在討論中相信很快就會有新進度。
至於數位認證何時才能出爐？陳時中說主要的規格架構都做好了目前都還在跟其他地方談最主要還是要有人認才能用。
高雄市長陳其邁昨拋出春節期間居家檢疫一律回歸14天陳時中回應10＋4的檢疫模式只是提供民眾一個選擇若地方政府仍堅持14天也可行。</t>
  </si>
  <si>
    <t>北市 推行 疫苗 護照 擬 採納 科興 國藥 兩 款 大陸 疫苗 臺北市 長 柯文哲 昨天 主張 與 世界衛生組織 who 接軌 認可 大陸 疫苗 效力 衛福 部長 陳時中 今天 則 說 疫苗 護照 原則 上 與 who 接軌 但 還要 考量 我國 核發 的 緊急 使用 授權 eua 築 起 另 一道 防線 柯文哲 昨天 在 議會 備詢 時 表示 推行 疫苗 護照 應 採納 who 標準 春節 很多 台商 要 從 大陸 回來 將來 疫苗 護照 上路 接種 科興 國藥 疫苗 的 民眾 權益 應獲 保障 陳時中 今 在 立 法院 衛環 委員 會前 接受 訪問 時 指出 疫苗 護照 的 相關 政策 都還 在 討論 中 原則 上會 採納 who 標準 另外 還 會 考量 國內 核發 的 eua 情形 對於 日本 首 波 邊境 開放 不含 臺灣 不 認 我方 小 黃卡 陳時中 也 解釋 這 是 因為 日本 沒有 做 數位 認證 目前 雙方 對 紙本 內容 都還 在 討論 中 相信 很快 就 會 有 新 進度 至於 數位 認證 何時 才能 出爐 陳時中 說 主要 的 規格 架構 都 做 好 了目前 都還 在 跟 其他 地方 談 最 主要 還 是 要 有人 認 才能 用 高雄 市長 陳其邁 昨 拋 出 春節 期間 居家 檢疫 一律 回歸 14 天 陳時中 回應 10 4 的 檢疫 模式 只是 提供 民眾 一個 選擇 若 地方 政府 仍 堅持 14 天 也 可 行</t>
  </si>
  <si>
    <t>衛福部長陳時中 今拍板下令十二月一日起海外國人若無核酸檢測證明不得返國被外界指有違憲疑慮。對此前立委沈富雄分析新冠肺炎疫情後得出3個結論並批評陳時中是嚇破了膽只能一昧守成完全沒有應變能力。沈</t>
  </si>
  <si>
    <t>衛福部長陳時中 今拍板下令十二月一日起海外國人若無核酸檢測證明不得返國被外界指有違憲疑慮。對此前立委沈富雄分析新冠肺炎疫情後得出3個結論並批評陳時中是嚇破了膽只能一昧守成完全沒有應變能力。
沈富雄今(25日)在臉書上表示這個病老的不能得未老的得了等於在打疫苗他指出第一波疫情的慘狀深深影響了各國處理的態度及策略佛系與否都有嚴重的失誤以至於整整十個月後全球仍飽受第三波疫情之苦而當時沈富雄就斷言人類對這個病的真面目尚未認清尤其對病毒的習性及生態沒有完全瞭解假以時日這個病會非常近似「類流感」。
沈富雄還結合美國的疫情進行分析並提出3個結論：
一、首波疫情的猛烈使我們看錯了它的真面目諸多過當及不足的政策導致不必要的封城及經濟的衰退付出了過高的社會成本。
二、60歲以上的老人應全面帶口罩及打疫苗今年這群老人流感疫苗的施打率僅49%明年春天對他們施打疫苗是重中之重的防疫重點。
三、60歲以下者是否帶口罩及打疫苗可以隨意對超過人口一半的此一族群新冠肺炎雖非癬疥小疾但應以「類流感」或「流感化」視之得了等於老天在啟動「herd immunization」只要老人顧得好經濟活動應維持正常。
最後沈富雄也說陳時中部長是嚇破了膽只能一昧守成完全沒有應變能力。
這個病老的不能得未老的得了等於在打疫苗
今年二、三月間新冠肺炎在武漢爆發疫情接著在義大利、西班牙大舉肆虐因為這是前所未見的新病醫界措手不及而且得病者集中在老年人所以我們目睹的是方艙醫院在匆忙中建立火葬場的煙囪白煙日夜不</t>
  </si>
  <si>
    <t>國內口罩產量雖已提升但民眾仍僅能每兩周購買一次仍然必須樽節使用中央流行疫情指揮中心今天示範如何用電鍋乾蒸口罩殺菌呼籲民眾多加利用家中電鍋殺菌口罩延長使用壽命。馬上用電鍋乾蒸8分鐘後陳時中馬上試戴大讚「熱熱的不錯」。
今天疫情指揮中心現場示範如何乾蒸口罩消毒先是在內鍋裡放鍋架再放入電鍋不能放水按下開關後等3分鐘跳起再悶5分鐘後就完成。陳時中表示沒實際操作一次還不知道鍋架要放內鍋裡。被研究組副組長吳秀梅笑說「部長是不是沒煮過飯？」
指揮中心表示透過電鍋乾蒸口罩確實能延長口罩的使用時間乾蒸後的口罩對細菌的過濾效率仍然能維持在99％以上因此民眾可無須擔心乾蒸後的口罩性能會大幅衰退。
指揮中心指出之所以用電鍋乾蒸是因為加水會影響口罩的靜電層材質此外用酒精消毒、或是在電鍋內加入精油等方式都不適宜若口罩有明顯髒汙、破損也不建議使用電鍋乾蒸。
衛福部食藥署說明電鍋乾蒸口罩是經實驗證實有效但其他如烤箱、微波爐、氣炸鍋、負離子吹風機、殺菌型烘碗機部分電器雖看似有效但因操作不當恐發生危險且尚需實驗證實因此暫不推薦民眾使用。
至於乾蒸後的口罩會不會有味道？指揮中心強調口罩戴久有異味是因口水上的細菌繁殖所造成透過電鍋乾蒸後可殺死細菌口罩也不會有任何異味指揮官陳時中 今也在記者會上試戴乾蒸後的口罩掛保證表示乾蒸後的口罩完全無異味。
一般民眾平日使用完口罩該如何保存？指揮中心表示不建議使用後的口罩放在夾鏈袋內因為會加速細菌的繁殖速度建議可用紙袋等有開口的袋子包裝在放入口袋等收納空間保存。
中山醫學大學賴全裕副教授指出內鍋壁溫度達180度左右病毒都殺死了有疑慮就洗一洗不必買新的電鍋蒸菜。有化學物質的都不建議噴灑在口罩去除氣味。</t>
  </si>
  <si>
    <t>國內拼疫苗人口涵蓋率但基層診所協助打疫苗卻沒收入日前中央流行疫情指揮中心表示將提高基層院所的疫苗處置費但至今仍未發放。中央流行疫情指揮中心指揮官陳時中 今（11日）說明將在下週一（8月16日）核付給</t>
  </si>
  <si>
    <t>國內拼疫苗人口涵蓋率但基層診所協助打疫苗卻沒收入日前中央流行疫情指揮中心表示將提高基層院所的疫苗處置費但至今仍未發放。中央流行疫情指揮中心指揮官陳時中 今（11日）說明將在下週一（8月16日）核付給各醫療院所。
陳時中表示3月22日到6月30日的疫苗處置費現在是委託健保署來發放；8月9日已行文給健保署12日會把款項撥付給健保署再由健保署於16日核付給各醫院。
他坦言「這段時間作業比較慢」以後對於疫苗處置費和人次獎勵費用會採用每月結算方式發放；7月的疫苗處置費及6到7月的接種人次獎勵費用預計在8月底前撥付；至於績效表現優良的獎勵採按季來結算6到9月為一期10月來撥付。</t>
  </si>
  <si>
    <t>鴻海集團創辦人郭台銘日前透過永齡基金會向食藥署遞件盼能引進500萬劑輝瑞／BNT疫苗剛開始指揮官陳時中指申請文件缺原廠授權書且必須由政府簽約前天終於鬆口只要藥廠出具原廠資料民間可自行簽約今天陳時中再度透露新進度指郭台銘方面已來函討論相關的法律檔鴻海方面盼能保留一部分疫苗供員工使用但重點還是要先取得原廠供貨證明其他都可以討論。
郭台銘上月對外表示願意協助中央購買500萬劑的輝瑞／BNT疫苗也依照指揮中心所需的8大申請文件遞件但指揮中心收件後卻以缺少原廠授權書為由卡關並堅持由政府簽約引發中央有意刁難的爭議。陳時中於12日的記者會鬆口同意附條件專案進口BNT疫苗只要藥廠願意提供原廠資料政府就准疫苗輸入且只要郭台銘簽約即可。
陳時中 今天再度透露雙方的最新進度指郭台銘方面已來函討論相關法律檔鴻海盼能保留一部分疫苗供員工使用但重點還是要先取得原廠供貨證明其他都可以討論。</t>
  </si>
  <si>
    <t>今天中午有265萬劑AZ到台灣效期到今年12月7日使用上沒有問題目前訂貨的1000萬來了267萬劑AZ疫苗包括日本贈送的有500多萬劑、近600萬劑。
中央流行疫情指揮中心指揮官陳時中表示依目前進貨量來AZ疫苗主要安排在第七輪接種主要是擴大第一劑量能也會保留一定比率給想要第二劑的長者施打。
近來有教師團體反映8月新進教師、代理教師沒有疫苗可施打近來教育部造冊施打疫苗外界關心是哪個廠牌的疫苗中央流行疫情指揮中心指揮官陳時中表示「分的是AZ疫苗」。
陳時中 今天表示針對今年8月1日後新進教師、代理代課教師、實習教師、特教助理員、團膳業者服務等人員總共配了2萬9600劑已經在8月26日配送下去。
陳時中指出這兩天會跟大家來報告第七輪施打規劃在等疫苗有沒有到有期待但沒把握要確定量能比較好希望在可以的範圍內不用一直改。</t>
  </si>
  <si>
    <t>政府施行口罩限量實名採購制以來許多都會區民眾仍須要排很久的隊才能買到或甚至買不到但隨著口罩產量日增衛福部長陳時中 今天表示考慮在學校配送口罩讓家長不用去外面藥局買此外也考慮針對企業施行預約制</t>
  </si>
  <si>
    <t>政府施行口罩限量實名採購制以來許多都會區民眾仍須要排很久的隊才能買到或甚至買不到但隨著口罩產量日增衛福部長陳時中 今天表示考慮在學校配送口罩讓家長不用去外面藥局買此外也考慮針對企業施行預約制。
立法院今日召開財政委員會民眾黨立委高虹安質詢時談到各地藥局口罩供需情況失衡有些地方民眾買不到的問題她表示陳時中說過會滾動檢討口罩配送是否調整甚麼時候會做滾動式檢討對配送點真實需求做調整？
陳時中回稱剛開始實施實名制時用藥局分配一開始口罩總量不足但後來確實有些地方的藥局沒賣完上周就開始對這些藥局減發。至於要多發的部分有點困難因為要跟藥局與藥師公會協商而也許有人覺得太忙碌。
陳時中說為了讓藥局的工作不要太過繁重 如今在思考三個方向首先對於專業需求增加配送；其次對學校配送讓家長不用去外面幫孩子買；第三企業也許可以採用預約制這樣也不用去外面買。而身障民眾在專業配送的部分將會給予他們。希望藉此讓藥局維持現在的工作量。然後針對一些賣出口罩量較多的藥局如果他們願意政府會多付一些工本請一些工讀生協助處理口罩。</t>
  </si>
  <si>
    <t>第56屆金鐘獎頒獎典禮於2日舉行電視劇《斯卡羅》的導演曹瑞原擔任本屆金鐘獎擔任評審委員會主委以及金鐘典禮頒獎人他在頒發最後2個獎項時向衛福部長陳時中喊話希望找衛福部來拍片對此陳時中回應找羅一鈞比較好。
全球受到新冠肺炎影響各行各業都遭受到嚴重波及《斯卡羅》導演曹瑞原昨晚在頒發戲劇節目獎前時特別向衛福部長陳時中部長喊話他說「今天各位可以坐在這裡都是因為你們背後有一個很強很強的TEAM(團隊)這2年我也想感謝陳時中部長的衛福部我下次真的很想找他們來拍片」。
陳時中 今天回應非常謝謝曹導演的善意「但我們都覺得請羅一鈞比較好啦」。坦言看到曹瑞原這樣說心中覺得很暖和至於為何要推薦疾管署副署長羅一鈞？他說因為顏值可看性都比較高不用問也知道所以才說要找羅一鈞。
媒體問羅一鈞意願？陳時中代替羅回答「兼職也要我准才可以」。</t>
  </si>
  <si>
    <t>高端疫苗昨天登上公費疫苗接種意願登記平臺開放民眾選擇施打總統蔡英文也在第一時間上網登記並選擇高端疫苗。外界關心到時候要如何安排總統接種？衛福部長陳時中 今天表示總統上網登記意願後仍循一般的接種模</t>
  </si>
  <si>
    <t>高端疫苗昨天登上公費疫苗接種意願登記平臺開放民眾選擇施打總統蔡英文也在第一時間上網登記並選擇高端疫苗。外界關心到時候要如何安排總統接種？衛福部長陳時中 今天表示總統上網登記意願後仍循一般的接種模式要等開放預約後才能上網預約所以到時候要「麻煩總統趕快上去預約」。
陳時中表示總統現在已經上意願登記平臺完成登記接下來就是等開放預約到時候要麻煩總統趕快上去意願登記進行預約之後才能安排施打。
除總統外副總統賴清德也表示要等聯亞疫苗出爐後進行接種。但陳時中 今天說要感謝總統、副總統對國內生技產業的關心與支持但相關審查不會因為總統、副總統想打就趕快通過。
陳時中表示「這是兩件事總統、副總統表達愛護是很好但審查是否通過這屬於專業的事情必須交給專家研判。」
有網友擔憂先前登記莫德納疫苗的由於遲遲等不到疫苗最後恐怕只能選擇高端變成疫苗白老鼠。陳時中對此解釋沒人會自己跑去做白老鼠這是別人有這樣的誤解「有登記高端的人都是對高端很有信心就如同登記打莫德納、AZ都是對這兩個疫苗有信心。」</t>
  </si>
  <si>
    <t>台灣出現首起院內感染導致1醫師染疫更造成社區感染其護理師女友也確診中央流行疫情指揮中心表示針對該起感染事件院內接觸者468人都採檢完畢全部陰性社區採檢除了護理師女友外其他54人也都是陰性。院方也提供全院篩檢計畫普篩全院2500人但專家認為第一圈採檢是全陰性該醫院員工以及相關外包廠商只需再篩檢300~400人即可。
指揮官陳時中 今表示案例838839醫護情侶兩人的接觸者總採檢以及再增4名行政人員目前468人採檢完畢都是陰性。社區部分應採人數55人也全數採驗完畢都是陰性還有4名老師也是陰性。陳強調這是不幸的大幸「周圍第一圈沒有確診者」。
陳時中表示醫院也已經訂出全院篩檢的計畫中午請專家檢視但認為既然第一圈都是陰性其他離很遠的人沒有篩檢的必要性會做出刪減。
專家小組召集人張上淳表示該醫院提出的擴大篩檢計畫昨天中午找了該區指揮官以及對於疫情調查有經驗的幾位專家做詳細的討論基本上專家們都認為過去疫情調查很清楚該匡列的人員以及擴大篩檢的468人已經很完整。
原訂該院全院檢查擬定計畫做以最大範圍的可能性來做採檢。根據統計該院總人數是2200加上外包廠商共2500人。
但基於專家希望讓部分同仁可以更安心社會也有期待以及同部門醫護短時間內不再擔心最後還是決定擴大範圍篩檢300~400人相信基本上不會有問題明天開始啟動。
張上淳說密切接觸者都匡列在468人之中全院同仁的健康都會密切監測隨時檢討、採檢專家建議只要有疑慮就採檢。
陳時中表示密切接觸者468人也有複查其中77人被認定需要二採結果也是陰性再根據調查結果決定來做全院擴大採檢。
從原本「全院普篩」變成「擴大篩檢」陳時中強調這是專家意見作業原則會經過專家討論和檢討做出最適宜的相關方案。</t>
  </si>
  <si>
    <t>今起接種完整兩劑疫苗者且相隔14天的民眾可選擇7+7方案入境為此臺北副市長黃珊珊今淩晨在臉書有感而發說「天佑台灣！」而根據指揮中心統計春節專案開放首日入境總人數為826人其中就有557人選擇「7+7」專案佔了整體入境者的68％。
中央流行疫情指揮中心指揮官陳時中 今表示春節三大方案的入境人數A方案（14+0+7）共177人佔21％B方案（10+4+7）共92人佔11％C方案（7＋7）共557人佔68％。其中選擇7+7方案的人最多第一天826人返台就有557人選擇。
而臺北市副市長黃珊珊今淩晨在臉書上表示今起入境者可選用「10+4」與「7+7」專案讓她直言「不知道這個無法挽回的決策會讓台灣付出多大的代價天佑台灣！」對此陳時中則回應說政策都是滾動式檢討目前Omicron的發展態勢對於疫苗保護力降低今英國又爆出一名死亡案例但也沒有較高的致死率和重症率所以我們還是嚴整以待。
對於春節返台人數沒有暴增陳時中坦言這幾天也確實因為Omicron讓世界旅行移動變得不方便可能沒有暴增預約的狀況。
面對黃珊珊的擔憂陳時中則說其實只要後面7天的居家檢疫可做完整基本上就不用太擔心而這兩年來台灣一直都有在做居家檢疫包括電子圍籬、社政體系的關懷其實這些都已經很熟稔所以對這樣的防疫政策他其實是有信心的。</t>
  </si>
  <si>
    <t>衛福部長陳時中 今表示高端疫苗通過緊急使用授權（EUA）後最快8月就能供貨對此資深媒體人羅友志譏諷「高端過了小白們袖子挽起來」。陳時中在今（19日）記者會上表示高端疫苗通過緊急使用授權（EUA）後</t>
  </si>
  <si>
    <t>衛福部長陳時中 今表示高端疫苗通過緊急使用授權（EUA）後最快8月就能供貨對此資深媒體人羅友志譏諷「高端過了小白們袖子挽起來」。
陳時中在今（19日）記者會上表示高端疫苗通過緊急使用授權（EUA）後最快8月就能開始少量供貨不過由於高端公司的疫苗生產反應爐較小若要擴大產能還需要花一點時間因此目前所能提供的量比較少不過新的製程也正在如火如荼進行中。
另外陳時中也強調高端疫苗正式應用到國人身上最後還要經過ACIP開會決議最快八月中可打到至於聯亞疫苗目前也在積極審查中。
針對高端疫苗通過緊急使用授權一事羅友志隨即在臉書狠酸「高端過了小白們袖子挽起來」許多網友也在其PO文底下留言表示「覺青們報效蔡皇的時候到了」、「817表示我本來想打但是預約系統沒有這個選項最後不得已只好選擇國外疫苗」、「宣誓非高端不打的人快去預約喔」、「直接不演了直球對決」、「817快上啊」。
另有網友跟焦糖哥哥陳嘉行喊話「焦糖有疫苗可用了AZ別打了」因為陳嘉行過往曾表態自己想打國產高端疫苗但最後預約AZ疫苗引發輿論譁然。對於遭到網友點名陳嘉行立即在臉書發文反擊稱「我的身體我作主我想打什麼是我的自由幹你（妳）屁事」。</t>
  </si>
  <si>
    <t>衛福部長陳時中 今(23)日表示「口罩實名制20」將於3月25日（本週三）起進行第二輪線上預購歡迎有需求的民眾上網訂購。指揮中心指出第二輪預購流程與第一輪相同期程縮短使民眾可儘早取得口罩。將從25日（周</t>
  </si>
  <si>
    <t>衛福部長陳時中 今(23)日表示「口罩實名制20」將於3月25日（本週三）起進行第二輪線上預購歡迎有需求的民眾上網訂購。
指揮中心指出第二輪預購流程與第一輪相同期程縮短使民眾可儘早取得口罩。將從25日（週三）上午8時至27日（週五）晚上8時使用健保卡、自然人憑證或健保快易通APP進行認證預購。
指揮中心說成功預購者必須在28日（週六）上午8時至30日（週一）晚上8時期間以 ATM轉帳、信用卡方式完成付款。交易成功後3月31日（週二）至4月1日（週三）以簡訊發送取貨序號。
接著民眾可於4月2日（週四）至4月8日（週三）持序號及訂購人證件（身分證、健保卡或駕照）至指定取貨超商的Kiosk服務機台（如：ibon、FamiPort、Life-ET、OKgo）輸入取貨序號及身分證字號後列印取貨單（小白單）至超商櫃台領取口罩。</t>
  </si>
  <si>
    <t>陸配子女回台政策從開放到宣佈撤回一日四變、兩度急轉彎政策形成之前上演衛福部長陳時中打臉陸委會主委陳明通的戲碼兩部會是否溝通失效政府部門是專業還是看風向來決定疫情走向？陳時中 今天坦言兩個部會</t>
  </si>
  <si>
    <t>陸配子女回台政策從開放到宣佈撤回一日四變、兩度急轉彎政策形成之前上演衛福部長陳時中打臉陸委會主委陳明通的戲碼兩部會是否溝通失效政府部門是專業還是看風向來決定疫情走向？陳時中 今天坦言兩個部會看法不同但他認為「沒有道理父母把他丟包國家一定要收起來」講完後立刻宣佈結束記者會不再開放提問。
中央流行疫情指揮中心指揮官、衛福部長陳時中以一席「國籍自己選的、要自己承擔」以國人優先立場撤回陸委會開放陸配子女回台的入境管制措施贏得輿論一致好評但仍有聲音質疑難道政策宣佈前指揮中心毫不知情嗎？是否是看風向做決策？
今天下午指揮中心例行疫情記者會上陸委會沒有列席因此由陳時中回應表示兩個部會裡面有看法不同陸委會收到相關陳情、相關情況就這些情況做出決定但就事論事「我沒有看到這些情況會發生」首先若是大人小孩一起回來遭擋自然父母該跟著留在那裡照顧沒有道理父母把他丟包國家一定要把他收起來個自要負責。
陳時中又再舉例相信不會有父母把沒有生活能力的孩子不管是遊玩或探親就這樣丟在那裡再叫孩子自己搭飛機回台灣因此他認為事實上陸委會原擔憂的狀況「這些情形是不會有的」。
陳時中表示禁令不是永久的只是在疫情嚴峻的時候沒辦法暫行的措施而已不是以後永久都不能來在這疫情嚴重的時候他不希望防疫有破口並盼大家都盡一點責任要盡責的人很多不管是第一線工作人員或遭居家檢疫、居家隔離者也是在盡責他們也沒有錯只是經過疫區就要被隔離大家多出一點力氣防疫這條線不容易守但守住了就非常有意義。
回答完後陳時中便宣佈記者會結束表示不再接受提問。</t>
  </si>
  <si>
    <t>國內疫情趨緩兒童樂園已經開放但公園的遊樂設施卻還不能用家長難以認同。指揮中心指揮官陳時中 今天表示並未禁止公園的遊樂設施不能開放因此將跟地方政府反映只要防疫做得好開放沒問題。對於是否將雙北</t>
  </si>
  <si>
    <t>開放不能公園遊樂設施兒童樂園問題已經做得好防疫指揮官中心陳時中 今天指揮認同表示難以地方並未家長禁止對於反映政府</t>
  </si>
  <si>
    <t>國內疫情趨緩兒童樂園已經開放但公園的遊樂設施卻還不能用家長難以認同。指揮中心指揮官陳時中 今天表示並未禁止公園的遊樂設施不能開放因此將跟地方政府反映只要防疫做得好開放沒問題。
對於是否將雙北從「中高風險區」降為「中度風險區」陳時中說要大幅降低疫情警戒需要考慮到疫苗的供應、國際疫情狀況及是否爆發本土疫情等雙北現在每天出現的都是零星確診個案因此將在維持疫情二級警戒下讓民眾的生活盡量正常。
此外9月1日中小學開學但負責營養午餐的團膳業的成員卻還沒打疫苗他們希望指揮中心安排讓3000個團膳業的成員可以專案施打疫苗。陳時中表示將會和教育部協商看要怎麼處理。
有家長反應開學後小朋友在吃午餐學校要求自備隔板但現在市場上根本買不到怎麼辦？陳時中說對於學校的規定家長若有能力可以盡量配合若辦不到就由學校幫大家準備來解決問題。</t>
  </si>
  <si>
    <t>衛福部長陳時中 今(2)日公佈國內出現第41例COVID-19(新冠肺炎)病例為「案34」的女兒(20多歲)近期無旅遊史除自身有過敏體質外無任何不適症狀。然而這位第41例確診者於2月15～26日間曾多次至病房陪伴她的</t>
  </si>
  <si>
    <t>衛福部長陳時中 今(2)日公佈國內出現第41例COVID-19(新冠肺炎)病例為「案34」的女兒(20多歲)近期無旅遊史除自身有過敏體質外無任何不適症狀。然而這位第41例確診者於2月15～26日間曾多次至病房陪伴她的母親（案34）並且協助盥洗2月28日經衛生單位安排接觸者採檢及住院隔離一採陰性但二採呈現陽性於今日確診。
指揮中心表示因應本起群聚已於2月28日至3月1日陸續完成醫院急診、案34確診前住院病房之清潔消毒經再次採驗環境檢體結果均為陰性。另針對本起群聚截至目前已掌握接觸者共289人並採檢231人其中5人確診、197人陰性、其餘檢驗中將密切追蹤這些接觸者之健康情形。
指揮中心統計國際間累計8233例確診病例分佈65個國家/地區；病例數以韓國3736例、義大利1577例、伊朗978例、日本鑽石公主號687例(含本國籍5例)及日本253例為多；病例中126例死亡其中伊朗54例、義大利34例、韓國18例、鑽石公主號6例、日本6例、香港2例、法國2例、澳洲1例、菲律賓1例、泰國1例、美國1例。</t>
  </si>
  <si>
    <t>新北某幼兒園爆發新冠肺炎群聚今增8位幼童、1名成人確診衛福部長陳時中更坦言未來陽性個案可能更多。國外也有研究指出幼童傳播新冠肺炎的機率高於青少年成人須更小心防範避免家戶感染、社區感染擴大。
中時新聞網曾報導「幼童易傳播新冠肺炎 醫揭研究示警：0至3歲機率最高」林口長庚兒科醫師吳昌騰引用加拿大公共衛生機構研究結果指273%的家庭會發生兒童造成家戶感染的情形其中0至3歲幼童造成家戶感染的機率比14至17歲的青少年高出約40%。
研究推論指出因幼童需要家長們密切接觸的照顧但一旦幼兒被感染會有更高機率將病毒傳播給家中成員因此家長或照顧者應該意識到病毒傳播風險避免造成家庭成員感染擴大。
毒物專家招名威今也在臉書發文寫道雖然小朋友染疫重症或死亡的機率偏低但萬一把病毒帶回家感染阿公阿嬤後果不堪設想。他也疾呼就算打過疫苗的大人有症狀就該篩檢「悶不吭聲病毒不會消失狀況只會更糟」。
陳時中 今在記者會上表示新北幼兒園新增9例確診其中一位為幼兒的母親其他8名都是幼兒感染源應為幼兒園老師案16129幼兒園老師從8月27日就有症狀8月30日就有嗅味覺的問題9月4日做篩檢才確診。
★《中時新聞網》提醒您：因應新冠肺炎疫情疾管署持續加強疫情監測與邊境管制措施 如有疑似症狀請撥打：1922專線或0800-001922並依指示配戴口罩儘速就醫同時主動告知醫師旅遊史及接觸史以利及時診斷及通報。</t>
  </si>
  <si>
    <t>新北 某 幼稚園 爆發 新冠肺炎 群 聚 今 增 8 位 幼童 1 名 成人 確診 衛福 部長 陳時中 更 坦言 未來 陽性 個案 可能 更 多 國外 也 有 研究 指出 幼童 傳播 新冠肺炎 的 機 率 高於 青少年 成人須 更 小心 防範 避免 家戶 感染 社區 感染 擴大 中 時 新聞網 曾 報導 幼童 易 傳播 新冠肺炎 醫 揭 研究 示 警 0 至 3 歲 機 率 最高 林 口 長 庚 兒科 醫師 吳昌騰 引用 加拿大 公共 衛生機構 研究 結果 指 273 的 家庭會 發生 兒童 造成 家戶 感染 的 情形 其中 0 至 3 歲 幼童 造成 家戶 感染 的 機 率 比 14 至 17 歲 的 青少年 高出 約 40 研究 推論 指出 因 幼童 需要 家長 們 密切接觸 的 照顧 但 一旦 幼兒 被 感染 會 有 更 高機 率 將 病毒傳播 給 家中 成員 因此 家長 或 照顧 者 應該 意識 到 病毒傳播 風險 避免 造成 家庭成員 感染 擴大 毒物 專家 招名威 今 也 在 臉書 發文 寫道 雖然 小朋友 染疫 重症 或 死亡 的 機 率 偏 低 但萬一 把 病毒 帶回家 感染 阿公 阿 嬤 後果 不堪設想 他 也 疾呼 就算 打過 疫苗 的 大人 有 症狀 就 該 篩檢 悶 不吭聲 病毒 不 會 消失 狀況 只 會 更糟 陳時中 今 在 記者會 上 表示 新北 幼稚園 新增 9 例 確診 其中 一 位 為 幼兒 的 母親 其他 8 名都 是 幼兒 感染 源 應為 幼稚園 老師 案 16129 幼稚園 老師 從 8 月 27 日 就 有 症狀 8 月 30 日 就 有 嗅 味覺 的 問題 9 月 4 日 做 篩檢 才 確診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中央流行疫情指揮中心宣佈無陪侍服務的歌聽、舞廳、夜總會等八大行業11月2日起只要符合防疫規定可有條件開放營業至於有陪侍服務的業者預計11月16日解禁不過顧客必須符合一個關鍵「低消」條件也就是至少接種一劑疫苗並滿14天以上才放行。
因應國內疫情趨緩中央流行疫情指揮中心指揮官陳時中 今(28)日在疫情記者會上宣佈11月2日起無陪侍服務的夜總會、酒家、酒吧與理容院等八大場所可有條件開放有陪侍服務則規劃於16日解禁。
經濟部商業司長蘇文玲表示八大行業須符合實聯制、量體溫、戴口罩、環境清消等4大原則此外也要經地方政府核准並依照相關餐飲等防疫指引。值得注意的是八大行業從業人員與顧客都須至少接種1劑疫苗且滿14天。
八大行業從業人員首次提供服務前要提供3天內抗原快篩或PCR陰性證明未完整接種2劑疫苗的從業人員須每週1次抗原快篩或PCR採檢；而顧客也應提供至少接種1劑疫苗證明且滿14天。11月16日起有陪侍服務且符合上述防疫規定者才能開放營業。
至於萬華茶室是否符合無陪侍服務定義？媒體詢問若陪侍者假扮成客人是否可藉此躲掉稽查？陳時中則回應這樣就太輕忽稽查人員的能力了因為基本上員警進去不用看用聞的就知道。此外對於KTV開放可脫口罩飲食後是否也可飲酒？蘇文玲說飲食開放後飲酒就不會再特別限制。
※中時新聞網關心您：喝酒過量有礙健康
※中時新聞網提醒您：酒後不開車安全有保障</t>
  </si>
  <si>
    <t>國內爆發首起院內感染感染科專家黃立民呼籲民眾出門就要戴口罩中央流行疫情指揮中心指揮官陳時中 今天呼籲民意代表暫停「跑攤」並以台語說「不跑攤不失禮啦」並強調「對於密閉不通風的地方大家態度要</t>
  </si>
  <si>
    <t>國內爆發首起院內感染感染科專家黃立民呼籲民眾出門就要戴口罩中央流行疫情指揮中心指揮官陳時中 今天呼籲民意代表暫停「跑攤」並以台語說「不跑攤不失禮啦」並強調「對於密閉不通風的地方大家態度要更嚴格一點」。
陳時中表示目前戴口罩的方向和政策目前都沒有變但民眾對於密閉不通風的地方大家態度要「更嚴格一點」若非要參加有不特定對象需要很密集近距離接觸時的場合時一定要戴口罩。
但何謂密閉空間？記者以記者會舉行地點指揮中心的大禮堂為例問？中央流行疫情指揮中心應變官莊人祥回說：「這裡通氣應該還可以啦」。並強調參加集會活動是有沒有交談有關目前要不要戴口罩仍是針對有沒有呼吸道疾病者且美國疾管署的對外說法和我們說法一樣如果有慢性病、呼吸道疾病者要戴口罩是保護自己也保護別人。</t>
  </si>
  <si>
    <t>春節返台檢疫措施提前12月14日上路但不少旅外國人最近規劃回台時卻發現已經訂不到防疫旅館。衛福部長陳時中 今天在立法院接受質詢時表示春節期間4萬人返台「應該是低估了」他也透露昨天疫情指揮中心已簽核外</t>
  </si>
  <si>
    <t>返台春節中心指揮疫情昨天透露低估上路應該旅館衛福防疫提前部長陳時中 今天外國人最近規劃已經</t>
  </si>
  <si>
    <t>春節返台檢疫措施提前12月14日上路但不少旅外國人最近規劃回台時卻發現已經訂不到防疫旅館。衛福部長陳時中 今天在立法院接受質詢時表示春節期間4萬人返台「應該是低估了」他也透露昨天疫情指揮中心已簽核外籍移工入境專案即時可以展開但到12月14日後需降載春節期間對於移工引進須暫緩。
疫情指揮中心日前宣佈春節返台檢疫措施自非高風險國家入境者前10天須入住防疫旅館或是集中檢疫所若第9或10天做PCR檢測為陰性後最後4天可放寬居家檢疫；該措施將在12月14日上路實施至明年2月14日止。
陳時中 今天赴立法院社福及衛環委員會備詢民進黨立委賴惠員質詢時指出根據陸委會及僑委會估計春節期間預估有4萬人返台但以2020年春節期間返台人數來看單日平均人數達55萬最高更達到68萬人陳時中坦言這個數字「應該是低估了」。
賴惠員擔憂春節返台檢疫恐成「國境鬆綁壓力測試」。陳時中表示目前防疫旅館共26800間交通部積極爭取增加3400間至於集中檢疫所去年春節期間開設1500間今年會將朝3000至3500間目標邁進增加供應量來因應；由於增加居家檢疫場所供應量後還是可能不足因此才會決定放寬非高風險國家的檢疫措施。
由於入境者不僅返台國人也有外籍人士賴惠員追問是否有考量到外籍勞工入境的人數？陳時中表示昨天指揮中心已簽核外籍移工入境專案即時可以展開不過我們還是建議勞動部開放到12月14日後還是要降載春節期間對於外勞引進可能要暫緩。
如果仍然訂不到防疫旅館民眾該如何尋求協助？陳時中表示民眾廣泛可以使用的就是1922但他也坦言可能無法盡如同胞的希望有些人前面回來有些人後面回來希望分散分流不敢說萬全準備但盡量在防疫量能的許可下讓鄉親能夠返台相聚。</t>
  </si>
  <si>
    <t>第12期公費疫苗預約亂象叢生許多民眾無法預約第二劑莫德納疫苗指揮中心昨天傍晚臨時加開兩萬多個名額再次引發民怨。衛福部長陳時中 今天解釋這是因為有原先被造冊接種的11萬人跑去平臺預約因此佔去約2萬多</t>
  </si>
  <si>
    <t>第12期公費疫苗預約亂象叢生許多民眾無法預約第二劑莫德納疫苗指揮中心昨天傍晚臨時加開兩萬多個名額再次引發民怨。衛福部長陳時中 今天解釋這是因為有原先被造冊接種的11萬人跑去平臺預約因此佔去約2萬多人的名額才會在昨天傍晚緊急加開。
陳時中 今出席立法院衛環委員會備詢前接受媒體聯訪時指出本次莫德納疫苗預約原先就有約20萬的民眾是在64歲以下至55歲間先前是用預約平臺登記另外有53萬左右的民眾原先是造冊對象只不過造冊對象中有11萬人在昨天上網預約因此佔去可預約名額所以才會臨時加開預約場次。
外界質疑先前高端疫苗的股市交易有異常陳時中對此指出高端疫苗的緊急使用授權（EUA）是獲衛福部認可的但相關的交易必須由檢調、金管會調查非衛福部權責。
陳時中也說高端疫苗的二期臨床結果能夠登上美國知名期刊代表這是大家都認可的結果對此感到相當高興目前也持續與美國就高端疫苗的有效性進行談判持續努力溝通。</t>
  </si>
  <si>
    <t>第 12 期 公費 疫苗 預約 亂象 叢生 許多 民眾 無法 預約 第二 劑 莫德納 疫苗 指揮中心 昨天 傍晚 臨時 加開 兩萬 多 個 名額 再次 引發 民怨 衛福 部長 陳時中 今天 解釋 這 是 因為 有 原先 被 造冊 接種 的 11萬 人 跑 去 平臺 預約 因此 占去 約 2萬 多 人 的 名額 才會 在 昨天 傍晚 緊急 加開 陳時中 今 出席 立 法院 衛環 委員會 備詢 前 接受 媒體 聯 訪 時 指出 本次 莫德納 疫苗 預約 原先 就 有約 20萬 的 民眾 是 在 64 歲 以下 至 55 歲 間 先前 是 用 預約 平臺 登記 另外 有 53萬 左右 的 民眾 原先 是 造冊 對象 只不過 造冊 對象 中 有 11萬 人 在 昨天 上網 預約 因此 占去 可 預約 名額 所以 才會 臨時 加開 預約 場次 外界 質疑 先前 高端疫苗 的 股市 交易 有 異常 陳時中 對 此 指出 高端疫苗 的 緊急 使用 授權 eua 是 獲 衛福部 認可 的 但 相關 的 交易 必須 由 檢 調 金管會 調查 非 衛福部 權責 陳時中 也 說 高端疫苗 的 二期 臨床 結果 能夠 登 上 美國 知名 期刊 代表 這 是 大家 都 認可 的 結果 對 此 感到 相當 高興 目前 也 持續 與 美國 就 高端疫苗 的 有效性 進行談判 持續 努力 溝通</t>
  </si>
  <si>
    <t>高端疫苗啟動混打試驗將召集上百名接種過一劑莫德納疫苗的受試者安排接種第二劑高端疫苗衛福部長陳時中 今天表示由於試驗將用到莫德納疫苗必須經由總公司同意這部分需要先獲准將由指揮中心來擔任視窗進</t>
  </si>
  <si>
    <t>AZ+高端混打結果出爐！長庚醫院今公佈100人臨床試驗結果發現混打AZ+高端的中和抗體效價在接種後10天、28天都是2劑AZ組的2倍以上而B細胞、T細胞反應也顯著上升。值得關注的是長庚醫院將試驗對象以不同間隔區分發現間隔4-6周的效果是8-10周的約2倍。混打試驗計畫主持人陳志榮表示這項試驗顯示混打AZ+高端是可行的策略。
長庚醫院數月前展開混打試驗以100名20-70歲曾接種1劑AZ疫苗者為對象隨機分派接種AZ疫苗、高端疫苗設計4-6周、8-10周2種間隔並在接種第0、10、28、56、168天測試抗體、免疫反應。
研究發現混打組的中和抗體效價較2劑AZ組高混打組在接種後第10天中和抗體效價大約是2劑AZ組的28倍。到了接種後第28天混打組的效價仍顯著優於2劑AZ組約為21倍。
經偵測周邊血液會分泌特異性抗體的B細胞數目發現在第2劑後第10天混打組所生成的「棘蛋白特異性抗體分泌B細胞」反應顯著上升約為2劑AZ組的2-3倍。在第2劑後10天與28天混打組所生成的「棘蛋白特異性T細胞」反應也顯著較2劑AZ組強。 另研究人員也發現接種AZ後間隔4-6周再混打是8-10周的約2倍為此次研究的重要發現。
陳志榮表示混打AZ與高端疫苗不論血清抗體生成性或細胞免疫反應都優於2劑AZ混打AZ與高端是可行的疫苗應用策略實際施打時建議盡量在間隔4-6周內混打可取得較佳的抗體反應。
此外長庚醫院也針對3月31日起接種疫苗的683名員工進行分析這些員工中有364人接種2劑AZ疫苗、207人接種AZ+莫德納、112人接種2劑莫德納。研究人員發現混打莫德納的效果幾乎等同2劑莫德納。
陳志榮表示台大混打AZ+莫德納的研究顯示接種間隔8周的效果比4周好不過長庚此次除了2人在間隔9周接種外其餘都是10周以後發現接種間隔越長抗體將降低。經區分12周以前及以後也呈顯著差異。他建議民眾混打疫苗不要隔太久8-10也許是好的選擇。
對於長庚混打試驗結果出爐後國內是否有望開放混打AZ+高端？中央流行疫情指揮中心指揮官陳時中 今回應將與專家小組討論實施的可行性。</t>
  </si>
  <si>
    <t>疫情指揮中心強調防疫新生活運動指揮官陳時中 今（6）日表示中職可以從本月8日（週五）起要開放球迷進場目前以1000名球迷做為初步的規畫。不過中職必須滿足指揮中心規定的「購票資訊實名制」、「進出動線安全</t>
  </si>
  <si>
    <t>疫情指揮中心強調防疫新生活運動指揮官陳時中 今（6）日表示中職可以從本月8日（週五）起要開放球迷進場目前以1000名球迷做為初步的規畫。
不過中職必須滿足指揮中心規定的「購票資訊實名制」、「進出動線安全」、「保持社交距離」及「飲食注意個人衛生」等4大條件才能放寬到1000名球迷進場看球。
8日在台中洲際球場率先引進千名球迷的中信兄弟隊已經召開多次防疫協商會議對於進場民眾嚴格採實名登記制、全程戴口罩賽前以1公尺以上的距離進行劃位維持社交安全距離。</t>
  </si>
  <si>
    <t>國內一名從美國返台的案16066國籍航空機師已完整接種2劑疫苗返台後PCR檢測仍確診為機組員的首例突破性感染個案中央流行疫情指揮中心指揮官陳時中表示匡列的26人當中21人19人陰性檢驗中2人5人待採中。
指揮中心日前指出將針對完整接種兩劑疫苗的機組員檢疫措施加嚴陳時中 今天指出因為時間很短目前匡列了26人21人陰性檢驗中2人5人待採中我們認為打完兩劑疫苗又確診懷疑可能是從國外到國內的降載等流程有疏漏目前的方向要加嚴整個流程但目前還沒有決定要怎麼做。
發言人莊人祥補充所謂加嚴是要求長榮針對案16066在外站的居住環境要有更嚴格的掌握與檢討至於國內對機組員檢疫措施的加嚴則還要再開會討論。
國籍航空機師若不遵守現行檢疫制度是否有罰則？陳時中說有違規行為就罰但不會因為染疫就認定有違規出現這對任何人都是一樣。
至於染疫機師在可傳染期間是否有進入到社區增加社區傳染風險？莊人祥表示該機師Ct值25足跡部分則由地方政府來公佈。
陳時中強調無關乎哪種變異病毒一旦進來之後針對變異株應該匡列精確要做的是檢視相關細節是否有執行確實。</t>
  </si>
  <si>
    <t>關於醫護人員的防疫津貼不只照顧病人的醫師、護理師中央流行疫情指揮中心指揮官陳時中 今（9）日表示包括清潔工、檢驗師等參與防疫的人員都有一定比例的補助詳細辦法最快明天公佈。對於新冠肺炎防疫的第一線</t>
  </si>
  <si>
    <t>關於醫護人員的防疫津貼不只照顧病人的醫師、護理師中央流行疫情指揮中心指揮官陳時中 今（9）日表示包括清潔工、檢驗師等參與防疫的人員都有一定比例的補助詳細辦法最快明天公佈。
對於新冠肺炎防疫的第一線人員的補助政府擬發「防疫津貼」陳時中曾經在立院答詢指出目前規劃加護病房不管醫師、護理人員等給予1天1萬元的風險津貼。
到了3月8日陳時中進一步表示由於醫護人員面臨高風險工作因此醫護人員因照顧病患而感染者可以補助35萬元。
針對醫護人員的補助今（9）日陳時中說這2天討論的是根據振興紓困特別條例相關編列的預算如何適當補給個人直接照顧病人或醫療機構相關費用的分配至少要有一定比例要給參與防疫的人員包括清潔工、檢驗師、放射師等。
這些醫護人員的補助金額來源陳時中指出就是政府規定醫院拿了多少錢後要從中拿出一定比例補給其他人員至於多少比例會在明天定案。
這些補助的規畫主要是傳染病防治法對於因為照顧病人而染病就要從染病、重傷到死亡等不同程度的的給付分配。</t>
  </si>
  <si>
    <t>疫情指揮中心日前證實國內有3個批號、共7萬劑的莫德納疫苗即將在8月6日到期又以北市1萬多劑最多如各縣市政府尚未安排接種計畫將在本月28日前收回提供教師等第7類專案對象接種。陳時中 今天強調經過一天和</t>
  </si>
  <si>
    <t>疫情指揮中心日前證實國內有3個批號、共7萬劑的莫德納疫苗即將在8月6日到期又以北市1萬多劑最多如各縣市政府尚未安排接種計畫將在本月28日前收回提供教師等第7類專案對象接種。陳時中 今天強調經過一天和地方政府確認都掛保證一定會在效期內用完因此不會隨意介入、回收等地方真的打不完再來啟動備案。
剩下七萬默德納疫苗日前指揮中心發言人莊人祥表示指揮中心預計在7月28日前將各縣市尚未安排施打計畫的量收回至中央供教師等第7類專案對象接種屆時收回多少即期疫苗就會再配送相同分量的新疫苗提供地方政府為公費對象及第二劑接種使用。
今天包含診所醫師林應然在內呼籲不要再回收因為疫苗運送過程中恐怕會壞掉建議直接讓醫護人員可以混打或是比照一到三類人員間隔28天就接種來解套。
陳時中 今天表示讓剩餘的疫苗放到過期是不被允許的需要有完整規劃以防萬一因此昨天一天和地方政府再三確認地方都回報說一定會積極催促接種且保證會在效期把原本納入計劃中的對象都打完。
陳時中說地方政府都有完整計畫我們也再三確認也確認超過一周大家都可以在比較近的時間算比較清楚在可以打得完的情況下不用啟動備用計畫但我們還是每天都會維持密切聯繫。一但計畫和他們計劃不同需要中央來消化使用以免過期「我們就會啟動備用計畫。」
至於備案是什麼？陳時中說就是一直問、天天問隨時盤點地方是否有按照計劃進行他也坦言疫苗不會無緣無故收回也要避免移動疫苗才不會報銷所以需要中央地方合作每天問看需要什麼幫忙。</t>
  </si>
  <si>
    <t>春節國人返台檢疫規範有望再放寬！衛福部長陳時中 今天透露由於防疫旅館數量不足等多重因素擬將10+4的檢疫方案改為7+7最快本周就會宣佈否則會來不及。由於春節期間返台人數眾多指揮中心估計今年返台人數將</t>
  </si>
  <si>
    <t>春節國人返台檢疫規範有望再放寬！衛福部長陳時中 今天透露由於防疫旅館數量不足等多重因素擬將10+4的檢疫方案改為7+7最快本周就會宣佈否則會來不及。
由於春節期間返台人數眾多指揮中心估計今年返台人數將超過4萬人但防疫旅館數量仍然跟不上按照陳時中估算目前加上集中檢疫所最多只能開出3萬5000間的量能遠遠不及有需求的民眾。
為因應龐大的返台人潮指揮中心日前宣佈可讓國人改採10+4的居家檢疫模式入住防疫旅館第10天若採檢結果為陰性即可返家但效果不彰引發地方抱怨執行面窒礙難行今陳時中則再透露考慮改為7+7但相關配套還再討論目前尚未定案。
至於何時會宣佈？陳時中說本周一定會說明否則再晚也來不及指揮中心的原則是14天檢疫不能鬆綁但地點上可以來討論因此研議7+7的檢疫方案。
陳時中補充7+7的檢疫還有一些配套措施待討論因此確定今天下午不會宣佈只是證實現在有這一些討論。</t>
  </si>
  <si>
    <t>國內力拚10月底前達到1劑疫苗涵蓋率7成、2劑疫苗涵蓋率3成的目標中央流行疫情指揮中心指揮官陳時中 今天表示目前兩項指標分別為6949％及296％預計明天就能達標。陳時中表示昨（26日）國內疫苗接種共38萬689</t>
  </si>
  <si>
    <t>國內力拚10月底前達到1劑疫苗涵蓋率7成、2劑疫苗涵蓋率3成的目標中央流行疫情指揮中心指揮官陳時中 今天表示目前兩項指標分別為6949％及296％預計明天就能達標。
陳時中表示昨（26日）國內疫苗接種共38萬6895劑AZ第2劑共128萬劑、莫德納第2劑共112萬劑、BNT第1劑打了139萬三種疫苗蠻平均的。
目前國內疫苗人口涵蓋率6949％劑次人口比9909 (劑/每百人)2劑疫苗涵蓋率為296％。陳時中表示預計明天就能達成7成和3成的目標。
外界期盼疫苗覆蓋率提升後可望放寬邊境措施。陳時中表示疫苗覆蓋率代表我們的自我保護能力到達一定程度的覆蓋率後對於邊境管制可以相對放鬆；不過大家對於覆蓋率要到多高的看法各有不同我們也會跟專家來審慎考慮。</t>
  </si>
  <si>
    <t>本土疫情升溫中央流行疫情指揮中心昨將全台升至第3級並要求地方政府在發現確診者後第一時間即6小時內將個案送往檢疫所或醫院。根據統計目前已有500多名輕症、無症狀、快篩陽性者入住加強版集中檢疫所目前加強版檢疫所量能有4500間還在努力擴充中。
指揮官陳時中 今盤點各種醫療量能截至5月19日國內的隔離病房有1021床其中可使用的有282床 ；專責病房的床數為2415其中可使用的有1589床可使用率66%。而加護病發有6749床其中可使用的有1433床。呼吸器方面則有1000多台可調用。
陳時中表示這2天新北市往檢疫送的速度已經加快到昨天為止新北有300多人移至檢疫所。台北市因自己有一些加強版的防疫旅館很多都送到自己的防疫旅館送到我們這裡（檢疫所）的有100多人。新北防疫旅館還沒建置好大部分都用我們的集中檢疫所指揮中心也要求大家儘速完成建置。病人若不遵守地方政府的安排可依《傳染病防治法》67條處分。
醫療應變組副組長羅一鈞表示目前共有500名確診的無症狀、輕症、快篩陽性者入住加強版集中檢疫所 。加強版集中檢疫所整個量能有4500間還在和醫院努力擴充中。</t>
  </si>
  <si>
    <t>由於開學在即許多老師希望開學前可以打疫苗教育部表示必須從預約系統預約但臺北市許多新進老師、代課老師以及課後照顧老師若透過預約系統難以銜接全台可能都有類似的問題是否可以針對八月新進的代課老師等可以讓老師盡快接種？
對此中央流行疫情指揮中心指揮官陳時中表示有看到相關名單已經整理中目前無法掌握但若有確實數目網路上的線上系統去核對有哪些需要再想辦法滿足這塊「畢竟開學是一件重要的事情。」
另外由於第一類對象已經開始混打第二劑莫德納疫苗但第一類中的基層醫護人員卻還未列入第二劑混打疫苗？
陳時中 今天鬆口表示現在陸陸續續對第一線的先發下去疫苗後接下來基層開業醫部分也就是第一類裡面的第三級風險對象已經請他們趕快造冊上來混打「應該快了」。</t>
  </si>
  <si>
    <t>衛福部長陳時中 今(11)日表示第2次武漢台商返台專機由台灣中華航空與中國大陸東方航空分別執行共有361位於昨日深夜抵台已全數入住集中檢疫所陳時中也已經分別前往三個檢疫所關心安置情況。陳時中說過程中</t>
  </si>
  <si>
    <t>衛福部長陳時中 今(11)日表示第2次武漢台商返台專機由台灣中華航空與中國大陸東方航空分別執行共有361位於昨日深夜抵台已全數入住集中檢疫所陳時中也已經分別前往三個檢疫所關心安置情況。
陳時中說過程中有部分旅客沒報到、或拒絕檢疫由於沒有親自詢問無法得知他們心中的想法。至於大陸湖北台辦指稱台灣「拒絕」30多位候補旅客上機陳時中對此強調台灣強調要事前掌握名單、瞭解其背景情況才能做最適切安排對於陸方想臨時安插人員上機我方實在不放心。
針對此次包機陳時中說明台灣安排13位醫護人員(4位醫師及9位護理師)前往以確保登機、飛航期間之防檢疫作業與人員照料工作嚴謹周全。此外也安排救護車10輛、遊覽車22輛於桃園機場待命協助返台旅客就醫後或載往集中檢疫所。
指揮中心說明登機前分別由我方(華航)及陸方(東航)人員以「發燒或具嚴重呼吸道症狀者無法上機」原則執行檢疫其中華航共載送169人、東方航空共載送192人。旅客抵台下機後經醫師進行健康評估「均無須後送」故統一由交通車載送國內3處集中檢疫所進行14天隔離檢疫。此次機場檢疫及工作人員共356人均著安全防護裝備民眾行李也統一消毒處理。
指揮中心指出這361名返台旅客將於48小時內完成採檢並以「一人一室」為原則完成14天隔離檢疫每日需監測兩次體溫如發現發燒、呼吸道症狀或身體不適時立即依規定後送就醫檢疫所也會提供口罩等相關防護裝備供檢疫者及工作同仁使用集中檢疫者不能外出且活動範圍以檢疫房間為主與附近居民不會有接觸請民眾放心。</t>
  </si>
  <si>
    <t>台灣新冠肺炎疫情急遽升溫國內今天再度新增26確診個案中央流行疫情指揮中心指揮官陳時中 今天公佈其中25是境外移入本土案例1人這名本吐案例是124案研究機構內群聚感染再擴大該群聚共5人感染。國內累積確</t>
  </si>
  <si>
    <t>台灣新冠肺炎疫情急遽升溫國內今天再度新增26確診個案中央流行疫情指揮中心指揮官陳時中 今天公佈其中25是境外移入本土案例1人這名本吐案例是124案研究機構內群聚感染再擴大該群聚共5人感染。國內累積確診個案達195人。
陳時中指出新增本土病例為30多歲女性(案186)為某研究機構群聚個案(案168)同住接觸者3月17日發病因案124於3月20日確診且案168曾有症狀故案186於3月20日自行就醫並採檢通報於今日確診為該研究機構群聚第5名確診個案
中央流行疫情指揮中心今(23)日公佈國內新增26例COVID-19病例其中25例境外移入、1例本土。境外移入個案為13女12男年齡未滿5歲至70多歲入境日介於3月15日至21日發病日介於2月22日至3月21日。個案發病前分別有美國、西班牙、荷蘭、法國、瑞士、英國等國活動史。
陳時中表示今天確診的26人中有16人是機場採檢的。居家檢疫者11位包含一名自行就醫的本土案例。
案171、174為職場同事分別於1月12日及2月25日至荷蘭工作其中案171的兩名家人也就是四歲多的兒子案175、與妻子178亦陪同前往4人分別在3月7日及10日發病並於3月20日入境時由機場攔檢通報4人均於今日確診。</t>
  </si>
  <si>
    <t>昨才宣佈結案 陳時中 今轉彎：案39不算結案</t>
  </si>
  <si>
    <t>昨 才 宣佈 結案 陳時中 今 轉彎 案 39 不算 結案</t>
  </si>
  <si>
    <t>中央流行疫情指揮中心昨宣佈案39中東移入婦女結案接觸者均陰性但今日卻從接觸者中發現新案例為婦女插花班同學北部一名50多歲女子。該女子為中東移入婦女延伸出的另一個案例研判為群聚事件將針對婦女同住家人進行採檢指揮中心指揮官陳時中 今宣告案39尚未結案。</t>
  </si>
  <si>
    <t>新冠肺炎疫情爆發超過1年半中央流行疫情指揮中心數月前宣佈預採購高端、聯亞各500萬劑疫苗不過至今只有高端疫苗通過緊急使用授權（EUA）。對於年底購得1000萬劑國產疫苗計畫沒達成指揮官陳時中 今表示目前達</t>
  </si>
  <si>
    <t>國內今(2)日新增549名本土案例、12例死亡中央流行疫情指揮中心指揮官陳時中表示目前疫情仍維持平穩不過話才說完沒多久竟連續咳嗽咳到一度說不出話讓一旁的副指揮官陳宗彥、發言人莊人祥、疫情監測組組長周志浩、醫療應變副組長羅一鈞及傳染病防治諮詢會預防接種組召集人李秉穎等5人都嚇到急轉頭關心。
中央流行疫情指揮中心自去年開始每天向國人召開疫情記者會近來本土疫情大爆發除了醫護人員疲於奔命指揮中心也忙翻陳時中近來頻頻被拍到滿臉疲態、滿頭白髮的模樣近日記者會中也常常出現鼻音、咳嗽不斷今天甚至連咳5聲到一度說不出話健康狀況引起關注。
由於陳時中 今天下午在例行記者會中話講到一半突然無聲摀著口罩連續咳嗽坐在一旁包括陳宗彥、莊人祥、周志浩、羅一鈞及李秉穎等5人都馬上轉頭投以關注眼神且這已經不是陳時中第一次在記者會中咳嗽是否因疫情過勞引起外界關心。
行政院長蘇貞昌昨天在臉書指出多次到指揮中心看到陳時中帶領同仁每天從早上的防疫工作開始到中午的全國記者會一直忙到深夜都還在分析疫調資料、做小組討論。蘇貞昌還發現陳時中近日因為以辦公室為家常常只能在椅子上稍作休息沙發上還睡出了一個頭型可以想像整個防疫團隊是多麼辛苦。</t>
  </si>
  <si>
    <t>藍營傳有四縣市擬比照鴻海、台積電模式向中央申請自行採購疫苗指揮中心今天表示相關檔已經收到目前食藥署認為有一些資料不全以及需要釐清的部分今天傍晚會發函給各縣市要求補件。
至於鴻海、台積電採購疫苗的進度如何？陳時中 今天說相關談判仍然維持一貫態度不要給太多幹擾目前就是全力促成讓疫苗採購順利進行最要緊。
陳時中也指出我國日前也向COVAX平臺詢問採購Novavax疫苗的可能但目前尚未獲得回應沒有辦法有一個很明確的答案不過除COVAX外目前也預定要與Novavax來展開直購的談判。</t>
  </si>
  <si>
    <t>中央流行疫情指揮中心專家諮詢小組成員、台大感染科醫師李秉穎日前爆料3+11政策沒有經專家小組討論完全是指揮中心自行決定。指揮官陳時中 今重申自己會負最後的責任「但若要一件一件會議都公佈我實在是沒辦</t>
  </si>
  <si>
    <t>中央流行疫情指揮中心專家諮詢小組成員、台大感染科醫師李秉穎日前爆料3+11政策沒有經專家小組討論完全是指揮中心自行決定。指揮官陳時中 今重申自己會負最後的責任「但若要一件一件會議都公佈我實在是沒辦法這一年來每天要開的會太多要決定的事情太多。」
陳時中表示3+11的緣由是從過年專案還有一些相關的機師染疫事件最後決定要把它升級為的是確認所有管理是否合乎要求而機師也不是有特別罪過一定要加強檢疫規定因此當時我們針對外站的管理是否落實決定加強管理機制並設法監督航空公司落實。
陳時中說當時也經大規模PCR檢驗共6000多人都是陰性因此考慮在管理上軌道後逐步放鬆檢疫措施但最後還是比原來的方案嚴格。畢竟機組員肩負國內經濟有貨運上的必要性工作上也相當辛苦。
陳時中強調這些過程他都在立法院報告過自己就是負最後的責任但若要每一場會議都拿來檢討真的是沒有辦法。</t>
  </si>
  <si>
    <t>因應疫情全國三級警戒到5月28日雙北首長認為疫情還沒趨緩28日解除「不太可能」、「要有心理準備」基隆市長林右昌建議再延2周今天宜蘭縣確診數「加零」但縣長林姿妙坦言疫情嚴峻、隨時會有滾動式變化；宜蘭縣相關管制措施都到6月8日縣府會配合中央防疫。
宜蘭縣今天確診數維持在41例有2例在外縣市住院有8人有肺炎狀況41例中參加宜蘭金樽餐廳喜宴有6名縣民確診另有3人是外縣市民眾（案2589、2590、4318）不計入宜蘭確診數中所匡列的106人篩檢結果最快明天出爐。
在花蓮的案3464曾從樹林搭火車到花蓮列車有行經宜蘭、羅東站宜蘭縣衛生局長徐迺維表示經向花蓮縣衛生局聯繫後該個案沒有在中途下車且因搭車須戴口罩該案在火車上並未匡列居家隔離個案。
雖然案2372等一家四口染疫感染源不明但徐迺維指出該案總共匡列380人目前檢測結果是陰性雖然沒找到明確感染源但社區防疫的目的就是讓疫情不再擴散。
隨雙北首長、基隆市長發聲後全國三級警戒是否延長衛福部長陳時中 今表示正在研議中。三級警戒是到5月28日宜蘭縣政府祕書長林茂盛指出宜蘭縣相關業者暫停營業、水上遊憩活動、禁止內用等都是維持到6月8日中央是否延長三級警戒縣府會配合中央。
林姿妙表示宜蘭縣今天沒有新增病例累積確診41人但疫情嚴峻隨時會有滾動的變化呼籲鄉親不要大意、輕忽遵守防疫措施。
宜蘭縣已有被匡列者脫離居家隔離回到自主健康管理程式目前居家隔離人數468人已完成篩檢3398人陽性率121％。</t>
  </si>
  <si>
    <t>衛福部長陳時中 今天說應有信心武漢肺炎（2019冠狀病毒疾病COVID-19）國產疫苗研發製程目前實驗看具好效果；如果研發順利目標民國110年第3季能施打達全民6成覆蓋率。陳時中上午到立法院社會福利及衛生環境委</t>
  </si>
  <si>
    <t>衛福部長陳時中 今天說應有信心武漢肺炎（2019冠狀病毒疾病COVID-19）國產疫苗研發製程目前實驗看具好效果；如果研發順利目標民國110年第3季能施打達全民6成覆蓋率。
陳時中上午到立法院社會福利及衛生環境委員會報告業務並答復民主進步黨籍立法委員高嘉瑜質詢時表示台灣疫苗研發速度不算慢要對國產研發製程有信心從實驗看也有相當好效果。疫苗研發不見得要快避免揠苗助長還是要兼顧安全與有效性。
他說明年如果疫苗能順利完成研發、量產希望在第3季可讓民眾施打達全民6成覆蓋率但現在還有很多未知數無法斷言。
中國國民黨籍立委徐志榮表示如果中國產疫苗確有效果、安全且國際認可而台灣無法取得足量疫苗是否可能購買中國疫苗？
陳時中答詢說這可能性很小中國疫苗曾出問題製造流程、品質管制讓大家沒信心許多中國人也到台灣打疫苗且疫苗安全監測也不是半年、一年就可明確看到。（編輯：李明宗）1090928</t>
  </si>
  <si>
    <t>昨天網路流傳一份公告指台南某大樓出現一名確診者引發住戶恐慌中央流行疫情指揮中心指揮官陳時中 今天證實該個案就是昨天確診的20多歲菲律賓籍男性案943由於案943曾在自主健康管理期間外出開會從嚴來看有</t>
  </si>
  <si>
    <t>昨天網路流傳一份公告指台南某大樓出現一名確診者引發住戶恐慌中央流行疫情指揮中心指揮官陳時中 今天證實該個案就是昨天確診的20多歲菲律賓籍男性案943由於案943曾在自主健康管理期間外出開會從嚴來看有觸法之嫌但是否違法交由台南巿衛生局認定。
台南某大樓張昨貼出一則公告指出有確診者來過該大樓開會並公佈該個案相關細節公告內容包括「本大樓20F一境外菲籍人員2月3日來台工作持有搭機前3日內檢驗陰性報告入境後至防疫旅館檢疫並無症狀18日檢疫期滿應公司要求自費採檢確診與個案接觸者26人中15人列居家隔離11人列自主管理」引發住戶恐慌。
陳時中 今天證實公告中的確診者就是昨天公佈的案943案943居家檢疫期滿後在自主健康管理期間外出開會但是因為秋冬方案加嚴的關係禁止自主健康管理者外出聚餐、聚會等。以這個個案來說出入該大樓並無問題但外出開會確實有觸法之嫌另個案在開會時是否有戴好口罩等都將交由由衛生局來判斷但相信這名個案在社區的風險不大。
中央流行指揮中心發言人莊人祥說這名個案今天再度採檢PCR結果已轉為陰性血清抗體IgM陰性、IgG陽性顯示個案是在國外感染已久。而有關大樓張貼公告部分大樓對防疫措施公告都是尊重大樓管委會與地方政府機關。</t>
  </si>
  <si>
    <t>中央流行疫情指揮中心 今 12 日 宣佈 新增 8 例 境外移入 確診 我國 目前 累計 733 例 確診 分別 為 641 例 境外移入 55 例 本土 病例 36 例 敦睦 艦隊 及 1 例 不明 另 1 例 案 530 移除 為 空號 確診 個案 中 7 人 死亡 指揮中心 醫療 應變 組</t>
  </si>
  <si>
    <t>中央流行疫情指揮中心 今 12 日 宣佈 新增 8 例 境外移入 確診 我國 目前 累計 733 例 確診 分別 為 641 例 境外移入 55 例 本土 病例 36 例 敦睦 艦隊 及 1 例 不明 另 1 例 案 530 移除 為 空號 確診 個案 中 7 人 死亡 指揮中心 醫療 應變 組 副 組長 羅一鈞 將 於 下午 2 時 最新 說明 指揮中心 呼籲 民眾 自 國外 入境 時 如有 發燒 咳嗽 等 不適 症狀 應 主動 通報 機場 及 港口 檢疫 人員 並 配合 防疫 措施 返國 後 應 落實 居家 檢疫 期間 如 出現 疑 似 症狀 請 即 聯繫 衛生局 或 各縣市 關懷 中心 並 依 指示 就醫 切 勿 搭乘 大眾 運輸工具 就醫 時 請 務必 告知 醫師 旅遊 史 職業 別 接觸 史及 是否 群 聚 tocc 以 供 及時 診斷 通報 指揮中心 再次 提醒 民眾 應 持續 做好 手部 衛生 與 咳嗽 禮節 外出 若 無法 與 他人 保持 社交距離 請 全程 佩戴 口罩 自 國外 入境 時 如有 發燒 咳嗽 等 不適 症狀 應 主動 通報 機場 及 港口 檢疫 人員 並 配合 防疫 措施 返國 後 應 落實 居家 檢疫 如 出現 疑 似 症狀 請 務必 聯繫 衛生局 或 各縣市 關懷 中心 並 依 指示 就醫 切 勿 搭乘 大眾 運輸工具 就醫 時 請 務必 告知 醫師 旅遊 史 職業 別 接觸 史及 是否 群 聚 tocc 以 供 及時 診斷 通報</t>
  </si>
  <si>
    <t>國內 今 新增 2 例 新冠肺炎 境外移入 個案 由 中央流行疫情指揮中心 指揮官 陳時中 在 下午 2 時 10 分 親自 召開 記者會 說明 預計 今天 也 會 公佈 案 804 的 英國 變種 病毒株 比對 結果 以及 近日 防疫 旅館 出現 爆滿 潮 指揮中心 也 將 在 今天 說明</t>
  </si>
  <si>
    <t>國內 今 新增 2 例 新冠肺炎 境外移入 個案 由 中央流行疫情指揮中心 指揮官 陳時中 在 下午 2 時 10 分 親自 召開 記者會 說明 預計 今天 也 會 公佈 案 804 的 英國 變種 病毒株 比對 結果 以及 近日 防疫 旅館 出現 爆滿 潮 指揮中心 也 將 在 今天 說明 如何 因應 此外 越南 2 日 新增 一 例 臺灣 移入 個案 也 是 預計 今天 會 一併 對 外界 說明 指揮中心 表示 2 日 新增 的 案 804 為 英國 籍 30 多 歲 男性 去 2020 年 12 月 30 日 來 台 工作 持有 登機 前 3 日內 核酸 檢驗 陰性 報告 入境 集中 檢疫 自述 12 月 28 日 起 即有 輕微 鼻 塞 症狀 但 自覺 為 英國 天氣 寒冷 所 致 12 月 31 日 進行 采 檢 1 月 2 日 確診 ct 值 僅 18 病毒 量 高 會 做 病毒基因 序列 比對 確認 是否 感染 英國 變種 病毒 結果 可能 會 由 陳時中 在 今天 宣佈 指揮中心 統計 截至 目前 國內 累計 819 例 確診 分別 為 724 例 境外移入 56 例 本土 病例 36 例 敦睦 艦隊 2 例 航空器 感染 及 1 例 不明 另 1 例 案 530 移除 為 空號 確診 個案 中 7 人 死亡 697 人 解除 隔離 115 人 住院 隔離 中 指揮中心 呼籲 民眾 自 國外 入境 時 如有 發燒 咳嗽 等 不適 症狀 應 主動 通報 機場 及 港口 檢疫 人員 並 配合 防疫 措施 返國 後 應 落實 居家 檢疫 期間 如 出現 疑 似 症狀 請 即 聯繫 衛生局 或 各縣市 關懷 中心 並 依 指示 就醫 切 勿 搭乘 大眾 運輸工具 就醫 時 請 務必 告知 醫師 旅遊 史 職業 別 接觸 史及 是否 群 聚 以 供 及時 診斷 通報</t>
  </si>
  <si>
    <t>近期 因應 雙 北 疫情 警戒 標準 達到 第 3 級 室內 用餐 人數 落實 管制 並 維持 社交距離 外 送 次數 也 可能 大幅 增加 勞動部 職 安署 將 加強 督促 外 送 業者 全面落實 防疫 措施 並 建議 消費者 優先 採用 無 接觸 取送 餐 服務 以 線 上 刷 卡 代替 現金交易 外 送 員 如有 發燒 呼吸道 感染 或 其它 不適 症狀 應立即 就醫 回報 業者 並 停止 送 餐 職 安署 職業 衛生 健康 組長 張國明 表示 我國 正 面臨 疫情 嚴峻考驗 特別 要求 食品 外 送 業者 除 應依 職業 安全衛生 設施 規則 第 286 條 之 3 及 食品 外 送 作業 安全衛生 指引 規定 強化 危害 評估 及 安全衛生 防護 措施 外 並 應依循 食品 外 送 平臺 之外 送 員 取送 餐 防疫 重點 事項 共同 提升 食品 外 送 員之職 場 防疫 措施 重點 防疫 事項 部分 包括 外 送 員 取送 餐 時 應 配戴 口罩 配戴 具 擋風 面罩 之 安全帽 優先 採用 無 接觸 取送 餐 服務 鼓勵 消費者 采 線 上 付款 如 線 上 刷 卡避免 現金交易 另外 也 加強 外 送 員 個人 健康 自主 管理 例如 勤洗手 早晚 量 測體溫 如有 發燒 呼吸道 感染 或 其它 不適 症狀 應立即 就醫 回報 業者 並 停止 送 餐 張國明 指出 若 外 送 員 確定 因為 執行 職務 不幸 染疫 會 做 職業病 的 認定 也 會 依 勞基法 第 59 條 比照 職 災 給予 45 個 月 薪資 補償 至於 有 外 送 員 反映 不 希望 進入 醫院 等 高風險 染疫 場所 送 餐 若 中央流行疫情指揮中心 或 地方 主管機關 已 明定 醫療 院所 進出 管制 規定 所有人 員 含 外 送 員 均 應 遵守 傳染病 防治 相關 規定 外 送 員可 與 消費者 定 約定 於 戶外 適當 通風 地點 取送 餐</t>
  </si>
  <si>
    <t>連江 縣政府 接 獲 中央流行疫情指揮中心 通知 一 名 確診 者 5 月 11 日 搭機來 馬 13 日 台 馬輪 夜航 返台 已 匡列 密切接觸 者 8 人 進行 居家 隔離 及 采 檢 結果 今 17 日 出爐 8 人 均 為 陰性 民進 党 連江縣 黨部 主委 李問 表示 已 超過 30 家 民</t>
  </si>
  <si>
    <t>連江 縣政府 接 獲 中央流行疫情指揮中心 通知 一 名 確診 者 5 月 11 日 搭機來 馬 13 日 台 馬輪 夜航 返台 已 匡列 密切接觸 者 8 人 進行 居家 隔離 及 采 檢 結果 今 17 日 出爐 8 人 均 為 陰性 民進 党 連江縣 黨部 主委 李問 表示 已 超過 30 家 民 宿 業者 宣佈 5 月 28 日前 全額 退費 而且 持續 增加 中 李 問 表示 疫情 升級 減少 不必要 交通 移動 呼籲 民眾 暫緩 來 馬祖 遊玩 行程 危機 解除 後 再 相聚 馬祖 旅遊業者 也 為 大家 的 健康 著 想 目前 已 超過 30 家 民 宿 業者 業者 公開 宣佈 5 月 28 日前 全額 退費 而且 持續 增加 中 旅行團 目前 也 已 採取 只 出 不 進 避免 疫情 傳播 立 榮 航空 也 宣佈 退票 免 手續費 相關 訊息 可到 官 網 查詢 李 問 表示 馬祖 很小 醫療 資源 和 能量 有限 如果 疫情 擴散 將 無法 負荷 前 幾 天 一 名 在 外地 確診 的 旅客 經 調查 上周 足跡 曾經 到訪 馬祖 目前 相關 單位 也 根據 個案 足跡 積極 消毒 處理 中 嚴陣以待 李 問 強調 現在 是 關鍵 的 時刻 希望 大家 同心協力 減少 移動 避免 群 聚 全力 斬斷 病毒 傳染 鏈 發揮 同 島 一 命 堅持到底 的 團結 精神</t>
  </si>
  <si>
    <t>高雄 18 日 並 無 新 增 本土 確診 個案 但 中央流行疫情指揮中心 公佈 高雄 一 名 境外移入 女性 確診 個案 5 月中 旬 從 印度 入境 她 到 隔離 期滿 的 pcr 采 檢 均 呈 陰性 由於 將 返回 印度 於 17 日 自行 到 院 進行 采 檢 陽性 確診 高 市府 衛生局 從 ct 值</t>
  </si>
  <si>
    <t>高雄 18 日 並 無 新 增 本土 確診 個案 但 中央流行疫情指揮中心 公佈 高雄 一 名 境外移入 女性 確診 個案 5 月中 旬 從 印度 入境 她 到 隔離 期滿 的 pcr 采 檢 均 呈 陰性 由於 將 返回 印度 於 17 日 自行 到 院 進行 采 檢 陽性 確診 高 市府 衛生局 從 ct 值 及 血清 抗體 檢驗 判斷 為 舊 感染 個案 評估 社區 感染 風險 極 低 高 市府 衛生局 說明 確診 女子 為 40 多 歲 女性 戶籍地 在 高雄市 路 竹 區 她 在 5 月 17 日 從 印度 入境 當時 有 輕微 咳嗽 症狀 隔日 pcr 檢驗 結果 為 陰性 並于 集中 檢疫所 檢疫 5 月 30 日 解除 隔離 前 再度 采 檢 pcr 結果 也 為 陰性 解除 隔離 後 就 返回 路竹 家中 8 月 17 日 因為 準備 再度 出國 自行 到 院 采 檢 pcr 結果 為 陽性 確診 ct 值 331 衛生局 指出 確診 女子 收治 住院 後 確認 她 近 3 個 月均 無 呼吸道 症狀 也 無 相關 就醫 史 經 再次 采 檢 複驗 pcr 檢驗 結果 又 呈現 陰性 且 血清 抗體 anti-s 大於 5000 anti-n 1491 igm 陰性 igg 陽性 配合 她 在 7 月 23 日 已 接種 第一 劑 az 疫苗 綜合 研 判 確診 女子 應為 舊 感染 個案 康復 後 3 到 5 個 月 內 pcr 呈現 陰 陰陽 陽 狀況 評估 社區 感染 風險 極 低 為了 針對 個案 進行 疫 調 追蹤 市府 共 匡列 其家 人 與 密切接觸 者 12 人 一般 接觸 者 15 人 對 相關 接觸 者 采 檢 鼻 咽 拭 子 及 血清 抗體 配合 就醫 史及 血清 抗體 檢驗 結果 並 無 發現 接觸 者 有 疑 似 近期 感染 狀況 應 排除 個案 具 社區 傳染 風險 由於 高度 懷疑 可能 感染 地點 為 印度 高 市府 將 針對 該案 密切 追蹤 高 市府 也 公佈 確診 個案 的 相關 活動 足跡 確診 女子 曾在 8 月 3 日 到 16 日 之間 去 過 7 -eleven 路飛 門市 全聯 福利 中心路 竹 國昌店 全家 便利商店 湖內 正 億 店 7 -eleven 辰 皓 門市 星 巴克路 竹 門市 7 -eleven 新東 專 門市 7 -eleven 竹 滬 門市 台 鐵路 竹 車站 楠梓 車站 28 號 公車 楠梓 公車 轉運站 到 文藻 新光 三越 高雄 左營 二 館 新 左營 站 岡山 站 搭乘 公車 r 71 a 正義社區 站 到 岡山 轉運站 麥當勞 高雄路 竹 店</t>
  </si>
  <si>
    <t>新冠肺炎 疫苗 預約 平臺 已 啟用 多 日 中央流行疫情指揮中心 今日 稍 早 更 擴大開放 18 歲 以上 登記 對此 財經 網 美 胡采蘋 表示 一早 去 菜市場 時 每個 攤 商都 在 問 你 要 打 az 還是 莫德納 她 也 透露 自己 僅 登記 施打 az 指揮中心 日</t>
  </si>
  <si>
    <t>新冠肺炎 疫苗 預約 平臺 已 啟用 多 日 中央流行疫情指揮中心 今日 稍 早 更 擴大開放 18 歲 以上 登記 對此 財經 網 美 胡采蘋 表示 一早 去 菜市場 時 每個 攤 商都 在 問 你 要 打 az 還是 莫德納 她 也 透露 自己 僅 登記 施打 az 指揮中心 日前 開放 第 910 類人 登記 接種 為 18 至 64 歲 有 重大 疾病 病 患 及 50 至 64 歲 成人 今 13 早於 全國 防疫 記者會 中 中央流行疫情指揮中心 副 指揮官 陳宗彥 表示 開放 18 歲 以上 登記 接種 意願 並 可 自選 打 az 或 莫德納 針對 疫苗 擴大 接種 胡采蘋 稍 早於 個人 臉書 粉 專 emmy 追 劇 時間 指出 今 早 赴 傳統 市場 採買 發現 每 一 攤 都 在 討論 疫苗 接種 一 事 聽到 最 多 討論 的 是 你 要 打 az 還 至 莫德納 胡 采 蘋 笑 說 這 是 繼 莫德納 出現 鋼鐵 手臂 後 最熱 門 的 話題 胡 采 蘋 也 透露 當初 在 填 選 疫苗 接種 意願 登記表 時 僅 勾選 az 並 表示 我 當然 是 堅決 參加 az 年輕人 認證 大賽 事實上 先前 有 不少 專家 指出 az 疫苗 對於 長者 來說 比較 沒有 副作用 相對 的 若 施 打 後 出現 身體 不適 等 副作用 即為 az 認證 的 年輕人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鑒於 國內 新冠肺炎 確診 病例 遞增 為 提升 台中 市 旅 宿 觀光 遊樂業 旅行 業 溫泉業 文創 等 觀光 產業 從業人員 防疫 知識 及 危機 處理 應變能力 觀 旅 局 於 34 日 兩 天 特聘 前 衛生 署長 楊志良 及 光 田 醫院 感染 控制 科 主治 醫 陳俊志 擔任 講座 藉 此 降低 感染 風險 打造 台中 為 安心 旅遊 城市 楊 志 良 及 陳俊志 說 除 大陸 疫情 嚴峻 外 韓國 日本 伊朗 及 義 大利 新冠肺炎 確診 病例 不斷 攀升 新冠肺炎 具 高 傳染 力 潛伏期 長 無 症狀 者 多 致死 率 較 流感 高等 特性 臨床 上 新冠肺炎 感染 症狀 有 發燒 乾咳 倦怠 呼吸 急促 肌肉 痛 喉嚨 痛 及 腹瀉 等 觀光 產業 欲 做好 防疫 措施 應詳詢 入住 旅客 旅遊 史 就 發燒 咳嗽 旅客 做 篩選 有 前述 症狀 者 應 請 其 戴 上 口罩 並 通報 防疫 專線 工作人員 應 配戴 口罩 每日 徹底 執行 消毒 工作 並 有 特約 醫療 醫院 轉送 發燒 咳嗽 症狀 者 等 防疫 措施 觀 旅 局長 林筱淇說 防疫 工作 之 原則 請 遵照 中央流行疫情指揮中心 指示 辦理 不 需要 過度 恐慌 目前 有 需要 居家 檢疫 者 由 中央 提供 市府 民政局 名單 市府 會 提供 相關 居家 檢疫 場所 將 先以 市府 所屬 公有 空間 做為 居家 檢疫 使用 目前 沒有 成立 防疫 旅館 之 規 畫 楊 志 良 建議 旅館業 者 加強 注意 環境 消毒 櫃檯 人員 應 配戴 口罩 為 旅客 測量體溫 若 有 發燒 咳嗽 症狀 者 轉送 特約醫院 治療 並 注意 清潔 人員 穿戴 防疫 用品 減低 接觸 感染 風險 建議 衛生局 結合 旅館業 者 舉辦 接待 服務 人員 實地 防疫 演練 提升 觀光 從業人員 防疫 專業知識 及 應變能力</t>
  </si>
  <si>
    <t>新冠肺炎 疫情 延 燒 為 協助 企業 應對 中央流行疫情指揮中心 今 推出 企業 持續 營運 指引 呼籲 業 宣導 咳嗽 禮節 協助 上班 出現 症狀 的 員工 就醫 等 若 疫情 擴大 至 社區 傳播 則 應 執行 員工 健康 監測 計畫 調整 工作 方式 如 異地 辦</t>
  </si>
  <si>
    <t>新冠肺炎 疫情 延 燒 為 協助 企業 應對 中央流行疫情指揮中心 今 推出 企業 持續 營運 指引 呼籲 業 宣導 咳嗽 禮節 協助 上班 出現 症狀 的 員工 就醫 等 若 疫情 擴大 至 社區 傳播 則 應 執行 員工 健康 監測 計畫 調整 工作 方式 如 異地 辦公 要求 訪 客 填寫 健康 調查表 等 若 訪 客 出現 症狀 應 婉拒 對方 進入 公司 指揮中心 表示 企業 應 建立 防疫 應變 單位 負責 掌握 疫情 變化 防疫 宣 導 防疫 物資 準備 衛生 管理 與 人員 健康 監測 疫病 通報 等 工作 目前 疫情 雖然 進入 社區 但 仍 處於 零星 社區 感染 階段 企業 應 鼓勵 有 症狀 者 在家 休息 不 強求 提供 診斷書 保留 彈性 請假 規範 等 現階段 公司 應宣導 咳嗽 禮節 要求 員工 保持 手部 衛生 在 明顯 處 張貼 海報 提供 充足 的 肥皂 幹 洗手 液 等 工作 環境 應 保持 通風 員工 常 接觸 的 物品 表面 需 定期 清潔 如 門把 鍵盤 若 員工 出現 發燒 或 急性 呼吸道 症狀 應 協助 就醫 或 建議 返家 若 新冠肺炎 疫情 擴大 進入 社區 傳播 的 階段 雇主 則 應 執行 員工 健康 監測 計畫 並 進行 追蹤 例如 制定 調查表 對 所有 員工 常規 量 測體溫 詢問 是否 有 急性 呼吸道 症狀 並 做成 紀錄 訪 客 進入 辦公 區域 前 需 填寫 健康 調查表 如有 症狀 應 婉拒 進入 並 協助 提供 就醫 資訊 另一方面 公司 應 調整 辦公 出勤 或 出差 方式 例如 建立 異地 辦公 機制 要求 座位 保持 一定 間隔 等 一旦 公司 出現 確診 個案 每日 至少 清潔 一 次 地面 並 視 需要 增加 次數 公司 內部 的 其 餘 員工 則 需 戴 口罩 上班</t>
  </si>
  <si>
    <t>中央流行疫情指揮中心 今 表示 昨日 國內 新增 1576 例 新型 冠狀病毒 肺炎 相關 通報 截至 目前 累計 45446 件 其中 385 例 確診 6 人 死亡 99 人 解除 隔離 其 餘 持續 住院 隔離 中 367 名 湖北 返台 民眾 持續 在 集中 檢疫所 進行 密切 健康</t>
  </si>
  <si>
    <t>中央流行疫情指揮中心 今 表示 昨日 國內 新增 1576 例 新型 冠狀病毒 肺炎 相關 通報 截至 目前 累計 45446 件 其中 385 例 確診 6 人 死亡 99 人 解除 隔離 其 餘 持續 住院 隔離 中 367 名 湖北 返台 民眾 持續 在 集中 檢疫所 進行 密切 健康 監測 指揮中心 指出 全球 累計 1640016 例 確診 分佈 於 184 個 國家 地區 病例 數 以 美國 496535 例 西班牙 157022 例 義 大利 147577 例 德國 113525 例 及 法國 90676 例 為 多 病例 中 101578 例 死亡 以 義 大利 18849 例 美國 18586 例 西班牙 15843 例 法國 13197 例 及 英國 8958 例 為 多 指揮中心 提醒 民眾 應 做好 手部 衛生 與 咳嗽 禮節 自 國外 入境 時 如有 發燒 咳嗽 等 不適 症狀 應 主動 通報 機場 及 港口 檢疫 人員 並 配合 防疫 措施 返國 後 應 落實 14 天 居家 檢疫 如 出現 疑 似 症狀 請 聯系 衛生局 或 各縣市 關懷 中心 並 依 指示 就醫 切 勿 搭乘 大眾 運輸工具 就醫 時 請 務必 告知 醫師 旅遊 史 職業 別 接觸 史及 是否 群 聚 tocc 以 供 及時 診斷 通報</t>
  </si>
  <si>
    <t>日本 新冠肺炎 疫情 持續 升溫 確診 人數 破 千 外交部 將 日本 列為 黃色 警示 建議 國人 特別注意 旅遊 安全並 檢討 應 否 前往 至於 是否 進一步 提升 旅遊 警示 外交部 將 完全 尊重 配合 中央流行疫情指揮中心 外交部 發言人 歐 江安</t>
  </si>
  <si>
    <t>日本 新冠肺炎 疫情 持續 升溫 確診 人數 破 千 外交部 將 日本 列為 黃色 警示 建議 國人 特別注意 旅遊 安全並 檢討 應 否 前往 至於 是否 進一步 提升 旅遊 警示 外交部 將 完全 尊重 配合 中央流行疫情指揮中心 外交部 發言人 歐 江安 表示 外交部 完全 尊重 配合 中央流行疫情指揮中心 依據 防疫 與 公衛 醫學 的 判斷 不過 要 提升 一 國 防疫 不只 考量 確診 的 數字 也 要 考量 土地 面積 與 人口 比率 歐 江安 說 我們 也 參考 美國 cdc 國務院 英國 加拿大 澳洲 歐洲 等 理念 相近 國家 與 先進 夥伴 的 疫情 指示 如果 其他 國家 都 沒有 調整 燈號 只有 我們 是 唯一 做出 調整 這樣 會 顯得 我方 考量 沒 這麼 周延 歐 江安 強調 外交部 隨時 採取 滾 動式 檢討 不斷更新 各項 因素 都 會 納入 通盤 考量 外交部 領事 事務 局 官網 顯示 我國 與 日本 往來 密切 日本 為 我國 出訪 旅客 最 多 之國 家 外交部 為 保障 國人 權益 調升 日本 旅遊 警示 燈號 為黃色 提醒 國人 特別注意 安全 並 檢討 應 否 前往 另 調升 北海道 旅遊 警示 燈號 為 橙色 建議 避免 非必要 旅行</t>
  </si>
  <si>
    <t>新冠肺炎 疫情 延 燒 國內 今天 又 新增 2 人 死亡 累計 已 有 5 名 確診 者 病逝 陽明醫學 博士 胸腔 重症 醫師 蘇一峰 透露 一般 人 可能 無法 理解 加 護 病房 病人 使用 的 維生 管路 有 多 痛苦 他們 幾乎 每天 都 在 痛苦 哀號 中央流行疫情指揮中心 表示 昨晚 傳出 因 新冠肺炎 病逝 的 案 108 是 奧 捷團 40 多 歲 的 男性 領隊 原本 已 在 加 護 病房 狀況 不好 發病 13 天 後 29 日 不幸 在 加 護 病房 過世 蘇一峰 今天 在 臉書 發文 指出 加 護 病房 中 許多 病人 每天 都 在 痛苦 哀號 的 使用 4 種 維生 管路 痛苦 指數 最高 的 是 氣管 內 插管 痛苦 指數 5 顆 星 其次 依序是 鼻 胃 管 痛苦 指數 4 顆 星 氣 切 管及 尿 管 痛苦 指數 3 顆 星 案 108 於 3 月 5 日 至 3 月 14 日 帶團 至 奧地利 捷克 旅遊 3 月 17 日 出現 發燒 症狀 衛生 單位 安排 就醫 采 檢 通報 3 月 19 日 確診 住院 隔離 治療 仍 不幸 病逝 蘇一峰 感歎 40 歲 的 健康 壯年 男 導遊 沒 想到 在 發病 13 天 後 就 過世 他 也 藉 此 呼籲 疫情 期間 最好 待在家裡 才能 減少 親身 體會 這些 痛苦 插管 的 機會 許多 有 插管 經驗 的 網友 也 紛紛 回應 每天 的 抽血 尤其 抽 動脈血 也 很 痛 抽 痰 更是 痛苦 插管 痛苦 至極 那種 痛 是 常人 無法 想像</t>
  </si>
  <si>
    <t>教育部 日前 訂 定 校園 因應 嚴重 特殊 傳染性 肺炎 疫情 停課 標準 提及 若 一 班 1 人 確診 一 校 2 人 確診 就 停課 14 天 但有 家長 憂心 可以 請假 嗎 不 請假 孩童 誰 要 照顧 依 中央流行疫情指揮中心 發 函 指出 如 學校 因 covid-19 疫情</t>
  </si>
  <si>
    <t>教育部 日前 訂 定 校園 因應 嚴重 特殊 傳染性 肺炎 疫情 停課 標準 提及 若 一 班 1 人 確診 一 校 2 人 確診 就 停課 14 天 但有 家長 憂心 可以 請假 嗎 不 請假 孩童 誰 要 照顧 依 中央流行疫情指揮中心 發 函 指出 如 學校 因 covid-19 疫情 停課 期間 可 申請 防疫 照顧 假 但 依 日前 說明 防疫 照顧 假 不 強制 雇主 給 薪 也 無法 申請 防疫 補償 但 當 家長 有 學童 照顧 需求 時 雇主 應予 准假 且 不得 視為 曠工 強迫 勞工 以 事假 或 其他 假 別處 理 也 不 得 扣發 全勤獎金 解雇 或 予 不利 處分 勞動部 官員 說 除了 學 校外 如果 短期 補習班 幼稚園 及 兒童 課後 照顧 服務 中心 等 機構 比照 高級 中等 以下 學校 規定 停 課時 家長 也 可以 比照 申請 防疫 照顧 假 但 時間 應於 停課 時間 範疇 內 申請 勞動部 官員 指出 若要 領取 特別 條例 中的 防疫 補償 則 仍要 遭 居家 隔離 居家 檢疫 集中 隔離 集中 檢疫 等 才可 領取</t>
  </si>
  <si>
    <t>臺灣 新冠肺炎 疫情 持續 加溫 中央流行疫情指揮中心 指揮官 陳時中 29 日 宣佈 新 增 15 例 確診 累積 達 298 例 捧 紅 不少 大明 星 的 名 經紀人 夏春湧 認為 臺灣 確診 的 病例 越來越 多 政府 應該 告訴 國人 有 什麼 方法 可以 控制 不要 再 新</t>
  </si>
  <si>
    <t>臺灣 新冠肺炎 疫情 持續 加溫 中央流行疫情指揮中心 指揮官 陳時中 29 日 宣佈 新 增 15 例 確診 累積 達 298 例 捧 紅 不少 大明 星 的 名 經紀人 夏春湧 認為 臺灣 確診 的 病例 越來越 多 政府 應該 告訴 國人 有 什麼 方法 可以 控制 不要 再 新增 病例 他 說 防疫 是 一 條 漫長 的 路 如何 在 過程 之中 讓 老百姓 安心 是 政府 最 基本 的 功能 夏 春 湧 在 臉書 指出 臺灣 確診 的 病例 越來越 多 人們 的 恐慌 也 越來越 大 政府 現在 要 做 的 不是 每天 告知 新增 多少 病例 而是 應該 是 告訴 大家 有 什麼 方法 可以 控制 不 要 再 新增 病例 夏春湧 提及 防疫 是 一 條 漫長 的 路 如何 在 過程 之中 讓 老百姓 安心 是 政府 最 基本 的 功能 夏 春 湧 也 提及 他 女兒 的 公司 公司 幫 全體 員工 付費 裝 了 app 每 一個 人 都 可以 用 視 訊 和 醫生 問診 如果 是 一般 的 小 毛病 醫生 可以 立刻 開 處方 箋 然後 就 可以 去 藥房 拿藥 在 疫情 肆虐 的 時間 點 不用 冒著 被 感染 的 危險 去 醫院 更 減少 員工 的 恐慌 心理 夏 春 湧 認為 這種 貼心 的 服務 應該 很 適合 臺灣 因為 臺灣人 太 喜歡 看病 尤其 新冠肺炎 大 爆發 若 有 這樣 的 app 就 能 避免 人群 的 大量 接觸 也 可以 減少 醫護人員 被 感染 的 危險 對於 防治 疫情 的 擴散 絕對 有 非常 大 的 幫助</t>
  </si>
  <si>
    <t>恒 春 地區 網路 傳出 有 學生 確診 新冠肺炎 訊息 屏 東 縣長 潘孟安 第一時間 要求 警 局 及 衛生局 徹 查 謠言 來源 經 漏 夜 調查 是 來自 桃園 永豐 高中 畢業 旅行團 師生 領隊 共 440 人 學生 自 13 日 下午 2 時起 陸續 出現 水瀉 症狀 少數 並 有 發燒 情形 送醫 診斷 是 感染 性 胃腸炎 及 大 腸炎 因 逢 國內 疫情 升溫 屏 縣府 決定 高 規格 預防 性 處理 除 進行 新冠肺炎 采 檢 送驗 外 並 要求 暫停 畢 旅行 程 師生 都 暫時 安置 在 飯店 房間 禁止 外出 首 批 33 人 檢驗 結果 出爐 均 為 陰性 經 衛生局 請示 中央流行疫情指揮中心 並 由 感染 科 醫師 專業 研 判 後 此案 朝 食物中毒 案件 處理 通知 桃園 市 衛生 局 後 協助 師生 退 房 返回 居住地 屏 縣府 指出 學生 陸續 發生 症狀 後 分別 送 到 恒 春 地區 3 家 醫院 就醫 院方 於 深夜 通報 疑 似 食品 中毒案 由於 學生 症狀 都 是 水瀉 極 少數 發燒 考慮 國內 目前 疫情 狀況 當即 決定 採取 高 規格 方式 處理 除 進行 新型 冠狀病毒 的 采 檢 送驗 外 並 依照 嚴重 特殊 傳染性 肺炎 防疫 原則 請 飯店 配合 將 生病 與非 生病 的 學生 分開 安置 並 要求 不得 離開 房間 全程 佩戴 口罩 縣府 指出 440 位 師生 中 自 13 日 下午 起 陸續 有 70 人 分別 送 到 恒 春 的 旅遊 醫院 基督教 醫院 及 南門 醫院 截至 14 日 上午 10 時 30 分 留 院 觀察 為 31 人 其中 恒基 7 人 南門 醫院 24 人 其 餘 離 院 休息 至於 采 檢 結果 第一 批 33 人 全部 是 陰性 衛生局 第一時間 派員 前往 醫院 及 涉嫌 場所 調查 及 采 檢 已 採集 食 餘 檢 體 環境 檢 體 及 個案 與 廚師 等 人 體檢 體 送驗 以 厘 清 食品 中毒 發生 原因 未免 影響 擴大 已 要求 涉嫌 場所 停止 供餐 進行 全面 消毒 並 依 食品 良好 衛生 規範 準則 稽查 現場 不符 規定 事項 予 限期 改善 期 屆 仍 不 改善 將 依 食 安法處 辦 潘孟安 表示 針對 恒春 社 群 出現 不實 謠言 除 警察局 及 衛生局 應該 徹 查 消息來源 做 必要 處置 以免 以訛傳訛 引起 恐慌 之外 也 要 特別 提醒 民眾 個案 及 疫情 等 相關 防疫 資訊 均 應 由 中央流行疫情指揮中心 統一 對 外 公佈 如 接 獲 來源不明 或 未經 證實 的 疫情 或 防治 措施 資訊 時 應先 查證 內容 是否 屬實</t>
  </si>
  <si>
    <t>享譽 全台 的 高樹 蜜棗 國際 馬拉松 不受 疫情 影響 如期 於 16 日 展開 賽事 超過 1萬 名 跑 者 報名 主辦單位 高樹鄉 公所 不敢 大意 出動 2 台 紅外線 體溫 感 測儀 更 宣佈 婉拒 來自 中 港澳 及 其他 外籍人士 參加 企圖 將 防疫 工作 做到 滴水不漏 高樹 鄉長 王樹圍 指出 辦 與 不 辦 確實 沙盤推演 多次 但 根據 中央流行疫情指揮中心 公告 目前 新冠肺炎 確診 病例 皆 來自 境外 或 境外移入 導致 的 家庭 感染 尚無 社區 群 聚 感染 狀況 基於 維護 報名者 權益 在 加強 防疫 措施 下 仍 如期舉行 王樹圍 表示 賽事 當天 將要 求 所有 選手 填寫 自主 健康 調查表 凡是 在 2 月 1 日 曾經 入境 中 港澳 的 跑 者 將 全額 退費 婉拒 參加 另 現場 實施 體溫 量 測 提供 酒精 或 幹 洗手 液 至於 不克 前來 的 跑 者 賽會 也 將 完賽 物資 以 郵寄 方式 送達 郵資 則 由 主辦單位 負擔 來電 要求 退 賽 的 跑 者 僅 百 餘 人 大夥 仍 是 躍躍欲試 主辦單位 將 提供 每人 每份 伴 手 禮 主要 以 鄉 內 農產 木瓜 鳳梨 小 蕃茄 及 蜜棗 可 供選擇 其中 有 超過 4000 人 指定 當 季 蜜棗 為此 工作人員 特地 前往 包裝 場 視察 分裝 進度 王樹圍 說 高樹馬 最 主要 目的 就 是 行銷 地方 農 特產 因此 農產品 都需 經過 嚴格 藥檢 不能 有 任何 農藥 殘留 且 每 顆 甜度 要求 在 13 度 以上 重量 則 是 3 至 34兩 除了 希望 賽事 順利進行 也 希望 所有 跑 者 都能 不虛此行</t>
  </si>
  <si>
    <t>新冠肺炎 本土 疫情 延 燒 中央流行疫情指揮中心 今 公佈 新增 549 名 本土 案例 其中 372 例 正式 本土 案例 177 例 為 校正 回歸 個案 確診 個案 中 今 新增 12 例 死亡 指揮官 陳時中 表示 目前 疫情 沒有 往 下降 仍 維持 平穩 陳時中 表示</t>
  </si>
  <si>
    <t>新冠肺炎 本土 疫情 延 燒 中央流行疫情指揮中心 今 公佈 新增 549 名 本土 案例 其中 372 例 正式 本土 案例 177 例 為 校正 回歸 個案 確診 個案 中 今 新增 12 例 死亡 指揮官 陳時中 表示 目前 疫情 沒有 往 下降 仍 維持 平穩 陳時中 表示 目前 的 疫情 平穩 看到 這 2 周 以來 新 措施 加上 民眾 配合 後 疫情 達到 穩定 不過 還 需要 觀察 千萬 不能 放鬆 繼續 努力 這樣 做 不見得 疫情 往下走 不過 起碼 會 穩住 這 非常 重要 相關 的 管制 都會 滾 動式 檢討 希望 把 疫情 控制 住 目標 是 月底 打 1 劑 的 民眾 達 6 成 國際 上 都 是 2 成就 會 看到 效果 6 成 的 國家 到 控制 得 好 今日 新增 的 372 例 本土 病例 為 207 例 男性 165 例 女性 年齡 介於 未 滿 5 歲 至 90 多 歲 發病 日 介於 今年 5 月 2 日 至 6 月 1 日 另 校正 回歸 個案 177 例 中 為 96 例 男性 81 例 女性 年齡 介於 未 滿 5 歲 至 80 多 歲 發病 日 介於 5 月 13 日 至 5 月 30 日 綜 上 所有 本土 個案 共有 549 例 以 新北 市 310 例 最 多 其次 為 臺北市 152 例 桃園 市 28 例 基隆 市 18 例 苗栗縣 12 例 彰 化 縣 10 例 高雄市 5 例 台 東縣 4 例 台中 市 3 例 新竹 縣 及 台南 市 各 2 例 新竹 市 南 投 縣 及 花蓮縣 各 1 例 其中 雙北 地區 以 外縣市 87 例 中 1 例 有 萬 華 活動 史 65 例 已 知 感染 源 21 例 關聯 不明 相關 疫情 調查 持續 進行 中 另外 今日 也 新增 12 例 死亡 個案 共計 為 男性 7 位 女性 5 位 年齡 介於 60 多 歲 至 90 多 歲 發病 日 介於 5 月 13 日 至 5 月 29 日 確診 日 介於 5 月 16 日 至 6 月 1 日 死亡 日期 介於 5 月 28 日 至 6 月 1 日 截至 目前 國內 共 累計 9389 例 確診 分別 為 1141 例 境外移入 8195 例 本土 病例 36 例 敦睦 艦隊 2 例 航空器 感染 1 例 不 明及 14 例 調查 中 另 24 例 新增 案 7666 案 8854 移除 為 空號 確診 個案 中 149 例 死亡 陳時中 表示 近期 發現 人流 有 往上升 的 現象 提醒 民眾 儘量 不 要 外出 分流 上班 戴好 口罩 勤洗手 減少 不必要 移動 活動 或 集會 避免 出入 人 多 擁擠 的 場所 或 高 感染 傳播 風險 場 域 並 主動 積極 配合 各項 防疫 措施 共同 嚴守 社區 防線</t>
  </si>
  <si>
    <t>中央 公佈 孕婦 納入 公費 covid-19 疫苗 接種 第 6 類 實施 對象 後 嘉義 市 隨即 宣佈 今 22 日 起 孕婦 可向 嘉義 基督教 醫院 天主教 聖馬 爾 定 醫院 台中 榮 總 嘉義 分院 衛生 福利 部 嘉義 醫院 及 東西區 衛生所 預約 接種 疫苗 莫德納 az 可 擇 一 接種 嘉義 市 衛生局 表示 中央流行疫情指揮中心 說明 為 降低 孕婦 于 孕期 感染 新冠肺炎 風險 避免 影響 胎兒 健康 將 孕婦 列為 第 6 類 公費 疫苗 接種 對象 即日起 開放 接種 衛生局 進一步 提醒 孕婦 接種 時 務必 攜帶 孕婦 健康 手冊 並 與 醫師 詳細 討論 風險 接種 效益 再 由 目前 供應 的 疫苗 種類 擇 一 接種</t>
  </si>
  <si>
    <t>新北 市長 侯友宜 今 上午 表示 不能 完全 排除 幼稚園 群 聚 感染 跟 機師 染疫 有關 但 兩者 時間 序 對不上 質疑 市府 甩 鍋 新北 市 副 發言人 蔡 畹 鎣 回應 針對 群 聚 案 新北 市 積極 匡列 疫 調 中 一切 等 基因 定 序 結果 出來 不 排除 任何 感染 源 的 可能性 市府 會 努力 做好 精准 疫 調 呼籲 民眾 有 任何 疑慮 或 出現 任何 症狀 可到 社區 篩檢 站 篩檢 新北 市 副 發言人 呂家 愷 進一步 說明 新北 市 在 進行 疫 調 過程 當中 發現 在 中央流行疫情指揮中心 公佈 的 時間 內 曾有 確診 者 的 家屬 到 過 桃園 另外 也 已 證實 有 確診 孩童 的 家屬 收到 細胞 簡訊 所以 目前 尚不 排除 新北 幼稚園 群 聚 感染 案 與 桃園 機師 案 的 關聯 性 不過 還是 要以 明天 中央 基因 定 序 的 比對 結果 為主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韓國疾 控 中心 指出 確診 新冠肺炎 患者 二 采 陰 又 複 陽者 對於 身邊 的 接觸 者 並 沒有 傳染 力 而 臺灣 一直 以來 都 是 採取 三 采 陰性 才能 解 隔離 出院 有 確診 者 表示 因 隔離 時間 太長 身心 壓力 大 還有 人 出院 後 出現 創傷 壓力 症候 群 對 此 中央流行疫情指揮中心 專家 小組 召集人 張上淳 表示 將 會 來 檢討 目前 三 采 陰 的 作法 減少 對 隔離 者 的 壓力 張上淳 表示 有 看 到 韓國 疾病 控制 中心 的 訊息 加上 臺灣 也 有 四 名 確診 者 在 三 采 陰 後 出院 又 複 陽 但 出去 後 並 沒有 接觸 者 感染 且 回 到 醫院 采 檢 立刻 三 采 陰性 很快 回家 專家 小組 據此 做出 建議 三 采 陰性 回家 應該 是 安全 至於 因此 是否 縮短 采 檢 陰性 次數 與 隔離 日期 張上淳 表示 討論 認為 第一 步 放寬 的 方式 處理 下 一 步 再 處理 三 采 陰 是否 改 成 二 采 陰 但 因為 國內 剩下 個案 很 少 當時 的 想法 是 說 影響 不是很 大 但 張上淳 也 坦言 隔離 確實 會 對 被 隔離 者 造成 身心 壓力 和 困擾 到 各 醫院 看 會 請 社 工 和 相關 心理 師 到 負 壓 隔離病房 對 患者 作 支持 與 溝通 希望 能 減少 這個 樣 狀況 陳時中 也 表示 目前 國內 剩下 19 名 住院 中的 患者 其中 有 一 名 是從 三月 十六 住院 至今 確實 時間 很 長</t>
  </si>
  <si>
    <t>指揮中心 宣佈 今 新增 一 例 確診 該 名 個案 是 旅 英 返台 的 30 歲 女性 在 機場 攔 采 檢 結果 是 陰性 檢疫 期間 出現 鼻 塞 味覺 異常 等 症狀 二 采 後 複 陽 確診 中央流行疫情指揮中心 專家 諮 詢 小組 召集人 張上淳 表示 目前 尚 無法 確認 女</t>
  </si>
  <si>
    <t>指揮中心 宣佈 今 新增 一 例 確診 該 名 個案 是 旅 英 返台 的 30 歲 女性 在 機場 攔 采 檢 結果 是 陰性 檢疫 期間 出現 鼻 塞 味覺 異常 等 症狀 二 采 後 複 陽 確診 中央流行疫情指揮中心 專家 諮 詢 小組 召集人 張上淳 表示 目前 尚 無法 確認 女子 的 確切 發病 時間 今日 確診 的 旅 英 返台 女 案 439 在 機場 攔 采 檢 結果 是 陰性 二 采 後 複 陽 確診 她 在 居家 檢疫 期間 持續 有 流 鼻 水 及 鼻 塞 後來 又 出現 味覺 異常 5 月 4 日 由 衛生 單位 協助 安排 就醫 采 檢 確診 目前 住院 隔離 治療 張上淳 表示 該 名 個案 一 開始 症狀 輕微 有 倦怠 的 症狀 但 她 誤以為 是 因 生理 期 的 所 致 並 表示 病人 主觀 感覺 不 一定 代表 真的 發病 因此 目前 無法 得知 一 采 的 時候 是否 已經 發病 後來 二 采 確診 女子 已 有 味覺 異常 發病 狀況 已經 更 明顯 但 目前 尚 無法 確認 女子 確切 發病 時間 外界 對於 是否 造成 傳播 有 疑慮 陳時中 強調 這些 防疫 旅館 基本上 都 有 受過 教育 訓練 sop 都 相當 完整 只要 有 遵照 sop 做 消毒 病毒 不 會 跳 過 牆壁 傳染</t>
  </si>
  <si>
    <t>新冠肺炎 疫情 愈來愈 險 竣 因 歐洲 美國 走樣 的 疫情 使得 國內 的 確診 病例 暴 增 衝破 百 例 蔡英文 總統 和 中央流行疫情指揮中心 指揮官 陳時 中都 表示 未來 兩 周是 關鍵期 指揮中心社區 防疫 組 副 組長 莊人祥 說明 原因 主要 是</t>
  </si>
  <si>
    <t>新冠肺炎 疫情 愈來愈 險 竣 因 歐洲 美國 走樣 的 疫情 使得 國內 的 確診 病例 暴 增 衝破 百 例 蔡英文 總統 和 中央流行疫情指揮中心 指揮官 陳時 中都 表示 未來 兩 周是 關鍵期 指揮中心社區 防疫 組 副 組長 莊人祥 說明 原因 主要 是 最近 14 天 為 歐洲 疫情 高峰 且 陸續 有 自 歐美 返台 之 國人 預測 這些 人 的 陽性率 恐 比 以往 還 高 合理 懷疑 接下來 都 是 類似 狀況 境外 與 本土 個案 持續 維持 懸殊 比例 是 個 指標 莊人祥 說 如果 反之 則 是 另外 一個 警訊 新冠肺炎 臺灣 確診 案例 破百 新增 案例 幾乎 全 為 境外 感染 中央流行疫情指揮中心 宣佈 自 19 日 起 外國人 禁止 入境 本國 人 入境 都須 居家 檢疫 14 天 最近 幾 天 的 確診 都 是 以 境外移入 為主 據 ettoday 新聞 雲 報導 莊人祥 記者 會後 進一步 說明 為何 評估 未來 14 天 是 關鍵期 主要 是 因為 歐洲 疫情 屬於 高峰 再 加上 很多 原先 住 在 歐美 的 國人 陸續 想要 返台 莊 人 祥 接 著 解釋 重點 不是 自 歐美 返台 的 人數 特別 多 而是 可以 想見 近期 返台 民眾 的 陽性 比例 高於 過往 也 合理 懷疑 未來 幾 天會 有 類似 情況 莊 人 祥 說 要是 未來 一段時間 境外移入 個案 數字 持續 增加 他 也 不 會 太 意外 但 他 承認 這 會 是 一個 威脅 但 如果 能 及早 偵 測 就 可以 進一步 避免 國內 本土 感染 境外 與 本土 個案 持續 維持 懸殊 比例 莊人祥 說 這樣 對 國內 疫情 管控 是 比較 好 的 指標 但是 如果 變成 本土 病例 上升 的話 或者 未知 感染 源 增加 則 是 另外 一個 警訊</t>
  </si>
  <si>
    <t>全國 新冠肺炎 疫情 升溫 三級 警戒 連江縣 疫情 指揮中心 今 21 日 公佈 新增 桃園 案 2344 密切接觸 需 居家 隔離 個案 1 人 全縣 統計 目前 居家 隔離 26 例 居家 檢疫 11 人 全縣 各 院所 門急診 采 檢 量 為 59 件 皆 為 陰性 連江縣 疫情 指揮中心 表示 疫情 中心 專線 進 話 29 通 內容 以 自我 健康 監測 問題 詢問 篩檢 結果 及 情緒 支持 為 多 地區 各 院所 門急診 采 檢 量 為 59 件 皆 為 陰性 依據 全國 防疫 會議 內容 中央流行疫情指揮中心 已 依 傳染病 防治法 等 相關 規定 全國 民眾 必須 遵守 的 防疫 措施 訂 定 一致性 之 指引 及 規範 外出 須 全程 佩戴 之 規定 針對 自行 開車 部分 如 為 2 人 以上 同 車則 應 佩戴 口罩 另 工地 施工人員 用餐 時間 可 保持 社交距離 15 公尺 者 可 允許 不須 佩帶 口罩 連江縣 疫情 指揮中心 表示 今 21 日 也 做 出 6 點 決議 呼籲 民眾 落實 相關 防疫 規定 1 警察局 及 各鄉 派出所 加強 巡邏 公共場所 賣 場 超 商 及 餐飲業 落實 三級 防疫 措施 2 各 醫療 院所 篩檢 站 針對 高風險 族群 逐步 篩檢 找 出 潛 在 感染 源 降低 社區 風險 3 呼籲 民眾 週末 減少 非必要 出門 避免 群 聚 勤洗手 戴 口罩 保持 社交距離 民政 處 加強 廣播 4 自 台 返 馬 民眾 請 進行 自我 健康 監測 14 日 減少 移動 5 建議 鄉親 減少 赴 台 公教人員 休假 比照 軍方 禁止 赴 台 休假 戶外運動 仍 須戴 口罩 6 針對 來 馬 遊客 確診 者 足跡 重疊 者 進行 快 篩 作業 從 高風險 地區 返 馬 民眾 請 與 疫情 中心 聯繫 安排 篩檢 時間 找 出 潛 在 感染者</t>
  </si>
  <si>
    <t>中央流行疫情指揮中心 今 10 日 針對 新北 幼稚園 群 聚 公佈 最新 基因 定 序 結果 確定 埃及 爸 案 16160 一家 三 口 都 染上 delta 變異 株 同時 也 指出 與 埃及 爸 同日 返台 的 表哥 和 哥哥 案 16169 案 16170 抗體 檢驗 結果 為 陰性 研 判</t>
  </si>
  <si>
    <t>中央流行疫情指揮中心 今 10 日 針對 新北 幼稚園 群 聚 公佈 最新 基因 定 序 結果 確定 埃及 爸 案 16160 一家 三 口 都 染上 delta 變異 株 同時 也 指出 與 埃及 爸 同日 返台 的 表哥 和 哥哥 案 16169 案 16170 抗體 檢驗 結果 為 陰性 研 判 是 近期 染疫 指揮中心 不 排除 將 改 列為 本土 感染 今 新增 2 例 本土 5 例 境外移入 指揮中心 表示 新北 幼稚園 群 聚 沒有 進一步 擴大 維持 在 27 例 2 例 本土 分別 為 北市 松山區 一 名 國 中生 與 新北 市 一 位 民眾 去 醫院 檢查 身體 經 篩檢 後 確診 指揮中心 今 公佈 埃及 爸 一家 三 口 病毒基因 定 序 確定 妻子 案 16155 及 小孩 案 16145 皆 感染 delta 顯示 和 幼稚園 群 聚 為 同一 感染 源 不過 仍 不能 推斷 埃及 爸 就是 這 起 群 聚 感染 源頭 也 有 可能 是 其他 社區 不明 感染 源頭 傳給 他 再 傳回 去 給 家人 目前 仍 暫 判 埃及 爸 為境外移入 個案 然而 指揮中心 也 公佈 與 埃及 爸 同日 返台 入境 後 陰轉陽 的 表哥 和 哥哥 抗體 測試 結果 呈 陰性 醫療 應變 組 副 組長 羅一鈞 研 判 這 顯示 2 人 為 近期 感染 推測 是 在 過去 7 10 天 之內 染疫 可能 屬於 晚 一 波 的 感染 個案 羅 一 鈞 說明 後續 將 追蹤 表哥 和 哥哥 體內 ct 值 變化 若 ct 值 有 再 下降 顯示 病毒 量 增加 未來 就 有 可能 將 這 2 例 改判 為 本土 病例 指揮中心 發言人 莊人祥 表示 目前 不會 針對 埃及 三 兄弟 回頭 匡列 8 月 4 日 同 班機 乘客 畢竟 已經 過 14 天 居家 檢疫 期 也 完成 2 次 采 檢 就算 有 抓 出 確診 者 也 不 具有 傳染 力</t>
  </si>
  <si>
    <t>滯留 在 武漢 當地 的 台商 當初 因為 武漢 倉促 封城 而 無法 返台 第一 班 包機 返台 後 終於 再次 啟動 中央流行疫情指揮中心 監測 應變 官 莊人祥 表示 將 比照 第一 班 包機 模式 台商 下機 後 先 在 臺灣 飛機 維修公司 機 棚 進行 防疫 檢查 後 若</t>
  </si>
  <si>
    <t>滯留 在 武漢 當地 的 台商 當初 因為 武漢 倉促 封城 而 無法 返台 第一 班 包機 返台 後 終於 再次 啟動 中央流行疫情指揮中心 監測 應變 官 莊人祥 表示 將 比照 第一 班 包機 模式 台商 下機 後 先 在 臺灣 飛機 維修公司 機 棚 進行 防疫 檢查 後 若 沒有 症狀 者 將 被 分 送往 集中 檢疫 場所 進行 隔離 檢疫 14 天 若 有 症狀 者 則 後 送 醫院 的 負 壓 隔離病房 采 檢 治療 新冠肺炎 肆虐 大陸 滯留 在 當地 的 台商 因為 武漢 倉促 封城 而 無法 返台 因此 有 了 武漢 包機 返台 模式 第一 班 包機 共有 247 名 滯留 當地 的 台商 搭乘 於 3 日 晚間 11 時 40 分 返台 後來 出現 一 名 有 發燒 症狀 經采檢 後 為 陽性 加上 名單 與 我方 開出 的 不 符合 因 此 第二 班 包機 遲遲 無法 成行 滯留 湖北 台人 的 包機 在 雙方 協商 僵持 1 個 多 月 後 總算 有 了 突破 據 瞭解 10 日 晚間 將 分別 由 臺灣 華航和 大陸 東方航空 執 飛 共 兩 架 包機 返台 座位 會 采 間隔 方式 總 人數 控制 在 200 人 出頭 當中 包含 臺灣 提出 的 121 人 優先 名單 中央流行疫情指揮中心 表示 第二 班 包機 原則 為 弱勢 優先 疾病 優先 才 有 辦法 持續 溝通 這次 原則 不 變 莊人祥 也 表示 若 登機 前 有 發燒 症狀 則 不能 登機 且 全程 需 配戴 口罩</t>
  </si>
  <si>
    <t>衛福部 食 藥 署 昨 核准 新冠肺炎 新藥 瑞德西韋 remdesivir 的 輸入 所屬 吉立亞 醫藥 針對 近 400 名 新冠肺炎 重症 者 進行 臨床 試驗 其中 有 11 名 為 臺灣 中 重症 病 患 食 藥 署 官員 表示 這 11 人 的 治療 效果 佳 有 肺 浸潤 呼吸困難 者 用 藥 後 症狀 都 有 明顯 改善 1000 人次 的 份量 以 臺灣 目前 累計 442 確診 病例 僅 有 不 到 1 成 符合 適應症 來看 大概 要 累計 1萬 人 確診 才 會用 罄 吉 立 亞 醫藥 4 月底 公佈 一 項 多國 多 中心 開放性 第 3 期 臨床 試驗 的 重要 結果 以 397 名 新冠肺炎 重症 者 為 研究 物件 吉立亞 醫藥 醫療 長 梅達帕西 merdad parsey 指出 在 第 3 次 試驗 中 5 天 治療 組 達到 一半 患者 的 臨床 改善 時間 為 10 天 10 天 治療 組 則 為 11 天 兩 組 皆 超過 一半 患者 在 第 14 天 出 院 而 在 第 14 天 5 天 治療 組 有 645 患者 達 臨床上 恢復 10 天 治療 組 則 有 538 根據 該 試驗 使用 瑞德西韋 5 天 與 10 天 的 病人 恢復 效果 差不多 未來 可 將 瑞德西韋 療程 定 在 5 天 節省 藥 量 以 提供 給 更 多病 患 雖 少數 病人 出現 噁 心 肝功能 上升 等 副作用 3 病人 因 肝功能 上升 停藥 但 疫情 指揮中心 專家 諮 詢 小組 召集人 張上淳 先前 即 指出 整體而言 瑞德西韋 是 比較 有 希望 的 新冠肺炎 治療 藥物 食 藥 署 署長 吳秀梅 表示 臺灣 參與 瑞德西韋 人 體 臨床 試驗 計 畫 共收 治 11 名 新冠肺炎 中 重度 個案 所有 患者 治療 效果 佳 有 肺部 浸潤 呼吸困難 者 在 積極 用 藥 後 症狀 都 有 明顯 改善 中央流行疫情指揮中心 發言人 莊人祥 表示 食 藥 署 初步 下 訂 1000 人次 的 份量 代表會 有 1000 人 可 受惠 進口量 大概 等於 6000 劑 以 臺灣 目前 符合 使用 瑞德西韋 確診 病例 僅 1 成 來看 1000 人次 的 量 已 充足</t>
  </si>
  <si>
    <t>澳洲 音樂家 日前 來 台 演出 返國 後 確診 新冠肺炎 值勤 該 班 臺北 布里斯本 的 組員 將 被 要求 居家 隔離 事後 再 傳出 確診 音樂家 是從 英國倫敦 搭 機 至 曼谷 再 轉機 到 臺灣 長 榮 表示 與 該 班機 接觸 過 的 20 多 名 機師 空服 與 地勤人員 都會 給予 防疫 假 居家 隔離 至 3 月 8 日 長 榮 航空 指出 依 中央流行疫情指揮中心 及 澳洲 官方 衛生 單位 提供 之 資訊 一 位 新冠肺炎 確診 病 患 曾 搭乘 3 月 2 日 br 315 班機 由 臺北 飛往 布里斯本 該 班機 服務 之 12 名 空服 員 已於 今日 清晨 返抵 臺灣 長 榮 航空 依疾 管署 之 規範 給予 14 天 有 給 之 防疫 假 進行 居家 隔離 此外 長 榮 航空 採取 更 嚴格 之 防疫 措施 該 班機 之 3 名 飛行員 及 曾近 距離 持續性 密集 接觸 的 地勤人員 比照辦理 另外 該 旅客 曾于 2 月 22 日 搭乘 br 68 自 倫敦經 曼谷 抵達 臺北 該 班機 所有 飛行員 空服 員 及 曾 密集 接觸 的 地勤人員 亦 給予 有 給 防疫 假 居家 隔離 至 3 月 8 日</t>
  </si>
  <si>
    <t>中央流行疫情指揮中心 22 日 宣佈 臺灣 醫療 能量 有 餘 裕 除 健檢 醫 美 外 要 開放 外籍人士 來 台 就醫 此話 一 出 便 引來 許多 反彈 對此 前 國民黨 立 委 孫大 千 直言 若 一旦 形成 防疫 破 口 是否 會 造成 醫院 的 群 聚 感染 最終 導致 台</t>
  </si>
  <si>
    <t>中央流行疫情指揮中心 22 日 宣佈 臺灣 醫療 能量 有 餘 裕 除 健檢 醫 美 外 要 開放 外籍人士 來 台 就醫 此話 一 出 便 引來 許多 反彈 對此 前 國民黨 立 委 孫大 千 直言 若 一旦 形成 防疫 破 口 是否 會 造成 醫院 的 群 聚 感染 最終 導致 臺灣 的 全面 淪陷 呢 指揮中心 將 在 8 月 1 日 開放 外籍人士 來 台 就醫 疫情 中心 發言人 莊人祥 表示 目前 排除 醫 美 健檢 等 非必要 醫療 行為 主要 還 是 針對 過去 曾在台 治療 的 病人 例如 癌症 等 重要 疾病 的 病人 進行 開放 由於 新冠肺炎 疫情 仍 持續 外界 質疑 此 政策 恐 形成 防疫 破 口 藍委 批評 此 政策 缺乏 周延 思考 也 沒有 和 醫護人員 充分 溝通 呼籲 衛福部 立即 暫緩 開放 外籍人士 來 台 就醫 政策 孫 大 千 則 在 臉書 表示 民進黨 政府 是 腦袋 有 問題 嗎 他 說 上次 投入 數 千萬 片 的 口罩 贈送給 國外 的 友 邦政府 害得 國內 的 民眾 只 能夠 苦哈哈 的 排隊 購買 每 14 天 配給 9 片 的 口罩 還要 學習 如何 用電 鍋 蒸 口罩 最後 外宣 效果 極為 有限 變成 一 種 自 嗨 自 爽 的 行為 根本就是 肉包子打 狗 有去無回 孫 大 千 指出 現在 為了 要 推動 階段性 的 台獨 不惜犧牲 臺灣 人民 的 健康 安全 規劃 開放 外籍人士 來 台 就醫 原本 不是 才 告訴 國內 民眾 為了 保全 有限 的 醫療 資源 和 實力 所以 不 推動 全民 普 篩 一旦 開放 外籍人士 來 台 就醫 難道 不 會 耗費 現有 醫療 能量 嗎 更 重要 的 是 如果 一旦 形成 防疫 破 口 是否 會 造成 醫院 的 群 聚 感染 最終 導致 臺灣 的 全面 淪陷 呢</t>
  </si>
  <si>
    <t>指揮中心 前天 13 日 公佈 一 名 台商 自大 陸 江蘇 返台 確診 新冠肺炎 是 時隔 8 個 月 又 見 大陸 移入 個案 光電 大廠 友達 也 證實 染疫 台商 為 昆山 廠 台籍 幹部 然而 昨 14 日 晚 大陸 疾 控 中心 指 收到 我方 電 郵 指 該 名 台商 案 530 的 核酸 檢測 為 陰性 我 指揮中心 證實 這 名 台商 確實 首 采 陽性 但 二 采 卻 呈現 陰性 結果 目前 難以 判斷 是否 染疫 進一步 的 檢驗 結果 最 快 今天 出爐 時隔 8 個 月 又 出現 新冠肺炎 大陸 移入 個案 引發 各界 高度 關注 友達 昨 傍晚 也 證實 確診 個案 是 該 公司 昆山 廠 台籍 幹部 但 陸方疾 控 中心 昨 傳出 我方 通報 的 采 檢 結果 該 個案 核酸 檢測 為 陰性 加上 我 指揮中心 前天 宣佈 有 大陸 移入 個案 後 陸方 連夜 采 檢 友達 昆山 廠 1970 名 員工 結果 均 為 陰性 密切接觸 者 40 人 的 血清 和 咽喉 拭 紙 檢測 結果 也 為 陰性 引發 案 530 是否 為 烏龍 確診 的 疑慮 指揮中心 發言人 莊人祥 表示 這 位 台商 是 11 日 入境 檢測 12 日 檢驗 結果 陽性 當日 再 采 檢 後 14 日 檢驗 結果 卻是 陰性 並 表示 這 位 台商 入境 采 檢 是 用 口水 2 次 采 檢 是 咽喉 目前 難以 判斷 是否 染疫 已經 從 台商 口水 中 嘗試 培養 病毒 以 厘 清 進一步 檢驗 結果 最 快 今天 出爐 據 中央流行疫情指揮中心 公佈 資料 案 530 為 40 多 歲 男性 於 2 月 赴 大陸 江蘇 工作 10 月 11 日 返台 休假 因 入境 時 出現 咳嗽 流 鼻 水 及 鼻 塞 等 症狀 於 機場 進行 采 檢 13 日 確診</t>
  </si>
  <si>
    <t>本土 疫情 持續 趨 緩 中央流行疫情指揮中心 今天 公佈 10 月 19 日 至 11 月 1 日 維持 二級 警戒 不過 因為 疫情 穩定 因此 宣佈 口罩 鬆綁 規定 19 日 起 民眾 從事 戶外運動 室內外 拍照 時 可以 不 用 配戴 口罩 至於 何時 可以 降到 一級 指揮</t>
  </si>
  <si>
    <t>本土 疫情 持續 趨 緩 中央流行疫情指揮中心 今天 公佈 10 月 19 日 至 11 月 1 日 維持 二級 警戒 不過 因為 疫情 穩定 因此 宣佈 口罩 鬆綁 規定 19 日 起 民眾 從事 戶外運動 室內外 拍照 時 可以 不 用 配戴 口罩 至於 何時 可以 降到 一級 指揮官 陳時中 表示 降 一級 的 條件 很多 還 要 繼續 努力 外界 關心 今天 宣佈 二級 警戒 持續 維持 究竟 二級 警戒 何時 可以 下降 與 兩劑 疫苗 覆蓋率 要 達到 6 成 有關 嗎 陳時中 表示 要 降 一級 有 多重 條件 在 目前為止 全國 疫苗 一 劑 的 覆蓋率 為 6211 劑 次 人口 比 8412 換句話說 第二 劑 的 覆蓋率 還 是 只 有 22 還是 要 繼續 努力 請 大家 不要 急</t>
  </si>
  <si>
    <t>日本 厚生 勞動 省 日前 通報 我方 當地 自 臺灣 返 日 的 學生 檢 出新冠肺炎 陽性 中央流行疫情指揮中心 發言人 莊人祥 表示 今 早 得知 這 名 學生 的 ct 值 大於 35 屬於 弱 陽性 衛生 單位 目前 已 要求 100 多 名 接觸 者 進行 采 檢 截至 目前 44 人</t>
  </si>
  <si>
    <t>日本 厚生 勞動 省 日前 通報 我方 當地 自 臺灣 返 日 的 學生 檢 出新冠肺炎 陽性 中央流行疫情指揮中心 發言人 莊人祥 表示 今 早 得知 這 名 學生 的 ct 值 大於 35 屬於 弱 陽性 衛生 單位 目前 已 要求 100 多 名 接觸 者 進行 采 檢 截至 目前 44 人 陰性 其 餘 結果 將 在 6 點 前 出爐 20 多 歲 來 台 留學 的 日本籍 女 學生 20 日 返回 日本 後 被 驗 出新冠肺炎 日本 官方 資料 指出 該 女 的 感染 源 為 臺灣 引發 外界 擔憂 莊人祥 表示 今 早 接 獲 日方 告知 該 女 的 ct 值 為 3738 在 臺灣 通常 是 低於 35 會 判 陽性 這個 學生 的 狀況 在 臺灣 會 被 判為 弱 陽性 基本上 ct 值 大於 33 就 養 不 太 出 病毒 傳染 力 低 而 這 名 學生 也 沒有 症狀 很難說 什麼 時候 感染 莊人祥 表示 先前 要求 125 個 接觸 者 改為 居家 隔離 並 采 檢 但 其中 2 名 同學 已經 不在 國內 還有 7 人 仍 在 協 尋 中116 名 接觸 者 當中 截至 目前 已 有 有 44 人 檢驗 陰性 其 餘 72 人 的 采 檢 結果 預計 將 在 今晚 6 點 前 出爐 莊 人 祥 表示 這 名 個案 傳染 力 不 高 且 衛生 單位 也 有 掌握 密切接觸 者 採取 的 是 精准 防疫 才 決定 不 公佈 足跡 至於 為何 等到 昨天 傍晚 5 點 才 公佈 他 表示 是 因為 在 等待 日方 的 說法 也 在 與 學校 溝通 才多花 了 一些 時間 對於 有 專家建議 普 篩 莊人祥 表示 指揮中心 曾 針對 3 月 30 日 自 美國紐約 返台 的 最毒 班機 進行 全采檢 12 名 有 症狀 的 個案 都 確診 但 沒 症狀 的 人 都檢 不出 病毒 顯示 指揮中心 不 普 篩 有 根據 的</t>
  </si>
  <si>
    <t>中央流行疫情指揮中心 昨日 12 宣佈 新 增 16 例 本土 個案 包括 臺北 新北 宜蘭 基隆都 有 確診 者 讓 全台 恐慌 國民黨 立 委 曾銘宗 賴士葆 雙雙 呼籲 總統 蔡英文 別 再 陷 意識形態 趕快 向 上海 複 星 醫藥 採購 有效 且 安全 的 德國</t>
  </si>
  <si>
    <t>中央流行疫情指揮中心 昨日 12 宣佈 新 增 16 例 本土 個案 包括 臺北 新北 宜蘭 基隆都 有 確診 者 讓 全台 恐慌 國民黨 立 委 曾銘宗 賴士葆 雙雙 呼籲 總統 蔡英文 別 再 陷 意識形態 趕快 向 上海 複 星 醫藥 採購 有效 且 安全 的 德國 biontech bnt 輝瑞 疫苗 曾銘宗 昨日 接受 香港媒體 中 評 社 訪問 表示 臺灣 目前 採購 道 的 az 疫苗 不管 是 對 一般 民眾 或是 醫護人員 信心 都 不足 尤其 連 具有 醫療 專業 的 醫護人員 都 沒 信心 現在 變成 在 鼓勵 一般 民眾 施打 即便 一般 民眾 有意 施打 但 眼前 卻 只 有 az 疫苗 唯一 選項 導致 接種 意願 低落 曾銘宗 指出 雖然 中央流行疫情指揮中心 說 有 採購 505萬 劑 莫德納 疫苗 希望 6 月 到貨 但 這個 時程 真的 拖 太 久 了 何況 6 月 到底 能 不能 真的 到貨 也 有 疑慮 他 認為 蔡 政府 應 放下 意識形態 趕快 找 上海 複 星 醫藥 談 儘快 讓 有效 且 安全性 較 高 的 輝瑞 疫苗進來 讓 民眾 施打 賴士葆 受訪 也 表示 第一線 的 醫護人員 az 疫苗 的 接種 率 只 有 11 連 醫療 專業者 都 認為 az 疫苗 風險 高 所以 想 等 bnt 疫苗 或 其他 疫苗 選項 而且 az 疫苗 負面新聞 不斷 變成 大家 縱然 想 打 也 不敢 打 明明 當初 就 有 機會 採購 到 bnt 疫苗 若 不是 蔡 政府 意識形態 作祟 又 有人 想 從中 撈 一 筆 bnt 疫苗 也 不 會 被 白白 耽誤 早就 進來 了 賴 強調 臺灣 現在 又 爆發 社區 感染 但 現在 向 德國 買 bnt 疫苗 的 話 會 變 比較 貴 和 之前 差 到 台幣 70 幾 億 賴士葆 指出 蔡 政府 說 等 國產 疫苗 但 國產 疫苗 有 沒有 效 實驗 樣本 性 夠不夠 這些 都 是 問題 何況 只 有 第二 期 實驗 就 授權 有 不少 的 爭議 就算 對 人 沒有 傷害 有 沒有 防護力 也 是 問題 甚至 有 沒有 在 疫苗 爆發 區 例如 印度 接受 檢驗 國產 疫苗 的 保護 力 也 仍 是 未知數 綜觀 眼前 情勢 賴士葆 直言 輝瑞 目前 被 認為 是 最好 的 疫苗 美國 原來 一 天 確診 20萬 人 普遍 施打 後 現在 一 天 不 到 4萬 人 現在 只能 要求 蔡 政府 趕快 購買 保護 力高 讓 人民 有 信心 的 輝瑞 疫苗 雖然 輝瑞 bnt 疫苗 的 大中華 地區 總代理 是 上海 複 星 但 只要 能夠 放下 意識形態 還是 能夠 趕快 取得 輝瑞 bnt 疫苗 陳時中 旁邊 的 專家 諮 詢 小組 召集人 張上淳 其實 很 懂 但 好像 沒向 陳 建議 因為 陳 很多 防疫 決策 都 是 有 問題 的</t>
  </si>
  <si>
    <t>大陸 數 月 前 自 祿 口 機場 清潔 人員 檢 出 印度 變異 株 delta 後 本土 疫情 便 在 境內 多 處 擴散 引發 國際 擔憂 國內 今 新增 一 名 桃 勤 清潔 人員 染疫 經 初步 定序檢 出 delta ct 值 僅 14 專家 擔憂 事情 大 條 由於 國內 過去 的 本土 群 聚 都 是 以 職 場 家戶 接觸 者 為主 加上 此次 碰上 中秋 連 假 專家 呼籲 衛生 單位 必須 與 時間 賽跑 今日 應盡 速 把 第一圈 接觸 者 采 檢 完 瞭解 機場 是否 有 傳播 鏈 連 假 是否 需 進一步 限 縮 國人 行動 就 得 看看 此次 的 疫情 規模 桃園 市 今日 新增 一 名 20 多 歲 桃勤 清潔 人員 案 16213 確診 中央流行疫情指揮中心 表示 個案 曾 接種 1 劑 疫苗 原定 在 9 月 23 日 接種 第 2 劑 不過 9 月 12 日 個案 開始 流 鼻涕 頭暈 14 日 確診 ct 值 只 有 14 初步 定序為 delta 由於 個案 9 月 7 日 快 篩 陰性 因此 匡列 9 月 8 日 以後 的 接觸者 桃園 市 今 午 表示 個案 可 傳染期 在 桃園 的 足跡 只 有 全 聯 家樂福 其 餘 都 以 雙北 為主 北醫 附 醫 胸腔 內科主任 周 百 謙 表示 南京機場 數 月 前 才 爆發 delta 疫情 明顯 機場 就 是 個 高風險 場 域 包括 門把 桌面 電梯 等 環境 污染 都有 可能 導致 後續 的 傳染 國內 45 月 曾 爆發 諾 富特 事件 但 至今 機場 的 工作人員 卻 未 完整 接種 相當 可惜 2 劑 疫苗 的 接種 是 基本 的 機場 的 人員 比 第 2 類 更 重要 此次 應 看看 究竟 有 多少 工作人員 還 未 接種 疫苗 周 百 謙 表示 一般而言 清潔 人員 通常 都 會 有 一起 吃飯 休息 的 地方 目前 並 不 曉得 清潔 人員 的 同事 是否 染疫 國人 口罩 遵從 度 高 不論是 近期 的 幼稚園 群 聚 過去 的 台電 群 聚 都 是 以 職 場 家戶 接觸 者 為主 因此 此次 機場 是否 有 傳播 鏈 將 是 首要 關鍵 呼籲 衛生 單位 今 應 把 第一圈 接觸 者 先采 檢 一 輪 由於 再過 幾 天 就 是中秋 連 假 民眾 跨縣 市 移動 的 機 率 將 增高 周百謙 坦言 此次 的 疫情 有 隱憂 他 強調 衛生 單位 如今 必須 和 時間 賽跑 盡 速 把 同事 家人 等 采 檢 完 瞭解 染疫 的 規模 後 才能 決定 是否 需 對 連 假期 間 的 活動 進行 限制</t>
  </si>
  <si>
    <t>彰 化 16 日 晚間 傳出 新增 2 名 學生 確診 彰 化 縣政府 17 日 上午 由 縣長 王 惠美 率 相關 局 處長 透過 臉書 粉 專 直播 說明 防疫 作為 公佈 疫 調 足跡 表 針對 家長 要求 停課 也 強調 未 達 中央 規範 但 家長 憂心 而以 防疫 因素 同意 為 孩子 請假 學校 都將 不 列入 假 勤 紀錄 王 惠美 強調 家長 因為 擔心 疫情 幫 孩子 向 學校 請假 學校 從寬 認定 不 列入 紀錄 因 疫情 停課 補課 措施 會 依據 相關 因應 辦法 標準 來 辦理 而 課後 班 幼稚園 安親班 等 若無 法 落實 防疫 者 全部 予以 停止 她 更 感謝 所有 站 在 第一線 的 醫 事 消防 民政 人員 不眠不休 全力 投入 防疫 呼籲 民眾 做好 所有 防疫 措施 戴 口罩 勤洗手 避免 外出 相信 我們 都 能 攜手 度過難關 衛生局長 葉 彥 伯 則 說 彰 泰國 中共 2 名 學生 陸續 確診 兩 人 同班 但 位置 相隔 23 排 平常 不是 同一 掛 的 還要 厘 清 接觸 感染 情況 今天 起 全校 停課 所有 師生 自主 健康 管理 14 天 健康 監測 有 症狀 就要 就醫 采 檢 其中 1 確診 學生 有 參加 第一 天 會考 試場 教室 內 有 2 名 老師 42 名 考生 一半 是 彰 泰國 中學生 另 一半 是 和 群 國 中學生 全部 匡 列為 居家 隔離 采 檢 對象 另外 南彰 化 葡萄 盤 商家 族 又 有 一 名 小孩 確診 同班同學 已 通知 隔離 等候 采 檢 結果 中 3 名 確診 學生 合計 匡列 校內 接觸 者 共 121 名 師生 包括 教職員 24 人 與 學生 97 人 也 要求 學校 進行 環境 清潔 消毒 其 餘 班級 做好 防疫 措施 教育 處長 陳逸玲 強調 中央流行疫情指揮中心 的 停課 標準 是 校內 2 人 確診 加上 考量 學校 仍 是 相對 安全 的 處所 若 全校 停課 並 不是 每 位 學生 在 家 都 有 人 照顧 若 學生 不 上課 卻 四處 遊蕩 甚至 去 玩 水 找 同學 聚餐 反而 引起 更 多 不良後果 只要 家長 因為 憂心 疫情 同意 幫 孩子 請假 的 都 不 列入 請假 紀錄 而 國中 會考 與 彰 泰國 中 確診 學生 同 考場 的 還有 芬園 國 中 和 群 國 中 考生 經 昨天 反 覆 討論 也 決定 讓 兩 校 國 三學 生 停課 在家 自主 健康 管理 葉 彥 伯 呼籲 經過 連日來 疫 調 整理 出 4 張 足跡 民眾 若 在 同 日期 時段 出現 在 這些 場所 應該 立即 從 當天 開始 自主 健康 管理 14 天 身體 出現 症狀 就 主動 就醫 采 檢 而 不適 把 足跡 圖 作為 獵 巫 標籤 化 的 工具 那對 阻斷 病毒傳播 一點 説明 也 沒有</t>
  </si>
  <si>
    <t>中央流行疫情指揮中心 今天 公佈 中央流行疫情指揮中心 今日 公佈 國內 新增 267 例 covid-19 確定 病例 分別 為 262 例 本土 個案 及 5 例 境外移入 個案 另 有 校正 回歸 本土 個案 65 例 總計 332 例 而 確診 個案 中 新增 13 例 死亡 其中 有 兩 人 是</t>
  </si>
  <si>
    <t>中央流行疫情指揮中心 今天 公佈 中央流行疫情指揮中心 今日 公佈 國內 新增 267 例 covid-19 確定 病例 分別 為 262 例 本土 個案 及 5 例 境外移入 個案 另 有 校正 回歸 本土 個案 65 例 總計 332 例 而 確診 個案 中 新增 13 例 死亡 其中 有 兩 人 是 在 院內 感染 還有 一 人 為 溺水 死亡 指揮中心 表示 今日 新增 13 例 死亡 個案 案 1757199325802786299331453546410265176562693274837793 共計 為 男性 10 位 女性 3 位 年齡 介於 60 多 歲 至 80 多 歲 發病 日 介於 5 月 13 日 至 5 月 27 日 確診 日 介於 5 月 17 日 至 5 月 29 日 死亡 日期 介於 5 月 24 日 至 5 月 31 日 其中 案 2786 與 案 7483 分別 是 在 不同 醫 院內 的 患者 但 都 被 同 病房 的 確診 者 而 被 匡列 接觸 者 指揮中心 發言人 莊人祥 表示 案 2786 住院 時間 也 很 早 已 有 多次 篩檢 接觸 其他 確診 者 而 被 匡列 案 7483 本身 有 氣喘 冠狀動脈 病史 五月 五 日 入院 治療 後續 是因為 同 病房 的 個案 被 匡列 有 三 次 因為 是 接觸 者 采 檢 但 都 是 陰性 後來 變 陽性 另外 案 6932 則 是 溺水 死亡 莊人祥 表示 死亡 個案 60 幾 歲 男性 5 月 20 發燒 本身 有 高血壓 糖尿病 史 有 去 診所 就醫 在 5 月 24 日 時 溺水 死亡 死 後 采 檢 確診 莊 人 祥 表示 目前 只要 在 家中 或 是非 在 醫院 的 死亡 通常 檢 警 都 會 去 探查 他們 通常 都會先 根據 他們 有 懷疑 就 可以 采 檢 采 檢 了 就 會 送驗 指揮中心 沒有 限制 什麼樣 的 狀況 要 不 要 檢驗 非 自然 死亡 就 會 有 這樣 類似 的 采 檢</t>
  </si>
  <si>
    <t>中央流行疫情指揮中心 今 12 日 公佈 國內 新增 24 例 covid-19 確定 病例 分別 為 23 例 本土 及 1 例 境外移入 另 確診 個案 中 新增 1 例 死亡 指揮中心 表示 今日 新增 之 23 例 本土 病例 其中 9 例 為 居家 隔離 期間 或 期滿 檢驗 陽性者 為 13 例</t>
  </si>
  <si>
    <t>中央流行疫情指揮中心 今 12 日 公佈 國內 新增 24 例 covid-19 確定 病例 分別 為 23 例 本土 及 1 例 境外移入 另 確診 個案 中 新增 1 例 死亡 指揮中心 表示 今日 新增 之 23 例 本土 病例 其中 9 例 為 居家 隔離 期間 或 期滿 檢驗 陽性者 為 13 例 男性 10 例 女性 年齡 介於 未 滿 10 歲 至 90 多 歲 發病 日 介 於今 2021 年 6 月 20 日 至 7 月 11 日 個案 分佈 以 新北 市 10 例 為 最 多 其次 為 臺北市 9 例 基隆 市 桃園 市 新竹 市 及 台中 市 各 1 例 其中 17 例 為 已 知 感染 源 4 例 關聯 不明 2 例 調查 中 相關 疫情 調查 持續 進行 中 指揮中心 說明 今日 新增 1 例 死亡 個案 案 2598 為 60 多 歲 男性 具 慢性病 史 及 其他 確診 者 接觸 史 個案 於 5 月 11 日 出現 發燒 等 症狀 5 月 19 日 就醫 采 檢 5 月 20 日 確診 並 住院治療 6 月 11 日 解除 隔離 並出 院 7 月 10 日 因 其他 原因 死亡 指揮中心 指出 近期 確診 個案 解 隔離 情形 5 月 11 日 至 7 月 10 日 累計 公佈 14019 位 確診 個案 中 已 有 11850 人 解除 隔離 解 隔離 人數 達 確診 人數 845 指揮中心 表示 今日 新增 1 例 境外移入 個案 案 15370 為 克羅埃西亞 籍 未 滿 10 歲 女童 6 月 28 日 自 瑞士 入境 持 搭 機 前 3 日內 檢驗 陰性 報告 入境 後 至 防疫 旅館 檢疫 7 月 10 日 進行 檢疫 期滿 前 采 檢 於 今日 確診 ct 值 33 個案 在 台 期間 並 無 症狀 相關 接觸 者 匡列中 中央流行疫情指揮中心 指揮官 陳時中 表示 以 確診 者 居住 縣 市 來看 還 是 集中 在 雙北 現在 解除 隔離 人數 達 845 這周 以來 病例 數 只 有 一 天 18 例 以外 接下來 都 是 20 30 多 例 連續 三 周 rt 值 都 小於 1 比較 好 的 情況 下 會 持續 減少 相關 案件數 指揮中心 統計 截至 目前 國內 累計 1639921 例 新型 冠狀病毒 肺炎 相關 通報 含 1622834 例 排除 其中 15273 例 確診 分別 為 1203 例 境外移入 14017 例 本土 病例 36 例 敦睦 艦隊 2 例 航空器 感染 1 例 不 明及 14 例 調查 中 確診 個案 中 累計 105 例 移除 為 空號 自 2020 年 起 累計 741 例 covid-19 死亡 病例 其中 733 例 本土 個案 居住 縣 市 分佈 為 新北 市 369 例 臺北市 283 例 基隆 市 25 例 桃園 市 21 例 彰 化 縣 12 例 新竹 縣 9 例 台中 市 4 例 宜蘭 縣 苗栗縣 及 花蓮縣 各 2 例 台 東縣 雲 林縣 南 投 縣 及 高雄市 各 1 例 另 8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中央流行疫情指揮中心 今 9 日 公佈 的 案 120383 日 才從 臺北 坐 高鐵 南下 回水 上 鄉 老家 居住 8 日 因 頭暈 由 救護車 送 往 醫院 治療 但 未 等 到 篩檢 結果 出爐 就 自行 離開 衛生局 昨晚 11 點 多 接 獲 院方 通報 得知 他 確診 緊急 把 人 找 出來 送</t>
  </si>
  <si>
    <t>中央流行疫情指揮中心 今 9 日 公佈 的 案 120383 日 才從 臺北 坐 高鐵 南下 回水 上 鄉 老家 居住 8 日 因 頭暈 由 救護車 送 往 醫院 治療 但 未 等 到 篩檢 結果 出爐 就 自行 離開 衛生局 昨晚 11 點 多 接 獲 院方 通報 得知 他 確診 緊急 把 人 找 出來 送醫 並 匡列 6 人 進行 采 檢 目前 已 知 5 接觸 者 篩檢 結果 陰性 嘉義 縣 今 9 日 未 公佈 確診 個案 但 嘉義 縣長 翁章梁 下午 3 點 緊急召開 線 上 記者會 公佈 外縣市 案 12038 的 足跡 翁章梁 說 案 12038 離開 水上鄉 10 多年 長年 在 北部 發展 但 謀生 狀況 不太好 近來 受 疫情 波及 以前 常住 的 地方 都 關門 所以 才 返鄉 翁章梁 說 案 12038 於 3 日 當天 下午 4 點 多 搭 高鐵 0845 車次 坐在 4 車 10 e 號 車位 南下 約 6 點 50 分 抵達 隨後 叫 計程車 返回 水上鄉 內溪村 的 住家 據 案 12038 自述 他 這 段 時間 都 沒有 出門 多 委 讬 一 名 黃 姓 友人 全送 餐 食 8 日 晚間 6 點 到 7 點 之間 曾 到 村莊 裡 的 廟宇 仁安 宮 拜拜 之後 因 身體 不適 叫 救護車 由 嘉縣 消防 局 三和 分隊 送 往 醫院 之後 案 12038 又 自行 叫 救護車 離開 深夜 11 點 多 院方 通知 衛生局 他 確診 今 淩晨 找 到 人 馬上 將 人 送 到 醫院 治療 翁章梁 說 目前 共 匡列 7 名 接觸 者 包括 2 名 計程車 司機 黃姓 友人 共 3 人 要 居家 隔離 另 村長 派出所 兩 名 員 警 和 案 12038 的 堂 哥 自主 管理 不含 堂 哥 已 篩檢 6 人 5 人 篩檢 陰性 因 無法 確認 案 12038 供稱 足跡 是否 屬實 縣府 也 委 讬 警察局 地方 人士 協助 追蹤 還原 至於 案 12038 是否 在 北部 就 出現 症狀 卻 仍 返鄉 衛生局長 趙紋華 說 還要 再 厘 清</t>
  </si>
  <si>
    <t>嘉義 市 有 12 名 民眾 18 日 陸續 主動 打電話 通報 市政府 3 月 5 日 從 西班牙 土耳其 愛爾蘭 荷蘭 旅遊 入境 返台 市府 民政 處 表示 將 依據 中央 疫情 指揮中心 指示 追蹤 管理 這 12 人 做 居家 檢疫 里幹事 到家 戶 關懷 中央流行疫情指揮中心 指揮官 陳時中 18 日 宣佈 3 月 5 日 起 入境 臺灣 不分 國籍 一律 居家 檢疫 14 天 此 項 防疫 措施 自 19 日 淩晨 零 時 起 實施 市府 表示 中央 疫情 指揮中心 發佈 管制 措施 後 陸續 接 到 5 男 7 女 共 12 名 市民 打電話 通報 5 日 返台 入境 市府 將 依 中央 規定 追蹤 管理 他們 的 居家 檢疫</t>
  </si>
  <si>
    <t>中央流行疫情指揮中心 昨 公佈 新增 3 名 新冠肺炎 境外移入 個案 其中 2 人 為 30 多 歲 男性 案 519521 1 人 為 20 多 歲 女性 案 520 均 為 本 國籍 分別 自 美國 及 法國 返台 感染 專家 黃立民 表示 近期 臺灣 新冠肺炎 確診 者 又 現 從 歐</t>
  </si>
  <si>
    <t>中央流行疫情指揮中心 昨 公佈 新增 3 名 新冠肺炎 境外移入 個案 其中 2 人 為 30 多 歲 男性 案 519521 1 人 為 20 多 歲 女性 案 520 均 為 本 國籍 分別 自 美國 及 法國 返台 感染 專家 黃立民 表示 近期 臺灣 新冠肺炎 確診 者 又 現 從 歐美 返台 民眾 可說是 第二 波 疫情 來 襲 的 前哨 顯示 歐美 疫情 又 開始 變 壞 加上 氣溫 變 冷 非常 不利 防疫 建議 入境者 居家 檢疫 期滿 都應再 篩檢 陰性 再 回 社區 是 相對 容易 防疫 模式 中央流行疫情指揮中心 發言人 莊人祥 表示 案 519 長期 在 美國 工作 約 2 至 3 個 月 返台 一 次 在 美國 期間 無 不適 症狀 10 月 4 日 返台 入境 時 主動 告知 搭 機時 出現 喉嚨 癢 症狀 由 機場 檢疫 人員 協助 采 檢 昨天 確診 同 班機 接觸 者 共 21 人 案 520 今年 於 法國 留學 畢業 後 9 月中 旬 再 前往 法國 莊人祥 指出 案 520 是 在 9 月 27 日 至 30 日 陸續 出現 發燒 頭痛 流 鼻 水 鼻 塞 及 嗅覺 異常 症狀 未 於 法國 當地 就醫 10 月 4 日 返國 入境 時 主動 告知 檢疫 人員 有 症狀 於 機場 進行 采 檢 確診 至於 案 521 其 長期 於 美國 工作 與 案 519 搭乘 同 班機 返台 但 兩 人 互不 認識 機組員 7 人 已 列為 案 519 接觸 者 不 重複 匡列 而 同 班機 前後 二 排座位 旅客 共 11 人 則 列 居家 隔離 針對 昨天 一口氣 三 名 確診 個案 都 是 歐美 確診 者 臺灣 感染症 醫學會 理事長 黃立民 表示 顯示 歐 美洲 疫情 又 開始 變 得 更糟 他 憂心 秋冬 天氣 變 冷 加上 臺灣 民眾 真的 關 了 很 久 恐 再也 不 耐受 到 行動 限制 兩者 加 乘 下 非常 不利於 防疫 中華民國 防疫 學會 理事長 王任賢 指稱 這不 是 第二 波 疫情 全球 都還 在 第一 波 疫情 未 清 的 狀況 新冠肺炎 病毒 從沒 消失 過 但 他 也 認為 國內 目前 沒有 社區 感染 只要 守 住 邊境 戴 口罩 並 保持 社交距離 不用 太悲觀 他 不 認為 臺灣 疫情 有 再 大 爆發 可能</t>
  </si>
  <si>
    <t>近日 來 因 敦睦 艦隊 返航 磐石 軍艦 的 官兵 新冠肺炎 確診 數 增加 引起 各 地方 政府 的 重視 紛紛 以 不同 的 方式 規 畫 超前 部署 的 防治 措施 卻 因 與 中央流行疫情指揮中心 意見 不盡一致 而有 中央 與 地方 不 同調 的 府際 爭議 情狀 發生</t>
  </si>
  <si>
    <t>近日 來 因 敦睦 艦隊 返航 磐石 軍艦 的 官兵 新冠肺炎 確診 數 增加 引起 各 地方 政府 的 重視 紛紛 以 不同 的 方式 規 畫 超前 部署 的 防治 措施 卻 因 與 中央流行疫情指揮中心 意見 不盡一致 而有 中央 與 地方 不 同調 的 府際 爭議 情狀 發生 尤其 對於 高雄 市政府 的 超前 防治 規 畫 更為 罷 韓 團體 視為 拖延 罷免 的 行徑 頗 多 過甚其辭 之 言論 一一 出現 就此 次 新冠肺炎 肆虐 全球 的 大 災難 言 之 不僅 國內 須 行政 一體 積極 協同 防治 國際 間 更 宜以 全球 治理 觀點 採取 相互 支援 的 人道 措施 我國 最近 捐贈 友邦 防治 器材 固 是 防疫 外交 的 作為 也 頗 受 友 我 國家 的 好評 即是 臺灣 身為 全球 一 員 的 協力 治理 卓越 成就 基於 此 一 認知 回顧 國內 中央 與 地方 的 防疫 作為 認知 差異 尤其 媒體 名 嘴 的 偏頗 助 瀾 不免 令 人 憂心 知識份子 的 良知 何在 有 必要 如此 不分 是非 嗎 倒 是 行政院長 蘇貞昌 希望 朝野 不要 再 對立 值得 省 思 誠然 防疫 當前 既然 中央 已 成立 指揮中心 基於 資源 共用 以及 行動 一致 的 必要性 理論 上 宜以 中央 疫情 指揮中心 的 指揮 為 唯一 行動 基準 地方 政府 能夠 知 所 依循 應系 理性 選擇 而非 盲目 施為 問題 是 中央 指揮中心 對於 防疫 的 指揮 本 就 須 視 疫情 的 衍變 而有 不同 的 策略 規 畫 就 以 口罩 的 分配 來說 雖 未 到 一 日數 變 至少 可說 一個 月 好幾 變 乃 有 口罩 102030 乃至 40 的 說法 地方 政府 看到 國際 疫情 的 走勢 依據 學者 專家 的 呼籲 斷然 採取 若干 超前 的 演練 措施 中央 指揮中心 實 無 倒 喝采 之 必要 何況 中央 指揮中心 還 有意無意 有 南北 不同 的 指示 比如 新北 市 的 兵 演 召集人 張上淳 還 專程 蒞臨指導 並且 肯 認 新北 市 的 做法 反之 高雄市 的 做法 即 一一 駁斥 有如 一無是處 這 不免 令 人 有 支援 罷 韓 的 聯想 中央 指揮中心 對於 疫情 的 指揮 宜有 策略 選擇 和 時機 選擇 的 考量 就 封 城 而言 行政院 蘇貞昌 院長 既 以 全國 一致 作為 策略 選擇 不僅 地方 政府 務須 全力 貫徹 就 是 媒體 名 嘴 亦 當 協同 策 進 更 不宜 有 故入人罪 的 嘩眾取寵 行徑 此外 地方 政府 依 自治權 的 行使 尤其 自治 區域 內 的 公益 治理 作為 中央 指揮中心 不僅 宜 樂觀其成 並且 在技術上 要 多 所 指導 在 經費 上 更 要 多 所 支援 相信 此次 疫情 必可 在 最 短 期間 內 完全 控制 持續 維持 本土 病例 的 零 確診 而 國外 傳入 的 確診 數 亦可 逐日 減少 尤其 敦睦 艦隊 意外 染疫 如 機關 間 相互 體諒 或 協助 應 即可 打住 新冠肺炎 是 全球 人類 的 最 大 敵人 自當 認清 敵人 的 真面目 採取 一切 有效 的 防治 措施 這 是 此次 新冠肺炎 給 人類 的 經驗 和 教訓 全球 治理 或許 有 其 值得 檢討 之處 但 全球 治理 卻是 制勝 新冠肺炎 的 唯一 良方 此時此刻 國人 應有 更 寬廣 的 心胸 去 瞭解 和 協同 防治 於 任何 一塊 國土 才 是 作者 為 銘傳 大學 公共事務 學 系 客座教授</t>
  </si>
  <si>
    <t>27 日 起 入境者 一律 入住 檢疫 旅館 或 集中 檢疫所 桃園 機場 公司 今天 說 即時 起 實施 入境 旅客 一律 搭乘 防疫 車隊 前往 檢疫 地點 籲 入境 旅客 親友 不要 再 前往 機場 接 機 減低 病毒傳播 風險 因應 最 早 在 印度 發現 的 delta 變異 株 疫情 中央流行疫情指揮中心 日前 宣佈 27 日 起 入境者 一律 入住 檢疫 旅館 或 集中 檢疫所 不可 居家 檢疫 桃園 機場 公司 今天 發出 新聞稿 表示 配合 指揮中心 指示 即時 起 實施 入境 旅客 一律 搭乘 防疫 車隊 前往 檢疫 地點 呼籲 入境 旅客 親友 不要 再 前往 機場 接 機 減低 病毒傳播 風險 機場 公司 也 提醒 入境 旅客 入境 後 請 依照 指標 及 現場 保全 引導 至 第一 第二 航 廈 入境 大廳 防疫 車隊 搭乘 處 由 現場 人員 登記 確認 後 指引 搭車 同時 也 持續 加強 所有 車輛 及 場 域清 消 司機 自我 防護 確保 每 名 乘客 乘車 環境 安全 無 虞 指揮中心 發言人 莊人祥 今天 晚間 告訴 中央 社 記者由於 即 起 入境者 不可 再 返家 檢疫 也 就 不再 需要 親友 專門 接送 減少 病毒傳播 風險 即 起 禁止 入境 旅客 親友 前往 機場 接 機 確保 社區 防疫 安全 莊 人 祥 說明 即 起 若 旅客 自 巴西 印度 英國 秘魯 以色列 印尼 及 孟加拉 等 7 個 重點 高風險 國家 入境 應 搭乘 交通部 安排 的 防疫 車輛 前往 集中 檢疫所 若 旅客 並非 由 前述 重點 高風險 國家 入境 應 自費 搭乘 防疫 車輛 或 自行 駕車 前往 防疫 旅 宿或 自費 集中 檢疫所 檢疫 地點 若 入境 旅客 的 親友 違反 指揮中心 公告 仍 執意 前往 機場 接 機 或 入境 旅客 拒絕 搭乘 防疫 車輛 前往 檢疫 地點 者 莊人祥 表示 得 依 傳染病 防治法 第 58 條 及 69 條 規定 處 新 台幣 1萬 至 15萬 元 罰 鍰</t>
  </si>
  <si>
    <t>新冠肺炎 確診 個案 急速 上升 中央流行疫情指揮中心 指揮官 陳時中 坦言 失 聯 確診 者 在 臺北市 有 146 名 新北 市 164 名 失 聯 雖然 不是 代表 完全 失 聯 但 這樣 的 數字 仍然 是 太 高 北 市府 表示 日前 50 名 失蹤 者 已 尋 獲 19 人 臺北市 政</t>
  </si>
  <si>
    <t>新冠肺炎 確診 個案 急速 上升 中央流行疫情指揮中心 指揮官 陳時中 坦言 失 聯 確診 者 在 臺北市 有 146 名 新北 市 164 名 失 聯 雖然 不是 代表 完全 失 聯 但 這樣 的 數字 仍然 是 太 高 北 市府 表示 日前 50 名 失蹤 者 已 尋 獲 19 人 臺北市政府 副 發言人 黃 瀞 瑩 表示 後來 31 人 中 又 找到 了 10 人 剩下 的 21 人 裡面 有 17 人 是非 臺北市 民 另外 4 個 正在 積極 努力 聯繫 中 至於 中央流行疫情指揮中心 指揮官 陳時中 25 日 提及 的 北市 146 名 失 聯 者 部分 臺北市政府 副 發言人 黃 瀞 瑩 澄清 截至 昨日 晚間 為止 臺北市 收到 的 失 聯 者 為 78 人 員警 們 也 相當 努力 在 聯繫 與 追蹤 盼 中央 能 給予 基層 員 警 更 多 鼓勵 以 最 快 的 速度 找 到 這些 個 案</t>
  </si>
  <si>
    <t>今年 東京 奧運 帶動 的 體育 熱潮 原本 要 由 9 月 7 日 到 12 日 舉辦 的 臺北 羽球 公開賽 延續 可惜 因為 新冠肺炎 國際 疫情 尚未 趨 緩 加上 變種 病毒 致 疫情 反彈 中華 羽協昨 宣佈 繼 去年 之後 再度 取消 臺北 羽球 公開賽 是 國內 羽球 饗 宴 不少 國際 好手 來 台 參賽 過 去年 因 新冠 疫情 停辦 今年 原訂 9 月 回歸 中華 羽協 也 在 7 月底 呈交 防疫 計 畫 給 中央流行疫情指揮中心 並 獲 同意 發佈 舉辦 消息 羽 協 防疫 計畫 提到 今年 來 台 的 國外 選手 除了 提供 抵 台 72 小時 內 新冠肺炎 檢疫 陰性 證明 來到 臺灣 後 也 必須 先 隔離 5 天才 能 參賽 選手 僅 能 搭乘 專車 往返 住宿 地點 比賽場地 採取 團 進 團 出 方式 參與 賽事 比賽 也 將 採取 閉門 方式 媒體 也 被 限制 不得 進入 場邊 此外 國外 國內 選手 及 大會 工作人員 每 2 天 采 檢 一 次 來自 高風險 國家 地區 的 選手 每天 采 檢 國外 選手 在 賽事 結束 後 也 將 比照 東京 奧運 規定 48 小時 內 就 要 離境 不過 萬全 準備 還是 難 敵 新冠 疫情 的 不 確定 中華 羽協昨 透過 聲明 表示 鑒於 國際 疫情 尚未 趨 緩 周邊國家 亦 有 擴散 情形 國內 持續 執行 邊境 嚴 管 措施 主辦單位 bwf 世界 羽球 聯盟 在 考量 國際 疫情 因素 及 賽事 安全 維護 的 可行性 後 與 中 華羽 協 教育部 體育 署 研 議 後 決定 取消 2021 臺北 羽球 公開賽 羽協 也 向 參與 籌備 賽事 的 協辦 單位 贊助 廠商 報名 選手 們 及 所有 熱心 支持 的 球迷 朋友 們 表達 歉意 與 感謝 並 期待 疫情 早日 緩和</t>
  </si>
  <si>
    <t>國際 新冠 疫苗 陸續 研發 成功 國際 藥廠 開發 的 新冠 疫苗 已 陸續 進行 三期 臨床 試驗 包括 美國 輝瑞 pfizer 和 德國 biontech 合作開發 的 疫苗 美國 莫德納 moderna 的 新冠 疫苗 mrna- 1273 阿斯利康 az 與 牛津大學 的 疫苗 世界 上 更 有 一些 國家 已 開始 施打新冠肺炎 疫苗 國內 疫苗 採購 狀況 持續 受到 各界 關注 據 報載 有 消息 指出 中央流行疫情指揮中心 已 購買 az 疫苗 輝瑞 疫苗 並且 通過 各 管道 購買 約 1500萬 劑 疫苗 本月 16 日 指揮官 陳時中 透露 外界 傳聞 的 購買 廠 牌 大部分 沒錯 但 排列組合 不對 且 可望 買到 超過 3000萬 劑 疫苗 依據 世界衛生組織 who 指出 新冠 疫苗 若 達到 群體 免疫 單一 國家 接種 疫苗 覆蓋率 要 達到 65 70 新冠 確診 病例 與 死亡 人數 最 多 的 國家 需 70 85 人口 接種 疫苗 才能 產生 群體 免疫 因應 疫情 時代 來臨 國際航空運輸協會 iata 12 月研究 報告 也 提出 有關 疫苗 護照 護照 上 可 記錄 民眾 檢測 以及 疫苗 施 打的 狀況 作為 各國 或是 各個 機場 之間 的 認證 機制 iata 並 擬定 第 4 階段 疫苗 施打 情境 進行 航空 運輸業 配合 防疫 措施 分析 包括 第 1 階段 為 非常 有限 接種 疫苗 占 全世界 人口 的 10 凡 接種 疫苗 的 旅客 免遭 檢疫 和 檢驗 第 2 階段 為 易受 感染 的 群體 接種 疫苗 占 全世界 總人口 的 25 各國 或是 各個 機場 可 放寬 邊境 措施 及 檢疫 措施 但 如 搭 機 乘客 所 在 國家 接種 疫苗 的 次數 有限 應 啟動 原有 邊境 措施 及 檢疫 措施 第 3 階段 疫苗 接種 已 普及 占 全世界 總人口 的 50 各國 可 實施 疫苗 抗體 測試 要求 但是 法律 適用性 問題 仍 需要 解決 第 4 階段 疫苗 接種 已 達到 群體 免疫 效果 各國 旅客 應 定期 接種 疫苗 但 應 建立 病毒 突變 相關 應變 措施 綜觀 各個 國際 組織 對 新冠肺炎 產生 群體 免疫 及 邊境 與 檢疫 措施 規定 之 疫苗 覆蓋率 標準 顯示 臺灣 若要 開放 邊境 保守 估計 國內 疫苗 覆蓋率 至少 需 7 成 若以 比較 嚴謹 的 群體 免疫 標準 及 統計 方式 依據 109 年 11 月 統計 我國 總 人口數 約 2360萬 人 來看 如果 疫苗 接種 要 達 7 成 疫苗 須施 打 1650萬 人 且 目前 國際 藥廠 開發 的 新冠 疫苗 大多 需要 施打 兩劑 則 需 3300萬 劑 疫苗 才能 達到 符合國際 規範 的 最低標準 且 據 報載 無論 政府 規 畫 採購 疫苗 數 1500萬 劑 還 是 3000萬 劑 還 可能 差 約 150萬 到 1800萬 劑 都還 是 存在 到底 有 哪些 人 可以 接種 多少 人 可以 接種 等 問題 且 各 藥廠 雖 紛紛 喊 出 明年 產 能 將 超過 10億 劑 但 事實上 仍 存在 短期 內 如何 大量 生產 需 分 批量 產 超低溫 運輸 供貨 等 問題 為了 全民 的 健康 各界 質疑 疫苗 採購 量 1500萬 3000萬 劑 是否 有 足夠 免疫力 自費 接種 是否 納入 採購 範圍 等 問題 政府 均 應 妥善 厘 清 及早 規 畫 並 有 完善 嚴謹 的 配套措施 以 足量 而且 要 採購 防護 效能 最佳 的 疫苗 為 原則 避免 民眾 會 選擇性 不 打 反而 造成 資源 浪費 另外 建議 政府採購 疫苗 的 合約 不應 使用 平均分配 選擇 採購 的 方式 而 應以 防護力 最佳 的 疫苗 優先 中央流行疫情指揮中心 應 接受 專家建議 及 以 科學 的 角度 來 評估 疫苗 的 採購 而非 以 顏色 或 政治立場 作 考量 讓 國內 疫苗 得以 順利 施打 乃 為 全民 之 福 作者 塗維穗 為 國家 政策 研究 基金會 高級 助理 研究員 陳宜 民為 永 續 發展組 召集人</t>
  </si>
  <si>
    <t>中央 9 日 宣佈 酒店 舞廳 暫停營業 台中 市府 加碼 宣佈 八大 特種行業 實施 實 名 制 連續 四 天 突擊檢查 店家 12 日 晚上 由 副 市長 陳子敬 帶隊 前往 稽查 強調 有 男女 陪 侍之 視聽 歌唱 業 等 營業 場所 都 應該 停業 金錢豹 海派 兩 家 酒店 不敢 大 疫 配合 政策 暫時 停業 經發 局長 張峰源 表示 最高 罰款 100萬 元 業者 勿 心存僥倖 中央流行疫情指揮中心 9 日 宣佈 全台 酒店 舞廳 等 一律 禁止 營業 10 日 再度 解釋 凡 有 男女 陪 侍之 視聽 歌唱 業 等 營業 場所 都 應該 停業 市府 9 日 起 配合 中央 政策 立即 啟動 聯合 稽查 小組 全市 查 察 兩 家 登記 為 舞廳 的 營業 場所 均 已 停業 市長 盧秀燕 表示 防疫 如同 作戰 將 持續 強化 所轄 特定 行業 執行 聯合 稽查 發現 有 男女 陪 侍 服務 未 停止 營業 相關 局 處 會 嚴格 執法 市府 今晚 由 陳子敬 率隊 經 發 局 都發局 消防 局 警察局 衛生局 等 局 處 組成 維護 公共安全 聯合 稽查小組 強力 針對 視聽 歌唱 業 三 溫暖 業 酒 家業 酒吧 業 舞廳 業 舞場 業 飲 酒店業 夜 店 業 等 持續 執行 稽查 對 金錢豹 酒店 一 樓 為 舞廳 已 停業 二 到 四 樓 登記 為 視聽 歌唱 ktv 不在 停業 之列 但 市府 稽查 發現 涉及 男女 陪 侍之 視聽 歌唱 業 等 營業 場所 符合 中央 要求 應該 停業 物件 今晚 到場 稽查 時 金錢豹 與 海派 都 配合 中央 政策 停業 陳子敬 表示 感謝 業者 在 疫情 嚴峻 時 歇業 至於 要 停業 到 何時 將 視 疫情 控制 情況 為 防範 這些 酒店 女 公關 為了 生計 是否 變成 地下 化 他 直言 健康 生命 很 重要 人人 應 自保 不要 為 了 貪 歡 付出 健康 代價 也 恐 成 防疫 破 口 害人害己 張峰源 說 業者 勿 再 存 僥倖 心態 應 配合 中央 立即 停止 營業 一旦 查獲 有 陪 侍且 持續 營業 者 將 依 嚴重 特殊 傳染性 肺炎 防治 及 紓困 振興 特別 條例 裁處 5萬 元 以上 100萬 元 以下 罰 鍰</t>
  </si>
  <si>
    <t>三軍 總 醫院 松山 院區 護理 師 參加 進香團 染疫 中央流行疫情指揮中心 日前 也 證實 為 案 號 1352 但 非 院內 感染 不過 有 院內 人員 爆 料 匡列采 檢 醫護 的 人員 中 一 名 醫師 傳出 確診 但 院方 卻 未 在 第一時間 通知 讓 同仁 暴露 在 風險 中</t>
  </si>
  <si>
    <t>三軍 總 醫院 松山 院區 護理 師 參加 進香團 染疫 中央流行疫情指揮中心 日前 也 證實 為 案 號 1352 但 非 院內 感染 不過 有 院內 人員 爆 料 匡列采 檢 醫護 的 人員 中 一 名 醫師 傳出 確診 但 院方 卻 未 在 第一時間 通知 讓 同仁 暴露 在 風險 中 三軍 總 醫院 松山 院區 14 日 傳出 有 門診 醫護 確診 消息 傳出 後 院方 目前 已 針對 門診 醫護 工作人員 與 接觸 者 做 采 檢 豈料 匡列采 檢 的 醫護人員 中 又 傳 出 一 名 醫師 確診 對此 總 松 山 院區 表示 雖 未 在 第一時間 告知 護理 同仁 但因 沒有 直接 接觸 所以 也 無須 過度 擔憂 至於 北市 衛生局 是否 掌握 三軍 總 醫院 醫師 確診 消息 衛生局長 黃世傑 則 表示 尚未 接 獲 通知 會 請 同仁 掌握 瞭解 詳細 情形</t>
  </si>
  <si>
    <t>今 增 7 例 確診 個案 其中 2 例 為 本土 5 例 為 境外移入 另 確診 個案 中 有 1 人 死亡 中央流行疫情指揮中心 指揮官 陳時中 表示 2 個 本土 案例 臺北市 與 新北 市 各 1 例 臺北 的 個案 為 松山區 某國 中的 學生 新北 市 的 個案 則 是 民眾 去 看病 被</t>
  </si>
  <si>
    <t>今 增 7 例 確診 個案 其中 2 例 為 本土 5 例 為 境外移入 另 確診 個案 中 有 1 人 死亡 中央流行疫情指揮中心 指揮官 陳時中 表示 2 個 本土 案例 臺北市 與 新北 市 各 1 例 臺北 的 個案 為 松山區 某國 中的 學生 新北 市 的 個案 則 是 民眾 去 看病 被 檢查 出來 疫 調 仍 在 進行 中 陳時中 表示 今 增 2 例 本土 臺北市 的 案例 是 松山 某國 中的 國一 學生 確診 該 班已 停課 比較 好 的 消息 是 確診 國中 生就 讀 國小 的 妹妹 采 檢 結果 是 陰性 至於 新北 市 的 案例 是 一 位 民眾 去 看病 的 時候 被 檢查 出來 的 相關 疫 調 仍 在 進行 中 陳時中 也 說 新北 幼稚園 的 群 聚 案 今天 沒有 新增 個案 長 榮 機師 群 聚 的 二 采 結果 全都 是 陰性 因此 這個 案子 目前 可以 算是 控制 住 了 未來 是否 有 個案 還要 等 解 隔離 那 一 波 再 采 檢 了 指揮中心 說明 今日 新增 2 例 本土 病例 中 案 16173 為 60 多 歲 男性 9 月 7 日 出現 胸 痛 輕微 噁 心 肌肉 酸痛 等 症狀 9 月 8 日 就醫 並 采 檢 於 今日 確診 已 匡列 接觸 者 6 人 列 居家 隔離 餘 匡列中 案 16179 為 10 多 歲 男性 9 月 8 日 出現 胸 痛 呼吸 痛 等 症狀 9 月 9 日 就醫 采 檢 於 今日 確診 已 匡列 接觸 者 51 人 列 居家 隔離 餘 匡列中 衛生 單位 將 持續 進行 疫情 調查 及 防治 以 厘 清 感染 源 指揮中心 表示 今日 新增 5 例 境外移入 個案 分別 自 美國 案 16174 案 16175 土耳其 案 16176 日本 案 16177 亞美尼亞 案 16178 入境 入境 日 介於 8 月 26 日 至 9 月 8 日 均 持有 搭 機 前 3 日內 檢驗 陰性 報告 詳 如 新聞稿 附件 指揮中心 指出 今日 新增 1 例 死亡 個案 案 10387 為 70 多 歲 男性 具 慢性病 史 及 其他 確診 者 接觸 史 6 月 3 日 因 其他 原因 就醫 同日 出現 發燒 咳嗽 等 症狀 采 檢 後 住院治療 於 6月 4 日 確診 8 月 26 日 解除 隔離 9 月 5 日 死亡 指揮中心 統計 截至 目前 國內 累計 2938839 例 新型 冠狀病毒 肺炎 相關 通報 含 2921268 例 排除 其中 16069 例 確診 分別 為 1452 例 境外移入 14563 例 本土 病例 36 例 敦睦 艦隊 3 例 航空器 感染 1 例 不 明及 14 例 調查 中 另 累計 110 例 移除 為 空號 2020 年 起 累計 839 例 covid-19 死亡 病例 其中 829 例 本土 個案 居住 縣 市 分佈 為 新北 市 411 例 臺北市 318 例 基隆 市 28 例 桃園 市 26 例 彰 化 縣 15 例 新竹 縣 13 例 台中 市 5 例 苗栗縣 3 例 宜蘭 縣 及 花蓮縣 各 2 例 台 東縣 雲 林縣 台 南市 南 投 縣 高雄市 及 屏 東縣 各 1 例 另 10 例 為 境外移入 指揮中心 再次 呼籲 民眾 應 落實 手部 衛生 咳嗽 禮節 及 佩戴 口罩 等 個人 防護 措施 減少 不必要 移動 活動 或 集會 避免 出入 人 多 擁擠的 場所 或 高 感染 傳播 風險 場 域 並 主動 積極 配合 各項 防疫 措施 共同 嚴守 社區 防線</t>
  </si>
  <si>
    <t>不少 曾經 確診 的 個案 既 無法 打 疫苗 也 拿 不 到 陰性 證明 返回 工作崗位 遭到 刁難 中央流行疫情指揮中心 醫療 應變 組 副 組長 羅一鈞 表示 已經 要求 地方 政府 提供 解 隔 單 若 雇主 刁難 可以 依照 傳染病 防治法 開 罰 一 到 十五萬</t>
  </si>
  <si>
    <t>不少 曾經 確診 的 個案 既 無法 打 疫苗 也 拿 不 到 陰性 證明 返回 工作崗位 遭到 刁難 中央流行疫情指揮中心 醫療 應變 組 副 組長 羅一鈞 表示 已經 要求 地方 政府 提供 解 隔 單 若 雇主 刁難 可以 依照 傳染病 防治法 開 罰 一 到 十五萬 元 本土 疫情 確診 病 患 超過 一萬 人 解除 隔離 羅一鈞 表示 最近 接 獲 很多 民眾 詢問 許多 康復 的 民眾 有 需要 回去 上班 但 因為 居住 安養 等 機構 有 設下 管制 要 有 七 日內 檢驗 報告 或是 疫苗 接種 證明 才能 返回 工作 然而 因為 確診 者 後續 會 有 陰陽 反 覆 等 可能 會 長達 三 個 月 加上 確診 過 六 個 月 內 不能 列入 公費 疫苗 接種 對象 面臨 兩邊 卡 關 為 瞭解 套 羅一鈞 表示 讓 民間 事業 者 希望 對於 確診 者 不能 要求 其 出示 證明 但 可以 拿 衛生局 由 縣市政府 拿 解 隔 單 開立 一兩 天內 會 收到 上面 有 清楚 說明 不 會 具有 傳染 力 讓 曾 確診 的 個案 可 持 解除 隔離 通知書就 形同 康復 證明書 請 各 單位 不 要 再 為難 確診 者 用 這個 代替 檢驗 陰性 證明 可以 安全 返回 工作 羅 一 鈞 表示 根據 傳染病 防治法 第 十一 條 第 十二 條 也 有 保護 就學 權 工作 權 等 這次 主管機關 對於 感染者 出現 不 公平 待遇 時 可以 檢具 違法 可以 處以 一 到 十五萬 元 罰 鍰</t>
  </si>
  <si>
    <t>中央流行疫情指揮中心 日前 預告 將 開放 az 混打 bnt 不過 在 昨日 公佈 的 第 13 輪 疫苗 規劃 內 卻 未 見 混打 選項 讓 外界 質疑 混打 政策 急轉彎 指揮官 陳時中 今 出席 醫療 奉獻獎 頒獎典禮 前 表示 混打 還是 要 開放 是 在 這個 月 的 計畫</t>
  </si>
  <si>
    <t>中央流行疫情指揮中心 日前 預告 將 開放 az 混打 bnt 不過 在 昨日 公佈 的 第 13 輪 疫苗 規劃 內 卻 未 見 混打 選項 讓 外界 質疑 混打 政策 急轉彎 指揮官 陳時中 今 出席 醫療 奉獻獎 頒獎典禮 前 表示 混打 還是 要 開放 是 在 這個 月 的 計畫 之內 發言人 莊人祥 則 補充 說 預計 11 月 會 開放 陳時中 表示 混打 還是 要 開放 這個 月 應該 就 會 有 媒體 追問 第 13 輪 是否 會 加開 他 表示 這個 月 還是 有 很多 波 要 打 是 在 這個 月 的 計畫 之內 由於 這個 月 就 只 剩下 今 明 2 天 莊人祥 隨後 於 疫情 記者會 中 表示 將 視 後續 疫苗 到貨 情形 預計 11 月 開放 混打 另 第 13 輪 疫苗 接種 將 在 11 月 3 日 開放 預約 包括 az 及 bnt 都 能 預約 接種 第 1 劑 指揮中心 今天 提醒 50 歲 以上 民眾 可能 同時 符合 兩 種 疫苗 資格 可 擇 一 預約 接種 指揮中心 發言人 莊人祥 提醒 本輪 bnt 和 az 開放 預約 時間 不同 請 符合 資格 的 民眾 記得 上網 預約 而 第 13 輪 預約 簡訊 將 在 11 月 2 日 下午 2 點 起 陸續 發送 莊人祥 表示 由於 簡訊 是 依序 發送 不 一定 會 同時 收到 且 兩 種 疫苗 開放 預約 時間 不同 請 符合 資格 的 民眾 多 加 留意 本輪 bnt 預約 時間 為 11 月 3 日 上午 10 點 起 az 則 為 同日 下午 2 點 起 至於 國高中 bnt 第 2 劑 指揮中心 昨 表示 校園 接種 時程 未定 有 家長 擔心 由於 學校 安排 11 月初 施打 流感疫苗 兩者 恐怕 會 撞 期 莊人祥 表示 校園 接種 和 第 13 輪 無關 會 等 疫苗 配發 給 衛生局 後 再 提供 給 校園 接種 整體 需要 1 個 月 的 時間 趕快 接種 流感疫苗 沒有 問題 並 重申 校園 接種 不太可能 會 在 近期 發生</t>
  </si>
  <si>
    <t>中央流行疫情指揮中心 7 日 公佈 1 境外移入 確診 個案 16147 北市 衛生局 今 公佈 足跡 說明 指出 案 16147 在 6 日 確診 感染 源 為 境外移入 8 月 28 日 解除 隔離 前 采 檢 為 陰性 因 需 出國 至 醫院 采 檢 陽性 確診 ct 值 超過 30 北市 衛生局 表</t>
  </si>
  <si>
    <t>中央流行疫情指揮中心 7 日 公佈 1 境外移入 確診 個案 16147 北市 衛生局 今 公佈 足跡 說明 指出 案 16147 在 6 日 確診 感染 源 為 境外移入 8 月 28 日 解除 隔離 前 采 檢 為 陰性 因 需 出國 至 醫院 采 檢 陽性 確診 ct 值 超過 30 北市 衛生局 表示 9 月 2 日 下午 6 點 30 分至 晚上 8 點 曾 到 過 dreamers coffee roaster 9 月 4 日 早上 10 點 曾 到 家樂福 超市 臺北 八 德 店 9 月 5 日 下午 6 點 全聯福利中心 吉祥 店 已於 9 6 完成 清 消 9 7 停業 1 天</t>
  </si>
  <si>
    <t>清明連 假 危機 平安 度過 了 嗎 今天 4 月 12 日 是 原本 指揮中心 認為 清明連 假 後 要 觀察 是否 造成 連 假 後 發病 潮 的 關鍵 時間 然而 今天 只 有 3 名 確診 個案 疫情 指揮官 陳時中 表示 目前 第一 段 沒有 出現 徵兆 算是 過關 但 還是 要 持續 觀察 不能 鬆懈 至於 還要 觀察 多久 才 算是 能 解除 清明連 假 後 發病 潮 的 威脅 陳時中 表示 至少 要 在 觀察 一個 禮拜 也 就 是 總共 14 天 的 觀察期 清明連 假 國內 不少 民眾 出遊 引發 中央 擔心 恐 會 造成 社區 大 傳播 但 現在 警報 解除 是否 五 一連 假 會 有 調整 的 措施 中央流行疫情指揮中心 指揮官 陳時中 今 表示 目前 針對 五 一連 假 並 無 更動 或 停止 假期 的 規劃</t>
  </si>
  <si>
    <t>新冠 疫情 延 燒 一 年 多 中央流行疫情指揮中心 團隊 已 成為 全民 熟 面孔 其中 擔任 醫療 應變 組 副 組長 的 羅一鈞 被 衛福部 草屯 療養院 醫師 沈政男 大贊 是 數理 資優 又 悲天憫人 的 文藝 青年 他 還 翻出 羅 一 鈞 跳級 上臺 大 的 超 狂 經歷</t>
  </si>
  <si>
    <t>新冠 疫情 延 燒 一 年 多 中央流行疫情指揮中心 團隊 已 成為 全民 熟 面孔 其中 擔任 醫療 應變 組 副 組長 的 羅一鈞 被 衛福部 草屯 療養院 醫師 沈政男 大贊 是 數理 資優 又 悲天憫人 的 文藝 青年 他 還 翻出 羅 一 鈞 跳級 上臺 大 的 超 狂 經歷 並 爆 料 他 曾赴 非洲 行醫 背後 的 真正 原因 沈政男 13 日 在 臉書 談到 有 慢性病 的 老人家 適 不 適合 打 az 疫苗 時說 如果 不 相信 他 可以 聽聽 羅一鈞 的 講法 並 強調 他 特別 上網 找 了 所有 羅一鈞 的 相關 資料 指出 羅一鈞 是 建中 數理 資 優生 據說 是 跳級 考上 台大 醫學 系 而且 還 是 那年 的 聯 考 榜首 台大 醫學 系 只 念了 六 年 就 畢業 沈政男 指出 雖然 羅一鈞 數理 資優 但 他 後來 在 醫學 之外 最 有 興趣 的 似乎 是 藝 文 他 從 網路上 兩 個 羅一鈞 十幾 年前 所寫 的 部落 格 看到 他 在 非洲 行醫 與 美國 受訓 的 紀錄 還 看 出 他 對 文學 有 興趣 文筆 不錯 也有 在 聽 流行音樂 與 看 一些 電影 可以 說 是 一個 文藝 青年 此外 沈政男 說 從 羅一鈞 後來 走 非 典型 行醫 道路 就 知道 他 對 醫學 本身 並 沒有 那麼 大 的 興趣 醫學 系 畢業 後 剛好 那時 前 總統 陳水扁 為了 拓展 邦交 開辦 了 非洲 醫療 團 而 羅一鈞 就 是 其中 一 員 當時 最 有名 的 是 連加 恩 而 羅一鈞 則 是 走 上 了 更 堅定 的 史懷哲 之路 沈政男 指出 羅一鈞 在 馬拉威 行醫 兩 年 原本 打算 學成 後 要 回去 幫助 當地 的 愛滋病患 他 對 醫 業 的 認同 在於 這 是 一個 救苦救難 的 工作 並 不是 他 對 醫學 有 多 大 興趣 而是 為了 幫助 可憐 的 病 患 羅 一 鈞 從 馬拉威 回台 後 進入 台大 內科 然後 在 感染 科 受訓 在 拿到 感染 科 證照 準備 回 馬拉威 服務 的 時候 馬拉威 跟 臺灣 斷交 了 於是羅 一 鈞 只好 到 疾 管局當 防疫 醫師 並為 此 到 美國 受訓 兩 年 後來 羅一鈞 就 當了 公家 的 防疫 醫師 並 順便 在 台大 看 診 主治愛滋病患 沈政男 說 羅一鈞 對 病 患 很 好 也 編寫 了 教材 可說是 仁心仁術 至於 他 為什麼 不 走 博士 升 教授 的 路?沈 政 男 強調 因為 羅一鈞 骨子裡 就 是 一個 文藝 青年 而且 是 數理 資優 又 悲天憫人 的 文藝 青年 是 一個 最 單純 卻 也 是 一個 最 複雜 的 人 很 少 自我 揭露 翻 遍 了 他 的 兩 個 部落 格 想要 尋找 更 多 個 人 的 成長 故事 都 找 不 到 沈政男 並 肯定 羅一鈞 之前 在 ptt 上 看到 大陸 疫情 相關 訊息 時 第一時間 幫 臺灣 升起 了 防疫 警戒 成為 國際 典範</t>
  </si>
  <si>
    <t>由 慈濟 台積電 永齡 基金會 購買 捐贈 的 bnt 疫苗 首批 客 制 化 標籤 將 於本 週四 到貨 今晨 一度 傳出 該 批 疫苗 已 由 華航運 送 抵 台 後 證實 誤傳 最新消息 指出 這 批 疫苗 數量 共 140萬 劑 其中 55萬 劑 將 於本 週四 抵 台 民間 企業 團體 購買 後 捐 給 政府 的 bnt 疫苗 今年底 前 將 到貨 800 至 900萬 劑 以 每週 約 70萬 劑 的 頻率 來 台 原本 傳出 一 批 bnt 今晨 落地 結果 中央流行疫情指揮中心 澄清 今天 沒有 疫苗 鴻 海 創辦 人 郭台銘 po 文 指 客 制 化 標籤 bnt 原本 要 在 中秋節 當 周 起運 但 負責 載運 的 盧森堡 航空 滿載 加上 原廠 倉庫 發貨 繁忙 導致 手續 延遲 經 多方 協調 排定 30 日 週四 先 送 55萬 劑 接下來 還有 大約 85萬 劑 將 分 兩 次 陸續 到貨 指揮中心 發言人 莊人祥 日前 表示 初步 規劃 bnt 會 在 第 十 輪 開 打 由 第 九 類 40 歲 以下 往 下 開 若 疫苗 數量 充足 再自 64 歲 以下 逐 年齡層 往 下 開</t>
  </si>
  <si>
    <t>美國 郵輪 威士特丹 號 爆出 首例 新冠肺炎 個案 由於 2 月 4 日 曾 停靠 高雄 港 中央 及 地方 防疫 單位 聯手 追查 可能 的 接觸 者 共 215 位 包含 港務 公司 計程車 及 公車 司機 等 將 持續 健康 監控 直到 後天 正式 解除 目前 都未 出現 異狀 至於 美籍 確診 個案 行蹤 則 有待 中央流行疫情指揮中心 進一步 追查 高 市 衛生局長 林立人 今 早 表示 該 郵輪 停靠 期間 在 高雄 9 號 碼頭 進行 旅客 入境 後 部分 旅客 到 各 景點 遊玩 根據 統計 港務 分公司 等 相關 工作人員 及 34 位 計程車 司機 10 位 大 巴士 公車 駕駛 總計 215 位 名單 目前 中央 掌 控 當中 中央會 持續 健康 監測 至 2 月 18 日 止 19 日 則 正式 解除 目前 未接 獲 有 任何 異狀 林立人 指出 這些 遊客 在 高雄 旅遊 的 景點 包括 佛光山 高雄 美術館 九 號 碼頭 蓮池 潭 及 西子 灣 台南 奇 美 博物館 安平古堡 赤 崁 樓 以及 屏 東 墾 丁 提醒 民眾 在 當天 早上 至下午 到 過 這些 景點 可以 多 加 留意 身體狀況 至於 最 關鍵 的 確診 個案 行蹤 林立人 表示 國際 港埠 檢疫 工作 權責 在於 中央 目前 還是 沒 辦法 掌握 這 位 美 國籍 的 確診 個案 中央 也 很 努力 搜尋 相關 資料 追蹤 只要 有 進一步 的 訊息 一定 會 幫助 地方 來 配合 相關 的 防疫 作為</t>
  </si>
  <si>
    <t>桃園 9 日 啟動 防疫 旅館 新 制 在 6 家 大型 防疫 旅館 設置 采 檢 站 減少 入境 隔離 期滿 民眾 到 醫院 采 檢 的 移動 風險 市長 鄭文燦 說 桃園 26 家 防疫 旅館 有 6 成是 外縣市 或 外籍 旅客 入住 率 超過 7 成 還有 增加 的 需求 他 也 以 南京 祿口 機場 失守 成 大陸 delta 擴散 破 口 為 例 希望 機場 持續 提高 防疫 等級 包括 建立 pcr 檢驗 能量 機場 從業人員 雲端 健康 監測 等 全力 防堵 delta 病毒 屏 東 只 有 一個 delta 入境 個案 桃園 是 每天 要 面對 delta 病毒 都 可能 進來 的 風險 鄭文燦 說 delta 病毒 7 月 20 日 從 南京祿口國際機場 入侵 後 開始 有 蔓延 的 現象 目前 入境 確診 個案 基因 定 序 大部分 是 delta 病毒 所以 國境 一定 要 保護 好 桃園 是 國境 到 社區 的 第二 道 防線 更 要 守 住 包括 防疫 計程車 防疫 旅館 集中 檢疫所 和 醫院 4 大 防線 目前 533 輛 防疫 計程車 都 打 了疫苗 除了 個人 防護 裝備 到位 也 要 把握 單 趟 清 消 的 原則 鄭文燦 也 提到 9 日 起 桃園 也 啟動 提高 防疫 等級 的 新 制 安排 醫護人員 到 6 個 大型 防疫 旅館 入 館 采 檢 避免 入境 民眾 隔離 期滿 還 得 搭 防疫 計程車 到 醫院 采 檢 減少 移動 風險 工務局 也 提供 采 檢 屏風 保護 采 檢 人員 的 安全 務必 讓 民眾 一個 采 完 再 換 一個 保持 距離 避免 接觸 風險 鄭文燦 指出 中央 7 月 2 日 啟動 入境 普 篩 期中 快 篩 期滿 二 采 隔離 14 天 的 國境 防疫 4 大 對策 後 目前 入境 旅客 全都 要 住 檢疫所 跟 防疫 旅館 桃園 26 家 防疫 旅館 3200 間 房間 入住 率 已經 超過 7 成 預料 還 會 提高 只要 國境 防疫 4 大 對策 沒有 改變 桃園 還 會 再 增加 防疫 旅館 數量 鄭文燦 說 桃園 防疫 旅館 入住 旅客 桃園人 跟 非 桃園人 的 比例 大概 是 4 比 6 有 6 成是 外縣市 跟 外籍人士 但 該 做 的 服務 一 項 都 不能 少 包括 關懷 包 第 十 天 的 居家 快 篩 的 提醒 還有 期滿 前 第 13 天 要 做 pcr 等 務必 把 隔離 期滿 二 采 處理 完善 鄭文燦 表示 桃園 從 去年 2 月 到 現在 都 採取 14 天 隔離 二 采 的 政策 也 篩檢 出 很 多 確診 個案 這些 個案 可能 ct 值 都 超過 30 比較 不具 傳染 力 但 這 是 嚴謹 防疫 的 原則 他 提到 機場 目前 採取 唾液 快速 pcr 政策 但 應該 建立 入境 一 采 pcr 的 檢驗 能量 畢竟 檢 體 若 都 送 到 醫院 實驗室 檢驗 會 比較 麻煩 人 的 檢疫 應該 比照 動植物 入境 檢疫 動 線 如果 不夠 要 增加 動 線 鄭文燦 也 認為 機場 疫苗 覆蓋率 要 儘量 到達 百分之百 機場 從業人員 的 健康 監測 也 應該 比照 醫院 或者 是 防疫 旅館 採用 雲端 監測 的 方式 每天 都 要 自我 健康 管理 守 住 機場 的 第一線 他 將 向 中央流行疫情指揮中心 持續 反映 強調 機場 端 一定 要 徹底 保護 好 嚴格執行 各種 防疫 對策 機場 端 到 桃園社區 端 也 要 守護 好 避免 社區 有 任何 風險 阻 絕境 外</t>
  </si>
  <si>
    <t>墾 丁 大街 在 清明連 假 湧入 大量 人潮 中央流行疫情指揮中心 發出 國家級 警報 連 假 後 墾 丁 人氣 慘跌 觀光 產業 被 打 趴 在 地 住房 率 跌 至 2 成 縣府 及 警方 連 2 個 週末 在 墾 丁 大街 實施 封街 及 人流 管制 不過 大街 幾 已成 空 城 業者 質疑</t>
  </si>
  <si>
    <t>墾 丁 大街 在 清明連 假 湧入 大量 人潮 中央流行疫情指揮中心 發出 國家級 警報 連 假 後 墾 丁 人氣 慘跌 觀光 產業 被 打 趴 在 地 住房 率 跌 至 2 成 縣府 及 警方 連 2 個 週末 在 墾 丁 大街 實施 封街 及 人流 管制 不過 大街 幾 已成 空 城 業者 質疑 人潮 如此 寂寥 何需 再 管制 墾 丁 大街 繼 上週末 實施 封街 及 人流 管制 措施 後 本 週末 繼續 施行 將 墾 丁 大街 將 視同 大型 室內 場所 屏 東 縣政府 各局 處 保七 總隊 第 八大 隊 公路 總局 墾 管處 等 單位 出動 進行 人 車 分流 量 測體溫 酒精 消毒 佩戴 口罩 宣傳 保持 社交距離 等 不過 接連 2 週末 墾 丁 大街 人潮 都 少 得 可憐 攤 商 苦笑 說 員警 和 宣導 人員 都快 比 遊客 多 了 人 都少成 這樣 了 還 管制 什麼 做 什麼 人 車 分流 是 在 做 心酸 的 嗎 王 姓 攤 商大 歎 1 個 晚上 只 賣 200 元 要 怎麼 活 下去 很多 攤 商 乾脆 都 停業 或 撤離 留下來 的 攤 商也 在 垂死掙扎 他 考慮 另 移 他處 但 疫情 尚未 結束 實在 也 沒 地方 可去 墾 丁商圈 發展 會 協 總 幹事 蔡正榮 說 墾 丁 業者 一定 會 配合 政府 防疫 政策 但 政府 也 該 為 百姓 的 經濟 著 想 租金 人事 原 物料 都 是 成本 大家 都 在 苦 撐 都 在 吃老本 恐怕 等 不 到 政府 的 振興 方案 或 補助 就 全部 倒 了 希望 政府 腳步 能 快 些 否則 大家 只 能 吃 土 一家 飯店 主管 表示 墾 丁 現在 已 進入 史無前例 的 觀光 黑暗 期 星級飯店 的 住房 率 都 跌 到 2 成 以下 民 宿 更慘 大概 1 成 左右 接下來 的 五 一連 假 原本 有 7 成訂房 率 但 自從 清明連 假 之後 一直 退訂 目前 約 剩 4 成 業者 即使 有 優惠 也 不敢 促銷 怕 引發 眾怒 有苦難言</t>
  </si>
  <si>
    <t>中央流行疫情指揮中心 召集人 張上淳 兒子 日前 出國 惹 議 後 張上淳 已 連續 5 天都 沒有 公開 露面 包括 媒體 及 網友 都 很 關心 張上淳 去向 張上淳 今天 終於 複出 在 記者會 中 神情 平靜 化身 張教授 分析 病例 面對 外界 關心 他 親</t>
  </si>
  <si>
    <t>中央流行疫情指揮中心 召集人 張上淳 兒子 日前 出國 惹 議 後 張上淳 已 連續 5 天都 沒有 公開 露面 包括 媒體 及 網友 都 很 關心 張上淳 去向 張上淳 今天 終於 複出 在 記者會 中 神情 平靜 化身 張教授 分析 病例 面對 外界 關心 他 親自 回應 謝謝 鼓勵 張上淳 的 醫生 兒子 日前 赴美 看 nba 引發 爭議 外傳 張上淳 因 自責 一度 要 離開 指揮中心 團隊 遭 指揮官 陳時中 強力 慰留 你 很 重要 絕對 不能 離開 張上淳 神 隱 多 日後 今 親 上 火線 複出 指揮中心 記者會 面對 媒體 詢問 他 以 平常心 簡單 回應 謝謝 很多 人 對 我 的 鼓勵 但 指揮中心 正式 記者會 上 還 是 希望 不 談 我 個人 的 事 一旁 的 陳時中 則 說 他 有 幫忙 轉達 網友 想念 張上淳 的 心聲 並 感謝 大家 對 他 的 關心 中央流行疫情指揮中心 祭出 醫護人員 不得 出國 措施 後 張上淳 的 醫師 兒子 遭 爆 仍 赴美 引發 爭議 事後 張上淳 表示 兒子 去 的 國家 當時 醫 事 司 還未 列入 旅遊 警示 對於 兒子 事後 臉書 貼 文又 惹 議 張上淳 也 發聲明 道歉 鬧 出 出國 風波 後 陳時中 日前 則 強調 張上淳 沒有 離開 也 不 會 離開 的 團隊 對於 張上淳 今天 終於 現身 疾 管署 記者會 直播 時 引起 眾多 網友 歡呼 淳淳 回來 了 歡迎 張教授 回歸</t>
  </si>
  <si>
    <t>全國 新冠肺炎 疫情 嚴峻 三級 警戒 再 延長 至 6 月 28 日 移民署 北 區 事務 大隊 新北 市 服務站 為 讓 移 工 落實 防疫 措施 利用 多國 語言 公佈 移 工 工作 生活 及 外出 管理 注意事項 以利 雇主 私立 就業 服務 機構 及 移 工 有所 依循 同時 於 站內 官網 臉書 人力 仲 介 公司 新 住 民 相關 團體 及 社 群 軟 體 廣為 宣 導 三級 警戒 延長 等 相關 訊息 中央流行疫情指揮中心 呼籲 移 工 非必要 不要 外出 新北 市 服務站 秉 持 防疫 不漏 接 主動 向 站內 官網 臉書 人力 仲 介 公司 新 住 民 相關 團體 及 社 群 軟 體 宣導 勞動部 以 多國 語言 於 email protected 移 點 通 及 1955 臉書 推 播 相關 防疫 措施 並 請 協助 移 工 到 勞動力 發展署 網站 下載 使用 一起 共同 抗 疫 新北 市 服務站 主任 林振智 表示 現在 是 防疫 的 關鍵時刻 惟有 民眾 與 政府 相互配合 才可 控制 疫情 所以 也 請 人力 仲 介 業者 及 外籍 學生 善加利用 外籍 移 工 及 學生 線 上 申辦 系統 辦理 相關 居留 業務 以 網路 替代 馬路 減少 不必要 的 外出 避免 人員 流動 群 聚 感染 移民署 為 配合 減少 人員 流動 防疫 政策 部分 已 啟動 居留 效期 即將 到期 的 外來人口 自動 延期 居留 期限 30 日 不 限 次數 直到 疫情 警戒 標準 降 至 二級 當日 起 30 日內 再 至 管轄 地 服務站 補辦 延期 居留 手續 另 外來人口 的 停留 效期 即將 到期 及 原來 經 許可 延長 離 台 期限 的 外來人口 可 暫時 不 用 辦理 延長 停留 及 離 台 期限 手續 直到 疫情 警戒 標準 降 至 二級 的 次日 起 10 日內 再 至 當地 服務站 補辦 延長 停留 及 離 台 期限 手續 此外 外來人口 不 符合 申請 延長 停留 及 離 台 期限 規定 在 疫情 警戒 標準 降 至 二級 的 隔日 起 10 日內 不必 到 各 服務站 辦理 離境手續 直接 至 機場 辦理 相關 手續 即可 離境 該段 期間 不 算 逾期 停留</t>
  </si>
  <si>
    <t>國內 疫情 嚴峻 外交部 今天 表示 為 維護 國內 防疫 安全 及 確保 國人 健康 除了 緊急 或 人道 考量 等 經 專案 許可 者 之外 我國 將 自 5 月 19 日 零 時 起至 6 月 18 日 止 暫緩 未 持有 我國 有效 居留證 的 非本 國籍 人士 入境 國內 新冠肺炎 確診 人數 持續 爆 量 今天 一共 增加 333 例 本土 案例 外交部 發言人 歐 江安 指出 中央流行疫情指揮中心 今天 宣佈 鑒於 國際 及 國內 疫情 升溫 我國 暫緩 未 持有 我國 有效 居留證 的 非本 國籍 人士 入境 外交部 配合 指揮中心 防疫 政策 將 暫停 受理 各類 簽證 申請 目前 持有 有效 停留 簽證 居留 簽證 者 也 將 暫緩 來 台 外交部 強調 外籍人士 如果 因 奔喪 探視 病危 親屬 等 緊急 重大 事由 急需 來 台 必須 經 指揮中心 專案 許可 後 才能 向 駐外 館 處 申請 特別 入境 許可 簽證 上述 措施 將 由 指揮中心 視 疫情 及 執行 狀況 適時 滾 動 調整</t>
  </si>
  <si>
    <t>因應 新冠肺炎 疫情 對 民眾 生計 的 衝擊 政府 擴大 紓困 方案 適用 物件 但 因為 適用 物件 為 沒有 勞 軍 公 較 農保 等 各種 保險 的 民眾 實際收入 難以 查核 引發 地方 審理 時 的 困難 因此 新北 市 一口氣 將 9千 多 件 案件 送交 中央 請 中央 確認 對此 衛福 部長 陳時中 今天 在 中央流行疫情指揮中心 記者會 上 表示 新北 市政府 可能 有 點 中央 的 政策 了 行政院 說 的 中央 審核 指 的 是 中央 是 負有 最終 審核權 但 把 審核 權力 給予 地方 審查 時 地方 審查 不用 擔 最後 審查 之 責 責任 中央會 負 被 問到 其他 縣 市 送 件 情況 時 陳時中 表示 六都 只 有 新北 市 送 件 其他 縣 市 當中 花蓮 也 送 了 三百 多 件 而 被 問到 紓困 衛福部 人力 是否 足以 因應 辦理 審核 紓困 相關 方案 時 陳時中 表示 中央 人力 當然 不夠 中央 人力 本來 就 在 做 政策 工作 昨天 就 有 一百 多 人 在 衛福部 內 加班 建議 地方 審查 時 沒有 疑義 的 案件 不 用 送 中央 如果 有 疑義 再 送 到 中央 會 協助 辦理 此外 臺北市 長 柯文哲 認為 中央 的 命令 對 地方 有 困難 因為 地方 政府 只能 調到 舊 的 財稅 資料 無法 調到 最新 的 新北 市長 侯友宜 也 說 之後 要 改 成 自行 審核 從寬 認定 合格 就 發錢 對此 陳時中 表示 本來 就 是 合格 就 發錢 至於 收入 上 能 提出 證明 最好 不能 的 把 真實情況 寫 上 並 寫 切結 就 可以 了 事實上 這些 本來 就 不容易 查 政府 查核 是 用 排除法 真正 收入 很 難 認定 賣 玉 蘭花 洗 碗 打工 都 很 難 拿到 相關 憑據 因此 陳時中 表示 只要 存款 不要 超過 規定 額度 不要 已 有 保險 或 領 過 其他 紓困 方案 這些 都 排除 後 基本上 民眾 寫 的 政府 就 相信 從寬 從簡 寧可 錯 發 也 不 要 少發</t>
  </si>
  <si>
    <t>國內 疫情 嚴峻 繼 昨 22 日 新增 321 個 本土 病例 以及 400 例 本土 校正 回歸 的 個案 後 今日 中央流行疫情指揮中心 除 新增 287 起 單日 本土 病 例外 也 再度 使用 了 校正 回歸 新增 170 起 病例 讓 該詞 一瞬間 爆 紅 成為 全台</t>
  </si>
  <si>
    <t>國內 疫情 嚴峻 繼 昨 22 日 新增 321 個 本土 病例 以及 400 例 本土 校正 回歸 的 個案 後 今日 中央流行疫情指揮中心 除 新增 287 起 單日 本土 病 例外 也 再度 使用 了 校正 回歸 新增 170 起 病例 讓 該詞 一瞬間 爆 紅 成為 全台 無人不知 無人不曉 的 熱門 關鍵字 並 引發 各界 論戰 對 此 一 名 ptt 鄉民 稍 早 提出 看法 直言 2 大原 因 引發 校正 回歸 之 亂 據 ptt 該文 指出 原 po 認為 確診 案例 數 2 點過 後 才 驗 出來 的 很多 本來 就 一定 會 有 記者會 上 沒 記錄 到 的 數字 所以 校正 是 一定 會 有的 遺漏 實屬 合理 可 話鋒一轉 原 po 不禁 納悶 中央 流行 疫情 指揮 為何 要 特地 發明 校正 回歸 一 詞 不 直接 說 修正 上 一 周 資料 就 好 做法 明顯 有 問題 原 po 進一步 解釋 昨日 校正 回歸 400 例 之所以 引發 民怨 主要 有 2 個 原因 一 是 創造 校正 回歸 一 詞 讓 人 匪夷所思 大幅 加深 疑慮 二 是 校正 回歸 頻率 應 縮短 每日 公佈 前 一 天 新增 的 校正 回歸 數量 才能 讓 大眾 掌握 最新 疫情 狀況 否則 一 次 公佈 一 周 校正 資料 數量 過 多 自然 造成 恐慌 此文 一 出 隨即 引發 網友 強烈 共鳴 大家 紛紛 回應 反彈 校正 回歸 本身 沒有 關係 而且 是 正確 的 因為 你 不 把 那些 病例 加回去 你 不能 知道 正確 的 篩檢 陽性 比例 的 趨勢 如何 但 你 他 x 的 篩檢 能量 不足 你 要 早 講 啊 也 覺得 是 做法 的 問題 週六 才 一 次 公 佈 那麼 多 斧 鑿 太 深 他 解釋 第一 次 我 就 說 那 就 直接 說 來不及 驗 完 就 好 了 問題 在於 根本 沒 解釋 清 然後 又 創 一個 名詞 更 加深 疑慮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免 付費 防疫 專線 1922 0800 001922</t>
  </si>
  <si>
    <t>國內 昨 新增 1 名 機師 小孩 確診 若 扣除 在 澳 確診 機師 目前 華航 諾 富特 飯店 事件 共 累計 19 人 確診 對於 本 起 事件 個案 的 嚴重 程度 中央流行疫情指揮中心 發言人 莊人祥 透露 目前 有 3 名 重症 案例 包括 嚴重 肺炎 的 機師 案 1079</t>
  </si>
  <si>
    <t>國內 昨 新增 1 名 機師 小孩 確診 若 扣除 在 澳 確診 機師 目前 華航 諾 富特 飯店 事件 共 累計 19 人 確診 對於 本 起 事件 個案 的 嚴重 程度 中央流行疫情指揮中心 發言人 莊人祥 透露 目前 有 3 名 重症 案例 包括 嚴重 肺炎 的 機師 案 1079 案 1122 以及 插管 中的 房 務 部 主管 案 1120 案 1079 發病 前 曾住 過 諾 富特 指揮中心 指出 案 1079 為 60 多 歲 機師 4 月 10 至 12 日 飛往 印度 盧森堡 並 在 14 日 執勤 到 美國 於 當地 旅館 檢疫 4 月 16 日 返台 進行 3 天 居家 檢疫 隔日 出現 喉嚨 癢 全身 酸痛 症狀 19 日 自費 采 檢 後 20 日 確診 新冠肺炎 這 名 機師 發病 前 曾住 過 諾 富特 飯店 病毒 序列 與 案 1120 房 務 部 主管 相同 有 嚴重 肺炎 目前 仍 在 治療 中 案 1120 為 40 多 歲 諾 富特 飯店 房務部 主管 近期 無 出 國史 平時 工作 專案 為 檢查 房間 環境 之 清潔 偶爾 協助 機組員 購買 物品 主管 4 月 17 日 起 陸續 出現 咳嗽 流 鼻 水 食欲不振 及 呼吸 喘 等 症狀 並於 4 月 19 日 至 4 月 26 日間 3 次 至 同一 診所 就醫 因 症狀 未 改善 27 日 至 醫院 就醫 發現 肺炎 並 收治 住院 隔離 采 檢 29 日 確診 新冠肺炎 醫療 應變 組 副 組長 羅一鈞 表示 由於 這 名 主管 還 在 插管 治療 無法 進一步 疫 調 但 會 努力 去 尋找 飯店 群 聚 的 源頭 案 1122 為 50 多 歲 機師 4 月 2 日 至 9 日 執勤 至 美國 返台 後於 防疫 旅館 檢疫 至 4 月 15 日 期間 無 症狀 檢疫 期滿 采 檢 陰性 4 月 19 日 機師 再次 執勤 至 美國 24 日 自 美國 經 日本 返台 25 日 入境 後 返回 住處 居家 檢疫 27 日 出現 喉嚨 痛 及 發燒 症狀 由 衛生 單位 安排 就醫 采 檢 於 4 月 29 日 確診 有 嚴重 肺炎 仍 在 治療 中 對 飛機 采 檢 阿中稱 有 困難 衛福 部長 陳時中 昨 參加 南丁格爾 頒獎典禮 後 受訪 時 被 問到 華航群 聚 案 目前 個案 11011102 是 英國 變種 病毒株 為什麼 沒有 想要 針對 航空器 采 檢 陳時中 表示 航空器 的 機組員 都 有 做 個人 的 基本 消毒 且 發現 病例 的 時候 航空器 已經 又 再 飛出去 了 這 其實 有 實際上 的 困難</t>
  </si>
  <si>
    <t>總統 蔡英文 6 日 上午 到 桃園 機場 巡視 國境 各項 防疫 檢疫 作為 同時 慰勉 衛福部 內政 部 財政部 交通部 農委會 等 第一 線 執勤 人員 辛勞 前後 停留 約 1 個 小時 蔡英文 總統 6 日 上午 10 時 抵達 桃園 機場 第 2 航 廈 由 內政部長 徐國勇 交通部長 林佳龍 財政部長 蘇建榮 桃園 市長 鄭文燦 中央流行疫情指揮中心 副 指揮官 陳宗彥 農委會 副 主委 黃金城 衛福部 疾 管署 署長 周志浩 桃園 機場 公司 董事長 林國顯 等 人 陪同 到 桃 機 各 單位 視察 國境 防疫 作為 蔡英文 總統 先 在 桃 機 1019 簡報 室內 頒獎 表揚 機場 防疫 檢疫 相關 單位 由 桃園 機場 公司 總經理 林祥生 衛福部 疾 管署 署長 周志浩 內政 部 移民署 署長 邱豐光 內政部警政署 航空 警察局 局長 黃嘉祿 農委會 動植物 防疫 檢疫 局 新竹 分局 分局長 柯榮輝 財政部 關務 署 署長 謝鈴媛 桃園 機場 排 班 計程車 自律 委員會 主任委員 黃良易 租賃 車 防疫 車隊 慶 賓 租賃 車 公司 副總經理 胡慶 隆 防疫 巴士 車隊 國光 客運公司 副董事長 王應傑 防疫 巴士 車隊 龍泰 遊覽車 公司 董事長 張永紹 等 人 代表 受獎 隨後 在 會議室 內 聽取 各 單位 防疫 作為 簡報 後 進入 第 2 航 廈 管制 區內 先後 到 入境 長廊 發燒 篩檢 站 檢疫 官 審核 入境 旅客 書面資料 臨時 櫃檯 移民署 證照 查驗 櫃檯 海關檢查 台 等 地 巡視 稍後 又 到 入境 大廳 防疫 巴士 防疫 租賃 車 防疫 計程車 上車 處 等 地 實地 瞭解 入境 旅客 防疫 檢疫 動 線 直至 11 時 結束 巡視 慰問 行程 後 離開</t>
  </si>
  <si>
    <t>臺北市 副 市長 黃珊珊 在 昨 12 日 爆 中央 認為 北市 匡列太 寬 甚至 刪除 北市 上傳 的 居家 隔離 紀錄 外界 質疑 究竟 匡列 標準 是 中央 訂 定 還是 授權 地方 訂 定 匡列太 寬 是否 真的 會 被 刪除 中央流行疫情指揮中心 發言人 莊人祥 表示 匡</t>
  </si>
  <si>
    <t>臺北市 副 市長 黃珊珊 在 昨 12 日 爆 中央 認為 北市 匡列太 寬 甚至 刪除 北市 上傳 的 居家 隔離 紀錄 外界 質疑 究竟 匡列 標準 是 中央 訂 定 還是 授權 地方 訂 定 匡列太 寬 是否 真的 會 被 刪除 中央流行疫情指揮中心 發言人 莊人祥 表示 匡列 部分 10 日 區 管 中心 和 地方 衛生局 討論 因為 在 文山區 有 位 個案 的 接觸 者 有 60 人 當時 衛生局 同意 改 列 自我 健康 監測 並未 刪除 居隔 紀錄 之後 又 把 這 60 位 列為 居家 隔離 也 未再 做 其他 修正 可能 是 中間 有 誤解</t>
  </si>
  <si>
    <t>臺灣 5 月中 爆 本土 疫情 4 月 15 日 將 機組員 檢疫 措施 改 成 3 11 被 視為 防疫 破 口 但 指揮中心 指揮官 陳時中 昨 卻說 華航諾 富特 案 是 群 聚 不算 社區 破 口 對此 胸腔 科 醫師 蘇一峰 忍不住 吐 槽 機師 同 住 家人 在 4 月 就 驗 出 大量 igg 抗體 而 igg 抗體 要 感染 超過 一個 月 才 會 產生 若 不是 機組員 的 隔離 檢疫 時間 太 短 增加 家 人 被 感染 的 風險 家 人 就 把 病毒 傳出去 了 蘇一峰 昨天 在 臉書 發文 分享 疫情 累計 的 死亡 人數 來到 817 例 中央流行疫情指揮中心 指揮官 陳時中 強調 3 11 政策 未 影響 社區 華航諾 富特 案 是 群 聚 事件 不算 是 社區 破 口 讓 他 聽 了 忍不住 吐 槽 說 看來 範雲 無罪 了 可以 出來 了 貼 文 引起 網友 熱烈 討論 原來 萬華 爆發 不是 3 11 害 的 是 萬華 自己 生 出來 的 病毒 所以 病毒 真的 是 天上掉 下來 的 3 11 既非 破 口 那 之前 說 要 負責 是 要 負 什麼 責 呢 反正 話 都 是 他 在 說 的 但 也 有 網友 留 言說 病毒 早 在 三月 就 進來 了 與 萬華 和 諾 富特 案 幾乎 同時 散開 加上 無法 確定 諾 富特 員工 是否 有 去 萬華阿 公 店 消費 或是 機師 傳染給 諾 富特 員工 後 再 去 萬華 消費 因此 整件事 應和 4 月 15 日 將 機組員 檢疫 措施 調整 為 3 11 沒有 關係 吧 對此 蘇一峰 表示 機師 同 住 家人 早 在 四月 就 驗 出 大量 igg 抗體 而 家 人們 平常 並不需要 隔離 所以 病毒 早就 傳 進來 了 因為 igg 抗體 要 感染 超過 一個 月 才 會 產生 因此 他 認為 機組員 的 隔離 檢疫 時間 太 短 增加 家 人 被 感染 的 風險 家 人 就 把 病毒 傳出去 了 也許 在 3 11 前 的 5 9 就 已經 是 破 口 了</t>
  </si>
  <si>
    <t>立 法院 今天 三讀通過 紓困 振興 特別 條例 修正案 民進黨 感謝 朝野 政黨 的 合作 讓 紓困 條例 順利 通過 發言人 周江傑 表示 接下來 的 紓困 特別 預算案 也 將 送 進 立法 院 此時 紓困 對 臺灣 來說 是 極為重要 當前 此刻 全民 期待 的 是 朝野 不分 黨派 攜手 努力 中央 地方 團結 一起 盡 速 讓 紓困 預算 通過 協助 臺灣 度過 這次 的 難關 周江傑 表示 現階段 除了 防疫 政府 也 必須 維持 國家 經濟 穩定 人民 生活安定 感謝 朝野 政黨 的 合作 讓 紓困 條例 順利 通過 至於 國民黨 今天 記者會 他 說 民進黨 對於 疫苗 的 態度 很 清楚 總統府 昨日 也 已經 正式 說明 疫苗 攸 關 全體 國人 的 健康 安全 政府 必須 對 疫苗 安全 負 最 大 的 責任 因此 對於 疫苗 進口 通路 配送 以及 後續 接種 的 相關 安排 及 合約 簽訂 情形 政府 都 必須 充分 瞭 解 政府 一切 以 國民 健康 安全 為 唯一 目標 務必 確保 國人 的 安全 與 健康 並 達到 國家 整體 防疫 的 成效 周江傑 指出 陳時中 部長 也 在 指揮中心 的 記者會 上 說明 過 疫苗 專案 輸入 的 流程 也 表達 對於 各縣 市政府 企業 民間團體 自行 採購 疫苗 會 全力 投入 處理 盡 速 與 各 申請 單位 瞭解 確認 相關 貨源 並且 提供 必要 協助 周江傑 表示 民進黨 對於 民間 提供 相關 採購 疫苗 的 協助 都 表達 歡迎 與 感謝 之 意 我們 也 希望 相關 單位 若 有 關於 疫苗 採購 的 資訊 都 可以 儘快 與 指揮中心 聯絡 政府 會 盡 速 來 針對 專案 進行 討論 國民黨 質疑 民進黨 對於 疫苗 採購 有 意識形態 周江傑 嚴正 表示 疫情 發生 以來 民進黨 不斷 強調 病毒 不 會 區分 政黨 或 意識形態 面對 疫情 只 有 不分 朝野 團結 一致 民進黨 對於 疫苗 的 態度 也 是 一樣 臺灣 一直 努力 透過 多元 管道 積極 向 國際 購買 同時 也 發展 國產 疫苗 但是 他 說 近期 我們 卻 可以 看見 中國 不僅 阻擋 臺灣 原本 即 將 與 德國 bnt 原廠 簽約 購買 的 疫苗 而 現在 日本政府 表達捐贈 臺灣 az 疫苗 的 態度 時 中國 又 講出 不會 得逞 的 說法 令人遺憾 民進黨 也 呼籲 國民黨 應該 共同 一致 對外 對於 中國 干預 臺灣 採購 疫苗 的 干擾 表達 抗議 周江傑 指出 中央流行疫情指揮中心 日前 也 公佈 目前 已 完成 採購 covax astrazenca 及 moderna 疫苗 約 2000萬 劑 國產 疫苗 部分 也 持續 推進 政府 一直 努力 透過 多元 管道 爭取 國際 原廠 疫苗 全力 加速 推動 外購 疫苗 到貨 期 程 國產 疫苗 目前 也 正在 加速 研發 出廠 希望 政府 與 民間 共同努力 讓 疫苗 供給 更為 穩定 共同 度過 疫情 艱 困 時刻</t>
  </si>
  <si>
    <t>世衛組織 將 在 日內瓦 舉辦 新冠肺炎 專家 會議 臺灣 將 以 taipei 臺北 名義 參與 視 訊 會議 引發 外界 議論 擔憂 是否 有 矮 化 之 嫌 對此 外交部 發言人 歐 江安 表示 由於 有 簽訂 保密 協定 政府 不能 透露 臺灣 要以 何種 名稱 參與 但是 外交部 一定 會 謀求 臺灣 的 利益 努力 交涉 世衛組織 who 今 明兩天 在 日內瓦 舉辦 新冠肺炎 專家 會議 中央流行疫情指揮中心 監測 應變 官 疾 管署 副 署長 莊人祥 指出 此次 會議 聚焦 在 新藥 疫苗 的 技術 研發 議題 我方 提交 的 專家 名單 也 全 與 新藥 疫苗 發展 有關 並 確定 將 以 taipei 臺北 名義 參與 視 訊 會議 專家 則 以 個人 名義 與 who 簽訂 保密 協議 對此 歐 江安金 在 記者會 上 表示 在 日內瓦 的 會議 是 閉門 性 會議 沒有 任何 轉播 臺灣 會 以 線 上 方式 與會 有 許多 國家 的 專家 也 是 透過 線 上 方式 一起 討論 最後 的 討論 資料 會 給 各國 政府 作為 內參 不會 透露 至於 關於 臺灣 的 名稱 歐 江安 直言 由於 有 簽訂 保密 協定 所以 政府 不能 透露 與會 的 內容 和 專家 的 任何 訊息 一切 要 等 會議 開始 才會 知道 臺灣 的 最終 名稱 為何 在 此 過程 中 外交部 都會 努力 交涉 謀求 臺灣 的 最 大 利益</t>
  </si>
  <si>
    <t>中央流行疫情指揮中心 宣佈 有 條件 開放 部分 休閒 娛樂場所 經濟部 公告 視聽 歌唱 場所 防疫 管理 措施 指引 台中市政府 立即 依 相關 指引 公告 申請 複業 程式 及 內容 經發局 統計 申請 至 7 日 共 44 家 提出 申請 42 家 符合規定 已 核准 複業</t>
  </si>
  <si>
    <t>中央流行疫情指揮中心 宣佈 有 條件 開放 部分 休閒 娛樂場所 經濟部 公告 視聽 歌唱 場所 防疫 管理 措施 指引 台中市政府 立即 依 相關 指引 公告 申請 複業 程式 及 內容 經發局 統計 申請 至 7 日 共 44 家 提出 申請 42 家 符合規定 已 核准 複業 經發局 強調 後續 將 按 申請 順序 逐 案 審查 經 發 局 說 國內 疫情 趨 緩 市府 陸續 接 獲 許多 業者 詢問 電話 希望 盡 速 恢復 營業 因 中央流行疫情指揮中心 規定 申請 從業人員 須 6 成已 至少 施打 1 劑 疫苗 且 滿 14 天 部分 業者 因 疫苗 施打 證明文件 準備 不 全 因此 擇期 再 送 件 經 發 局 指出 截至 7 日 下午 5 時止 累計 申請 家數 有 44 家 核准 家數 42 家 後續 將 按 申請 順序 逐 案 審查 若 符合規定 將 協助 業者 盡 速 複業 並 依 中央 指引 強化 防疫 措施 經 發 局 表示 經 核准 有 條件 開放 的 場所 應依循 中央 防疫 規範 與 指引 落實 防疫 措施 市府 後續 將 加強 查核 要 求業 者 落實 防疫 措施 如 違反 防疫 措施 將 依 傳染病 防治法 裁 罰 提醒 民眾 於 休閒 娛樂場所 消費 務必 配合 相關 規定 保護 自己 保護 他人</t>
  </si>
  <si>
    <t>清明連 假 結束 中央流行疫情指揮中心 為 避免 疫情 擴大 今天上午 召開 臨時 記者會 宣佈 曾 出入 熱門 旅遊景點 人潮 擁擠 的 地方 活動 的 民眾 務必 實施 14 天 的 自主 健康 管理 避免 出入 公共場所 外出 時 務必 配戴 口罩 盡可能 在家 上</t>
  </si>
  <si>
    <t>清明連 假 結束 中央流行疫情指揮中心 為 避免 疫情 擴大 今天上午 召開 臨時 記者會 宣佈 曾 出入 熱門 旅遊景點 人潮 擁擠 的 地方 活動 的 民眾 務必 實施 14 天 的 自主 健康 管理 避免 出入 公共場所 外出 時 務必 配戴 口罩 盡可能 在家 上班 有 症狀 禁 上班 上學 若 有 腹瀉 味覺 嗅覺 失調 症狀 者 必須 就醫 或 打 1922 通報 就醫 時 務必 告知 旅遊 史 指揮官 陳時中 表示 除 自主 健康 管理 外 接下來 將 要求 企業 進行 彈性 上班 異地 上班 的 規劃 民眾 外出 必須 戴 口罩 避免 不 必要 的 外出 若要 外出 也 要 維持 嚴格 的 社交距離 有 症狀 者 不得 上班 上學 民眾 可向 主管 報 備 在家 辦公 學生 也 要 向 師長 提供 旅遊 史 指揮中心 強調 與 他人 保持 室內 15 公尺 室外 1 公尺 的 社交 安全 距離 若無 法 保持 請 配戴 口罩 搭乘 大眾 運輸 時 應 全程 配戴 口罩 並 配合 量 測體溫 勸導 不 聽 最高 罰 新 台幣 1萬5千 元 若 身體 不適請戴 口罩 速 就醫 主動 告知 旅遊 接觸 史 等 並 落實 生病 在家 休息</t>
  </si>
  <si>
    <t>陷入 這 波 染疫 風暴 的 京元電 竹南 廠 為了 徹底清除 疫情 13 日 上午 在 造橋 臨時 移 工 宿舍 展開 第 3 波 的 pcr 篩檢 受檢 男女 移 工 篩檢 前後 都 接受 徹底 消毒 京元電 在 竹南 廠 對本 籍 員工 全面 篩檢 行動 12 日 已 完成 全部 5千 多 人 篩檢 11 日共 篩 出 3 名 陽性 日後 將 由 駐 廠 醫師 持續 不定期 pcr 篩檢 一旦 發現 有 陽性者 一律 不得 入 廠 京元 電 竹南 廠 從 5 月 30 日 爆發 員工 群 聚 感染 後 迄今已 逾 2 周 在 中央流行疫情指揮中心 派員 進駐 廠 區 成立 前進指揮所 全權 指導 防疫 措施 後 業者 先 將 3 棟 竹南 廠 外籍 移 工 宿舍 依序 降 載 清 空 後 將 全部 近千名 移 工 遷 至 京元電 造橋 移 工 宿舍 分流 安置 並 在 9 日 進行 第 2 次 快 篩 及 pcr 檢測 結果 再度 清出 30 人 陽性 隨 予 隔離 為了 徹底 查清 所 有 可能 帶 原者 京元電 13 日 上午 8 時 開始 在 造橋 移 工 宿舍 展開 第 3 波 pcr 篩檢 所有 前 2 波 篩檢 陰性 的 男女 移 工 全部 都 要 再 受檢 期望 達到 滴水不漏 受檢 男女 移 工 13 日 並未 安排 上班 在 頭份 為 恭 醫院 及 桃園 敏 盛 醫院 合 組團 隊 的 指揮 下 男女 移 工 們 依序采 檢 采 檢 前後 醫療 團隊 並要 對 每個 受檢 人員 徹底 噴 消 移 工 排隊 並 要求 維持 社交距離 預計 第 3 波 篩檢 工作 將 在 1 天內 完成 至於 京元電 竹南 廠 連續 2 天 對本 籍 員工 篩檢 工作 在 臺北 榮 總的 支援 下 至 12 日 業已 完成 全部 5千 多 名 員工 篩檢 11 日 篩檢 結果 出現 3 名 員工 陽性 12 日 結果 尚 待 確認</t>
  </si>
  <si>
    <t>中央流行疫情指揮中心 規劃 第 九 輪 接種 bnt 及 高端疫苗 預計 9 月底 開 打 而 選擇 要 施打 az 跟 莫德納 疫苗 的 民眾 只能 期盼 第 十 輪 近日 有 網友 分享 讓 全家人 一 天都 打到 az 方式 引起 熱 議 一 名 女網友 在 ptt 八卦板 發文 表示 自己 與</t>
  </si>
  <si>
    <t>中央流行疫情指揮中心 規劃 第 九 輪 接種 bnt 及 高端疫苗 預計 9 月底 開 打 而 選擇 要 施打 az 跟 莫德納 疫苗 的 民眾 只能 期盼 第 十 輪 近日 有 網友 分享 讓 全家人 一 天都 打到 az 方式 引起 熱 議 一 名 女網友 在 ptt 八卦板 發文 表示 自己 與 家人 在 7 月 19 日前 意願 登記 沒 勾選 az 疫苗 後來 第 七 輪 開放 施打 施打 年齡 更 降到 23 28 歲 自嘲 是 看不到 別人 車尾燈 的 低 端 人口 不過 9 日 開 打 後 她 和 家人 化 被動 為 主動 開始 打電話 去 各家 診所 詢問 殘 劑 結果 兩 天 後 全家人 都順利 打到 疫苗 排 了 6 間 診所 疫苗 殘 劑 隔 天 就 收到 通知 結果 全家人 一 天內 都 打到 az 第一 劑 讓 她 好奇 有 沒有 現在 預約 殘 劑 比 等 政府 順序 還 快 的 八卦 也 打趣 的 說 還 是 台南 大 部分 人 都打 國產 疫苗 az 殘 劑 才 會 這麼 好 排 貼 文一 出 有人 紛紛 留言 回應 台南 有 開放 殘 劑 想 打 az 的 都打 完了 想 快 一點 本來 就 是 自己 積極 預約 殘 劑 也 有人 認為 是 bnt 疫苗 到貨 造成 的 可能 去 等 bnt 了 吧 下禮拜 肯定 超 多 殘 劑 因為 18 22 歲 會 放棄 指揮中心 統計 截至 昨 11 日 az 疫苗 共 接種 794萬4221 劑 莫德納 377萬9599 劑 高端 71萬5935 劑 總計 接種 1243萬9755 劑 接種 人口 涵蓋 率 4858</t>
  </si>
  <si>
    <t>中央流行疫情指揮中心 表示 covid-19 疫情 延 燒 全球 我國 防疫 有成 連續 多 日 無 本土 病例 指揮中心 自 6 月 7 日 起 放寬 國內 防疫 措施 但 也 發現 到 近期 民眾 警戒 心 下降 整體 防疫 新 生活 運動 落實 情形 不盡 理想 因此 在 8 月 5 日 提醒</t>
  </si>
  <si>
    <t>中央流行疫情指揮中心 表示 covid-19 疫情 延 燒 全球 我國 防疫 有成 連續 多 日 無 本土 病例 指揮中心 自 6 月 7 日 起 放寬 國內 防疫 措施 但 也 發現 到 近期 民眾 警戒 心 下降 整體 防疫 新 生活 運動 落實 情形 不盡 理想 因此 在 8 月 5 日 提醒 民眾 在 出入 無法 保持 社交距離 或 會 密切接觸 不 特定 物件 之人 潮 擁擠 或 密閉 場所 時 務必 佩戴 口罩 也 列舉 了 八大 類人 潮 擁擠 或 密閉 場所 如 醫療 照 護 機構 大眾 運輸 賣 場 市集 教育 學習 場所 展演 競賽 場所 宗教 場所 娛樂場所 及 大型活動 等 指揮中心 強調 國內 社區 目前 相對 安全 現階段 仍以 加強 宣導 落實 防疫 新 生活 運動 同時 勸導 民眾 配合 在 這 八大 類 場所 佩戴 口罩 為主 惟 地方 主管機關 如 已 依據 傳染病 防治法 第 37 條 第 1 項 第 6 款 之 規定 規劃 或 已 公告 八大 類 場所 強制 戴 口罩 及 訂 有 相關 罰 則 指揮中心 原則 予以 尊重 該等 縣 市 則 應 依 傳染病 防治法 第 37 條 第 3 項將 公告 內容 函送 指揮中心 指揮中心 另 表示 未來 如果 國內 疫情 升溫 有 縣 市 或 特定 場 域 出現 感染 源 不明 之 本土 病 時 考量 這些 場所 發生 不 特定 物件 或 群 聚 感染 的 風險 較 高 需 提高 對於 佩戴 口罩 之 強制力 將 要求 地方 政府 及 各 目的 事業 主管機關 依法 公告 罰 則 並 對 屢勸不聽 者 依 具體 情節 裁 罰 倘 疫情 更 趨 嚴峻 感染 源 不明 之 本土 病 持續 增加 且 涉及 多數 縣 市 或 場 域 時 將 由 指揮中心 評估 並 宣佈 全國性 之 強制措施 以 阻斷 傳播 鏈</t>
  </si>
  <si>
    <t>苗栗 竹南 科技 廠 移 工 群 聚 感染疫情 仍未 降溫 10 日 再 爆 增 43 例 中央流行疫情指揮中心 10 日 通報 苗栗縣 新增 確診 病例 43 例 其中 外籍 移 工 40 例 本 國籍 3 例 京元 電子相關 11 例 智邦 科技 相關 28 例 竹科力 積 電子 1 例 京鼎 科技</t>
  </si>
  <si>
    <t>苗栗 竹南 科技 廠 移 工 群 聚 感染疫情 仍未 降溫 10 日 再 爆 增 43 例 中央流行疫情指揮中心 10 日 通報 苗栗縣 新增 確診 病例 43 例 其中 外籍 移 工 40 例 本 國籍 3 例 京元 電子相關 11 例 智邦 科技 相關 28 例 竹科力 積 電子 1 例 京鼎 科技 2 例 位 以及 新增 的 生物科技 廠 台欣 生物科技 1 例 縣長 徐耀昌 指出 新增 43 例 中 31 例 無 症狀 目前 確診 個案 都已 收治 隔離 中 本 國籍 3 例 確診 個案 為 電子 廠 員工 確診 者 以及 同 住 家人 或 接觸 者 徐耀昌 說 京元電 新增 案例 11 例 全數 為 外籍 移 工 均 是 接觸 者 被 感染 不過 都 是 隔離 7 天時 確診 智邦 科技 28 例 中 有 27 例 是 外籍 移 工 1 例 本 國籍 京鼎 1 例 本 國籍 1 例 外籍 台欣 1 例 是 外籍 另 快 篩 部分 京鼎 精密 科技 公司 於 9 日 全廠 快 篩 的 360 人中 陽性 1 人 智邦 科技 公司 全廠 快 篩 237 人 部分 已全數 陰性 此外 包括 正 達 光電 全廠 快 篩 296 人 全數 陰性 金明 玻璃 全廠 快 篩 5 人 全數 陰性 振邦 工業 全廠 快 篩 17 人 全數 陰性 頂 埔裡 社區 快 篩 293 人 全數 陰性 徐耀昌 也 指出 縣府 已 勸導 苗栗縣 50 位 員工 以上 的 潛 在 高風險 企業 公司 作 全 員外 篩 目前 全縣 有 34 家 廠商 已 有 12 家 做 另 有 14 家 預計 要 做 剩 餘 8 家 縣府 會 繼續 媒 合 宣導 快 篩 縣府 也 表示 京元電 在 9 日 2 篩 但 1000 人 之中 有 30 人 由 陰轉陽 此 部分 值得 深思 與 研究 因此 縣府 要求 企業 廠商 要求 員工 配合 快 篩 下班 後 更 儘量 不 外出 移動 此外 徐耀昌 也 針對 近日 有 團體 或 網友 評 擊 縣府 不 尊重 移 工 人權 的 問題 重話 回應 表示 目前 苗栗 確診 案例 379 列 外籍 移 工 就 占 305 例 外籍 確診 人數 已 高 達 80 苗栗 上周 還是 防疫 模範 生 但 現在 卻 有 這麼 多 確診 數 就是 因為 移 工 所 引起 的 這麼 大 的 變化 縣府 目前 是 亡羊補牢 不得 為 之 希望 能夠 匡住移 工 們 遵 造 中央 指示 一起 來 把 疫情 減緩 歸 零 他 也 呼籲 鄉親 不要 一天到晚 在 講 人權 難道 外籍人士 有 不當 的 行為 也 不能 去 規範 他們 嗎 如果 確診 了 哪 還有 人權 而 縣府 衛生局 已 立即 啟動 疫 調 采 檢 及 清 消 等 防疫 工作 個 案由 衛生局 安排 送醫 收治 苗縣 醫院 負 壓 病房 治療 相關 接觸 者 及 足跡 陸續 調查 中 足跡 場所 進行 戶外 清 消 請 鄉親 安心 放心</t>
  </si>
  <si>
    <t>關貿 網路 今日 表示 第 11 期 預約 接種 將 於雙十 連 假 陸續 開放 本期 預約 將 提供 bnt 疫苗 第一 劑 和 az 疫苗 第二 劑 接種 分別 10 月 11 日 12 日 啟動 預約 采 分流 方式 進行 第 11 期 除了 分 梯 啟動 還 開放 提前 查詢 預約 資格 功能 以 第 10 期 來說 預約 是 開放 給 9 月 29 日前 意願 登記 bnt 疫苗 的 61 歲 至 63 歲 民眾 不含 第 9 類 物件 預約 接種 根據 當 期 第 登 入 資料 分析 當天 登 入 達 5367萬 人次 是 實際 預約 成功 人數 的 467 倍 其中 有 1463萬 人 其實 是 不具 當 期 預約 資格 第 10 期 預約 時 每 分鐘 瞬間 流量 高 達 768萬 人次 因而 啟動 等候室 waiting room 網頁 的 排隊 機制 為了 避免 非 資格 者 也 搶 上網 預約 關貿 表示 第 11 期 預約 的 兩 種 疫苗 除了 將 分別 在 兩 日 啟動 減少 民眾 等候 並 讓 民眾 更 方便 及早 查詢 是否 符合 當 期 資格 首度 採用 查詢 預約 資格 系統 擬 施 打的 民眾 可先 至 查詢 預約 資格 系統 查詢 是否 符合 該 期 預約 接種 之 資格 不 清楚 自己 預約 資格 的 民眾 不 用 在 開放 預約 的 當下 急 著 搶先 登 入 系統 預約 不但 容易 造成 網路 壅 塞 也 不易 快速 得知 預約 結果 事先 查詢 系統 請 民眾 多 善加利用 可 節省 寶貴 時間 關貿 也 提醒 第 11 期 預約 提醒 簡訊 將 於 預約 分流 日前 一 天 陸續 發送 bnt 是從 10 月 10 日 14 時起 az 是從 10 月 11 日 14 時起 提醒 民眾 注意 發送 之 簡訊 通知 符合 預約 資格 民眾 於 預約 成功 後 請 如期 準時 抵達 進行 施打 相關 任何 變動 與 最新消息 請 參考 中央流行疫情指揮中心 的 動態</t>
  </si>
  <si>
    <t>我國 海軍 敦睦 艦隊 昨 18 驚 爆 3 人 確診 新冠肺炎 covid-19 今天 又 爆 增 21 人 確診 對此 海軍 副 司令 梅家樹 中將 今天 在 中央流行疫情指揮中心 記者會 中 代表 海軍 向 社會 大眾 鞠躬 致歉 說 109 年 敦睦 任務 期間 相關 防疫 工</t>
  </si>
  <si>
    <t>我國 海軍 敦睦 艦隊 昨 18 驚 爆 3 人 確診 新冠肺炎 covid-19 今天 又 爆 增 21 人 確診 對此 海軍 副 司令 梅家樹 中將 今天 在 中央流行疫情指揮中心 記者會 中 代表 海軍 向 社會 大眾 鞠躬 致歉 說 109 年 敦睦 任務 期間 相關 防疫 工作 沒有 做好 造成 人員 感染 新冠肺炎 在 此 要 代表 海軍 致 上 歉意 梅 家 樹還 說 對於 參與 遠訓 官 士兵 的 家屬 同樣 要 表達 歉意 會 盡 最 大 努力 照顧 官兵 與 家屬 針對 官兵 在 帛 琉 沒 戴 口罩 一 事 梅家樹 指出 當時 考量 帛 琉 沒有 確診 個案 官兵 的 拜會 戶外 體育 表演 活動 參與 人員 確實 沒有 戴 上 口罩</t>
  </si>
  <si>
    <t>繼 昨天 公佈 的 3 人 之後 我國 出訪 敦睦 艦隊 上 再 有 21 人 確診 新冠肺炎 原本 國防部 宣稱 出訪 時間 有 戴 口罩 但 官兵 未戴 口罩 拉 正 妹 狂 嗨 被 踢 爆 後 今天 中央流行疫情指揮中心 記者會 上 國防部 坦承 進一步 追查 後 發現 出訪 官兵 並未</t>
  </si>
  <si>
    <t>繼 昨天 公佈 的 3 人 之後 我國 出訪 敦睦 艦隊 上 再 有 21 人 確診 新冠肺炎 原本 國防部 宣稱 出訪 時間 有 戴 口罩 但 官兵 未戴 口罩 拉 正 妹 狂 嗨 被 踢 爆 後 今天 中央流行疫情指揮中心 記者會 上 國防部 坦承 進一步 追查 後 發現 出訪 官兵 並未 全程 戴 口罩 媒體 質疑 昨日 國防部 表示 因為 外交部 說 帛 琉 沒有 新冠肺炎 患者 才 前往 帛 琉 但 最 瞭解 疫情 的 應該 是 指揮中心 當時 有無 問 指揮中心 如果 有 問 指揮中心 有無 給 出訪 艦隊 口罩 等 相關 防疫 物資 此外 為 何在 已 有 人 表示 不 舒服 的 情況 下 國防部 媒體 15 日 還 說 全員 身體健康 對此 國防部 發言人 史順文 回 稱 當初 決定 出訪 時 已 縮短 停留時間 關於 是否 隱匿 疫情 當時 反應 身體 有 問題 的 國軍 表示 他 是 頭痛 航行 時 比較 容易 有人 出現 頭痛 現象 所以 醫官 判定 後 決定 予以 尊重 另外 幾 人 並未 向醫官 提出 身體 問題 中央流行疫情指揮中心 副 指揮官 陳宗彥 則 表示 國防部 只有 在 回程 時 詢問 指揮中心 哪 時 可以 入境 國防部 副 部長 張哲平 則 說 出訪 艦隊 官兵 返國 靠港 時 接受 檢查 沒有 人 發燒 確實 沒 問題 所以 當時 會 做 這樣 的 說明 至於 4 月 13 日 官兵 只 是 單純 頭痛 找 醫生 就診 媒體 也 詢問 軍艦 人員 下船 前 有無 經過 健康 檢疫 流程 如 量 體溫 等 此外 政戰學校 雖 宣佈 停課 卻 仍要 學生 返校 住宿 但 很多 人 六 人 一 間 是否 可能 群 聚 感染 是否 應在 家 自主 管理 更 好 對 此 中央流行疫情指揮中心 指揮官 陳時中 表示 沒有 規定 下船 要 填 健康 聲明書 軍隊 有 根據 指揮中心 的 指引 加以 管理 相信 會 比 民間 管理 強度 更 強 軍隊 是 有紀律 的 地方 至於 在 家 還是 回 部隊 隔離 一般 集中管理 應該 比 要好 但 前提 是 區隔 有無 做好 隨後 海軍司令部 副 司令 梅家樹 首先 向 社會 大眾 鞠躬 致歉 接 著 他 坦言 我方 艦隊 出訪 帛 琉 時 戶外活動 和 官式 拜會 中 並未 戴 口罩 其 餘 休假 時間 則 有 全程 戴 口罩 而 4 月 14 日 有 聯合 檢疫 小組 到 船上 去 做 健康狀況 和 體溫 的 整體 評估 國軍 本來 就 每天 都 要 量 體溫 雖 未 特別 做 檢疫 但 相關 防護 作為 都有 進行 張哲平 也 說 軍隊 任務 不同 軍方 在 各 營區 都 有 單獨 一 人 一 間 的 營 舍 有 各種 編制 單位 來 加以 管理 在 部隊 就 是 一個 連 如果 有人 確診 就 按照 指引 該 營區 隔離 的 就 隔離 其他人 因為 不是 最小 編制 單位 所以 在 營區 自主 管理 希望 即時 掌握 狀況 也 便於 管制 至於 是否 軍中 在 出訪 前 對於 應 否 出訪 有 兩 派 意見 張哲平 表示 並 沒有 兩 派 意見 這 是 年度 計畫 只 是 有 評估 哪些 防疫 作為 可以 符合 指揮中心 的 要求 所以 行前 準備 時 口罩 背 了 三萬 片 足夠 全艦 官兵 每人每天 一 片 可用 45 天 國防部 海軍司令部 副 司令 梅家樹 也 說 戰備 正常 未 受 影響 染疫 官兵 主要 在 磐石 鑒 嶽飛艦 和 康定艦 也 會 完成 相關 檢疫 後 才 恢復 戰備 張哲平 說 漢光 演習 原定 四月 開始 如今 已 延後 到 九月</t>
  </si>
  <si>
    <t>新冠肺炎 疫苗 陸續 問世 其中 az 疫苗 在 歐洲 開 打 後 卻 傳出 副作用 法國 與 瑞典 部分 地區 均 暫緩 施打 計畫 我國 政府 表示 會 持續 觀察 世界 各國 接種 情形 也 緊急 授權 讓 az 疫苗 來 台 然而 民眾 究竟 能否 放心 接種 az 疫苗 是 牛津大學 與 阿斯特 捷利康 astrazeneca 合作開發 的 疫苗 簡稱 又 稱 牛津 疫苗 其 第 三期 臨床 試驗報告 甫 於 19 日 刊登 於 國際 醫學期刊 刺 胳 針 the lancet 這款 疫苗 的 臨床 試驗 自 去年 4 月 起 在 英國 巴西 與 南非 招募 超過 24萬 名 成人 受試者 針對 其中 1萬7178 人 的 初步 追蹤 分析 顯示 接種 一 劑 標準 劑量 後 第 22 90 天 保護 效力 efficacy 為 76 抗體 濃度 能 維持 約 3 個 月 如果 第 1 劑 與 第 2 劑 疫苗 間隔 高於 現行 建議 拉長 至 12 周 以上 再 打 疫苗 保護 效力 能 提高 至 82 受試者 當中 約 半 數 接種 這款 疫苗 半數 打到 安慰 劑 接種 後 21 天 預期 保護 力 應當 漸漸 出現 時 打過 這款 疫苗 的 組別 無 人 因 染疫 演變成 重症 及 住院 但 打到 安慰 劑 的 組別 則 有 15 人 住院 當中 也 有人 併發 重症 每千人 有 9 人 傳出 嚴重 不良反應 但 未必 與 疫苗 直接 相關 至於 接種 疫苗 後 產生 的 副作用 這 份 報告 提及 在 打 疫苗 的 人 裡頭 有 09 的 人 傳出 嚴重 不良 事件 serious adverse events 未 打 疫苗 的 對照組 則 有 11 傳出 嚴重 不良 事件 該 如何 理解 這個 資訊 中央流行疫情指揮中心 專家 諮 詢 小組 成員 中國 醫藥 大學 副 院長 黃高彬 指出 嚴重 不良 事件 serious adverse events 是 指 接種 疫苗 後 產生 的 任何 嚴重 不適 反應 這些 嚴重 不適 反應 未必 真的 由 疫苗 所 引起 有 可能 只 是 剛好 發生 在 打 疫苗 之後 我們 無法 從 試驗報告 看出 真正 的 疫苗 造成 的 嚴重 不良反應 只能 等待 國內外 接 獲 不良反應 通報 的 單位 進一步 針對 這些 個案 分析 外界 才能 較 具體 瞭解 這款 疫苗 的 安全性 他 說 我國 緊急 授權 az 疫苗 來 台 持續 觀察 世界 各國 接種 情形 az 疫苗 在 歐洲 陸續 傳出 副作用 法國 與 瑞典 部分 地區 暫緩 施打 計畫 恰在此時 covax 疫苗 全球 取得 機制 分配 20萬 劑 az 疫苗 給 臺灣 外傳 最 快下 周 抵 台 我國 食 藥 署 今日 也 緊急 授權 az 疫苗 韓國 廠 德國 廠 義 大利 廠 的 貨源 來 台 並 縮短 行政 流程 讓 az 疫苗 抵達 後 最 快 一 周 就 可 開 打 對於 歐洲 陸續 傳出 az 疫苗 接種 後 的 負面 消息 中央流行疫情指揮中心 指揮官 陳時中 表示 英國 是 目前 最 大 規模 接種 az 疫苗 的 國家 卻 未 傳出 那麼 多 不良反應 因 此 現階段 我國 也 循 世界衛生組織 建議 納入 這款 疫苗 作為 防疫 工具 不過 國家 有 責任 監控 與 判斷 疫苗 安全性 臺灣 是 疫苗 施打 率 高 的 國家 專家 經驗 足夠 不 排除 在 國內 專家 提出 警示 時 暫緩 施打 az 疫苗 拉長 兩劑 接種 時間 輝瑞 疫苗 只要 打 一 劑 面對 新興 疫情 疫苗 需要 超前 儲備 施 打上 卻 又 不能 操之過急 不僅 要 確認 安全性 還要 檢 視 不同 疫苗 保護 力 並 規劃 這些 疫苗 如何 配置 才 對 國人 有 最 大 效益 az 疫苗 的 3 期 臨床 試驗報告 顯示 拉長 第 1 劑 與 第 2 劑 疫苗 接種 的 間隔時間 較 具 保護 力 對此 陳時中 則 保留 表示 要 持續 觀察 當 世界 各國 接種 量 愈來愈多 我國 可 參考 的 資料 就 愈來愈多 接種 政策 就 能 滾 動式 修正 我國 共計 預購 3000萬 劑 左右 的 新冠 疫苗 包括 covax 疫苗 全球 取得 機制 平臺 分配 的 476萬 劑 莫德納 moderna 疫苗 505萬 劑 az 疫苗 1000萬 劑 以及 本土 自製 疫苗 1000萬 劑 另 還有 輝瑞 疫苗 正 在 聯繫 洽 購 中 關於 輝瑞 疫苗 的 保護 力 18 日 在 刺 胳 針 the lancet 也 有 新 報告 以色列 最 大 的 醫療機構 謝巴 醫學 中心 the sheba medical centre 針對 超過 9000 名 健康 照顧 工作者 的 接種 報告 顯示 已 在 各國 陸續 給 民眾 接種 兩劑 的 輝瑞 疫苗 其 實施 打 一 劑 後 的 半 個 月 到 1 個 月 新冠肺炎 感染 就 能 降低 85 這 是否 代表 接種 一 劑 即可 能否 因此 讓 更 多 人 有 機會 打到 疫苗 對此 黃高彬 澄清 疫苗 的 保護 效力 是 指 接種 過 疫苗 的 人 後續 接觸 病原 時 能 減少 多少 的 罹 病 風險 一般來說 疫苗 保護 效力 至少 要 90 以上 才 合格 達到 95 以上 才 會 被稱作 好 疫苗 因此 無論是 輝瑞 疫苗 接種 一 劑 能 降低 85 的 感染 az 疫苗 兩劑 間 拉長 間隔 能 獲得 82 保護 力 這些 數字 都 差強人意 我們 不 會 建議 只 打 一 劑 特別 在 臺灣 新冠肺炎 疫情 並 不 嚴重 且 我國 疫苗 從 預購 數量 儲存 與 接種 布點 漸漸 規劃 完整 因此 不 需要 考慮 有 機會 進口 輝瑞 疫苗 時 是否 只 讓民眾 打 一 劑 黃高彬 透露 在 數量 上 國產 疫苗 還 能 供應 更 多 高端疫苗 預計 生產 200 300萬 劑 聯 亞 疫苗 更 計畫 在 今年底 前 生產 達 1億 劑 因此 可以 預見 臺灣 能 取得 足量 疫苗 達成 群體 免疫 理想 在 疫苗 施打 地點 上 第 1 階段 規劃 26 28 個 點 多 是 具有 極 低溫 儲存 空間 的 區域 級 以上 醫院 後續 很 快 地 會 擴展 至 200 個 點 主要 都 是 醫院 國內外 貨源 具 足 就 能 快速 供應 民眾</t>
  </si>
  <si>
    <t>英國 變種 病毒 臺灣 再 增 1 例 指揮中心 近期 針對 國內 確診 者 共 21 株 個案 病毒 定 序 發現 除了 昨天 的 案 792 是 英國 變種 外 案 791 也 是 該案 是從 英國 留學 返台 但 居檢 期間 在 家 獨自一人 故 無 框 列 接觸 者 沒有 擴散 到 社區 的 疑慮 中央流行疫情指揮中心 指揮官 陳時中 昨天 公佈 日前 英國 班機 返台 的 10 多 歲 確診 發燒 少年 案 792 身上 病毒株 經 基因 定 序 後 證實 就 是 英國 變種 病毒 b 117 指揮中心 同時 也 已經 通報 世界衛生組織 臺灣 出現 首 起 變種 病例 該 名 少年 目前 症狀 輕微 還 在 醫院 隔離 治療 中 而 除了 首例 英國 變種 病毒 的 少年 莊人祥 今天 表示 28 日 新增 的 案 791 為 20 多 歲 男性 也 是 染上 英國 變種 ct 值 為 23 病毒 量 較 高 個案 過去 在 英國 留學 12 月 22 日 返國 12 月 26 日 發燒 咳嗽 流 鼻 水 在 家中 獨自 居家 檢疫 因此 不 需要 匡列 接觸 者 和 案 792 一樣 都 沒有 跟 社區 接觸 沒有 散播 到 社區 的 疑慮 有 國外 研究 指出 英國 變種 病毒 比較 容易 感染 年輕人 莊人祥 表示 雖然 國內 抓到 兩 例 都 是 留學生 和 樣本偏差 有關 也 可能 此時 都 是 留學生 回來 居多 是否 變種 病毒感染 侵襲 偏向 年輕 族群 在 英國 看 起來 是 差不多 且 雖 傳播 力高 但 目前 致病 的 嚴重性 和 其他 病毒株 是 差不多 的 莊 人 祥 表示 這 名 個案 跟 所有人 都 是 進入 集中 檢疫所 除了 該 班機 3 人 外 其他 都 是 陰性 其他人 在 集中 檢疫所 期滿 前 後 都會 在 采 檢 有人 感染 發病 就 會 偵 測 出來 此外 今天 新增 的 境外移入 確診 案 799 也 是從 英國 返台 莊人祥 表示 該 案例 因為 才剛 出來 目前 檢測 的 21 株 病毒 裡面 沒有 他 過 幾 天會 把 他 放進去 看 是否 也 是 英國 變種 病毒</t>
  </si>
  <si>
    <t>國內 首度 開放 新冠 疫苗 混打 限 時 6 小時 開放 意願 登記 共 28萬 人 完成 登記 將 可 在 明天 上午 10 點 預約 混打 最 快 後天 就 能 接種 莫德納 或 bnt 疫苗 中央流行疫情指揮中心 宣佈 開放 az 混打 莫德納 或 bnt 已於 9 月 25 日前 接種 第 1 劑 az</t>
  </si>
  <si>
    <t>中央流行疫情指揮中心 今 4 日 公佈 新增 1 例 死亡 病例 案 799 為 英國 籍 70 多 歲 男性 去年 12 月 18 日 來 台 31 日 確診 感染 英國 變種 病毒 之後 因 病況 加劇 使用 葉克 膜 搶救 但 昨 仍 因 肺部 出血 器官 衰竭 病逝 為 國內 首 起 染 英國 變 毒</t>
  </si>
  <si>
    <t>中央流行疫情指揮中心 今 4 日 公佈 新增 1 例 死亡 病例 案 799 為 英國 籍 70 多 歲 男性 去年 12 月 18 日 來 台 31 日 確診 感染 英國 變種 病毒 之後 因 病況 加劇 使用 葉克 膜 搶救 但 昨 仍 因 肺部 出血 器官 衰竭 病逝 為 國內 首 起 染 英國 變 毒 死亡 個案 中央流行疫情指揮中心 表示 案 799 有 心血管 疾病 病史 去年 12 月 18 日 來 台 探親 12 月 26 日 發病 29 日 就醫 31 日 確診 個案 於 入院 後 因 病況 加劇 插管 後 轉至 加 護 病房 治療 住院 期間 因 病況 持續 不 佳 使用 葉克 膜 治療 後續 個案 陸續 出現 器官 衰竭 肺部 出血 發燒 及 細菌 合併 黴菌 感染 等 情形 雖 使用 抗生素 治療 仍 因 病情惡化 於 昨 3 日 病逝 指揮中心 專家 小組 召集人 張上淳 表示 這 名 死亡 個案 一方面 年紀 大 了 另一方面 也 有 心血管 疾病 病史 都 是 比較 容易 發生 重症 的 因數 確實 很快 就 變成 重症 也 有 使用葉克 膜 對於 案 799 病程 中 有 肺部 出血 情況 是 因 本身 病史 還 是 和 感染 新冠肺炎 有 關? 張上淳 說 新冠 肺 感染 後 除 會 影響 器官 外 也 會 影響 凝 血 功能 所以 需 進行 凝 血 功能 相關 治療 而 此 個案 在 臨床 判定 上 是 因 新冠肺炎 感染 造成 凝 血 功能 有 狀況 這 是 目前為止 看到 較 明顯 肺部 出血 的 個案 過去 沒有 看到 如此 明顯 出血 的 病例 張上淳 表示 由於 案 799 是 單一 個案 無法 說 其 死亡 是否 與 變種 病毒株 相關 只能 參考 國外 資料 國內 分析 無法 證實 是因為 變種 病毒株 讓 死亡率 變 高 目前 變種 病毒株 不只 這個 世界衛生組織 日前 公佈 全球 共 有 4 種 變異 病毒 分別 是 d 614 g cluster 5 b 117 以及 501 y v 2 此外 今天 指揮中心 也 宣佈 新 增 2 例 境外移入 covid-19 確定 病例 案 919920 分別 自 印尼 及 美國 入境 指揮中心 表示 案 919 為 印尼 籍 40 多 歲 男性 船員 1 月 10 日 來 台 工作 持有 搭 機 前 3 日內 檢驗 陰性 報告 入境 後 由 公司 安排 至 宿舍 進行 居家 檢疫 及 自主 健康 管理 個案 自主 健康 管理 期滿 因 預計 登 船工 作 於 2 月 2 日 由 雇主 安排 至 醫院 自費 采 檢 於 今日 確診 已 掌握 個案 接觸 者 共 2 人 因 有 適當 防護 列 自主 健康 管理 案 920 為 美國 籍 60 多 歲 女性 今年 1 月 15 日 來 台 持有 搭 機 前 3 日內 檢驗 陰性 報告 入境 後 至 防疫 旅館 居家 檢疫 迄今 無 症狀 個案 居家 檢疫 期滿 後 於 1 月 30 日 至 2 月 3 日間 在 台洽公 因 預計 2 月 6 日 返回 美國 2 月 3 日 至 醫院 自費 采 檢 於 今日 確診 已 掌握 個案 接觸 者 11 人 包括 工作 接觸 者 9 人 及 同行 友人 2 人 均 列 居家 隔離 指揮中心 統計 截至 目前 國內 累計 161613 例 新型 冠狀病毒 肺炎 相關 通報 含 156448 例 排除 其中 919 例 確診 分別 為 805 例 境外移入 75 例 本土 病例 36 例 敦睦 艦隊 2 例 航空器 感染 及 1 例 不明 另 1 例 案 530 移除 為 空號 確診 個案 中 9 人 死亡 839 人 解除 隔離 71 人 住院 隔離 中</t>
  </si>
  <si>
    <t>中央流行疫情指揮中心 昨 宣佈 最 快 明年 1 月 1 日 開 打 第 3 劑 疫苗 將 優先 提供 給 高風險 物件 接種 兩劑 滿 6 個 月 者 可 接種 針對 第 3 劑 疫苗 廠 牌 應 如何 選擇 衛生 福利 部 傳染病 防治 諮 詢 會 預防接種 組 acip 召集人 李秉穎 指出 基本</t>
  </si>
  <si>
    <t>中央流行疫情指揮中心 昨 宣佈 最 快 明年 1 月 1 日 開 打 第 3 劑 疫苗 將 優先 提供 給 高風險 物件 接種 兩劑 滿 6 個 月 者 可 接種 針對 第 3 劑 疫苗 廠 牌 應 如何 選擇 衛生 福利 部 傳染病 防治 諮 詢 會 預防接種 組 acip 召集人 李秉穎 指出 基本上 是 之前 打 什麼 疫苗 就 繼續 打 哪個 疫苗 目前 專家 會議 尚未 詳細 討論 可能 會 開放 大家 去 選擇 李 秉 穎 指出 目前 國際 上 已 有 不同 疫苗 混打 的 經驗 安全性 沒有 很 大 的 問題 從 學理 上 來看 現在 已 有 不同 疫苗 混打 的 經驗 安全性 沒有 很 大 的 問題 只是 局部 不良反應 的 發生率 會 比較 高 一點 但 多 不 會 太 嚴重 李 秉 穎 也 說 接種 兩劑 腺病毒 疫苗 az 混打 mrna 疫苗 後 的 效果 與 純 打 mrna 疫苗 類似 因此 專家 決定 開放 大家 選擇 基本上 如果 前 兩劑 打 mrna 疫苗 第 三 劑 就 是 你 前面 打 什麼 後面 就 接 著 打 但 如果 是 az 則 開放 民眾 自選 而 高端 也 是 自由選擇 如果 有 人 第 三 劑 也 想 打 高端 也 沒有 問題 至於 前 兩劑 打 高端 的 民眾 李秉穎 表示 會 保留 他們 的 選擇 權利 目前 已 有 高端 混打 其他 疫苗 的 試驗 正在 進行 中 大概 不久 就 能 看到 資料 預計 會 在 第 三 劑 開 打 之前 出爐</t>
  </si>
  <si>
    <t>臺灣 新冠肺炎 疫情 再度 升溫 中央流行疫情指揮中心 昨 16 日 公佈 新增 8 確診 個案 都 在 國外 被 感染 臺灣 確診 者 累積 達 67 例 其中 15 日 公佈 的 案 54 男子 2 月 28 日 到 泰國 遊玩 3 月 5 日 又 到 日本 北海道 旅遊 4 天 返台 後 確診 又 疑</t>
  </si>
  <si>
    <t>臺灣 新冠肺炎 疫情 再度 升溫 中央流行疫情指揮中心 昨 16 日 公佈 新增 8 確診 個案 都 在 國外 被 感染 臺灣 確診 者 累積 達 67 例 其中 15 日 公佈 的 案 54 男子 2 月 28 日 到 泰國 遊玩 3 月 5 日 又 到 日本 北海道 旅遊 4 天 返台 後 確診 又 疑 因 隱瞞 出國 旅遊 史 致 任職 的 外商 金融 公司 緊急 關閉 臺北 辦公室 與 他 接觸 過 的 同事 也 遭 隔離 不少 專業 網友 在 ptt 留言 表示 案 54 恐 面臨 超 慘 下場 也 有 律師 直指 因 該 男子 隱瞞 旅遊 地點 公司 可 依 勞 雇 契約 或 民法 不 完全 給付 規定 提出 求償 據 東 森 新聞 雲 報導 律師 陳禾 原 表示 該 男子 與 公司 間 存 有勞 雇 契約 勞資雙方 都 應本 於 誠信 原則 履行 契約 若 該 名 男子 確實 隱瞞 出國 旅遊 史 還 向 公司 謊稱 是 國內 旅遊 此舉 將 造成 公司 無法 正確 評估 資訊 管控 疫情 風險 與 安排 遠 端 工作 對應 措施 造成 營業 損失 公司 可 依 勞 雇 契約 或 民法 第 227 條 不 完全 給付 等 規定 向 男子 求償 至於 求償 範圍 陳禾 原 說 公司 可向 該 男子 求償 營業 利益 辦公室 租金 人事 費用 等 損失 惟 公司 必須 需 提出 相關 損失 證明 及 因果 關係 案 54 男子 隱瞞 國外 旅遊 史 確診 後 有 網友 在 ptt 爆 料 他 出國 之前 同事 一直 叫 他 不 要 去 他 還 是 硬 要 去 甚至 瞞騙 公司 只 是 國內 旅遊 結果 確診 搞 到 整間 公司 強迫 關閉 因 大家 都 要 在 家 自主 管理 還 被 網友 留言 罵 翻 他 受到 的 懲罰 就是 業 界 沒人 敢 再 用 他 不 誠信 還 想 做 金融 以後 誰 敢用 引起 金融 圈 高度 警戒 這人 的 金融 生涯 完了 啦 連 這 都 要 騙 支持 公司 要求 賠償 但 衛福 部長 陳時中 昨 在 記者會 上 提到 案 54 男子 並 沒有 違法 說 當時 日本 泰國 還 沒有 列入 三級 區域 這樣 撻 伐 不宜 啦 他 認為 網路上 對 該 案 的 肉 搜 和 謾駡 等 行為 不宜 且 不 可取 陳時中 也 強調 最新 法規 今後 若 執意 赴 國際 旅遊 疫情 建議 等級 第 三級 警示 國家 地區 旅遊者 不可 領 居家 檢疫 補償 並 加 征 必要 費用 倘若 確診 公佈 姓名</t>
  </si>
  <si>
    <t>中央流行疫情指揮中心 今 公佈 新冠肺炎 本土 案例 有 262 例 校正 回歸 65 例 其中 臺北市 新增 87 例 臺北市 長 柯文哲 今 在 北市 防疫 記者會 上 表示 目前 疫情 陷入 膠 著 狀態 臺北市 疫情 還 能 控制 但 還是 在 危險 邊緣 柯 指出 北</t>
  </si>
  <si>
    <t>中央流行疫情指揮中心 今 公佈 新冠肺炎 本土 案例 有 262 例 校正 回歸 65 例 其中 臺北市 新增 87 例 臺北市 長 柯文哲 今 在 北市 防疫 記者會 上 表示 目前 疫情 陷入 膠 著 狀態 臺北市 疫情 還 能 控制 但 還是 在 危險 邊緣 柯 指出 北市 疫情 現在 被 壓制 在 一個 程度 查詢 日本 東京 過去 1 年 5 個 月 對 疫情 的 處理方式 發現 東京 已 發佈 5 次 緊急 事態 從 外國 的 案例 讓 我們 思考 臺北 下 一 步 柯文哲 表示 目前 在 三級 管制 狀態 下 臺北市 疫情 還 是 能 控制 到 目前 的 樣子 但是 還是 危險 邊緣 柯說 市府 也 不斷 尋求 改進 像是 市政 系統 也 不斷改進 來 對付 疫情 但 最後 還是 要 靠 疫苗 日本 東京 前後 封城 5 次 疫苗 打完 才 是 根本 解決 方法</t>
  </si>
  <si>
    <t>三級 警戒 實施 逾 1 個 月 今天下午 將 宣佈 是否 解除 或 延長 引發 網友 熱 議 多數 人 認為 以 臺北市 的 疫情 狀況 解除 的 機 率 不 高 但 也 有人 期待 能 快 解除 恢復 過去 的 生活 並 喊話 要 去 餐廳 吃飯 去 中南部 旅遊 讓 許多 網友 看 了 擔憂 直 呼 這樣 的 狀況 解除 三級 感覺 會 出現 報復 性 確診 還 是 再 緩緩 吧 一 名 網友 昨 在 ptt 上 發文 表示 三級 警戒 是否 會 降級 就 快要 公佈 了 大家 覺得 中央流行疫情指揮中心 有 可能 宣佈 解除 三級 警戒 嗎 原 po 並 表示 等到 三級 警戒 一 解除 他 就 要 馬上 去 吃 吃到 飽 貼 文 引發 熱 議 綜合 網友 們 的 留言 發現 多數 人 並不認為 6 29 臺灣 就 會 解 封 特別是在 觀察 雙北 的 疫情 狀況 後 雙 北 再延 兩 個 月 雙 北 不可能 至少 再延 一 周 雙 北 維持 3 級 比較 實在 雙 北 趕快 把 疫情 降下來 才有 可能 會 解 封 看看 北市 有 可能 嗎 不少 網友 則 說 很希望 能 快 解除 三級 警戒 這樣 就 可以 像 以前 一樣 外 食 出去玩 了 我 要 去 南部 玩 已經 訂餐 廳 囉 準備 吃 完 大餐 去 看 電影 然後 逛 街 再 去 酒吧 喝酒 完美 直奔 墾 丁民 宿 假日 民 宿 訂起來 大家 一起 烤肉 是 一定 要 的 好 嗎 可以 逛 夜市 囉 但 也 有 許多 網友 擔憂 地 說 臺灣 這麼 小 如果 現在 就 解除 三級 悶 在家 許久 的 民眾 肯定 會 趴 趴 走 這樣 感覺 確診 數 又 會 再 升高 了 報復 性 確診 解 封就 準備 爆炸性 確診 愚民 千萬 不要 解 再 爆 收 十 很 久 沒 疫苗 解 了 就是 再 爆炸 然後 又 要 升回去 看看 疫苗 施打 率 解只 是 會 更 爆</t>
  </si>
  <si>
    <t>中央流行疫情指揮中心 今天 公佈 新增 335 例 本土 covid-19 個案 另 有 8 例 校正 回歸 個案 總計 343 例 確診 個案 中 新增 36 例 死亡 臺灣 這 波 本土 疫情 自 5 月 11 日 至今 已經 有 10005 人 確診 248 例 人 死亡 陳時中 說 明起 不再 公佈 校正 回</t>
  </si>
  <si>
    <t>中央流行疫情指揮中心 今天 公佈 新增 335 例 本土 covid-19 個案 另 有 8 例 校正 回歸 個案 總計 343 例 確診 個案 中 新增 36 例 死亡 臺灣 這 波 本土 疫情 自 5 月 11 日 至今 已經 有 10005 人 確診 248 例 人 死亡 陳時中 說 明起 不再 公佈 校正 回歸 個案 而 苗栗 確診 75 人 超越 臺北 僅次於 新北 160 人 淪為 重災區 指揮中心 表示 今日 新增 之 335 例 本土 病例 為 189 例 男性 146 例 女性 年齡 介於 未 滿 5 歲 至 90 多 歲 發病 日 介 於今 2021 年 5 月 24 日 至 6 月 5 日 另 校正 回歸 個案 8 例 中 為 3 例 男性 5 例 女性 年齡 介於 20 多 歲 至 60 多 歲 發病 日 介於 6 月 1 日 至 6 月 2 日 指揮中心 指出 綜 上 所有 本土 個案 共 343 例 分佈 地區 以 新北 市 160 例 最 多 其次 為 苗栗縣 75 例 臺北市 64 例 桃園 市 16 例 宜蘭 縣 9 例 雲 林縣 高雄市 彰 化 縣 及 新竹 縣 各 3 例 基隆 市 台中 市 及 台南 市 各 2 例 嘉義 市 1 例 其中 雙北 地區 以 外縣市 119 例 中 107 例 為 已 知 感染 源 7 例 關聯 不明 5 例 疫 調 中 相關 疫情 調查 持續 進行 中 指揮中心 說明 今日 新增 36 例 死亡 個案 共計 為 男性 22 位 女性 14 位 年齡 介於 50 多 歲 至 90 多 歲 發病 日 介於 5 月 7 日 至 6 月 1 日 確診 日 介於 5 月 13 日 至 6 月 5 日 死亡 日 介於 5 月 27 日 至 6 月 2 日 詳 如 新聞稿 附件 指揮中心 統計 截至 目前 國內 累計 656768 例 新型 冠狀病毒 肺炎 相關 通報 含 634762 例 排除 其中 11298 例 確診 分別 為 1145 例 境外移入 10100 例 本土 病例 36 例 敦睦 艦隊 2 例 航空器 感染 1 例 不 明及 14 例 調查 中 另 28 例 新增 案 10494 移除 為 空號 確診 個案 中 260 例 死亡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面對 本土 疫情 嚴峻 中央流行疫情指揮中心 指揮官 陳時中 今 25 日 在 疫情 記者會 中 提到 員警 染疫 時 語 帶 哽咽 幾乎 要 哭 了 引起 廣大 關注 知名 旅遊 部落 客 則 在 臉書 揪 出 這次 疫情 的 2 大 的 萬惡 源頭 直指 比較 想 哭 的 應該 是 全體</t>
  </si>
  <si>
    <t>面對 本土 疫情 嚴峻 中央流行疫情指揮中心 指揮官 陳時中 今 25 日 在 疫情 記者會 中 提到 員警 染疫 時 語 帶 哽咽 幾乎 要 哭 了 引起 廣大 關注 知名 旅遊 部落 客 則 在 臉書 揪 出 這次 疫情 的 2 大 的 萬惡 源頭 直指 比較 想 哭 的 應該 是 全體 國人 陳時中 今 在 疫情 記者會 中 提到 疫情 開始 後 每次 有 問題 都 是 員警 在 幫忙 連 不 戴 口罩 都 是 員警 在 抓 八大 行業 還要 偷偷 開 這些 都 會 加重 社會 負擔 提到 員警 同仁 染疫 時 陳時中 一度 哽咽 地 說 那些 沒有 好好 做事 情 的 要 好好 檢討 陳時中 開完 記者 會後 各 大 媒體 都 在 關注 陳時中 哭 了 一 名 旅遊 部落 客 在 臉書 愛 出國 i-fly tw 表示 其實 一切 事情 的 2 大 源頭 就是 華航 3 11 讓 機師 趴 趴 走 以及 諾 富特 分流 沒 做 好 結果 華航和 諾 富特 被 高高 舉 起 輕輕 放下 罰 得 不痛不癢 他 直指 比較 想 哭 的 是 全體 國人 吧 所謂 的 3 11 是 指 指揮中心 4 月 15 日 時 將 國籍 航空 機組員 檢疫 措施 從 原本 的 5 9 居家 檢疫 5 天 采 檢 陰性 自主 健康 管理 9 天 改 成為 3 11 不料 隨後 陸續 爆出 華航 機組人員 確診 以及 諾 富特 飯店 群 聚 感染 因 此 被 指為 錯誤 決策 部落 客 分析 文一 出 引起 熱 議 網友 紛紛 回應 實在 終於 有人 講到 重點 有 這種 指揮中心 我 才想 哭 對 啊 諾 富特都 沒有 好好 檢討 源頭 是 政府 同意 3 11 政策 還有 網友 酸 小 編 請 小心 要 被 出征 了 國王 的 新衣 不可 說 小 編 太 誠實 網 軍 出動 了 唷</t>
  </si>
  <si>
    <t>國內 上周 爆發 軍 艦群 聚 造成 多 名 官兵 染疫 一 名 曾 與 敦睦 艦隊 官兵 同 處 一個 健身房 的 台鐵 貨運 列車 車長 4 月 22 日 采 檢 結果 呈 陰性 後續 又 出現 發燒 肺 浸潤 被 安排 二 采 中央流行疫情指揮中心 發言人 莊人祥 今 午 表示 車長</t>
  </si>
  <si>
    <t>國內 上周 爆發 軍 艦群 聚 造成 多 名 官兵 染疫 一 名 曾 與 敦睦 艦隊 官兵 同 處 一個 健身房 的 台鐵 貨運 列車 車長 4 月 22 日 采 檢 結果 呈 陰性 後續 又 出現 發燒 肺 浸潤 被 安排 二 采 中央流行疫情指揮中心 發言人 莊人祥 今 午 表示 車長采 檢 結果 已 出爐 二 采 陰性 還 在 治療 中 對於 接下來 還 需不需要 再 采 檢 一切 都需由 醫師 評估 莊 人 祥 表示 車長 4 月 8 日 就 出現 輕微 咳嗽 有 痰 的 症狀 在 健身房 接觸 官兵 則 是 16 日 20 號 看到 報導 後 到 診所 就醫 采 檢 發現 肺 浸潤 車長 21 日 開始 都 沒有 再 外出 也 沒有 上班 根據 指揮中心 接 獲 的 最新消息 該 名車 長 二 采 陰性 目前 仍 在 接受 治療 莊人祥 表示 接下來 車長 還 需不需要 再 采 需 由 醫師 評估</t>
  </si>
  <si>
    <t>知名 封 測 廠京 元 電子 竹南 廠 爆發 菲 籍移工 群 聚 感染 3 日 公佈 新增 確診 者 再 增 32 名 京 元 電 員工 業者 從 6 月 2 日 下午 就 開始 采 檢 核酸 檢測 pcr 及 快 篩 截至 今 3 日 上午 止 已經 采 檢 快 篩 368 人 其中 陽性 8 人 pcr 檢測 195 人 3 日 下午 後續 預估 還要 篩檢 2000 人次 另外 苗栗縣 3 日 另 有 2 名 確診 者 是 與 先前 造橋 群 聚 事件 有關 總計 苗栗縣 3 日 公佈 確診 總數 為 34 人 中央流行疫情指揮中心 3 日 通報 苗栗縣 新增 的 本土 確診 病例 共 34 例 案 號 為 95379837 至 9868 及 9987 其中 案 95379837 至 98649866 至 9868 都是京 元 電 竹南 廠 員工 是 與 先前 案 8984 本地 工程師 及 9120 至 9129 等 菲 籍 移 工 確診 者 同一 宿舍 或 工作 場所 因而 被 匡 列為 接觸 者 經 送醫 采 檢 核酸 檢測 pcr 陽性 確診 後 已 送 集中 檢疫所 隔離 中 京元 電子 竹南 廠 發生 菲 籍 移 工 群 聚 感染 後 業者 從 6 月 2 日 下午 就 請 來頭 份 為 恭 醫院 團隊 進駐 廠 區 采 檢 核酸 檢測 pcr 及 快 篩 截至 3 日 中午 為止 已經 采 檢 快 篩 368 人 陽性 8 人 陽性率 22 pcr 195 人 3 日 下午 後續 預估 還要 篩檢 2000 人次 苗栗 另外 2 起 確診 案 9865 男 66 歲 無業 是 先前 造橋 河 風亭 及 冷泉 涼亭 案 6532 的 接觸 者 經采檢 pcr 陽性 確診 後 收 至 責任 醫院 目前 匡列 同 住 接觸 者 1 人 pcr 陰性 居家 隔離 中 而 案 9987 男 60 歲 工 是 案 5430 女子 的 接觸 者 經采檢 pcr 陽性 確診 後 收治 在 責任 醫院 目前 匡列 接觸 者 7 人 都已采 檢 pcr 目前 居家 隔離 中</t>
  </si>
  <si>
    <t>好 消息 中央流行疫情指揮中心 先前 公佈 的 高雄 確診 者 案 2530 男性 居 服 員 因為 經過 二 采 三 采 結果 均 為 陰性 經 中央流行疫情指揮中心 綜合 研 判 已 排除 感染 與 該位 男 性 居 服 員 同日 被 公佈 確診 的 6 歲 女童 先前 也 已 排除 染疫 目</t>
  </si>
  <si>
    <t>好 消息 中央流行疫情指揮中心 先前 公佈 的 高雄 確診 者 案 2530 男性 居 服 員 因為 經過 二 采 三 采 結果 均 為 陰性 經 中央流行疫情指揮中心 綜合 研 判 已 排除 感染 與 該位 男 性 居 服 員 同日 被 公佈 確診 的 6 歲 女童 先前 也 已 排除 染疫 目前 高雄 減為 12 例 本土 確診 個案 高 市府 衛生局 表示 案 2530 是 30 多 歲 男性 居 服 員 無 相關 旅遊 史也 沒有 與 確診 者 個案 的 接觸 史 他 在 5 月 15 日 出現 發燒 症狀 17 日 上班 後 自行 到 醫院 就醫 經 醫師 評估 有 必要 進行 檢驗 結果 一 采 呈 弱 陽性 ct 值 32 18 日 立即 入住 負 壓 隔離病房 隨後 醫療 人員 19 日 對 該 居服 員進行 二 采 工作 pcr 及 血清 皆 呈現 陰性反應 20 日 再度 進行 采 檢 三 采 結果 pcr 也 為 陰性 經過 中央流行疫情指揮中心 綜合 研 判 排除 感染 與 居服 員 同日 公佈 確診 的 案 2528 為 6 歲 小 女童 沒有 確診 個案 接觸 史 也 無 北部 地區 活動 史 因為 有 重大 疾病 急需 到 醫院 住院治療 卻 在 進行 例行 采 檢 時 呈現 弱 陽性 ct 值 33 34 反應 共 匡列 60 為 密切接觸 者 但 由於 二 采 呈現 陰性 所以 也 已經 排除 確診 目前 高雄共 12 例 本土 確診 個案</t>
  </si>
  <si>
    <t>新冠肺炎 臺灣 居服 員 確診 中央流行疫情指揮中心</t>
  </si>
  <si>
    <t>本土 疫情 升溫 中央流行疫情指揮中心 日前 推出 臺灣 社交距離 app 讓 確診 者 上傳 資料 提醒 14 天內 近 距離 接觸 的 對象 不過 至今 已 確診 有 5488 人 實際上 傳 僅 29 人 上傳 率 僅 05 對此 民眾黨 立 委 高虹 安 表示 社交</t>
  </si>
  <si>
    <t>本土 疫情 升溫 中央流行疫情指揮中心 日前 推出 臺灣 社交距離 app 讓 確診 者 上傳 資料 提醒 14 天內 近 距離 接觸 的 對象 不過 至今 已 確診 有 5488 人 實際上 傳 僅 29 人 上傳 率 僅 05 對此 民眾黨 立 委 高虹 安 表示 社交距離 app 要 成功 的 關鍵 就 是 使用者 必須 足夠 多 且 使用者 會 確實 把 逐 跡 上傳 才能 達到 警示 跟 比對 的 效果 呼籲 疾 管署 想 辦法 加強 推廣 儘快 改善 問題 工欲善其事 必先利其器 高 虹 安 指出 臺灣 社交距離 app 要 成功 關鍵 就 是 使用者 必須 夠 多 且 如實 上傳 資料 但 app 上線 後 截至 目前 僅 29 名 確診 者 上傳 完全 無法 達到 預先 設定 的 警示 跟 比對 效果 針對 上傳 率 偏 低 高虹 安 提出 兩 大 問題 首先 是 中 高齡 長者 運用 數位 科技 比例 偏 低 而 這次 確診 者 大多 都 偏向 年紀 較 高者 導致 確診 者 把 資料 上傳 社交距離 app 比例 偏 低 也 難 蒐集 相關 逐跡 其次 疾 管署 應該 想 辦法 推廣 社交距離 app 提升 使用者 人數 而 不是 工具 做 出來 疾 管署 卻 沒有 好好 利用 工具 達到 阻絕 疫情 效果 高 虹 安 坦言 看到 app 確診 者 上傳 資料 資料 傻眼 難怪 先前 外界 質疑 明明 確診 者 持續 增加 甚至 有 跟 指揮中心 公佈 的 確診 者 逐 跡 相符 app 卻 沒有 響起 警示 音 民眾 開 藍 芽 比對 資料 結果 都是白 比對 希望 相關 單位 能 盡 速 改善 問題</t>
  </si>
  <si>
    <t>聯 亞 疫苗 昨天 二期 解 盲 有 專家 表示 聯 亞 疫苗 的 抗體 效價 比高 端 疫苗 低 對此 中央流行疫情指揮中心 專家 諮 詢 小組 委員 台大 兒童 醫院 感染 科 醫師 李秉穎 今天 表示 疫苗 的 保護 力 不是 只有 看 抗體 而已 大家 也 不 需要 去 比較 這</t>
  </si>
  <si>
    <t>聯 亞 疫苗 昨天 二期 解 盲 有 專家 表示 聯 亞 疫苗 的 抗體 效價 比高 端 疫苗 低 對此 中央流行疫情指揮中心 專家 諮 詢 小組 委員 台大 兒童 醫院 感染 科 醫師 李秉穎 今天 表示 疫苗 的 保護 力 不是 只有 看 抗體 而已 大家 也 不 需要 去 比較 這 兩 款 疫苗 畢竟 兩 個 都 是 自己 的 小孩 是 臺灣 的 小孩 聯 亞 昨 公佈 二期 臨床 試驗 的 資料 讓 不少 人 好奇 與 高端疫苗 相比 究竟 誰 比較 好 對此 李秉穎 今 上周 玉蔻 主持 的 電臺節目 新聞 放 鞭炮 表示 高端和 聯 亞 的 抗體 效價 都 是 同一個 實驗室 分析 的 但 疫苗 的 保護 力 不是 只有 看 抗體 而已 還要 看 t 細胞 等 李 秉 穎 也 舉例說明 az bnt 和 莫德納 等 疫苗 的 抗體 效價 也 都存 有 差異 但 在 英國 研究 報告 中 指出 這 幾 款 疫苗 實際上 在 全世界 施打 之後 都 有 大約 9 成 的 保護 力 李 秉 穎 表示 至於 疫苗 的 血清 轉 陽率 高端和 聯 亞 應該 不會 差 太多 因為 接受 的 族群 幾乎 都 是 原先 就 沒有 抗體 的 人 究竟 魚與熊掌 該 如何 選擇 他 則 認為 既然 很 難 比較 那 就 不 需要 去 比較 這 兩 款 疫苗 畢竟 2 個 都 是 自己 的 小孩 是 臺灣 的 小孩 啊</t>
  </si>
  <si>
    <t>針對 昨日 台中 首度 傳出 居家 檢疫 者 趴 趴 走 事件 台中 市長 盧秀燕 今天 強調 台中 市 必須 居家 檢疫 者 約 2千 位 她 很 感謝 居家 檢疫 的 市民 配合 政府 防疫 政策 中 市府 也 允諾 針對 防疫 一定 做到 滴水不漏 針對 昨天 發生 的 首例 盧 強調 一定 會 妥善處理 此外 中 市 太平 里幹事 認真 負責 第一時間 發現 林姓 居家 檢疫 者 趴 趴 走 警方 衛生所 等 人 防疫 人員 迅速 蒐證 到場 處置 市府 都 會 好好 表揚 台中 市 太平區 30 歲 林姓 男子 本月 9 日 入境 需 配合 居家 檢疫 14 天 到 24 日 才 期滿 但 該 民眾 昨天 近 中午 外出 1 小時 20 分 警方 獲 報到 場 確認 林姓 男子 不在 家 林姓 男子 返家 後 雖 表示 他 只 是 出去 一下子 但 台中 市 衛生局 確認 林姓 男子 是 台中 市 首例 違反 居家 檢疫 個案 將 依 傳染病 防治法 開 罰 市府 表示 中 市 太平 里幹事 已經 一再 提醒 告誡 轄區 受 居家 檢疫 對象 在 期間 不得 外出 但 林姓 市民 仍 不 理會 里幹事 立即 通報 民政 系統 轄 管 警察局 前往 會同 查訪 並 通知 衛生局 到場 處置 台中 市府 表示 太平 派出所 由 副 所長 帶班 前往 會同 查訪 確認 林姓 市民 不 在家 經 現場 電話 聯繫 林姓 市民 並 全程 錄 影音 蒐證 及 通知 衛生所 護理 長 到場 處置 林姓 市民 隨後 在 昨天 中午 12 時 37 分 返家 雖然 林姓 市民 健康狀況 良好 無 發燒 相關 症狀 但 已經 違反 防疫 規定 因應 新冠肺炎 中央流行疫情指揮中心 公佈 自 2 月 6 日 起 自 中 港澳 入境 旅客 須 居家 檢疫 14 天 期間 均 由 民政 體系 每天 關懷 一 次 並 不 得 外出 違反 居家 檢疫 者 依 傳染病 防治法 第 58 條 規定 處 1 至 15萬 元 罰 鍰 與 確診 個案 有 接觸 者 須 居家 隔離 14 天 期間 由 衛生 單位 每天 關懷 2 次 且 不得 外出 運用 智慧 科技 針對 居家 檢疫 及 居家 隔離 者 進行 定位 違反 居家 隔離 者 依同法 第 48 條 規定 處 六 到 卅萬 元 罰 鍰 更 多 ctwant 報導</t>
  </si>
  <si>
    <t>國內 今 獲得 covax 分配 41萬 劑 az 疫苗 加上 波蘭 贈送 的 40萬 劑 又 有約 80萬 劑 az 疫苗 可 打 對於 打完 az 後 多久 會 出現 發燒 等 副作用 再度 在 ptt 引起 熱烈 討論 有 網友 驚呼 沒 想到 鄉民 說 得 這麼 准 果然 時間 一 到 就 進入 人生 搖 滾 區 頭痛 炸裂 中央流行疫情指揮中心 今 5 日 表示 covax 分配 的 第 三 批 az 疫苗 41萬 劑 今 下午 運 抵 桃園 國際機場 此外 波蘭 捐贈 的 40萬 劑 az 疫苗 今 上午 也 順利 抵達 至於 會 如何 分配 指揮中心 指揮官 陳時中 表示 確定 納入 第 八 輪 公費 疫苗 接種 將 優先 提供 給 第二 劑 施打 接連 2 批 az 抵 台 az 副作用 也 再度 備受 關注 一 名 剛 打完 az 疫苗 的 網友 昨 4 日 在 ptt 表示 打完 疫苗 的 前 12 小時 還 得意洋洋 覺得 沒事 並 狂 打 電動 沒想 到 第 12 小時 剛好 淩晨 3 點 時 想去 床上 躺 才 發現 不得了 開始 進入 人生 搖滾 區 整晚 睡 不 著 驚呼 鄉民 也 太 准 了 吧 真的 是 12 小時 原 po 指出 打完 疫苗 30 小時 還是 感到 全身 酸痛 發燒 到 38 度 頭痛 炸裂 沒 胃口 他 累積 已經 吃 了 4 顆 止痛藥 結果 症狀 還 是 一樣 沒 想到 az 第一 劑 這麼 猛 詢問 大家 該 如何 處置 貼 文一 出 引起 熱 議 網友 紛紛 回應 我 也 是 12 小時 開始 超 準時 的 全身 酸痛 頭痛 發燒 症狀 斷斷續續 我 也 是 很 準時 12 小 開始 燒 8 小時 體溫 上升 真的 是 12 小時 好 冷 8 12 小時 後勁 就是 在 你 放鬆 想 休息 的 時候 來 不少 網友 都說 12 小時 時間 一 到 就 開始 出現 不適 也 有些 人 是 打完 8 小時 就 開始 發燒 但 症狀 到 12 小時候 最 明顯 副作用 幾乎 都 是 發燒 頭痛 全身 肌肉 或 關節 疼痛 還有 網友 嚇到 忍不住 問 這麼 準時 我 快 12 小時 了 抖</t>
  </si>
  <si>
    <t>高端疫苗 23 日 開 打 桃園 與 新北 各 出現 1 人 在 打完 疫苗 隔 天 猝 逝 死因 是否 與 疫苗 有 關係 仍 待 厘 清 不過 醫師 蘇偉碩 認為 高端 應該 要 暫停 施打 因為 如果 將 高端 開 打 當作 是 三期 試驗 開 打 隔 天 就 有 2 個 人 猝 逝 那麼 在 證明 死因 與 疫苗 無關 之前 主管 單位 仍要 繼續 進行 試驗 還 是 應該 先 停 打 直到 厘 清 死因 為止 蘇偉碩 昨 在 臉書 發文 表示 一個 藥物 或 疫苗 上市 前 必須 經過 第一 二 和 三期 的 臨床 人體 試驗 就是 要 在 有 規劃 的 試驗 條件 下 觀察 藥物 或 疫苗 是否 會 對 人體 產生 危害 並 驗證 在 小規模 試驗 中 發現 的 療效 在 大規模 的 試驗 中 是否 仍舊會 穩定 的 出現 蘇偉碩 指出 人體 試驗 的 參加者 的 條件 都 是 經過 挑選 的 開發 新藥 的 藥廠 為了 證明 藥物 或 疫苗 的 安全性 一定 會 確保 參加 試驗 的 受試者 不 會 出現 重大 的 不良反應 或 死亡 的 情形 否則 藥廠 就 得大費周章 的 證明 受試者 的 死亡 與 疫苗 無關 蘇偉碩 也 說 大家 可以 想像 一下 如果 8 月 23 日 開 打的 高端 是 第 三期 臨床 試驗 開 打 第二 天 就 有 2 個 打過 疫苗 的 受試者 死亡 其中 1 人 55 歲 另 1 人 則 是 39 歲 在 藥廠 還 沒有 證明 兩 位 受試者 的 死亡 與 疫苗注射 無關 之前 主管機關 應該 同意 讓 試驗 繼續 進行 還 是 命令 藥廠 暫停 試驗 直到 厘 清 死因 高端疫苗 23 日 開 打 昨天 上午 桃園 一 名 55 歲 的 陸姓 作家 打完 疫苗 隔 天 猝 逝 下午 又 傳 出新 北 一 名 39 歲 男性 接種 後 猝死 雖然 兩 人 的 死因 是否 與 疫苗 相關 仍 待 厘 清 但 還是 讓 不少 民眾 擔憂 而 中央流行疫情指揮中心 指揮官 陳時中 昨 則 在 記者會 上 表示 陸姓 作家 猝 逝 的 原因 目前 初步 認為 是 心肌梗塞 但 結果 仍 須 經 司法 相 驗 才能 確定 他 並 強調 不會 因此 停止 施打</t>
  </si>
  <si>
    <t>新冠肺炎 疫情 期間 民眾 警戒 心 不安 一 名 廖姓 男子 5 月 下旬 在 臉書 轉貼 今天 林內 有 一個 姓張 的 男 生 在 衛生所 新興路 教堂 附近 確診 在 萬華阿 公 店 當 少爺 等 語 經 台中 市 警察局 第 六 分局 偵查隊 網路 巡邏 發現 向雲 林縣 衛生局 查證 證 實為 假消息 翌日 即將 犯 嫌 查緝 到案 依 違反 嚴重 特殊 傳染性 肺炎 防治 及 紓困 振興 特別 條例 移送 雲 林地檢 署 偵 辦 警方 強調 為 避免 不實 謠言 影響 防疫 及 造成 民眾 恐慌 加強 查緝 假 訊息 來源 以求 安定 民心 中 市 警 第 六 分 局 5 月 下旬 發現 民眾 於臉書 散佈 疫情 不實 訊息 迅速 於 翌日 查獲 犯 嫌 依法嚴辦 澄清 遏止 不實 謠言 由於 萬華 日前 傳出 多 人 染疫 全民 防疫 上緊 發條 警方 指出 25 歲 廖姓 男子 臉書 轉貼 今天 林內 有 一個 姓張 的 男 生 在 衛生所 新興路 教堂 附近 確診 在 萬華阿 公 店 當 少爺 等 語 回 林內 沒 口罩 趴 趴 走 等 不實 訊息 經中市 警 第 六 分局 偵查隊 網路 巡邏 發現 警方 向雲 林縣 衛生局 查證 證實 前 開 訊息 為 假消息 於 翌日 即將 犯 嫌 查緝 到案 依 違反 嚴重 特殊 傳染性 肺炎 防治 及 紓困 振興 特別 條例 移送 雲 林地檢 署 偵 辦 警察局 第 六 分局 分局長 吳耀南 強調 民眾 接 獲 來源不明 或 未經 證實 疫情 訊息 時 應先 求證 內容 是否 屬實 切 勿 透過 社 群 媒體 隨意 散播 轉 傳 以免 觸 法 民眾 可 透過 疾 管署 之 官方 line 疾 管家 帳 號 及 中央流行疫情指揮中心 召開 之 記者會 瞭解 防疫 最新 進度 並 杜絕 假 訊息 共同 抗 疫</t>
  </si>
  <si>
    <t>青少年 第 2 劑 bnt 疫苗 將 於 20 日 開 打 為 避免 青少年 接種 mrna 疫苗 後 容易 出現 的 心肌炎 心包 膜 炎 等 副作用 心臟 科 醫師 建議 家長 可 在 接種 後 7 至 14 天內 利用 血壓計 監測 一旦 在 休息 時 測量 到 超過 90 mmhg 都 應立即 就醫 根據 中央流行疫情指揮中心 的 建議 心肌炎 心包 膜 炎 易 發生 於 年輕 男性 接種 bnt 疫苗 後 28 天內 如 出現 胸 痛 胸口 壓迫感 或 不適 心悸 暈厥 呼吸 急促 運動 耐受 不良 等 症狀 者 都 應立即 就醫 新光 醫院 心臟 內科 副 主任 蔡適 吉 指出 由於 青少年 族群 為 接種 mrna 疫苗 後 心肌炎 心包 膜 炎 的 好 發 族群 因此 接種 後 14 天內 除 上述 症狀 需 特別注意 外 也 應 進行 規律 的 血壓 監測 建議 家長 可 在 家中 準備 血壓計 方便 孩童 在家 監測 蔡適 吉 表示 心肌炎 心包 膜 炎 的 早期 症狀 包含 心跳 偏 快 一般 人 休息 時 的 正常 血壓 約 介在 60 至 80 mmhg 之間 因此 若 在 休息 時 測 得 90 至 100 多 的 數值 就 得 特別 當心 有 可能 是 心肌炎 心包 膜 炎 的 早期 病徵 蔡適 吉也 建議 如 經 診斷 為 心臟 衰竭 第 三級 第 四級 的 病 患 也 不 建議 接種 mrna 疫苗 如要 接種 必須 先 與 醫師 討論 確認 病況 穩定 後 才 接種 不過 確診 有 心臟 衰竭 的 病 患 通常 伴隨 著 三高 心臟 相關 疾病 屬於 感染 後 容易 重症 的 族群 仍 強烈建議 接種 新冠 疫苗 流感疫苗 預防 蔡適 吉也 提醒 心臟 衰竭 早已 不是 55 歲 以上 中 高齡 人士 的 專利 近年來 發現 55 歲 以下 族群 也 有 4 的 機 率 罹 患 心臟 衰竭 而 年輕 族群 因 身體 耐受 性 良好 若 等到 出現 症狀 時 才 就診 通常 都 較 晚 平時 可 多 加 注意 是否 出現 疲倦 咳 喘 水腫 無法 平躺 等 症狀 若 有 心臟 疾病 家族 史 三高 心臟 相關 疾病 都是高 危險 群 應盡 速 就醫 新光 醫院 表示 為 提升 民眾 對 心臟 疾病 以及 心臟 衰竭 的 認識 即日起 至 12 月 17 日 於 院內 心臟 內科 門診 候診 區 展出 衛教 牆 邀請 民眾 于展 期間 一同 參與 回應</t>
  </si>
  <si>
    <t>台大醫院 昨 搶先 開放 az 及 bnt 疫苗 門診 中央流行疫情指揮中心 證實 同意 醫療 院所 開放 自行 預約 而今 天 再 宣佈 az 及 bnt 兩劑 皆 可不 透過 疫苗 預約 平臺 直接 至 醫院 預約 其中 az 疫苗 第二 劑 首度 開放 間隔 8 周 即可 施打 指揮中心 發</t>
  </si>
  <si>
    <t>台大醫院 昨 搶先 開放 az 及 bnt 疫苗 門診 中央流行疫情指揮中心 證實 同意 醫療 院所 開放 自行 預約 而今 天 再 宣佈 az 及 bnt 兩劑 皆 可不 透過 疫苗 預約 平臺 直接 至 醫院 預約 其中 az 疫苗 第二 劑 首度 開放 間隔 8 周 即可 施打 指揮中心 發言人 莊人祥 說明 bnt 第一 劑 接種 年齡 需 滿 12 歲 az 第一 劑 則 需 滿 18 歲 bnt 第二 劑 接種 資格 僅 限 18 歲 以上 且 間隔 4 周 以上 而 az 第二 劑 原本 在 預約 平臺 限制 為 間隔 10 周 以上 現行 至 醫院 預約 只要 滿 8 周 即可 外界 質疑 是否 還 有 必要 維持 疫苗 預約 平臺 運作 莊人祥 說明 由於 第 13 期 主要 是 az 和 bnt 因此 開放 符合 資格 的 民眾 都 可以 自行 預約 而 接下來 第 14 期 可能 會 有 莫德納 這 部分 還 是 會 以 平臺 為主 他 表示 目前 除了 預約 平臺 外 也 開放 民眾 可到 各地 醫療 院所 接種 各縣市 有 各種 不同 做法 比如說 有 縣 市 在 捷 運 站 設站 我們 都 非常 鼓勵 這些 做法 讓 民眾 甚至 不 用 預約 就 能 接種 希望 提供 不便 使用 預約 平臺 的 民眾 可以 更 方便 接種 指揮中心 提醒 未 滿 18 歲 對象 請 由 家長 或 法定 代理人 監護人 及 關係人 等 陪同 前往 合約 醫療 院所 或 接種 站 接種 並 由 本人 與 家長 于 現場 共同 簽署 意願 同意書 18 歲 至 未 滿 20 歲 民眾 如 自 行前 往 接種 請 持家 長 簽 具 之 意願 同意書 若 由 家長 陪同 前往 接種 請 本人 與 家長 于 現場 共同 簽署 意願 同意書 另 10 月 1 日 起 亦 開始 接種 流感疫苗 依 我國 衛生 福利 部 傳染病 防治 諮 詢 會 預防接種 組 acip 建議 接種 流感疫苗 應 與 covid-19 疫苗 間隔 至少 7 天 請 民眾 前往 接種 covid-19 第二 劑 疫苗 前 應備 妥 covid-19 疫苗 接種 紀錄 卡 及 健 保 卡 並於 接種 前 評估 時 說明 過往 疫苗 接種 史 以利 醫生 評估</t>
  </si>
  <si>
    <t>臺灣 本土 降級 後 國旅 交通 大 鬆綁 臺灣 境內 的 郵輪 旅遊 傳出 複航 申請 檔 已經 在 指揮中心 八大 行業 也 傳出 遞交 防疫 指引 盼 可 恢復 營業 對 此 中央流行疫情指揮中心 證實 確實 都有 收到 申請 檔 但 需要 看 防疫 計 畫 來 決定</t>
  </si>
  <si>
    <t>臺灣 本土 降級 後 國旅 交通 大 鬆綁 臺灣 境內 的 郵輪 旅遊 傳出 複航 申請 檔 已經 在 指揮中心 八大 行業 也 傳出 遞交 防疫 指引 盼 可 恢復 營業 對 此 中央流行疫情指揮中心 證實 確實 都有 收到 申請 檔 但 需要 看 防疫 計 畫 來 決定 尤其 郵輪 多 達 千 人 且 是 在 密閉空間 會 參考 國外 作法 網路 傳出 10 月 1 日 疫情 警戒 將 會 降到 一級 對此 中央流行疫情指揮中心 醫療 應變 組 副 組長 羅一鈞 表示 確實 這 階段 二級 警戒 調整 標準 前天 有 開會 修正 但 何時 降級 要 看 疫情 發展 以及 民眾 對於 修改 規定 後 的 遵守 情形 來 做 評估 至於 郵輪 部分 何時 可以 鬆綁 發言人 莊人祥 表示 由於 郵輪 的 旅客 多 達 千 人 而 國內 目前 還是 有 不明 感染 源 的 病例 加上 郵輪 空間 也 比較 封閉 這 部分 將 會 針對 業者 的 防疫 計 畫 評估 另外 會 在 看 其他 國家 針對 郵輪 的 複航 規定 來 做 參考 至於 八大 解禁 羅一鈞表示 目前 列為 禁止 須 關閉 場所 中的 業別 包括 ktv mtv 等 場所 目前 經濟部 已經 針對 這些 業別 制定 指引 送到 指揮中心 經過 適度 防疫 與 管理 就 可以 有 條件 開放 是否 開放 羅一鈞 強調 一方面 會 衡量 全國 民眾 疫苗 接種 後蓋 率 另外 就 是 落實 防疫 條件 尤其 這些 行業 因為 很多 都 是 密閉空間 能 不能 遵守 口罩 戴 好 保持 社交距離 等 是 審核 比較 重要 的 部分 通過 會 再 公佈</t>
  </si>
  <si>
    <t>中央流行疫情指揮中心 今 16 日 公佈 新增 確診 2 例 covid-19 新冠肺炎 個案 臺灣 累計 共 20 名 確診 案例 且 出現 首 個 死亡 案例 也 就 是 第 19 例 的 中部 60 多 歲 男性 有 b 型 肝炎 及 糖尿病 病史 無 出國 旅遊 史 亦非 確診 病例 之 已 知 密切</t>
  </si>
  <si>
    <t>中央流行疫情指揮中心 今 16 日 公佈 新增 確診 2 例 covid-19 新冠肺炎 個案 臺灣 累計 共 20 名 確診 案例 且 出現 首 個 死亡 案例 也 就 是 第 19 例 的 中部 60 多 歲 男性 有 b 型 肝炎 及 糖尿病 病史 無 出國 旅遊 史 亦非 確診 病例 之 已 知 密切接觸 者 指揮官 陳時中 表示 由於 第 19 例 男子 無 旅行 史 明確 接觸 史 所以 有 社區 傳播 的 疑慮 但 這 位 死亡 案例 的 職業 為 白 牌 計程車 司機 很 可能 載 過 中 港澳 乘客 已經 就 通 聯 紀錄 做 清查 希望 完全 掌握 接觸 史 能夠 發現 確切 的 感染 源 未來 不 排除 公佈 需要 注意 的 地區 與 範圍 陳時中 表示 社區 傳播 有 四 個 定義 首先 要 有 確定 病例 且 找 不 到 感染 源 第 19 例 目前 符合 此 定義 但 由於 疫情 調查 尚未 完成 現階段 可說 不 排除 有 社區 感染 的 可能 第二 個 定義 是 社區 傳播 是 本土 病例 人數 遠 高於 境外移入 病例 人數 第三 是 已經 出現 一傳 十十 傳 百 的 連續 傳播 第 四 個 是 有 範圍 廣泛 的 傳播 第 19 例 的 出現 目前 只 符合 第 一個 定義 後面 三 個 定義 臺灣 現況 都 不 符合 但 可以 說 已經 出現 了 警訊 所以 現在 要 儘快 將 疫 調 做好 亞東 醫院 感染 科 主任 楊家瑞 醫師 表示 如果 臺灣 進入 社區 傳播 的 階段 再 加上 有無 症狀 感染者 所以 代表 需要 更 嚴密 的 自我 防護 此時 口罩 的 保護 就 會 變 得 更加 重要 而且 手部 清潔 消毒 也 必須 更加 徹底 沒有 必要 也 不 要 出入 公共場合 等等 一切 的 防疫 措施 都 需要 更 嚴格 一 位 家長 也 私下 坦言 這 陣子 口罩 之 亂弄 得 人心惶惶 他 當時 還 不以為意 但 如果 真 的 有 社區 傳播 他 就 覺得 一定 要 去 排隊 買 口罩 因為 開學 清明節 返鄉 潮 都 要到 了 但 口罩 真的 夠 嗎 家長 這個 疑問 目前 沒有 解答 但 口罩 之 亂 勢必 愈演愈烈 了 更 多 ctwant 報導</t>
  </si>
  <si>
    <t>為 圍堵 疫情 中央流行疫情指揮中心 昨天 宣佈 全國 提升 到 三級 警戒 今天 20 日 在 中央 與 地方 會議 後 宜蘭 縣政府 舉辦 線 上 記者會 縣長 林姿 妙 宣佈 停辦 今年 童玩節 要 將 活動 經費 變成 救命 錢 縣府 指出 停辦 童玩 節後 可 省</t>
  </si>
  <si>
    <t>為 圍堵 疫情 中央流行疫情指揮中心 昨天 宣佈 全國 提升 到 三級 警戒 今天 20 日 在 中央 與 地方 會議 後 宜蘭 縣政府 舉辦 線 上 記者會 縣長 林姿 妙 宣佈 停辦 今年 童玩節 要 將 活動 經費 變成 救命 錢 縣府 指出 停辦 童玩 節後 可 省 下 約 7000萬 元 經費 盼 能 挹注 在 疫苗 上 提高 縣民 的 接種 率 宜 蘭 縣政府 秘書長 林 茂盛 解釋 縣府 編 列 137億 元 作為 今年 童玩節 經費 扣除 掉 5000萬 元 收支 對 列 的 門票 收入 已 支出 的 1000萬 元後 再 加上 解除 相關 合約 的 2300萬 元 估計 是 近 7000萬 元 作為 防疫 經費 來 使用 衛生局長 徐迺維 表示 疫苗 主要 還 是 透過 中央 統籌 購買 因為 單一 縣 市 購買 不比 中央 縣府 會 跟 中央 洽談 並 結合 中央 採購 政策 也 會 看 中央 是 如何 分配 各縣市 疫苗 公費 對象 施打 狀況 再 列 宜 蘭縣 優先 施打 對象 提高 縣民 接種 疫苗 的 人數 總之 這筆 錢 縣府 會 先 保留 下來 當作 救命 錢 因 礁溪 有 觀光 飯店 受 疫情 衝擊 停業 工 旅 處長 李東儒 說 全縣 有 14 家 旅館 到 這 月底 或 下月 初 暫停 接受 訂 房 其中 礁溪 占 8 家 業者 有 提出 盼 能 延續 相關 紓困 或 紓困 貸款 延期 繳付 等 縣府 會 匯 整 業者 意見 後 函 請 中央 辦理 盼 中央 與 地方 共同努力 度過難關 財稅 局長 盧天龍 說 旅 宿業 因為 疫情 有 停業 或 部分 樓層 停 用 會 主動 輔導 提出 房屋 使用 情形 變更 5 月 房屋 稅 開徵 業者 如 繳納 困難 也 會 輔導 提出 延期 或 分期 繳納 縣長 林姿 妙 表示 縣民 未戴 口罩 已 開 罰 3 案 呼籲 縣民 配合 今年 取消 辦理 童玩節 是 要 把 活動 經費 變成 救命 錢 並 希望 獲得 議會 支持 用以 買 疫苗 讓 縣民 施打 防範 疫情 持續 擴大 施打 比例 愈 高抗 疫 效果 會 愈 好 讓 宜蘭 防疫 大幅 提升 縣府 也 將 視 疫苗 到貨 時間 列 優先 施打 對象</t>
  </si>
  <si>
    <t>台 南市 連續 11 天 嘉玲 後 前天 一口氣 新增 8 例 讓 全市 繃緊神經 28 日 雖然 再度 嘉玲 但 市府 仍 針對 安南 區 家庭 群 聚 事件 擴大 匡列 及 篩檢 並 強調 8 人 的 症狀 與 delta 病毒 症狀 不同 加上 發病 時間 也 早於 delta 確診 者 造訪 台南 請 市民 不 要 過於 擔心 市府 衛生局長 許以霖 指出 很多 民眾 都 以為 安南 區 家 族群 聚 與 屏 東 的 delta 病毒 有關 但因 屏 東 確診 個案 是 11 日 到 佳裡 法旨 宮 安南 區 家族 的 外孫女 早 在 10 日 就 有 症狀 加上 delta 的 症狀 主要 是 頭痛 喉嚨 痛 與 流 鼻 水 與 這家 人 的 症狀 不 太 一樣 目前 已將 相關 檢 體 送 到 中央 相信 很快 就 會 有 結果 衛生局 還 說 安南 區 家 族群 聚 感染 原 以為 可能 是 二 女婿 因 家人 在 彰 化 住院 多次 前往 彰 化 而 染疫 再 傳染給 其他 家人 但因 二 女婿 的 抗體 檢測 是 陰性 未曾 染疫 反而 是 三 女婿 的 抗體 是 陽性 pcr 檢測 則 是 陰性 顯示 先前 曾染疫 加上 該 家族 最 早 出現 身體 不 舒服 的 人 就是 對 方未滿 10 歲 的 女兒 于 6 月 10 日 即 因 不 舒服 前往 診所 就醫 因此 初步 研 判 三 女婿 可能 是 該 家族 最 早 的 感染者 該 起家 族群 聚 感染 傳出 後 市府 先 匡列 接觸 者 131 人 其中 124 人 采 檢 pcr 陰性 7 人 報告 未出 再 擴大 匡列 確診 者 住家 同 社區 19 戶 共 41 人 經 pcr 檢測 皆 陰性 然後 再 針對 確診 者 同 鄰里 居民 從 28 日 上午 連續 3 天 設立 擴大 篩檢 站 每天 將 可 進行 500 人 的 pcr 采 檢 為 慎重 防止 擴散 篩檢 對象 也 擴 及 安南 區 市民 自 昨天下午 一連 3 天 于 安南 果 菜市場 花卉市場 設立 大型 篩檢 站 每日 可 進行 1000 人 的 pcr 采 檢 直到 晚間 8 點 篩檢 結 止 2 站 合計 篩檢 1332 人 另外 對於 確診 者 工作 場 域 可能 接觸 的 消費者 進行電話 關懷 並以 簡訊 通知 可能 與 確診 者 足跡 同 框 者 盡力 做好 每 一 層 防疫 工作 避免 感染 鏈 持續 擴大 至於 中央 預計 7 月 1 日 起 撥發 莫德納 疫苗 至 各縣市 台南 市 將 規 畫本 市 孕婦 75 歲 以上 長者 及 65 歲 以上 具 原 住 民 身分 者 至 本市 37 家 衛生所 188 家 合約 醫療 院所 及 大中小型 接種 站 施打 疫苗 同時 為 方便 民眾 接種 另外 增加 13 家 專責 醫院 讓 本市 1 至 5 類 施打 對象 孕婦 75 歲 以上 長者 及 65 歲 以上 具 原 住 民 身分 長者 可 利用 醫院 掛號 系統 或 專線 掛號 市府 還 說 依據 中央流行疫情指揮中心 5 月 5 日 公告 為 強化 基層 院所 分級 醫療 轉 介 服務 醫療 院所 如 研 判 就醫 民眾 有 疑 似 症狀 或為 建議 采 檢 者 請 開立 轉 診 單轉介 至 本市 14 家 指定 社區 采 檢 院所 檢驗 結果 為 陽性者 發給 開立 轉 診 單 的 基層 院所 確診 病例 通報 獎勵 金 每 例 1萬 元</t>
  </si>
  <si>
    <t>國內 covid-19 疫苗 接種 速度 加快 指揮中心 指揮官 陳時中 今天 公佈 截至 目前為止 累計 接種 840萬5085 人次 疫苗 接種 人口 涵蓋 率 3407 劑 次 人口 比 3579 劑 每百人 據 中央流行疫情指揮中心 最新 統計 8 月 2 日 covid-19</t>
  </si>
  <si>
    <t>國內 covid-19 疫苗 接種 速度 加快 指揮中心 指揮官 陳時中 今天 公佈 截至 目前為止 累計 接種 840萬5085 人次 疫苗 接種 人口 涵蓋 率 3407 劑 次 人口 比 3579 劑 每百人 據 中央流行疫情指揮中心 最新 統計 8 月 2 日 covid-19 疫苗 接種 10萬599 人次 其中 阿斯特 捷利康 az 疫苗 接種 9萬2027 人次 第 1 劑 接種 8萬4805 人次 第 2 劑 接種 7222 人次 莫德納 moderna 疫苗 接種 8572 人次 第 1 劑 接種 3849 人次 第 2 劑 接種 4723 人次 陳時中 今天下午 在 中央流行疫情指揮中心 記者會 中 說明 截至 目前為止 累計 接種 840萬5085 人次 az 疫苗 接種 539萬1638 人次 莫德納 疫苗 接種 301萬3447 人次 covid-19 疫苗 接種 人口 涵蓋 率 3407 劑 次 人口 比 3579 劑 每百人 昨天 出現 1 名 66 歲 男子 在 接種 莫德納 疫苗 後 8 天 死亡 目前 累計 covid-19 疫苗 接種 後 發生 死亡 不良 事件 共 548 例 分別 為 255 名 女性 293 名 男性 年齡 為 2 個 月 至 101 歲 間 其中 370 人 為 75 歲 以上 長者 疫苗 接種 後 當日 至 68 日間 發生 其中 465 例 接種 az 疫苗 83 例 接種 莫德納 疫苗 有 關施 打 疫苗 後 死亡 解剖 部分 累計 已 解剖 124 例 其中 86 例 與 慢性病 相關 6 例 嗆 噎 窒息 2 例 頸椎 骨折 1 例 呼吸道 阻塞 6 例 疑 似 肺炎 3 例 泌 尿道 感染 1 例 氣管 內 有 管灌 倒流 液體 1 例 咽喉炎 2 個 月 大 孩童 1 例 胃穿孔 並 腹膜 炎 另外 1 例 上消化道 出血 1 例 肋膜炎 1 例 疑 膽 道 化膿 性感 染 2 例 腦室 和 腦 幹 出血 1 例 吸入性 肺炎 及 心 肺 衰竭 1 例 腦 實質 舊 出血 並 外傷 性 腦 挫傷 1 例 化膿性 肺炎 1 例 主 狀 脈 剝離 1 例 蜂窩 性 組織 炎 併發 敗血症 1 例 心肌梗塞 6 例 待 厘 清</t>
  </si>
  <si>
    <t>新北 市 今日 新增 1 例 確診 針對 永和 某 公寓 大 樓群 聚 新北 市 市長 侯友宜 昨日 於 應變 記者會 上 說 整 棟 樓 110 戶 236 人 全棟 隔離 全面 阻斷 病毒傳播 的 可能性 今日 市府 團隊 將 於 下午 3 時 召開 記者會 說明 最新 疫情 應變 措施 中 時 新聞網 將 為 您 全程 直播 侯友宜 說 今日 新增 1 例 為 居家 隔離 采 檢 為 陽性 案例 位於 三 重 區 居家 隔離 列管 人數 為 590 人 今日 有 31 人 可以 解 隔離 今日 的 案例 為 在 三 重 被 友人 感染 傳播 鏈 單純 至於 永和 某 社區 感染 問題 侯友宜 指出 用 正向 的 態度 積極 面對 問題 雖 一 開始 先 出現 2 個 確診 個案 但 感染 源 清楚 且 做好 隔離 就 能 穩定 控制 疫情 而 在 第 3 個 確診 出來 時 便 全面 替 整 棟 社區 進行 篩檢 同時 鼓勵 周邊 住戶 出面 篩檢 並 直言 這次 群 聚能 快速 掌 控 實在 非常感謝 市民 配合 廣 篩 中央流行疫情指揮中心 今 12 日 公佈國內 新增 6 例 covid-19 確定 病例 分別 為 4 例 本土 及 2 例 境外移入 另 確診 個案 中 新增 1 例 死亡 指揮中心 表示 今日 新增 之 4 例 本土 病例 其中 1 例 為 居家 隔離 期間 檢驗 陽性者 為 3 例 男性 1 例 女性 年齡 介於 20 多 歲 至 50 多 歲 發病 日 介 於今 2021 年 8 月 4 日 至 8 月 9 日 個案 分佈 為 臺北市 3 例 新北 市 1 例 其中 2 例 為 已 知 感染 源 2 例 關聯 不明 將 持續 進行 疫情 調查 以 厘 清 感染 源</t>
  </si>
  <si>
    <t>國內 新冠肺炎 疫情 隨 著 磐石 艦 海軍 群 聚 感染 再 拉 警報 24 名 確診 官兵 全台 趴 趴 走 足跡 曝光 引起 人心惶惶 專家 提醒 食物 最 容易 沾染 病毒 選擇 外 食 時前 應 先 看 2 件 事 包括 餐廳 座位 間距 以及 位子 排列 方式 為 防止 疫情 擴散 中央流行疫情指揮中心 已 規定 社交距離 早安 健康 報導 林口長 庚 臨床 毒物 中心 資深 護理 師 譚敦慈 指出 如 需 在外 用餐 應 選擇 座位 之間 保持 1 2 公尺 距離 的 餐廳 如果 餐廳 空間 無法 讓 客人 相距 2 公尺 則 可 選擇 背對背 的 座位 相對 安全 病毒 可 在 塑膠 物質 上 殘留 約 3 天 紙類 則 是 1 天 由於 無法 確定 他人 的 環保 餐盒 是否 安全 為了 避免 增加 感染 風險 譚敦慈 建議 外帶 食物 儘量 選用 免洗 餐盒 食物 帶回家 後 應將 食物 倒 在 自家 碗 中 加熱 再 食用 除了 減少 接觸 殘留 在 餐盒 上 的 病菌 也 可過 加熱 順便 消毒 此外 譚敦慈 特別 提醒 手機 病菌 多 吃飯 時 最好 不要 摸 手機 也 不 要 將 手機 擺在 桌上</t>
  </si>
  <si>
    <t>青少年 第二 劑 bnt 究竟 打 不 打 中央流行疫情指揮中心 日前 表示 須 待 acip 會議 討論 但 今天 衛福 部長 陳時中 在 立 法院 接受 質詢 時 表示 將 暫緩 國內 12 至 17 歲 青少年 接種 兩 周後 再 決定 是否 施打 青少年 bnt 疫苗 校園 接種 開 打 已 超</t>
  </si>
  <si>
    <t>青少年 第二 劑 bnt 究竟 打 不 打 中央流行疫情指揮中心 日前 表示 須 待 acip 會議 討論 但 今天 衛福 部長 陳時中 在 立 法院 接受 質詢 時 表示 將 暫緩 國內 12 至 17 歲 青少年 接種 兩 周後 再 決定 是否 施打 青少年 bnt 疫苗 校園 接種 開 打 已 超過 6 周 但 目前 第二 劑 規劃 未定 指揮中心 發言人 莊人祥 表示 針對 12 至 17 歲 bnt 校園 接種 第二 劑 資料 部分 還 需要 進一步 厘 清及 蒐集 目前 會 持續 關注 國外 相關 文獻 並 重新 檢 視 國內 心肌炎 案例 acip 預定 兩 周後 重新 開會 指揮中心 統計 截至 11 月 3 日 國內 12 至 21 歲 接種 bnt 疫苗 後 發生 心肌炎 共 20 例 為 17 男 3 女 其中 18 例 已 出院 1 例 住 院中 1 例 門診 治療 其中 17 例 為 12 至 17 歲 分別 為 14 男 3 女</t>
  </si>
  <si>
    <t>新冠肺炎 疫情 不減 反 增 行政院長 蘇貞昌 日前 宣佈 中央流行疫情指揮中心 提升 至 一級 開設 並 指示 由 衛福 部長 陳時中 擔任 指揮官 然而 總指揮 並非 由 民進 党 要員 擔任 所有 綠 軍 要 角 都 隱身 幕後 有 評論 認為 相當 的 不 尋常</t>
  </si>
  <si>
    <t>國內 新冠肺炎 確診 個案 最近 腹瀉 症狀 者 持續 增加 中央流行疫情指揮中心 專家 諮 詢 小組 召集人 張上淳 指出 這 兩 天 已將 腹瀉 定為 通報 要件 呼籲 居家 檢疫 居家 隔離 者 若 出現 腹瀉 通通 要 篩檢 張上淳 表示 專家 小組 一致 認為</t>
  </si>
  <si>
    <t>國內 新冠肺炎 確診 個案 最近 腹瀉 症狀 者 持續 增加 中央流行疫情指揮中心 專家 諮 詢 小組 召集人 張上淳 指出 這 兩 天 已將 腹瀉 定為 通報 要件 呼籲 居家 檢疫 居家 隔離 者 若 出現 腹瀉 通通 要 篩檢 張上淳 表示 專家 小組 一致 認為 最近 幾 天 確診 個案 的 腹瀉 狀況 很多 有 少數 幾 例 開始 有 輕微 發燒 咳嗽 後來 症狀 不見 只 留下 腹瀉 的 情形 3 月 31 日前 的 332 例 中 有 19 例 出現 腹瀉 約 16 發燒 咳嗽 占 一半 張上淳 表示 但 4 月 1 日 到 4 月 3 日 的 26 位 確診 個案 中 有 5 位 有 腹瀉 代表 最近 腹瀉 明顯 增加 經 討論 後 決定 除 了 發燒 咳嗽 嗅覺 味覺 喪失 外 居家 檢疫 居家 隔離 個案 中 出現 腹瀉 也 都 要 去 就診 篩檢</t>
  </si>
  <si>
    <t>中央流行疫情指揮中心 今 6 日 公佈 國內 新增 12 例 新冠肺炎 確定 病例 為 10 例 本土 及 2 例 境外移入 確診 個案 中 新增 3 例 死亡 指揮官 陳時中 宣佈 8 月 10 到 8 月 23 日 仍 維持 2 級 警戒 維持 理由 是 疫情 還 在 可 控 範圍 也 沒有 突發事件</t>
  </si>
  <si>
    <t>中央流行疫情指揮中心 今 6 日 公佈 國內 新增 12 例 新冠肺炎 確定 病例 為 10 例 本土 及 2 例 境外移入 確診 個案 中 新增 3 例 死亡 指揮官 陳時中 宣佈 8 月 10 到 8 月 23 日 仍 維持 2 級 警戒 維持 理由 是 疫情 還 在 可 控 範圍 也 沒有 突發事件 觀察 的 時間 仍 短 因 此 繼續 維持 10 例 本土 病例 有 7 例 為 居家 隔離 期間 或 期滿 檢驗 陽性者 為 5 例 男性 5 例 女性 年齡 介於 未 滿 10 歲 至 60 多 歲 發病 日 介 於今 2021 年 8 月 4 日 至 8 月 5 日 個案 分佈 以 新北 市 4 例 為 最 多 其次 為 臺北市 3 例 嘉 義縣 2 例 彰 化 縣 1 例 其中 8 例 為 已 知 感染 源 1 例 關聯 不明 1 例 疫 調 中 將 持續 進行 疫情 調查 以 厘 清 感染 源 至於 新增 的 2 例 境外移入 個案 案 15868 為 美國 籍 20 多 歲 男性 8 月 4 日 自 美國 來 台 工作 持有 搭 機 前 3 日內 檢驗 陰性 報告 於 機場 采 檢 後 至 防疫 旅館 居家 檢疫 並於 今日 確診 個案 在 台 期間 並 無 症狀 已 匡列 同 班機 前後 2 排 旅客 共 6 人 均 列 居家 隔離 案 15873 為 英國 籍 30 多 歲 男性 8 月 4 日 自 英國 來 台 工作 持有 搭 機 前 3 日內 檢驗 陰性 報告 入境 後 至 集中 檢疫所 居家 檢疫 並 采 檢 於 今日 確診 個案 在 台 期間 並 無 症狀 相關 接觸 者 匡列中 今日 新增 的 3 例 死亡 個案 為 2 例 男性 1 例 女性 年齡 均 為 70 多 歲 且 未 接種 covid-19 疫苗 發病 日 介於 5 月 18 日 至 6 月 4 日 確診 日 介於 5 月 21 日 至 6 月 6 日 死亡 日 介於 5 月 28 日 至 7 月 21 日 詳 如 新聞稿 附件 近期 確診 個案 解 隔離 情形 5 月 11 日 至 8 月 4 日 累計 公佈 14543 位 確診 個案 中 已 有 13018 人 解除 隔離 解 隔離 人數 達 確診 人數 895 截至 目前 國內 累計 15765 例 確診 分別 為 1282 例 境外移入 14430 本土 病例 36 例 敦睦 艦隊 2 例 航空器 感染 1 例 不 明及 14 例 調查 中 另 累計 108 例 移除 為 空號 2020 年 起 累計 794 例 covid-19 死亡 病例 其中 786 例 本土 個案 居住 縣 市 分佈 為 新北 市 393 例 臺北市 300 例 基隆 市 27 例 桃園 市 24 例 彰 化 縣 14 例 新竹 縣 11 例 台中 市 4 例 苗栗縣 3 例 宜蘭 縣 及 花蓮縣 各 2 例 台 東縣 雲 林縣 台 南市 南 投 縣 高雄市 及 屏 東縣 各 1 例 另 8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新冠肺炎 本土 疫情 延 燒 國內 昨 新增 472 名 本土 案例 其中 339 例 新增 133 例 校正 回歸 個案 全台 本土 案例 累計 9248 例 加上 境外移入 共 1萬446 例 突破 1萬 大關 且 再 新增 21 名 死亡 個案 追 平 單日 最高 紀錄 雙北 疫情 持續 延 燒 新北 市長 侯友宜 拜 讬 民眾 儘量 出來 廣 篩 找 出 隱藏 在 社區 的 感染 源 才能 堵住 傳播 鏈 甚至 要 成立 到 宅 快 篩 隊 到 府 服務 臺北市 長 柯文哲 則 直言 北市 快 篩 陽性率 降到 44 但 不 代表 疫情 改善 雙 北 仍 在 百 例 高峰 苗栗 又 暴 沖 昨日 新增 的 本土 個案 以 新北 市 227 例 居多 其次 為 臺北市 的 152 例 及 苗栗縣 的 51 例 新北 累計 本土 個案 數 已 達 4400 例 臺北市 亦 有 3300 例 疫情 中心 指揮官 陳時中 表示 疫情 確實 仍然 緊急 目前 比較 好 的 情況 是 采 檢 報告 的 效率 有 提升 現階段 沒 想到 降級 也 沒 想到 升級 疫情 仍 處在相對 高點 會 持續 精進 防疫 措施 50 歲 染疫 亡 罕見 無 潛伏 疾病 此 波 本土 病例 爆 增 每日 新增 死亡 案例 一直 高居 不下 昨日 新增 21 名 死亡 個案 追 平 單日 最高 紀錄 其中 最 年輕 30 多 歲 最 年長 則 是 90 多 歲 專家 諮 詢 小組 召集人 張上淳 表示 死亡 個案 中 年輕 的 2 人 有 洗 腎 糖尿病 其 餘 個案 除 1 名 50 多 歲 的 個案 沒有 潛伏 疾病 外 其他 都 有 潛伏 疾病 至於 重症 病例 醫療 應變 組 副 組長 羅一鈞 表示 5 月 11 日 到 6 月 3 日間 0 到 9 歲 確診 人數 占 26 10 到 19 歲 占 32 20 到 39 歲 占 202 40 到 59 歲 則 占 357 60 歲 以上 占 383 60 歲 以上 仍 占大宗 日前 陳時中 指出 20 到 39 歲 年輕人 染疫 比率 變 高 指 年輕人 防疫 鬆懈 引發 年輕人 不滿 昨日 他 也 緩 頰 說 年輕 族群 不算 排行 前面 但 多 是 輕 症 或 無 症狀 不見得 會 就醫 采 檢 怕 大家 誤解 重症 都 是 長者 而 有點 輕忽 提醒 大家 病毒 是 針對 所有人 每個 人 都 要 注意 近來 新北 市 確診 病例 一直 未 見 趨 緩 侯友宜 昨 主持 防疫 會議 指出 雙北 已 連續 出現 2 波 高峰期 未來 恐 還 有 新 一 波 疫情 高峰 他 知道 市民 在家 待 了 20 多 天 心理 壓力 很 大 但 拜 讬 大家 再 忍耐 一下 維持 低度 再 低度 的 活動 也 呼籲 所有 市民 尤其 重 熱 裡 的 居民 儘快 出來 廣 篩 60 歲 以上 中 鏢 高 達 383 而 依據 新北 市 疫 調 發現 超過 4 成 的 感染 源 來自 家中 親人 新北 市 將 組成 到 宅 快 篩 隊 除了 開放 民眾 電話 申請 外 也 會 根據 警察局 疫 調資 料 居家 檢疫 關懷 中心 匡 列有 需求者 提供 到 宅 快 篩 服務 對於 中央流行疫情指揮中心 每日 都會 公佈 當日 確診 數 柯文哲 認為 中央 一直 校正 回歸 很 難 即時 判 讀 北市 疫情 實況 且 pcr 通報 系統 從 檢查 確認 到 宣佈 還是 有 時間差目前 快 篩 陽性 約 有 80 %pcr 陽性 顯示 快 篩 陽性率 至少 有 8 成 準確度 應 蒐集 北市 各 醫院 的 急診室 資料 用 快 篩 陽性 的 總數 來 做 疫情 監測 時效 上 比 pcr 快 很多 是 面臨 校正 回歸 數 多時 的 折衷 應變 方案</t>
  </si>
  <si>
    <t>我國 疫情 嚴峻 屏 東 近日 傳出 delta 變異 株 群 聚 但 經 擴大 匡列采 檢 8 天 共 采 檢 逾 萬 件 至今 僅 發現 1 例 陽性 個案 中央流行疫情指揮中心 指揮官 陳時中 表示 匡列 的 範圍 越來越 大 但 陽性 個案 仍 僅 1 例 相信 樂觀 的 情形 陳</t>
  </si>
  <si>
    <t>我國 疫情 嚴峻 屏 東 近日 傳出 delta 變異 株 群 聚 但 經 擴大 匡列采 檢 8 天 共 采 檢 逾 萬 件 至今 僅 發現 1 例 陽性 個案 中央流行疫情指揮中心 指揮官 陳時中 表示 匡列 的 範圍 越來越 大 但 陽性 個案 仍 僅 1 例 相信 樂觀 的 情形 陳時中 指出 屏 東 無論 采 檢 或 醫院 目前 還算 穩定 枋寮 確診 個案 沒有 增加 全院 工作人員 及 住院病人 等 6 月 29 日 全部 完成 全院 包括 患者 醫護 家屬 等 共 392 人 采 檢 並 將 於 第 7 天 第 14 天 再 執行 1 次 采 檢 7 月 1 日 完成 環境 采 檢 42 件 也 為 陰性 陳時中 說 個案 共 匡列 490 人 入住 集中 檢疫所 除 了 88 件 檢驗 外 其他 402 件 都為 陰性 而 社區 篩檢 站 8 天 篩檢 1萬689 件 324 件 為 檢驗 中 其他 皆 為 陰性 外界 認為 屏 東 快 篩 的 試劑 準確度 高 陳時中 表示 目前 快 篩 與 pcr 並行 但 全國 仍以 pcr 進行 用 單一 品牌 來 做 也 不是 很 好 應 做 多 廠 牌 比較 讓 大家 參考</t>
  </si>
  <si>
    <t>近期 許多 企業 疾呼 開放 快 篩 讓 企業 自行 檢測 中央流行疫情指揮中心 發言人 莊人祥 表示 目前 研 擬 的 企業 指引 的 部分 采 檢 的 部分 仍要 由 醫 事 人員 擔任 快 篩 的 如果 陽性 要 注意 要 有 針對 員工 做 隔離 安置 的 規劃 也 要 通報 個案 後 再 pc</t>
  </si>
  <si>
    <t>近期 許多 企業 疾呼 開放 快 篩 讓 企業 自行 檢測 中央流行疫情指揮中心 發言人 莊人祥 表示 目前 研 擬 的 企業 指引 的 部分 采 檢 的 部分 仍要 由 醫 事 人員 擔任 快 篩 的 如果 陽性 要 注意 要 有 針對 員工 做 隔離 安置 的 規劃 也 要 通報 個案 後 再 pcr 采 檢 是否 陽性 企業 也 要 考量 到底 要是 一般 的 健康 監測 或 篩檢 經濟部 會 據 指引 報 一個 計畫再 送 到 指揮中心 經濟部 近期 提及 竹科 將 成為 第 一個 企業 快 篩 的 示範 地點</t>
  </si>
  <si>
    <t>全國 拼 疫苗 人口 覆蓋率 目前 國內 以 提升 第一 劑 覆蓋率 為 目標 但 專家 指出 在 疫苗 不足 的 狀況 下 應該 讓 長輩 先 施打 第二 劑 疫苗 或是 讓 有 疑慮 的 人 可以 混打 bnt 疫苗 對此 中央流行疫情指揮中心 指揮官 陳時中 表示 這個 問</t>
  </si>
  <si>
    <t>全國 拼 疫苗 人口 覆蓋率 目前 國內 以 提升 第一 劑 覆蓋率 為 目標 但 專家 指出 在 疫苗 不足 的 狀況 下 應該 讓 長輩 先 施打 第二 劑 疫苗 或是 讓 有 疑慮 的 人 可以 混打 bnt 疫苗 對此 中央流行疫情指揮中心 指揮官 陳時中 表示 這個 問題 永遠 沒有 辦法 解 陳時中 表示 這個 問題 已經 討論 過 很 多 次 了 整體 來 講 一 到 十 類 對象 高風險 的 人 會 跟 病毒 接觸 保護 大家 的 人 已經 有 蠻 多 機會 可以 打 疫苗 那 現在 有 一部分 人 都 沒有 在 名單 之內 所以 讓 他 也 有 機會 來 施打 陳時中 進一步 表示 按照 風險 來說 一 到 十 類 我們 已經 開 了 相當程度 莫得納 也 開到 第 九 類 53 歲 將來 還有 疫苗 來 還 會 再 開放 剩下 就 是 機會 公平 的 問題 當然 這個 問題 永遠 沒有 辦法 解 除非 一下子 的 量 全部 都 到來 我們 也 相信 不 需要 很 久 的 時間 第一 劑 疫苗 的 滿足 應該 很快 就 可以 達到</t>
  </si>
  <si>
    <t>繼 二 名 華航 貨機 機師 確診 新冠肺炎 之後 又 有 一 名 國籍 航空 空姐 染疫 中央流行疫情指揮中心 發言人 莊人祥 表示 目前 總計有 四 位 在 航空 業 感染 新冠肺炎 除 了 二 名 華航 貨機 機師 一 名 空姐 外 還有 一 名 荷蘭籍 副 機師 莊人祥 指</t>
  </si>
  <si>
    <t>繼 二 名 華航 貨機 機師 確診 新冠肺炎 之後 又 有 一 名 國籍 航空 空姐 染疫 中央流行疫情指揮中心 發言人 莊人祥 表示 目前 總計有 四 位 在 航空 業 感染 新冠肺炎 除 了 二 名 華航 貨機 機師 一 名 空姐 外 還有 一 名 荷蘭籍 副 機師 莊 人 祥 指出 新 確診 這 名 空服 員 為 確診 案 232 其 3 月 8 日 至 3 月 11 日 飛 美國 3 月 15 日 飛 印尼 3 月 22 日 發病 於 3 月 24 日 確診 這 名 空服 員 於 3 月 16 日 返台 後 即 自主 健康 管理 其間 有 至 地勤 工作 並 與 其他 同事 見面 目前 已 框 列 空服 員 家人 非 同 住 家人 及 友人 共有 8 名 接觸 者 另 同 家 公司 接觸 同事 人數 框 列 則 尚在 進行 中</t>
  </si>
  <si>
    <t>全台 無 預警 大 停電 連 中央流行疫情指揮中心 下午 的 疫情 記者會 直播 也 突然 中斷 下午 3 點 多 疾 管署 記者 室 瞬間 漆黑一片 只 剩 記者 桌上 的 電腦 手機 亮 著 由於 直播 訊號 突然 中斷 不少 線 上 網友 嚇壞 紛紛 詢問 發生 甚麼 事 看</t>
  </si>
  <si>
    <t>全台 無 預警 大 停電 連 中央流行疫情指揮中心 下午 的 疫情 記者會 直播 也 突然 中斷 下午 3 點 多 疾 管署 記者 室 瞬間 漆黑一片 只 剩 記者 桌上 的 電腦 手機 亮 著 由於 直播 訊號 突然 中斷 不少 線 上 網友 嚇壞 紛紛 詢問 發生 甚麼 事 看到 畫面 黑 一 片 有 網友 驚呼 阿中 不見 了 還有 網友 問 世界末日 嗎 高雄 興達 電廠 今 13 日 下午 2 點 37 分 發生 不明 原因 跳機 燃煤 二四 號 機 和 燃氣 三 號 機 皆 跳機 台電 高雄 區處 指出 因 興達 電廠 事故 全廠 停機 全台 進行 緊急 分 區 第一 輪 停 限 電 停電 範圍 擴 及 全台 電力 中斷 國家 警報 大作 連 指揮中心 記者會 也 受到 影響 下午 3 點 多 疾 管署 突然 停電 有 記者 拍到 記者 室 漆黑一片 的 畫面 只 剩 記者 桌上 的 電腦 手機 還 亮 著 罕見 畫面 曝光 讓 眾人 驚訝 幾 分鐘 後 備用 電源 才 啟動 停電 發生 後 疫情 記者會 過 不久 也 順勢 結束 衛福 部長 陳時中 離開 記者會 現場 時 記者 室外 還 漆黑一片 由於 情況 相當 罕見 大批 記者 簇擁而上 紛紛 開 手機 的 手電筒 照明 圍 著 陳時中 猛 拍 由於 指揮中心 直播 訊號 也 突然 中斷 線 上 網友 一 片 哀嚎 紛紛 詢問 發生 甚麼 事 看到 畫面 黑 一 片 有 網友 驚呼 阿中 不見 了 由於 近日 國內 本土 疫情 爆 增 昨天 才 掀起 大 賣 場 量販店 超市 一陣 民生 物資 搶購潮 今天 又 遇上 全台 大 停電 有 網友 忍不住 問 世界末日 還有 網友 笑 說 還好 昨天 有 囤 到貨</t>
  </si>
  <si>
    <t>全台 自 5 19 開始 實施 三級 警戒 如今 一 延 再延 目前 確定 會 延 後 至 7 12 對此 一 名 網友 好奇 發問 依照 臺灣 目前 的 情況 三級 警戒 要 延到 何時 貼 文 引發 熱 議 不少 網友 表示 樂觀 來說 至少 要 等到 中秋節 另 也 有人 認為 疫苗 覆蓋率 不 高 解 了 也 是 白搭 一定 會 再 封 起來 的 一 名 網友 昨 在 ptt 上 發文 表示 早就 知道 6 28 不可能 會 解封 中央流行疫情指揮中心 昨天 23 日 果然 宣佈 三級 延長 至 7 12 但 他 認為 到時候 肯定 會 繼續 再延 後 不 知道 大家 怎麼 看 依照 臺灣 目前 的 情況 三級 警戒 會 延到 幾 月 貼 文 引起 熱烈 討論 綜合 網友 的 留言 發現 多數 人 認為 至少 要 等到 中秋 節後 快 的 話 可能 父親節 完 或 中秋 節後 至少 中秋節 覺得 九月 跑不掉 九月 以前 吧 幸運 一點 或許 八月 以前 中秋 過後 雙十 之前 樂觀 評估 要 九月 之前 起碼 也 要 9 月 吧 另 也 有 網友 認為 疫苗 施打率 是 解封 的 關鍵 九月 二 劑 沒 60 以上 擋不住 delta 病毒 疫苗 覆蓋率 不 高 解 了 都是白 解 可能 要 等 疫苗 打到 差不多 為止 疫苗 如果 沒 辦法 普 打 希望 封到 9 月 10 月 看 疫苗 何時 到貨 依照 目前 這種 疫苗 施打 率 年底 吧</t>
  </si>
  <si>
    <t>中央流行疫情指揮中心 今 15 日 公佈 國內 新增 18 例 covid-19 確定 病例 分別 為 14 例 本土 及 4 例 境外移入 其中 臺北市 9 例 為 最 多 其次 為 桃園 市 3 例 新北 市 2 例 針對 新北 市 連續 2 天 微 2 市長 侯友宜 稍 早 歸功 市民 配合 低度</t>
  </si>
  <si>
    <t>中央流行疫情指揮中心 今 15 日 公佈 國內 新增 18 例 covid-19 確定 病例 分別 為 14 例 本土 及 4 例 境外移入 其中 臺北市 9 例 為 最 多 其次 為 桃園 市 3 例 新北 市 2 例 針對 新北 市 連續 2 天 微 2 市長 侯友宜 稍 早 歸功 市民 配合 低度 活動 同仁 努力 加上 全面 篩檢 精准 疫 調和 熱區 防疫 中心 的 策略 新北 市 才 得以 有效 控制 疫情 有鑑於此 下 周 是否 開放 戶外 用餐 也 成為 市民 關注 議題 根據 新北 市長 侯友宜 今 15 日 記者會 上 最新 說法 針對 新北 市 新增 新莊 本土 病例 1 人 板橋 居家 隔離 陰轉陽 1 人 侯友宜 強調 感染 源 都 很 清楚 一切都在 掌 控 內 後續 也 將 持續 進行 疫 調 民眾 不用 擔心 擴大 至於 新北 市 5 大 批發市場 侯友宜 也 祭出 嚴格 把關 規定 強調 從業人員 須 定期 篩檢 穩定 陰性 才能 進場 保持 最高 警戒 又 新北 市 全台 首創 的 檢疫 隔離 關懷 中心 也 會 持續 服務 照顧 居家 隔離 的 市民 朋友 身心 並 提供 關於 疫情 的 各項 詳細 資訊 同時 侯友宜 也 感謝 慈濟 基金會 愛心 大 平臺 送暖 資助 新北 弱勢 族群 目前 微 解封 措施 新北 市 僅 有 條件 開放 戶外 風景區 藝 文 場所 博物館 餐飲 一律 采 外帶 下週一 19 日 會 有 第一 波 檢討 進一步 開放 部分 類別 民眾 有望 在 戶外 用餐 侯友宜 強調 解封 的 實質 意義 是 讓 民眾 回到 正常 生活 並 帶動 更 多 經濟 發展 否則 業者 成本 花 下去 最後 又 疫情 再起 或 業者 為 賺錢 不顧 防疫 那 就 累 了 並 舉例 韓國 荷蘭 解 封 了 又 再 封 城 認為 對 經濟 與 民眾 來說 都 是 二 度 傷害 因此 新北 市 會分 梯次 階段 討論 開放 場所 一定 先 從 能夠 落實 防疫 且 不 具有 傳播 力 的 地點 開始 同時 並 會 思考 新 北城鄉 差距 與 都會 重災區 特性 逐步 建構 落實 防疫 為主 的 微 解封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中央流行疫情指揮中心 今 17 日 表示 民眾 透過 口罩 實 名 制 20 網路 預購 人數 越來越 多 考量 遞送 口罩 的 郵差 以及 協助 配銷 實 名 制 口罩 的 藥師 藥劑 生 和 衛生所 人員 的 辛勞 為 讓 其 有 時間 休息 因此 自 4 月 19 日 起 每個 星期日 將</t>
  </si>
  <si>
    <t>中央流行疫情指揮中心 今 17 日 表示 民眾 透過 口罩 實 名 制 20 網路 預購 人數 越來越 多 考量 遞送 口罩 的 郵差 以及 協助 配銷 實 名 制 口罩 的 藥師 藥劑 生 和 衛生所 人員 的 辛勞 為 讓 其 有 時間 休息 因此 自 4 月 19 日 起 每個 星期日 將 不再 配送 口罩 至 參與 實 名 制 的 健 保 特約 藥局 及 衛生所 指揮中心 進一步 指出 藥局 若 星期一 到 星期六 仍 有 剩 餘 口罩 沒 賣 完 星期日 有 營業 且 有 意願 販 售 亦 樂 見 其成 不 反對 並 感謝 其 服務 的 熱忱 口罩 實 名 制 20 操作 方式 已 越來越 便利 建議 民眾 可 多 加 利用 網路 預購 方式 購買 口罩</t>
  </si>
  <si>
    <t>台中 一 名 30 歲 林姓 女 上班族 上月 收到 朋友 用 line 傳來 的 訊息 指 因為 有 認識 做 口罩 工廠 的 叔叔 政府 規定 不能 出口 但 用 低於 生產成本 的 價格 跟 廠商 強制 收購 並 要求 廠商 自行 吸收 虧損 再 用 高於 市場 的 價格 販 售 給 民眾 等 林女 看 了 之後 將 對話 截 圖 轉貼 在 噗 浪 偷偷 說 留言 板 上 林 女 貼 文 標題 原本 是 政府 叫 大家 不要 發國難財 但 自己 大 賺 一 筆 後來 有 網友 提醒 標題 不當 有 造謠 之 嫌 林女雖 立即 改為 口罩 八卦 相關 但 中央流行疫情指揮中心 認定 該 內容 非 屬實 足以 影響 社會 安寧 向 刑事 局 函 文告 發 刑事 局 電 偵 大隊 獲 報 後 通知 林女 到案 說明 林女 供稱 只 是 將 朋友 傳來 的 訊息 轉貼 對 自己 的 散佈 行為 表示 抱歉 並 已將 該文 下 架 警方 表示 行政院 已 在 上月 底 公告 一般 醫用 口罩 及 外科手術 口罩 為 刑法 所 定 生活必需 用品 散佈 假 訊息 可 處 2 年 以下 有期徒刑 拘役 或 科 或 並 科 20萬 元 以下 罰金</t>
  </si>
  <si>
    <t>衛福 部長 今 27 日 表示 義 大利 近期 covid-19 新冠肺炎 病例 數 及 死亡 病例 快速 增加 鑒於 國人 至 當地 感染 的 風險 提高 指揮中心 宣佈 即日起 提升 義 大利 旅遊 疫情 建議 至 第 三級 警告 warning 提醒 民眾 非必要 勿 前往 此外 中央流行疫情指揮中心 亦 同時 宣佈 自 臺灣 時間 2 月 28 日 零 時 起 自 義 大利 入境 需 進行 14 天 居家 檢疫 指揮中心 指出 義 大利 目前 確定 病例 數 已 達 400 例 12 例 死亡 病例 擴 及 9 個 大區 且 逾 9 成 病例 目前 尚未 厘 清 感染 源 評估 已 有 社區 傳播 並 已 輸出 病例 至 法國 北 馬其頓 希臘 巴西 西班牙 瑞士 阿爾及利亞 克羅埃西亞 奧地利 及 德國 共 10 國計 18 例 義 大利 已 宣佈 對 發生 不明 感染 源 個案 之 城市 或 地區 採取 停 班 停課 暫停 公眾 活動 限制 交通 等 防治 措施 因應 國際 新冠肺炎 疫情 發展 指揮中心 目前 已將 中國 大陸 含 港澳 韓國 義 大利 列 旅遊 疫情 建議 列 第 三級 警告 日本 新加坡 伊朗 列 第二 級 警示 泰國 列 第一 級 注意</t>
  </si>
  <si>
    <t>中央流行疫情指揮中心 指揮官 陳時中 再次 否認 社區 傳播 但 不 否認 社區 內 存在 潛 在 新冠肺炎 感染者 自 3 月 7 日 起 臺灣 共 增加 7 件 本土 案例 其中 有 2 例 感染 源 不明 尚再 厘 清 當中 本 周 臺灣 新冠肺炎 確診 數 增加 了 85 例 其中 包含</t>
  </si>
  <si>
    <t>中央流行疫情指揮中心 指揮官 陳時中 再次 否認 社區 傳播 但 不 否認 社區 內 存在 潛 在 新冠肺炎 感染者 自 3 月 7 日 起 臺灣 共 增加 7 件 本土 案例 其中 有 2 例 感染 源 不明 尚再 厘 清 當中 本 周 臺灣 新冠肺炎 確診 數 增加 了 85 例 其中 包含 6 例 本土 案例 民眾 擔憂 的 社區 傳播 是否 成為 現在 進行式 中央流行疫情指揮中心 指揮官 陳時中 表示 大家 可以 對 現狀 做 一個 詮釋 而 指揮中心 對於 這周 增加 的 案例 也 非常 緊張 陳時中 解釋 以 今天 的 6 例 本土 案例 中 有 3 位 有 確切 的 感染 源 1 位 的 感染 源 可能 是 外國 友人 另外 2 位 的 感染 源 還 在 持續 調查 中 從 上周 開始 臺灣 大多 是 境外移入 個案 本土 僅 有 7 例 是 零星 的 社區 感染 未來 也 將 會 施行 適當 的 管制 將 境外移入 與 社區 防線 做好 此外 陳時中 不 否認 社區 內 存在 尚未 發現 的 感染 案件 但 陳時中 說 在 科學上 能 找到 確切 的 感染 源 當然 是 最好 的 狀況 但 在 潛伏期 後 沒有 續發 案件 也 可以 當作 社區 內 沒有 大量 傳播 的 指標 陳時中 以 先前 院內 感染 的 指標性 個案 案 34 北部 60 多 歲 女性 及 案 2427 為 例 表示 案 34 從 3 月 7 日後 就 沒有 再 出現 延伸 個案 而 案 2427 也 沒有 引發 後續 社區 問題 所以 前 一 波 算是 守 住 了</t>
  </si>
  <si>
    <t>新冠肺炎 肆虐 全球 臺灣 確診 案例 再 添 8 例 來到 108 例 中央流行疫情指揮中心 建 呼籲 滯 外 留學生 儘量 留在 當地 畢竟 無法 排除 搭 機 風險 此舉 讓 資深 媒體 人 趙 少康 拍 桌 痛斥 什麼 政府 嘛 對此 眼科醫生 黃宥嘉 怒 嗆 這 世界 又</t>
  </si>
  <si>
    <t>新冠肺炎 肆虐 全球 臺灣 確診 案例 再 添 8 例 來到 108 例 中央流行疫情指揮中心 建 呼籲 滯 外 留學生 儘量 留在 當地 畢竟 無法 排除 搭 機 風險 此舉 讓 資深 媒體 人 趙 少康 拍 桌 痛斥 什麼 政府 嘛 對此 眼科醫生 黃宥嘉 怒 嗆 這 世界 又 不是 拍桌子 的 人 就 厲害 趙 少康 日前 表示 政府 該 做 的 是 與 當地國 協商 儘量 把 所有人 都 接接 回來 而 不是 要求 留學生 留在 當地 講到 激動 處 還 氣 到 拍 桌 對此 眼科醫生 黃宥嘉 表示 趙 少康 這麼 厲害 的話 何不 自己 去 跟 政府 協商 在 不 考慮 人力 醫療 資源 的 前提 下 只 會 在 那邊 說大話 這樣 有 突顯 自己 比較 有智慧 嗎 怒 嗆 我們 才 不滿 非 醫療 專業 非 防疫 專業 的 人 一直 不滿 防疫 政策 哩 這 世界 又 不是 拍桌子 的 人 就 厲害 對此 網友 也 紛紛 留言 支持 醫療 人員 支持 政府 政策 只 會 隔 著 玻璃 裝模作樣 到底 做 了 什麼 事情 為了 這塊 土地 而 努力 非專業 在那邊 指手劃腳 的 只 出 張嘴</t>
  </si>
  <si>
    <t>三零 隔 天 秒 破 功 中央流行疫情指揮中心 今 公佈 國內 新增 6 例 新冠肺炎 確定 病例 分別 為 1 例 本土 5 例 境外移入 確診 個案 中 無 新 增 死亡 其中 本土 個案 為 新北 1 名 6 旬 男子 因 發燒 就醫 采 檢 確診 ct 值 331 之後 采 檢 2 次 都 是 陰性</t>
  </si>
  <si>
    <t>三零 隔 天 秒 破 功 中央流行疫情指揮中心 今 公佈 國內 新增 6 例 新冠肺炎 確定 病例 分別 為 1 例 本土 5 例 境外移入 確診 個案 中 無 新 增 死亡 其中 本土 個案 為 新北 1 名 6 旬 男子 因 發燒 就醫 采 檢 確診 ct 值 331 之後 采 檢 2 次 都 是 陰性 今日 新增 的 1 例 本土 個案 案 16451 為 60 多 歲 男性 今年 10 月 16 日 因 出現 發燒 等 症狀 10 月 17 日 就醫 並 采 檢 檢驗 結果 陽性 收治 住院 ct 值 331 igg igm 均 為 陽性 後續 采 檢 2 次 核酸 檢測 均 為 陰性 衛生 單位 已 匡列 接觸 者 12 人 其中 4 人 列 居家 隔離 3 人 列 自主 健康 管理 5 人 列 自我 健康 監測 將 持續 進行 疫 調 及 匡列 以 厘 清 感染 源 另外 今日 新增 的 5 例 境外移入 個案 為 4 例 男性 1 例 女性 年齡 介於 10 多 歲 至 60 多 歲 分別 自 美國 2 例 案 16448 案 16452 阿拉伯 聯合 大公國 案 16449 菲律賓 案 16450 馬來西亞 案 16453 入境 入境 日期 介於 10 月 5 日 至 10 月 17 日 之間 均 持有 搭 機 前 3 日內 檢驗 陰性 報告 截至 目前 國內 共 累計 1萬6343 例 確診 分別 為 1704 例 境外移入 1萬4585 例 本土 病例 36 例 敦睦 艦隊 3 例 航空器 感染 1 例 不 明及 14 例 調查 中 另 累計 110 例 移除 為 空號 2020 年 起 累計 846 死 其中 834 例 本土 個案 居住 縣 市 分佈 為 新北 市 412 例 臺北市 319 例 基隆 市 29 例 桃園 市 27 例 彰 化 縣 15 例 新竹 縣 13 例 台中 市 5 例 苗栗縣 3 例 宜蘭 縣 及 花蓮縣 各 2 例 新竹 市 南 投 縣 雲 林縣 台 南市 高雄市 屏 東縣 及 台 東縣 各 1 例 另 12 例 為 境外移入 指揮中心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新冠肺炎 疫情 趨 緩 但 國際 上 仍未 消 停 臺灣 當前 的 威脅 在 境外 但 也 不可能 持續 鎖國 中央流行疫情指揮中心 專家 諮 詢 小組 召集人 張上淳 表示 未來 開放 邊境 一定 是 人家 讓 臺灣 進去 臺灣 也 讓 人家 進來 若 能 做到 相對 安心 就</t>
  </si>
  <si>
    <t>新冠肺炎 疫情 趨 緩 但 國際 上 仍未 消 停 臺灣 當前 的 威脅 在 境外 但 也 不可能 持續 鎖國 中央流行疫情指揮中心 專家 諮 詢 小組 召集人 張上淳 表示 未來 開放 邊境 一定 是 人家 讓 臺灣 進去 臺灣 也 讓 人家 進來 若 能 做到 相對 安心 就 可以 接受 開放 鬆綁 邊境 的 過程 中 不可能 100 不漏 接 個案 若要 做到 這 種 程度 就 很 難 開放 許多 人 擔憂 秋冬 疫情 會 再度 升溫 對此 張上淳 解釋 秋冬 令 人 憂心 的 地方 在於 有些 人 體內 帶有 病毒 但因 夏季 氣溫 高 病毒 的 傳播 力小 到 了 冬季 就 會 再度 活躍 起來 造成 其他人 染疫 然而 臺灣 目前 社區 已經 安全 沒有 病毒 存在 主要 的 威脅 都 在 境外 張上淳 表示 若要 擔心 第 2 波 疫情 應 不 會 是 秋冬 傳播 力 提升 所 造成 的 第 2 波 而是 邊境 沒守 好 不 小心 造成 社區 傳播 的 第 2 波 張上淳 表示 國際 疫情 持續 都有 病毒 隨時 都 有 可能 進入 臺灣 但是 臺灣 也不可能 永遠 鎖國 這樣 會 造成 經濟 上 的 衝擊 若需 鬆綁 邊境 一定 是 人家 讓 臺灣 進去 臺灣 也 讓 人家 進來 如果 對方 的 疫情 控制 的 好 沒有 本土 個案 說不定 彼此之間 就 不 需 檢疫 但 若 對 方有 一點 疫情 可能 就 要 要求 來 台 之前 先采 檢 若 能 做到 相對 安心 而非 100 安心 基本上 就 可以 接受 開放 他 也 坦言 走向 開放 的 同時 不可能 做 到 100 不漏 接 任何 個案 若要 做到 這 種 程度 臺灣 就 很 難 開放</t>
  </si>
  <si>
    <t>截至 1 日 下午 為止 國內 共 累計 確診 329 例 確診 5 例 死亡 外界 最 擔心 的 就 是 其中 無 旅遊 史 找 不 到 明確 感染 源 的 本土 個案 中央流行疫情指揮中心 指揮官 陳時中 今 也 點名 有 5 起 本土 個案 關注 度 風險 較 高 他 更 坦承 曾去 過 金山</t>
  </si>
  <si>
    <t>截至 1 日 下午 為止 國內 共 累計 確診 329 例 確診 5 例 死亡 外界 最 擔心 的 就 是 其中 無 旅遊 史 找 不 到 明確 感染 源 的 本土 個案 中央流行疫情指揮中心 指揮官 陳時中 今 也 點名 有 5 起 本土 個案 關注 度 風險 較 高 他 更 坦承 曾去 過 金山 烏來 老 街 的 案 268 案 322 的 師 大學生 這 2 個 案例 讓 他們 有 點 頭大 陳時中 於 今日 例行 記者會 中點 名 5 起 本土 個案 分別 為 案 100 的 20 多 歲 女性 案 134 的 30 多 歲 女性 案 156 的 20 多 歲 女性 案 268 的 50 多 歲 男性 以及 案 322 的 20 多 歲 男性 共同點 皆 是 沒有 出 國史 也 沒有 明確 接觸 史 陳時中 進一步 解釋 目前 案 100 案 134 案 156 的 疫 調 跟 相關 人員 采 檢 結果 都 是 陰性 但 感染 源 還 都 沒有 辦法 查 到 不過 案 100 早 在 3 月 8 日 發生 的 已經 脫離 潛伏期 他 說 而 案 134 大概 到明天 潛伏期 就 到 了 案 156 則 是 約 過 了 3 天 也 會 到 了 觀察期 結束 的 時間 但是 現在 仍 有 2 個 案例 需要 特別 觀察 案 268 這 一 名 50 多 歲 的 男 工作室 負責人 2 29 曾去 過 金山 3 15 曾 到 過 烏來 老 街 另 一 名 則 是 案 322 的 師大 20 多 歲 男 學生 3 31 確診 而且 他 活動 地點 多 在 宿舍 校園 令人擔憂 陳時中 說 這 2 個 案子 讓 我們 現在 頭 是 比較 大 的 情況 應該 其他 幾 個 案子 檢查 都 陰性</t>
  </si>
  <si>
    <t>中央流行疫情指揮中心 今日 首度 移 往 屏 東 舉辦 指揮官 陳時中 戴 著 周志浩 莊人祥 羅一鈞 等 防疫 五月 天 成員 同行 對於 出訪 的 感想 五月 天 成員 表示 紓 壓 墾 丁 景色 很 漂亮 但 該 掌握 的 資訊 還是 要 掌握 最 感動 的 是 民眾 的 生</t>
  </si>
  <si>
    <t>中央流行疫情指揮中心 今日 首度 移 往 屏 東 舉辦 指揮官 陳時中 戴 著 周志浩 莊人祥 羅一鈞 等 防疫 五月 天 成員 同行 對於 出訪 的 感想 五月 天 成員 表示 紓 壓 墾 丁 景色 很 漂亮 但 該 掌握 的 資訊 還是 要 掌握 最 感動 的 是 民眾 的 生活 如常 比 國外 幸運 很多 疫情 監測 組組長 周志浩 表示 出來 走 一 走 想法 更 活潑 雖然 出來 該 掌握 的 國內外 資訊 還 是 會 掌握 鼓勵 國人 出來 走 一 走 保持 社交距離 勤洗手 等 措施 國內 真的 很 安全 發言人 莊人祥 表示 這次 到訪 墾 丁 非常 謝謝 縣長 潘孟安 的 招待 讓 我們 更 瞭解 墾 丁 尤其 景色 非常 漂亮 今 早 參觀 日照 中心 是 我 過去 沒有 接觸 過 的 業務 看到 長輩 可以 悠 活 自在 地 唱歌 表達 出 非常 多 的 意念 也 是 以前 沒有 想 過 的 也 謝謝 媒體 一路 相陪 醫療 應變 組 副 組長 羅一鈞 表示 這 兩 天 的 小 確 幸 旅遊 有助於 紓 壓 國際 的 疫情 網路 爆 料 都還 是 要注意 和 追蹤 我們 一邊 紓 壓 一邊 收集 訊息 最 感動 的 是 民眾 生活 如常 比 國外 幸運 很多 看到 這 一點 比 紓 壓 程度 比 景色 更有意義</t>
  </si>
  <si>
    <t>中央流行疫情指揮中心 日前 宣佈 全國 進入 第 三級 防疫 警戒 至 5 月 28 日 基隆 市長 林右昌 今 早 表示 目前 有 許多 確診 者 不知去向 感染 源 不明 等 狀況 向 中央 喊話 建議 全國 三級 警戒 延長 2 周 林右昌 指出 主要 有 三 個 不明 兩</t>
  </si>
  <si>
    <t>中央流行疫情指揮中心 公佈 各縣市 確診 人數 南 投 縣 20 日 確診 人數 為 零 為 南 投 縣 連續 10 天 迎接 嘉玲 衛生局 表示 今日 繼續 在 南投市 草屯鎮 埔裡 鎮 鹿穀鄉 中寮鄉 魚池鄉 水裡鄉 信義鄉 仍 持續 設站 接種 上午 下</t>
  </si>
  <si>
    <t>中央流行疫情指揮中心 公佈 各縣市 確診 人數 南 投 縣 20 日 確診 人數 為 零 為 南 投 縣 連續 10 天 迎接 嘉玲 衛生局 表示 今日 繼續 在 南投市 草屯鎮 埔裡 鎮 鹿穀鄉 中寮鄉 魚池鄉 水裡鄉 信義鄉 仍 持續 設站 接種 上午 下 大雨 加上 各地 傳出 疫苗 接種 不良 事件 符合 接種 物件 的 86 歲 以上 長者 及 76 歲 以上 原 住 民 長者 影響 接種 意願 衛生局 指出 中央 配 撥 az 疫苗 第二 批 配 撥 1萬300 劑 疫苗 給 南 投 縣 從 19 日 20 日 在 13 鄉鎮 市 設置 大型 疫苗 接種 站 全面 接種 近日 全國 各地 疫苗 接種 不良反應 事件 影響 昨日 疫苗 接種 人數 不如 預期 第二 批 配 撥 疫苗 1萬300 劑 僅 接種 1445 劑 接種 率 14 今日 繼續 在 南投市 草屯鎮 埔裡 鎮 鹿穀鄉 中寮鄉 魚池鄉 水裡鄉 信義鄉 設站 接種 衛生局 也 統計 中央 撥 配 南 投 縣 第一 批 az 疫苗 1萬8000 劑 截至 19 日 下午 4 時 第一 至 第 五 類 分配數 6696 劑 已 完成 5454 劑 接種 率 81 仍 陸續 規 畫 依序 接種 中 第 六 類 撥 配量 為 1萬1304 劑 完成 1萬417 劑 接種 率 92 1819 日 兩 日 南 投 縣 接 獲 新冠肺炎 疫苗 接種 不良反應 死亡 事件 計 4 例 衛生局 依疾 管署 規定 完成 疫苗 接種 不良反應 通報 後續 將 協助 家屬 提出 預防接種 受害 救濟 申請 今日 截至 中午 幸 未獲 通報 有 身體 不適 的 接種 者</t>
  </si>
  <si>
    <t>中央流行疫情指揮中心 日前 宣佈 13 日 起 微 解封 三級 警戒 則 延長 至 7 月 26 日 對於 宗教 場所 可以 有 條件 開放 但 中 元 普渡 則 維持 不 開放 對此 民眾 好奇 是否 代表 即便 到 了 8 月 的 中元節 仍 無 法 降級 副 指揮官 陳宗彥 表示 還有 1</t>
  </si>
  <si>
    <t>中央流行疫情指揮中心 日前 宣佈 13 日 起 微 解封 三級 警戒 則 延長 至 7 月 26 日 對於 宗教 場所 可以 有 條件 開放 但 中 元 普渡 則 維持 不 開放 對此 民眾 好奇 是否 代表 即便 到 了 8 月 的 中元節 仍 無 法 降級 副 指揮官 陳宗彥 表示 還有 1 個 月 的 時間 會 持續 觀察 疫情 陳 宗彥 表示 今年 中 元 普渡 是 國曆 8 月初 距離 現在 還有 將近 1 個 月 的 時間 我們 會 持續 觀察 疫情 再 隨時 和縣 市 主管機關 討論 對於 是否 要 改 為 線 上 進行 找 人 誦經 開放 上網 普渡 他 表示 去年 普渡 我們 有 經驗 會 隨 著 疫情 變動 讓 大家 知道</t>
  </si>
  <si>
    <t>日 韓 新冠肺炎 疫情 升溫 中央流行疫情指揮中心 22 日 宣佈 日本 與 南韓 旅遊 警示 提升 至 第二 級 警示 alert 旅客 到 當地 應 採取 加強 防護 措施 指揮官 陳時中 並 強調 根據 疫情 進展 不 排除 對 日 韓 做 相關 邊境 管制 截至 22 日</t>
  </si>
  <si>
    <t>日 韓 新冠肺炎 疫情 升溫 中央流行疫情指揮中心 22 日 宣佈 日本 與 南韓 旅遊 警示 提升 至 第二 級 警示 alert 旅客 到 當地 應 採取 加強 防護 措施 指揮官 陳時中 並 強調 根據 疫情 進展 不 排除 對 日 韓 做 相關 邊境 管制 截至 22 日 衛福部 疾 管署 將 泰國 列為 第一 級 注意 watch 旅客 退團 退費 金額 須 扣除 行政 規費 賠償 旅行社 損失 日本 南韓 新加坡 為 旅遊 第二 級 警示 alert 民眾 赴 當地 應 採取 加強 防護 措施 如果 要 退出 旅行團 扣除 旅 行業 者 必要 費用 後 視 個案 狀況 不 同 旅客 最高 可 拿 回 95 的 費用 大陸 港澳地區 則 列為 第 三級 警告 warning 建議 避免 至 當地 所有 非必要 旅遊 若 旅客 退團 扣除 旅行社 必要 費用 外 可 拿 回 100 費用 陳時中 指出 日本 新冠肺炎 確診 病例 數 已 達 110 例 超過 七 成為 當地 或 疑 似 當地 感染 且 多 例 感染 源 不明 甚至 已 發生 數 起 社區 及 醫院 群 聚 而 南韓 新冠肺炎 確診 的 病例 快速 增加 到 346 例 且 超過 七 成 可能 是 當地 感染 其中 五 例 感染 源 不明 在 日 韓兩國 都 有 多 例 感染 源 不明 與 當地 感染 情況 下 調整 其 旅遊 警示 至於 日本 韓國 是否 可能 升級 為 第 三級 警告 則 由 中央流行疫情指揮中心 視 日 韓 後續 疫情 發展 狀況 決定 另外 鑽石 公主 號 包機 19 名 臺灣 旅客 22 日 淩晨 入住 負 壓 隔離病房 一 檢 皆 為 陰性 預計 22 日 晚上 11 點 半 將 實施 二 檢 23 日 即 可 知道 檢驗 結果 至於 日前 感染 源 不 明 的 北部 新冠肺炎 確診 者 即 第 24 案 60 多 歲 婦女 的 情況 陳時中 指出 第 24 案 掌握 接觸 者 共 465 人 已 采 檢 181 人 162 人 陰性 其 餘 檢驗 中 指揮中心 與 醫護 單位 鎖定 第 24 案 婦女 入院 後 接觸 的 134 名 醫護人員 進行 疫 調 目前 確定 無 醫護人員 感染 院內 感染 風險 已 解除 截至 22 日 我國 新冠肺炎 確診 案例 數 共 26 名 一 名 死亡 其 餘 個案 病況 穩定</t>
  </si>
  <si>
    <t>近日 傳出 美國紐約 一家 動物園 中 一 只 老虎 被 檢測 出新冠肺炎 陽性 農委會 防 檢 局 表示 由於 不 知道 檢測 方法 檢 體 來源 所以 仍 有 可能 是 確診 的 飼 育 員 飛 抹 污染 老虎 目前 國內 動物 檢測 還是 依 新冠肺炎 確診 個案 飼養 之 共居 犬 貓 檢驗 原則 規定 必須 是 確診 者 的 犬 貓 並 有 症狀 經 獸醫 師 通報 後 才會 送 檢 目前 無 采 檢 案例 中央流行疫情指揮中心 表示 已 與 農委會 聯繫 根據 世界 動物 衛生組織 oie 和 世衛組織 的 資料 目前 沒有 證據 顯示 家禽 動物 會 直接 感染 新冠 病毒 但 寵物 是 沾染到 病毒 還是 真的 受到 感染 後續 會 請 農委會 做 更 詳盡 的 評估 防 檢 局 副 局長 徐榮彬 表示 雖然 從 香港 開始 部分 國家 開始 檢測 貓 狗 等 伴侶 動物 並 發現 陽性 但 不 知 其 檢 體 來源 為 其 口腔 鼻腔 或 糞便 等 目前 僅 確認 檢測 為 陽性 仍 無 法 排除 污染 的 情況 台 大 獸醫 專業 學院 教授 劉振軒 則 認為 目前 看起來 該 只 老虎 有 食欲不振 等 症狀 經檢測 為 陽性 但 應該 是從 確診 新冠肺炎 的 飼 育 員 傳染給 該 只 老虎 目前 沒有 證據 病毒 會 在 動物 與 動物 之間 傳染 也 沒有 證據 指出 會 由 動物 再 傳染給 人類 劉振軒 提及 2003 年 的 sars 時 也 有人 懷疑 sars 會 透過 貓 傳染 但 17 年 來 沒有 發生 這樣 的 情況</t>
  </si>
  <si>
    <t>因應 新冠肺炎 在 臺灣 造成 口罩 之 亂 行政院 訂 案 開放 健 保 藥局 配合 政府 發售 實 名 制 口罩 為 讓 更 多 民眾 能夠 買到 17 日 更 宣佈 加倍 銷售 口罩 卻 讓 基層 藥師 怒火 四起 批 人力 沒 加倍 工作量 卻 加倍 中央 疫情 指揮中心 聽到 藥師 心聲 後 決定 替 各 藥局 增添 人力 將 調撥 經費 給 藥局 聘請 工讀生 協助 口罩 發放 疾 管署 日前 指出 今 20 日 口罩 實 名 新 制 將 上路 由於 原本 單間 健 保 藥局 配額 為 每日 200 片 突然 增為 400 片 而 兒童 口罩 配額 也 從 2 片 增為 4 片 基層工作 人員 大喊 吃不消 已經 人力不足 了 工作量 又 加倍 灌 爆 藥師 公會 全 聯會 粉絲 團 喊 出 口號 我 不 ok 你 來 發 中央 社 指出 有 藥師 表示 雖然 希望 更 多 民眾 能 買到 口罩 但 分裝 口罩 就要 花 2 小時 今 起 分裝 與 讀 健 保 卡 時間 都 要 加倍 對 人力 考驗 更 大 無奈 表示 已經 決定 不 再 發放 號碼牌 也 與 民眾 溝通 取得 諒解 中央流行疫情指揮中心 指揮官 陳時中 在 參加 新北 市府 居家 檢疫 關懷 中心 說明會 時 聽 聞 藥師 人力 吃緊 近況 後 率先 慰勞 所有 在 一線 工作 的 同仁 感謝 全國 藥師 藥劑 生 非常 辛苦 扛起 實 名 制販 售 口罩 責任 陳時中 表示 衛生 福利 部 已 研 擬 一 筆 經費 讓 藥局 可 聘請 工讀生 協助 包裝 口罩 盼 能 減輕 基層 藥師 壓力 陳時中 說 未來 居家 檢疫 人數 會 愈來愈多 病毒 也 很 狡猾 需要 有 系統 與 有步驟 地 防疫 讓 全國 一起 動 起來</t>
  </si>
  <si>
    <t>中央流行疫情指揮中心 今 30 日 表示 有關 第一 班 定點 返台 專案 航班 已於 昨 29 日 晚間 抵 台 153 名 返台 者 經 檢疫 均 毋須 後 送 就醫 目前 已 完成 采 檢 並 安置 在 國內 一 處 檢疫所 將 進行 14 天 集中 檢疫 指揮中心 指出 昨日 國內 新增 8</t>
  </si>
  <si>
    <t>中央流行疫情指揮中心 今 30 日 表示 有關 第一 班 定點 返台 專案 航班 已於 昨 29 日 晚間 抵 台 153 名 返台 者 經 檢疫 均 毋須 後 送 就醫 目前 已 完成 采 檢 並 安置 在 國內 一 處 檢疫所 將 進行 14 天 集中 檢疫 指揮中心 指出 昨日 國內 新增 867 例 新型 冠狀病毒 肺炎 相關 通報 截至 目前 累計 30777 例 含 27378 例 排除 其中 306 例 確診 今日 新增 案 299 至 306 分別 為 261 例 境外移入 及 45 例 本土 病例 確診 個案 中 5 人 死亡 39 人 解除 隔離 其 餘 持續 住院 隔離 中 指揮中心 表示 針對 案 268 於 2 月 29 日 下午 5 點 20 分至 6 點 55 分 曾於 金山老 街 及 3 月 15 日 下午 2 點 30 分至 4 點 50 分 曾于 烏來 老 街 活動 地方 政府 已 安排 防疫 人員 前往 完成 消毒 工作 提醒 該 時段 在 此 二 處 之 民眾 注意 身體健康 如有 發燒 或 上呼吸道 症狀 請 即刻 就醫 並 告知 可能 暴露 史 無需 過度 恐慌 指揮中心 指出 依 國際 監測 資料 顯示 全球 累計 703185 例 確診 分佈 於 177 個 國家 地區 病例 數 以 美國 137294 例 義 大利 97689 例 中國 大陸 81470 例 西班牙 78797 例 及 德國 52547 例 為 多 病例 中 33434 例 死亡 以 義 大利 10779 例 西班牙 6528 例 中國 大陸 3304 例 伊朗 2640 例 及 法國 2606 例 為 多 指揮中心 再次 提醒 民眾 應 做好 手部 衛生 與 咳嗽 禮節 自 國外 入境 時 如有 發燒 咳嗽 等 不適 症狀 應 主動 通報 機場 及 港口 檢疫 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及時 診斷 通報</t>
  </si>
  <si>
    <t>臺北 酒店 女 公關 日前 確診 讓 各界 感到 相當 擔憂 中央流行疫情指揮中心 今天 表示 有關 案 379 的 疫 調 目前 已 完成 總計 接觸 者 共 123 位 其中 有 96 位 是 職 場 接觸 者 家屬 4 位 其他 23 位元 需要 進行 居家 隔離 的 人數 則 有 65 位 指揮 中</t>
  </si>
  <si>
    <t>臺北 酒店 女 公關 日前 確診 讓 各界 感到 相當 擔憂 中央流行疫情指揮中心 今天 表示 有關 案 379 的 疫 調 目前 已 完成 總計 接觸 者 共 123 位 其中 有 96 位 是 職 場 接觸 者 家屬 4 位 其他 23 位元 需要 進行 居家 隔離 的 人數 則 有 65 位 指揮中心 發言人 莊人祥 表示 居家 隔離 中 包含 家屬 4 位 職 場 接觸 者 59 位 其他 2 位 目前 有 采 檢 的 主要 為 12 個 目前 陰性 者 有 10 位 另外 還有 2 位 檢驗 中 目前 疫 調 都已 完成 以 臺北市 居多 檢驗者 都 是 陰性</t>
  </si>
  <si>
    <t>為 確保 covid-19 新冠肺炎 境外 確診 個案 返國 時 之 飛 航 防疫 安全 並 降低 個案 入境 後 發生 社區 疫情 之 風險 中央流行疫情指揮中心 今 17 日 表示 依據 傳染病 防治法 第 58 條 第 1 項 第 2 款 與 第 3 款 規定 境外 確診 個案 須 符合 下列 條件</t>
  </si>
  <si>
    <t>為 確保 covid-19 新冠肺炎 境外 確診 個案 返國 時 之 飛 航 防疫 安全 並 降低 個案 入境 後 發生 社區 疫情 之 風險 中央流行疫情指揮中心 今 17 日 表示 依據 傳染病 防治法 第 58 條 第 1 項 第 2 款 與 第 3 款 規定 境外 確診 個案 須 符合 下列 條件 之一 才能 搭 機 返國 違者 將 依同法 第 69 條 規定 處 新 台幣 1萬 元 以上 15萬 元 以下 罰 鍰 1 發病 日 至 登機 日 已 逾 2 個 月 且 症狀 已 緩解 2 距 發病 日 已 達 10 天 且 取得 2 次 呼吸道 檢 體 檢驗 sars-cov- 2 陰性 證明 須 間隔 至少 24 小時 采 檢 指揮中心 指出 境外 確診 個案 搭 機 返台 時 仍 建議 全程 佩戴 口罩 入境 時 檢疫 措施 比照 旅遊 疫情 建議 第 三級 地區 入境 旅客 辦理 如有 症狀 應於 邊境 采 檢 後 進行 集中 檢疫 檢驗 結果 陰性 者 接續 完成 居家 檢疫 無 症狀 者 入境 後 應 居家 檢疫 14 天</t>
  </si>
  <si>
    <t>臺灣 一 夜 新增 3 起 死亡 個案 其中 案 108 為 奧地利 捷克 旅遊 團 的 40 多 歲 男性 領隊 19 日 確診 29 日 晚間 死亡 僅 11 天 該 旅遊團 群 聚 共 4 人 確診 就 有 3 人 屬於 重症 中央 流行 指揮中心 發言人 莊人祥 今天 揭露 國內 確診 個案 的 重症 比率 以 截至 298 例 的 統計 來看 累計 有 15 人 是 接上 呼吸器 治療 的 重症 個案 比率 約 為 5 指揮中心 下午 揭露 案 108 病情 急轉直下 背後 原因 是 因為 案 108 本身 的 體重 較 重 心 肺 功能 差 25 日 病情 即 開始 惡化 出現 呼吸 窘迫 29 日 即 因 嚴重 肺炎 不治 中央流行疫情指揮中心 發言人 莊人祥 表示 奧地利 捷克 旅遊團 另 3 名 確診 者 除了 案 104 的 40 多 歲 女性 為 輕 症 之外 案 61 的 南部 50 多 歲 女性 亦 有 高血壓 肥胖 問題 案 72 的 南部 70 多 歲 女性 有 糖尿病 高血壓 肥胖 問題 目前 兩 人 都以 呼吸器 治療 莊 人 祥 進一步 揭露 國內 確診 個案 的 重症 比率 以 截至 298 例 的 統計 來看 累計 有 15 人 是 接上 呼吸器 治療 的 重症 個案 比率 約 為 5 目前 還 靠 呼吸器 者 則 有 9 人 如果 依 世界衛生組織 who 的 嚴重 個案 定義 來看 298 例 中 有 19 例 符合 嚴重 肺炎 呼吸 窘迫 比率 為 64 整體 都 在 5 到 6 左右 莊 人 祥 說 感染 新冠肺炎 後 引發 重症 者 多半 為 年長者 或有 肥胖 慢性 疾病 抵抗力 低下 等 問題 這類 族群 需要 特別 留心 而 感染 發病 後 的 7 天 更是 觀察 病情 走向 的 重要 觀察期</t>
  </si>
  <si>
    <t>因應 開學 將 至 桃園 市 教育 局 已 擬定 開學 前 整備 的 檢核 表 市長 鄭文燦 16 日 也 宣佈 將 采 高標準 1 人 確診 就 全校 停課 14 天 家庭成員 也 要 在 聯絡簿 記錄 每日 體溫 狀況 以便 掌握 健康狀況 鄭文燦 說 因應 9 月 1 日 開學 教育局 已經 制定 開學 前 整備 的 檢核 表 包括 成立 防疫 小組 要 做 衛教 宣 導 購 足 防疫 物資 進出 管制 制定 餐飲 和 消毒 的 規範 還有 確診 的 應變 等 鄭文燦 說 開學 後 桃園 將 採取 比較 高 的 標準 假 設有 1 人 確診 就 全校 停課 14 天 教育局 指出 目前 中央 規定 1 校 有 2 位 以上 師生 被 中央流行疫情指揮中心 列為 確定 病例 該校 停課 14 天 桃園 更 嚴苛 希望 阻絕 病毒 在校 園內 傳播 鄭文燦 也 特別 提到 開學 後 家庭 聯絡簿 會 增加 家庭 健康 監測 資料 鼓勵 孩子 們 把 家庭成員 的 體溫 情況 記錄下來 便於 掌握 健康狀況 鄭文燦 說 市府 要 在 開學 前 完成 校園環境 消毒 全市 306 所 學校 分 兩 批 完成 消毒 18 至 23 日 針對 196 所 國小 24 日 到 30 日 針對 110 所 國高中 306 所 學校 務必 要 在 9 月 1 日前 完成 環境 整備</t>
  </si>
  <si>
    <t>國內 新冠 疫情 不斷 升溫 許多 企業 期盼 能 自行 購買 快 篩 試劑 保護 職員 安全 不過 礙於 法規 限制 上 不 可行 疫情 指揮中心 表示 昨 26 日 已 邀集 相關 部會 討論 會後 決議 由 經濟部 提出 計 畫到 指揮中心 審查 再 決定 是否 擬定 指引 中央流行疫情指揮中心 醫療 應變 組 副 組長 羅一鈞 表示 昨 26 日 下午 指揮中心 邀集 經濟部 勞動部 科技 部 等 以及 北 中 南 三 個 科學園區 管理局 開會 針對 篩檢 技術 面 考量 如 偽 陽性 偽 陰性 問題 討論 陽性 如何 處理 等 勞動 權益 方面 針對 是否 受 雇 者 一定 要 篩檢 企業 如何 和 醫 界 媒 合 篩檢 等 進行 交換意見 會後 決議 由 經濟部 提出 計 畫到 指揮中心 審查 之後 再 核定 是否 擬定 進一步 的 計畫 和 實施 指揮官 陳時中 指出 近日 在 專業 意見 法規 方面 討論 上 基本 都 有 共識 但 礙於 快 篩 仍 有 觀念 上 的 問題 例如 偽 陰 偽陽 的 問題 過去 快 篩 做 得 少 快 篩 和pcr 平行 檢測 經驗 也 不 多 希望 有 些 本土 資料 可 供 大家 參考</t>
  </si>
  <si>
    <t>世界 各國 頻 傳 突破性 感染 的 案例 臺灣 共 9 人 打完 2 劑 az 後 14 天 仍 確診 對此 胸腔 科 醫師 蘇一峰 疾呼 只 打 一 劑 疫苗 真的 不夠 大家 快 去 打 兩劑 如今 還 沒 打 疫苗 的 人 要 很 小心 過日子 讓 不少 網友 看 了 超 崩潰 不是 不 想 打 重點 是 打 不到 連 第一 劑 都 沒 得 打 還 去 想 第二 劑 蘇一峰 昨 在 臉書上 分享 臺灣 9 人 突破性 感染 打完 2 劑 az 疫苗 14 天 後 還 是 確診 可見 面對 強悍 的 變種 病毒 只 打 一 劑 真的 不夠 全民 趕快 去 打 兩劑 疫苗 現在 還 沒 打 疫苗 的 人 要 很小 心 的 過日子 美國 以色列 與 日本 都 決定 要 打 第 三 劑 加強 劑 防 變種 病毒 蘇一峰 表示 以色列 大力 肯定 施打第 三 劑 bnt 的 療效 當地政府 也 分享 已 打 第 三 劑 的 百萬 人 的 研究 發現 保護 力 增為 25 倍 而且 打完 一 周 即可 到達 免疫 高峰 因此 以色列 決定 繼續 接種 第 三 劑 疫苗 的 政策 藉此 對抗 強勢 的 變種 病毒 蘇一峰 也 說 美國政府 為 了 對抗 變種 病毒 也 宣佈 過去 打過 2 劑 bnt 和 莫德納 疫苗 的 民眾 可以 在 第二 劑 打完 滿 8 個 月 的 時候 打 第 三 劑 加強 劑 預計 將 在 九月 開始 實施 至於 前面 兩劑 打 其他 廠 牌 疫苗 的 人 則 暫時 沒有 機會 打 第 三 劑 不少 網友 看 了 崩潰 直 呼 很多 人 到 現在 連 第一 劑 都 沒有 打到 更 不要 說 第二 劑 了 其實 大家 現在 已經 不是 排斥 打 疫苗 而是 真的 沒有 疫苗 可 打 真 的 不是 不 打 是 打 不到 等到 天荒地老 別說 了 我 連 第一 劑 都 打 不到 等 不 到 莫德納 直接 改選 了 az 然後 還要 等 前面 就 選 az 的 人 先 打 才 有 機會 輪到 我 天 啊 這 是 懲罰 人 嗎 中央流行疫情指揮中心 昨 宣佈 第 六 輪 高端疫苗 符合 預約 資格 者 調整 為 20 歲 以上 的 人 都 可以 預約 施打 但 仍 有 不少 網友 還 是 希望 可以 打 國際 認證 的 疫苗 如果除了 高端 以外 沒有 其他 選擇 我 寧可 一針 不 打 35 歲 以下 若 不 預約 高端 我 之後 會 有 其他 疫苗 嗎</t>
  </si>
  <si>
    <t>國內 疫情 趨 緩 降為 二級 警戒 恢復正常 運作 加速 上班族 施打 疫苗 的 意願 但有 不少 人 在 接種 完 新冠 疫苗 後 都 出現 副作用 就 有 名 女性 上班族 在 網路上 表示 自己 打完 az 後頭 爆 痛 覺得 眼睛 掉 出來 不過 老闆 的 一 句 話 讓 她 相當 猶豫 到底 該不該 請假 貼 文 曝光 引發 上班族 討論 更 意外 釣 出 網友 分享 公司 的 超贊 福利 這 位 女性 上班族 說 自己 打完 疫苗 後 身體 非常 不 舒服 不過 老闆 卻 跟 她 說 他 的 女兒 及 兒子 打完 後 都 沒有 感覺 這 也 讓 原 po 非常 猶豫 詢問 大家 打 az 隔 天都 有 請假 嗎 文章 po 出 後 網友 熱烈 回應 聽說 身體 越 健康 反應 越 大 為了 不讓 你 請假 老闆 什麼 謊言 都 說 的 出來 最好 隔 天 請假 我 打 莫德納 我 想 上班 可是 老闆娘 要 我們 多 放 兩 天 只有 手 痛 手 舉 不 起來 頭痛 而已 請假 這種 事 自己 決定 不 就行了 隔 天 起來 馬上 請 很 像 昨晚 喝 了 很多 很多 酒 又 掉 到 水溝 裡面 有 請假 第二 天 有 疲倦 感 網友 回應 五花八門 但 最讓人 羡慕 的 是 竟然 有 網友 分享 自己 公司 不止 給 2 天 的 疫苗 假 薪水 也 照算 讓 大家 認證 根本 幸福 企業 由此 看出 每家 公司 對於 施打 疫苗 都 有 不同 的 做法 1111 人力 銀行 發言人 黃若薇 表示 隨 著 警戒 降 至 二級 民眾 對 疫苗 的 需求 急速 升高 特別 是 需要 正常 工作 的 上班族 中央流行疫情指揮中心 也 公佈 過 施打 疫苗 可以 請 疫苗 接種 假 依法 雇主 不能 拒絕 給 假 但 可以 不 支 薪 員工 在 請假 後 雇主 也 不 得 做出 處罰</t>
  </si>
  <si>
    <t>國內 新冠肺炎 本土 疫情 蔓延 新北 市 蘆洲 警 分局 今 18 日 上午 配合 蘆洲 五 股 八 裡 區公所 執行 聯合 取締 未戴 口罩 大 行動 69 歲 呂姓 婦人 在 湧蓮 寺 市場 買 菜 時 將 口罩 拿在手上 遭 警方 取締 通報 衛生局 依法 開 罰 3000 至 1萬5000 元 罰 鍰 蘆洲 警 分局 指出 上午 8 時 30 分至 上午 11 時 30 出動 20 名 警員 針對 蘆洲 湧 蓮 寺 市場 中山市 場 五 股 區 的 五 股 市場 及 成州 市 場 八 裡 區 的 渡船頭 老 街 等 地 進行 戴 口罩 宣 導 共 勸導 18 件 並 有 1 件 未戴 口罩 69 歲 呂姓 婦人 在 湧蓮 寺 市場 買 菜 時 將 口罩 拿在手上 由 警方 通報 衛生局 開 罰 未來 將 持續 加強 勸導 民眾 落實 戴 口罩 之 情 事 警方 指出 雖 大部分 民眾 防疫 觀念 良好 偶 有 發現 因 天氣炎熱 或 疏忽 導致 忘記 佩戴 口罩 民眾 更 甚者 有 無理取鬧 暴力 相向 之 少數 民眾 引發 全 民憤 慨 若 接 獲 報案 發現 相關情事 除 打擊 不法 遏制 暴力行為 外 亦 會 針對 未戴 口罩 行為 通報 衛生局 依 違反 傳染病 防治法 開 罰 3000 元 至 1萬5000 元 罰 鍰 蘆洲 警 分局 呼籲 提醒 民眾 防疫期間 落實 勤洗手 戴 口罩 等 良好 個人 衛生習慣 於 外出 活動 時 應 維持 室內 15 公尺 室外 1 公尺 以上 的 社交距離 疫情 嚴峻 當下 配合 中央流行疫情指揮中心 宣導 之 各項措施 居家 檢疫 期間 如有 發燒 咳嗽 等 不適 症狀 可 主動 與 當地 裡長 或 地方 衛生 單位 連系 並 依 指示 戴 口罩 盡 速 就醫 就醫 時 請 務必 告知 旅遊 史 職業 別 接觸 史及 是否 群 聚 tocc 以 及時 診斷 通報 相關 資訊 可撥打 免 付費 防疫 專線 1922 或 0800 001922 或 可 至 疾 管署 網站 查詢</t>
  </si>
  <si>
    <t>中央流行疫情指揮中心 定調 7 月 27 日 起降 二級 警戒 暫 實施 二 周 進一步 放寬 各類 指引 不過 中原大學 副教授 毒理 專家 招名威 卻 指出 降級 不解 封 其實 很 危險 坦言 是 種 賭 一 把 的 心態 對此 指揮中心 指揮官 陳時中 今 2</t>
  </si>
  <si>
    <t>中央流行疫情指揮中心 定調 7 月 27 日 起降 二級 警戒 暫 實施 二 周 進一步 放寬 各類 指引 不過 中原大學 副教授 毒理 專家 招名威 卻 指出 降級 不解 封 其實 很 危險 坦言 是 種 賭 一 把 的 心態 對此 指揮中心 指揮官 陳時中 今 24 日 回應 什麼 叫 賭 一 把 表示 民眾 在 長期 高壓 管制 下 需要 適度 放鬆 但 一定 會 滾 動式 檢討 招 名 威 日前 在 臉書 表示 在 國內 疫苗 覆蓋率 尚 低 的 情況 降級 到 二級 與 微 解封 有 異曲同工 之 妙 雖然 考量 很多 人 有 生計 上 的 問題 相關 限制 必須 要 適度 開放 但 稍微 解封 可能 確診 數 又 上漲 不可 掉以輕心 的 太 快 建議 中央 要 有 一個 防火牆 備案 策略 萬一 疫情 再度 擴散 馬上 重新 收緊 規定 才能 做到 全面 調整 招 名 威 坦言 就算 解封 也 不 會 到 餐廳 超 商 內 用 更 不 會 去逛 夜市 在 室內空間 用餐 還要 去 計算 每個 人 用餐 社交 面積 根本 是 不可能 的 事 在 人來人往 的超 商 內 用 對於 沒 戴 口罩 用餐 的 人 感染 的 風險 很 大 危險性 太 高 了 招名威 說 這 其實 就 是 一 種 賭 一 把 的 心態 能否 有能力 管理 確診 人數 這 都 不是 說 的 准 的 事情 對此 陳時中 反問 什麼 叫做 賭 一 把 表示 疫情 就 是 控制 在 這個 範圍 長期 用 嚴格 高壓 的 手段 控制 疫情 事實上 沒 辦法 讓 民眾 配合 度提高 一定 要 有 適度 的 放鬆 陳時中 坦言 目前 每日 疫情 確實 也 稍 有 起伏 並 不能 保證 社區 完全 沒有 傳播 鏈 存在 雖然 達到 可以 降級 但 還是 要用 高 強度 管理 方式 隨時 滾 動 檢討 若 觀察 世界 各國 疫情 每 一 國 都 用盡 各種 方式 在 兩邊 取得 平衡 沒有 一個 命令 就讓 疫情 停 下來 面對 疫情 變化 一定 是 滾 動式 檢討</t>
  </si>
  <si>
    <t>中央流行疫情指揮中心 今 22 日 公佈 新增 國內 323 例 covid-19 確定 病例 分別 為 321 例 本土 及 2 例 境外移入 另 有 400 例 本土 個案 校正 回歸 到 上周 各 日 新北 市長 侯友宜 今 22 日 下午 主持 防疫 應變 會議 記者會 侯 表示 為 防堵 疫</t>
  </si>
  <si>
    <t>中央流行疫情指揮中心 今 22 日 公佈 新增 國內 323 例 covid-19 確定 病例 分別 為 321 例 本土 及 2 例 境外移入 另 有 400 例 本土 個案 校正 回歸 到 上周 各 日 新北 市長 侯友宜 今 22 日 下午 主持 防疫 應變 會議 記者會 侯 表示 為 防堵 疫情 加 增加 機動 篩檢 站 侯友宜 表示 要 採行 六大 措施 嚴格 強化 三級 警戒 社區 熱區 防疫 中心 另外 要 設置 機動 篩檢 站 市場 買 場 嚴格 管 控 人流 管控 走動 式 宣導 高 頻率 巡邏 熱區 全面 大 清 消 非必要 的 營業 場所 暫時 停業 侯友宜 表示 板橋 中和 為 高風險 區域 落實 強化 三級 管制 三 重 1 站 2 機動 篩檢 站 另外 再 徵用 3 旅館 愛心 大平臺 1000萬 醫護人員 感染 慰問金 每人 10萬 至 50萬 醫護 休息 站 可 提供 64 戶 84 房</t>
  </si>
  <si>
    <t>中央流行疫情指揮中心 今天 宣佈 單日 確診 暴 增 315 例 本土 是 312 例 彰 化 縣 增加 5 例 下午 3 點 彰 化 縣政府 將 召開 線 上 記者會 可以 收看 彰 化 縣長 王 惠美 臉書 詳細 說明 彰 化 縣 新增 情況 陳時中 表示 整體 疫情 仍 在 高峰 中 呼籲</t>
  </si>
  <si>
    <t>中央流行疫情指揮中心 今天 宣佈 單日 確診 暴 增 315 例 本土 是 312 例 彰 化 縣 增加 5 例 下午 3 點 彰 化 縣政府 將 召開 線 上 記者會 可以 收看 彰 化 縣長 王 惠美 臉書 詳細 說明 彰 化 縣 新增 情況 陳時中 表示 整體 疫情 仍 在 高峰 中 呼籲 仍 需 小心 並 呼籲 腳步 一致 接下來 週末 日 儘量 不 要 外出 彰 化 縣 新增 5 例 彰 化 縣 衛生局 今天 中 已經 公佈 最新 足跡 7 個 點 主要 在 員林 熱門 商圈 還有 北斗 商店 包括 了 全國 電子 北斗 中山 店 員林 nike 和 愛迪達 店家 等 員林 就 新增 4 個 足跡 彰 化 縣 衛生局 也 呼籲 看 足跡 也 看 時間 不要 標籤 化 期間 停留 有 身體 不適 注意 身體狀況 做好 自我 健康 管理 強調 公佈 足跡 不是 獵 巫 標籤 化 提供 怎麼 看 足跡 四大 招 1 確認 地點 日期 和 時間 2 計算 自主 健康 管理 時間 自 足跡 接觸 日 起 加 14 天 314 天內 有 狀況 立即 就醫 4 就醫 時 主動 告知 醫師 活動 接觸 史 配合 采 檢 等待 結果</t>
  </si>
  <si>
    <t>防疫 不能 鬆懈 台中 市 7 月 30 日 甫 在 防疫 記者會 公佈 本土 境外 快 篩 陽性 三零 但 中央流行疫情指揮中心 指揮官 陳時中 1 日 宣佈 台中 市 今日 有 1 人 確診 終結 台中 連日來 的 嘉玲 防線 中央 流行 疫 指揮中心 將 疫情 警戒 降</t>
  </si>
  <si>
    <t>防疫 不能 鬆懈 台中 市 7 月 30 日 甫 在 防疫 記者會 公佈 本土 境外 快 篩 陽性 三零 但 中央流行疫情指揮中心 指揮官 陳時中 1 日 宣佈 台中 市 今日 有 1 人 確診 終結 台中 連日來 的 嘉玲 防線 中央 流行 疫 指揮中心 將 疫情 警戒 降為 2 級 市長 盧秀燕 表示 觀察 這 兩 周 台中 的 疫情 相對 和緩 疫情 控制 下來 更 要 回歸 全 力拼 經濟 拼 建設 拼 市政 另外 台中 市 議會 將 在 下 周 開議 市政 團隊 依法 必須 到 議會 備詢 台中 流行 疫情 指揮中心 記者會 從 7 月 31 日 起 改 成 不定期 舉行 但因 台中 市 今日 新增 1 例 確診 市府 下午 3 時 再度 舉行 防疫 記者會 說明 新增 1 例 確診 者 的 足跡 提醒 民眾 注意</t>
  </si>
  <si>
    <t>日本 韓國新冠肺炎 疫情 嚴峻 中央流行疫情指揮中心 宣佈 將 兩 國 的 旅遊 警示 提升 至 第二 級 警示 alert 許多 民眾 紛 分 取消 原訂 旅遊 行程 不過 卻 有人 還 是 堅持 要 出遊 甚至 放 話 反正 回不來 的話 臺灣政府 也 會 包機</t>
  </si>
  <si>
    <t>日本 韓國新冠肺炎 疫情 嚴峻 中央流行疫情指揮中心 宣佈 將 兩 國 的 旅遊 警示 提升 至 第二 級 警示 alert 許多 民眾 紛 分 取消 原訂 旅遊 行程 不過 卻 有人 還 是 堅持 要 出遊 甚至 放 話 反正 回不來 的話 臺灣政府 也 會 包機 讓 許多 人 聽 了 相當 不以為然 疫情 指揮中心 將 日本 與 韓國 旅遊 警示 提升 至 第二 級 警示 alert 旅客 需 對 當地 採取 加強 防護 指揮官 陳時中 表示 不 排除 做 相關 邊境 管制 不過 一 名 網友 卻 在 臉書 社團 爆 怨 公社 抱怨 有 同事 堅持 2 月底 要 去 日本 旅行 原 po 對 同事 說 日本 現在 疫情 相當嚴重 建議 他 先 取消 行程 等 疫情 控制 住 了 再 去 沒 想到 同事 回 不 會 這麼 衰 啦 反正 回不來 的話 臺灣政府 也 會 包機 接回來 原 po 忍不住 抱怨 公司 都 已經 公告 自 日 韓 返台 的 員工 要 自主 管理 14 天 不用 進 公司 上班 你 去 玩 一 星期 回來 又 放 十四 天 你 的 工作 要 分給 其它 同事 去 做 這樣 不 覺得 很 自私 嗎 原 po 怒 道 真的 覺得 國家 防疫 最 大 的 破 口 就 是 這些 人 的 心態 有 問題 網友 看 後 也 紛紛表示 真 的 希望 他 中標 憑 什麼 用 全 人民 的 錢去 救 他 這種 臺灣 鯛 就 可以 出國 醫護人員 就要 被 禁止 出國 等 著 照顧 這種 想要 包機 回國 的 廢物 這種 同事 真的 是 人渣 臺灣 就 是 會 被 某些 人 給 毀滅 不過 也 有 網友 有 不同 意見 為什麼 大家 都 要 道德 綁架 要 他們 不 要 去 政府 覺得 安全 讓 日 韓 繼續 飛 我 不 覺得 去 的 人 有 多 壞 一直 嘴 的 是 會 幫忙 賠錢 嗎 日本 12億 人口 境內 147 確診 臺灣 2300萬28 人 確診 日本 土地 又 是 臺灣 10 倍 臺灣 好像 沒 比較 安全 更 多 ctwant 報導</t>
  </si>
  <si>
    <t>苗栗縣 12 日 新增 確診 病例 9 例 7 例 為 外籍 移 工 本 國籍 2 例 其中 京元 電子 有 6 例 智邦 科技 2 例 京鼎 1 例 其中 1 例 無 症狀 目前 確診 個案 都 已 收治 隔離 中 相關 足跡 則 公告 于苗栗 縣政府 網站 苗栗 縣長 徐耀昌 表示 新增 的 9 例 中 男性 有 5 例 女性 4 例 2 位 本 國籍 病例 分別 是 23 歲 女性 家住 竹南鎮 以及 33 歲 男性 家住 後龍鎮 累計 苗栗縣 至 目前 確診 病例 共計 444 例 其中 外籍 移 工 有 362 例 占 82 至於 京元電 昨天 有 30 位 快 篩 轉 陽者 經 pcr 采 檢 都 陽性 確診 詳細 確診 案例 由 中央流行疫情指揮中心 公佈 此外 前 源 科技 公司 全廠 快 篩 60 人 微 矽 電子 公司 全廠 快 篩 579 人 頂 埔裡 社區 快 篩 245 人 全數 陰性 針對 此 波 日本 捐贈 az 疫苗 開 打 衍生 的 亂象 徐耀昌 說 苗栗縣 此次 依 中央 規 畫 對 75 歲 以上 長者 施 打的 疫苗 劑 數 只有 獲配 9000 劑 但 全縣 75 歲 以上 長者 就 有 4萬3000 人 縣府 決定 采 越 高齡 年長者 優先 施打 不過 85 歲 以上 長者 也 有 超過 1萬2000 多 人 中央 分配 疫苗 有限 只能 慢慢 依續 接種 其中 85 歲 以上 長者 及 原住民 75 歲 以上 長者 部分 由 衛生所 負責 施打 首 打 時間 訂 於 6 月 15 日 並 將 透過 村裡 長 造冊 通知 施打 時間 及 地點 此外 縣府 也 特別 將 長 照 身心 障礙 精神 複健 老福 等 機構 的 住 民 及 照 護 者 洗 腎 優先 提 列 同步 於 第 1 階段 來 施打 由 各 機構 合作 的 醫療 院所 進入 機構 來 施打 後續 視 疫苗 劑量 陸續 開放 接種 對象 而 對於 縣府 原本 公佈 12 日 要以 網路 表 單 報名 預約 施打 今天 又 緊 時 改變 不僅 造成 網友 上午 塞 爆 網路 縣府 則 是 昨天 深夜 臨時 喊 卡 暫緩 報名 讓 來不及 獲取 訊 息 的 民眾 氣 的 跳腳 並 在 網路 大罵 縣府 朝令夕改 的 政策 對此 苗栗縣 衛生局長 張 蕊仙 則 表示 縣府 是 想 以 最 快 方式 快速 的 時間 打完 才會 想 採用 網路 方式 報名 加上 接種 率 提高 中央 下次 撥 補 疫苗 數 也 會 提高 因 此 才有 之前 的 網路 報名 規 畫 而 中央 昨晚 通知 統一 6 月 15 日 開 打 縣府 也 緊急 修正 施打 方式 改以 造冊 裡 鄰長 通知 方式施 打 長者 施打 免 預約</t>
  </si>
  <si>
    <t>中央流行疫情指揮中心 19 日 宣佈 衛福部 核准 高端 covid-19 疫苗 專案 製造 最 快 8 月 可 以 少量 供應 對此 新北 市 副 市長 劉和然 說 疫苗 研發 有 一定 程式 尤其 是 臨床 試驗 這 部分 專業 評估 與 建議 我們 都 很 尊重 高端 通過 eua 緊急</t>
  </si>
  <si>
    <t>中央流行疫情指揮中心 19 日 宣佈 衛福部 核准 高端 covid-19 疫苗 專案 製造 最 快 8 月 可 以 少量 供應 對此 新北 市 副 市長 劉和然 說 疫苗 研發 有 一定 程式 尤其 是 臨床 試驗 這 部分 專業 評估 與 建議 我們 都 很 尊重 高端 通過 eua 緊急 授權 可以 專案 製造 這 是 國家 專業 審查 後 給 的 資格 劉和然 表示 國家 發展 疫苗 無 人 反對 但 前 陣子 風風雨雨 高端 已 拿到 緊急 授權 可以 專案 製造 未來 要用 更 大 努力 證明 特別 要 提醒 一定 要 符合國際 標準 通過 國際 認證 因 未來 疫苗注射 證明 可能 是 各國 必要 通行證 且 疫苗 施打 有 自願性 國人 有無 信心 才是 最 重要 的</t>
  </si>
  <si>
    <t>中央流行疫情指揮中心 2 周前 放寬 宴席 規定 不須 再 採取 隔板 梅花座 但 民間 仍 有 不少 人 誤解 指揮官 陳時中 今日 再度 說明 室內 場地 夠 大 就 沒有 80 人 的 限制 但要 注意 每 225 平方公尺 1 人 的 限制 室外 辦 桌 則 沒有 規定 陳時</t>
  </si>
  <si>
    <t>中央流行疫情指揮中心 2 周前 放寬 宴席 規定 不須 再 採取 隔板 梅花座 但 民間 仍 有 不少 人 誤解 指揮官 陳時中 今日 再度 說明 室內 場地 夠 大 就 沒有 80 人 的 限制 但要 注意 每 225 平方公尺 1 人 的 限制 室外 辦 桌 則 沒有 規定 陳時中 指出 室內 大型 宴 客 要 注意 225 平方米 1 人 的 容留 限制 至於 梅花座 隔板 限制 已經 取消 只要 留意 儘量 不要 太 壅 擠 流水席 以 中南部 較 多 許多 民眾 租借 場地 時 還 以為 有 梅花座 隔板 的 要求 陳 強調 室內 外辦 桌 流水席 與 餐飲 規定 一致 只 要 注意 總 人流 限制 隨 著 年底 尾 牙 季 即將 到來 大型 企業 員工 動輒 數 千 人 外界 好奇 會 不 會 有 特殊 限制 陳時中 回應 目前 沒有 特別 要 求 但有 多少 人 就 要 確保 有 夠 大 的 空間</t>
  </si>
  <si>
    <t>本土 疫情 趨 緩 自 11 月 16 日 起 放寬 部分 防疫 措施 其中 包括 室內外 運動 時 民眾 可不 戴 口罩 沒 想到 才過 一 天 就 有 健身房 宣佈 暫停營業 對此 中央流行疫情指揮中心 醫療 應變 組 副 組長 羅一均 表示 印度 返國 的 境外移入 案 8</t>
  </si>
  <si>
    <t>本土 疫情 趨 緩 自 11 月 16 日 起 放寬 部分 防疫 措施 其中 包括 室內外 運動 時 民眾 可不 戴 口罩 沒 想到 才過 一 天 就 有 健身房 宣佈 暫停營業 對此 中央流行疫情指揮中心 醫療 應變 組 副 組長 羅一均 表示 印度 返國 的 境外移入 案 8 月 20 日 就 返台 但 直到 11 月 16 日 為 了 出國 自費 采 檢 才 被 驗 出來 個案 又 到 社區 裡面 所以 肯定 有 社區 的 足跡 不過 個案 ct 值 高 應是 舊案 知名 健身房 world gym 在 官網 公告 因 新冠 病毒 疫情 影響 臺北 南京 店 配合 臺北市政府 防疫 規定 今天下午 2 點 起至 明天 18 日 暫停營業 會員 可 至 北 區 他 館 使用 今天 新增 5 例 境外移入 個案 其中 一 人 為 40 多 歲 台女 案 16614 個案 於 8 月 20 日 自 印度 返台 沒有 任何 症狀 且 入境 後 4 次 采 檢 都 未 檢 出 直到 有 出國 需求 在 11 月 16 日 自費 采 檢 確診 已經 匡列 相關 接觸 者2 人 但 個案 的 ct 值 為 35二 采 陰性 因此 推 估 是 舊案 今日 外傳 有 健身房 關閉 媒體 詢問 是否 與 此案 有 關?羅 一 鈞 對 此 表示 因 個案 確實 是 在 社區 確診 應會 有 足跡 若 有 場所 緊急 清 消 應 與 此案 有關</t>
  </si>
  <si>
    <t>新冠肺炎 covid-19 疫情 席捲 全球 我國 至今 27 日 確診 累積 267 例 帶頭 防疫 的 中央流行疫情指揮中心 指揮官 陳時中 這 段 期間 不斷加強 邊境 防疫 與 篩檢 確保 不讓 疫情 擴散 守護 國人 健康 讓 他 在 最近 的 民 調 中 獲得 高 達 9 成</t>
  </si>
  <si>
    <t>新冠肺炎 covid-19 疫情 席捲 全球 我國 至今 27 日 確診 累積 267 例 帶頭 防疫 的 中央流行疫情指揮中心 指揮官 陳時中 這 段 期間 不斷加強 邊境 防疫 與 篩檢 確保 不讓 疫情 擴散 守護 國人 健康 讓 他 在 最近 的 民 調 中 獲得 高 達 9 成 的 支持 度 對此 他 僅 笑 著 用 台語 回 應說 這 段 時間 都 是 這樣 啦 根據 tvbs 最 新民 調 顯示 民眾 對於 陳時中 防疫 表現 滿意度 高達 91 僅 3 不 滿意 6 民眾 未 表示 意見 較 上月 調查 上升 9 個 百分點 不 滿意度 則 下降 3 個 百分點 陳時中 身 兼 衛福 部長 與 疫情 指揮中心 指揮官 2 大 要職 在 本次 臺灣 對抗 新冠肺炎 疫情 期間 聲 量 大 漲 民眾 紛紛 讚賞 指揮官 認真 防疫 的 態度 今 27 陳時中 赴 桃園 時 被 記者 問及 他 對 自己 的 最 新民 調 滿意度 高達 9 成有何 看法 陳時中 只 笑笑 地 用 台語 回 說 這 段 時間 都 是 這樣 啦</t>
  </si>
  <si>
    <t>臺灣 昨 再度 0 確診 本土 病例 連續 第 28 天 沒有 疫情 中央流行疫情指揮中心 表示 代表 臺灣 社區 已經 安全 不過 指揮官 陳時中 指出 國外 疫情 仍然 嚴峻 但 若 國內 疫情 持續 穩定 他 會 建議 520 總統 就職 大典 放寬 參加 人數 臺灣 維持 44</t>
  </si>
  <si>
    <t>臺灣 昨 再度 0 確診 本土 病例 連續 第 28 天 沒有 疫情 中央流行疫情指揮中心 表示 代表 臺灣 社區 已經 安全 不過 指揮官 陳時中 指出 國外 疫情 仍然 嚴峻 但 若 國內 疫情 持續 穩定 他 會 建議 520 總統 就職 大典 放寬 參加 人數 臺灣 維持 440 例 新冠肺炎 確診 包括 349 例 境外移入 55 例 本土 病例 36 例 敦睦 艦隊 艦隊 成員 目前 還 未 全體 出 院 指揮中心 專家 小組 召集人 張上淳 說 雖然 官兵 都 很 年輕 但因 仍 需 三 采 陰 才能 解除 隔離 還 需要 一點 時間 陳時中 表示 新冠肺炎 在 全球 的 康復 率 僅 34 臺灣 維持 440 例 康復 率 高達 83 都 要 感謝 醫 界 努力 但 有鑒於 國際 還是 有 大規模 流行 邊境 管理 要 持續 加強 臺灣 應該 發起 樂 活 防疫 高高興興 來 抗 疫 臺灣 連續 28 天 沒有 新冠肺炎 本土 確診 案例 是否 比照 過去 登革熱 及 sras 經過 2 周 潛伏期 無 確診 就 宣佈 解除 本土 疫情 警示 陳時中 說 因為 登革熱 不是 全世界 發生 目前 疫情 境外 情況 仍然 嚴峻 因此 仍要 嚴守 相關 規範 暫不 會 解除 本土 疫情 警示 但 會 持續 放寬 相關 活動 人數 陳時中 強調 2 個 潛伏期 過後 代表 臺灣 是 一個 安全 的 社區 但 還 不 需要 全面 篩檢 高風險 社區 或是 場所 例如 醫護人員 他 強調 目前 高風險 的 醫療 人員 若 有 症狀 都會 篩檢 520 總統 就職 大典 即將 到來 陳時中 表示 如果 疫情 更 穩定 會 建議 總統 就職典禮 可以 放寬 參加 人數</t>
  </si>
  <si>
    <t>新冠肺炎 嚴重 影響 觀光 產業 旅客 紛紛 擔憂 入住 隔離 者 下榻 的 旅館 旅館業 者 自製 標籤 區 隔 防疫 旅館 對 此 中央流行疫情指揮中心 指揮官 陳時中 表示 並 沒有 必要 臺北市 旅館 商業 同業公會 宣佈 自製 分流 標 章 自救 以 綠 標 代表 不 接</t>
  </si>
  <si>
    <t>新冠肺炎 嚴重 影響 觀光 產業 旅客 紛紛 擔憂 入住 隔離 者 下榻 的 旅館 旅館業 者 自製 標籤 區 隔 防疫 旅館 對 此 中央流行疫情指揮中心 指揮官 陳時中 表示 並 沒有 必要 臺北市 旅館 商業 同業公會 宣佈 自製 分流 標 章 自救 以 綠 標 代表 不 接受 居家 檢疫 或 隔離 者 入住 紅 標 代表 是 防疫 旅館 貼 在 大門 及 櫃檯 處 讓 一般 旅客 可以 清楚 分辨 稍 早 臺北市 長 柯文哲 表示 將 一般 旅客 與 有 隔離 需求 的 旅客 分開 是 為了 讓 消費者 安心 入住 但 沒有 綠 標的 旅館 客流 將 受到 嚴重 影響 甚至 有 標籤 化 的 疑慮 對此 表示 陳時中 隔離 者 都 在 適當 的 安置 場所 並 沒有 公開 防疫 旅館 的 必要</t>
  </si>
  <si>
    <t>又 是 喝 咖啡 染疫 臺北市 旅行社 日前 公告 公司 內 某 主管 案 335 4 月 2 日 確診 新冠肺炎 中央流行疫情指揮中心 證實 他 曾 與 案 291 曾 一同 喝 了 1 小時 的 咖啡 疑 似 因 此 中 招 旅行社 指出 該員 雖 沒有 業務 也 無 與其 他 同事 互動 但 3</t>
  </si>
  <si>
    <t>又 是 喝 咖啡 染疫 臺北市 旅行社 日前 公告 公司 內 某 主管 案 335 4 月 2 日 確診 新冠肺炎 中央流行疫情指揮中心 證實 他 曾 與 案 291 曾 一同 喝 了 1 小時 的 咖啡 疑 似 因 此 中 招 旅行社 指出 該員 雖 沒有 業務 也 無 與其 他 同事 互動 但 3 月 30 日 曾 短暫 到 會議室 介紹 講課 老師 公司 得知 他 確診 後 已 進行 全面 消毒 更 宣佈 暫停營業 至 4 月 13 日 14 日 才 恢復 上班 根據 旅行社 公告 經 臺北市衛生局 通報 4 月 2 日 有 同仁 確診 新冠肺炎 經查 此 同仁 為 代理 部 主管 因 屬 新 成立 部門 該部 僅 該員 1 人 該部 完全 沒 業務 與其 餘 同事 更 無 互動 但 3 月 30 日 早上 10 時 30 分 他 有 在 會議室 介紹 講課 老師 約 8 分鐘 後 離開 當時 未有 發燒 症狀 且 全程 配戴 口罩 衛生局 也 已於 4 月 3 日 到 旅行社 場 勘 與 瞭解 初步 認定 被 感染 的 風險 很 低 公司 也 在 2 日 實施 辦公室 全區 消毒 該 旅行社 宣佈 暫停 開放 辦公室 及 實施 人員 健康 管理 至 4 月 13 日 4 月 14 日 恢復 上班 疫情 指揮中心 昨 亦 證實 案 335 為 50 多 歲 男性 因 多 日 腹瀉 不適 曾至 診所 及 醫院 就醫 3 月 20 日 與 案 291 喝 了 1 小時 的 咖啡 3 月 23 日 發病 曾 2 度 就診 未 緩解 因 得知 案 291 確診 於 31 日 再度 就醫 當天 即 收治 負 壓 隔離病房 采 檢 4 月 2 日 確診 相關 接觸 者 居家 隔離 中 外傳 案 335 多 次 進出 外交部 可能 與 工作 內容 有 關 疫情 指揮中心 發言人 莊人祥 說 經 瞭解 案 335 說 與 外交部 沒有 什麼 關係 交通部觀光局 主 秘 的 兒子 案 277 日前 從 國外 返台 駐 桃園 機場 主管 帶 著 下屬 案 269 前往 接待 等待 時間 也 喝 了 半 小時 的 咖啡 導致 下屬 被 傳染 新冠肺炎 還 牽連到 5 歲 的 兒子 這 回 案 335 是 此 波 疫情 當中 第二 例 因 喝 咖啡 中鏢</t>
  </si>
  <si>
    <t>新冠肺炎 疫情 趨 緩 中央流行疫情指揮中心 今 公佈 國內 新增 4 例 確定 病例 均 為 境外移入 個案 其中 3 人 為 突破性 感染 1 人 曾在 印尼 確診 後 複 陽 複 陽 個案 雙 十 連 假 曾有 過 北市 某 百貨公司 足跡 該 百貨公司 也 為 此 進行 清 消 不過</t>
  </si>
  <si>
    <t>新冠肺炎 疫情 趨 緩 中央流行疫情指揮中心 今 公佈 國內 新增 4 例 確定 病例 均 為 境外移入 個案 其中 3 人 為 突破性 感染 1 人 曾在 印尼 確診 後 複 陽 複 陽 個案 雙 十 連 假 曾有 過 北市 某 百貨公司 足跡 該 百貨公司 也 為 此 進行 清 消 不過 由於 ct 值 32 指揮中心 研 判 對 社區 的 影響 低 另 今日 國內 無 新 增 染疫 死亡 案例 今日 新增 4 例 境外移入 個案 為 3 男 1 女 介於 20 多 歲 至 50 多 歲 分別 自 菲律賓 案 16420 美國 2 例 案 16421 案 16422 及 印尼 案 16423 入境 入境 日 介於 今年 9 月 17 日 至 10 月 11 日 皆 持有 搭 機 前 3 日內 檢驗 陰性 報告 醫療 應變 組 副 組長 羅一鈞 表示 4 名 境外移入 個案 都 曾 接種 疫苗 其中 的 案 164201642116422 屬於 突破性 感染 分別 接種 嬌 生 bnt 和 嬌 生 都 是 接種 後 滿 14 天才 確診 第 4 位案 16423 曾 接種 過 2 劑 az 但是 中間 都 已經 在 印尼 確診 因此 不 屬於 突破性 感染 對於 今日 有 媒體 報導 北市 明 耀 百貨 宣佈 停業 1 天 進行 消毒 羅一鈞 表示 案 16423 因 工作 需求 自費 采 檢 確診 雙十連 假 去 過 北市 的 百貨公司 因此 需 消毒 不過 從 檢驗 結果 看來 因 個案 7 月 曾 確診 屬於 複 陽 ct 值 32 病毒 量 低 igm 陰性 igg 陽性 依照 sop 還 是 需要 清 消 目前 研 判 個案 對 社區 的 影響 低 但是 相關 的 匡列仍 會 進行 截至 目前 國內 累計 1萬6313 例 確診 分別 為 1676 例 境外移入 1萬4583 例 本土 病例 36 例 敦睦 艦隊 3 例 航空器 感染 1 例 不 明及 14 例 調查 中 另 累計 110 例 移除 為 空號 去年 至今 累計 846 死 其中 834 例 本土 居住 縣 市 分佈 為 新北 市 412 例 臺北市 319 例 基隆 市 29 例 桃園 市 27 例 彰 化 縣 15 例 新竹 縣 13 例 台中 市 5 例 苗栗縣 3 例 宜蘭 縣 及 花蓮縣 各 2 例 新竹 市 南 投 縣 雲 林縣 台 南市 高雄市 屏 東縣 及 台 東縣 各 1 例 另 12 例 為 境外移入 指揮中心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海軍 敦睦 艦隊 24 位 官兵 原本 拒絕 疫 調 高雄 市長 韓國瑜 下 最後通牒 才 終於 配合 如今 海軍 轉彎 願意 配調 的 關鍵 內容 也 跟 著 曝光 原來 是 高 市府 請來 海軍 軍官 坐鎮 直接 到 疫 調 中心 幫忙 打電話 引導 這 才讓 拒絕 疫 調 官兵 卸下 心 防 這 回 終於 接 獲 上方 指示 乖乖 服從 配合 疫 調 海軍 敦睦 艦隊 高雄 有 12 人 染疫 市府 後續 疫 調 追蹤 第一時間 有 92 人 拒絕 疫 調 事後 降低 為 24 人 這些 人 拒絕 疫 調 的 理由 竟是 未接 獲 上級指示 衛生局 強硬 表示 若 拒絕 疫 調 可 依 傳染病 防治法 罰 6萬 至 30萬 直到 今天下午 近 4 時 才 確定 這 24 人 願意 接受 疫 調 是 什麼 原因 讓 這 24 名 改變 心意 衛生局 透露 主要 是 透過 中央流行疫情指揮中心 協助 與 國防部 溝通 後 今天 海軍司令部 立即 派 了 兩 名 軍官 到 高 市府 1 人 留在 市府 疫 調 中心 協助 打電話 循循善誘 引導 除了 確認 電話 疫 調 真實性 外 也 告知 這 24 人 事關 重大 及 利害關係 必須 要 配合 疫 調 這 才讓 這些 人 卸下 心 防 願意 吐實 衛生局 指出 其實 電話 疫 調 有 制定 sop 講話 過程 必須 全程 錄音 存檔 備查 衛生局 在 疫 調 時 會 表明 cdc 已 提供 疫 調 資料 或 可 請 對 方回 撥電話 增加 可信度 另 對話會 引述 您好 我 是 oo 區 衛生所 ooo 護理 師 請問 你是 ooo 嗎 身分 證 字型大小 xxxxxxxxxx 嗎 疫 調 人員 致電 時也 必須 提到 因 敦睦 艦隊 事件 要 向 您 進行 疫情 調查 過程 中 您 的 陳述 依 行政 程式法 可 進行 錄音 如有 不實 拒絕 或 規避 高市 衛生局 依 傳染病 防治法 第 36 條 或 第 43 條 開 罰 結束 後 才會 開始 進行 疫 調</t>
  </si>
  <si>
    <t>臺灣 近日 疫苗 施打 速度 超 快 指揮中心 27 日 重新 開放 民眾 登記 疫苗 接種 意願 並 新增 國產 高端疫苗 的 選項 截至 28 日 下午 五 點 共有 866萬 多 人 完成 意願 登記 其中 仍 有 811萬 人 偏好 打 進口 疫苗 但 如今 我國 僅剩 az 約 1447萬 劑 莫德納 718萬 劑 引人 擔憂 是否 會 打 不 到 第二 劑 根據 中央流行疫情指揮中心 公佈 的 資料 截至 28 日 下午 5 點 總共 有 866萬 多 人 完成 疫苗 意願 登記 其中 有 1509萬 人 是 27 日 再度 開放 民眾 登記 意願 後所 新增 的 第 四 輪 預約 接種 疫苗 的 部分 符合 預約 資格 者 約 有 138萬 人 目前 有 101萬 人 預約 打 疫苗 占 符合 預約 資格 人數 7352 民眾 登記 疫苗 意願 的 狀況 只 想 打 az 的 人 占 502 約 435萬 人 只 選 莫德納 的 人 占 3993 約 346萬 人 只 選 高端 的 人 有 106 約 92萬 人 az 與 莫德納 皆 可的 人 則 占 4868 約 422萬 人 選 az 和 高端 的 人 占 019 約 有 16萬 人 選擇 莫德納 和 高端 的 占 082 約 7萬 人 左右 最後 三 種 疫苗 都 選 的 人 則 占 43 有 372萬 人 左右 從 上述 的 資料 中 可見 雖然 這次 有 新 增 國產 疫苗 的 選項 但 多數 民眾 仍 偏好 打 國外 進口 的 疫苗 意願 登記 選擇 az 莫德納 或 兩者 皆 可 的 人 就 占 了 近九成 大約 有 811萬 人 但 國內 目前 只 剩下 718萬 劑 的 莫德納 與 1447萬 劑 的 az 疫苗 感覺 疫苗 的 進貨量 好像 跟不上 民眾 想 快點 打 疫苗 的 心願 而 部分 縣 市 也 傳出 疫苗 數量 不足 宣佈 停 打 或 暫停 預約 的 狀況 像是 新北 市 宣佈 8 月 1 日 至 4 日 暫停 施打 疫苗 苗栗縣 自 28 日 中午 起 暫停 預約 登記 7 月 31 日 至 8 月 4 日 暫停 施打 雲 林縣 自 28 日 中午 起 暫停 預約 登記 7 月 31 日 至 8 月 4 日 暫停 施打 嘉義 市 自 28 日 中午 暫停 預約 屏 東縣 也 宣佈 自 28 日 起 暫停 平臺 登記 預約 針對 這樣 的 狀況 指揮中心 指揮官 陳時中 昨 在 記者會 上 表示 第 四 輪 疫苗 預約 的 狀況 較 踴躍 但 先前 就 已經 配送 較 多 的 疫苗 到 各縣市 去 但 顯然 現在 的 施打 速度 很快 先前 到貨 的 582萬 劑 az 疫苗 一 周 內 會 檢驗 完畢 分送 至 各地 陳時中昨 也 表示 目標 十月 底 全台 覆蓋率 要 達到 六 成 來看 可能 會 遇到 三大 難題 分別 是 民眾 施打 疫苗 的 意願 接種 能力 和 疫苗 數量 夠不夠 而 目前 看來 疫苗 進貨量 比較 會 是 問題 不過 他們 會 努力 掌握 進貨 的 速度 避免 接種 速度 變 慢</t>
  </si>
  <si>
    <t>中央流行疫情指揮中心 12 日 表示 11 日 國內 新增 53 例 武漢肺炎 covid-19 大陸 稱 新冠肺炎 通報 個案 目前 累計 通報 1668 例 其中 1505 例 已 排除 確診 人數 則 維持 18 例 指揮中心 表示 目前 除了 首例 確診 個案 已 解除 隔離 其 餘</t>
  </si>
  <si>
    <t>中央流行疫情指揮中心 12 日 表示 11 日 國內 新增 53 例 武漢肺炎 covid-19 大陸 稱 新冠肺炎 通報 個案 目前 累計 通報 1668 例 其中 1505 例 已 排除 確診 人數 則 維持 18 例 指揮中心 表示 目前 除了 首例 確診 個案 已 解除 隔離 其 餘 17 名 個案 病況 穩定 持續 住院 隔離 其中 狀況 好轉 的 有 10 例 醫師 覺得 需 做 準備 計畫 出院 時間 尚未 確定 確診 個案 的 接觸 者 尚有 409 人 持續 居家 隔離 其中 15 人 有 症狀 已 通報 12 人 已 排除 3 人 檢驗 中 另 3 日 晚間 自 武漢 返台 的 台 商團 除 了 4 日 確診 個案 外 尚有 2 人 在 隔離 住院 其他 244 人 仍 在 集中 檢疫 場所 密切 健康 監測 醫 福 會 執行長 王 必勝 表示 接受 集中 檢疫 者 目前 狀況 穩定 除 兩岸 外 國際 間 累計 496 例 確診 病例 分佈 於 26 個 國家 地區 病例 數 以 國際 運輸工具 日本 鑽石 公主 號 174 例 香港 49 例 新加坡 47 例 泰國 33 例 及 南韓 28 例 為 多 病例 中 2 例 死亡 分別 為 香港 及 菲律賓 各 1 例 全球 已 有 72 國 實施 大陸 旅遊 限制 措施 指揮中心 強調 民眾 若 經 衛生 單位 通知 為 個案 接觸 者 或 自 陸 港澳 入境 都需依 規定 落實 居家 隔離 或 居家 檢疫 措施 違反 居家 隔離 規定 者 可 罰 30萬 元 違反 居家 檢疫 規定 者 可 罰 15萬 元 指揮中心 提醒 民眾 應 落實 肥皂 勤洗手 避免 觸摸 眼 鼻 口 及 做好 咳嗽 禮節 自 國外 入境 時 如有 發燒 咳嗽 等 不適 症狀 應 主動 通報 機場 及 港口 檢疫 人員 並 配合 各項 防疫 措施 返國 後 14 天內 如 出現 疑 似 症狀 可撥打 免 付費 防疫 專線 1922 戴 口罩 盡 速 就醫</t>
  </si>
  <si>
    <t>衛福 部長 陳時中 日前 公佈 混打 政策 外界 擔心 第 12 輪 出現 棄 打 潮 中央流行疫情指揮中心 發言人 莊人祥 列舉 第 12 輪 第一 階段 3 種 疫苗 預約 接種 率 並 澄清 沒有 大家 所想 的 情況 az 第 2 劑 從 開 打 當天 到 現在 接種 率 分別 為 96 95</t>
  </si>
  <si>
    <t>衛福 部長 陳時中 日前 公佈 混打 政策 外界 擔心 第 12 輪 出現 棄 打 潮 中央流行疫情指揮中心 發言人 莊人祥 列舉 第 12 輪 第一 階段 3 種 疫苗 預約 接種 率 並 澄清 沒有 大家 所想 的 情況 az 第 2 劑 從 開 打 當天 到 現在 接種 率 分別 為 96 958 941 929 皆 超過 9 成 bnt 接種 率 則 分別 是 925 908 877 872 第 12 輪 第二 階段 陸續 開放 預約 其中 bnt 第 1 劑 和 莫德納 第 2 劑 預約 已於 昨天 上午 開放 而 az 第 2 劑 於 今天上午 10 點 開放 今天下午 1 點 為止 共約 1955萬 人 完成 預約 3 種 疫苗 預約 都 將 在 27 日 中午 12 點 截止 指揮中心 統計 今天下午 1 點 前 已 有 612萬 人 完成 bnt 預約 261萬 人 完成 莫德納 預約 412萬 人 完成 az 預約 由於 bnt 第 1 劑 尚有 名額 指揮中心 今天 宣佈 加開 10 月 26 日 中午 12 點 前 意願 登記 的 30 歲 以上 民眾 可於 本輪 預約 接種 預約 時間 為 今天下午 4 點 至 10 月 27 日 中午 12 時止 昨 25 日 全國 接種 41萬169 劑 目前 國內 疫苗 人口 涵蓋 率 6873 劑 次 人口 比為 9724 劑 每百人 意 即 2 劑 覆蓋率 2851 目前 國內 仍 有 3 成 民眾 尚未 接種 第 1 劑 莊人祥 表示 指揮中心 正 在 思考 如何 提升 民眾 接種 意願 針對 75 歲 以上 長者 通常 需要 子女 或 親友 協助 預約 的確 有 比較 不便 另外 像是 移 工 族群 讓 他們 能夠 有 便利 的 接種 方式 莊 人 祥 舉例 可能 是 在 特定 場所 設置 接種 站 隨 到 隨 接種 像 過去 雙北 過去 施打 流感疫苗 時 常常 在 捷 運 站 前面 設 接種 站 民眾 只要 在 附近 或 搭車 經過 就 可以 打 另外 像是 一些 優惠 摸彩 等 措施 的確 都 是 可以 往 這 方面 思考</t>
  </si>
  <si>
    <t>中央流行疫情指揮中心 12 日 公佈 國內 新增 16 例 本土 病例 其中 兩 例 在 臺北市 萬 華區 的 茶藝 館 工作 萬 華 茶藝 館 瞬間 成為 網路 熱 搜 根據 臺北市 前 市議員 童仲彥 提供 的 youtube 影片 完整 揭露 茶室 超 嗨 玩 法 身材 火 辣 的 小姐 只</t>
  </si>
  <si>
    <t>中央流行疫情指揮中心 12 日 公佈 國內 新增 16 例 本土 病例 其中 兩 例 在 臺北市 萬 華區 的 茶藝 館 工作 萬 華 茶藝 館 瞬間 成為 網路 熱 搜 根據 臺北市 前 市議員 童仲彥 提供 的 youtube 影片 完整 揭露 茶室 超 嗨 玩 法 身材 火 辣 的 小姐 只 穿 一 條 丁 字 褲 直接 坐在 男客 身上 磨蹭 熱 舞 指揮中心 公佈 萬華 兩 例 確診 者 的 工作 地點 分別 在 三 水 街 的 鴻達 茶藝 館 及 西園路 一 段 的 楓香 清 茶館 外界 好奇 俗稱 阿公店 的 茶室 到底 長 怎麼樣 裡面 真 的 在 賣 茶 嗎 童仲彥 提供 一 段 影片 揭露 茶室 秘 辛 影片 中 清楚 可見 昏暗 的 包廂 內 霓虹燈 閃爍 一 名 身材 火 辣 的 小姐 只 穿 一 條 丁 字 褲 穿梭 在 多 名 男客 間 不僅 勁歌熱舞 喝酒 玩遊戲 坐在 男客 身上 磨蹭 甚至 抓 著 客人 的 手 在 自己 身上 遊移 畫面 令 人 血脈 賁張 童仲彥 向 網友 表示 你們 認為 茶室 都 在 泡 老人 茶 嗎 茶室 阿公店 可以 怎麼 玩 阿童 為什麼 一再 主張 成立 合法性 專區 因為 對 防疫 很 重要 希望 確診 的 女子 沒有 像 影片 中 玩 成 這樣</t>
  </si>
  <si>
    <t>嘉義 縣 某校 1 名 家住 彰 化 縣 的 男 學生 日前 返鄉 時 接觸 從 桃園 市 返鄉 的 親人 3 天 前 采 檢 確診 今 26 日 陸續 傳出 兩 名 同 住 室友 也 無 症狀 確診 其中 1 人 就 是 中央流行疫情指揮中心 今天 公佈 戶籍 在 嘉義 市 的 案 6104 嘉義 市長 黃敏惠</t>
  </si>
  <si>
    <t>嘉義 縣 某校 1 名 家住 彰 化 縣 的 男 學生 日前 返鄉 時 接觸 從 桃園 市 返鄉 的 親人 3 天 前 采 檢 確診 今 26 日 陸續 傳出 兩 名 同 住 室友 也 無 症狀 確診 其中 1 人 就 是 中央流行疫情指揮中心 今天 公佈 戶籍 在 嘉義 市 的 案 6104 嘉義 市長 黃敏惠 稍 早 也 透過 直播 公佈 這 名 男 學生 足跡 校方 表示 第 1 位 確診 男 學生 1516 日 週末 返回 彰 化 住家 曾 與 從 桃園 返鄉 的 親戚 同 住 2 天 16 日 男 學生 返回 宿舍 17 日 因 學校 宣佈 遠距教學 當晚 多數 學生 皆 返家 因 桃園 親戚 22 日 確診 男 學生 和 家人 被 彰 化 縣 衛生局 要求 采 檢 23 日 被 通報 確診 當天 學校 馬上 啟動 因應 並 調查 男 學生 接觸 者 包括 教職員 共 通報 70 人 名單 給 嘉義 縣 衛生局 其中 51 人 居家 隔離 6 人 自主 健康 管理 校方 強調 學校 防疫 工作 落實 學生 返回 宿舍 都會 手部 消毒 量 體溫 並 要求 除了 睡覺 都 要 戴 口罩 接 獲 消息 後 第一時間 學校 也 緊急 開 防疫 會議 並 對 全校 發佈 防疫 通報 告知 相關 作業 通報 流程 至於 目前 傳 確診 學生 同寢室 共 住 5 人 已 有 3 人 確診 但 都 沒有 相關 症狀 黃敏惠 稍 早 也 在 直播 中 公佈 其中 1 名 確診 學生 案 6104 的 足跡 指 該 名 男性 大專院校 生 在外 縣 市 學校 就讀 因 疫情 關係 該校 停止 實體 課程 個案 17 日 返回 家 中遠距教學 衛生局 24 日 晚間 接 獲 其他 縣 市 衛生局 通報 案 6104 因 同寢室 室友 確診 列為 居家 隔離 個案 衛生局 評估 個案 感染 風險 較 高 25 日 上午 緊急 安排 采 檢 經 檢驗 為 陽性 目前 已 住院 收治 至今 個案 未 出現 症狀 同時 匡列 4 名 同 住 家 人 進行 居家 隔離 黃敏惠 說 案 6104 於 18 日 下午 5 點 到 5 點 半 與 家人 到 大 潤 發 購物 19 日 下午 3 點 40 分到 4 點 至 家樂福 北 門 店 購物 21 日 晚上 7 點 46 分至 8 點 到 臺灣 之 星 垂 楊店 繳費 22 日 早上 9 點 到 9 點 05 分至 至 垂 楊路天 茂 農產行 買 菜 所經 範圍 都 有 戴 口罩 而 接到 衛生局 緊急通知 的 店家 大 潤 發 及 家樂福 均 於 25 日 結束 營業 進行 全面 消毒 天 茂 農 產 行 於 當日 完成 總 消毒 後 今 26 日 店 休 一 天 臺灣 之 星 垂 楊店 也 決定 店 休 3 天 進行 全面 總 消毒</t>
  </si>
  <si>
    <t>華航諾 富特 群 聚 感染 事件 擴大 但 在 2 月 就 有 民眾 檢舉 諾 富特 飯店 一 館 混住 指揮官 陳時中 坦言 公文 確實 不 會 跑 得 比 病毒 快 對此 臺北市 長 柯文哲 酸 公文 跑 得 比 病毒 慢 是 我們 的 錯 嗎 柯文哲 今 前往 北 投 農 禪寺 出席 法鼓山 舉辦 的 心靈 環保 家庭 日 活動 致詞 時 提及 現在 新冠肺炎 疫情 相當嚴重 用 聖嚴 法師 的話 面對 它 接受 它 處理 它 放下 它 希望 疫情 早點 過去 讓 大家 恢復正常 生活 中央流行疫情指揮中心 日前 自行 揭露 早 在 2 月 就 有 民眾 檢舉 諾 富特 飯店 一 館 有 混住 衛福部 發文 給 桃園 市府 桃園 再 行文 給 民航 局 民航 局 再 行文 給 諾 富特 公文旅行 過程 中 就 爆發 疫情 專家 批評 公文 往來 拖 了 將近 2 個 多 月 讓 諾 富特 這個 這 顆 不 定時炸彈 釀 出 疫情 陳時中 則 稱 公文 確實 不 會 跑 得 比 病毒 快 柯文哲 回 酸 公文 跑 得 比 病毒 慢 這 是 我們 的 錯 的 嗎 針對指揮中心 表示 az 疫苗 打 1 劑 就 有 8 成 6 的 保護 力 柯文哲 認為 疫苗 不夠 就 打 一 次 但要 看 疫苗 夠不夠 8 成 6 的 保護 力 但 有效期 會 縮短 而 打 第二 劑 效期 比較 長 此外 北市 觀 傳 局 原定 開齋節 活動 的 防疫 將 比照 跨 年 晚會 會 設置 舞臺 管制區 上限 900 人 而 疫情 持續 延 燒 北 市府 開齋節 活動 是否 停辦 柯文哲 強調 將 在 週三 週四 再 決定</t>
  </si>
  <si>
    <t>澎 湖 宣佈 1 日 起 機場 全面 強制 快 篩 中央流行疫情指揮中心 打 臉 要求 撤銷 公告 縣府 痛 陳 如果 中央 不能 保護 澎 湖 請 不要 阻礙 澎 湖 自我 保護 澎 湖 機場 仍 將 全面 快 篩 縣府 表示 5 月 31 日立 法院 三讀通過 嚴重 特殊 傳染性 肺炎</t>
  </si>
  <si>
    <t>澎 湖 宣佈 1 日 起 機場 全面 強制 快 篩 中央流行疫情指揮中心 打 臉 要求 撤銷 公告 縣府 痛 陳 如果 中央 不能 保護 澎 湖 請 不要 阻礙 澎 湖 自我 保護 澎 湖 機場 仍 將 全面 快 篩 縣府 表示 5 月 31 日立 法院 三讀通過 嚴重 特殊 傳染性 肺炎 防治 及 紓困 振興 特別 條例 修正案 並 附帶 決議 中央 有 責任 協助 離 島 阻絕 疫情 入侵 金馬澎 要求 中央 於 1 周內 在 臺灣 本島 的 機場 及 港口 設置 快 篩 站 針對 入境 離 島 所有 民眾 進行 全面 篩檢 縣府 強調 臺灣 本島 機場 全面 快 篩 是 金馬澎 離 島 3 縣 共同 主張 中央 應 尊重 離 島 訴 求 並 落實 立 法院 附帶 決議 而非 撤銷 澎 湖 縣政府 的 防疫 措施 尤其 澎 湖 醫療 資源 有限 經不起 確診 者 一再 進入 縣府 有 責任 保護 澎 湖 民眾 將 持續 執行 入境 旅客 全面 強制 快 篩 縣府 強調 離 島 醫療 量 能 遠不如 臺灣 本島 如果 沒有 全面 快 篩 一旦 感染者 侵入 澎 湖 擴散蔓延 屆時 勢不可擋 將 嚴重 癱瘓 離 島 醫療 縣府 嚴守 高強度 的 全面 快 篩 防疫 絕不能 讓 澎 湖 失守 縣府 重申 1 日 起 入境 澎 湖 全面 強制 快 篩 同時 填寫 健康 聲明書 拒絕 配合 者 將 依法 重罰 3000 元 以上 至 1萬5000 元 以下 罰 鍰</t>
  </si>
  <si>
    <t>臺灣 輸出 新冠肺炎 昨天 一口氣 增加 19 例 再創 單 次 新高 中央流行疫情指揮中心 昨天 表示 近期 又 分別 接 獲 18 名 菲律賓 1 名 日本 民眾 自 臺灣 返 該國 後 確診 新冠肺炎 指揮官 陳時中 表示 菲律賓 對 台 陽性率 異常 的 高 應該</t>
  </si>
  <si>
    <t>臺灣 輸出 新冠肺炎 昨天 一口氣 增加 19 例 再創 單 次 新高 中央流行疫情指揮中心 昨天 表示 近期 又 分別 接 獲 18 名 菲律賓 1 名 日本 民眾 自 臺灣 返 該國 後 確診 新冠肺炎 指揮官 陳時中 表示 菲律賓 對 台 陽性率 異常 的 高 應該 是 檢驗 的 問題 同時 今 起 也 調整 自 菲國 入境 旅客 的 采 檢 策略 取消 無 症狀 者 於 機場 篩檢 改 為 集中 檢疫 14 天 後 進行 全 采 陳時中 指出 自 6 月 以來 從 臺灣 返 菲 的 確診 人數 累積 達 25 人 雖然 可能 是 菲國 當地 的 檢驗 問題 但 仍 視為 本土 確診 看待 並 進行 疫 調 目前 在 臺灣 的 接觸 者 共 匡列 372 人 初步 采 檢 202 人 核酸 與 血清 抗體 皆 是 陰性 陳時中 認為 檢驗 有 問題 至於 新增 日本籍 個案 則 是 在 入境 日本 時 抗原 采 檢 呈 陽性 因而 通知 我國 但 後來 接 獲 通知 該 個案 日本政府 於 9 月 20 日 及 21 日 以 核酸 檢測 複驗 結果 為 陰性 其 在 台 接觸 者 匡列 1 人 經 核酸 及 血清 抗體 檢驗 結果 均 為 陰性 至於 菲律賓 自 台 輸出 新冠肺炎 部分 則 是 一口氣 再 增 18 人 其中 有 13 人 搭乘 9 月 11 日 同 班機 返回 菲律賓 另 有 4 例 則 是 9 月 10 日 同 班機 返 菲 旅客 發言人 莊人祥 表示 該 2 班機 陽性率 異常 偏 高 雖然 之前 臺灣 也 有 最毒 班機 同 班機 就 有 12 人 確診 但 旅客 都 是 來自 高風險 的 紐約 臺灣 並非 高風險 國家 陽性率 這麼 高 不太可能 發生 已向 菲國 詢問 了 解 細節 莊 人 祥 說 從 6 月 1 日 至 9 月 20 日 自 我國 出境 至 鄰近 國家 檢驗 陽性率 菲律賓 累計 檢 出 25 例 陽性率 048 明顯 高於 其他 國家 如 大陸 0005 及 日本 0055 為何 陽性率 這麼 高? 指揮中心 已 透過 正式 管道 向 菲國 瞭解 細節 至於 自 菲律賓 入境 旅客 的 采 檢 策略 陳時中 表示 原本 都 是 入境 時在 機場 全面 采 檢 但 經一段 期間 實施 後 發現 只 能 抓 出 07 的 無 症狀 感染者 效益 偏 低 因此 改 為 集中 檢疫 14 天 期滿 前 進行 采 檢 但 機場 仍 會 針對 有 症狀 者 進行 采 檢</t>
  </si>
  <si>
    <t>依 立法 院 三讀通過 的 嚴重 特殊 傳染性 肺炎 防治 及 紓困 振興 特別 條例 明 定 接受 居家 隔離 居家 檢疫 集中 隔離 或 集中 檢疫 受 雇 者 可以 請 不 強制 雇主 給 薪 的 防疫 隔離 假 並 領取 防疫 補償 但 若 遇到 全班 停課 或 全校 停課 14 天 家長 可 請假 並 領取 補償 嗎 勞動部 官員 表示 已 與 教育部 向 中央流行疫情指揮中心 反映 希望 如果 遇到 全班 停課 或 全校 停課 未 領有 居家 隔離 通知書 的 家長 可以 請 防疫 照顧 假 如同 日前 勞動部 部長 許銘春 在 立法 院所 提 不 排除 有 第二 波 的 防疫 照顧 假 但 防疫 照顧 假 不 強制 雇主 給 薪 依 特別 條例 也 無法 領取 防疫 補償 但 勞動部 官員 說 但 如果 有 學生 收到 居家 隔離 通知書 則 家長 可以 請 居家 隔離 假 來 照顧 生活 不能 自理 的 受 隔離 者 事後 可以 申請 防疫 補償 臺灣 家長 聯盟 理事長 謝國清 表示 如果 之後 全校 停課 或 全班 停課 采 先前 的 不 強制 給 薪 的 防疫 照顧 假 一定 會 對 家長 造成 生計 上 的 困難 畢竟 等於 半 個 月 沒有 薪水 勞動部 應該 釋出 一些 利多 鼓勵 雇主 給 薪 至於 全校 停 課時 如果 還要 區分 誰 可以 領 防疫 補償 誰 不能 領 防疫 補償 的確 有 點 怪怪的</t>
  </si>
  <si>
    <t>臺灣 至今 未 對 covid-19 新冠肺炎 一 稱 武漢肺炎 採取 普 篩 政策 不過 包括 南韓 德國 都成功 以 普 篩 趨 緩 病例 新 增 速度 降低 死亡率 就 連 一度 採取 佛 系 抗 疫 的 英國 也 大 轉彎 宣佈 要 在 4 月底 前 每日 篩檢 10萬 例 推出 像 驗 孕 一樣 簡便 的 居家 檢測 而 臺灣 清明連 假 各 景區 遊客 爆 增 台 大公 衛 學院院長 詹 長 權 再次 呼籲 擴大 檢測 範圍 一個 月 前 英國 還 說 找 出 每 起 病例 不是 第一 要務 但 在 英國 新冠肺炎 病例 超過 4萬 例 首相 強 森都 確診 還 得 入院 檢查 之際 強森 改口 篩檢 很 重要 承諾 要 達到 每日 檢測 10萬 例 的 遠大目標 對比 目前 日 檢 1萬 例 足足 擴大 10 倍 官方 態度 急轉彎 關鍵 原因 之一 是 連 醫療 人員 都 無法 確定 自己 是否 染病 而 不敢 輕易 踏 進 醫院 導致 人手 大 缺 英國 官方 已 購 入 1750萬 份 居家 抗體 檢測 這種 像 驗 孕 棒 的 試劑 標榜 只要 15 分鐘 從 手指 取 一 滴 血 滴入 試劑 就 知道 結果 不 需要 任何 專業訓練 一旦 測出 血液 中 有 抗體 就 能 恢復 上班 回歸 正常 生活 居家 檢測 像 驗 孕 一樣 簡便 可靠 嗎 其實 早 在 3 月初 就 有 科學家 發表 這類 驗 孕 棒 式 試劑 的 研究成果 預計 上市 後 每份 售價 將 低於 1 英鎊 約 台幣 37 元 但 當 時 表示 仍 在 早期 研發 階段 至少 需要 6 個 月 才能 正式 使用 現在 英國政府 卻 急 著 要用 準確度 立刻 遭到 英國 媒體 質疑 衛報 the guardian 引述 參與 試劑 效果 驗證 的 科學家 說法 表示 市面上 販 售 的 居家 試劑 還 沒有 任何 一 種 完全 可靠 即使 有 90 的 準確度 也 是 在 醫院 針對 有 明顯 症狀 的 病人 使用 才 這麼 有效 英國 官方 一度 信心 滿滿 表示 民眾 幾 天內 就 能 在 網路 和 實體 藥 妝 店 買到 這些 試劑 但 衛生 大臣 漢考克 matt hancock 隨後 坦承 驗 孕 棒 式 試劑 還 不夠 好 淡化 驗孕 棒 式 試劑 的 重要性 其實 英國 民眾 現在 能 自費 購買 的 試劑 不只 於此 但 恐怕 所費不貲 倫敦 企業 rightangled 研 發出 的 居家 試劑 可 直接 寄送 到 府 採用 的 是 傳統 的 咽喉 擦拭 液 采 檢 使用者 跟 著 影片 示範 將 棉 棒 深入 咽喉 再 將 檢 體 放 入 滅菌 袋中 寄 回 3 天 後 就 能 知道 檢測 結果 只是 每份 要價 200 英鎊 約 台幣 7400 元 即使 以 半 價 提供 給 醫護人員 也 要 台幣 3000 多元 恐怕 不是 人人 負擔得起 但 ceo 賽博亞 abdullah sabyah 表示 短短 一 周 內 就 有 數 千 份 訂單 湧入 另 一家 diagnostics for the real world 則 研發 了 檢測 機器 森 巴 2 號 samba ii 研發 人 helen lee 強調 使用 方式 像 煮飯 一樣 簡單 同樣 以 棉 棒 采 檢 90 分鐘 就 能 知道 結果 收費 38 美元 約 台幣 1100 元 但 helen lee 表示 大量 生產 仍 有困難 並 不是 資金 不夠 而是 原 物料 不足 她 直言 目前 全球 都 受限於 試劑 原 物料 的 供應 就 好像 海嘯 侵襲 全世界 但 不是 人人 有 救生衣 除了 原 物料 不夠 普 篩 也 要 和 時間 賽跑 根據 紐約時報 報導 德國 一 周 可 篩 35萬 例 尤其 感染 風險 最高 的 醫護人員 更 進行 常規性 篩檢 為了 簡化 流程 有些 醫院 將 醫護 每 10 人 分為 一 組 進行 區塊 篩檢 方法 是 將 10 份 檢 體 都 混合 在 同一 份 保存 液 中 再 檢驗 這 份 保存 液 中 是否 帶有 新冠 病毒 一旦 發現 病毒 就 表示 10 人 中 至少 1 人 確診 接 著 一個 一個 采 檢 確定 到底 是 誰 染病 即可 反過來說 只要 這 份 保存 液 不 帶 新冠 病毒 一 次 就 能 排除 10 人 的 染病 可能 等於 瞬間 將 檢驗 量 能 擴大 10 倍 新冠肺炎 目前 在 德國 的 致死 率 只 有 14 遠 低於 義 大利 的 12 以及 英 法 的 10 及 美國 的 25 即使 是 同樣 實行 普 篩 的 南韓 17 的 致死 率 仍 略高於 德國 清明連 假 後 恐 出現 破 口 臺灣 需要 普 篩 嗎 至於 臺灣 中央流行疫情指揮中心 指揮官 陳時中 仍 表示 以 居家 檢疫 優先 表示 只有 當 疫情 到 社區 個案 人數 暴 增 和 感染 源 不明 者 如 雨後春筍 般 出現 時 才 會 考慮 普 篩 不 過 清明連 假期 間 各 景區 遊客 爆 增 各界 都 擔心 已 出現 破 口 台 大公 衛 學院院長 詹 長 權 再次 建議 擴大 檢測 範圍 他 認為 政府 目前 採用 被動 檢測 方式 無法 有效 掌握 人群 中 誰 是 感染者 誰 是 未 感染者 建議 優先 檢測 3 類人 員 1 醫院 重症 病人 長 照 機構 長者 2 廣泛 接觸 群眾 的 超 商 店員 送貨員 司機 3 確診 個案 的 所有 接觸 者 以及 所在 地區 的 抽樣 民眾 詹 長 權 也 呼籲 政府 對 入境者 採取 全面 檢測 臺灣 能 不能 像 德國 一樣 超前 部署 維持 抗 疫 成果 清明連 假 後 或許 就是 分野 資料 來源 cnn daily mail the guardian new york times</t>
  </si>
  <si>
    <t>英國 首都 倫敦 12 日 出現 新冠肺炎 第一 起 確診 病例 也 是 全英第 9 起 這 名 患者 是 來自 大陸 的 女性 數 天 前 搭 機 抵達 倫敦 在 希斯羅 機場 降落 後 出現 症狀 隨後 確診 英格蘭 首席 醫療 官惠 提 表示 病 患 在 大陸 感染 目前 已經 被 送 往 倫敦 市中心 聖 湯瑪斯 醫院 治療 英國 公共 衛生部門 柯斯 福德 教授 表示 英國 極 有 可能 出現 更 多 感染 病例 其 率領 的 團隊 正 盡 最 大 努力 控制 疫情 蔓延 華瑞 克 大學 流行病 學 教授 提 爾茲利 表示 這 名 患者 從 大陸 把 病毒 帶 到 倫敦 但 尚未 發現人 傳 人 的 案例 英國 南安普敦大學 全球 衛生 專家 海德 表示 倫敦 人口 多 達 1000萬 人 還有 多 個 主要 國際機場 因此 出現 首 起 病例 不 意外 不僅 是 倫敦 英國 未來 都 可能 出現 更 多 病例 只能 希望 是 零星 個案 此外 新加坡 2 月 11 日 公佈 一 例 新冠肺炎 確診 個案 為 聖 淘沙 名勝 世界 賭場 resorts worldsentosa casino 員工 中央流行疫情指揮中心 表示 該 員工 2 月 5 日 發病 2 月 9 日 就醫 隔離 臺灣 民眾 若 2 月 4 日 至 9 日 造訪 該 賭場 2 周 內 出現 疑 似 症狀 請撥 打 1922 協助 就醫 就醫 時應 告知 醫師 相關 旅遊 史</t>
  </si>
  <si>
    <t>中央流行疫情指揮中心 指揮官 陳時中 指出 日本 疫情 算是 比較 平穩 雙方 往來 比較 密切 將 加強 邊境 日本 返 國者 請 醫師 特別 加強 若 有 症狀 就要 去 醫院 采 檢 團 客 部分 要 加重 領隊 責任 把 該團 自主 健康 管理 做 確實 每天 量</t>
  </si>
  <si>
    <t>中央流行疫情指揮中心 指揮官 陳時中 指出 日本 疫情 算是 比較 平穩 雙方 往來 比較 密切 將 加強 邊境 日本 返 國者 請 醫師 特別 加強 若 有 症狀 就要 去 醫院 采 檢 團 客 部分 要 加重 領隊 責任 把 該團 自主 健康 管理 做 確實 每天 量 體溫 戴 口罩 手部 清潔 環境 衛生 等 鑽石 公主 號 一 名 70 歲 女性 在 日本 確診 轉 陰性 出院 後 返台 又 驗 出 陽性 加上 案 33 有 日本 大 阪 旅遊 史 各界 都 很 好奇 什麼 時候 會 提高 日本 旅遊 警示 到 第 三級 陳時中 提出 過去 一個 月 的 各國 確診 案例 數 圖表 指出 為什麼 有 些 單位 國家 升級 有些 單位 沒有 升 統計圖表 尾巴 翹 越 快 越 高 的 會 升級 表示 出現 內部 無法控制 的 情形 陳時中 強調 日本 是 很 平穩 的 線 拉 很 長 依據 人口數 比例 來看 跟 臺灣 現況 差不多 沒有 特殊 變化 持續 觀察 中 不過 因為 與 日本 交流 比較 密切 會 加強 邊境 管理 自 日本 返 國者 請 醫師 特別 加強 若 有 症狀 就要 去 醫院 采 檢 團 客 要 加重 領隊 責任 把 該團 自主 健康 管理 做 確實 每天 量 體溫 戴 口罩 手部 清潔 環境 衛生 等</t>
  </si>
  <si>
    <t>我國 出訪 帛 琉 敦睦 艦隊 中的 磐石 艦 已 有 24 人 確診 新冠肺炎 傳出 在 16 日 放行 下船 前 已 有 人 先 偷 跑 還 被 高雄市 抓 包 到 過超 商 對此 海軍司令部 副 司令 梅家樹 今天 在 中央流行疫情指揮中心 記者會 上 坦言 14 日 就 解除 針對 出訪 艦艇 的</t>
  </si>
  <si>
    <t>我國 出訪 帛 琉 敦睦 艦隊 中的 磐石 艦 已 有 24 人 確診 新冠肺炎 傳出 在 16 日 放行 下船 前 已 有 人 先 偷 跑 還 被 高雄市 抓 包 到 過超 商 對此 海軍司令部 副 司令 梅家樹 今天 在 中央流行疫情指揮中心 記者會 上 坦言 14 日 就 解除 針對 出訪 艦艇 的 人員 上下 艦 管制 如今 正 清查 相關 人員 上下 艦 情況 中 梅 家 樹 表示 4 月 13 日 晚上 三 艘 出訪 軍艦 已 完成 出訪 起 算 30 天 日期 14 日 早上 由 支隊 部下 達 統一 船舶 與 碼頭 梯 口 搭 設 架設 後 實施 人員 梯 口 管制 早上 七 點 半 派 人 登 艦 實施 檢疫 八 點 半 檢疫 小組 完成 檢疫 工作 包括 體溫 量 測 病史 詢問 等 隨即 解除 人員 上 下船 管制 所 以 14 日後 人員 登 艦 離 艦 情況 正 針對 出訪 七百 多 人 的 足跡 調查 希望 能 完整 查出 中央流行疫情指揮中心 指揮官 陳時中 也 表示 要 對 三 艘 出訪 艦艇 的 七百 多 人 以外 的 接觸 者高度 注意 對於 傳出 14 日 就 有 艦 上官兵 下船 買 東西 梅家樹 坦言 14 日 就 有 實施 人員 放假 而 對於 傳出 15 日 就 有 人員 被 召回 他 強調 是 在 17 號 起因 應 確診 疫情 才將 人員 加以 召回 另外 國防部 副 部長 張哲平 今天 說 出訪 前 有 根據 指揮中心 指導 做 必要 調整 但 昨天 指揮中心 卻說 艦隊 只有 回程 時 才有 請教 指揮中心 入港 時程 相關 規定 對此 梅家樹 解釋 任務 出航 前 並未 向 指揮中心 請教 但 一定 會 參考 國際 疫情 狀況 回程 時有 評估 也 請教 指揮中心 過 對於 艦隊 傳出 於 4 月 9 日 到 14 日間 靠港 隔離 期間 曾有 包商 登 艦 海軍司令部 副 司令 梅家樹 表示 14 日 之前 絕對 沒有 任何 檢疫 以外 人員 上 船 梅 家 樹說 如果 有 人 能 提供 更 精准 的 包商 上 船 人事 時 地 相信 對於 疫 調 有 幫助 希望 能 提供 另外 政 戰 學院 有 兩 人 確診 卻 未 全校 停課 對此 國防部 發言人 史順文 表示 因為確診 者 都 在 生活區 活動 請 了 臺北市衛生局 人員 去 現場 評估 後 認為 交叉 感染 機 率 較 低 學校 也 經過 消毒</t>
  </si>
  <si>
    <t>中央流行疫情指揮中心 今 9 日 公佈 最新 疫苗 接種 順序 第 七 類 的 維持 國家 安全 及 社會 機能 正常 運作者 從 原本 的 5萬 人 左右 變成 86萬 人 有 網友 不滿 表示 爸 媽 不停 被 插隊 不 知道 何時 才能 打到 想 詢問 大家 對 第 七 類 施打 對</t>
  </si>
  <si>
    <t>中央流行疫情指揮中心 今 9 日 公佈 最新 疫苗 接種 順序 第 七 類 的 維持 國家 安全 及 社會 機能 正常 運作者 從 原本 的 5萬 人 左右 變成 86萬 人 有 網友 不滿 表示 爸 媽 不停 被 插隊 不 知道 何時 才能 打到 想 詢問 大家 對 第 七 類 施打 物件 暴 增 有 何 看法 引起 網友 熱 議 原 po 在 網路 論壇 ptt 表示 第 七 類 施打 對象 從 5萬 暴 增到 86萬 質疑 運輸 倉儲 幼稚園 老師 人數 會 爆 增 嗎 有 比 65 歲 長者 嚴重 疾病 人員 還 重要 不解 突然 多 了 81萬 的 名額 是 在 掩蓋 什麼 貼 文一 出 引起 眾多 討論 有 網友 不滿 表示 明明 60 歲 以上 的 老人 死 最 多 但 爸 媽 卻 不 停 被 插隊 不 知道 何時 才能 打到 網友 則 紛紛 回應 問 陳時中 我 排在 第 12 類 要 等 多久 爸 媽 都 打 不到 何況 我們 年輕人 我們 全家 大概 年底 才 打得 到 了 根據 指揮中心 今 公佈 的 前 七 類 優先 接種 人員 累積 共 3535萬 人 其中 第 五 類 人員 除了 原有 的 機構 社 福 照顧 系統 之外 還 納入 洗 腎 患者 更 新增 第 六 類 的 75 歲 以上 長者 第 七 類 人員 也 將 未 執行 防疫 相關 任務 的 員警 運輸 及 倉儲業 者 高中職 以下 學校 教職員工 與 校內 工作人員 幼稚園 托 育 人員 及 托 育 機構 專業 人員 納入 不過 都需 經過 指揮中心 同意</t>
  </si>
  <si>
    <t>海軍 群 聚 感染 其中 300 多 名 官兵 設 籍 高雄 疫情 嚴重 升溫 眼看 22 日 將 開 為期 3 天 的 臨時 會 議員 官員 記者 室內 群 聚 高市 議會 忙 著 全面 消毒 但 針對 議事廳 內 恐 有 大批 議員 湧入 如何 維持 15 公尺 社交距離 議會 正 在 傷腦筋 高 市 議會 表示 20 日 至 22 日 召開 第 三 次 臨時 會 採取 高 規格 防疫 措施 進入 議會 不僅 要 過 酒精 消毒 紅外線 體溫 量 測 實 名 登記 三 關 21 日 還 請 工作人員 針對 議事廳 進行 全面 消毒 特別 加強 麥克風 消毒 以 長效 鋅 物 理性 方式 維持 48 小時 以上 消毒 效果 由於 海軍 敦睦 艦隊 群 聚 感染 高雄 疫情 轉為 嚴峻 高市 議會 為 遵守 中央流行疫情指揮中心 停辦 室內 超過 100 人 以上 集會 及 擴大 社交距離 相關 規範 用盡 心思 由於 是 臨時 會 專案 報告 只有 市長 副 市長 及 相關 局 處 首長 需要 出席 官員 席 錯開 坐 尚可 維持 15 公尺 社交距離 此外 議會 嚴格 控管 媒體 人數 預先 登記 採訪 2 樓 記者席 控制 在 32 人 加上 少數 工作人員 每家 媒體 僅 限 1 人 進入 其他 記者 可 至 3 樓 旁聽席 並 采 梅花座 拉開距離 臨時 會 期間 為了 防疫 旁聽席 不 開放 一般 民眾 進入 可 透過 公益 頻道 或 議會 官 網 觀看 臨時 會 直播 議程 然而 據 瞭解 議員 人數 如 何管 控 才令 議會 傷透 腦筋 高市 66 席 議員 專案 報告 時 可先 登記 輪到 質詢 才 進入 議事廳 但 臨時 會 開議 確認 議事日程 表 時 可能 趨 近於 全部 出席 議 場內 座位 距離 小於 15 公尺 屆時 如何 確保 符合 中央 規定 的 社交距離 議會 目前 還 在 研究</t>
  </si>
  <si>
    <t>臺灣 累計 10 例 感染 源 不 明 的 本土 個案 其中 1 例案 268 工作室 老闆 今天 結案 目前 還 剩 3 例 追查 中 分別 是 案 322 師 大學生 案 336 高級 社區 女 保全 與 案 379 酒店 女 公關 據 指揮中心 資料 顯示 前 3 人 都有 肺炎 症狀 案 268 更是 在 確診 隔 天 就 轉 重症 中央流行疫情指揮中心 發言人 莊人祥 表示 3 月 28 日 確診 的 案 268 工作室 老闆 為 50 歲 男性 曾於 2 29 去 過 金山 3 15 去 烏來 老 街 確診 症狀 有 咳嗽 喉嚨 痛 頭痛 發燒 呼吸 喘 腹瀉 肺炎 匡列 的 接觸 者 采 檢 都 是 陰性 宣佈 結案 莊 人 祥 指出 目前 國內 感染 源 不明 還有 3 例 分別 是 案 322 師 大學生 案 336 高級 社區 女 保全 案 379 酒店 女 公關 其中 酒店 女 公關 采 檢 21 位 接觸 者 17 人 篩檢 結果 是 陰性 4 人 仍 在 檢驗 當中</t>
  </si>
  <si>
    <t>國內 莫德納 疫苗 打氣 低迷 為 提升 疫苗 涵蓋 率 中央流行疫情指揮中心 宣佈 本 周 起 將 在 全聯 174 家 門市 設立 疫苗 接種 站 對於 賣 場 開 打 疫苗 會 不 會 影響 到 診所 業務 財經 網 美 胡采蘋 表示 她 問 了 開 診所 的 弟弟 結果 弟弟 翻 了 一</t>
  </si>
  <si>
    <t>國內 莫德納 疫苗 打氣 低迷 為 提升 疫苗 涵蓋 率 中央流行疫情指揮中心 宣佈 本 周 起 將 在 全聯 174 家 門市 設立 疫苗 接種 站 對於 賣 場 開 打 疫苗 會 不 會 影響 到 診所 業務 財經 網 美 胡采蘋 表示 她 問 了 開 診所 的 弟弟 結果 弟弟 翻 了 一個 白眼 後 點 出診 所有 先 發 優勢 並說 一家 診所 如果 會 怕 全聯 根本 就 不要 混 了 胡 采 蘋 在 粉 專 emmy 追 劇 時間 轉述 她 弟弟 的 話說 他們 診所 平常 在 地方 經營 那麼 久 熟悉 的 病人 那麼 多 而且 在 診所 打完 疫苗 有 休息室 當場 也 有 醫生 在 旁邊 隨時 支援 照顧 後續 若 有 不 舒服 打電話 來 還 有 醫生 提供 諮 詢 反問 若要 來 複診 開 藥 追溯 打 疫苗 當天 的 情況 你是 可以 去 全聯 喔 此外 他 強調 診所 早就 幫 很多 病人 打 了 第一 劑 第二 劑 根本 有 先 發 優勢 了 去 賣 場 打 沒人 認識 你 也 不 知道 你 以前 生過 什麼 病 因此 病人 還 是 會 傾向 到 原本 的 診所 打 疫苗 揚言 在 這些 優勢 前提 下 如果 還 打 不 過 全聯 這個 診所 是 要 怎麼 混下去 胡 采 蘋 聽 完也頗 表 認同 表示 乍聽之下 會 覺得 全聯 的 零售點 又 多 又 有 人流 一 星期 去 全聯 兩三 次 的 大有人在 所以 才會 感覺 全聯 一來 診所 都 要 完蛋 了 不過 經過 分析 後 發現 道理 跟 零售商 做 品牌 是 一樣 的 包括 提供 試用品 銷售 人員 的 訓練 以及 後續 的 客服 退換貨 服務 都 是 要 長期投資 培養 的 品牌 一旦 形成 就 不容易 被 打敗 做 診所 也 是 一樣 的 道理</t>
  </si>
  <si>
    <t>中央流行疫情指揮中心 今 28 日 公佈 國內 新增 1 例 境外移入 covid-19 確定 病例 為 本 國籍 20 多 歲 男性 案 956 去 2020 年 9 月 至 波蘭 就學 今 2021 年 1 月 28 日 返台 持有 搭 機 前 3 日內 檢驗 陰性 報告 入境 後 獨自 于 親戚家 檢疫 檢</t>
  </si>
  <si>
    <t>中央流行疫情指揮中心 今 28 日 公佈 國內 新增 1 例 境外移入 covid-19 確定 病例 為 本 國籍 20 多 歲 男性 案 956 去 2020 年 9 月 至 波蘭 就學 今 2021 年 1 月 28 日 返台 持有 搭 機 前 3 日內 檢驗 陰性 報告 入境 後 獨自 于 親戚家 檢疫 檢疫 期間 皆 無 症狀 指揮中心 表示 個案 於 2 月 12 日 檢疫 期滿 後 返回 住家 進行 自主 健康 管理 因 預定 回 波蘭 就學 2 月 26 日 至 醫院 自費 采 檢 於 今日 確診 ct 值 31 次日 再 采 驗 核酸 為 陰性 血清 抗體 igm 為 陰性 igg 為 陽性 個案 迄今 仍 無 症狀 已 掌握 接觸 者 2 人 列 居家 隔離 指揮中心 統計 截至 目前 國內 累計 174659 例 新型 冠狀病毒 肺炎 相關 通報 含 172595 例 排除 其中 955 例 確診 分別 為 839 例 境外移入 77 例 本土 病例 36 例 敦睦 艦隊 2 例 航空器 感染 及 1 例 不明 另 1 例 案 530移除 為 空號 確診 個案 中 9 人 死亡 919 人 解除 隔離 27 人 住院 隔離 中 中央流行疫情指揮中心 發言人 莊人祥 表示 研 判 這 名 個案 是 在 波蘭 感染 多時 屬於 後期 時陰 時 陽 的 狀況 密切接觸 者 兩 人 其中 一 名家 人 有 密切接觸 已經 先 做 核酸 檢測 為 陰性 血清 檢驗 也 是 陰性 目前 沒有 任何 的 感染 風險</t>
  </si>
  <si>
    <t>美國 有 研究 指出 莫德納 疫苗 對於 delta 病毒株 的 保護 力 優於 bnt 疫苗 中央流行疫情指揮中心 醫療 應變 組 副 組長 羅一鈞 說明 這 篇 研究 是 來自 美國 梅約 診所 最近 針對 年初 和 七月 份 兩 波 不同 的 流行 alpha 和 delta 做 了 莫德納</t>
  </si>
  <si>
    <t>美國 有 研究 指出 莫德納 疫苗 對於 delta 病毒株 的 保護 力 優於 bnt 疫苗 中央流行疫情指揮中心 醫療 應變 組 副 組長 羅一鈞 說明 這 篇 研究 是 來自 美國 梅約 診所 最近 針對 年初 和 七月 份 兩 波 不同 的 流行 alpha 和 delta 做 了 莫德納 和 bnt 兩 種 疫苗 的 保護 效果 比較 結果顯示 莫德納 對於 delta 的 保護 力僅 76 而 bnt 對於 delta 的 保護 力僅 有 42 他 進一步 指出 該 研究 的 結論 是 打 莫德納 的 保護 效果 對於 delta 病毒 的 保護 效果 雖然 有 些 打折扣 但 都還 是 優於 bnt 研究 團隊 的 解釋 是 打 莫德納 產生 保護 抗體 的 力價 比較 高 儘管 打 莫德納 產生 的 保護 抗體 比較 高 但 羅一鈞 表示 bnt 對於 delta 病毒 侵襲 還是 有 一定 的 保護 力 並 沒有 說 因為 這樣 就 建議 大家 都去 打 莫德納 不要 打 bnt 羅 一 鈞 說 這 是 第一 次 在 研究 結果 上 看到 莫德納 在 應付 delta 上有 優於 bnt 的 效果 會 再 看有 沒有 其他 國家 相關 研究 來 佐證 羅一鈞 強調 目前 還是 鼓勵 大家 去 接種 疫苗 不管 是 哪 一 種 疫苗 對 alpha 和 delta 都 有 一定 的 保護 效果</t>
  </si>
  <si>
    <t>北 市府 25 日 傳出 府 內 人員 疑 似 確診 情形 市府 副 發言人 戴于文 澄清 該 名 同仁 是 於 2 月底 時 出國 8 日 返國 當時 歐洲 疫情 並未 大 爆發 中央流行疫情指揮中心 也 並未 宣佈 歐洲 旅遊 警戒 且 經采 驗 2 次 的 結果 都 是 陰性 戴于 文說</t>
  </si>
  <si>
    <t>北 市府 25 日 傳出 府 內 人員 疑 似 確診 情形 市府 副 發言人 戴于文 澄清 該 名 同仁 是 於 2 月底 時 出國 8 日 返國 當時 歐洲 疫情 並未 大 爆發 中央流行疫情指揮中心 也 並未 宣佈 歐洲 旅遊 警戒 且 經采 驗 2 次 的 結果 都 是 陰性 戴 于 文說 該 名 同仁 這 段 時間 雖然 有 到 市府 上班 但 也 都 全程 戴著 口罩 18 日 因 歐洲 疫情 升溫 中央流行疫情指揮中心 采 回溯 方式 寄出 檢疫 單 該 名 同仁 接到 檢疫 單 後 即 配合 在家 檢疫 直到 24 日 出現 身體 不適 情形 立即 赴 醫院 采 檢 采 驗 2 次 的 結果 都 是 陰性 目前 身體狀況 大致 無 虞 但 為了 安全 及 配合 防疫 還是 待 在 家中 配合 隔離 至 4 月 1 日 並非 外傳 確診 個案 至於 市府大樓 26 日 起 防疫 升級 部分 戴于文 指出 此為 配合 中央 防疫 作為 強化 市府 防疫 工作 對 未 配戴 口罩 者 采 實 名 制 登記 確保 不 會 出現 防疫 漏洞 跟 該 名 同仁 的狀況 完全 沒有 任何 關聯 但 該 名 同仁 目前 承受 相當 大 的 心理 壓力 正 由 長官 和 同仁 們 勸慰 中 戴 于文 強調 市府 針對 同仁 若 發生 確診 狀況 已 超前 部署 與 演練 采 分層 分區 分 艙 分流 方式 進行 防疫 且 也 部署 異地 辦公 等 規 畫 做 好 萬 全 準備</t>
  </si>
  <si>
    <t>為 增加 新冠 疫苗注射 的 可 近 性 中央流行疫情指揮中心 今天 宣佈 11 月 25 日 起 開放 民眾 可 自行 至 指定 醫療 院所 混打 凡是 接種 az 第一 劑 滿 8 周 的 民眾 無論 是否 有 在 疫苗 預約 平臺 意願 登記 皆 可 完成 混打 疫情 指揮中心 指揮官 陳</t>
  </si>
  <si>
    <t>為 增加 新冠 疫苗注射 的 可 近 性 中央流行疫情指揮中心 今天 宣佈 11 月 25 日 起 開放 民眾 可 自行 至 指定 醫療 院所 混打 凡是 接種 az 第一 劑 滿 8 周 的 民眾 無論 是否 有 在 疫苗 預約 平臺 意願 登記 皆 可 完成 混打 疫情 指揮中心 指揮官 陳時中 表示 先前 已 開放 第一 二 劑 皆 可 至 指定 合約 院所 施打 25 日 起 增加 混打 選項 第一 劑 az 接種 後 已 滿 8 周者 可 在 疫苗 平臺 預約 也 可以 至 指定 醫療 院所 施打 至於 國內 第 三 劑 接種 計 畫 是否 也 會 采 非 預約 平臺 方式 進行 陳時中 表示 我們 現在 有 預約 平臺 醫療 院所 和 造冊 方式 未來 朝多 管道 的 可能性 比較 高 陳時中 說明 目前 國內 第 三 劑 計 畫 還 沒 完成 未來 會 看 專家建議 就 現有 的 疫苗 來 施打 他 隨後 補充 今年 有 打 幾 種 疫苗 明年 就 會 儘量 準備 不是 說 規定 大家 一定 只 能 打 一樣 的 也 會 根據 專家建議 讓 大家 做 選擇 至於 我國 已 採購 3500萬 劑 的 次 世代 疫苗 何時 到貨 陳時中 表示 次 世代 疫苗 大約 要到 明年 下半年 才 會 出來 各國 目前 都 是 沿用 現有 的 疫苗 來 當 追加 劑 他 強調 疫苗 作用 主要 是 降低 重症 和 死亡 如果 要 避免 感染 口罩 也 是 非常 重要 的 事情 一定 要 兩 件 事 都 做好 這樣 防疫 會 比較 好 一點</t>
  </si>
  <si>
    <t>清明連 假 結束 近 一 周 民眾 都 在 等待 結果 是否 會 出現 疫情 大 爆發 的 現象 對此 指揮中心 表示 本 周 有 8千 多 例 通報 其中 791 人 去 過 相關 景點 但 檢測 結果 皆 為 陰性 中央流行疫情指揮中心 專家 小組 召集人 張上淳 表示 每天 約 有</t>
  </si>
  <si>
    <t>清明連 假 結束 近 一 周 民眾 都 在 等待 結果 是否 會 出現 疫情 大 爆發 的 現象 對此 指揮中心 表示 本 周 有 8千 多 例 通報 其中 791 人 去 過 相關 景點 但 檢測 結果 皆 為 陰性 中央流行疫情指揮中心 專家 小組 召集人 張上淳 表示 每天 約 有 1500 多 件 篩檢 案例 但 至今 已 將近 1 周 這 幾 天 作為 重要 的 評估 期 目前 還 沒有 大幅 本土 案例 增加 僅 出現 案 379一 例 但 她 並 沒有 旅遊 史 至於 是否 可 視為 清明連 假 後 疫情 威脅 趨 緩 張上淳 沒 直接 回應 疫情 指揮中心 疫情 監測 組組長 周志浩 則 表示 4 6 至 4 10 的 8000 多 位 通報 案例 中 僅 791 位 表示 有 到 過 11 處 景點 但 采 檢 結果 全部 是 陰性 疫情 指揮中心 指揮官 陳時中 說 目前 看來 急劇 變化 可能性 不 高 但 仍 應 提高 警覺</t>
  </si>
  <si>
    <t>本月 6 日後 實行 的 口罩 實 名 制 一定 程度 上 緩解 了 全民 搶 口罩 的 亂象 中央流行疫情指揮中心 相信 實 名 制 有效 解決 了 囤積 的 情況 但 負責 販 售 口罩 的 藥局 及 藥師 卻 大 歎 工作 超時 直 呼 吃不消 自從 口罩 實 名 制 實施 以來 有 藥</t>
  </si>
  <si>
    <t>本月 6 日後 實行 的 口罩 實 名 制 一定 程度 上 緩解 了 全民 搶 口罩 的 亂象 中央流行疫情指揮中心 相信 實 名 制 有效 解決 了 囤積 的 情況 但 負責 販 售 口罩 的 藥局 及 藥師 卻 大 歎 工作 超時 直 呼 吃不消 自從 口罩 實 名 制 實施 以來 有 藥師 抱怨 明明 不是 公務人員 卻 被迫 配合 政府 政策 從 每天 早上 6 點 接收 通過 郵局 寄送 的 口罩 後 一路 忙 到 晚上 工作 時間 超過 20 個 小時 也 沒有 得到 相應 的 薪資 補償 每天 的 工作量 已經 超出 負擔 對 此 中央流行疫情指揮中心 回應 如果 有 必要 指揮中心 會 再 與 郵局 單位 協商 配送 口罩 的 時間 方便 藥局 及 藥師 作業 並 相信 口罩 實 名 制 是 解決 口罩 囤積 的 好 方法 希望 大家 一起 共度 難關</t>
  </si>
  <si>
    <t>新北 市 板橋 幼稚園 群 聚 昨 天才 嘉玲 今天 再度 擴大 指揮中心 宣佈 今天 本土 新增 3 例 確診 中 有 2 例 是 幼稚園 群 聚 分別 為 一 名 幼稚園 幼童 的 爺爺 以及 媽媽 的 職 場 男同事 染疫 其中 案 16185 爺爺 無 症狀 ct 值 145 家住 新北 以及 案 16197 同事 ct 值 199 月 7 日 發病 居住 在 桃園 整起 幼稚園 群 聚 至今 累積 29 人 確診 中央流行疫情指揮中心 今天 公佈 國內 新增 14 例 covid-19 確定 病例 分別 為 3 例 本土 及 11 例 境外移入 另 確診 個案 中 無 新 增 死亡 指揮中心 說明 今日 新增 3 例 本土 個案 為 2 例 男性 1 例 女性 年齡 介於 20 多 歲 至 70 多 歲 發病 日 介 於今 2021 年 9 月 7 日 至 9 月 9 日 個案 分佈 為 臺北市 新北 市 及 桃園 市 各 1 例 其中 2 例 為 已 知 感染 源 1 例 關聯 不明 衛生 單位 將 持續 進行 疫情 調查 及 防治 以 厘 清 感染 源 2 名 跟 幼稚園 有關 的 個案 其一 為 案 16185 是 原本 新北 市 幼稚園 染疫 幼童 的 70 多 歲 爺爺 屬於 同 住 家人 發言人 莊人祥 表示 這 名 爺爺 曾在 9 月 7 日 時 進行 接觸 者 采 檢 當時 pcr 為 陰性 後來 入住 至 防疫 旅館 居家 隔離 期間 都 沒有 不 舒服 直到 9 月 10 日 再次 采 檢 今天 檢驗 結果 為 陽性 ct 值 為 145 病毒 量 很 高 目前 在 醫院 隔離 治療 中 爺爺 在 七月 初 有 打過 第一 劑 莫德納 另 一 名 個案 則 是 染疫 幼童 媽媽 同為 確診 的 案 16152 的 職 場 接觸 者 為 50 多 歲 男性 目前 住 在 桃園 莊人祥 表示 該 名 個案 曾 於 9 月 6 日 時 在 公司 安排 的 快 篩 采 檢 陰性 7 日 到 醫院 采 檢 pcr 也 是 陰性 但 晚上 開始 出現 畏 寒 頭痛 症狀 8 安排 收 住 防疫 旅館 直到 11 號 因為 症狀 持續 未 改善 衛生局 安排 至 醫院 采 檢 今天 結果 出爐 為 陽性 在 專責 醫院 隔離 中 指揮中心 發言人 莊人祥 強調 今天 新增 的 2 名 幼稚園 相關 確診 個案 不能 說是 擴大 屬於 原本 就 在 防火牆 內 先前 已經 居家 隔離 者 沒有 擴散 到 社區 的 風險 至於 另 一 位 本土 個案 案 16198 為 臺北市 一 位 20 幾 歲 的 女性 為 餐飲業 從事 人員 但 感染 源 有待 厘 清</t>
  </si>
  <si>
    <t>國籍 航空 機組員 完整 接種 covid-19 疫苗 後 兩 周 原訂長 程 航班 返台 後 不必 接受 居家 檢疫 如今 傳出 制度 喊 卡 引發 機組員 強烈 反彈 對此 中央流行疫情指揮中心 副 指揮官 陳宗彥 強調 一切 還 是 照 原 規劃 進行 沒有 喊 卡 現在 就</t>
  </si>
  <si>
    <t>國籍 航空 機組員 完整 接種 covid-19 疫苗 後 兩 周 原訂長 程 航班 返台 後 不必 接受 居家 檢疫 如今 傳出 制度 喊 卡 引發 機組員 強烈 反彈 對此 中央流行疫情指揮中心 副 指揮官 陳宗彥 強調 一切 還 是 照 原 規劃 進行 沒有 喊 卡 現在 就 等 自費 采 驗 抗體 計 畫 完成 後 就 可 開始 實施 為 鼓勵 機組員 接種 疫苗 指揮中心 日前 公佈 新 檢疫 措施 讓 機組員 只要 完整 接種 2 劑 疫苗 兩 周後 執行 完長程 航班 就 不必 再 接受 居家 檢疫 只要 完成 一 周 的 自主 健康 管理 即可 如今 傳出 該 計畫喊 卡 讓 機組員 質疑 是 朝令夕改 對此 陳宗彥 今天 表示 關於 機組員 的 政策 並 沒有 喊 卡 還是 依照 規劃 進行 之所以 造成 誤解 是 因為 目前 醫療 應變 組 仍 在 針對 施打 疫苗 兩劑 滿兩周 後 的 自費 采 驗 抗體 機制 包括 檢驗 程式 檢驗 標準 及 檢驗 費用 目前 還 在 研 擬 中 等 制定 完畢 經 確認 沒有 問題 就 可 開始 實施 因此 沒有 喊 卡 的 問題</t>
  </si>
  <si>
    <t>因應 新冠肺炎 疫情 升高 行政院長 蘇貞昌 採納 防疫 指揮官 衛福 部長 陳時 中的 建議 在 行政院 會 宣佈 中央流行疫情指揮中心 提升 至 一級 開設 蘇揆 也 隨即 指示 由 陳時中 擔任 指揮官 蘇貞昌 昨 拍板 通過 嚴重 特殊 傳染性 肺炎 防治</t>
  </si>
  <si>
    <t>因應 新冠肺炎 疫情 升高 行政院長 蘇貞昌 採納 防疫 指揮官 衛福 部長 陳時 中的 建議 在 行政院 會 宣佈 中央流行疫情指揮中心 提升 至 一級 開設 蘇揆 也 隨即 指示 由 陳時中 擔任 指揮官 蘇貞昌 昨 拍板 通過 嚴重 特殊 傳染性 肺炎 防治 及 紓困 振興 特別 預算 其中 防疫 隔離 補償 金寬列 182億 元 衛福部 次長 何 啟功 表示 每人 單日 補償 約 800 元 到 1000 元 詳細 數字 3 月 10 日前 會 決定 兩 周訂 出 紓困 子法 蘇揆 在 行政院 會 聽取 各部 會 新冠肺炎 疫情 現況 及 應處 作為 報告 陳時中 在 簡報 時 建議 把 中央流行疫情指揮中心 提升 至 一級 開設 蘇揆 當場 回應 基於 國際 疫情 緊急 他 同意 陳時 中的 建議 把 疫情 指揮中心 由 二級 提升 為 一級 開設 並 請 陳時中 擔任 指揮官 蘇揆 也 特別 交代 各部 會 一級 開設 嚴守 國門 全力 防疫 紓困 跟 振興 各部 會 在 特別 條例 通 過後 相 關子 法 應在 2 周內 訂出來 經費 要 周到 周延 用 在 刀口 嚴管 國境 不容 破 口 有 關海 巡 署 關務 署 警政署 營建 署 移民署 與 民航 局 等 各部 會 首長 就 防疫 紓困 與 振興 應 成立 特別 小組 由 部會首長 親自 督 管 蘇揆 說 新冠肺炎 在 全球 升溫 已 有 46 國 傳出 疫情 光是 大陸 就 因 疫情 死亡 2000 多 人 臺灣 位居 第 一線 過去 一段時間 窮 全國 之 力守 住 第一 關 到 目前為止 只 發生 零星 社區 感染 且 是 家庭 群 聚 感染 但 各部 會 不 可因 此 鬆懈 要 料 敵 從寬 禦 敵 從嚴 防疫 視同 作戰 要 在 可能 發生 的 疫情 之前 就 做好 預防 社區 感染 準備 蔡 視察 化學 兵 抗 疫 與此同時 防堵 新冠肺炎 疫情 蔡英文 總統 27 日 視察 化 學兵 強調 由於 國際 疫情 日漸 嚴峻 我們 決定 超前 部署 防疫 指揮中心 已 提升 為 一級 開設 會用 全面 整合 政府 資源 來 迎戰 新型 冠狀病毒 的 威脅 保護 好 國民 的 健康</t>
  </si>
  <si>
    <t>花蓮 今天 新增 1 例 同樣 也 是 萬華 大舅 案 4260 上月 中旬 拜訪 花蓮 親友 期間 因 同 住 共 餐 打牌 不幸 造成 案 6556 家 族群 聚 感染 迄今 也 已 累計 到 14 例 此 群 聚 也 讓 衛生局 發現 後期 確診 個案 多 在 自家 進行 居家 隔離 時 染疫 呼籲 正在 進行 隔離 民眾 隔離 期間 家中 也 要 進行 徹底 的 消毒 作業 才能 降低 染疫 風險 衛生局長 朱家祥 說明 案 9886 為 一 名 40 多 歲 男性 是 案 6556 的 女婿 當 岳父 與 岳母 上月 26 日 相繼 確診 後 他 也 被 匡列並 進行 居家 隔離 27 日 到 花蓮 醫院 pcr 檢驗 結果 為 陰性 本月 1 日 出現 暈 眩 畏 寒 的 症狀 告知 公衛 人員 後 被 安排 到 花蓮 醫院 檢查 同時 采 檢 並 在 2 日 早上 確診 其 ct 值 為 138 算是 傳染 力 較 強 不過 他 的 足跡 單純 都 在 家中 自主 隔離 由於 萬華 大舅 群 聚 案 迄今已 累 己 14 例 外傳 其中 1 例 為 花 防部 的官兵 朱家祥 今 證實 個案 確診 後 衛生局 有 和 他 確認 確定 在 確診 前 已 休假 一 周 以上 期間 也 都 沒有 進到 營區 因 中央流行疫情指揮中心 公告 原則 儘量 不 提及 個案 職業 除 有 防疫 需要 由於 他 影響 的 層面 較 少 加上 國軍 也 有 掌握 相信 若 有 任何 疑義 國軍 一定 會 統一安排 篩檢 此外 朱家祥 表示 被 匡列 的 物件 中 大部分 都 在 自家 進行 居家 隔離 時 確診 研 判 因 家 中 暗藏 病毒 導致 染疫 機會 大增 相反 的 在 防疫 旅館 隔離 者 的 染疫 機會 較 少 他 提醒 目前 已 在 自家 進行 居家 隔離 者 環境 的 清 消 很 重要 現在 進入 夏天 開 冷氣 的 機會 大幅 提升 冷氣 濾 網 往往 是 病毒 最佳 藏身處 他們 亦 會 隨 著 冷氣 的 風而 散發 出來 呼籲 民眾 這 幾 天 可 利用 閑 餘 時間 將 濾 網 拿 出來 清洗 並用 稀釋 的 漂白 水 等 進行 消毒 減少 被 感染 的 機會</t>
  </si>
  <si>
    <t>屏 東 印度 變異 株 delta 疫情 擴大 當地 27 日 確診 的 不明 感染 源 73 歲 果農 基因 定 序 結果 出爐 確定 感染 delta 其 太太 也 在 今日 確診 基因 定 序 仍 在 進行 中 但 疫情 指揮中心 指揮官 陳時中 估計 看起來 應屬 於 delta 群 聚 根據 屏 東 縣府 公佈 足跡 果農 夫妻 6 月 14 和 16 日 曾 到 枋寮 醫院 就醫 和 秘魯 祖孫 以及 祖孫 鄰居 及 友人 兩 度 重疊 枋寮 73 歲 果農 27 日 確診 新冠肺炎 根據 屏 東 縣政府 公佈 資訊 男子 曾在 6 月中 旬 下旬 前往 枋寮 醫院 腦神經 外科 骨科 門診 中央流行疫情指揮中心 指揮官 陳時中 表示 男子 原訂 需要 2 日 才能 完成 基因 定 序 不過 經過 漏 夜工 作 提早 在 今日 出爐 確定 感染 delta 男子 的 妻子 案 14816 也 在 今日 確診 不過 妻子 的 基因 定 序 還 在 進行 中 尚未 出爐 陳時中 估計 看起來 應屬 於 delta 群 聚 目前 男子 的 感染 源 還 沒 找到地方 縣 市 已經 有 一些 線索 會 就 那些 線索 進行 調查 今 午 屏 東 縣政府 公佈 確診 者 至 枋寮 醫院 就診 的 時序 其中 時間 有 重疊 的 日子 有 6 月 14 日 6 月 16 日 兩 天 14 日 秘魯 祖孫 前往 急診 采 檢 待 了 10 小時 而 7 旬 夫婦 也 在 當日 前往 門診 另 在 16 日 祖孫 鄰居 與 友人 前往 該院 待 了 2 個 多 小時 7 旬 夫婦 也 在 當日 上午 前往 外科 門診 不過 指揮中心 發言人 莊人祥 說 鄰居 與 友人 去 的 是 急診 與 7 旬 夫婦 未 待 在 同一 候診室 針對 屏 東群 聚 陳時中 表示 目前 共有 176 人 進行 居家 隔離 人 2 人 因 重複 匡列 予以 扣除 176 人中 有 171 人 是 陰性 5 人 檢驗 中 秘魯 返台 祖孫 同 班機 38 名 接觸 者 中 有 37 人 陰性 1 人 出境 至於 台南 的 群 聚 基因 定 序 基本上 還是 英國 的 變異 株 alpha 與 屏 東 的 應無 關係 陳時中 表示 會 針對 熱區 加發 疫苗 讓 高風險 區域 的 疫情 不至於 擴散 當然 打 疫苗 也 不是 治療 藥物 但是 過 一段時間 就 有 一定 程度 的 保護 力 對於 屏 東 的 delta 群 聚 目前 看來 仍 匡在 特定 的 區域 他 擔心 疫情 復發 進而 形成 對 其他 區域 的 威脅 而 打 疫苗 就是 為了 避免 復發 指揮中心 會 注意 不 任意 擴大 其他 施打 物件</t>
  </si>
  <si>
    <t>國內 疫情 趨 緩 台鐵 高鐵 已 無 售票 成數 限制 但 高鐵仍 實施 全車 對號 座 且 仍 暫停 定 期票 回數 票 使用 儘管 高鐵 繼續 實施 10 月 通勤 有禮 優惠 仍 被 通勤 族 批評 不 方便 交通部 政務 次長 陳彥伯 回應 會 考量 疫情 及 旅客 需求 能否 恢復 自由 座 最 快下 周 把 方案 報 給 中央流行疫情指揮中心 新冠肺炎 本土 疫情 升溫 後 疫情 指揮中心 下令 高鐵 實施 全車 對號 座 以便 掌握 乘客 資料 當時 旅 運量 下跌 因此 未 引發 民怨 但 疫情 趨 緩 之後 自由 座 限制 沒有 解除 讓 旅客 明顯 感受 到 車票 難 買 加上 定 期票 回數 票 暫停 使用 通勤 族 的 成本 也 高出 好幾 成 據悉 臺灣 高鐵 公司 希望 解除 自由 座 禁令 數度 被 指揮中心 打回 票 認為 高鐵 應 優先 恢復 整體 班次 但 高鐵 在 尖峰 時段 發車 已 達 極限 沒有 辦法 再 增加 恢復 離 峰 班次 沒有 意義 重點 卡 在 自由 座 引發 業 界 人士 批評 疫情 指揮中心 是 外行 領導 內行 陳彥伯 表示 交通部 與 高鐵 公司 會 就 2 個 方向 研究 一 是 疫情 二 是 旅客 需求 有關 這樣 的 檢討 每週 都會 進行 相關 會議 希望 儘快 能 有 結論 最 快下 周 可以 報 給 疫情 指揮中心 定奪 而 高鐵 定 期票 回數 票 甚至 台鐵 的 站票 都會 一併 考量 高 鐵 公司 則 說 在 自由 座 恢復 之前 會 繼續 推出 10 月 通勤 有禮 回 饋 通 勤 族 凡 tgo 會員 于 10 月 1 日 至 31 日 購買 同一 區間 對號 座 車票 次數 達 34 次 含 以上 並 完成 搭乘 者 即可 享有 相當 於 75 折 優惠 回 饋 高 鐵 公司 11 月初 將 統計 符合 資格 者 將 購票 總額 25 轉成 tgo 紅利 點數 並於 11 月 10 日 歸入 tgo 會員 帳 戶 搭乘 越 多 回 饋 越 多 每個 會員 帳 戶 回 饋 上限 為 62 次</t>
  </si>
  <si>
    <t>臺灣 首 見 軍艦 淪陷 中央流行疫情指揮中心 公佈 今日 國內 新增 3 名 確診 案例 2 人 為 實習生 1 人 為 軍人 均 為 20 多 歲 男性 1 例 在 高雄 1 例 在 台中 1 例 在 桃園 都 是 境外移入 3 艘 軍艦 700 多 人 仍 在 疫 調 中 將 安排 下午 5 點 入 住</t>
  </si>
  <si>
    <t>臺灣 首 見 軍艦 淪陷 中央流行疫情指揮中心 公佈 今日 國內 新增 3 名 確診 案例 2 人 為 實習生 1 人 為 軍人 均 為 20 多 歲 男性 1 例 在 高雄 1 例 在 台中 1 例 在 桃園 都 是 境外移入 3 艘 軍艦 700 多 人 仍 在 疫 調 中 將 安排 下午 5 點 入住 集中 檢疫所 今晚 漏 夜 采 檢 結果 預計 明日 出爐 海軍 敦睦 艦隊 染疫 軍艦 計有 337 人 3 月 12 日 至 15 日 停靠 帛 琉 離開 帛 琉 後於 公海 航行 近 30 天 4 月 15 日 自 我國 軍港 下船 3 人 今 確診 新冠肺炎 分別 是 案 396397 及 398 案 396 在 4 月 12 日 出現 頭痛 嗅覺 異常 情形 4 月 15 日 下船 後 返家 並 自行 就醫 4 月 17 日 再次 就醫 由 醫院 采 檢 通報 案 397 在 4 月初 開始 出現 上呼吸道 腫 痛 頭痛 流 鼻 水 咳嗽 嗅覺 異常 等 症狀 返家 後 於 4 月 17 日 就醫 並 采 檢 通報 兩 人 是 同寢室 室友 均 於今日 確診 案 398 為 一 名 軍人 4 月 13 日 開始 有 嗅 味覺 異常 4 月 17 日 自 行前 往 醫院 急診 就醫 後 采 檢 通報 今日 確診 型冠 肺炎 指揮中心 表示 與 該 3 名 個案 同隊 共 有 3 艘 軍艦 官兵 及 學生 合計 700 多 人 刻 正 進行 相關 疫 調 將 在 今 午 入住 集中 檢疫所 進行 隔離 且 今晚 將 漏 夜 采 檢 若 陽性 就 會 送醫 陰性 將 集中 隔離 14 天 解除 隔離 前 會 再度 采 檢 初步 結果 明日 出爐</t>
  </si>
  <si>
    <t>新冠肺炎 疫情 延 燒 中央流行疫情指揮中心 今 宣佈 國內 新增 3 名 確診 案例 分別 為 一 名 30 多 歲 荷蘭籍 男性 及 2 名 北部 30 多 歲 本 國籍 男性 3 人 均 有 歐洲 活動 史 研 判為 境外移入 新冠肺炎 疫情 從 第一 波 的 大陸 日 韓 擴散 到 第</t>
  </si>
  <si>
    <t>新冠肺炎 疫情 延 燒 中央流行疫情指揮中心 今 宣佈 國內 新增 3 名 確診 案例 分別 為 一 名 30 多 歲 荷蘭籍 男性 及 2 名 北部 30 多 歲 本 國籍 男性 3 人 均 有 歐洲 活動 史 研 判為 境外移入 新冠肺炎 疫情 從 第一 波 的 大陸 日 韓 擴散 到 第二 波 歐洲地區 指揮中心 表示 3 月 以來 歐洲 境外移入 的 案例 增加 意味著 第二 波 的 壓力 已經 展開 指揮中心 指揮官 陳時中 表示 新冠肺炎 境外移入 最 早 是 出現 在 1 月 24 至 2 月 6 日 主要 來自 大陸 其中 10 例 大陸 移入 1 例 澳門 移入 歐洲 境外移入 除 了 2 月初 一家 四 口 遊義 大利 染疫 意外 其 餘 都 發生 在 這 幾 天 歐洲 的 個案 已 非常 多 陳時中 先前 指出 首 波 新冠肺炎 疫情 從 大陸 往 外 影響 再 掃 向 歐亞 美洲 各地 要 防範 的 是 第二 波 疫情 的 回流 指揮中心 專家 諮 詢 小組 召集人 張上淳 今 表示 近期 歐洲移入 個案 增多 可以 說 第二 波 疫情 的 壓力 已 開始 今日 新增 的 案 51 為 30 多 歲 荷蘭籍 男性 3 月 2 日 至 6 日 曾至 奧地利 9 日 自 荷蘭 來 台 10 日 入境 來 台 第二 天 晚間 因 呼吸困難 胸 悶 及 全身 倦怠 前往 急診 被 診斷 出 肺炎 情形 12 日 采 檢 通報 今日 確診 衛生 單位 已 初步 掌握 28 名 接觸 者 其中 14 人 已 離境 案 52 為 北部 30 多 歲 本 國籍 男性 2 月 28 日 與 2 名 友人 自 臺灣 經 土耳其 轉機 至 瑞士 後 29 日 自 瑞士 搭乘 巴士至 法國 滑雪 3 月 7 日 再 自 法國 搭 巴士 到 瑞士 搭 機 經 土耳其 轉機 返台 3 月 8 日 入境 12 日 晚間 男子 出現 發燒 全身 倦怠 咳嗽 流 鼻 水 等 症狀 就醫 後 采 檢 通報 今日 確診 衛生 單位 已 初步 掌握 39 名 接觸 者 包括 同行 友人 同 班機 旅客 同事 及 就醫 接觸 者 等 案 53 為 北部 30 多 歲 本 國籍 男性 2 月 22 日 至 3 月 6 日 赴德國 慕尼克 紐倫 堡 出差 返國 後 3 月 11 日 出現 咳嗽 有 痰 喉嚨 痛 症狀 當晚 就醫 後 檢驗 通報 今日 確診 衛生 單位 已 初步 掌握 15 名 接觸 者 包括 出差 同行 同事 同 住 家人 職 場 及 就醫 接觸 者 等 另 將 調查 男子 發病 前 國內 活動 史 進行 進一步 追蹤 指揮中心 表示 3 名 確診 男子 都有 歐洲 旅遊 史 研 判為 境外移入 個案 目前 都已 收治 負 壓 隔離病房 指揮中心 提醒 民眾 如 必須 出國 應 加強 手部 及 呼吸道 衛生 等 個人 防護 措施 返國 入境 後 務必 落實 14 天 居家 檢疫 或 自主 健康 管理</t>
  </si>
  <si>
    <t>中央流行疫情指揮中心 今 21 日 表示 國內 昨 20 日 新增 226 例 新型 冠狀病毒 肺炎 相關 通報 截至 目前 累計 通報 70100 例 含 69077 例 排除 其中 441 例 確診 今日 新增 案 441 分別 為 350 例 境外移入 55 例 本土 病例 及 36 例 敦睦 艦隊</t>
  </si>
  <si>
    <t>中央流行疫情指揮中心 今 21 日 表示 國內 昨 20 日 新增 226 例 新型 冠狀病毒 肺炎 相關 通報 截至 目前 累計 通報 70100 例 含 69077 例 排除 其中 441 例 確診 今日 新增 案 441 分別 為 350 例 境外移入 55 例 本土 病例 及 36 例 敦睦 艦隊 確診 個案 中 7 人 死亡 407 人 解除 隔離 其 餘 持續 住院 隔離 中 臺灣 今 增 1 確診 是 位 30 多 歲 男性 赴 墨西哥 工作 返台 針對 此 個案 指揮官 陳時中 表示 從 1 月 24 到 5 月 18 日 以來 指揮中心 對 流感 併發 重症 者 進行 新冠 病毒 檢驗 目前 完成 431 件 檢 出 1 例 陽性 就是 案例 19 白 牌 司機 案 流感 併發 重症 檢 體 病毒 檢驗 只 出現 案 19 其他 都 是 陰性 陳時中 強調 即使 今天 出現 一 例 但 社區 是 安全 的 防疫 措施 不 需要 新增 新 的 作為 指揮中心 表示 全球 累計 5021902 例 確診 分佈 於 187 個 國家 地區 病例 數 以 美國 1575065 例 俄羅斯 308705 例 巴西 271628 例 英國 251290 例 及 西班牙 232555 例 為 多 病例 中 327141 例 死亡 以 美國 94576 例 英國 35704 例 義 大利 32330 例 法國 28132 例 及 西班牙 27888 例 為 多</t>
  </si>
  <si>
    <t>北市 聯 醫 派 醫護人員 至 花博 接種 站 協助 打 疫苗 醫師 姜冠宇 也 到 現場 支援 但 看到 現場 狀況 忍不住 說 原本 每天 早上 8 點 開 打 有人 提早到 就 鬧 說 等 好久 最後 疫苗 接種 時間 改 為 7 點 半 開 打 但 人 卻 來得 零零落落 很多 地方 空空如也 醫護 提早 上班 加開 戰線 支援 疫苗 接種 卻 不 被 珍惜 讓 他 忍不住 怒 轟 是 存心 整 我們 嗎 引起 網友 討論 醫師 姜冠宇 今 在 臉書 發文 表示 我 覺得 人 真 的 就 是 大頭 症 打 個 疫苗 竟然 動用 整個 聯 醫 的 各個 院區 系統 開 戰線 每天 早上 8 點 開始 打 疫苗 醫護人員 已經 加 夜班 不周 休 了 但 民眾 還是 不 滿足 有人 提早到 接種 站 就 鬧 著 說 打 疫苗 要 等 超久 結果 疫苗 接種 時間 提早到 7 點 半 開 打 醫護人員 的 集合時間 也 改 為 6 點 50 分 薑冠宇 說 提早 開放 打 疫苗 人 也 沒有 比較 多 啊 最 扯 的 是 大家 認為 人潮 會 最 洶湧 的 上午 10 點 來 接種 疫苗 的 人 也 是 零零落落 結果 就 像 照片 裡面 看到 的 那樣 醫護人員 早早 就 到 現場 準備 好 但 放眼望去 好幾 排 的 椅子 都 空空如也 這樣 同 時間 開 這麼 多 戰線 的 原因 到底 是 為了 什麼 薑冠宇 不滿 地 說 你 早 到 是 你 的 事 你 可以 去 泡茶 但 鬧 給 現場 媒體 看 造成 我們 提 早上 班也 不 會 加錢 反倒 是 看到 戰線 加開 後 也 不 被 珍惜 這樣 是 存心 整 我們 嗎 薑冠宇 說 每個 醫護人員 都 是 被 徵召 來 的 都 要 調開 自己 的 上班時間 放 著 自己 負責 的 病人 到 現場 支援 打 疫苗 或 其他 防疫 事務 請 至少 讓 我們 做 得 值得 民主 社會 大喊 權利 前提 是 要 對 自己 負 責任 的 公民 啊 誇張 景象 引起 網友 討論 這 真的 是 太 浪費 醫療 人力 了 刁民 就 是 什麼 事情 都 要以 他 方便 為 方便 現在 刁民 太 多 啊 沒有 同 理 心 現在 的 民眾 都是巨 嬰 和 刁民 啊 醫護人員 真的 辛苦 了 不過 也 有 網友 分享 自己 早上 8 點 多 去 打 疫苗 的 狀況 表示 接種 站 現場 雖然 沒有 人潮 滿滿 但 等待 接種 疫苗 的 民眾 也 不少 當初 在 疫苗 平臺 預約 時 很 多 時段 都秒 殺 只能 約 到 很 早 的 時段 而 家 人 是 加開 的 物件 卻 已經 約 不到 場次 了 最後 只 能 去 外縣市 接種 不 知道 怎麼 會 有 這樣 的 落差 但 醫護人員 們 真的 辛苦 了 對此 中央流行疫情指揮中心 指揮官 陳時中 回應 而 他 昨天 上午 也 有 到 花博 接種 站 現場 看 發現 去 施打 疫苗 的 人數 龐大 但 整體 都 很 井然有序 至於 大家 的 抱怨 他 也 有 去 了 解 當初 疫苗 開 打 的 時間 較 晚 加上 最初 又 都 是 年長者 起 得 比較 早 也 就 比較 早 去 現場 加上 當初 那邊 沒有 特別 設 至 等待 區 才 導致 狀況 比較 混亂 但 現在 施打 年齡 較 輕 預約 時間 也 比較 準確 陳時中 也 呼籲 大家 儘量 按照 自己 預約 的 時間 到 現場 接種 這樣 秩序 會 比較 好</t>
  </si>
  <si>
    <t>中央流行疫情指揮中心 今 9 日 表示 民間 機構 共同 捐贈 的 第 十四 批 bnt 疫苗 19235萬 劑 預計 於 今日 下午 運 抵 桃園 國際機場 並 在 完成 通關 程式 後 直接 運送 至 指定 冷儲 物流 中心 進行 後續 檢驗 封 緘 作業 指揮中心 說明 由 民間 機</t>
  </si>
  <si>
    <t>中央流行疫情指揮中心 今 9 日 表示 民間 機構 共同 捐贈 的 第 十四 批 bnt 疫苗 19235萬 劑 預計 於 今日 下午 運 抵 桃園 國際機場 並 在 完成 通關 程式 後 直接 運送 至 指定 冷儲 物流 中心 進行 後續 檢驗 封 緘 作業 指揮中心 說明 由 民間 機構 共同 捐贈 的 bnt 疫苗 1500萬 劑 目前 共計 到貨 123979萬 劑 分別 為 首 批 9 月 2 日 93萬 劑 第二 批 9 月 9 日 91萬 劑 第 三 批 9 月 30 日 54萬 劑 第 四 批 10 月 1 日 67萬 劑 第 五 批 10 月 4 日 27萬 劑 第 六 批 10 月 7 日 8892萬 劑 第 七 批 10 月 8 日 8892萬 劑 第 八 批 10 月 14 日 827萬 劑 第 九 批 10 月 28 日 9021萬 劑 第 十 批 10 月 29 日 9103萬 劑 第 十一 批 11 月 5 日 8717萬 劑 第 十二 批 11 月 12 日 9266萬 劑 第 十三 批 11 月 25 日 9383萬劑 以及 本 批 19235萬 劑 本 批 疫苗 效期 至 2022 年 3 月 25 日 將 由 指揮中心 統籌 運用 盡 速 提供 民眾 接種 對於 台積電 永齡 基金會 慈濟 基金會 三 間 企業 和 民間團體 積極 協助 提供 更 多 的 疫苗 讓 民眾 接種 加速 提升 臺灣 疫苗 覆蓋率 指揮中心 再次 表達 由衷 的 謝意</t>
  </si>
  <si>
    <t>中央流行疫情指揮中心 今天 統計 接種 az 疫苗 後 死亡 案件 昨天 新增 35 例 16 女 19 男 死亡 年齡 介於 41 94 歲 之間 25 人 為 75 歲 以上 長者 接種 後 七 天內 發生 3 例 為 50 歲 以下 35 例 當中 有 9 人 住 在 機構 9 人 洗 腎 22 人 有 慢性病 史</t>
  </si>
  <si>
    <t>中央流行疫情指揮中心 今天 統計 接種 az 疫苗 後 死亡 案件 昨天 新增 35 例 16 女 19 男 死亡 年齡 介於 41 94 歲 之間 25 人 為 75 歲 以上 長者 接種 後 七 天內 發生 3 例 為 50 歲 以下 35 例 當中 有 9 人 住 在 機構 9 人 洗 腎 22 人 有 慢性 病史 死亡 個案 主要 仍 是 高齡 與 有 慢性病 史 的 人 發言人 莊人祥 表示 目前 有 16 例 已經 接受 解剖 其中 15 個 有 心血管 疾病 另 一個 是 吸 入 食物 窒息 死亡 目前 觀察 死亡 原因 仍 是 高齡 且 有 慢性病 相關 至於 三 例 50 歲 以下 個案 莊人祥 表示 有 1 人 為 40 多 歲 男性 患有 思 覺 失調 缺鐵性 貧血 施打 疫苗 2 天 後 開始 發燒 次日 清晨 沒 辦法 叫醒 生命 徵象 無法 測 得 送 院 急診 無效 到 院前 死亡 pcr 采 檢 陰性 家屬 以 同意 進行 解剖 等待 司法 相 驗 中 另 一 例 為 40 多 歲 男性 6 16 日 接種 疫苗 個案 患有 小腦 性 麻痹 為 護理 之家 的 住 民 長期 臥床 接種 疫苗 後 3 天 後 清晨 無 呼吸 心跳 到 院前 死亡 最後 一 例 則 是 50 多 歲 女性 6 月 16 下午 接種 疫苗 後 就 去 上班 上 完 晚班 後 回家 在 洗澡時 暈厥 晚上 11 點 半 被 送 到 醫院 急診 進 了 開刀房 發現 是 顱 內 動脈 出血 開完 刀 後 送 外科 加 護 病房 死因 為 顱 內 動脈瘤 出血</t>
  </si>
  <si>
    <t>為 力拼 第二 劑 疫苗 覆蓋率 中央流行疫情指揮中心 將 於 11 月 開設 超大型 接種 站 進行 大規模 接種 目標 單日 接種 量 達 35萬 劑 指揮中心 今天 表示 由於 大規模 施打 相當 耗費 人力 指揮中心 將 會 協助 國軍 監獄 的 疫苗 接種 業務 幫忙</t>
  </si>
  <si>
    <t>為 力拼 第二 劑 疫苗 覆蓋率 中央流行疫情指揮中心 將 於 11 月 開設 超大型 接種 站 進行 大規模 接種 目標 單日 接種 量 達 35萬 劑 指揮中心 今天 表示 由於 大規模 施打 相當 耗費 人力 指揮中心 將 會 協助 國軍 監獄 的 疫苗 接種 業務 幫忙 地方 分攤 接種 負擔 指揮中心 發言人 莊人祥 今天 表示 從 臺北市 近日 在 花博 爭 豔 館 開設 的 大型 接種 站 可 看到 有 非常 多 的 民眾 都 提前 到 接種 站 等候 建議 北 市府 能 將 人員 分流 標示 清楚 同時 也 希望 民眾 能 配合 依照 報到 時間 到 指定 接種 地點 等候 有鑑於此 莊人祥 指出 中央 將 會 分擔 地方 的 接種 辛勞 會 派員 協助 國軍 監獄 進行 接種 業務 至於 近期 到貨 相當 穩定 的 bnt 疫苗 目前 還是 規劃 做為 第一 劑 使用 今 到貨 的 80 多 萬 劑 將 全數 納 為 第 12 期 運用 暫不 會 開放 民眾 登記 接種 第二 劑</t>
  </si>
  <si>
    <t>國民黨 革 實 院長 羅智強 昨 在 臉書 批評 蔡 政府 未 考慮 14億 人 的 心情 堅持 用 武漢肺炎 稱呼 引起 歧視 爭議 國民黨 文傳 會 主委 王育敏 下午 表示 民進黨 不 接受 新冠肺炎 的 稱呼 易讓 外界 誤解 連 處理 疫情 都參 雜 抗 中 政治 思考 立 法院 甫 通過 的 紓困 條例 以及 國際 媒體 也 是 按照 who 命名 的 新冠肺炎 稱呼 世界衛生組織 who 2 月 11 日 將 武漢肺炎 定名 為 covid-19 2019 年 冠狀病毒 疾病 中央流行疫情指揮中心 陳時中 日前 表示 使用 武漢肺炎 是 比較 順 的 講法 並 沒有 歧視 的 意思 遭 國民黨 革 實 院長 臺北市議員 羅智強 提出 4 點 質疑 呼籲 蔡英文 總統 和 陳時中 與 全世界 官方 同調 釋出 最起碼 的 善意 國民黨 文傳 會 主委 王育敏 表示 社會 上 的確 有 人 覺得 蔡英文 總統 陳時 中都 還 是 使用 武漢肺炎 意味 民進黨 系統 不 接受 新冠肺炎 的 稱呼 當然 容易 讓 外界 誤解 連 處理 疫情 都參 雜 抗 中 的 政治 思考 王育敏 說 立 法院 甫 通過 的 紓困 條例 都 跟 國際 接軌 也 就 是 使用 新冠肺炎 武漢肺炎 只是 剛 開始 發生 時 的 稱呼 在 who 命名 病毒 名稱 後 國際 媒體 也 都 使用 新冠肺炎 名稱</t>
  </si>
  <si>
    <t>精選 中 時 新聞網 5 件 不可不 知 的 國際 大事 帶 讀者 掌握 今天 2 月 11 日 的 國際 新聞 重點 1 加拿大 權威 醫師 領隊 世衛 專家 團隊 抵達 大陸 世界衛生組織 who 總 幹事 譚 德塞 tedros adhanom ghebreyesus 本週一 表示 上個月 親 赴 大陸 與 國家 主席 習近平 和 一些 部會首長 會談 好不容易 得 到 北京 當局 的 同意 世衛 可以 派遣 專家 團隊 到 最 前線 深入 研究 新型 冠狀病毒 npc 而 這 支 專家 團隊 的 成員 也 是 經過 長 達 兩 周 的 協調 北京 當局 才 同意 這 份 專家 名單 這 支 團隊 將 由 加拿大 權威 醫師 愛華德 bruce aylward 擔任 領隊 2 一個 中國 原則 禁止 臺灣人 入境 菲律賓 正式 公文 這樣 寫 為 防堵 新冠肺炎 擴散 菲律賓 10 日 傳出 祭出 鐵腕 禁令 將 遵循 一個 中國 政策 把 臺灣 也 列入 禁止 入境 的 範圍 雖然 我國 政府 立刻 出面 澄清 並非 事實 但 今天 11 日 淩晨 菲律賓 的 正式公文 曝光 本來 傳聞 是 指 持 臺灣 護照 者 將 不能 入境 菲律賓 但 從 公文 的 內容 翻譯 判斷 菲律賓 主要 禁止 的 是 從中 港 澳 台 出發 的 旅客 不得 入境 菲律賓 但 持有 菲律賓 護照 或 永久 居留權 者 不在此限 3 新冠肺炎 攪局 義 維持 停 飛 陸台 新冠肺炎 攪局 義 大利 1 月 31 日 起 暫停 對 大陸 直航 雙方 幾 經 交涉 後 義國 仍 維持 停 飛 義國 衛生部長 史 伯蘭沙 roberto speranza 日前 接受 義媒 專訪 時 強調 外交 與 經貿 利益 固然 值得 考慮 但 都 比不上 健康 重要 4 who 會議 我 以 taipei 名義 線 上 參與 世衛組織 who 今 明兩天 在 日內瓦 舉辦 新冠肺炎 專家 會議 中央流行疫情指揮中心 監測 應變 官 疾 管署 副 署長 莊人祥 指出 此次 會議 聚焦 在 新藥 疫苗 的 技術 研發 議題 我方 提交 的 專家 名單 也 全 與 新藥 疫苗 發展 有關 並 確定 將 以 taipei 臺北 名義 參與 視 訊 會議 專家 則 以 個人 名義 與 who 簽訂 保密 協議 5 鑽石 公主 號 台人 求救 駐 日 代表處 要求 日本 儘早 撤離 我 乘客 受 困 鑽石 公主 號 郵輪 上 的 臺灣 知名 魔術師 陳日升 9 日 在 臉書 發出 盼 我 政府 接回 20 多 名 台籍 旅客 的 求救 訊號 我 駐 日 代表處 10 日 已向 日本外務省 要求 儘早 撤離 我國 乘客</t>
  </si>
  <si>
    <t>臺北市 林森北路 錢 櫃 今 26 日 發生 嚴重 火災 對 此 中央流行疫情指揮中心 呼籲 現在 是 防疫 階段 業者 一定 要 做好 空間 的 人流 管制 年輕 朋友 這 段 時間 也 應 儘量減少 外出 陳時中 則 再次 提醒 若 業者 無法 落實 社交距離 維持 就 會</t>
  </si>
  <si>
    <t>臺北市 林森北路 錢 櫃 今 26 日 發生 嚴重 火災 對 此 中央流行疫情指揮中心 呼籲 現在 是 防疫 階段 業者 一定 要 做好 空間 的 人流 管制 年輕 朋友 這 段 時間 也 應 儘量減少 外出 陳時中 則 再次 提醒 若 業者 無法 落實 社交距離 維持 就 會 叫 他 關門 指揮中心 副 指揮官 陳宗彥 對於 今天 的 林森 大火 提到 消防 安檢 不是 開玩笑 地方 平常 都有 做 公安 檢查 大家 都 很 徹底 的 在 做 但 對於 落實 面 他 提醒 業者 不要 只 有 檢查 的 時候 做好 平常 也 要 做好 相關 疏散 撤離 的 演練 與 準備 陳 宗彥 表示 現在 防疫期間 ktv 跟 平常 營業 相比 人潮 已經 有 減少 人潮 是否 有 從 酒店 或是 舞廳 轉移 到 這裡 是 兩 件 事情 他 指出 ktv 是 年輕人 愛 去 的 地方 呼籲 防疫 階段 業者 要 做好 空間 管理 人流 部分 也 請 年輕 朋友 這 短 時間 儘量減少 外出 指揮官 陳時中 則 提醒 防疫期間 不 會 有 強烈 緊縮 要 業者 不能 營業 但 規範 維持 社交距離 和 戴 口罩 不 變 若 規定 不能 謹 守 屢次 再犯 就 會 叫 他 關門 他 也 強調 這些 呼籲 和 這次 火災 是 兩 件 事情</t>
  </si>
  <si>
    <t>中央流行疫情指揮中心 昨天 公佈 新冠肺炎 本土 確診 新增 355 案 其中 89 例 是 校正 回歸 新增 10 死 自 去年初 以來 本土 確診 已 有 6974 人 109 人 死亡 臺北市 昨天 確診 首度 降到 百 人 以下 但 專家 指出 除非 連續 1 周 確診 數 降 至 2 位</t>
  </si>
  <si>
    <t>中央流行疫情指揮中心 昨天 公佈 新冠肺炎 本土 確診 新增 355 案 其中 89 例 是 校正 回歸 新增 10 死 自 去年初 以來 本土 確診 已 有 6974 人 109 人 死亡 臺北市 昨天 確診 首度 降到 百 人 以下 但 專家 指出 除非 連續 1 周 確診 數 降 至 2 位 數 以下 否則 無法 樂觀 昨天 新增 確診 人數 最 多 的 是 新北 市 193 人 北市 居次 85 人 至於 澎 湖 確診 為 首例 檢 體 將 送回 本島 再度 pcr 采 檢 該 個案 已 插管 治療 這 波 本土 感染 3 周 以來 已 快速 累積 6878 人 確診 97 死 指揮中心 專家 小組 召集人 張上淳 說 至 昨天 上午 為止 國內 嚴重 肺炎 共 728 人 占 93 呼吸衰竭 或 已 呼吸衰竭 258 人 占 33 重症 高 達 986 人 其中 180 人 正 在 使用 呼吸器 2 人 使用 葉克 膜 指揮中心 昨 原 宣佈 新 增 11 死 但 傍晚 發現 1 名 萬 華 活動 史 的 女性 案 4582 尚在 集中 檢疫所 中 檢疫 而且 還 可 接電話 指揮中心 緊急 澄清 校正 昨日 死亡 案例 從 11 人 下 修為 10 死 本土 單日 新增 確診 人數 已 連 3 天 下降 北市 更是 首度 下降 到 百 人 以下 是否 表示 國內 疫情 趨 緩 感染 科 權威 台大 兒童 醫院院長 黃立民 表示 北市 以 高 規格 防疫 不利 病毒傳播 下降 是 預期 內 效果 至於 能 不能 解除 三級 關鍵仍 在 於 新北 市 與其 他 縣 市 能否 一樣 嚴格 管 控 除非 連續 1 周 確診 降到 2 位 數 以下 否則 無法 樂觀 至於 北市 是否 要 封城 黃立民 表示 現階段 不用 但 若 其他 地方 爆 疫情 屆時 應該 全國 一起 升 四級 警戒 才能 避免 跨 區 交叉 傳染 臺灣 不能 只 有 一兩 個 縣 市 好 要好 大家 一起 好 支援 專責 病房 社區 采 檢 站 的 北市 聯 醫 整合 醫學 照 護 科 主治醫師 姜冠宇 透露 目前 醫院 最 可憐 的 是 急診 床 一直 往 外 擴 連 停車場 都 鋪 床位 病 患 要 住 到 醫院 外 過去 很 少見 現在 有人 甚至 在 急診 等 床位 等到 離 世 中央 說 臺北 有 600 多 張 空 床 但 前線 醫護 看到 的 是 病 患 無 床 可 送 加 護 病房 也 不夠 用 薑冠宇 坦言 政府 並 沒有 從 八仙 塵 爆 事件 得到 教訓 當時 病 患 卡 在 雙北 消耗 大量 燒 燙傷 資源 建議 政府 出面 橫向 整合 醫院 讓 醫院 互相 通 聯 至少 要 知道 哪幾 家 醫院 還有 床 和 人力 可 送 中央 地方 要 放下 對立 去 看看 當中 出 了 什麼 問題 否則 拖得 愈久 就 愈多 人 失去 性命</t>
  </si>
  <si>
    <t>英國 耳鼻喉科 協會 近期 指出 喪失 味覺 嗅覺 的 症狀 通常 發生 在 沒有 典型 症狀 的 新冠肺炎 患者 身上 呼籲 民眾 自我 隔離 7 天 臺灣 截至 目前為止 累計 的 215 名 患者 中 已 有 5 人 出現 味覺 嗅覺 喪失 症狀 且 多 集中 在 近期 今日 確診 的 個案 中 就 有 2 人 出現 該 症狀 中央流行疫情指揮中心 表示 該 症狀 過去 的 確 較 少 出現 將 提醒 臨床 醫師 留意 新冠肺炎 的 3 大 症狀 分別 是 發燒 咳嗽 及 全身 倦怠 國內 疫情 開始 之 初 幾乎 沒有 患者 出現 這些 症狀 從 3 月 開始 才 陸續 出現 這類 患者 包括 德國 移入 的 南部 大學生 案 75 荷蘭 移入 案 171 英國 移入 案 187 以及 今日 新增 的 英美移入 案 206207 案 75 為 南部 20 多 歲 男 大生 2 月 23 日 至 3 月 8 日 至 德國 旅遊 3 月 8 日 返台 後 流 鼻 水 11 日 自覺 味覺 喪失 3 月 17 日 確診 新冠肺炎 案 171 為 30多 歲 男子 1 月中 到 3 月 20 日 都 在 荷蘭 工作 3 月 7 日 在 荷蘭 出現 發燒 酸痛 失去 嗅覺 味覺 的 症狀 返台 後 通報 23 日 確診 新冠肺炎 案 187 為 在 英國 工作 的 30 多 歲 女性 2 月 20 日 到 3 月 19 日 都 在 英國 返台 後 23 日 出現 呼吸 困 案 呢 喉嚨 痛 失去 嗅覺 肺炎 等 症狀 當日 確診 新冠肺炎 案 206207 為 今日 新增 的 個案 都 是 20 多 歲 女子 案 206 在 2 月 8 日 到 3 月 21 日 都 在 英國 就學 16 日 出現 喉嚨 痛 流 鼻 水 味覺 喪失 的 症狀 案 207 於 3 月 6 日 到 20 日間 都 在 美國 工作 16 日 出現 頭 張 鼻涕 倒流 嗅覺 及 味覺 喪失 的 症狀 兩 人 都 在 返台 時 在 機場 被 攔下 確診 新冠肺炎 中央流行疫情指揮中心 疫情 監測 組組長 周志浩 表示 新冠肺炎 是 新 的 傳染病 在 過去 的 案例 中 較 少看 到 嗅覺 味覺 喪失 的 表現 會 提醒 臨床 醫師特別 是 耳鼻喉科 醫師 特別注意 至於 這類 的 症狀 是否 與 病毒 的 變異 有關 仍 須 進一步 厘 清</t>
  </si>
  <si>
    <t>中央流行疫情指揮中心 今 17 日 公佈 國內 新增 3 例 境外移入 covid-19 病例 案 853854 及 855 均 自 印尼 入境 指揮中心 表示 案 853 及 854 均 為 印尼 籍 20 多 歲 男性 漁 工 皆 於今 2021 年 1 月 3 日 來 台 工作 均 持有 搭 機 前 3 日內 檢驗 陰</t>
  </si>
  <si>
    <t>中央流行疫情指揮中心 今 17 日 公佈 國內 新增 3 例 境外移入 covid-19 病例 案 853854 及 855 均 自 印尼 入境 指揮中心 表示 案 853 及 854 均 為 印尼 籍 20 多 歲 男性 漁 工 皆 於今 2021 年 1 月 3 日 來 台 工作 均 持有 搭 機 前 3 日內 檢驗 陰性 報告 入境 後 至 集中 檢疫所 檢疫 迄今 無 症狀 2 名 個案 於 1 月 16 日 接受 檢疫 期滿 前 采 檢 於 今日 確診 由於 2 名 個案 無 症狀 且 入境 後 至 檢疫 期間 未 與 他人 接觸 故 無須 匡列 接觸 者 指揮中心 指出 案 855 亦 為 印尼 籍 20 多 歲 男性 漁 工 去 2020 年 12 月 31 日 來 台 工作 持有 搭 機 前 3 日內 檢驗 陰性 報告 入境 後 由 仲介 公司 安排 專車 至 防疫 旅館 居家 檢疫 今年 1 月 15 日 檢疫 期滿 後 搭乘 專車 至 醫院 自費 采 檢 於 今日 確診 匡列 接觸 者 共 3 名 為 同 車 接觸 者 因 有 適當 防護 均列 自主 健康 管理</t>
  </si>
  <si>
    <t>南韓 中秋節 過後 疫情 反撲 臺灣 中秋 後 疫情 平穩 外界 好奇 臺灣 與 南韓 不同 的 防疫 之處 在 哪裡 是否 有 機會 放寬 中央流行疫情指揮中心 指揮官 陳時中 表示 中秋 連 假人 潮 大量 移動 要 觀察 兩 周 才能 穩 明天 會 公佈 相關 放寬 措施</t>
  </si>
  <si>
    <t>南韓 中秋節 過後 疫情 反撲 臺灣 中秋 後 疫情 平穩 外界 好奇 臺灣 與 南韓 不同 的 防疫 之處 在 哪裡 是否 有 機會 放寬 中央流行疫情指揮中心 指揮官 陳時中 表示 中秋 連 假人 潮 大量 移動 要 觀察 兩 周 才能 穩 明天 會 公佈 相關 放寬 措施 指揮官 陳時中 表示 南韓 有 基本 的 社區 傳播 經過 連 假 人群 大規模 移動 難免 疫情 會 起來 臺灣 社區 傳播 已經 控制 一定 情況 臺灣 目前 都還 穩定 至於 連 假 後人 潮 大量 流動 陳時中 認為 中秋 假期 後 至少 要 觀察 兩 周 本 周 與 下 周若 都 控制 良好 就 會 有 放寬 措施 並於 明日 公佈 二級 警戒 觀察 到 10 月 4 日 5 日後 若 都 沒有 不明 感染 源 是否 有 機會 降級 陳時中 表示 由於 中秋節 人潮 移動 要 觀察 兩 周 現在 已 經過 一 周 還有 一 周 要 觀察</t>
  </si>
  <si>
    <t>買不到 機票 只好 買 股票 臺灣 爆發 疫苗 之 亂 引爆 逃離 潮 華航 長 榮 航 北美 線 出現 罕見 客 滿 盛況 一 位 難 求 航空 雙雄 股價 昨日 齊拉 漲 停 長 榮 航 今 早 再 拉 第 2 根 漲 停 華航 則 是 爆出 超過 100萬 張 的 成交量 成交 值 超過 200億 元 位列 台股 第 三 因應 大 批 民眾 飛 美 長 榮 航 啟動 疫 後首 度 大增 班 洛杉磯 航班 自 6 月 7 日 起 將 由 每週 3 班 調整 為 每週 7 班 其它 航線 班次 不 變 由於 訂位 狀況 太 踴躍 長 榮 航 華航 昨日 票價 坐地 喊 漲 商務 艙 最 多 調 漲 26萬 元 臺北 洛杉磯 經濟艙 來回票 價 逾 新 台幣 7萬 元 豪華 經濟艙 超過 8萬 元 商務 艙 票價 更 超過 22萬 元 反映 在 股價 上 航空 雙雄 週四 攻 上漲 停 價 今日 續強 長 榮 航 早 盤 拉出 第二 根 漲 停板 盤中 股價 來到 2205 元 創下 波段 新 高 華航早 盤 漲幅 也 超過 8 股價 最高價 來到 2255 元 不過 稍 早 拉回 累積 成交量 在 11 點 半 突破 100萬 張 吸 金力道 十足 法人 分析 不管 是 要 逃難 還是 要 回 到 美國 上工 上學 在 疫情 結束 前 海 歸返 美 及 赴美 打 疫苗 人潮 僅 為 短期 需求 全年 獲利 仍 需 仰賴 貨運 這 跟 疫情 剛 發生 時 大量 在 美 民眾 返回 臺灣 避難 的 狀況 很 像 對 航空 雙雄 僅 屬 短期 減虧 的 效果 相較 於 長 榮 航 啟動 增班 華航 現階段 還是 以 鞏固 貨運量 能 為 主 目前 配合 中央流行疫情指揮中心 執行 清 零 計 畫 20 將 分組 調派 人力 維持 營運 北美 線 包括 洛杉磯 安 大略 三藩市 溫哥華 等 航點 均 會 依 訂位 情形 適時 放大 機型</t>
  </si>
  <si>
    <t>新冠肺炎 疫情 在 全球 擴散 中央流行疫情指揮中心 將 旅遊 警示 國家 與 地區 由 10 處 擴 增為 36 處 指揮中心 今 宣佈 將 比利時 荷蘭 等 歐洲 8 國 中東 地區 巴林 科威特 2 國 的 旅遊 疫情 建議 等級 提升 至 第二 級 警示 盧森堡 捷克 英國</t>
  </si>
  <si>
    <t>新冠肺炎 疫情 在 全球 擴散 中央流行疫情指揮中心 將 旅遊 警示 國家 與 地區 由 10 處 擴 增為 36 處 指揮中心 今 宣佈 將 比利時 荷蘭 等 歐洲 8 國 中東 地區 巴林 科威特 2 國 的 旅遊 疫情 建議 等級 提升 至 第二 級 警示 盧森堡 捷克 英國 等 申根 區域 16 國則 升至 第一 級 注意 民眾 若 自 這些 地方 返台 需 自主 健康 管理 14 天 指揮中心 指揮官 陳時中 表示 歐洲 的 疫情 已 越來越 嚴峻 中東 疫情 也 持續 升溫 歐洲 疾病預防控制中心 ecdc 日前 評估 歐盟 地區 及 英國 的 感染 群 聚 未來 數 周 出現 廣泛 持續性 傳播 的 風險 均 為 中 至 高級 另 中東地區 部分 國家 亦 與 上列 歐洲 國家 有 相同 風險 為 加強 防疫 指揮中心 宣佈 即 起 將 冰島 瑞士 挪威 瑞典 比利時 荷蘭 丹麥 及 奧地利 歐洲 8 國 以及 中東 地區 的 巴林 和 科威特 的 旅遊 疫情 提升 至 第二 級 警示 國人 在 當地 應 採取 加強 防護 措施 若 自 這些 國家 入境 臺灣 則 需 落實 14 天 自主 健康 管理 另 考量 申根 區域 國家 人員 流動 密切 指揮中心 也 同步 將 希臘 捷克 葡萄牙 芬蘭 斯洛 維尼亞 波蘭 愛沙尼亞 匈牙利 盧森堡 瑪律他 斯洛伐克 拉脫維亞 立陶宛 列支 敦 斯登 以及 與 申 根區 自由 流動 的 英國 愛爾蘭 共 16 國 的 旅遊 疫情 建議 等級 升至 第一 級 注意 前往 上述 國家 應 遵守 當地 一般 預防措施 若 自 這些 國家 入境 後 則 需 落實 14 天 自主 健康 管理 指揮中心社區 防疫 組 副 組長 莊人祥 表示 各國 旅遊 疫情 建議 等級 的 提升 目前 多 以 德國 為 參考 基準 德國 新冠肺炎 每 10萬 人 發生率 為 077 低於 此 標準 者 但有 一定 風險 者 將 被 列為 第一 級 注意 地區 與 德國 相近 則 會 被 列為 第二 級 警示 地區 若 疫情 嚴峻 甚至 接近 南韓 狀況 幾 千 名 案例 則 會 被 升至 第 三級 警告 地區 現行 自主 健康 管理 有 6 重點 1 經常 洗手 2 每日 早晚 量 體溫 並 紀錄 體溫 及 活動 史 3 儘量避免 出入 公共場所 外出 需 戴 口罩 4 身體 不適 需 戴 口罩 盡 速 就醫 5 生病 期間 家中 休養 戴 口罩 並 避免 外出 若 口罩 沾 到 分泌物 應內 折 丟 進 垃圾桶 6 生病 期間 與 他人 交談 時 盡可能 保持 1 公尺 以上 距離 陳時中 表示 未來 自主 健康 管理 的 強度 將 增強 要求 民眾 確實 落實 至於 加強 的 細節 莊人祥 表示 仍 在 研議 中 待 討論 完成 將 對外 公開</t>
  </si>
  <si>
    <t>由於 臺灣 疫苗 庫存 見 底 第 五 輪 打完 莫德納 後 第 六 輪 將 由 高端 上場 而 昨天下午 共有 524萬 劑 自 購 az 抵 台 不少 民眾 好奇 究竟 會 開放 給 誰 打 中央流行疫情指揮中心 指揮官 陳時中 昨天 表示 原則 上會 按照 年齡層 往 下 開放 考量</t>
  </si>
  <si>
    <t>由於 臺灣 疫苗 庫存 見 底 第 五 輪 打完 莫德納 後 第 六 輪 將 由 高端 上場 而 昨天下午 共有 524萬 劑 自 購 az 抵 台 不少 民眾 好奇 究竟 會 開放 給 誰 打 中央流行疫情指揮中心 指揮官 陳時中 昨天 表示 原則 上會 按照 年齡層 往 下 開放 考量 到 第 四 輪 是 提供 給 38 歲 以上 的 民眾 打 因此 這些 az 疫苗 有望 給 38 歲 以下 的 族群 接種 我國 自 購 的 524萬 劑 az 已於 昨天下午 抵達 桃園 國際機場 待 完成 通關 程式 後 將 直接 運送 至 指定 冷儲 物流 中心 進行 檢驗 封 緘 作業 指揮中心 表示 臺灣 自 購 1000萬 劑 的 az 先前 已 到 貨 的 包括 3 月 3 日 117萬 劑 7 月 7 日 626萬 劑 7 月 15 日 56萬 劑 7 月 27 日 582萬 劑 以及 的 524萬 劑 總計 約 241萬 劑 到貨 這 波 524萬 劑 的 az 會 分配 給 誰 打 陳時中 昨 在 記者會 上 提到 這 波 到貨 的 524萬 劑 az 原則 上會 依 年齡層 繼續 往 下 開放 但 相關 細節 仍 需 再 討論 後續 可能 也 會 有 一些 疫苗 進來 因此 要 如何 適當 安排 會 整體 做 考慮 詳情 尚未 定案 另外 考量 到 第 四 輪 疫苗 是 提供 給 38 歲 以上 的 民眾 預約 施打 加上 陳時中 昨天 說 原則 上會 依 年齡 往 下 開放 因 此 38 歲 以下 的 族群 也許 有 可能 可以 打到 az 我國 疫苗 接種 的 人口 涵蓋 率 3778 累計 接種 943萬3236 人次 根據 指揮中心 統計 截至 8 月 11 日 為止 已經 打 第二 劑 疫苗 的 人 共 56萬5947 人次 涵蓋 率 僅 24 其中 38萬6390 人 是 打 az 7萬9557 人 打 莫德納 而 截至 昨 12 日 下午 5 點 疫苗 登記 狀況 只 選 az 的 有 1096萬 人 占比 812 只 選 莫德納 的 約 4019萬 人 占比 2978 只 選 高端 的 194萬 人 占比 144 複 選 az 和 莫德納 的 有 727萬 人 占比 5386 複 選 az和 高端約 38萬 人 占比 028 複 選 莫德納 與 高端 的 約 128萬 人 占比 096 三 款 都 選 的 約 75萬 占比 555</t>
  </si>
  <si>
    <t>新冠肺炎 covid-19 疫情 全球 升溫 我國 全力 防堵 疫情 擴散 今 12 中央流行疫情指揮中心 說明 最新 進度 記者會 重點 如下 今日 新增 3 名 新冠肺炎 確診 案例 1 例 本土 2 境外移入 個案 其中 本土 個案 386 為 案 195 同 住 友人</t>
  </si>
  <si>
    <t>新冠肺炎 covid-19 疫情 全球 升溫 我國 全力 防堵 疫情 擴散 今 12 中央流行疫情指揮中心 說明 最新 進度 記者會 重點 如下 今日 新增 3 名 新冠肺炎 確診 案例 1 例 本土 2 境外移入 個案 其中 本土 個案 386 為 案 195 同 住 友人 有 過敏 症狀 截至 目前為止 國內 共 累計 388 例 確診 6 例 死亡 案 386 為 20 多 歲 男性 其 室友 案 195 從 3 5 到 3 19 在 美國 3 20 出現 症狀 其 同 住 友人 案 386 是 在 女 室友 發病 後 23 天 今 確診 指揮中心 推測 由於 案 195 剛回來 時 無 症狀 21 日 才 住院 與 案 386 有 2 小時 聊天 吃飯 沒 戴 口罩 可能 因 此 遭到 感染 韓國 爆發 91 例 新冠肺炎 患者 出院 後 複 陽 對此 指揮中心 召集人 張上淳 表示 應該 是 原來 的 病毒 而非 重新 傳染 就 像是 金 芭 黎 確診 台商 從 1 月底 染疫 至今 都 無法 三 采 陰 出院 此類 病毒 複 陽 是否 回 變異 象徵 目前 仍 欠缺 科學 根據 紐約 疫情 嚴重 是否 比照 武漢 返台 班機 集中 檢疫 指揮中心 指揮官 陳時中 回應 有 在 做 思考 但 尚無 定論 臺北 某 酒店 公關 日前 確診 指揮中心 表示 目前 匡列 接觸 者 共 118 位 已 采 檢 5 位 其中 三3 人 陰性 分別 為 家屬 與 職 場 同事 另 有 4 人 待 采 檢 五 一連 假 是否 會 有 調整 的 措施 陳時中 今 表示 目前 針對 五 一連 假 並 無 更動 或 停止 假期 的 規劃</t>
  </si>
  <si>
    <t>疫情 未 降溫 疫苗 成 搶手貨 台中 市長 盧秀燕 8 日 在 市政 會議 表示 最近 很多 市民 打電話 到 市府 詢問 疫苗 怎麼 打 但 現在 疫苗 太 少 中央 定有 十 大類 施打 順序 醫護 第一 大類 也 沒 打完 還 不 到 全民 施 打 階段 市府 對 十 大類 可以 施 打的 物件 先 進行 造冊 希望 爭取 更 多 疫苗 快速 到達 讓 全民 施 打 盧秀燕 表示 很多 的 市民 朋友 還 有 各行各業 都 打電話 到 市政府 來 問 我們 要 打 疫苗 要 怎麼 打 因為 現在 臺灣 疫苗 還 非常 有限 中央 配給 地方 政府 的 疫苗 也 非常 的 少 中央 排定 十 大類 施打 對象 第一 大類 是 醫護人員 醫護人員 都 沒 打完 後續 第二 大類 還 未 輪到 現在 還 無法 全民 開放 施打 她 說 按照 中央 十 大類 依 序 來 施打 被 指定 施 打者 市府 會 造冊 進行 通知 無法 自由 來 登記 施打 包括 第 一類 第二 類 以下 皆 依序 造冊 疫苗 施打 物件 和 順序 是 中央流行疫情指揮中心 規範 全國 一致 針對十 大類 可以 施 打的 物件 先 進行 造冊 市府 希望 爭取 更 多 疫苗 更 快速 的 到達 讓 市民 朋友 都有 打 疫苗 的 機會 此外 引發 大學 夜 唱 團 學生 感染 新冠肺炎 的 美 樂 地 ktv 經發 局長 張峰源 今日 在 市政 會議 專案 報告 時 表示 東協 廣場 自主 停業 到 6 月 28 日 該 廣場 內因 夜 唱 團 群 聚 感染 波及 多 名 大學生 及 家庭成員 的 美 樂 地 ktv 調查 實 名 制 不實 市府 針對 消費者 和 業者 總共 開出 14 張 罰 單 金額 從 3600 元 到 1萬5000 元 不 等</t>
  </si>
  <si>
    <t>孕婦 昨 被 列為 公費 接種 疫苗 第 6 類 實施 對象 即 起 開放 接種 不過 原本 規定 同時 為 第一 至 第 三類 接種 物件 的 孕婦 才能 選擇 疫苗 廠 牌 如果 是 一般 孕婦 則 只能 選擇 az 疫苗 引起 民眾 關注 不少 縣 市 首長 紛紛 喊話 讓 孕婦 打 莫德納 疫苗 對此 中央流行疫情指揮中心 今 突 改口 孕婦 可以 從 目前 供應 的 疫苗 種類 擇 一 接種 並 依其 接種 劑 次 及時 程 完成 指揮中心 昨 將 孕婦 列為 第 6 類 公費 疫苗 接種 物件 發言人 莊人祥 昨 表示 孕婦 可以 打 az 疫苗 至於 莫德納 疫苗 的 部分 如果 是 符合 第一 類 至 第 三類 別的 孕婦 則 可以 依 規定 接種 莫德納 疫苗 相關 規定 曝光 後 不少 縣 市 首長 紛紛 表態 支持 孕婦 改 打 莫德納 高雄 市長 陳其邁 說 疫苗 餘 額 充足 高市 6 23 擴大開放 所 有 孕婦 都 可選 打 莫德納 疫苗 桃園 市長 鄭文燦 也 表態 支持 孕婦 施打 莫德納 疫苗 新竹 市 今 22 日 上午 開放 孕婦 接種 疫苗 並 提供 az 和 莫德納 兩 款 可 自由選擇</t>
  </si>
  <si>
    <t>敦睦 艦隊 磐石 艦 23 日 再 新增 1 例 新冠肺炎 確診 使得 磐石 艦 累計 已 29 例 確診 且 其中 5 例 是 第 2 次 采 檢 才 發現 陽性 累計 國內 共 427 人 確診 中央流行疫情指揮中心 表示 案 427 是 20 多 歲 男性 4 月 18 日 至 集中 檢疫所 隔離 采 檢 一 采 陰</t>
  </si>
  <si>
    <t>敦睦 艦隊 磐石 艦 23 日 再 新增 1 例 新冠肺炎 確診 使得 磐石 艦 累計 已 29 例 確診 且 其中 5 例 是 第 2 次 采 檢 才 發現 陽性 累計 國內 共 427 人 確診 中央流行疫情指揮中心 表示 案 427 是 20 多 歲 男性 4 月 18 日 至 集中 檢疫所 隔離 采 檢 一 采 陰性 19 日 起 陸續 出現 喉嚨 痛癢 咳嗽 等 症狀 21 日 再次 采 檢 23 日 確診 磐石 艦 確診 29 例 有 5 例 是 2 采 陽性 指揮中心 專家 諮 詢 小組 召集人 張上淳 表示 磐石 艦 官兵們 在 集中 檢疫 之前 已經 采 檢 但 危險性 還是 在 指揮中心 不會 認為 一 開始 找 到 24 名 確診 個案 就 代表 其他人 安全 否則 就 不用 集中 檢疫 臺灣 至 昨天 已 連續 11 天 零 本土 病例 指揮中心 指揮官 陳時中 表示 敦睦 艦隊 染疫 應該 視為 來自 境外 的 獨立 事件 目前 國內 仍 是 延續 本土 零 確診 狀態 代表 臺灣 相對 安全 但 國際 現況 仍然 嚴峻 加上 敦睦 艦隊 個案 所以 持續 嚴密 監測 此外 繼 嗅 味覺 異常 後 國際 上 又 出現 腳趾 出現 水 泡 的 新冠肺炎 疑 似 症狀 張上淳 昨 證實 國內 確實 有 感染 個案 有 水泡 症狀 只 是 還 沒 確定 是否 都位 在 腳趾 先前 也 有 國外 研究 指出 新冠肺炎 也 會 造成 結膜炎 症狀 張上淳 解釋 國內 還 沒有 確診 個案 出現 結膜炎 症狀 因 此 目前 還 沒 做 相關 的 分泌物 病毒 培養 測試 至於 國外 曾 測試 的 國家 有些 報告 指出 結膜 分泌物 有 病毒 但 有些 沒有 因此 仍 有待 厘 清 另外 唾液 能 不能 拿 來 當作 檢 體 篩檢 新冠 病毒 張上淳 指出 臺灣 在 sars 期間 已用 漱 口水 採集 喉嚨 分泌物 做 rt-pcr 目前 也 有 部分 醫院 採用 但 單用 唾液 檢驗 靈敏度 有待 驗證 長期 協助 帛 琉 醫療 服務 的 新光 醫院 副 院長 洪子仁 表示 帛 琉 在 我方 出現 軍 艦群 聚 後 立即 采 檢 相關 人員 至 今 零 確診 往後 3 周 帛 琉 預計 采 檢 500 人 敦睦艦隊 血液 抗體 檢測 也 是 觀察 重點</t>
  </si>
  <si>
    <t>國產 高端疫苗 開 打 3 天 出現 4 人 接種 後 死亡 的 憾事 而 第 六 輪 接種 將 持續 至 29 日 中央流行疫情指揮中心 指揮官 陳時中 今天 表示 並未 出現 明顯 緩 打 潮 不過 接種 率 確實 有 降低 陳時中 表示 8 月 23 日 高端 接種 率 達 928 8 月 24 日</t>
  </si>
  <si>
    <t>國產 高端疫苗 開 打 3 天 出現 4 人 接種 後 死亡 的 憾事 而 第 六 輪 接種 將 持續 至 29 日 中央流行疫情指揮中心 指揮官 陳時中 今天 表示 並未 出現 明顯 緩 打 潮 不過 接種 率 確實 有 降低 陳時中 表示 8 月 23 日 高端 接種 率 達 928 8 月 24 日 為 902 數目 約略 有 一些 降 是 有 一些 影響 還 沒有 造成 緩 打 潮 不過 確實 有 降低 指揮中心 統計 昨 25 日 單日 接種 8萬3635 人次 目前 全國 疫苗 人口 涵蓋 率 4124 劑 次 人口 比 4472 目前 累計 接種 1049萬7159 劑 新冠 疫苗 其中 高端 占 35萬1482 劑 陳時中曾 表示 希望 在 今年 10 月 能 達到 6 成 的 涵蓋 率 但有 專家建議 達到 7 成再重 啟 國門 對此 陳時中 表示 年底 應該 可以 努力 達到 7 成 越 高 越 好 強調 疫苗 施打 維持 不 強迫 政策 至於 屆時 是否 開放 邊境 還要 做 綜合 判斷</t>
  </si>
  <si>
    <t>中央流行疫情指揮中心 今 3 日 公佈 國內 新增 6 例 境外移入 covid-19 確定 病例 自 荷蘭 案 1139 案 1140 印尼 案 1141 至 案 1143 及 烏茲別克 案 1144 入境 指揮中心 指出 案 1139 為 荷蘭籍 40 多 歲 男性 船員 今 2021 年 4 月 10 日 來</t>
  </si>
  <si>
    <t>中央流行疫情指揮中心 今 3 日 公佈 國內 新增 6 例 境外移入 covid-19 確定 病例 自 荷蘭 案 1139 案 1140 印尼 案 1141 至 案 1143 及 烏茲別克 案 1144 入境 指揮中心 指出 案 1139 為 荷蘭籍 40 多 歲 男性 船員 今 2021 年 4 月 10 日 來 台 工作 持有 搭 機 前 3 日內 檢驗 陰性 報告 入境 後 至 防疫 旅館 進行 檢疫 4 月 25 日 檢疫 期滿 後 由 公司 安排 至 其他 住所 自主 健康 管理 因 工作 需要 5 月 1 日 搭乘 專車 至 醫院 自費 采 檢 於 今日 確診 ct 值 29 住院 後 采 檢 ct 值 33 血清 抗體 igm 及 igg 皆 為 陽性 個案 在 台 期間 並 無 症狀 已 掌握 同 車 接觸 者 12 人 均 有 適當 防護 列 自我 健康 監測 物件 指揮中心 表示 案 1140 為 30 多 歲 荷蘭籍 男性 船員 今年 4 月 8 日 來 台 工作 持有 搭 機 前 3 日內 檢驗 陰性 報告 入境 後 至 防疫 旅館 進行 檢疫 4 月 23 日 檢疫 期滿 後 由 公司 安排 至 其他 住所 自主 健康 管理 因 工作 需要 5 月 1 日 搭乘 專車 至 醫院 自費 采 檢 於 今日 確診 ct 值 33 個案 在 台 期間 並 無 症狀 已 掌握 接觸 者 32 人 均 有 適當 防護 列 自我 健康 監測 物件 指揮中心 指出 案 1141 至 案 1143 均 為 印尼 籍 男性 漁 工 年齡 介於 10 多 歲 至 40 多 歲 今年 4 月 19 日 來 台 工作 皆 持有 搭 機 前 3 日內 檢驗 陰性 報告 入境 後 至 集中 檢疫所 進行 檢疫 5 月 2 日 進行 檢疫 期滿 前 采 檢 於 今日 確診 3 名 個案 在 台 期間 並 無 症狀 檢疫 期間 未 與 他人 接觸 故 無 匡列 接觸 者 指揮中心 表示 案 1144 為 本 國籍 20 多 歲 女性 今年 4 月 21 日 前往 烏茲別克 工作 4 月 27 日 返台 持有 搭 機 前 3 日內 檢驗 陰性 報告 入境 後 返家 進行 檢疫 4 月 28 日 起 陸續 出現 頭痛 發燒 及 噁 心 症狀 4 月 30 日 因 症狀 未 改善 由 衛生 單位 安排 就醫 采 檢 於 今日 確診 ct 值 28 已 掌握 接觸 者 3 人 皆 列 居家 隔離</t>
  </si>
  <si>
    <t>國內 昨日 新增 382 例 新冠肺炎 疑 似 個案 截至 目前 累計 13555 例 通報 其中 13095 已 排除 45 人 確診 中央流行疫情指揮中心 指揮官 陳時中 表示 國內 今日 無 確診 個案 所有 確診 者 中 1 名 死亡 15 名 解除 隔離 其中 13 名 已 出院</t>
  </si>
  <si>
    <t>國內 昨日 新增 382 例 新冠肺炎 疑 似 個案 截至 目前 累計 13555 例 通報 其中 13095 已 排除 45 人 確診 中央流行疫情指揮中心 指揮官 陳時中 表示 國內 今日 無 確診 個案 所有 確診 者 中 1 名 死亡 15 名 解除 隔離 其中 13 名 已 出院 其 餘 個案 病況 穩定 持續 住院 隔離 中 執行官 周志浩 表示 目前 澳洲 音樂家 接觸 者 匡列 419 位 澳洲 音樂家 來 台 期間 共 接觸 419 人 經 調查 其中 412 人 不 需 馬上 采 檢 持續 追蹤 中 目前 有 7 人 需要 采 檢 其中 2 人 陰性 5 人 采 檢 中 自主 健康 管理者 則 有 272 人 其中 2 人 已 出境 但有 聯絡 兩 位 的 國家 此 訊息 中央流行疫情指揮中心 今 7 日 表示 法國 德國 及 西班牙 近期 covid-19 新冠肺炎 病例 快速 上升 且 已 有 數 起 群 聚 事件 發生 評估 已 出現 隱性 社區 傳播 鏈 基於 國人 至 該 三國 當地 具 感染 風險 因 此 即日起 提升 法國德國 及 西班牙 旅遊 疫情 建議 至 第二 級 警示 alert 民眾 前往 當地 應 加強 防護 此外 從 這 三 個 國家 入境 的 民眾 應 落實 14 天 自主 健康 管理 陳時中 表示 鑽石 公主 號 19 位 返國 旅客 已 完成 14 天 集中 檢疫 且 經三次 采 檢 均 為 陰性 於 今日 解除 隔離 其中 12 人 自行 離開 或 由 家人 接送 7 人 於 上午 10 點 搭乘 交通部 安排 的 遊覽車 至 捷 運 站 及 火車站 後 各自 返家 所有人 返家 後 需 進行 自主 健康 管理 外交部 接 獲 帛 琉 官方 通知 該國 發現 1 位 美籍 醫護 疑 似 感染 新冠肺炎 目前 已將 其 安 置於 隔離病房 我國 接 獲 通報 後 由 新光 醫院 感染 科 醫師 透過 視 訊 技術 指導 協助 采 檢 及 安排 聯繫 檢 體 運送 事宜 檢 體 已於 昨 6 日 晚間 抵 台 並 由 專人 送至 疾 管署 實驗室 檢驗 後續 檢驗 結果 將 通知 帛 琉 及 美國 陳時中 說 新冠肺炎 的 疫情 向各洲 蔓延 中 各國 疫情 升級 由 專家 討論 做 決定 臺灣 目前 確診 數 45 例 截至 目前 疫情 密集 度 是 019 外交部 表示 國際 的 疫情 採用 滾 動式 評估 用 科學 的 方法 來 做 針對 德國 法國 西班牙 三國 的 狀況 會 檢討 調整 成 黃色 也 會 隨時 與 疫情 中心 保持 聯絡 陳時中 說 記者會 的 作 位元 分佈 需要 再 調整 今天 已經 將 桌子 往後 移動 周志浩 說 樂團 匡列 45 個 人 是 居家 隔離 自主 健康 管理 則 是 131 個人 建議 少 出門 非得 要 出 門還 是 戴 口罩 一旦 出現 不適 請 務必 儘快 聯絡 就醫 陳時中 呼籲 音樂 老師 可以 重新安排 課程 並 試試看 遠距教學 針對 澳洲 音樂家 來 台 行蹤 周志浩 表示 已經 聯絡 曾去 過 的 餐廳 案 45 例 雖 與 案 34 不同 病 室 卻 仍 確診 張上淳 說 按照 排 班 時序 3 位 明確 診 護理 師 沒有 照顧 到案 45 但是 醫院 內部 有時候 可能 太 忙 會 請 同仁 協助 但 時間 久遠 目前 無從 得知 案 45 和 案 42 曾去 過 同 個 檢察 單位 早上 和 下午 而 案 42 本身 與 案 34 的 關係 是 曾有 同 個 護理 師 照顧 過 醫師 呼籲 確診 者 的 軌跡 要 公開 收治 的 醫院 也 該 公開 陳時中 回應 對 疫情 有 幫助 就 會 公開 無法控制 的 範圍 較 大 的 也 會 公開 是否 公開 的 規則 就 是 這樣 會 維持 這樣 的 態度 周志浩 針對 新兵 染病 一 事 做 回應 與 軍方 連 系 以後 發現 是 不實 訊息 外交部 說 法國 讚賞 臺灣 防疫 很 好 健 保 系統 科技 和 疫情 資訊 透明化 等 都 受到 推崇 這 對 推進 who 都 是 正面 因素 位 來 持續 與 這些 理念 相近 的 國家 合作 周志浩 說 若要 做 基因 定 序 需要 時間 培養 張上淳 補充 說明 透過 基因 定 序 來 探討 兩者 感染 病毒 相同 但是 現在 這不 是 重點 而是 要 如何 防疫 是 重點 未來 有 餘 力 會 做 針對 埃及 指稱 台 女 為 感染 源 一 事 莊人祥 回應 該 名 旅客 是 指標 個案 而 他 在 旅程 中曾 赴 埃及 杜拜 等 國 遊玩 卻 切 的 感染 源 推測 是 國外 而 同 團 的 許多 美國 旅客 也 有 症狀 因此 後來 也 有 通報 美國 張上淳 說 案 45 出院 時有 咳嗽 症狀 後來 也 有 持續 追蹤 觀察 後來 透過 采 檢 也 發現 有 確診 的 狀況 陳時中 說 亂 講講 自己 也 不行 但 如果說 的 是 真 的 就 沒 關係 周志浩 說 發生 的 密度 牽扯 多少 人 但 如何 解讀 要 小心 因為 取決 於 監測 系統 有 多少 且 需 按照 各國 的 程度 陳時中 補充 各國 的 情況 難用 單獨 情況 解讀 除非 狀況 明顯 所以 才 需要 很 多 專家 一起 解讀 這樣 準確度 比較 高 張上淳 說 目前 判斷 沒有 交錯 環境 污染 的 狀況 檢察 的 時候 是 案 45 尚未 有 相關 症狀 的 時候 去 的 陳時中 說 案 42 太太 和 案 45 出院者 的 接觸 者 查清 楚 才 可以 隔離 開來 就 會 比較 放心 張上淳 表示 目前 沒有 證據 還 境 有 沒有 污染 整個 病房 已經 清潔 消毒 其實 就 發現 病毒 不復存在 消毒 過 後 也 曾采檢 證實 病毒 已 不復存在 根據 當時 在 病房 內 的 陪 病者 病 患 不論 是否 出院 和 工作人員 都 有 追查 陳時中 說 至於 防疫 人員 的 補助 會 依據 其 風險 及 辛苦 程度 依法 調整 補助 周志浩 澄清 埃及 官方 及 who 駐 埃及 的 辦公室 都 是 將 台籍 女 遊客 列為 指標 個案 推測 台 女 為 感染 源 一 事 可能 是 因為 當地 媒體 不 清楚 指標 個案 的 意思 所以 誤稱 是 感染 源 但 我方 已 有 將 相關 完整 的 資料 傳給 當地 國家 交響樂團 巡演 的 部分 陳時中 建議 可以 考慮 是否 延後 取消 當然 歡迎 相關 單位 可以 和 我們 討論 溝通 石 崇良 表示 檢疫所 是 對 高風險 的 人 開設 的 裡面 的 人 都 是 陰性 只要 出現 陽性 症狀 就 會 轉送 醫院 負 壓 隔離病房 目前 也 有 更新 設備 1 人 1 室 1 衛浴 也 和 醫院 合作 監測 病人 身體狀況 的 系統 形成 大 資料</t>
  </si>
  <si>
    <t>艦隊 有 24 位 官兵 染疫 一夕之間 國 軍 從 防疫 模範 生 成為 全國 民眾 眼中 的 獵 巫 物件 輿論 一面倒 火力 全開 撻 伐 磐石 艦 的 感染 源 從何而來 目前 仍 一 片 謎團 但 朝野 似乎 已 定調 為 海軍 隱匿 疫情 眼見 海軍 遭到 排山倒海 指責 不少 老 海軍 也 紛紛 跳出 來 強調 新冠肺炎 是 致命 傳染病 沒有 人 敢 隱瞞 或 承擔 這種 後果 可說 有 判斷 錯誤 可能 但 絕不能 說是 刻意 隱瞞 這 對 所有 在 海上 待 了 45 天 的 官 而言 真的 太沉重 因為 絕對 沒有 人 願意 染病 中央流行疫情指揮中心 專家 諮 詢 小組 召集人 張上淳 研 判 疫情 恐怕 早 在 艦 上 已 有 數 波 感染 軍方 官員 說 這次 敦睦 出訪 是 史上 最 短 天數 也 是 最 倒 楣 的 一 次 張上淳 表示 磐石 艦 的 感染 源 仍 難以 認定 須有 更進一步 的 疫 調 才能 判斷 由於 該 艦 2 月底 出航 3 月 12 日 至 15 日 停靠 帛 琉 隨後 又 在 海上 漂泊 30 天 不 排除 艦 上 早已 有 感染者 現 發現 的 確診 個案 恐怕 是 經過 第 2 第 3 波 感染 國防 醫學院 醫學 系 內科 教授 張峰義 認為 應是早 有 無 症狀 感染者 上 船 才 會 造成 這 波 疫情 老 海軍 也 群起 表示 外界 似乎 都 將 敦睦 艦隊 每年 出 訪 的 目的 定調 為 吃喝玩樂 的 海上 郵輪 行 但 實際上 真正 的 目的 是 要 訓練 官兵 遠航 作戰 任務 以及 未來 幹部 海上 遠 和 經驗 外交 任務 只是 輔助 目前 當前 要務 應該 是 如何 迅速 完善 的 將 24 名 染疫 官兵 救治 康復 應該 檢討 的 不適 誰 要 負責 下臺 而是 艦隊 出航 計 畫 中 是否 將 各種 疫情 應變 納入 計畫中 監控 艦隊 與 掌握 疫情 的 機制 有 沒有 發揮 功能 更 重要 的 是 隨 船 醫官 出航 前 否 受過 足夠 與 疫情 相關 的 專業訓練 是 瞭解 各項 狀況 推演 及 應變 作為 以及 軍醫 體系 到底 有 沒有 提供 足夠 後援 尤其 是 第一 線醫官 獲得 就醫 資訊 後 向上 通報 機制 以及 複合 機制 完善 與否 以上 全都 是 應該 考量 檢討 重點 而 不是 一竿子打 死 一 船 人</t>
  </si>
  <si>
    <t>中央流行疫情指揮中心 今 4 日 公佈 國內 新增 5 例 covid-19 確定 病例 均 為 境外移入 另 確診 個案 中 新增 1 例 死亡 指揮中心 說明 今日 新增 5 例 境外移入 個案 為 4 例 男性 1 例 女性 年齡 介於 20 多 歲 至 50 多 歲 分別 自 印尼 3 例 案</t>
  </si>
  <si>
    <t>中央流行疫情指揮中心 今 4 日 公佈 國內 新增 5 例 covid-19 確定 病例 均 為 境外移入 另 確診 個案 中 新增 1 例 死亡 指揮中心 說明 今日 新增 5 例 境外移入 個案 為 4 例 男性 1 例 女性 年齡 介於 20 多 歲 至 50 多 歲 分別 自 印尼 3 例 案 16361 案 16362 案 16363 貝裡斯 案 16364 及 美國 案 16365 入境 入境 日 介 於今 2021 年 9 月 20 日 至 10 月 2 日 皆 持有 搭 機 前 3 日內 檢驗 陰性 報告 詳 如 新聞稿 附件 指揮中心 表示 今日 新增 1 例 死亡 個案 案 15920 為 70 多 歲 男性 具 慢性 病史 無 相關 活動 接觸 史 8 月 10 日 因 其他 原因 就醫 采 檢 並 住院治療 8 月 11 日 確診 9 月 4 日 解除 隔離 10 月 2 日 因 其他 原因 死亡 指揮中心 統計 截至 目前 國內 累計 3460241 例 新型 冠狀病毒 肺炎 相關 通報 含 3442726 例 排除 其中 16255 例 確診 分別 為 1620 例 境外移入 14581 例 本土 病例 36 例 敦睦 艦隊 3 例 航空器 感染 1 例 不 明及 14 例 調查 中 另 累計 110 例 移除 為 空號 2020 年 起 累計 844 例 covid-19 死亡 病例 其中 832 例 本土 個案 居住 縣 市 分佈 為 新北 市 412 例 臺北市 319 例 基隆 市 29 例 桃園 市 26 例 彰 化 縣 15 例 新竹 縣 13 例 台中 市 5 例 苗栗縣 3 例 宜蘭 縣 及 花蓮縣 各 2 例 台 東縣 雲 林縣 台 南市 南 投 縣 高雄市 及 屏 東縣 各 1 例 另 12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國內 日前 迎來 降為 二級 警戒 後首 個 中秋 連 假 4 天 假期 各 景點 都 被 人潮 塞 爆 外界 擔心 中秋 假期 恐 釀成 疫情 破 口 中央流行疫情指揮中心 副 指揮官 陳宗彥 今 表示 目前 還 在 持續 觀察 中 一般 都 會 觀察 2 周 的 時間 提醒 民眾 若 有 相關</t>
  </si>
  <si>
    <t>國內 日前 迎來 降為 二級 警戒 後首 個 中秋 連 假 4 天 假期 各 景點 都 被 人潮 塞 爆 外界 擔心 中秋 假期 恐 釀成 疫情 破 口 中央流行疫情指揮中心 副 指揮官 陳宗彥 今 表示 目前 還 在 持續 觀察 中 一般 都 會 觀察 2 周 的 時間 提醒 民眾 若 有 相關 旅遊 史 有 症狀 就醫 時須 提醒 醫師 注意 昨日 21 日 中央流行疫情指揮中心 指揮官 陳時中 表示 連 假期 間 看到 大家 尤其 在 海邊 還是 有 不 戴 口罩 的 時候 也 有 看到 夜市 邊走邊吃 倒 不是 說 很多 比較 多 的 是 海邊 戴 口罩 的 問題 對於 中秋 連 假 的 風險 陳宗彥 今日 表示 我們 會 持續 觀察 一般 都 會 觀察 2 周 的 時間 還是 要 提醒 民眾 現在 還 在 二級 警戒 自己 外出 居家 辦公 上學 若 有 症狀 有 旅遊 史 就醫 時還 是 要 提醒 醫師 注意</t>
  </si>
  <si>
    <t>中央流行疫情指揮中心 今 14 日 公佈 國內 新增 5 例 covid-19 確定 病例 分別 為 2 例 本土 及 3 例 境外移入 另 確診 個案 中 無 新 增 死亡 中央流行疫情指揮中心 指揮官 陳時中 表示 兩 例 都 是 新北 市 幼稚園 居家 隔離 對象 居家 隔離 期間 檢</t>
  </si>
  <si>
    <t>中央流行疫情指揮中心 今 14 日 公佈 國內 新增 5 例 covid-19 確定 病例 分別 為 2 例 本土 及 3 例 境外移入 另 確診 個案 中 無 新 增 死亡 中央流行疫情指揮中心 指揮官 陳時中 表示 兩 例 都 是 新北 市 幼稚園 居家 隔離 對象 居家 隔離 期間 檢驗 出來 沒有 向 社區 擴展 在 控制 範圍 內 指揮中心 說明 今日 新增 2 例 本土 個案 案 16204 案 16205 分別 為 30 多 歲 男性 及 未 滿 5 歲 女性 為 同 住 家人 因 有 北部 某 幼稚園 相關 接觸 史 於 9 月 6 日 匡 列為 居家 隔離 對象 案 16204 於 9 月 12 日 出現 發燒 等 症狀 2 名 個 案由 衛生 單位 安排 采 檢 於 今日 確診 衛生 單位 刻 正 進行 相關 疫 調 及 接觸 者 匡列 指揮中心 表示 今日 新增 3 例 境外移入 個案 為 1 例 男性 2 例 女性 年齡 介於 30 多 歲 至 60 多 歲 分別 自 柬埔寨 案 16206 美國 案 16207 印尼 案 16208 入境 入境 日期 介於 8 月 20 日 至 9 月 1 日 均 持有 搭 機 前 3 日內 檢驗 陰性 報告 指揮中心 統計 截至 目前 國內 累計 3028468 例 新型 冠狀病毒 肺炎 相關 通報 含 3011399 例 排除 其中 16098 例 確診 分別 為 1474 例 境外移入 14570 例 本土 病例 36 例 敦睦 艦隊 3 例 航空器 感染 1 例 不 明及 14 例 調查 中 另 累計 110 例 移除 為 空號 2020 年 起 累計 839 例 covid-19 死亡 病例 其中 829 例 本土 個案 居住 縣 市 分佈 為 新北 市 411 例 臺北市 318 例 基隆 市 28 例 桃園 市 26 例 彰 化 縣 15 例 新竹 縣 13 例 台中 市 5 例 苗栗縣 3 例 宜蘭 縣 及 花蓮縣 各 2 例 台 東縣 雲 林縣 台 南市 南 投 縣 高雄市 及 屏 東縣 各 1 例 另 10 例 為 境外移入 指揮中心 再次 呼籲 民眾 應 落實 手部 衛生 咳嗽 禮節 及 佩戴 口罩 等 個人 防護 措施 減少 不必要移動 活動 或 集會 避免 出入 人 多 擁擠 的 場所 或 高 感染 傳播 風險 場 域 並 主動 積極 配合 各項 防疫 措施 共同 嚴守 社區 防線</t>
  </si>
  <si>
    <t>網 紅 四 叉貓 劉宇 日前 在 facebook 公佈 自己 接種 高端疫苗 後 前往 禾馨 做 的 檢驗 抗體 報告 但 國內 並未 開放 民眾 自費 檢驗 抗體 北市 衛生局 也 將 調查 是否 對 診所 開 罰 不過 禾馨 診所 營運 長 林思宏 今 在 社 群 平臺 貼出 公文 早 在 6 月 9 日 就 已經 發文 報 備 北 市府 中央流行疫情指揮中心 昨 指出 並未 開放 民眾 自費 檢測 抗體 北市 衛生局 指出 若 幫 民眾 執行 相關 檢驗 會 有 自費 收費 標準 問題 中央 沒有 開放 指定 機構 外 從事 檢驗 抗體 醫療機構 即便 向 衛生局 申請 自費 收費 標準 也 不 會 同意 只要 被 檢舉 將 依據 醫療法 處分 5萬 到 25萬 元 不過 林思宏 在 昨晚 間 11 點 多 發文 表示 有 媒體 稱 禾馨 自費 cov- 2 igg 抗體 篩檢 沒有 向北 市府 做 過 報 備 其實 早 在 今年 06 月 09 日 也 就 是 好 心肝 事件 爆發 的 同一天 禾馨 醫療 各 院所 就 已 發 函 給 北 市府 過 但 也 不是 北 市府 問題 是 當時 相關 規範 並未 制定 特此 澄清 禾馨 醫療 會 依 規定 盡 速 補足 程式 林 思 宏 說 中央流行疫情指揮中心 發言人 莊人祥 昨 也 提到 向 地方 政府 衛生局 申報 核 可 後 就 可以 檢驗 對此 四 叉貓 也 在 臉書 發文 盼 禾 馨 卡住 的 申請 能 就此 解 套</t>
  </si>
  <si>
    <t>針對 地區 65 歲 以上 並於 6 19 前 接種 第 1 劑 az 疫苗 的 長輩 鄉親 金門縣政府 今天 宣佈 8 28 將 再度 啟動 4 座 大型 接種 站 施打第 2 劑 az 疫苗 提醒 大家 多 加 留意 4 座 大型 az 疫苗 接種 站 為 金城鎮 金城 體育館 金湖 鎮 金湖 小 巨蛋 金沙鎮 金 沙國中 體育館 金 甯鄉 金 寧 中小學 另 烈 嶼 鄉 部 份 將 由 烈 嶼 衛生所 於 8 月 25 日 至 27 日 分批 接種 縣府 表示 中央流行疫情指揮中心 規定 az 疫苗 第 12 劑 接種 間隔 為 10 至 12 周 縣府 繼 6 16 設置 4 座 大型 疫苗 接種 站 為 鄉親 提供 服務 後 此次 在 第 2 劑 開 打 時 再度 啟動 大型 接種 站 服務 縣 衛生局 說明 8 28 在 4 鄉鎮 開設 az 疫苗 第 2 劑 大型 接種 站 接種 對象 為 65 歲 以上 且 於 6 19 以前 曾於縣 內 醫療 院所 接種 az 疫苗 第 1 劑 的 長者 該局 將 採取 第 1 劑 接種 模式 日內 循 民政 系統 陸續派發 通知單 以 村裡 為 單位 希望 長者 依照 排定 時間 分流 前往 接種 站 接種 疫苗 以免 久候 衛生局 並 提醒 前往 接種 站 接種 疫苗 時 應 攜帶 健 保 卡 身分 證 疫苗 接種 卡 黃卡</t>
  </si>
  <si>
    <t>中央流行疫情指揮中心 今 11 日 公佈 國內 新增 11 例 covid-19 確定 病例 分別 為 1 例 本土 個案 及 10 例 境外移入 另 確診 個案 中 無 新 增 死亡 指揮中心 發言人 莊人祥 表示 今日 新增 1 例 本土 個案 案 16411 為 40 多 歲 女性 今 2021 年 1</t>
  </si>
  <si>
    <t>中央流行疫情指揮中心 今 11 日 公佈 國內 新增 11 例 covid-19 確定 病例 分別 為 1 例 本土 個案 及 10 例 境外移入 另 確診 個案 中 無 新 增 死亡 指揮中心 發言人 莊人祥 表示 今日 新增 1 例 本土 個案 案 16411 為 40 多 歲 女性 今 2021 年 10 月 9 日 因 其他 原因 就醫 采 檢 並於 今日 確診 ct 值 349 血清 抗體 igm 陰性 igg 陽性 該案 居住 在 新北 市 汐止 區 的 幼稚園 教師 工作 地點 在 臺北市 內 湖 區 初步 研 判 是 舊案 莊 人 祥 說 目前 共 匡列 67 人 進行 居家 隔離 包含 同 班級 內 的 學生 教師 與 家長 其他 班 的 則 列為 自主 健康 監測 羅一鈞 也 補充 該 個案 被 發現 的 第一時間 就 已經 積極 進行 疫 調 與 采 檢 若 最後 居家 隔離 者 的 采 檢 結果 都 是 陰性 會 因 舊案 提早 將 接觸 者 解除 隔離 這 部分 將 是 疫情 發展 而 定 醫療 應變 組 副 組長 羅一鈞 表示 個案 的血清 抗體 igg 為 陽性 應是 7 月 打過 一 劑 莫德納 疫苗 所 致 但 n 抗體 也 呈現 陽性 就 表示 該 個案 曾經 感染 過 指揮中心 說明 今日 新增 10 例 境外移入 個案 為 5 例 男性 5 例 女性 年齡 介於 10 多 歲 至 50 多 歲 分別 自 印尼 3 例 案 16405 16407 美國 2 例 案 16408 案 16412 菲律賓 2 例 案 16409 案 16410 新加坡 案 16413 及 蒙古 2 例 案 16414 案 16415 入境 入境 日 介於 9 月 26 日 至 10 月 9 日 皆 持有 搭 機 前 3 日內 檢驗 陰性 報告 指揮中心 統計 截至 目前 國內 累計 3602515 例 新型 冠狀病毒 肺炎 相關 通報 含 3585122 例 排除 其中 16305 例 確診 分別 為 1668 例 境外移入 14583 例 本土 病例 36 例 敦睦 艦隊 3 例 航空器 感染 1 例 不 明及 14 例 調查 中 另 累計 110 例 移除 為 空號 2020 年 起 累計 846 例 covid-19 死亡 病例 其中 834 例 本土 個案 居住 縣 市 分佈 為 新北 市 412 例 臺北市 319 例 基隆 市 29 例 桃園 市 27 例 彰 化 縣 15 例 新竹 縣 13 例 台中 市 5 例 苗栗縣 3 例 宜蘭 縣 及 花蓮縣 各 2 例 新竹 市 南 投 縣 雲 林縣 台 南市 高雄市 屏 東縣 及 台 東縣 各 1 例 另 12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因為 南韓 大 邱 新 天地 教會 發生 新冠肺炎 covid-19 超級 傳播 事件 臺灣 中央流行疫情指揮中心 在 20 日 提升 南韓 旅遊 疫情 建議 至 第一 級 注意 目前 尚有 約 400 人 仍 聯繫 不 上 此 教會 超級 傳播 事件 已 成為 韓國新冠肺炎 疫情 核心 在</t>
  </si>
  <si>
    <t>因為 南韓 大 邱 新 天地 教會 發生 新冠肺炎 covid-19 超級 傳播 事件 臺灣 中央流行疫情指揮中心 在 20 日 提升 南韓 旅遊 疫情 建議 至 第一 級 注意 目前 尚有 約 400 人 仍 聯繫 不 上 此 教會 超級 傳播 事件 已 成為 韓國新冠肺炎 疫情 核心 在 全國 近 1600 起 病例 中 逾 半 與 該 教會 信徒 有關 據傳 新 天地 教會 組織 相當 龐 大 且 富裕 早 在 數 年 前 就 有 外 媒 對 新 天地 教會 撰寫 報導 指出 這 是 一個 南韓 邪教 團體 利用 謊言 騙取信任 新冠肺炎 在 新 天地 教會 內 傳播 開來 始 於一名 61 歲 女 信徒 也 就 是 韓國第 31 起 病例 這 名 婦女 2 月 10 日 出現 發燒 症狀 後 又 在 韓國第 4 大城 大 邱 出席 至少 4 場 教會 禮拜 之後 才 被 確診 而 這 名 婦女 在 確診 後 還 曾二度 前往 新 天地 教會 參加 禮拜 目前 當局 掌握 一同 與會 的 人 有 1001 人 但 還 有 將近 400 人 聯絡 不 上 成為 一 種 不 定時炸彈 政府 也 擔心 有些 信徒 為了 隱匿 疫情 會 不 承認 自己 的 身分 導致 疫情 難以 掌握 南韓 防疫 當局 也 召開 記者會 說明 第 31 例 病例 的 大 邱 婦人 可能 也 是 經由 人 傳人 感染 也 可能 並 非 第一 名 在 教會 中 傳播 病毒 的 患者 新 天地 教會 全名 新 天地 耶穌教 證據 帳幕 聖殿 教會 1984 年 3 月 14 日 由 現年 88 歲 的 李萬熙 lee man-hee 所 創立 信徒 都 相信 李萬熙 是 耶穌 轉世 或 耶穌派來 的 使者 據稱 擁有 超過 12萬 名 信徒 但 因為 經常 惹 出 爭議 所以 常 被 譴責 為 基督教 異端 邪教 團體 教會 網站 則 自稱 是 神 在 世上 獨一無二 的 國和 聖殿 並 發誓 如 蠟燭 般 犧牲 我們 的 肉體 來 順從 耶穌 旨意 根據 紐西蘭 媒體 先驅 報 在 2017 年 的 報導 新 天地 教會 透過 洗 腦 來 破壞 信徒 與 家人 間 的 關係 更 有 學生 堅信 教育 已經 沒有 實質 幫助 將 一 整年 的 學費 捐獻 給 教會 英國 英格蘭 教會 和 韓國 基督教 會 聯盟 曾 發出 警告 新 天地 教會 是 非常 危險 的 團體 極端 主義 分子 不僅 慫恿 信徒 離家出走 也 會 洗 腦 信徒 捐獻 財產 對象 不 限 韓國 本地 人 全國 各地 教會 都 在 掌 控 範圍 內 新 天地 教會 在 韓國 知名 成功 的 程度 足以 動員 數 千 名 信 眾 在 高 規格 場地 集體 演出 例如 2012 年 他們 就 曾在首 爾 的 蠶 室 奧林匹克 主 競技場 jamsil olympic stadium 舉行 活動 當時 有 數 百 名 表演者 上演 聖經 場景 與 主題 同時 還 有 數 千 人 依序 翻動 彩頁 書 創造 出 不斷 變化 的 大型 圖像 背景 場面 猶如 北 韓 的 團體操 表演 更 多 ctwant 報導</t>
  </si>
  <si>
    <t>近日 傳出 高鐵 員工 偷 跑 接種 莫德納 第 2 劑 引發 外界 關注 而 國內 尚未 接種 莫德納 第 2 劑 的 民眾 高達 262萬 人 其中 不少 人 第 1 劑 已 屆滿 10 周 究竟 何時 能 完成 接種 中央流行疫情指揮中心 指揮官 陳時中 今天 透露 我 想 很快 就</t>
  </si>
  <si>
    <t>近日 傳出 高鐵 員工 偷 跑 接種 莫德納 第 2 劑 引發 外界 關注 而 國內 尚未 接種 莫德納 第 2 劑 的 民眾 高達 262萬 人 其中 不少 人 第 1 劑 已 屆滿 10 周 究竟 何時 能 完成 接種 中央流行疫情指揮中心 指揮官 陳時中 今天 透露 我 想 很快 就 會 有 好 消息 陳時中 30 日 表示 莫德納 應該 也 有 機會 再 到貨 今天 再度 鬆口 很快 就 會 有 好 消息 面對 媒體 追問 他 又 說 大家 稍微 等待 到 了 我們 就 會 跟 大家 報告 至於 第 11 輪 預約 接種 規劃 民眾 最 關心 bnt 疫苗 可以 開放 至 哪個 年齡 莊人祥 表示 目前 是 將 前天 到貨 的 54萬 劑 撥 出 38萬 劑 提前 至 第 10 輪 使用 另外 校園 接種 原先 估算 30萬 劑 後來 確認 只 需 16萬 劑 因此 會 有 多 出來 的 部分 會 精算 之後 確認 第 11 輪 如何 開放 昨 1 日 疫苗 接種 共 33萬7330 劑 目前 國內 疫苗 人口 涵蓋 率 5724 劑 次 人口 比 6941 陳時中 表示 昨天 接種 較 多 的 是 高端第 2 劑 共 145萬 劑 其次 為 bnt 疫苗 第 1 劑 共 136萬 劑</t>
  </si>
  <si>
    <t>中央流行疫情指揮中心 開放 第 九 類 第 十 類 的 公費 接種 對象 登記 打 疫苗 的 意願 但有 民眾 抱怨 不 知道 bmi 值 大 於 等於 30 是否 符合 第 九 類 的 資格 對此 發言人 莊人祥 解釋 目前 定義 是 民眾 在 去年 1 月 至 今年 5 月 曾 被 診斷 為 肥</t>
  </si>
  <si>
    <t>中央流行疫情指揮中心 開放 第 九 類 第 十 類 的 公費 接種 對象 登記 打 疫苗 的 意願 但有 民眾 抱怨 不 知道 bmi 值 大 於 等於 30 是否 符合 第 九 類 的 資格 對此 發言人 莊人祥 解釋 目前 定義 是 民眾 在 去年 1 月 至 今年 5 月 曾 被 診斷 為 肥胖症 的 人才 符合 資格 公費 疫苗 接種 預約 平臺 6 日 上線 第 九 類 第 十 類 公費 接種 對象 可登記 接種 疫苗 意願 其中 第 九 類 的 定義 是 19 至 64 歲 具有 易 導致 嚴重 疾病 之 高風險 疾病 者 包含 糖尿病 慢性 肝病 含 肝硬化 心血管 疾病 不含 單純 高血壓 慢性 肺病 腎臟 疾病 及 免疫 低下 等 疾病 的 門 住診 紀錄 患者 及 罕見 疾病 及 重大 傷病者 和 bmi 30 者 預估 有 3875萬 人 一 名 網友 日前 在 臉書 社團 我 是 中 和 人 上 詢問 政府 規定 的 第 九 類 高風險 疾病 重大 傷病 登記 之後 要 有 什麼 證明 嗎 因為 家 人 是 個 大 胖子 有 三高 的 問題 長期服藥 但 也 沒 拿 重大 傷病 卡 實際 查詢 衛福部 重大 疾病 編碼 資料 發現 罹 患 三高 的 患者 不 一定 都 算是 重大 傷病 但 如果 是 罹 患 糖尿病 與 肥胖症 的 患者 那就列 在 高風險 疾病 列表 中的 e 專案 裡面 根據 tvbs 報導 一 名 姜先生 透露 bmi 值 大 於 等於 30 很 少會 注 記 在 健 保 診斷 上 所以 健 保 局 那邊 也 沒 資料 打 1922 專線 詢問 不是 轉給 健 保 署 就是 網路 訊問 三 方 都 沒有 答案 對此 發言人 莊人祥 表示 並 沒有 規定 說 bmi 值 大於 30 現在 的 定義 是 用 健 保 診斷 上面 的 肥胖症 而且 要 在 過去 一 年 內 有 就醫 紀錄 根據 中央流行疫情指揮中心 公佈 的 公費 疫苗 接種 物件 第 九 類 為 可能 增加 感染 及 疾病 嚴重 風險 的 人 其中 資格 包含 19 至 64 歲 具有 易 導致 嚴重 疾病 的 高風險 疾病 者 包括 糖尿病 慢性 肝病 腎臟 病 免疫力 低下 等 疾病 有 門 急診 就醫 紀錄者 或 經 醫師 評估 符合 資格 者 以及 罹 患 罕見 疾病 與 重大 傷病 的 人</t>
  </si>
  <si>
    <t>此次 確診 感染 新冠肺炎 的 澳洲 音樂家 入境 臺灣 後 出現 咳嗽 流 鼻 水 鼻 塞 症狀 因 非 典型 新冠肺炎 症狀 被 診斷 為 類 流感 錯失 及時 確診 的 機會 新冠肺炎 的 3 大 症狀 為 發燒 咳嗽 及 倦怠 國內 45 名 確診 者 中 約 有 8 人 屬於 不 典型 症狀 中央流行疫情指揮中心 表示 新冠肺炎 相當 詭譎 會 提醒 醫師 特別注意 這 名 澳洲 音樂家 雖然 在 台 期間 曾至 診所 就醫 卻 因 診所 看不到 旅遊 史 加上 他 的 症狀 只有 咳嗽 鼻 塞 流 鼻 水 醫師 診斷 為 類 流感 未 安排 采 檢 專家 指出 新冠 病毒 特別 不 穩定 在 複製 的 過程 會 產生 變異 因此 可能 產生 各種 症狀 根據 瞭 解 國內 確診 新冠肺炎 的 45 人中 有 7 人 出現 流 鼻 水 症狀 1 人 出現 腸胃 症狀 都 不 屬於 咳嗽 發燒 倦怠 3 大 症狀 至於 出現 流 鼻 水 症狀 的 7 名 確診 病例 分別 是 國內 第 2 名 本土 病例 案 9 曾赴 澳門 的 案 16 引發家庭 群 聚 的 案 27 院內 群 聚 感染 的 清潔工 及 護理人員 案 35 至 38 而 出現 腸胃 症狀 的 則 是 日前 確診 曾赴 菲律賓 的 北部 男子 案 44 中央流行疫情指揮中心 監測 應變 官 莊人祥 表示 疫情 越來越 詭譎 面對 這類 不 典型 症狀 的 患者 民眾 和 醫師 都 要 特別 小心 指揮中心 先前 已 擴大 社區 篩檢 系統 面對 有 旅遊 史 出現 症狀 的 民眾 醫師 若 懷疑 有 感染 可能 都可 安排 采 檢 此次 澳洲 音樂家 是 醫 界 的 一 項 教訓 指揮中心 先前 已 發 函 允許 醫師 采 檢 將 進一步 提醒 醫 界 留意 不 典型 症狀 者</t>
  </si>
  <si>
    <t>中央流行疫情指揮中心 近日 宣佈 全國 升為 三級 警戒 為 避免 群 聚 疑慮 多 個 會議 暫緩 舉行 原本 要 在 第二 季 舉行 的 基本工資 工作 小組會議 可能 也 無法 舉行 勞動部 官員 表示 目前 朝向 參考 去年 作法 提供 資料 給 委員 再 請 委員 以</t>
  </si>
  <si>
    <t>中央流行疫情指揮中心 近日 宣佈 全國 升為 三級 警戒 為 避免 群 聚 疑慮 多 個 會議 暫緩 舉行 原本 要 在 第二 季 舉行 的 基本工資 工作 小組會議 可能 也 無法 舉行 勞動部 官員 表示 目前 朝向 參考 去年 作法 提供 資料 給 委員 再 請 委員 以 書面 回 覆 訊息 勞動部 條件 司 司長 黃維琛 表示 會 在 近幾日 內 把 如 5 月 的 消費者 物 物價 指 失業率 等 提供 給 委員 參考 而 基本工資 審議會 往例 都 在 第 三 季 辦理 但 此次 遇到 疫情 會 改 采 其他 方式 嗎 他 說 第 三 季是 789 月 到時候 會 視 疫情 情況 再 做 後續 討論</t>
  </si>
  <si>
    <t>北部 染疫 醫 爆發 院內 感染 不少 民眾 質疑 醫護人員 未 遵守 防疫 sop 導致 染疫 對此 中央流行疫情指揮中心 專家 小組 諮 詢 委員 李秉穎 今 表示 發生 院內 感染 很 難 追溯 感染 源 打 個 噴嚏 幾 個 小時 都還 具有 感染力 無意 觸摸 眼 口</t>
  </si>
  <si>
    <t>北部 染疫 醫 爆發 院內 感染 不少 民眾 質疑 醫護人員 未 遵守 防疫 sop 導致 染疫 對此 中央流行疫情指揮中心 專家 小組 諮 詢 委員 李秉穎 今 表示 發生 院內 感染 很 難 追溯 感染 源 打 個 噴嚏 幾 個 小時 都還 具有 感染力 無意 觸摸 眼 口 鼻 都有 染病 風險 台 大 醫師 兼 指揮中心 專家 小組 諮 詢 委員 李秉穎 今 18 天上 廣播節目 周玉蔻 嗆 新聞 表示 院內 感染 很 難 追 感染 源 而 新冠 病毒 最 可怕 的 地方 就是 不 用 飛沫傳染 沒有 直接 面對 病人 都有 可能 得到 感染 更何況 是 戴 口罩 且 總 有 脫下 口罩 的 時間 若 手 未 好好 的 消毒 又 接觸 眼 口 鼻 就 會 得到 感染 因此 所有 的 醫護人員 皆 不要 摸 眼 口 鼻 不論 鼻 過敏 多麼 嚴重 李 秉 穎 說 病毒 離開 人體 不 會 馬上 死亡 若 一個 人 打 了 一個 噴嚏 導致 桌面 殘留 病毒 這 病毒 可能 幾 個 小時 甚至 一兩 天 後 依然 是 活 的 且 具有 傳染 力 因此 下 一個 人接觸 再 觸摸 眼 口 鼻 仍 會 感染 這 無法 匡列 所謂 的 接觸 者 李 秉 穎 表示 去年 北部 某 醫院 發生 院內 感染 在 環境 內 找到 很多 新冠 病毒 存在 痕跡 這 是 醫院 感染 管制 必須 很 重視 的 事 一個 新冠 病人 是 處於 一個 病 室 隔離病房 病毒 會 存在 的 環境 就 僅此 該 病房 而已 沒有 其他 危險性 唯獨 進入 病房 的 人 要 多 注意 若 是 一 名 醫護人員 染疫 醫院 內 各個 角落 恐 已 有 病毒 因此 就算 戴著 口罩 在 不知不覺 情況 下 仍 會 發生 接觸傳染 李秉穎 再次 呼籲 所有 醫療 人員 要 提高 警覺 謹 守 勤洗手 戴 口罩 禁 摸 眼 口 鼻 才能 保護 自己</t>
  </si>
  <si>
    <t>臺灣 目前 有 32 名 新冠肺炎 確診 個案 今天 傳出 好 消息 已 有 9 人 解除 隔離 其中 6 人 出 院 首 架 武漢 包機 中 染疫 的 台商 雖然 多 次 采 檢 時 陰性 時 陽性 但 也 已 幸運 解除 隔離 中央流行疫情指揮中心 統計 臺灣 新冠肺炎 確診 個案 中</t>
  </si>
  <si>
    <t>臺灣 目前 有 32 名 新冠肺炎 確診 個案 今天 傳出 好 消息 已 有 9 人 解除 隔離 其中 6 人 出 院 首 架 武漢 包機 中 染疫 的 台商 雖然 多 次 采 檢 時 陰性 時 陽性 但 也 已 幸運 解除 隔離 中央流行疫情指揮中心 統計 臺灣 新冠肺炎 確診 個案 中 1 名 死亡 6 名 出院 其 餘 個案 持續 住院 隔離 獲 解除 隔離 的 第 11 例 是 首 架 武漢 返台 包機 的 確診 台商 當時 確診 時 讓 陳時中 一時 難 忍 情緒 留下 男兒淚 根據 中央 社 報導 陳時中 表示 這 名 台商 經過 多次 采 檢 但 結果 有時候 陰性 有時候 陽性 醫院 每 兩 天 就 會 重 采 一 次 直到 確定 都 陰性 且 開過 專家 會議 討論 決定 解除 隔離 但 還 沒出 院</t>
  </si>
  <si>
    <t>中央流行疫情指揮中心 今 31 日 公佈 國內 新增 6 例 境外移入 covid-19 確定 病例 自 美國 案 1026 緬甸 案 1027 印尼 案 1028 及 1029 衣索比亞 案 1030 及 孟加拉 案 1031 入境 指揮中心 表示 案 1026 為 本 國籍 70 多 歲 男性 長</t>
  </si>
  <si>
    <t>中央流行疫情指揮中心 今 31 日 公佈 國內 新增 6 例 境外移入 covid-19 確定 病例 自 美國 案 1026 緬甸 案 1027 印尼 案 1028 及 1029 衣索比亞 案 1030 及 孟加拉 案 1031 入境 指揮中心 表示 案 1026 為 本 國籍 70 多 歲 男性 長期 居住 美國 今 2021 年 1 月 3 日 返台 持有 搭 機 前 3 日內 檢驗 陰性 報告 入境 後於 住家 單獨 居家 檢疫 個案 在 台 期間 並 無 症狀 3 月 29 日 因 出境 需要 至 醫院 自費 采 檢 於 今日 確診 ct 值 31 次日 再 驗 ct 值 36 血清 抗體 igm igg 皆 為 陽性 已 掌握 個案 接觸 者 共 53 人 其中 12 人 列 居家 隔離 41 人 列 自主 健康 管理 已 采 檢 48 人 其中 17 人 pcr 采 檢 陰性 其 餘 pcr 及 血清 抗體 檢驗 中 陳時中 表示 今天 確診 的 案 1026 為 本 國籍 70 多 歲 男性 自 美國 入境 該案 在 臺灣 時間 較 久 後 才 驗 出 疑慮 比較 深 相關 調查會 持續 進行 另 自 印尼 入境 的 案 1029 為 印尼 籍漁 工 還 在 居家 隔離 期間 內 公司 便 逕行 安排 采 檢 雖 時間 短 但 已 違反 居家 隔離 規定 後續 會 再 針對 違法 狀況 裁 罰 許多 人 好奇 該案 的 感染 風險 莊人祥 補充 案 1026 為 公司 高層 主管 還 是 會 去 公司 上班 但 平常 都 是 自己 開車 也 會 參加 內部 會議 但 會議 的 人數 不 多 目前 指揮中心 會 針對 他 可能 接觸 的 對象 作 疫情 調查 與 追蹤 但 目前 該案 抗體 陽性 看起來 比較 可能 是 在 國外 感染 只 是 進入 國內 時 沒有 采 檢 出來 因為 出國 才 驗 出來 病毒 量 不 高 屬 于 時陰 時 陽 的 狀態 指揮中心 指出 案 1027 為 緬甸 籍 30 多 歲 男性 漁 工 今年 3 月 14 日 來 台 工作 持有 搭 機 前 3 日內 檢驗 陰性 報告 入境 後 至 防疫 旅 宿 居家 檢疫 個案 3 月 29 日 檢疫 期滿 後 由 公司 安排 至 醫院 自費 采 檢 於今日 確診 ct 值 35 血清 抗體 檢驗 中 個案 在 台 期間 並 無 症狀 已 掌握 個案 接觸 者 共 3 人 其中 2 人 列 居家 隔離 1 人 列 自主 健康 管理 指揮中心 表示 案 1028 及 1029 均 為 印尼 籍 20 多 歲 男性 漁 工 今年 3 月 4 日 來 台 工作 皆 持有 搭 機 前 3 日內 檢驗 陰性 報告 入境 後 至 集中 檢疫所 檢疫 3 月 17 日 接受 檢疫 期滿 前 采 檢 結果 均 為 陰性 2 人 檢疫 期滿 後 至 其他 住所 自主 健康 管理 3 月 24 日 搭乘 專車 至 醫院 自費 采 檢 自費 采 檢 結果 為 陰性 因 同行 中 有 5 人 確診 案 1015 至 1019 轉列 居家 隔離 對象 3 月 29 日 公司 逕自 安排 至 醫院 自費 采 檢 於 今日 確診 ct 值 分別 為 34 及 31 血清 抗體 檢驗 中 2 人 在 台 期間 均 無 症狀 已 掌握 個案 接觸 者 共 6 人 其中 4 人 列 居家 隔離 2 人 列 自主 健康 管理 指揮中心 指出 案 1030 為 本 國籍 20 多 歲 男性 去年 10 月 至 衣索比亞 工作 今年 3 月 28 日 返台 持有 搭 機 前 3 日內 檢驗 陰性 報告 入境 時無 症狀 主動 通報 曾於 國外 出現 咳嗽 嗅 味覺 異常 等 症狀 入境 采 檢 陰性 個案 入境 後 至 集中 檢疫所 檢疫 3 月 30 日 再次 采 檢 並於 今日 確診 ct 值 31 血清 抗體 檢驗 中 已 掌握 個案 接觸 者 共 17 人 其中 5 人 列 居家 隔離 12 人 列 自主 健康 管理 指揮中心 表示 案 1031 為 孟加拉 籍 20 多 歲 女性 今年 3 月 26 日 來 台 就學 持有 搭 機 前 3 日內 檢驗 陰性 報告 入境 後 至 防疫 旅 宿 居家 檢疫 3 月 28 日 出現 咳嗽 症狀 由 衛生 單位 安排 就醫 采 檢 於 今日 確診 ct 值 18 已 掌握 個案 接觸 者 共 10 人 其中 8 人 列 居家 隔離 2 人 列 自主 健康 管理 指揮中心 統計 截至 目前 國內 累計 189458 例 新型 冠狀病毒 肺炎 相關 通報 含 187640 例 排除 其中 1030 例 確診 分別 為 914 例 境外移入 77 例 本土 病例 36 例 敦睦 艦隊 2 例 航空器 感染 及 1 例 不明 另 1 例 案 530 移除 為 空號 確診 個案 中 10 人 死亡 981 人 解除 隔離 39 人 住院 隔離 中</t>
  </si>
  <si>
    <t>中央流行疫情指揮中心 9 日 公佈 國內 新增 16 例 covid-19 境外移入 確定 病例 另 確診 個案 中 無 新 增 死亡 指揮中心 說明 今日 新增 16 例 境外移入 個案 為 11 例 男性 5 例 女性 年齡 介於 10 多 歲 至 50 多 歲 分別 自 美國 案 16800 越南</t>
  </si>
  <si>
    <t>中央流行疫情指揮中心 9 日 公佈 國內 新增 16 例 covid-19 境外移入 確定 病例 另 確診 個案 中 無 新 增 死亡 指揮中心 說明 今日 新增 16 例 境外移入 個案 為 11 例 男性 5 例 女性 年齡 介於 10 多 歲 至 50 多 歲 分別 自 美國 案 16800 越南 7 例 案 16801 16802 案 16806 案 16809 16812 西班牙 案 16803 英國 2 例 案 16804 16805 菲律賓 2 例 案 16807 案 16815 及 印尼 3 例 案 16808 案 16813 16814 入境 入境 日 介 於今 2021 年 11 月 25 日 至 12 月 7 日 皆 持有 搭 機 前 3 日內 檢驗 陰性 報告 指揮中心 統計 截至 目前 國內 累計 4600226 例 新型 冠狀病毒 肺炎 相關 通報 含 4582236 例 排除 其中 16704 例 確診 分別 為 2060 例 境外移入 14590 例 本土 病例 36 例 敦睦 艦隊 3 例 航空器 感染 1 例 不 明及14 例 調查 中 無 新 增 空號 病例 累計 111 例 移除 為 空號 2020 年 起 累計 848 例 covid-19 死亡 病例 其中 836 例 本土 個案 居住 縣 市 分佈 為 新北 市 412 例 臺北市 321 例 基隆 市 29 例 桃園 市 27 例 彰 化 縣 15 例 新竹 縣 13 例 台中 市 5 例 苗栗縣 3 例 宜蘭 縣 及 花蓮縣 各 2 例 新竹 市 南 投 縣 雲 林縣 台 南市 高雄市 屏 東縣 及 台 東縣 各 1 例 另 12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指揮中心 境外移入 臺灣 中央流行疫情指揮中心 新冠肺炎</t>
  </si>
  <si>
    <t>全球 紛紛 開 打 第 3 劑 covid-19 疫苗 針對 國內 第 3 劑 接種 細節 衛福部 傳染病 防治 諮 詢 會 預防接種 組 acip 今天 開會討論 專家 已 達 共識 將 由 指揮中心 指揮官 陳時中 決議 預計 明天 記者會 公佈 covid-19 2019 冠 狀 病毒 疾病 疫苗 接種 是 控制 疫情 關鍵 之一 許多 國家 規劃 追加 第 3 劑 covid-19 疫苗 據 中央流行疫情指揮中心 統計 明年 1 月 31 日前 與 第 2 劑 疫苗 間隔 滿 6 個 月 符合 第 3 劑 疫苗 接種 資格 者 約 有 263萬 人 指揮中心 日前 曾 說明 acip 將 於 今年 11 月底 開會討論 第 3 劑 接種 方式 優先 順序 等 指揮中心 發言人 莊人祥 今天下午 接受 媒體 聯 訪 時 表示 acip 今天 舉行 專家 會議 與會 專家 針對 第 3 劑 接種 細節 已 達 共識 並 給予 政策 建議 後續 將 交由 指揮官 陳時中 做出 最終 決議 預計 明天 公佈 林 口 長庚醫院 副 院長 acip 委員 之一 的邱政洵 表示 全球 第 3 劑 疫苗 施打 資料 少 已 知 多數 國家 第 3 劑 選擇 施打 mrna 疫苗 好 消息 是 加強 劑 對於 減少 突破性 感染 發生 確實 有 明確 成效 且 施打第 3 劑 副作用 並 不 會 更 嚴重 甚至 症狀 可能 更 輕微 國內 今年 3 月 22 日 起開 打 covid-19 疫苗 依 第 1 劑 與 第 2 劑 需 間隔 至少 8 周 第 2 劑 與 第 3 劑 需 間隔 5 至 6 個 月 大約 明年 23 月 臺灣 就 需 展開 加強 劑 施打 作業 部分 專家 提及 若 邊境 防守 得宜 施打第 3 劑 就 沒有 那麼 急 但 另 一派 認為 確診 者 多 來自 境外 又 有 omicron 變種 病毒 應先 讓 醫護 機組人員 接種 對此 邱政洵 表示 第 3 劑 接種 時程 優先 接種 物件 仍 等待 指揮中心 最後 的 決定 至於 各界 關心 的 第 3 劑 施打 疫苗 廠 牌 邱政洵 說 第 3 劑 有 2 種 施打 方法 第 1 種 方法 為 施打 與 1 至 2 劑 同 廠 牌 疫苗 第 2 種 方法 是 選擇 不同 牌子 國外 多 採取 後者 但 國內 疫苗 接種 情況 複雜 同樣 待 指揮中心 決議 至於 青少年 接種 第 2 劑 bnt 疫苗 規劃 邱政洵 表示 omicron 變種 病毒 來勢洶洶 發現 南非 年輕人 完整 接種 率 低 所以 個案 多 是 年輕 族群 提醒 境內 未 完成 2 劑 疫苗 人數 多 將 成為 病毒 大量 繁殖 溫床 他 個人 建議 青少年 應 接種 第 2 劑 bnt 疫苗 有利 臺灣 2 劑 涵蓋 率 快點 沖 起來</t>
  </si>
  <si>
    <t>指揮中心 最 快 可能 在 11 月 上旬 開放 az 混打 bnt 一度 傳出 第二 劑 az 的 棄 打 潮 對此 前臺 大 感染 科 醫師 林氏 璧 表示 國外 研究 顯示 az 混打 mrna 疫苗 的確 會 有 較 好 的 抗體 表現 但 疫苗 保護 力能 維持 多久 也 很 重要 目前 看來 mrna 疫苗 抗體 下降 速度 快 腺病毒 疫苗 反而 更 持久 且 混打 還 須 承擔 不良反應 發生率 較 高 的 風險 因此 他 認為 除了 站 在 第一線 迎戰 delta 的 醫護 與 邊境 防疫 人 員外 其他人 不 需要 那麼 執著 於 混打 林 氏 璧 今 在 臉書 發文 表示 臺灣 將 開放 az 混打 mrna 疫苗 中央流行疫情指揮中心 指揮官 陳時中 昨 表示 目前 規劃 第 13 輪 疫苗 將 會 提供 部分 已 打完 第一 劑 az 超過 10 周 以上 的 民眾 第二 劑 混打 bnt 疫苗 林 氏 璧 指出 az 混打 mrna 疫苗 的確 會 有 較 好 的 中和 抗體 與 t 細胞 免疫 而 加拿大 與 瑞典 的 研究 都 顯示 az 混打 mrna 疫苗 的 保護 力比 兩劑 都 接種 az 還要 高 但 對於 疫苗 保護 力 的 觀察 除了 施打 後 短期 的 保護 力 能 維持 多久 也 是 重點 林 氏 璧 坦言 目前 看來 mrna 疫苗 抗體 掉下來 的 速度 是 比較 快 的 接種 完 的 5 至 8 個 月 就 會 有 不定 程度 的 下降 反而 腺病毒 載體 的 疫苗 可以 撐 比較 久 林 氏 璧 也 說 多數 臺灣人 出國 返台 免 隔離 可能 也 要 半 年 以後 才 會 發生 因 此 現在 將 抗體 打得 很 高 也 沒有 太 大 的 意義 相反 地 可能 會 希望 半 年 後 要 出國前 再 打 一 劑 mrna 疫苗 將 抗體 沖高 才 比較 安全 林 氏 璧 引述 加拿大 的 研究 表示 接種 兩劑 az 疫苗 防 重症 的 效果 維持 的 很 好 並 沒有 輸給 mrna 疫苗 或者 是 混 打的 組合 而且 大家 不要 忘 了 混打 2 種 不同 的 疫苗 就是 承受 兩 種 不同 疫苗 的 風險 az 第一 劑 mrna 第二 劑 發生 不良反應 的 機 率 會 比較 高 林 氏 璧 透露 他 其實 沒有 很 建議 第一 劑 打 az 的 人 要 執著 於 混打 mrna 疫苗 因為 不管 是 兩劑 az 還 是 az 混打 mrna 疫苗 都 很 好 且 就 目前 的 趨勢 來看 6 個 月 後 恐 就 要 考慮 打 第 三 劑 反正 我 是 azaz 戰 隊 等待 半 年 後 出國前 希望 能 打到 莫德納 加強 針 啦 林 氏 璧 也 補充 說 醫護人員 與 邊境 防疫 人員 由於 會 在 第一線 迎戰 delta 病毒 所以 才 需要 將 抗體 拉高 他 認為 這 纇 人 可以 強烈 考慮 混打</t>
  </si>
  <si>
    <t>好 心肝 診所 被 踢 爆 取得 1000 多 劑 az 疫苗 除 醫 事 人 員外 還 開放 志 工 施打 遭 北 市府 開 罰 200萬 元 取消 合約 資格 而 中央流行疫情指揮中心 昨 也 表示 將 由 司法 單位 徹 查 還原 真相 沈寂一 天 後 肝病 防治 學術 基金會 今 發出 800</t>
  </si>
  <si>
    <t>好 心肝 診所 被 踢 爆 取得 1000 多 劑 az 疫苗 除 醫 事 人 員外 還 開放 志 工 施打 遭 北 市府 開 罰 200萬 元 取消 合約 資格 而 中央流行疫情指揮中心 昨 也 表示 將 由 司法 單位 徹 查 還原 真相 沈寂一 天 後 肝病 防治 學術 基金會 今 發出 800 多 字 聲明 稿 承認 給 志 工 打 疫苗 這些 志 工 的 身分 包含 清潔 人員 水電工 大樓 保全 等 以及 各種 好 夥伴 肝 基 會 接受 媒體 聯 訪 時 表示 肝 基 會 的 志 工 非常 多 很多 都 是 長年 服務 的 打 了 疫苗 就 可以 確保 服務 的 病 患 其他人 都 安全 對於 志 工 被 安排 接種 北市 衛生局 是否 知情 肝 基 會 表示 知道 但 沒有 相關 公文 可 佐證 另 肝 基 會 也 說 衛生局 有 要求 8 日 提供 的 100 瓶 疫苗 必須 在 當天 打完 不過 媒體 問及 是否 有 公文 肝 基 會 表示 沒有 另 對 志 工 接種 一 事 肝 基 會 說 執行長 粘 曉 菁 董事長 許 金川 也 都 知情 肝 基 會全文 聲明 如下 肝病 防治 學術 基金會 創立 已 27 年 宗旨 是 結合 社會 愛心 力量 消滅 肝病 創辦 人 是 臺灣 肝病 研究 鼻祖 宋瑞樓 教授 于 民國 73 年 推動 全國 新生兒 注射 b 肝 疫苗 之 創舉 自從 成立 以來 工作 同仁 帶領 大批 義工 全國 走 透 透 為 民眾 做 肝炎 肝癌 的 篩檢 活動 至今 已 嘉惠 六十 多 萬人 即使 在 去年 疫情 期間 仍然 在 嚴峻 的 環境 中 服務 了 兩萬 人次 的 民眾 好 心肝 基金會 延續 其 理念 而 成立 其 下設 好 心肝 診所 本 諸 視 病 猶 親 之 宗旨 從事 醫療 公益事業 故 與 一般 地方 診所 之 規模 及 經營 理念 有所不同 多 年 來 基金會 為 國人 健康 而 努力 除了 醫護 同仁 的 付出 大量 的 志 工 也 是 重要 的 動力 基金會 及 診所 固定 工作 同仁 三百 多 名 此外 還有 經常性 的 志 工 六百 多 名 及 非 經常性 的 協力 志 工 參與 推動 肝病 防治 志 工 大部分 是 退休 的 醫護人員 及 愛心 人士 還有 經常 義務 支援 社區服務 的 志 工 家屬 另外 有 很多 經常 在 基金會 進出 的 工作 夥伴 例如 清潔 人員 水電 工人 大樓 保全 還有 經常性 參與 我們 的 活動 作為 專業 顧問 的 好 夥伴 好 心肝 診所 正是 這些 志 工 及 醫護 合作夥伴 主要 的 工作 及 進出 地點 他們 就是 這 一 次 施打 疫苗 的 物件 因為 新冠 疫情 突然 猖獗 我們 判斷 現在 或 未來 即使 疫情 受 控制 但 這些 熱心 社會 服務 的 志 工 因 大量 的 人際 接觸 而 暴露 在 風險 中 很多 即 將 推動 的 肝炎 防治 計 畫 將 受阻 我們 接到 臺北市 醫師公會 的 函文 通知 請 臺北市 的 醫 事 人員 6 月 4 日前 到 指定 地點 完成 疫苗 的 施打 因此 我們 認為 臺北市 的 醫 事 人員 大致 已經 施打 完畢 我們 也 知道 大部分 的 醫院 志 工 都 已 施打 完畢 而且 衛生局 6 月 7 日 和 8 日 給 我們 疫苗 都 必須 當日 施打 完畢 而且 這些 疫苗 8 月 也 即將 到期 因此 我們 根據 施打 疫苗 優先 順序 規定 的 第 一類 醫 事 人員 及 醫療 院所 非 醫 事 人員 的 分類 辦法 為 上述 人員 施打 疫苗 基於 人饑己饑 人溺己溺 的 基金會 精神 初衷 出於 善意 然 可能 是 做法 不夠 周延 而 造成 爭議 為 各方 所 關切 我們 謹 此 致歉 我們 也 要 感謝 社會 民眾 一直 以來 對 基金會 的 支持 希望 各界 一 本 過去 對 臺灣 肝炎 防治 公共 衛生 的 支持 繼續 一起 努力</t>
  </si>
  <si>
    <t>臺灣 防疫 繳 出 亮 眼 成績單 不 過 紐約時報 new york times 2 日 刊 文 指出 當 世界 許多 國家 都 在 進行 封鎖 時 臺灣人 的 生活 正常 到 詭異 的 程度 文章 點出 臺灣 很 早 就 開始 鎖國 而且 嚴格執行 隔離政策 是 疫情 控制 得當 的 主因 但 文末 也 點出 鎖國 政策 或許 並 非 萬靈丹 更 不是 長久之計 紐約時報 2 日 刊出 一 篇 以 臺灣 如何 計畫 大致 免於 疫情 how taiwan plans to stay mostly covid-free 為題 的 文章 文章 開宗明義 指出 好幾 個 月 來 臺灣人 仍 能 維持 正常 的 生活 這種 正常 的 狀況 甚至 到 了 詭異 的 程度 婚禮 照常 舉行 人們 如常 進場 看球賽 觀賞 音樂會 逛 夜市 等 指出 臺灣 總人口 比 美國 佛州 還 多 新冠 死亡 人數 卻 能 控制 在 2 位 數 文章 也 指出 這樣 成功 防疫 的 經驗 反而 讓 許多 臺灣人 內心 產生 不祥 預兆 臺灣 的 好運 還 能 維持 多久 文章 點出 臺灣 防疫 成功關鍵在於 3 月 就 實施 鎖國 禁止 大部分 觀光客 入境 以及 嚴格執行 的 隔離政策 能 入境 的 人士 必須 隔離 14 天 當中 也 包含 臺灣人 隔離 期 也 比 許多 國家 都長 文章 引述 中央流行疫情指揮中心 指揮官 陳時 中的 說法 指出 除非 出現 一 支 證實 有效 保護 效力 長久 的 新冠 疫苗 否則 臺灣 不 會 考慮 鬆綁 邊境 我 相信 還 會 有 另 一 波 疫情 因為 每個 人 都想 我 打 了 疫苗 或是 我 下 周 要 打 疫苗 我等 了 這麼久 我 現在 自由 了 除非 有 證據 顯示 現在 的 疫苗 提供 持久 的 免疫力 只有 到 那 時候 我們 才 可以 真正 放鬆 一點 即便 臺灣 防疫 成果 令人驚 豔 不過 文章 引述 史丹佛 大學 副教授 王智 弘 jason wang 說法 指出 臺灣 成功 阻擋 病毒 入侵 或許 也 是 因為 運氣 好 他 說 現在 各國 疫情 反撲 加上 又 有 更具 傳染 力 的 變種 病毒 出現 未來 必然 會 有 更 多 染疫 人士 抵達 臺灣 邊境 臺灣 出現 更 多 確診 病例 只 是 時間 早晚 問題 王 智弘 也 指出 臺灣 的 防線 能 堅持 這麼久 確實 很 了不起 不過 他 也 表示 就算 臺灣 於 今年 中 開始 大規模 接種 疫苗 你 還 是 必須 等上 6 個 月 要 再 堅持 另外 6 個 月 將 會 非常 困難 報導 引述 專 研 傳染病 的 新加坡國立大學 教授 費雪 dale fisher 說法 費雪 指出 新加坡 採取 更為 靈活 的 邊境 管制 措施 我們 認為 就算 旅客 攜帶 病毒 入境 仍然 有 很 大 的 機會 不 會 讓 疫情 散播 如果 你 對 你 的 防疫 系統 沒有 信心 你 的 邊境 只 會 愈 守 愈 緊 新加坡 近期 解除 對 臺灣 旅客 的 入境 限制 但 臺灣 並未 回以 對 等 措施 紐 報 指出 臺灣 真正 的 挑戰 在於 如果 疫苗 無法 給予 持久 免疫力 全世界 還 需要 和 新冠 病毒 共存 更 長 一段時間 臺灣人 還 能 忍受 另 一個 與 世界 隔絕 的 一 年 嗎 甚至 是 另外 5 年 費雪 這 也 是 為什麼 我們 說 如果 你 需要 爭取時間 整頓 你 才 會 關閉 邊界 但 不 要 把 它 當作 一 種 策略</t>
  </si>
  <si>
    <t>0 又 破 功 臺灣 今天 新增 一 例 新冠肺炎 境外移入 個案 患者 是 一 位 來自 墨西哥 的 本 國籍 男子 目前 國內 累積 共 448 例 確診 者 還有 兩 名 未出 院 中央流行疫情指揮中心 醫療 應變 組 副 組長 羅一鈞 表示 國內 新增 1 例 境外移入 cov</t>
  </si>
  <si>
    <t>0 又 破 功 臺灣 今天 新增 一 例 新冠肺炎 境外移入 個案 患者 是 一 位 來自 墨西哥 的 本 國籍 男子 目前 國內 累積 共 448 例 確診 者 還有 兩 名 未出 院 中央流行疫情指揮中心 醫療 應變 組 副 組長 羅一鈞 表示 國內 新增 1 例 境外移入 covid-19 病例 案 448 為 50 多 歲 男性 今 2020 年 2 月初 至 墨西哥 工作 昨 1 日 返國 入境 指揮中心 表示 個案 6 月 17 日 至 22 日 陸續 出現 頭痛 咳嗽 四肢 無力 及 發燒 症狀 並 曾於 墨西哥 當地 多次 就醫 但 未 采 檢 經 治療 後 於 6 月 25 日 症狀 緩解 個案 7 月 1 日 入境 時 主動 告知 過去 14 天內 曾 有 不適 症狀 由 機場 檢疫 人員 安排 采 檢 後 送至 集中 檢疫所 隔離 經 檢驗 於 今日 確診 目前 個案 收治 住院 隔離 指揮中心 指出 衛生 單位 已 掌握 個案 接觸 者 共 23 人 其中 11 人 須 居家 隔離 包括 同行 同事 1 人 同 班機 前後 二 排 乘客 10 人 另 有 1 人 轉機 未 入境 同 班機 機組員 11 人 因 全程 有 適當 防護 列為 自主 健康 管理物件 指揮中心 統計 國內 截至 目前 累計 77025 例 新型 冠狀病毒 肺炎 相關 通報 含 76084 例 排除 其中 448 例 確診 分別 為 357 例 境外移入 55 例 本土 病例 及 36 例 敦睦 艦隊</t>
  </si>
  <si>
    <t>為 因應 疫情 升溫 北市 14 日 緊急 啟用 4 個 快 篩 站 而 中央流行疫情指揮中心 15 日 也 宣佈 北市 聯合醫院 中興 院區 快 篩 站 共 發現 46 個 陽性 剝 皮 寮 快 篩 站 則 找到 16 人 總 篩檢 人數 525 人 陽性率 有 10 左右 引起 全國 震驚 投訴人 指</t>
  </si>
  <si>
    <t>為 因應 疫情 升溫 北市 14 日 緊急 啟用 4 個 快 篩 站 而 中央流行疫情指揮中心 15 日 也 宣佈 北市 聯合醫院 中興 院區 快 篩 站 共 發現 46 個 陽性 剝 皮 寮 快 篩 站 則 找到 16 人 總 篩檢 人數 525 人 陽性率 有 10 左右 引起 全國 震驚 投訴人 指出 北市 聯 醫 某 院區 恐 將 出現 類似 和平醫院 的 狀況 至於 是否 會 釀 院內 感染 有待 嚴密 觀察 投訴人 指出 北市 聯 醫 和平 院區 目前 只 出 不 進 導致 萬華 地區 居民 往 外擴散 篩檢 甚至 四處 換 醫院 求醫 流動 到 北 區 的 各 醫院 去 反而 增加 擴散 危險 台大醫院 某 醫師 表示 院內 感染 可能 會 壓垮 醫療 體系 一定 要 嚴防 投訴人 爆 料 北市 聯 醫 某 院區 12 日 替 一 名 外科 患者 手術 但 術 後 患者 血 氧 濃度 無法 回到 正常值 經 胸部 x 光 檢查 才 發現 已 罹 患 肺炎 並 在 14 日 確診 但 確診 後 院方 竟 未 積極 通知 照顧 患者 的 護理人員 甚至 未 立即 安排 采 檢 更 沒 通知 與 確診 人 同 病房 的 患者 及 陪 病 家屬 相當 離譜 北市 聯 醫 表示 有關 所有 檢疫 相關 事項 統一 由 中央流行疫情指揮中心 發 佈</t>
  </si>
  <si>
    <t>國內 今天 新增 2 例 新冠肺炎 確診 均 為 境外移入 中央流行疫情指揮中心 將 於 下午 2 點 召開 記者會 由 發言人 莊人祥 說明 最新 疫情 截至 目前 國內 累計 742 例 確診 分別 為 650 例 境外移入 55 例 本土 病例 36 例 敦睦 艦隊 及 1 例 不明</t>
  </si>
  <si>
    <t>國內 今天 新增 2 例 新冠肺炎 確診 均 為 境外移入 中央流行疫情指揮中心 將 於 下午 2 點 召開 記者會 由 發言人 莊人祥 說明 最新 疫情 截至 目前 國內 累計 742 例 確診 分別 為 650 例 境外移入 55 例 本土 病例 36 例 敦睦 艦隊 及 1 例 不明 另 1 例 案 530 移除 為 空號 確診 個案 中 7 人 死亡 606 人 解除 隔離 129 人 住院 隔離 中 指揮中心 提醒 民眾 出入 醫療 照 護 公共 運輸 生活 消費 教育學 習 觀展 觀賽 休閒 娛樂 宗教 祭祀 及 洽 公 機關 構 等 八大 類 高 感染 傳播 風險 場 域 因 不易 與 他人 保持 社交距離 且 會 近 距離 接觸 不 特定 物件 請 務必 佩戴 口罩 並 應 落實 勤洗手 咳嗽 禮節 等 個人 衛生習慣 以 降低 感染 風險</t>
  </si>
  <si>
    <t>新冠肺炎 疫情 嚴峻 國防部 協助 口罩 國家隊 生產 口罩 竟 爆發 監守自盜 弊 情 後備 指揮部 中校 李志 交 上士 張政陽 涉嫌 利用 督導 新北 市 某 工廠 生產 外科 醫用 口罩 機會 a 走 至少 6000 片 口罩 檢 調 懷疑 2 人 對外 販 售 涉嫌 貪污 昨 搜索 約 談 漏 夜 偵 辦 中 國防部 後備 指揮部 因 新冠肺炎 嚴峻 依 中央流行疫情指揮中心 命令 配合 經濟部 工業 局 口罩 增產 需求 動員 後備軍人 輔導 幹部 及 派遣 後備 指揮部 官兵 協力 口罩 生產 工作 自 2 月 3 日 起 截至 4 月 14 日 止 累計 支援 44 家 廠商 3萬7000 人次 但 檢 調 發現 臺北市 後 指 部 的 中校 李志 交 涉嫌 在 今年 2 月 間 被 調派 新北 市 某 工廠 負責 督導 生產 外科 醫用 口罩 時 和 上士 張政陽 分工 以 利用 螞蟻 搬 象 的 方式 偷 口罩 至少 已 偷走 1 大 箱 6000 片 的 醫療 用 口罩 事後 國防部 後 指 部 接 獲 檢舉 先 將 李 暫調 苗栗 地區 同時全力 配合 檢 調 偵 辦 協助 司法 單位 清查 實際 口罩 被 偷 數量 以及 去向 昨 檢 調 搜索 並未 查扣 到 口罩 但 根據 生產線 的 原料 出 貨 報告 比對 查出 至少 短缺 6000 片 口罩 經 調閱 生產線 出入 人員 紀錄 發現 2 人 涉嫌 重大 據 瞭解 李疑 似 在外 欠債 是否 因 經濟 因素 鋌而走險 有待 厘 清 昨 深夜 2 人 已 被 移送 北 檢 複 訊 檢 調 指出 2 人 涉 犯 貪污 治罪 條例 竊取 或 侵佔 公用 或 公有 器材 財物 者 最輕 可 處 10 年 徒刑 最 重要 面臨 無期徒刑 刑責 相當 重</t>
  </si>
  <si>
    <t>新冠肺炎 covid-19 疫情 全球 升溫 我國 全力 防堵 疫情 擴散 今 20 中央流行疫情指揮中心 說明 最新 進度 記者會 重點 如下 今日 新增 2 例 新冠肺炎 確診 案例 2 例 皆 為 境外移入 截至 目前為止 國內 共 累計 422 例 確診 6 例</t>
  </si>
  <si>
    <t>新冠肺炎 covid-19 疫情 全球 升溫 我國 全力 防堵 疫情 擴散 今 20 中央流行疫情指揮中心 說明 最新 進度 記者會 重點 如下 今日 新增 2 例 新冠肺炎 確診 案例 2 例 皆 為 境外移入 截至 目前為止 國內 共 累計 422 例 確診 6 例 死亡 海軍 敦睦 艦隊 磐石 艦 爆發 國內 最 大宗 的 群 聚 感染 陳時中 表示 群 聚 事件 已經 進入 次 波 感染 且 潛伏期 期間 也 會 陸續 發病 因 此 都 在 集中 檢疫所 觀察 召集人 張上淳 則 表示 昨天 一早 對 其中 5 位 抽血 昨晚 初步 5 個 有 3 人 身體 出現 抗體 雖然 pcr 是 陰性 但 出現 抗體 表示 曾經 感染 過 張上淳 指出 根據 5 人 就醫 紀錄 發燒 時間 點 落 在 3 21 3 26 沒 辦法 確定 是 不是 在 上 船 前 就 感染 可能 是 在 船上 感染 還 需要 更 多 證據 因 此 目前 感染 源 還 不明 針對 敦睦遠 訓 支隊 24 例 確診 個案 衛生 單位 目前 已 掌握 接觸 者 共 255 人 其中177 人 為 居家 隔離 對象 78 人 為 自主 健康 管理物件 將 陸續 安排 采 檢 另外 指揮中心 公佈 官兵 曾 出入 的 足跡 約 90 多 處 公共場所 活動 並 上網 公告 陳時中 坦承 沒有 掌握 到 敦睦 艦隊 的 防疫 工作 並 強調 雖然 軍方 的 防疫 sop 充足 但 彈性 不足 造成 通報 窒礙難行 才 會 出現 下情 難以 上達 的 狀況</t>
  </si>
  <si>
    <t>中央流行疫情指揮中心 宣佈 全國 疫情 警戒 第 三級 延至 6 月 14 日 指揮中心 副 指揮官 陳宗彥 表示 為 防堵 疫情 擴散 也 延長 全國 各地 宗教 寺廟 場所 暫不 進入 各縣市 暫停 公祭 到 6 月 14 日 請 民眾 能 多 體諒 陳宗彥 今天上午 在 指揮 中</t>
  </si>
  <si>
    <t>中央流行疫情指揮中心 宣佈 全國 疫情 警戒 第 三級 延至 6 月 14 日 指揮中心 副 指揮官 陳宗彥 表示 為 防堵 疫情 擴散 也 延長 全國 各地 宗教 寺廟 場所 暫不 進入 各縣市 暫停 公祭 到 6 月 14 日 請 民眾 能 多 體諒 陳 宗彥 今天上午 在 指揮中心 記者會 上 指出 因應 三級 警戒 延長 已經 跟 22 縣 市 的 民政 單位 溝通 並 取得 共識 延續 之前 各 宗教 場所 暫不 進入 的 規範 且 各縣市 暫 也 停 公祭 喪葬 禮儀 只限 家 祭 不 進行 公祭 請 民眾 能 多 體諒 這 段 期間 有 家屬 遇 喪親之痛 也 請 體諒</t>
  </si>
  <si>
    <t>新冠肺炎 疫情 延 燒 中央流行疫情指揮中心 今 公佈 新增 21 名 死亡 案例 最 年輕 只 有 30 多 歲 最 年長 則 是 90 多 歲 專家 諮 詢 小組 召集人 張上淳 說 大部分 死亡 案例 都 有 潛伏 疾病 今 只 有 1 名 50 多 歲 案例 沒有 潛伏 疾病 今日 新增 21 例</t>
  </si>
  <si>
    <t>新冠肺炎 疫情 延 燒 中央流行疫情指揮中心 今 公佈 新增 21 名 死亡 案例 最 年輕 只 有 30 多 歲 最 年長 則 是 90 多 歲 專家 諮 詢 小組 召集人 張上淳 說 大部分 死亡 案例 都 有 潛伏 疾病 今 只 有 1 名 50 多 歲 案例 沒有 潛伏 疾病 今日 新增 21 例 死亡 個案 共計 為 男性 14 位 女性 7 位 年齡 介於 30 多 歲 至 90 多 歲 發病 日 介於 5 月 15 日 至 5 月 27 日 確診 日 介於 5 月 21 日 至 5 月 30 日 死亡 日 介於 5 月 27 日 至 6 月 2 日 張上淳 表示 死亡 案例 大部分 都 有 潛伏 疾病 年輕 的 2 名 個案 有 洗 腎 糖尿病 死亡 個案 中 除 1 名 50 多 歲 的 個案 沒有 潛伏 疾病 外 其 餘 都 有 潛伏 疾病</t>
  </si>
  <si>
    <t>日本 捐 124萬 劑 az 疫苗 給 臺灣 台南 市長 黃偉哲 3 日 晚間 率先 透過 臉書 宣佈 在 台南 日本 人 優先 施打 疫苗 被 質疑 與 中央流行疫情指揮中心 公佈 接種 順序 不符 黃偉哲 說 中央 並未 反對 且 這 是 民間 友善 象徵 這 批 疫苗 台南</t>
  </si>
  <si>
    <t>日本 捐 124萬 劑 az 疫苗 給 臺灣 台南 市長 黃偉哲 3 日 晚間 率先 透過 臉書 宣佈 在 台南 日本 人 優先 施打 疫苗 被 質疑 與 中央流行疫情指揮中心 公佈 接種 順序 不符 黃偉哲 說 中央 並未 反對 且 這 是 民間 友善 象徵 這 批 疫苗 台南 約 可 分到 56萬 劑 台南 日僑 700 多 位 疫苗 量 足夠 黃偉哲 表示 日本首相 菅義偉 宣佈 提供 臺灣 124萬 劑 疫苗 這 是 日本 對 臺灣 非常 正面 的 反應 因此 他 認為 臺灣 也 應該 善 盡 朋友 的 義務 當 疫苗 分配 至 台南 時 可以 優先 讓 在 台南 的 700 多 位 日本 僑民 率先 施打 量 能 完全 足夠 相信 國人 同胞 也 會 肯定 台日 友好 的 表現 他 也 提到 關於 優先 順序 的 施打 中央 雖 訂 定 指導 原則 但 地方 也 可以 因地制宜 例如 最近 長 照 機構 疫情 連環 爆 台南 的 長 照 人員 大約 2000 多 位 也 會 提到 最 優先 順序 來 施打 以免 長 照 機構 繼續 群 聚 感染 台 南市 日本人 協會理事 長野 崎 孝男 表示 他 很 感謝 黃偉哲 市長 關懷 台南 的 日本 僑民 他 認為 這 對 台日 的 關係 有 很 大 的 幫助 自從 311 以來 臺灣 和 日本 的 關係 發展 非常 良好 臺灣 和 日本 是 危難 時會 互相幫助 的 朋友 去年 臺灣 提供 200萬 個 口罩 給 日本 現在 臺灣 有 難 日本 能 幫助 臺灣 這 是 一 件 非常 開心 的 事 充分 展現 出臺 日 友好</t>
  </si>
  <si>
    <t>臺灣 新冠肺炎 covid-19 疫情 不斷 升溫 今天 新增 2 例 為 國內 累積 第 27 例 第 28 例 為 北部 80 多 歲 男性 和 其 50 多 歲 的 兒子 父子 兩 人 都 沒有 旅遊 史 但 其 最小 的 兒子 因 工作 頻繁 往返 大陸 過年 期間 也 曾和 有 大陸 旅遊 史 的 人 有 聚餐 指揮中心 定調 這 對 父子 檔 為 國內 第 三 起 零星 社區 感染 指揮中心 專家 諮 詢 小組 召集人 張上淳 表示 第 27 例 的 80 多 歲 男性 因為 年事已高 加上 具 高血壓 糖尿病 等 慢性病 之 洗 腎 病人 情況嚴重 目前 還 在 加 護 病房 密切 照顧 中 而其 小 兒子 因 密切 往返 大陸 目前 有 呼吸道 症狀 住院 隔離 中 指揮中心 表示 案 27 於 2 月 6 日 出現 咳嗽 流 鼻 水 等 症狀 9 日 因 發燒 診斷 為 肺炎 而 收治 單人 病房 治療 16 日 出現 呼吸 急促 情形 轉至 加 護 病房 20 日 由於 懷疑 結核病 轉 負 壓 隔離病房 並於 21 日 通報 covid-19 並采 檢 送驗 於 今日 確診 而 案 28 曾於 1 月 31 日 出現 發燒 流 鼻 水 及 喉嚨 痛 等 症狀 2 月 4 日 至 門診 就醫 8 日 因 持續 發燒 至 急診 就醫 被 診斷 為 肺炎 後 返家 自主 健康 管理 並於 11 及 18 日 2 次 回診 21 日 通報 並 隔離 采 檢 亦 於 今日 確診 covid-19 新冠肺炎 陽性 指揮中心 張上淳 表示 由於 案 28 與 案 27 白天 同 住 研 判為 密切接觸 者 傳染 為 一起 家庭 群 聚 指揮中心 初步 匡列案 27 之 醫院 工作人員 接觸 者 115 人 已 采 檢 40 人 將 持續 調查 追蹤 采 檢 及 隔離 目前 調查 發現 案 27 之 小 兒子 因 工作 關係 頻繁 往返 中國 大陸 地區 最後 一 次 為 108 年 12 月 2 日 自 廣州 返台 且 過年 期間 亦 曾 與 具 中國 旅遊 史之 友人 聚餐 感染 源 厘 清中 指揮中心 將 針對 個案 發病 14 天 前 之 活動 史 與 可能 暴露 者 持續 進行 回溯 追蹤調查 莊 人 祥 表示 案 27 包含 這 對 父子 還 有 其妻 與 小 兒子 再 加上 其他 同 住 家人 共有 9 人 會 陸續 采 檢 陳時中 表示 24 例 追查 中 而 這 案 是 昨天晚上 才 發生 已經 追查 中 並 重申 這 是 很 局限 一個 家庭 內 的 傳染 而 案 24 的 感染 源 不明 引發 諸多 爭議 中央流行疫情指揮中心 今天 表示 目前 有關 案 24 的 密切接觸 者 共 掌握 533 人 目前 已 采 檢 194 人 維持 2 人 確診 陽姓 的 個案 另 173 人 為 陰性 其 餘 皆 檢驗 中</t>
  </si>
  <si>
    <t>中央流行疫情指揮中心 今天 公佈 最新 疫苗 接種 後 不良 事件 通報 昨日 共 新增 9 件 接種 疫苗 後 的 死亡 個案 其中 有 7 例 接種 az 1 例 接種 莫德納 1 例 接種 高端 目前 全國 累積 817 例 接種 疫苗 後 死亡 個案 仍以 接種 az 疫苗 後 死亡 的 個案</t>
  </si>
  <si>
    <t>中央流行疫情指揮中心 今天 公佈 最新 疫苗 接種 後 不良 事件 通報 昨日 共 新增 9 件 接種 疫苗 後 的 死亡 個案 其中 有 7 例 接種 az 1 例 接種 莫德納 1 例 接種 高端 目前 全國 累積 817 例 接種 疫苗 後 死亡 個案 仍以 接種 az 疫苗 後 死亡 的 個案 最 多 國人 相當 關注 的 高端疫苗 目前 共 施打 出 75萬 劑 根據 指揮中心 統計 截至 昨日 共 累計 18 例 接種 後 死亡 個案 昨天 新增 的 1 例 死亡 為 53 歲 男性 在 8 月 23 日 接種 高端 因 本身 有 腎結石 高血壓 心臟病 糖尿病 史 等 9 月 3 日 出現 心臟 不適 到 醫院 就醫 自述 心臟 功能 變 差 且 雙腳 出現 嚴重 水腫 隨後 更是 無法 下 床 於 9 月 23 日 死亡 除 高端疫苗 外 指揮中心 表示 昨天 也 有 七 例 接種 az 疫苗 後 死亡 的 個案 年齡 介在 56 歲 至 92 歲 間 另 有 一 例 莫德納 疫苗 接種 後 死亡 的 不良 事件 死者 年齡 為 68 歲 指揮中心表示 截至 9 月 22 日 為止 國內 接種 疫苗 後 死亡 的 個案 中 有 333 人 本身 就 有 血管 相關 疾病 273 人 有 代謝 及 營養 疾病 209 人 有 神經系統 相關 疾病 207 例 有 心臟 疾病</t>
  </si>
  <si>
    <t>口罩 自由 買賣 後 若 不 追求 特殊 色 民眾 其實 可 在 許多 地方 買到 口罩 有 網友 好奇 發問 現在 還 會 去 領 實 名 制 口罩 嗎 引發 熱 議 釣 出 許多 人 喊 1 綜合 網友 的 回應 發現 仍 繼續 領取 的 原因 是 擔心 第二 波 疫情 出現 因此 還 不能 鬆懈 網友 在 臉書 社團 口罩 現貨 資訊 發文 指出 現在 口罩 變 得 超 好 買 一整 包 一整 盒 的 都有 在 賣 但 實 名 制 2 周 9 片 的 口罩 仍 可以 領 原 po 表示 他 是 還是 都會 去 領 畢竟 出門 全家 都 還 是 要 戴 口罩 但 好奇 大家 都還會 去 領 嗎 貼 文也 釣 出 許多 準時 領 實 名 制 口罩 的 網友 時間 到 就 買 實 名 制 1 一樣 乖乖 領 還 是 會用 健 保 卡 領 還是 有 在 領 買 起來 放 更 安心 會 現在 藥局 也 不 用 排隊 實 名 制 繼續 領 比較 便宜 另 綜合 網友 的 回應 發現 即便 現在 口罩 很 好 買 仍 有 不少 人 繼續 按時 領 實 名 制 口罩 的 原因 是 新冠肺炎 的 疫情 尚未 結束 也 不 確定 臺灣 是否 會 有 第二 波 疫情 所以 還 不能 鬆懈 萬 一再 度 爆發 口罩 還 是 很 需要 因此 當然 要領 以備不時 之 需 而 中央流行疫情指揮中心 也 曾 在 6 月底 宣佈 口罩 徵用 時間 確定 將 延長 至 今年 的 12 月底 每日 定額 徵用 800萬 片 口罩</t>
  </si>
  <si>
    <t>國內 出現 接種 疫苗 後 最 年輕 的 死亡 個案 中央流行疫情指揮中心 今天 宣佈 一 名 年 僅 24 歲 的 男性 無 慢性 病史 9 月 11 日 接種 az 疫苗 後 9 月 29 日 被 發現 在家 身亡 另外 昨天 也 接 獲 117 件 疫苗 不良 事件 通報 包含 3 例 死亡 70 件 嚴重</t>
  </si>
  <si>
    <t>國內 出現 接種 疫苗 後 最 年輕 的 死亡 個案 中央流行疫情指揮中心 今天 宣佈 一 名 年 僅 24 歲 的 男性 無 慢性 病史 9 月 11 日 接種 az 疫苗 後 9 月 29 日 被 發現 在家 身亡 另外 昨天 也 接 獲 117 件 疫苗 不良 事件 通報 包含 3 例 死亡 70 件 嚴重 不良 事件 發言人 莊人祥 表示 該 名 最 年輕 死亡 個案 9 月 11 日 接種 az 後 返家 即 出現 高燒 服用 退燒藥 後 在 13 日 退燒 無 其他 身體 不適 不料 家屬 在 9 月 29 日 上午 11 點 發現 個案 躺 臥 在 房間 床上 無 回應 隨即 送醫急救 仍 宣告無效 莊 人 祥 說 死者 除 尿酸 有 些微 偏 高外 沒有 其他 慢性 病史 法醫 已 在 10 月 5 日 進行 解剖 將 持續 關注 死因 是否 與 疫苗 有關 莊 人 祥 也 公佈 昨日 13 日 疫苗 接種 人數 為 24萬9077 劑 其中 以 bnt 最 多 打 了 17萬4023 劑 az 接種 4萬0399 劑 莫德納 2萬8006 劑 高端僅 6649 劑 目前 全國 疫苗 涵蓋 率 已 達 5966 劑 次 人口 比 來到 每百人 8009 劑</t>
  </si>
  <si>
    <t>中央流行疫情指揮中心 今 26 日 公佈 國內 新增 304 例 covid-19 確診 病例 其中 本土 302 例 中 包括 連江縣 1 例案 5774 該 名 27 歲 女性 確診 個案 本月 13 日 搭 機 抵達 馬祖 21 日 搭機回 台 24 日 因 失去 嗅覺 在 屏 東 就醫 確診 目前 在 台 治療</t>
  </si>
  <si>
    <t>中央流行疫情指揮中心 今 26 日 公佈 國內 新增 304 例 covid-19 確診 病例 其中 本土 302 例 中 包括 連江縣 1 例案 5774 該 名 27 歲 女性 確診 個案 本月 13 日 搭 機 抵達 馬祖 21 日 搭機回 台 24 日 因 失去 嗅覺 在 屏 東 就醫 確診 目前 在 台 治療 中 經 疫 調 匡列 在 南 竿 密集 接觸 15 人 返台 同機 34 人 連江縣 疫情 指揮中心 表示 案 5774 自 臺灣 本島 到 馬祖 從事 服務業 5 月 13 日 來 馬 21 日 返台 經 疫 調 匡列 21 日 返台 同 班機 34 人 其中 29 位 乘客 在 台已 轉 各縣市 衛生局 追蹤 連江縣 5 位 乘客 及 停留 期間 密切接觸 者 15 人 已 進行 居家 隔離 並 采 檢 進行 pcr 核酸 檢測 其中 8 名 陰性 12 名 持續 檢測 中 案 5774 於 13 日 下午 4 時 5 分 搭 搭乘 立 榮 班機 從 松山機場 赴 馬祖南 竿 晚間 先 到 南 竿 介壽 村 朋友 住處 訪友 之後 數日 均 留宿 仁愛村 男友 住處 19 日 上午 10 時 案 5774 先 到 山隴 弘爺 漢堡 早餐 店 用餐 半 小時 後 前往 山隴 澳 口 釣魚 21 日 下午 1 時 到 山隴 統一 超 商店 對面 水果攤 買 水果 下午 2 時即 搭乘 立 榮 航空 班機 返台 連江縣 疫情 指揮中心 已對 確診 者 足跡 由 環資 局 派員 消毒 並 呼籲 於 該 時段 與 確診 者 足跡 重疊 者 主動 聯繫 連江縣 疫情 指揮中心 並 進行 自我 健康 監測 14 天 連江縣 指揮中心 今 在 防疫 會議 決議 強化 3 級 警戒 並 落實 5 大 措施 包括 外出 全程 戴 口罩 嚴查 不得 營業 休閒 娛樂場所 餐飲 一律 外帶 賣 場 及 超市 加強 人流 管制 少去多 買 一 次 購 足 結婚 不 宴 客 喪禮 不 公祭 宗教 集會 活動 全面 暫停 辦理 宗教 場所 暫不 開放 等 阻絕 病毒 擴散 入境 降低 社區 潛在 風險 屏 東 縣政府 衛生局 也 公佈 足跡 案 號 5774 是 在 連江縣 工作 的 27 歲 女子 5 月 22 日 抵 屏 東 佳 冬 居住 5 月 24 日 因 嗅覺 異常 就醫 經 醫師 評估 采 檢 25 日 確診 疫 調 足跡 包括 佳冬鄉 全聯玉 光 店 佳 冬 石光 見 市場 等 處 均 已 消毒 匡列 6 人 檢疫 及 隔離 至於 感染 源 仍 在 調查 中</t>
  </si>
  <si>
    <t>國際 突破性 感染 頻 傳 根據 中央流行疫情指揮中心 統計 國內 的 境外移入 個案 中 共有 12 人 完整 接種 滿 14 天 仍 染疫 其中 3 人 感染 的 是 印度 變異 株 delta 醫療 應變 組 副 組長 羅一鈞 說 全台 7 月 2 日 開始 推動 入境 3 采 當時 至今</t>
  </si>
  <si>
    <t>國際 突破性 感染 頻 傳 根據 中央流行疫情指揮中心 統計 國內 的 境外移入 個案 中 共有 12 人 完整 接種 滿 14 天 仍 染疫 其中 3 人 感染 的 是 印度 變異 株 delta 醫療 應變 組 副 組長 羅一鈞 說 全台 7 月 2 日 開始 推動 入境 3 采 當時 至 今 共 累計 145 例 境外移入 個案 其中 40 人 打過 疫苗 40 人 當中 有 14 人 接種 1 劑 疫苗 26 人 接種 2 劑 疫苗 但 完整 接種 滿 14 天 者 有 14 人 其中 2 人 在 接種 第 2 劑 前 在 國外 確診 過 扣除 後 有 12 例 境外移入 個案 完整 接種 仍 染疫 其中 有 人 發病 有人 無 症狀 比例 不 高 不 到 10 羅 一 鈞 表示 接種 疫苗 後 染疫 者 有 28 不過 大部分 接種 疫苗 的 確診 病例 都 不是 在 完整 接種 後 染疫 的 只 有 12 人 完整 接種 仍 染疫 ct 值 平均 27 其中 3 人 感染 的 是 delta 12 人中 有 5 人 接種 bnt 疫苗 3 人 接種 嬌 生 3 人 接種 莫德納 1 人 打 az 而 40 例 曾經 接種 過 疫苗 者 有 19 人 接種 bnt 7 人 接種 az 6 人 接種 莫德納 4 人 接種 嬌 生 4 人 接種 科興 各種 廠 牌 都看得 到</t>
  </si>
  <si>
    <t>國內 今天 新增 2 例 新冠肺炎 境外移入 個案 9 天 下來 已 累計 高達 22 例 確診 中央流行疫情指揮中心 為 因應 新冠肺炎 疫情 於 今天 14 30 召開 臨時 記者會 由 莊人祥 發言人 說明 指揮中心 統計 截 目前 國內 累計 104 019 例 新型 冠</t>
  </si>
  <si>
    <t>國內 今天 新增 2 例 新冠肺炎 境外移入 個案 9 天 下來 已 累計 高達 22 例 確診 中央流行疫情指揮中心 為 因應 新冠肺炎 疫情 於 今天 14 30 召開 臨時 記者會 由 莊人祥 發言人 說明 指揮中心 統計 截 目前 國內 累計 104019 例 新型 冠狀病毒 肺炎 相關 通報 含 102449 例 排除 其中 580 例 確診 分別 為 488 例 境外移入 55 例 本土 病例 36 例 敦睦 艦隊 及 1 例 不明 另 1 例 案 530 移除 為 空號 確診 個案 中 7 人 死亡 526 人 解除 隔離 47 人 住院 隔離 中</t>
  </si>
  <si>
    <t>新冠肺炎 境外移入 確診 病例 上揚 中央流行疫情指揮中心 已 宣佈 禁止 高中 以下 師生 出國 鑒於 南部 國立 大學 傳出 確診 病例 後 連帶 引發 2 所 國立 大學 多 名 師生 停課 台南 市長 黃偉哲 18 日 建議 中 央 應 儘快 將 大學 師生 納入 出國 禁令</t>
  </si>
  <si>
    <t>新冠肺炎 境外移入 確診 病例 上揚 中央流行疫情指揮中心 已 宣佈 禁止 高中 以下 師生 出國 鑒於 南部 國立 大學 傳出 確診 病例 後 連帶 引發 2 所 國立 大學 多 名 師生 停課 台南 市長 黃偉哲 18 日 建議 中 央 應 儘快 將 大學 師生 納入 出國 禁令 中 黃偉哲 認為 大學 師生 趴 趴 走 的 情況 比起 高中職 以下 師生 嚴重 許多 既然 高中職 均 已 納入 禁 出國 行列 加上 又 有 大學生 染病 造成 停課 中央 應該 儘快 將 風險 更 高 的 大學 師生 也 納入 禁 出國 的 行列 以免 造成 防疫 缺口</t>
  </si>
  <si>
    <t>滯留 俄羅斯 96 名 國人 前天 抵 台 在 機場 初步 檢疫 後 發現 9 人 過去 2 周 出現 症狀 其中 2 人 腹瀉 1 人 呼吸道 症狀 加上 嗅覺 異常 6 人 出現 呼吸道 症狀 這 9 名 國人 都 被 安排 采 檢 采 檢 結果 為 陰性 其 餘 87 人 也 接續 被 安排 采 檢 采 檢 結果 今 出爐 中央流行疫情指揮中心 指揮官 陳時中 今日 表示 其 餘 87 人 采 檢 結果 均 為 陰性</t>
  </si>
  <si>
    <t>苗栗縣 近期 爆發 移 工 群 聚 波及 數家 電子 廠 苗栗 縣政府 為此 禁止 全縣 移 工 外出 要求 只能 上下班 其 餘 時間 都得 在家 已 超越 3 級 警戒 的 要求 中央流行疫情指揮中心 表示 已經 提醒 苗栗縣 要 歸 回到 3 級 警戒 的 標準 執行 中央 流</t>
  </si>
  <si>
    <t>苗栗縣 近期 爆發 移 工 群 聚 波及 數家 電子 廠 苗栗 縣政府 為此 禁止 全縣 移 工 外出 要求 只能 上下班 其 餘 時間 都得 在家 已 超越 3 級 警戒 的 要求 中央流行疫情指揮中心 表示 已經 提醒 苗栗縣 要 歸 回到 3 級 警戒 的 標準 執行 中央流行疫情指揮中心 副 指揮官 陳宗彥 表示 全台 目前 都 是 3 級 警戒 對於 外籍 或 國人 都 是 一樣 非必要 就 不要 外出 這 是 一致 性 的 後來 瞭解 苗栗縣 是 在 縣 的 會議 裡面 口頭上 這樣 宣佈 也 在 臉書上 宣佈 我們 已經 提醒 苗栗縣 回歸 到 3 級 警戒 的 標準 執行 陳 宗彥 也 特別 提醒 全國 雇用 外籍 員工 的 所有 雇主 外籍 員工 們 也 是 公司 同仁 更是 各行各業 裡面 支持 臺灣 的 產業 疫情 警戒 期間 要 好好 照顧 員工 生活 管理 都 要 善 盡責任</t>
  </si>
  <si>
    <t>國內 疫情 即將 在 下 周 7 月 27 日 降級 不少 民眾 殷殷 期盼 可以 下水 清涼 消暑 中央流行疫情指揮中心 指揮官 陳時中 宣佈 開放 潛水 活動 但 泳池 仍 不 開放 其他 水域 活動 則 是 有 條件 開放 陳時中 表示 因為 潛水 時有 水肺 全身 包緊</t>
  </si>
  <si>
    <t>國內 疫情 即將 在 下 周 7 月 27 日 降級 不少 民眾 殷殷 期盼 可以 下水 清涼 消暑 中央流行疫情指揮中心 指揮官 陳時中 宣佈 開放 潛水 活動 但 泳池 仍 不 開放 其他 水域 活動 則 是 有 條件 開放 陳時中 表示 因為 潛水 時有 水肺 全身 包 緊緊 到 大海 裡面 去 應該 就 不 會 有 交互 感染 的 風險 差別 就是 上岸 的 時候 上岸 的 時候 還是 要 戴 口罩 當然 也 會 嚴格要求 業者 做好 相關 管理 另外 像是 水域 活動 只要 不 會 群 聚 不會 頻繁 接觸 皆 會 開放 陳時中 舉例 像是 衝浪 滑水 水上 摩托車 原則 上 只要 大家 不要 聚 在 一起 上岸時 把 口罩 戴 好 我們 都 會 開放</t>
  </si>
  <si>
    <t>疫情 趨 緩 疫情 指揮中心 昨 4 日 宣佈 維持 二級 警戒 至 18 日 不 降級 但 口罩 政策 將 逐步 鬆綁 有 網友 好奇 詢問 如果 口罩 政策 鬆綁 你 還 會 戴 口罩 嗎 貼 文一 出 引起 鄉民 論戰 根據 中央流行疫情指揮中心 的 公告 指出 今 5</t>
  </si>
  <si>
    <t>疫情 趨 緩 疫情 指揮中心 昨 4 日 宣佈 維持 二級 警戒 至 18 日 不 降級 但 口罩 政策 將 逐步 鬆綁 有 網友 好奇 詢問 如果 口罩 政策 鬆綁 你 還 會 戴 口罩 嗎 貼 文一 出 引起 鄉民 論戰 根據 中央流行疫情指揮中心 的 公告 指出 今 5 日 起 民眾 到 山林 海濱 活動 以及 農林 漁 牧工 作者 在 空曠 處 可 不必 戴 口罩 但 須 隨身攜帶 為 此 一 名 網友 在 ptt 表示 看到 新聞 好像 有 地方 政府 討論 鬆綁 口罩 並 詢問 如果 口罩 鬆綁 你 還 會 戴 口罩 嗎 原 po 認為 如果 口罩 政策 鬆綁 感覺 疫情 會 再 爆發 並 指出 新加坡 英國 以色列 跟 其他 國家 已經 示範 很 多 次 了 因 此 感到 擔憂 貼 文一 出 引起 網友 討論 搭乘 大眾 運輸工具 還 是 會 戴 會 又 不是 每個 人 都打 了 疫苗 會 欸 因為 感覺 還是 有 隱形 傳播 鏈 會 啊 除非 疫情 結束 人 多 的 地方 還 是 會 戴著 另 一派 網友 則 表示 解禁 的話 上班 就 不 戴 了 真的 悶 死 太 熱 就 不 戴 戶外 就 不 戴 了 不會 本來 就 該 回歸 正常 生活</t>
  </si>
  <si>
    <t>今天 中央流行疫情指揮中心 記者會 上 有 外 媒 問 如何 做到 同時 關心 還 在 武漢 的 台商 狀況 陳時中 坦言 臺灣 防疫 因為 有 健全 的 健 保 以及 資訊 力量 因此 防疫 還算 穩住 但 大陸 其他 疫區 仍 有 其他 需要 被 救援 的 人 會 持續 關心</t>
  </si>
  <si>
    <t>今天 中央流行疫情指揮中心 記者會 上 有 外 媒 問 如何 做到 同時 關心 還 在 武漢 的 台商 狀況 陳時中 坦言 臺灣 防疫 因為 有 健全 的 健 保 以及 資訊 力量 因此 防疫 還算 穩住 但 大陸 其他 疫區 仍 有 其他 需要 被 救援 的 人 會 持續 關心 整體 來說 台 彎 還是 要 量 例 而為 陳時中 坦言 大陸 現在 的 情況 讓 我們 有 一些 困擾 從 這次 接 機 的 情況 他們 對 自己 的 信心 度 很 強 我們 當然 也 要 尊重 他們 的 看法 不過 目前 大陸 相關 宣佈 都 已經 慢慢 恢復 除了 武漢 外 都 要 達到 零 確診 方 艙 醫院 也 要 關了 如果 我們 還 要 去 救援 就 會 形成 認知 上 的 矛盾 這 是 未來 要 討論 的 地方 但是 救援 這塊 希望 跟 陸方 有 更 多 專業 的 對話 有 更 多 專業 的 決定 看看 要 怎麼 進行 對於 武漢 包機 面對 大陸 已經 開始 復蘇 會 不 會 再 有 第 三 批 陳時中 表示 這 當中 牽涉 互相 信任 的 問題 資訊 到底 對 或 不對 不是 我 在 質疑 這樣 的 情況 很多 相關 事件 各國 也 都 在 想 這樣 的 情況 往下掉 有 這樣 的 可能性 嗎 原因 是 什麼 尤其 目前 大量 復工 所 造成 的 群 聚 移動 會 防疫 壓力 都變很 大 疫情 會 不 會 因 此 轉變 都 是 需要 再 去 觀察 他 直言 有 很多 情況 可以 很快 決定 但 有些 情況 需要 一些 時間 觀察 才 有 辦法 做 出 判斷</t>
  </si>
  <si>
    <t>行政院長 蘇貞昌 今天 中午 在 臉書上 發文 表示 又 有 一 批 政府 自 購 的 az 疫苗 即將 到貨 大約 5955萬 劑 預計 今天下午 3 點 40 分 抵 台 這 是 4 天內 的 第 3 批 疫苗 到貨 中央流行疫情指揮中心 指揮官 陳時中 指出 這 是 我們 雙邊 購買 的 疫苗</t>
  </si>
  <si>
    <t>行政院長 蘇貞昌 今天 中午 在 臉書上 發文 表示 又 有 一 批 政府 自 購 的 az 疫苗 即將 到貨 大約 5955萬 劑 預計 今天下午 3 點 40 分 抵 台 這 是 4 天內 的 第 3 批 疫苗 到貨 中央流行疫情指揮中心 指揮官 陳時中 指出 這 是 我們 雙邊 購買 的 疫苗 從 泰國 廠 運 過來 目前 我國 簽 購 100萬 劑 az 疫苗 連同 這 一 批 在內 共 到 達 327萬 劑 中央流行疫情指揮中心 今 31 日 表示 約 595萬 劑 astrazeneca 疫苗 預定 於 今日 下午 3 時 40 分 抵達 桃園 國際機場 待 完成 通關 程式 後 直接 運送 至 指定 冷儲 物流 中心 進行 後續 檢驗 封 緘 作業 再 提供 covid-19 接種 計 畫 所 列 實施 對象 接種 指揮中心 指出 該 中心 於去 2020 年 10 月 30 日 與 臺灣 阿斯特 捷利康 公司 簽署 1000萬 劑 covid-19 疫苗 供應 合約 先前 已 陸續 到貨 分別 為 3 月 3 日 117萬 劑 7 月 7 日 626萬 劑 7 月 15 日 56萬 劑 7 月 27 日 582萬 劑 8 月 12 日 524萬 劑 8 月 27 日 265萬 劑 本次 提供 第 七 批 疫苗 截至 目前 總計 約 327萬 劑 到貨 本次 提供 的 疫苗 為 多 劑型 包裝 每 瓶 10 人份 需 存放 於 2 8 的 環境 依 臨床 試驗 每人 需 施打 2 劑 本 批 效期 至 110 年 12 月 31 日</t>
  </si>
  <si>
    <t>中央流行疫情指揮中心 日前 針對 全國 11 處 景點 發出 國家級 警報 其中 台南 遭到 點名 讓 台南 市長 黃偉哲 認為 是 亂 槍 打 鳥 對此 行政院長 蘇貞昌 表示 政府 此舉 是 要 提醒 大家 但 相關 作法 可以 更 精進 對於 蘇 的 回應 黃偉哲 再度</t>
  </si>
  <si>
    <t>中央流行疫情指揮中心 日前 針對 全國 11 處 景點 發出 國家級 警報 其中 台南 遭到 點名 讓 台南 市長 黃偉哲 認為 是 亂 槍 打 鳥 對此 行政院長 蘇貞昌 表示 政府 此舉 是 要 提醒 大家 但 相關 作法 可以 更 精進 對於 蘇 的 回應 黃偉哲 再度 表示 現在 政府 寧可 錯 殺 一百 也 不能 放過 一個 他們 理解 也 會 提出 更 嚴格 措施 新冠肺炎 防疫期間 湧現 連 假 出遊 潮 中央流行疫情指揮中心 宣佈 這 波 連 假 到 過 11 處 國家級 警報 景點 的 民眾 即日起 配合 居家 辦公 或 自主 健康 管理 黃偉哲 6 日 對此 坦言 對 台南 被 公佈 3 處 警示 景點 感到 困擾 直 呼 中央 亂 槍 打 鳥 數位 顯示 更該 注意 夜市 菜市場 人潮 對於 黃偉哲 的 呼應 蘇貞昌 今 赴 立院 進行 施政 總 質詢 前 坦言 面對 疫情 要 戒慎 恐懼 所以 政府 也 是 要 提醒 大家 但 相關 作法 可以 從 各 方面 實際 執行 情形 更 精進 對此 黃偉哲 再 表示 他們 感謝 院長 關心 也能 體院 長 的 壓力 更 能 理解 有時 防疫 必須 做到 寧可 錯 殺 一百 也 不能 放過 一個 的 堅壁清野 但 若 訊息 有誤 就 有 可能 既 錯 殺 也 放過 像 人潮 密集 的 市場 賣 場 和 夜市 地方 都 很 努力 勸導 保持 社交距離 所以 台南 市政府 現在 也 對 去 過 市場 賣 場 和 夜市 的 公務員 和 教師 請 他們 做 自主 管理 地方 都 超前 部署 寧可 錯 殺 一百 也 不 願 放過 一個 黃 的 發言 讓 批 踢踢 網友 大 驚 表示 講 得 勉強 還 算是 客氣 但是 內容 很 不 客氣 了 直接 嗆 是 錯誤 資訊 算是 把 話 講 得 很 重 了 現在 光頭 是 這麼 不得 人緣</t>
  </si>
  <si>
    <t>中央流行疫情指揮中心 今 2 日 表示 昨 1 日 國內 新增 1013 例 新型 冠狀病毒 肺炎 相關 通報 截至 目前 累計 33733 例 含 29755 例 排除 其中 339 例 確診 今日 新增 案 330 至 339 分別 為 291 例 境外移入 及 48 例 本土 病例 確診 個案 中 5</t>
  </si>
  <si>
    <t>中央流行疫情指揮中心 今 2 日 表示 昨 1 日 國內 新增 1013 例 新型 冠狀病毒 肺炎 相關 通報 截至 目前 累計 33733 例 含 29755 例 排除 其中 339 例 確診 今日 新增 案 330 至 339 分別 為 291 例 境外移入 及 48 例 本土 病例 確診 個案 中 5 人 死亡 50 人 解除 隔離 其 餘 持續 住院 隔離 中 有關 3 月 29 日 及 30 日 定點 返台 專案 航班 共 367 名 湖北 返台 民眾 其中 1 人 有 發燒 症狀 後 送 就醫 其 餘 健康 情形 良好 持續 密切 健康 監測 指揮中心 指出 全球 累計 912276 例 確診 分佈 於 180 個 國家 地區 病例 數 以 美國 209071 例 義 大利 110574 例 西班牙 102136 例 中國 大陸 81554 例 及 德國 67366 例 為 多 病例 中 45958 例 死亡 新增 4591 例 以 義 大利 13155 例 西班牙 9053 例 美國 4633 例 法國 4032 例 及 中國 大陸 3312 例 為 多 指揮中心 再次 提醒 民眾 應 做好 手部 衛生 與 咳嗽 禮節 自 國外 入境 時 如有 發燒 咳嗽 等 不適 症狀 應 主動 通報 機場 及 港口 檢疫 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及時 診斷 通報</t>
  </si>
  <si>
    <t>中央流行疫情指揮中心 11 日 宣佈 爆發 感染 源 不 明 的 本土 案例 證實 臺灣 發生 社區 感染 近日 各 醫院 新冠肺炎 疫苗 施打 門診 也 都 額 滿 臺北市立 萬芳 醫院 表示 近期 的 預約 門診 全都 額 滿 疫苗 門診 是 采 預約 制 需 在 2 周前 預約 萬</t>
  </si>
  <si>
    <t>中央流行疫情指揮中心 11 日 宣佈 爆發 感染 源 不 明 的 本土 案例 證實 臺灣 發生 社區 感染 近日 各 醫院 新冠肺炎 疫苗 施打 門診 也 都 額 滿 臺北市立 萬芳 醫院 表示 近期 的 預約 門診 全都 額 滿 疫苗 門診 是 采 預約 制 需 在 2 周前 預約 萬芳 醫院 分配 到 170 瓶 大約 可 施 打 人數 為 1700 人 目前 公費 已 施打 700 人 自費 400 人 新冠肺炎 疫情 持續 擴大 民眾 紛紛 搶 著 打 疫苗 台大醫院 公費 自費 疫苗 2 周內 的 預約 名額 均 已 額 滿 院內 同仁 施打 意願 明顯 上升 臺北市衛生局 表示 臺北市 的 疫苗 總 數量 共 2870 瓶 約 可 施 打 28萬 人 目前 已 施打 2萬 人 左右 未來 如 疫苗 不足 也 會 再 向 中央 叫 貨 臺北 榮總 表示 公費 施打 名額 皆 額 滿 5 月 10 日 疫苗 施打為 130 針 11 日 為 165 針 北市 萬芳 醫院 也 證實 近期 疫情 擴大 施打 疫苗 的 意願 有 升溫 臺北市立聯合醫院 陽明 院區 共 配發 55 瓶 疫苗 已 施打 23 瓶 忠孝 院區 配發 79 瓶 已 施打 60 瓶 仁愛 院區 配發 135 瓶 已 施打 107 瓶 中興 院區 配發 60 瓶 已 施打 55 瓶 和平 院區 配發 110 瓶 已 施打 79 瓶</t>
  </si>
  <si>
    <t>根據 中央流行疫情指揮中心 統計 新冠肺炎 初期 症狀 以 咳嗽 最 多 3 日 有 醫師 提出 警告 從 一 項 猴子 細胞 實驗 中 發現 止咳 藥 水中 的 常見 成分 dextromethorphan 會 加速 新冠 病毒 的 複製 陽明 大學 助理 教授 胸腔 重症 醫師 蘇一</t>
  </si>
  <si>
    <t>根據 中央流行疫情指揮中心 統計 新冠肺炎 初期 症狀 以 咳嗽 最 多 3 日 有 醫師 提出 警告 從 一 項 猴子 細胞 實驗 中 發現 止咳 藥 水中 的 常見 成分 dextromethorphan 會 加速 新冠 病毒 的 複製 陽明 大學 助理 教授 胸腔 重症 醫師 蘇一峰 在 臉書上 發文 表示 dextromethorphan 是 目前 臨床 上 最常 使用 的 止咳 藥 之一 在 知名 國際 期刊 自然 nature 刊登 的 一 項 研究 從 猴子 細胞 實驗 中 發現 dextromethorphan 會 加速 新冠 病毒 的 複製 甚至 可能 使 患者 病情 更加 惡化 但 他 也 表示 這 是 猴子 細胞 實驗 的 研究 結果 人體 感染 不 一定 有 一樣 的 反應 因此 研究 專家建議 在 疫情 期間 使用 止咳 藥物 dextromethorphan 尤其 是 疫區 一定 要 小心謹慎 因為 可能 會 造成 新冠肺炎 疫情 的 惡化 甚至 導致 重症 患者 的 出現 蘇一峰 也 表示 目前 健 保 藥 物品 項中 就 有 174 項 的 呼吸道 藥物 都 含有 dextromethorphan 許多 市 售 的 鎮 咳 止咳 成藥 也 都 含有 dextromethorphan 更 多 ctwant 報導</t>
  </si>
  <si>
    <t>中央流行疫情指揮中心 今 23 日 公佈 新增 287 例 本土 covid-19 確定 病例 另 有 170 例 本土 個案 校正 回歸 上周 各 日 個案 新北 市 至今已有 27 處 可 篩檢 新北 市長 侯友宜 今 23 日 表示 三軍 總 醫院 明 24 日 將 加入 板橋 機動 篩檢 站</t>
  </si>
  <si>
    <t>中央流行疫情指揮中心 今 23 日 公佈 新增 287 例 本土 covid-19 確定 病例 另 有 170 例 本土 個案 校正 回歸 上周 各 日 個案 新北 市 至今已有 27 處 可 篩檢 新北 市長 侯友宜 今 23 日 表示 三軍 總 醫院 明 24 日 將 加入 板橋 機動 篩檢 站 提升 篩檢 量 能 新北 市長 侯友宜 今 23 日 下午 主持 防疫 應變 會議 記者會 侯說 今天 增設 2 處 機動 篩檢 站 三軍 總 醫院 5 月 24 日 將 加入 板橋 機動 篩檢 站 服務 此外 校正 回歸 後 集中 檢疫所 由 中央 徵用 除了 原有 已經 啟用 的 183 間 外 要 再 增 用 3 間 旅館 再 增加 938 間 房 調整 醫療 量 能</t>
  </si>
  <si>
    <t>基隆 市長 林右昌 今日 說明 基隆 市 65 至 67 歲 市民 原住民 55 至 57 歲 第二 劑 莫德納 疫苗 施打 作業 預計 於 25 日 至 27 日 採取 集中 施打 符合 資格 市民 這 幾 天會 陸續 收到 市府 發送 的 通知單 林右昌 表示 基隆 為 了 幫 65 至 67 歲 原住民 55 至 57 歲 市民 施打 第二 劑 莫德納 疫苗 今日 公告 全市 7 區 各裡 別的 施打 時段 造冊 在 10 月 25 到 27 日 接種 共 3 天 進行 林右昌 說 這 幾 天 有些 長輩 收到 中央流行疫情指揮中心 的 簡訊 通知 可能 心裡 有些 疑慮 他 強調 基隆 長者 不論 是否 有 上網 預約 都會 在 22 日前 收到 通知單 大家 可以 到 集中 施打 站 接種 疫苗 一定 打得 到 不用 預約 林右昌 提醒 大家 可以 多多 利用 市府 提供 的 疫苗 專車 防疫 計程車 等 就 像 第一 劑 施打時 一樣 便利 此外 本市 的 整體 疫苗 施打 率 已經 高達 66 在 全國 名列前茅</t>
  </si>
  <si>
    <t>近期 我國 爆發 上 千 起 新冠 本土 個案 中央流行疫情指揮中心 將 全國 到 28 日 以前 列為 三級 警戒 但 中研院 研究員 何美鄉 表示 就算 阻斷 傳播 鏈 做 的 再好 5 月 28 日後 也 不可能 可以 回到 過去 的 生活 可能 要 等到 打完 疫苗 才 會 回去</t>
  </si>
  <si>
    <t>近期 我國 爆發 上 千 起 新冠 本土 個案 中央流行疫情指揮中心 將 全國 到 28 日 以前 列為 三級 警戒 但 中研院 研究員 何美鄉 表示 就算 阻斷 傳播 鏈 做 的 再好 5 月 28 日後 也 不可能 可以 回到 過去 的 生活 可能 要 等到 打完 疫苗 才 會 回去 何 美 鄉 表示 因為 篩檢 量 能 不足 因此 不 斷 呼籲 強化 篩檢 能量 我國 也 與 其他 甫 爆發 的 國家 一樣 剛 開始 的 篩檢 量 能 不足 因 此 才會 有 校正 回歸 她 也 說 如果 5 月 15 日 三級 警戒 大家 因此 減少 傳播 的 話 應該 會 在 28 日後 走 平穩 下降 的 趨勢 預計 近期 就 是 出現 症狀 的 高峰期 但 剛 開始 出現 症狀 不會 立刻 就醫 估計 近期 確診 人數 會 再 增加 何 美 鄉 呼籲 現在 不能 再 采 檢 的 量 能 不能 再 落後 應該 要 及時 確診 當下 公佈 這樣 才能 看到 疫情 的 全貌</t>
  </si>
  <si>
    <t>國內 新冠肺炎 疫情 升溫 中華 郵政 公司 宣佈 5 月 20 日 起 導入 簡訊 實 聯 制 系統 即 起 在 全台 1299 間 郵局 營業場 域 實施 中華 郵政 表示 除 配合 中央流行疫情指揮中心 各項 防疫 措施 實施 營業 場所 量 測體溫 佩戴 口罩 外 亦 提高 整體</t>
  </si>
  <si>
    <t>國內 新冠肺炎 疫情 升溫 中華 郵政 公司 宣佈 5 月 20 日 起 導入 簡訊 實 聯 制 系統 即 起 在 全台 1299 間 郵局 營業場 域 實施 中華 郵政 表示 除 配合 中央流行疫情指揮中心 各項 防疫 措施 實施 營業 場所 量 測體溫 佩戴 口罩 外 亦 提高 整體 環境 清 消 頻 次 各場 域 入口處 執行 實 聯 制 措施 民眾 可 透過 簡訊 實 聯 制 掃描 qr code 後 完成 簡訊 發送 即可 使用人 毋須 支付 簡訊 費用 若 未 攜帶 手機 民眾 亦可 選擇 以 紙本 填寫 方式 進入</t>
  </si>
  <si>
    <t>長 榮 機師 染疫 案 成為 第 2 起 delta 變異 株 入侵 社區 疫情 醫師 周百謙 分析 雙北 桃園 人口 密集 室內 聚集 機會 多 比起 先前 屏 東 疫情 控制 難度 更 高 並 考驗 全民 防護 措施 是否 落實 長 榮有 3 名 機師 與 1 名 機師 之 子 確診 covid-19 2019 冠 狀 病毒 疾病 中央流行疫情指揮中心 今天 公佈 經 基因 定 序 全數 為 最 早 在 印度 發現 的 delta 變異 株 但 與 其中 1 名 最 早 確診 的 機師 案 16066 病毒基因 序列 有所不同 今年 6 月 delta 變異 株 首度 入侵 臺灣 社區 在 屏 東縣 引發 本土 群 聚 共有 17 人 染疫 臺北醫學大學 附設 醫院 胸腔 內科 主治醫師 周百謙 分析 屏 東 相對 地處 偏遠 人口密度 低 靠 著 迅速 篩檢 與 隔離 策略 讓 疫情 迅速 獲 控制 但 周百謙 認為 這 次長 榮 機師 染疫 案 確診 者 足跡 遍及 雙 北 桃園 等 大都市 不僅 人口 密集 大眾交通 運輸 發達 室內 群 聚 機會 也 比 屏 東 多 一旦 疫情 擴散 到 社區 防疫 難度 相對 較 高 他 舉例 屏 東 民眾 經常 在 戶外活動 先前 有 確診 個案 僅 聊天 5 分鐘 就 遭 傳染 確診 而 雙北 都會區 民眾 經常 在 室內 停留 covid-19 病毒 可能 透過 氣 溶膠 傳播 氣 溶膠 在 室內 停留時間 更 久 且 賣 場 購物 車 等 若 未 加強 消毒 也 可能 有 病毒 停留 周 百 謙 說 目前 接觸 者 初步 篩檢 結果 都呈 陰性 可能 代表 個人 防護 措施 得宜 但 仍要 觀察 這 段 時間 是否 還有 出現 其他 陽性 個案 且 是否 為 預期 中的 個案 即 匡列 隔離 者 或者 收到 警示 簡訊 的 物件 必須 密切注意 至少 14 天 要 圍堵 delta 變異 株 個人 防護 基本功 仍 是 重點 台 大公 衛學院 教授 詹長權 說 多數 臺灣 民眾 習慣 室內外 都 佩戴 口罩 未來 值得 密切 觀察 或許 可望 讓 社區 傳播 風險 降低 詹 長 權 提醒 目前 疫 調 要 著 重 確診 者 居家 活動 在外 用餐 或 其他 可能 取下 口罩 的 機會並 將 這些 可能 取下 口罩 場 域 的 接觸 者 列為 重點 篩檢 對象 有助 圍堵 疫情</t>
  </si>
  <si>
    <t>先前 外交部 已 宣佈 在 3 月 21 日前 以免 簽 方式 等 入境 臺灣 的 外籍人士 不 需 額外 申請 即可 延長 30 天 停留 期限 停留 天數 不得 超過 180 天 外交部 於 3 月 時 公佈 因 全球 新冠肺炎 疫情 仍未 有 明顯 趨 緩 且 各國 國境 及 飛 航 限制 也 未 傳 解禁 故 在 3 月 21 日 含 當日 前 持 免 簽證 落地 簽 或 停留 簽證 入境 臺灣 者 且 未 預期 停留 的 外籍人士 無需 申請 在 台 停留 期限 將 一律 自動 延長 30 天 疫情 記者會 上有 記者 提問 部分 外籍人士 認為 臺灣 防疫 有成 盼 可以 延長 簽證 期限 拉長 在 台 停留時間 待 國外 疫情 趨 緩 後 再 離境 中央流行疫情指揮中心 指揮官 陳時中 對 此 表示 如果 國外 的 疫情 仍 是 嚴峻 的 那 相信 外交 單位 將 會 視 情況 予以 延長</t>
  </si>
  <si>
    <t>臺北市 環南 市場 出現 41 人群 聚 中央流行疫情指揮中心 今 傍晚 6 點 30 分起 提早 發出 8萬 多 則 警示 簡訊 提醒 曾 前往 該 市場 的 民眾 接受 采 檢 警示 簡訊 內容 如下 疫情 警示 如 您 曾 至 環 南市 場 且 6 月 8 日 之後 曾有 發燒 呼吸道 症狀</t>
  </si>
  <si>
    <t>臺北市 環南 市場 出現 41 人群 聚 中央流行疫情指揮中心 今 傍晚 6 點 30 分起 提早 發出 8萬 多 則 警示 簡訊 提醒 曾 前往 該 市場 的 民眾 接受 采 檢 警示 簡訊 內容 如下 疫情 警示 如 您 曾 至 環 南市 場 且 6 月 8 日 之後 曾有 發燒 呼吸道 症狀 腹瀉 或 嗅 味覺 異常 等 疑 似 症狀 請 就醫 評估 或 可 至 社區 篩檢 站 采 檢 指揮中心 提醒 民眾 收到 簡訊 者 若 有 不適 務必 正確 佩戴 外科 口罩 盡 速 就醫 不可 搭乘 大眾交通 工具 就醫 時應 主動 告知 醫療 人員 相關 暴露 及 接觸 史 指定 社區 采 檢 院所 醫院 清單 可 至 疾病 管制 署 網站 查詢 http at cdc tw 5 y 262 t 本次 簡訊 發送 範圍 北至 萬 板 大橋 東至 西藏路 南至 華 翠 大橋 西至 環河 快速道路</t>
  </si>
  <si>
    <t>中央流行疫情指揮中心 17 日 晚間 召開 記者會 針對 16 日 確診 新冠肺炎 的 白 牌 車 司機 死亡 案例 也 回溯到 一 名 浙江 台商 中央流行疫情指揮中心 指揮官 陳時中 強調 由於 浙江 台商 檢驗 為 陰性 所以 未來 將 透過 血清 檢驗 試劑 來 確認 是</t>
  </si>
  <si>
    <t>中央流行疫情指揮中心 17 日 晚間 召開 記者會 針對 16 日 確診 新冠肺炎 的 白 牌 車 司機 死亡 案例 也 回溯到 一 名 浙江 台商 中央流行疫情指揮中心 指揮官 陳時中 強調 由於 浙江 台商 檢驗 為 陰性 所以 未來 將 透過 血清 檢驗 試劑 來 確認 是否 為 死亡 確診 個案 的 傳染 者 陳時中 公佈 確診 時序 圖 臺灣 首例 死亡 案例 是 在 1 月 22 日 載 了 一 名 自 浙江 返台 的 台商 針對 死亡 案例 以及 後續 相關 的 確診 案例 已經 先後 采 檢 了 相關 接觸 者 分別 通知 109 人 采 檢 108 人 103 人 為 陰性 以及 通知 72 人 采 檢 68 人 10 人 為 陰性 中央流行疫情指揮中心 專家 諮 詢 小組 召集人 張上淳 解釋 現在 透過 檢驗 這 名 浙江 台商 的 抗體 來 確認 他 是否 曾經 感染 新冠肺炎 由於 這 檢驗 試劑 不是 現成 買 得 到 的 所以 在 收到 血清 後 需要 2 個 工作 天才 能 完成 確認 陳時中 也 再三 強調 這 名 浙江 台商 已 經過 了 潛伏期 如果 是 在 他 有 症狀 時 傳染給 其他人 這些 人 也 都過 了 14 天 潛伏期 請 大家 放心 現在 疫情 中心 也 會 持續 把 檢驗 案例 完成 抗體 檢驗 就 要 麻煩 研究 單位 加速 進行 張上淳 也 補充 這 名 浙江 台商 身上 已經 沒有 病毒 該 有 防疫 措施 厘 清 當中 他 強調 透過 血清 檢驗 是 要 厘 清 事實 而 不是 對 防疫 有所 影響</t>
  </si>
  <si>
    <t>檢驗 浙江 台商 確認 陳時中 中央流行疫情指揮中心</t>
  </si>
  <si>
    <t>繼 昨天 jolin 來 了 連續 9 天 0 確診 今天 則 是 伊林 連續 10 天 0 確診 達 陣 國內 連 10 天 沒有 新 增 病例 指揮官 陳時中 也 表示 有關 129 名 印度 返台 民眾 目前 無後 送 就醫 者 全員 持續 于 集中 檢疫所 密切 健康 監測 另外 瑪律 地 夫 36 人中 有 四 名 民眾 14 天內 有 症狀 在 機場 采 檢 後 也 已經 是 陰性 中央流行疫情指揮中心 今 17 日 表示 國內 今日 無 新 增 病例 昨 16 日 新增 218 例 新型 冠狀病毒 肺炎 相關 通報 截至 目前 累計 通報 69206 例 含 68139 例 排除 其中 440 例 確診 分別 為 349 例 境外移入 55 例 本土 病例 及 36 例 敦睦 艦隊 確診 個案 中 7 人 死亡 395 人 解除 隔離 其 餘 持續 住院 隔離 中 指揮中心 表示 全球 累計 4660752 例 確診 分佈 於 187 個 國家 地區 病例 數 以 美國 1489642 例 俄羅斯 272043 例 英國 240161 例 西班牙 230698 例 及 義 大利 224760 例 為 多 病例 中 311064 例 死亡 以 美國 89813 例 英國 34466 例 義 大利 31763 例 法國 27625 例 及 西班牙 27563 例 為 多 現階段 國內 疫情 趨 緩 指揮中心 鼓勵 民眾 及 業者 力行 防疫 新 生活 運動 不分 行業 重點 就是 保持 室內 15 公尺 以上 室外 1 公尺 以上 的 社交距離 無法 維持 社交距離 時 應戴 口罩 業者 可 運用 隔板 將 座位 隔 開 或 採取 梅花座 維持 適當 的 安全 距離 出入 各類 場所 不分 室內外 皆 要 量 體溫 隨時 保持 手部 清潔 業者 也 應於 入口 及 場所 內 提供 幹 濕 洗手 用品 或 設備 並 採取 實 名 制 確實 執行 人流 管制 及 環境 的 清 消 酒店 舞廳 夜 店 等 行業 只 要 依循 相關 防疫 規範 並 盡 到 管理 的 責任 即 能 在 有 條件 的 情況 下 適度 開放 業者 複業 各縣 市政府 確實 執 行業 者 複業 相關 評估 與 查核 落實 監督工作 指揮中心 再次 提醒 民眾 應 做好 手部 衛生 與 咳嗽 禮節 出門 若無 法 保持 社交距離 或是 搭乘 捷 運 台鐵 高鐵 等 大眾交通 運輸 時 請 全程 佩戴 口罩 自 國外 入境 時 如有 發燒 咳嗽 等 不適 症狀 應 主動 通報 機場 及 港口 檢疫 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供 及時 診斷 通報</t>
  </si>
  <si>
    <t>中央流行疫情指揮中心 今 25 日 宣佈 公眾 集會 活動 室內 超過 100 人 室外 超過 500 人 建議 停辦 文化部 發佈 新聞稿 表示 考量 藝 文 活動 參與 人數 眾多 為 免 長 時間 近 距離 接觸 降低 可能 的 傳播 風險 針對 所屬 機構 及 行政 法</t>
  </si>
  <si>
    <t>中央流行疫情指揮中心 今 25 日 宣佈 公眾 集會 活動 室內 超過 100 人 室外 超過 500 人 建議 停辦 文化部 發佈 新聞稿 表示 考量 藝 文 活動 參與 人數 眾多 為 免 長 時間 近 距離 接觸 降低 可能 的 傳播 風險 針對 所屬 機構 及 行政 法人 表演 型 場館 主辦 合辦 及 所屬 劇團 樂團 室內 演出 活動 自即日起 暫停 文化部 所屬 的 展覽 型 場館 則 應 重新 計算 同一 時段 容留 人數 展 場內 觀眾 人數 不得 超過 100 人 且 參與者 之間 需 保持 一 公尺 以上 距離 為 原則 文化部 表示 所屬 表演 型 場館 外 租 辦理 的 室內 演出 活動 觀眾 人數 若 在 100 人 以上 建議 取消 或 延期 觀眾 人數 在 100 人 以下 的 演出 將 請 場館 主動 協助 演出 單位 延後 演出 相關 事宜 若 決定 延後 或 取消 演出 場 租 將 全額 退回 並 協助 觀眾 辦理 全額 退票 文化部 表示 觀眾 人數 在 100 人 以下 的 室內 演出 活動 或是 500 人 以下 的 戶外 演出 活動 若 仍 規劃 演出 必須 依據 中央流行疫情指揮中心 發佈 的 covid-19 因應 指引 公眾 集會 提供 的 6 項 風險 評估 指標 進行 評估 若 具有 較 高風險 建議 應 延期 或 取消 或 改以 其他 方式 辦理 若 評估 後 還 是 決定 辦理 應訂 定 防疫 應變計 畫 落實 相關 防疫 準備 與 措施 此外 文化部 表示 日前 已 發 佈 文化部 對 受 嚴重 特殊 傳染性 肺炎 影響 發生 營運 困難 產業 事業 減輕 營運 衝擊 補助 申請 須知 第一 次 公告 藝 文 事業 可 申請 減輕 營運 困難 補助 及 因應 提升 補助 自然人 亦可 申請 減輕 營運 困難 補助 預計 四月 中旬 將 公告 第二 次 申請 須知 文化部 表示 將 盤點 所屬 機構 年度預算 包括 與 國家 表演藝術 中心 國立 傳統 藝術 中心 等 共同 研議 如何 運用 今年 度 既有 預算 協助 表演藝術 工作者 與 團隊 持續 發展 作品 及 人才 培育 以 維持 運能 文化部 表示 已 啟動 跨 部會 協調 爭取 藝 文 產業 適用 其他 部會 的 紓困 方案 例如 考量 映 演 業 等 大型 事業 業者 有 較 高額 的 貸款 需求 已向 經濟部 爭取 未來 納入 大型 企業 紓困 貸款 專案 並 由 信 保 基金 提供 信用 保證</t>
  </si>
  <si>
    <t>再 增 1 確診 中央流行疫情指揮中心 今 10 日 宣佈 新增 1 例 境外移入 個案 下午 2 時將 由 發言人 莊人祥 召開 臨時 記者會 說明 個案 相關 事宜 根據 指揮中心 資料 我國 新冠肺炎 目前 累計 病例 有 496 例 確診 分別 為 404 例 境外移入 病</t>
  </si>
  <si>
    <t>再 增 1 確診 中央流行疫情指揮中心 今 10 日 宣佈 新增 1 例 境外移入 個案 下午 2 時將 由 發言人 莊人祥 召開 臨時 記者會 說明 個案 相關 事宜 根據 指揮中心 資料 我國 新冠肺炎 目前 累計 病例 有 496 例 確診 分別 為 404 例 境外移入 病例 55 例 本土 病例 36 例 敦睦 艦隊 及 1 例 不明 比利時 工程師 而 確診 個案 中 有 7 人 死亡 475 人 解除 隔離 13 人 住院 隔離 中 另 繼 加利 口罩 之後 今 又 傳出 一家 實 名 制 口罩 廠 私下 將 進口 的 非 醫用 口罩 冒充 成 醫用 口罩 在 市面上 販 售 昨日 下午 彰 化 檢 警 接 獲 通報 便 發動 搜索 發現 為 員林市 豪 品 公司 且 該 公司 已 有 200 多 萬 片 的 假 醫用 口罩 流入 市面 其 負責人 涉 法 詐欺 及 妨害 農工商 等 罪嫌 複 訊 後 諭知 以 200萬 元 交 保 指揮中心 再次 提醒 自 國外 入境 時 如有 發燒 咳嗽 等 不適 症狀 應 主動 通報 機場 及 港口 檢疫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供 及時 診斷 通報</t>
  </si>
  <si>
    <t>中央流行疫情指揮中心 7 日 下午 2 點 公佈 嘉義 縣 新增 1 位 新冠肺炎 確診 案例 嘉義 縣長 翁章梁 7 日 線 上 疫情 記者會 中 指出 該案 11541 是 73 歲 男性 是 大林 泡茶 群 聚 中 早餐 店 的 爸爸 原先 采 檢 為 陰性 居家 隔離 中 6 日 因 喉嚨 痛 送醫 采 檢</t>
  </si>
  <si>
    <t>中央流行疫情指揮中心 7 日 下午 2 點 公佈 嘉義 縣 新增 1 位 新冠肺炎 確診 案例 嘉義 縣長 翁章梁 7 日 線 上 疫情 記者會 中 指出 該案 11541 是 73 歲 男性 是 大林 泡茶 群 聚 中 早餐 店 的 爸爸 原先 采 檢 為 陰性 居家 隔離 中 6 日 因 喉嚨 痛 送醫 采 檢 確診 案 11541 是 為 案 8862 的 丈夫 5 月 30 日 因 太太 女兒 確診 列為 居家 隔離 6 月 6 日 居家 隔離 第 7 天 上午 出現 喉嚨 痛 症狀 由 衛生局 安排 防疫 計程車 就醫 采 檢 後 確診 嘉義 縣 衛生局長 趙紋華 指出 案 11541 確診 ct 值 15 推測 5 月 30 日 采 檢 時 可能 是 潛伏期 可 傳染期 約 為 發病 日前 兩 天 以此 回 推 疫 調 因 該 男 當時 在 居家 隔離 中 有 電子 圍 籬 監測 因此 無 其他 足跡 翁章梁 在 記者會 中 表示 有關 大林 泡茶 群 聚 案 縣府 針對 周邊 鄰居 訪查 找 出 可能 的 接觸 者 有 重覆 足跡 且 有 症狀 社區 群 聚 點 等 啟動 擴大 篩檢 專案 完成 4 場次 篩檢 377 人 除 先前 公佈 的 確診 個案 其 餘 皆 為 陰性 請 地方 不 要 有 過 多 揣測</t>
  </si>
  <si>
    <t>新冠肺炎 疫情 未 歇 各國 紛紛 投入 疫苗 研發 中央流行疫情指揮中心 昨 透露 我國 日前 已向 國際 疫苗 廠 支付 部分 訂金 目標 是 要 取得 1000萬 劑 的 新冠 疫苗 若 再 加上 向 covax 採購 的 疫苗 至少 有 近 1500萬 劑 的 疫苗 在 手中 何時 到</t>
  </si>
  <si>
    <t>新冠肺炎 疫情 未 歇 各國 紛紛 投入 疫苗 研發 中央流行疫情指揮中心 昨 透露 我國 日前 已向 國際 疫苗 廠 支付 部分 訂金 目標 是 要 取得 1000萬 劑 的 新冠 疫苗 若 再 加上 向 covax 採購 的 疫苗 至少 有 近 1500萬 劑 的 疫苗 在 手中 何時 到貨 無法 保證 指揮官 陳時中 說明 1000萬 劑 的 疫苗 是 之前 所 談 到 的 口袋 名單 目前 共有 3 家 正在 洽談 的 疫苗 廠 為 covax 以外 的 來源 不過 究竟 是 哪 一 間 藥廠 礙於 保密 協定 他 並未 透露 由於 目前 加入 covax 平臺 的 疫苗 分別 有 az bnt 以及 賽諾菲 moderna 還 在 觀望 中 因此 外界 猜測 陳時 中所 洽談 的 疫苗 廠 很 可能 是 moderna 陳時中 表示 若 將 與 廠商 直接 洽談 的 疫苗 加上 covax 平臺 採購 的 疫苗 至少 有 1500萬 劑 疫苗 在 手中 至於 何時 能夠 取得 新冠肺炎 疫苗 陳時中 說 無法 保證 強調 一切都在 談判 之中 他 自己不喜歡 談論 疫苗 的 到貨 時間 如果 掀 底牌 說 明年 第 2 季 可以 取得 那 原本 有 可能 在 第 1 季 拿 到 的 疫苗 是不是 又 要 延後 了 一切 談判 都需 保密 國內 昨 新增 5 名 新冠肺炎 境外移入 個案 其中 3 人 為 印尼 移 工 2 人 為 菲律賓 移 工 均 無 症狀 于 集中 檢疫 期滿 前 采 檢 後 確診 截至 目前 國內 共 累計 623 名 確診 案例 台列 適合 旅遊 地區 此外 彭博社 發佈 了 新冠 疫情 時代 哪些 最 適合 和 最 不 適合 去 的 地方 的 排行榜 臺灣 排名 僅次於 第一 名 紐西蘭 和 第二 名 日本 榮居 全球 最 適合 去 的 地方 美 下月 分發 640萬 劑 另 美國 衛生部長 阿紮爾 24 日 證實 疫苗 安全 及 效果 審查 機構 定於 12 月 10 日 召開 會議 如果 一切順利 美國 將 會 在 12 月 10 日 之後 立即 啟動 在 全美 的 疫苗 分發 初期 640萬 劑 將 分發 到 各州 由 州政府 自定 接種 順序 白宮 首席 防疫 專家 佛 奇 則 表示 他 預期 明年 5 月 前為 70 美國 人 接種 疫苗 實現 群體 免疫 從而 讓 美國 恢復正常 歐盟 執行 委員會 主席 馮德萊恩 24 日 表示 歐盟 將 與 莫德納 簽署 第 6 份 與 疫苗 生產商 的 預訂 合約 確保 16億 劑 疫苗 供應</t>
  </si>
  <si>
    <t>荷 美 公司 holland america line 旗 下 遊輪 威士特丹 號 westerdam 因為 受 全球 新冠肺炎 疫情 蔓延 影響 陸續 遭 5 個 港口 拒絕 在 海上 漂流 了 兩 星期 終於 獲准 停靠 柬埔寨 柬國 總理 洪森 14 日 在 沒 戴 口罩 的 情況 下 親自 前往 港口 獻上 玫瑰 花束 歡迎 下船 的 乘客 與 船上 工作人員 甚至 與 下船 的 乘客 擁抱 據 路透 報導 遊輪 上有 1455 名 乘客 與 802 名 工作人員 遊輪 13 日 停靠 施亞努 市 sihanoukville 的 港口 柬埔寨 衛生部 說 經過 檢測 後 並未 發現 有人 感染 新冠 病毒 柬國 聲明 中 說 正 協調 各國 安排 包機 協助 旅客 返國 聲明 說 等 最後 細節 敲定 後 將 會 告訴 旅客 當 威士特丹 號 13 日 晚 終於 停靠 柬埔寨 時 船上 歡聲雷動 世界衛生組織 who 秘書長 譚 德塞 tedros adhanom ghebreyesus 大贊 柬埔寨 說 它 為 國際 團結 樹立 了 典範 而 這 正是 who 所要求 的 76 歲 的 船上 旅客 葛列格里 william gregory 說 雖然 遊輪 在 海上 漂流 但 他 很 滿意 船上 的 待遇 他們 讓 我們 保持 精神振奮 他 說 我 很 輕鬆 根本 沒 壓力 還 打 了 太極拳 先前 據 商業 內幕 business insider 網 報導 由於 船上 13 日 有 20 人 腹痛 發燒 接受 新冠肺炎 病毒檢測 其 餘 超過 2250 名 乘客 接受 隔離 不過 經過 檢測 這些 人 呈 陰性反應 乘客 14 日 已 開始 下船 另一方面 臺灣 中央流行疫情指揮中心 指出 已 掌握 游輪 旅客 共 1458 人 其中 2 名 臺灣人 其 餘 是 外籍 或 中 港澳 人士 臺灣 將 允許 2 名 國人 入境 並 安排 住院 采 檢 若 檢驗 為 陽性 將 繼續 住院 隔離 治療 若為 陰性 則 讓 他們 返家 自主 健康 管理 14 天</t>
  </si>
  <si>
    <t>衛福部 草屯 療養院 精神 科 醫師 沈政男 參考 國外 研究 提出 打 兩劑 az 的 保護 力 幾乎 等於零 因此 打 了 也 是 白打 這樣 的 說法 引起 討論 不少 醫師 看 了 直 呼 這樣 說法 根本 是 在 誤導 民眾 而 臺北市立 聯 醫 陽明 院區 胸腔 內科 醫師 蘇一峰 則 說 打 兩劑 az 不會 白打 但 如果 真的 很 擔心 就 趕快 去 打 第 三 劑 臺北市 聯 醫 忠孝 院區 胃腸 肝膽 消化 內科 醫師 陳昶宇 昨 在 臉書 發文 表示 打 az 疫苗 真的 是 白打 嗎 明明 打完 以後 重症 死亡 風險 至少 降低 了 9 成 以上 什麼 混打 或 第 三 計都 是 要 加強 抗體 不要 太 容易 被 輕 症 感染 突破 但 說穿 了 只 是 增加 自己 副作用 的 風險 去 保護 那些 不 打 疫苗 的 人 讓 他 痛 批 睜 眼 說 az 白打 這種 瞎話 真的 是 在 誤導 民眾 陳 昶 宇 也 分享 國際 醫學期刊 刺 胳 針 的 文章 說 az az 莫德納 的 組合 可 得到 最高 的 中和 抗體 以及 最好 的 細胞 免疫能力 這 是 最近 英國 第 三 劑 加強 針 試驗 的 結果 比起 bnt bnt 莫德納 都 還 要好 所以 打 兩劑 az 真的 是 白打 嗎 胸腔 內科 醫師 蘇一峰 昨 也 在 臉書 發 文說 打 兩劑 az 疫苗 不 會 變成 白打 只 是 有 可能 無法 防止 omicron 感染 但 還是 可以 避免 變成 重症 如果 真的 很 擔心 的 話 可以 趕快 去 打 加強 針 保護 自己 針對 打 兩劑 az 保護 力 幾乎 等於零 的 說法 中央流行疫情指揮中心 指揮官 陳時中 昨 也 在 記者會 上 回應 說 太 過 解讀 也 不好 目前 全球 主流 意見 中 還 沒有 看到 這樣 的 說法 大多 都 是 認為 面對 新冠 變異 株 現有 疫苗 的 保護 力 可能 會 降低 而已</t>
  </si>
  <si>
    <t>臺灣 連續 52 天 無 本土 疫情 中央流行疫情指揮中心 宣佈 餐飲 休閒 娛樂業 有 條件 解封 但 高雄 市政府 5 日 表示 仍 不 允許 逐 桌 敬酒 自助 取 餐 仍 有 清 消 限制 與 中央 稍 不 同調 ktv 最 快 傍晚 5 點 可 複業 從業人員 接種 未 達 6 成者 將 比</t>
  </si>
  <si>
    <t>臺灣 連續 52 天 無 本土 疫情 中央流行疫情指揮中心 宣佈 餐飲 休閒 娛樂業 有 條件 解封 但 高雄 市政府 5 日 表示 仍 不 允許 逐 桌 敬酒 自助 取 餐 仍 有 清 消 限制 與 中央 稍 不 同調 ktv 最 快 傍晚 5 點 可 複業 從業人員 接種 未 達 6 成者 將 比照 長 照 機構 一 周 免費 快 篩 一 次 高 市 管制 開放 措施 如 避免 逐 桌 敬酒 自助 取 餐 仍 有 使用 手套 清 消 等 限制 些微 與 中央 不 同調 陳其邁 強調 這 是 松 中 有 緊 還 是 得 採取 必要 的 措施 降低 大規模 的 感染 風險 陳其邁 還 說 民眾 外出 務必 全程 佩戴 口罩 如 運動 場所 公園 爬山 野餐 等 戶外 遊 憩 場 域 容易 發生 不 特定 接觸 風險 仍 須 全程 配戴 口罩 不可 邊走邊吃 在家 和 朋友 打 麻將 桌 遊 可 允許 但 需 戴 上 口罩 ktv 目前 最 快 下午 5 點 可 複業 經發局 會 在 一 天內 協助 業者 快速 複業 從業人員 接種 未 達 6 成 比照 長 照 機構 高 市府 提供 免費 快 篩 試劑 一 周 篩 一 次 也 會 儘快 安排 施打 疫苗</t>
  </si>
  <si>
    <t>中央流行疫情指揮中心 指揮官 陳時中 31 日 傍晚 旋風式 造訪 台中 第二 站 抵達 曾受 敦睦 艦隊 疫情 波及 的 台中 一中 商 圈 並 表示 這個 地方 很 安全 大家 放心 來 玩 不用 擔心 對此 歷史 學者 王豐 諷刺 道 你 快 走下 祭壇 退 乩 了 你 還</t>
  </si>
  <si>
    <t>中央流行疫情指揮中心 指揮官 陳時中 31 日 傍晚 旋風式 造訪 台中 第二 站 抵達 曾受 敦睦 艦隊 疫情 波及 的 台中 一中 商 圈 並 表示 這個 地方 很 安全 大家 放心 來 玩 不用 擔心 對此 歷史 學者 王豐 諷刺 道 你 快 走下 祭壇 退 乩 了 你 還 不 知道 呀 陳時中昨 與 台中 市長 盧秀燕 挽 起 袖子 照 著 業者 指令 親自 調製 珍 奶 並 拉起 口罩 把 吸管 送入 嘴中 無形中 示範 了 戴 口罩 要 如何 喝 手搖 飲 陳時中 表示 希望 一中 商 圈 趕快 復蘇 他 相信 這 條 街 有 很多 大家 可以 逛 的 地方 也 期待 未來 跟 中 市 有 更 多 合作 一起 把 防疫 做好 振興 台中 也 可以 成功 對此 王豐 在 臉書 指出 陳時中 被 造 神 造 久 了 攬 鏡 自 照 左看 右 看 上 看 下 看 怎麼 看 自己 都 像 神 王豐 提及 陳時中 前進 一中 喝 珍 奶 並 表示 這裡 很 安全 歡迎 來 玩 王豐 直言 陳時中 自我感覺 是 神 近 半 年 真 以為 新冠 病毒 歸 他 管 全球 病毒 都會 乖乖 聽命於 他 假 神 啊 你 快 走下 祭壇 退 乩 了 你 還 不 知道 呀</t>
  </si>
  <si>
    <t>陳時中 王豐 中央流行疫情指揮中心 指揮官 台中</t>
  </si>
  <si>
    <t>中研院 研究 助理 案 16816 染疫 中央流行疫情指揮中心 指揮官 陳時中 今天 指出 該 實驗室 內 包括 桌面 門把 都 有 驗 出 病毒 兩 位元 國內 感染 科 專家 聽 聞 此事 皆 表示 不解 直言 病毒 不可能 出現 在 這些 地方 恐怕 是 操作 上 沒有</t>
  </si>
  <si>
    <t>中研院 研究 助理 案 16816 染疫 中央流行疫情指揮中心 指揮官 陳時中 今天 指出 該 實驗室 內 包括 桌面 門把 都 有 驗 出 病毒 兩 位元 國內 感染 科 專家 聽 聞 此事 皆 表示 不解 直言 病毒 不可能 出現 在 這些 地方 恐怕 是 操作 上 沒有 遵守 sop 才 會 讓 病毒 散播 在 環境 中 案 16816 曾 任職 於 中研院 基因 體 中心 p 3 實驗室 環境 采 檢 發現 該 實驗室 內 多 處 驗 出 病毒 台大 兒童 醫院院長 黃立民 對 此 表示 訝異 因為 病毒 照理說 只 會 在 安全 操作 櫃 中 雙 手 戴 手套 進入 櫃 中 離開 操作 櫃 時 一定 要 清洗 手套 人員 離開 後會 開 紫外線 燈 消毒 理論 上 周邊環境 都 會 是 乾淨 的 更 直言 我 不 太 理解 為 何會 驗 到 有 病毒 這個 有點 奇怪 長 庚大學 新興 病毒感染 研究 中心 主任 施 信 如 也 認為 顯然 是 有 污染 的 現象 因為 操作 病毒 的 時候 病毒 一定 是 在 操作 箱 的 培養皿 裡面 所有 沾 到 病毒 的 東西 都 會 放在 廢棄 桶 裡面 處理 掉 不可能 在 實驗室 其他 地方 有 病毒 經 調查 案 16816 在 實驗室 中 負責 操作 的 是 alpha 小 鼠 同 時間 還有 另外 兩 人 於 操作 武漢 原始 株 delta 株 小 鼠 施信如 指出 這樣 的 做法 是 合乎 規定 的 例如 有時候 要 比較 同一個 疫苗 對 三 種 病毒株 的 效力 可能 就 會 一起 進行 但要 很 小心 避免 交互 感染 施信如 強調 實驗室 內 都 會 戴 雙層 手套 和 防護衣 做 完 就 脫 掉 手套 離開 實驗室 時 脫 掉 防護衣 而且 整個 實驗室 都 是 負 壓 環境 環境 裡 不 應該 有 病毒 從事 研究 的 人 也 不 應該 被 感染 她 認為 有 兩 大 疑點 需要 厘 清 為何 在 環境 中會 有 病毒 為 何在 全副武裝 之下 仍 被 感染 需要 弄 清楚 到底 是 哪裡 出錯</t>
  </si>
  <si>
    <t>萬華 地區 疫情 嚴峻 率先 設置 四 間 篩檢 站 北 市府 也 採用 快 篩 方式 厘 清 感染者 但 中央流行疫情指揮中心 今天 重申 無 症狀 者 若 接受 快 篩 會 有 較 高 的 偽 陽性 建議 還 是 接受 兩 次 采 檢 才能 較 準確 的 抓 出 個 案 指揮中心 發言人 莊人</t>
  </si>
  <si>
    <t>萬華 地區 疫情 嚴峻 率先 設置 四 間 篩檢 站 北 市府 也 採用 快 篩 方式 厘 清 感染者 但 中央流行疫情指揮中心 今天 重申 無 症狀 者 若 接受 快 篩 會 有 較 高 的 偽 陽性 建議 還 是 接受 兩 次 采 檢 才能 較 準確 的 抓 出 個 案 指揮中心 發言人 莊人祥 表示 抗原 快 篩 試劑 較 適合 用 於五 日內 有 症狀 的 發病 者 若 沒有 症狀 就 去 篩 會 有 偽 陽性 我國 過去 曾 有 段 時間 常 被 日本 篩 出 陽性 個案 就 是 因 日本 對 所有 入境者 實施 快 篩 所 致 產生 相當 多 的 偽 陽性 莊 人 祥 指出 未來 衛生局 若要 做 快 篩 還是 要 采 檢 兩 次 不管 快 篩 結果 為何 都 要 先 通報 再 接受 一 次 核酸 檢測 來 彌補 抗原 試劑 敏感 性 特 異性 的 不足 因此 快 篩 試劑 僅 適合 用於 疫情 流行 地區 不 適合 用於 非 疫情 流行 區域 不過 衛福 部長 陳時中 表示 近來 因 國內 疫情 有些 變化 會 請 張上淳 教授 帶回去 請 專家 諮 詢 小組 進行 研議 視 情況 來 調整 國內 的 篩檢 措施 陳時中 也 說明 目前 臺北市 的 快 篩 方式 有 兩 套 第一 套 的 目的 是 為先 排除 一些 人 第二 套 則 是 去 做 正確性 比較 高 的 篩檢 希望 在 快 篩 後 即時 發現 可能 感染者 讓 這 段 等候 期間 的 風險 降低</t>
  </si>
  <si>
    <t>本土 疫情 升溫 中央流行疫情指揮中心 今 21 再 宣佈 新 增 312 例 本土 個案 指揮官 陳時中 坦言 現在 疫情 已經 多頭 燒 週末 將 至 呼籲 民眾 應 減少 外出 避免 群 聚 對此 網 卻 一面倒 表示 別 太 高估 臺灣人 本土 確診</t>
  </si>
  <si>
    <t>本土 疫情 升溫 中央流行疫情指揮中心 今 21 再 宣佈 新 增 312 例 本土 個案 指揮官 陳時中 坦言 現在 疫情 已經 多頭 燒 週末 將 至 呼籲 民眾 應 減少 外出 避免 群 聚 對此 網 卻 一面倒 表示 別 太 高估 臺灣人 本土 確診 量 暴 增 疫情 延 燒 一 周 仍未 減 今 本土 個案 再 增 312 例 眼看 週末 假期 將 至 指揮官 陳時 中 特別 呼籲 民眾 減少 外出 避免 聚會 一起 努力 把 人員 流動 感染 的 可能性 降到 最低 才能 將 傳染 鏈 切斷 拜 讬 大家 六 日 沒 必要 就 千萬 不要 出門 對此 有 ptt 網友 以 真的 會 有 蠢 蛋 六 日 跑出去 玩 嗎 發文 指出 看 完 直播 不管 是 cdc 還 是 臺北 首長 都 呼籲 大家 六 日 能 不 出去 就 不要 出去 亂跑 況且 現在 室外 不能 群 聚 電影院 餐廳 能 停業 的 也 都 停 了 六 日 還 會 有 笨蛋 為了 玩 跑出去 嗎 真 的 有 這種 人 不過 網友 卻 一面倒 回 覆 絕對 有 一定 有 網友 表示 儘管 疫情 嚴峻還是 有人 會 認為 外面 人 少 正是 出門 好 時機 甚至 還 會 到 外縣市 旅遊 一定 有 而且 會 去 南部 放心 一定 有的 多 到 你 無法 想像 有 一些 茶 莊 還 在 攬客 是 沒看 過 颱風天 自律 你 太 高估 臺灣人 的 水準 了 臺灣 從來不 缺 這種 別人 都 是 笨蛋 俺 最 聰明 的 投機者</t>
  </si>
  <si>
    <t>中央流行疫情指揮中心 今 公佈 國內 新增 2 例 境外 移 新冠肺炎 病例 分別 自 菲律賓 及 美國 入境 其中 菲律賓 20 多 歲 女子 是 集中 檢疫 期滿 後 自費 采 檢 才 確診 另 一 名 美國 入境 的 本 國籍 30 多 歲 男子 則 是 居家 檢疫 期間 發病 采 檢 後 確診</t>
  </si>
  <si>
    <t>中央流行疫情指揮中心 今 公佈 國內 新增 2 例 境外 移 新冠肺炎 病例 分別 自 菲律賓 及 美國 入境 其中 菲律賓 20 多 歲 女子 是 集中 檢疫 期滿 後 自費 采 檢 才 確診 另 一 名 美國 入境 的 本 國籍 30 多 歲 男子 則 是 居家 檢疫 期間 發病 采 檢 後 確診 截至 目前 國內 共 累計 550 例 確診 案例 確診 個案 中 7 人 死亡 41 人 住院 隔離 中 案 549 為 20 多 歲 菲律賓籍 女子 因 工作 緣故 今年 9 月 30 日 入境 臺灣 搭 機 前 3 日內 檢驗 陰性 集中 檢疫 期間 都無 症狀 10 月 13 日 檢疫 期滿 前 采 檢 結果 為 陰性 期滿 後 由 仲介 安排 至 宿舍 自主 健康 管理 22 由 自費 檢驗 後 確診 指揮中心 發言人 莊人祥 表示 女子 的 ct 值 34 處於 陰 陰陽 陽 的 時期 是 感染 後期 研 判 傳染性 不 高 針對 此案 衛生 單位 已 掌握 個 12 名 接觸 者 包含 接送 車輛 司機 3 人 同事 3 人 因 皆 有 戴 口罩 列 自主健康 管理 另 6 名 一同 至 醫院 采 檢 的 同事 采 檢 結果 均 為 陰性 因 接觸 期間 未戴 口罩 列為 居家 隔離 案 550 為 30 多 歲 本 國籍 男子 今年 10 月 2 日 出境 至 美國 10 月 18 日 返台 入境 時無 不適 症狀 男子 10 月 21 日 居家 檢疫 期間 出現 發燒 咳嗽 肌肉 酸痛 關節 痛 及 全身 倦怠 等 症狀 由 衛生 單位 安排 就醫 采 檢 今 確診 新冠肺炎 由於 發病 前 2 日均 於 住家 進行 居家 檢疫 未有 同行 及 同 住 接觸 者 因此 無 匡列 接觸 者 國內 截至 目前 累計 550 名 確診 案例 分別 為 458 例 境外移入 55 例 本土 病例 36 例 敦睦 艦隊 及 1 例 不明 比利時 工程師 確診 個案 中 7 人 死亡 502 人 解除 隔離 41 人 住院 隔離 中</t>
  </si>
  <si>
    <t>第 11 輪 疫苗 預約 原定 明天 13 日 中午 截止 中央流行疫情指揮中心 今 12 日 晚間 表示 預約 時間 將 延長 至 明天 下午 6 點 止 並 宣佈 增加 開放 10 月 6 日前 意願 登記 bnt 疫苗 之 44 歲 民眾 預約 時間 僅 8 小時 自 明天 上午 10 點 起至 晚</t>
  </si>
  <si>
    <t>第 11 輪 疫苗 預約 原定 明天 13 日 中午 截止 中央流行疫情指揮中心 今 12 日 晚間 表示 預約 時間 將 延長 至 明天 下午 6 點 止 並 宣佈 增加 開放 10 月 6 日前 意願 登記 bnt 疫苗 之 44 歲 民眾 預約 時間 僅 8 小時 自 明天 上午 10 點 起至 晚間 6 點 止 為 利 疫苗 資源 有效 利用 公費 疫苗 預約 平臺 第 11 期 將 延長 預約 時間 至 10 月 13 日 下午 6 時止 並 增加 開放 10 月 6 日前 意願 登記 bnt 疫苗 之 44 歲 民眾 即 1977 1 1 含 12 31 含 間 出生 不含 第 9 類 對象 進行 第 1 劑 bnt 疫苗 預約 第 11 期 預約 對象 含 增開 施打 時間 維持 10 月 15 日 至 10 月 21 日 指揮中心 說明 針對 符合 上述 增開 預約 資格 者 將 於明 13 日 上午 9 時 陸續 發送 提醒 簡訊 並 預計 於 當日 上午 10 時 開始 進行 預約 請 盡 速 於 明日 下午 6 時前 完成 預約 後續 將 視 疫苗 供應期 程 調整 接種 場次 籲請 民眾 屆時 準時 前往 接種 指揮中心 提醒 10 月 1 日 起 亦 開始 接種 流感疫苗 依 衛生 福利 部 傳染病 防治 諮 詢 會 預防接種 組 acip 建議 接種 流感疫苗 應 與 covid-19 疫苗 間隔 至少 7 天 請 民眾 前往 接種 covid-19 第二 劑 疫苗 前 應備 妥 covid-19 疫苗 接種 紀錄 卡 及 健 保 卡 並於 接種 前 評估 時 說明 過往 疫苗 接種 史 以利 醫生 評估</t>
  </si>
  <si>
    <t>中央流行疫情指揮中心 今 25 日 表示 秘魯 返台 祖孫 確診 病毒基因 定 序 檢 出 delta 變異 株 為 因應 delta 變異 株 於 全球 日益 擴散 且 其 傳播 力高 因此 自 6 27 日 零 時 起 抵 台 時間 從 印度 英國 秘魯 等 7 國 入境 旅客 將 全面</t>
  </si>
  <si>
    <t>中央流行疫情指揮中心 今 25 日 表示 秘魯 返台 祖孫 確診 病毒基因 定 序 檢 出 delta 變異 株 為 因應 delta 變異 株 於 全球 日益 擴散 且 其 傳播 力高 因此 自 6 27 日 零 時 起 抵 台 時間 從 印度 英國 秘魯 等 7 國 入境 旅客 將 全面 隔離 且 14 天 隔離 期滿 後 將 普 篩 對此 宅 神 朱學 恒 呼籲 大家 各自 保重 據 世衛組織 who 公佈 目前 全球 已 有 逾 85 個 國家 出現 delta 變異 株 的 病例 歐洲疾 控 中心 評估 其 傳播 力 較 英國 變異 株 高 40 60 國際 間 部分 疫苗 接種 率 較佳 的 國家 包括 以色列 及 英國 等 近期 病例 數 回升 且 發現 delta 變異 株 病例 占 比達 七 成 以上 臺灣 則 有 5 名 境外移入 個案 感染 delta 值得注意 的 是 據 英美 加等 國 統計數字 顯示 這 一 波 在 疫苗 超過 50 後 才 爆發 的 新冠 疫情 絕大多數 都 是 在 印度 發現 的 delta 變異 毒 株 已 幾乎 取代原有 英國 發現 的 alpha 毒 株 也 是 目前 臺灣 主要 傳播 毒 株 美國 首席 抗 疫 專家 福奇 anthony fauci 博士 警告 delta 變種 破壞性 極大 傳染性 更 強 目前 delta 正 快速 攀升 成為 增加 最 快 的 毒 株 宅 神 朱學 恒 則 在 臉書 呼籲 國人 大家 各 自保 重 啊 網友 則 留言 表示 我們 的 國門 防疫 如此 鬆散 防疫 一切 都 以 政治 為主 不管 是 哪 種 變異 病毒 進來 只是 早晚 的 事 超前 部署 空轉 一 年 大家 各 自保 重 啊 秘魯 返台 祖孫 病毒 定 序 出爐 陳時中 證實 為 delta 變異 株 https www chinatimes com realtimenews 20210625003025 260405</t>
  </si>
  <si>
    <t>國內 今天 又 增加 一 例 新冠肺炎 患者 為 境外移入 確診 為 臺灣 第 507 例 確診 個案 中央流行疫情指揮中心 將 於 下午 2 點 召開 記者會 說明 最新 疫情 中央流行疫情指揮中心 昨天 19 日 一 次 公佈 國內 新增 3 例 境外移入 確診 為 菲律賓</t>
  </si>
  <si>
    <t>國內 今天 又 增加 一 例 新冠肺炎 患者 為 境外移入 確診 為 臺灣 第 507 例 確診 個案 中央流行疫情指揮中心 將 於 下午 2 點 召開 記者會 說明 最新 疫情 中央流行疫情指揮中心 昨天 19 日 一 次 公佈 國內 新增 3 例 境外移入 確診 為 菲律賓籍 20 多 歲 男性 案 504 本 國籍 30 多 歲 男性 案 505 及 本 國籍 50 多 歲 女性 案 506 分別 自 菲律賓 緬甸 及 日本 等 國 入境 其中 案 506 為 申請 奔喪 自費 采 檢 首例 確診 個案 目前 住院 隔離 中 指揮中心 統計 國內 截至 今天 累計 91458 例 新型 冠狀病毒 肺炎 相關 通報 含 90257 例 排除 其中 507 例 確診 分別 為 415 例 境外移入 病例 55 例 本土 病例 36 例 敦睦 艦隊 及 1 例 不 明 確診 個案 中 7 人 死亡 479 人 解除 隔離 21 人 住院 隔離 中</t>
  </si>
  <si>
    <t>印度 變種 病毒 delta 肆虐 全球 中央流行疫情指揮中心 一直 遭 外界 質疑 為 何不 入境 全面 pcr 篩檢 今天 指揮官 陳時中 拍板 7 月 2 日 開始 入境 一 率 普 篩 且 都是采 檢 三 次 入境 一 次 pcr 隔離 檢疫 期間 以 家用 快 篩 一 次 隔離 期滿 前 再</t>
  </si>
  <si>
    <t>印度 變種 病毒 delta 肆虐 全球 中央流行疫情指揮中心 一直 遭 外界 質疑 為 何不 入境 全面 pcr 篩檢 今天 指揮官 陳時中 拍板 7 月 2 日 開始 入境 一 率 普 篩 且 都是采 檢 三 次 入境 一 次 pcr 隔離 檢疫 期間 以 家用 快 篩 一 次 隔離 期滿 前 再一 次 且 只要 驗 出 陽性 一 率 都 要 做 基因 病毒 定 序 delta 來勢洶洶 指揮中心 卻 只 針對 七 個 高風險 國家 規定 入境 後 篩檢 一 次 pcr 檢疫 期滿 前 再一 次 總共 兩 次 且 要 住 在 集中 檢疫所 但 其 餘 國家 入境 民眾 則 僅 規定 檢疫 期滿 前 一 次 pcr 采 檢 只 要 一 次 並 住 在 防疫 旅館 但 近日 包含 高雄 市長 陳其邁 桃園 市長 鄭文燦 新北 市長 侯友宜 等 紛紛 呼籲 防疫 不要 做 半 套 應該 一 率 普 篩 中央流行疫情指揮中心 指揮官 陳時中 今 表示 7 月 2 日 起 入境 全面 普 篩 未來 入境 不論 來自 哪 一個 國家 都 要 檢驗 三 次 只是 檢驗 方法 各有不同 入境 檢疫 措施 采 檢 三 次 預計 實施 一個 月 且 無論 來自 任何 國家 采 檢 一 率 都 是 公費 陳時中 表示 專案 來說 現在 情況 就要 去 集中 檢疫所 采 檢 pcr 中間 的 時候 第 十 天 第 十二 天 用 家用 快 篩 采 檢 一 次 解除 檢疫 的 時候 再一 次 pcr 陳時中 表示 其他 入境 旅客 在 機場 做 一 次 pcr 采 檢 深 喉 唾液 檢疫 十四 天 期間 以 家用 快 篩 采 檢 一 次 第 十二 天 到 第 十四 天 也 就 是 隔離 期滿 再一 次 入境 旅客 檢驗 出 陽性者 就 都 要 做 基因 定 序 為何 現在 要 做 陳時中 自己 解釋 說 以前 大家 都 一直 建議 要 做 入境 普檢 我們 都 沒有 予以 採納 為何 現在 變 了 因為 大家 一直 蒐集 意見 參考 國際 最 重要 差別 在於 以前 入境 的 時後 除了 專案 以外 都 是 居家 檢疫 都 是 回 到 家中 回 到 家中 我們 擔心 入境 篩檢 若是 偽 陰性 會 造成 防疫 鬆懈 會 增加 家庭 內 親密 感染 現在 不同之處 在於 全部 入住 防疫 旅館 或是 集中 檢疫所 不 會 有 增加 家人 接觸 的 可能 陳時中 表示 沒有 接觸 的 可能 縱使 有 偽 陰性 也 不 會 增加 傳播 風險 所以 專家 認為 現在 全 篩 是 適合 的 措施 陳時中 表示 這 段 時間 有 大 部分 專家 與 醫 界 都 有 很多 意見 因應 delta 是否 延長 檢疫 等 或是 在 14 天 後 再 加上 7 天 等 專家 分析 認為 delta 傳播 力有 增加 但 沒看 到 潛伏期 增加 的 證據 因此 不 延長 七 天 但 在 隔離 期間 第 十 到 第 十二 天 用 家用 快 篩 采 檢 一 次 萬一 有 確診 可以 及早 發現 病例 至於 病毒基因 定 序 部分 陳時中 表示 關係 到 變種 病毒株 是否 會 進入 臺灣 因此 要 做 基因 定 序 邊境 檢驗 陽性 的 一 率 都 要 病毒基因 定 序 避免 不 自覺 中 變種 病毒 進來 對於 群 聚 相關 的 也 會 來 做 基因 定 序 不明 感染 源 的 也 會 做 希望 透過 這些 方式 對於 不同 變種 病毒株 分佈 的 情況 可以 及早 因應 他 強調 陽性 送驗 沒有 問題 運作 很 久 指揮中心 副 指揮官 陳宗彥 表示 周日 到 週六 每週五 是 每天 入境 最 多 其次 是 週三 其他 每 天分 佈 從 兩百 多 到 一千 多 位 入境 人數 每天 都會檢 視 隔 天 預報 的 名單 來 做 t 1 與 t 2 的 采 檢 用 去年 建置 的 五 個 采 檢 站 我們 會 利用 這 五 個 做 安排 陳宗彥 強調 每天 會會 機動 調整 采 檢 人員 陳 宗彥 表示 若 遇到 同時 段多 航班 進來 不 排除 用 更 大量 的 采 檢 速度 消化 已經 預 看 過 場地 與 動 線 對於 專案 國家 有 專案 國家 動 線 有 症狀 的 旅客 也 會 有 處置 動 線 安排 至於 其他 占 大多數 的 一般 沒有 症狀 的 旅客 陳宗彥 表示 入境 後 到 采 檢 動 線 已經 建構 好 到 他 采 檢 結束 後 搭乘 防疫 計程車 到 防疫 旅館 醫療 應變 組 副 組長 羅一鈞 表示 最近 23 周 的 陽性率 都 蠻 低 每日 平均 采 檢 3萬 多 件檢 體 陽性率 為 01 02 最近 多 是 01 疫情 剛 開始 時 國內 的 陽性率 是 5 這 反應 的 是 采 檢 量 增加 經過 廣 篩 後 比率 就 會 下降 羅 一 鈞 表示 在 疫情 嚴峻 的 國家 陽性率 常常 都 是 超過 5 至 10 這 表示 當地 疫情 嚴峻 且 篩檢 量 不足 當 我們 增加 了 檢驗 量 能 陽性率 就 下降 如今 每日 最 多 可 檢驗 12萬 件 pcr 請 大家 可以 放心 會 持續 對 需要 的 物件 提供 篩檢</t>
  </si>
  <si>
    <t>雲 林縣 北港鎮 公所 與 北 港 朝 天宮 針對 4 月香 盛 期 規 畫 一系列 防制 新冠肺炎 疫情 與 登革熱 消毒 計 畫 繼 16 日 白 沙屯 媽祖 到 北 港 進香 後 接下來 還有 彰 化 南瑤 宮 進香 北 港 媽祖 繞 境 加上 天氣 逐漸 炎熱 為了 避免 2 種 疫情 同時 暴發 有 必要 全面 加強 消毒 今年 4 月 北 港 朝 天宮 進入 進香團 媽祖 聖誕 繞 境 香 盛期 加上 全中運 在 雲林 吸引 許多 遊客 前來 參拜 每逢 星期 假日 人潮 聚集 盛況 不 輸 春節假期 為了 加強 新冠肺炎 防制 與 預防 登革熱 北港鎮 公所 與 北 港 朝 天宮 展開 超前 部署 北 港 鎮長 蕭永義 表示 目前 國內 新冠肺炎 疫情 雖 獲得 有效 控制 但 大家 還是 不能 掉以輕心 因此 針對 寺廟 公園 游泳池 體育館 等 公共場所 進行 定期 消毒 對於 人潮 聚集 的 朝 天宮 媽祖 廟 武德宮 財神廟 更是 安排 人員 加強 消毒 蕭永義 說 登革熱 流行期 約 在 每年 4 月 以往 公所 都 是 在 4 月 開始 消毒 今年 提早 至 3 月 主要 是 配合 新冠肺炎 的 防制 加上 北 港 朝 天宮 去年 取消 農曆 3 月 1920 日 媽祖 繞 境 活動 今年 複 辦 勢必 出現 暴 炸 性 人潮 提早 消毒 可以 抑制 各種 細菌 病毒 的 滋生 讓 鎮 民 與 遊客 更 安心 朝 天宮 去年 4 月 由 中央流行疫情指揮中心 列為 警示 景點 導致 人潮 銳減 直到 6 月中 央 宣佈 國內 解封 人潮 才 逐漸 恢復 今年 更 因 報復 性 旅遊 每逢 星期 假日 人山人海 由於 每年 進香 人潮 達 6700萬 人次 外來人口 非常 多 廟 方 持續 加強 防疫 朝 天宮 指出 廟 方 人員 除了 每天 進行 各 神殿 的 消毒 工作 也 在 廟前 懸掛 布條 提醒 民眾 入 廟 量 體溫 戴 口罩 保持 安全 距離 若 到 福德 正 神殿 注生娘娘 殿 參拜 撫摸 金元寶 金童玉女 祈福 一定 要用 酒精 次氯酸 水消毒 雙 手</t>
  </si>
  <si>
    <t>中央流行疫情指揮中心 今 9 日 表示 考量 國內 疫情 趨於穩定 及 參 酌 其他 國家 之 防疫 措施 調整 經驗 經 與 相關 單位 溝通 討論 及 評估 後 宣佈 自 8 月 10 日 至 8 月 23 日 維持 疫情 警戒 標準 為 第二 級 中央流行疫情指揮中心 副 指揮官 陳宗彥</t>
  </si>
  <si>
    <t>中央流行疫情指揮中心 今 9 日 表示 考量 國內 疫情 趨於穩定 及 參 酌 其他 國家 之 防疫 措施 調整 經驗 經 與 相關 單位 溝通 討論 及 評估 後 宣佈 自 8 月 10 日 至 8 月 23 日 維持 疫情 警戒 標準 為 第二 級 中央流行疫情指揮中心 副 指揮官 陳宗彥 表示 戶 外場 域 包含 內政 部 所 屬 國家公園 交通部 所 屬 國家 風景區 農委會 所屬 森林 遊樂區 等 有 稍微 調整 上次 放寬 時 並未 開放 生態 國家公園 裡 的 生態 保護區 森林 內 的 自然保護區 及 保留區 這次 將 會 開放 高山 營地 要求 一 人 一 帳 或是 同 住 家人 住 在 同 個 帳篷 帳篷 間 也 要 維持 社交距離 二級 警戒 相關 規定 如下 一 通 案 性 原則 1 除 飲食 外 外出 全程 佩戴 口罩 2 實 聯 制 保持 社交 安全 距離 3 營業 場所 及 公共 場 域 人流 控管 或 總量 管制 室內空間 至少 15 米 人 225 平方米 人 室外 空間 至少 1 米 人 1 平方米 人 4 集會 活動 人數上限 室內 50 人 室外 100 人 若 超額 則 提 防疫 計 畫 5 餐飲 內 用 原則 依照 衛福部 規定 處理 6 婚宴 公祭 可 開放 1 公祭 遵守 內政 部 相關 防疫 規定 處理 2 婚宴 遵守 每 一 隔間 室內 50 人 室外 100 人 上限 並 遵守 餐飲 指引 不得 逐 桌 敬酒 7 超 商 由 工作人員 服務 可 販 售 茶葉蛋 關東煮 等 熱 食 8 符合 主管機關 防疫 管理 得 開放 社區 大學 樂齡 學習 中心 社區 照顧 關懷 據點 親 子 館 桌 遊 場所 限 一般 零售 交易 游泳池 職業 訓練 等 二 仍 須 關閉 之 場所 1 歌廳 舞廳 夜總會 俱樂部 酒家 酒吧 酒店 廊 錄 影 節目 帶 播映 場所 mtv 視聽 歌唱 場所 ktv 理容院 觀光 理髮 視聽 理容 2 遊藝 場所 電子遊戲 場 資訊 休閒 場所 休閒 麻將 館 及 其他 類似 場所 3 k 書 中心 指揮中心 說明 目前 國內 疫情 已 在 可 控 範圍 為 兼顧 防疫 與 民眾 的 生活品質 未來 將 持續 觀察 疫情 態勢 循序漸進 適度 放寬 管制 措施面對 病毒 變異 株 的 威脅 將 持續 強化 邊境 監測 及 防疫 作為 阻絕 病毒 於 境外 此外 也 積極 提升 疫苗 涵蓋 率 讓 民眾 獲得 保護 力 指揮中心 提醒 防疫 不可 鬆懈 籲請 民眾 維持 個人 防疫 好 習慣 戴 口罩 勤洗手 保持 社交距離 才能 降低 病毒傳播 風險 共同 維護 國內 社區 安全</t>
  </si>
  <si>
    <t>刑事 局 偵查 第一 大隊 日前 接 獲 衛福部 通報 ptt 網站 有人 張貼 新冠肺炎 已經 定名 為 sari 的 不實 訊息 案 警方 立刻 展開 偵 辦 循線 查出 ptt 網站 用戶 39 歲 郭姓 男子 真實 身分 發現 郭嫌 系 接 獲 友人 傳送 上述 疫情 訊息 後 未經 詳實 查證 即 製作 編輯 該 疫情 訊息 張貼 於 ptt 網站 造成 民眾 恐慌 及 徒 增 防疫 工作 之 查證 詢 後 依 違反 社會秩序 維護 法 送 辦 警方 再次 呼籲 流行 疫情 或 防治 措施 等 相關 資訊 都將 由 中央流行疫情指揮中心 統一 對 外 公佈 製造 或 轉 傳 有 關新冠肺炎 未經 證實 確診 疫情 的 任何 訊息 將 造成 民眾 恐慌 嚴重 影響 社會 安寧 檢 警 將 加強 查緝 散播 未經 證實 或 來源不明 之 疫情 訊息 及 不 符合 正確 的 防疫 資訊 民眾 切 勿 隨意 散播 或 轉 傳 正確 疫情 相關 資訊 可上 疾病 管制 署 網站 查詢 最新 公告 內容 亦可 加入 疾病 管制 署 line 官方 帳 號 疾 管家 掌握最新 的 防疫 資訊 全民 共同 防禦 新冠肺炎</t>
  </si>
  <si>
    <t>台中 今 傳出 首例 施打 高端疫苗 後 死亡 的 個案 中央流行疫情指揮中心 今天 證實 此 個案 為 先前 就 已 通報 的 案件 是 一 名 四十一 歲 的 男性 本身 有 高血壓 糖尿病 甲狀腺 亢 進 病史 9 月 6 日 死亡 後 已 進行 解剖 但 詳細 結果 不 方便 公</t>
  </si>
  <si>
    <t>台中 今 傳出 首例 施打 高端疫苗 後 死亡 的 個案 中央流行疫情指揮中心 今天 證實 此 個案 為 先前 就 已 通報 的 案件 是 一 名 四十一 歲 的 男性 本身 有 高血壓 糖尿病 甲狀腺 亢 進 病史 9 月 6 日 死亡 後 已 進行 解剖 但 詳細 結果 不 方便 公佈 指揮中心 發言人 莊人祥 表示 該 名 台中 男 是 在 8 月 24 日 接種 高端 接種 後 出現 心跳 忽快忽慢 心悸 等 心臟 不適 症狀 8 月 26 日 28 日 30 日 曾 到 急診 就醫 照 x 光 發現 有 肺 浸潤 心電圖 也 顯示 有 竇 性 心搏 過速 經 注射 點滴 後 又 返家 休息 莊 人 祥 說 個案 9 月 5 日 沒有 出現 異狀 但 9 月 6 日 卻 被 家人 發現 叫 不 醒 確定 死亡 當天 已經 司法 相 驗 完成 解剖 但 結果 還 不 便 對 外 公佈 根據 指揮中心 提供 的 每週 疫苗 安全性 監測 我國 目前 共有 235 人 在 接種 疫苗 後 死於 心臟 相關 疾病 但是 卻 沒有 高端疫苗 的 單獨 性 資料 莊人祥表示 目前 只 有 不 分廠 牌 的 整體性 資料 沒有 單獨 為 高端疫苗 進行 相關 死亡 個案 的 統計 分析</t>
  </si>
  <si>
    <t>台積電 鴻 海 及 慈濟 近日 完成 購買 bnt 疫苗 傳出 最近 就 會 進貨 中央流行疫情指揮中心 指揮官 陳時中 表示 bnt 疫苗 很 有 可能 會 來 但 時間 與 劑量 還 不 明確 疫苗 是 很多 人 的 努力 無論是 民間 或 政府 等 努力 大家 都 全力 協助</t>
  </si>
  <si>
    <t>台積電 鴻 海 及 慈濟 近日 完成 購買 bnt 疫苗 傳出 最近 就 會 進貨 中央流行疫情指揮中心 指揮官 陳時中 表示 bnt 疫苗 很 有 可能 會 來 但 時間 與 劑量 還 不 明確 疫苗 是 很多 人 的 努力 無論是 民間 或 政府 等 努力 大家 都 全力 協助 進展 順利 陳時中 強調 藥物 疫苗 都 有 複雜 的 程式 需要 一 步 一 步 完成 雖然 說 有 既定 時程 在 但 還是 要 一 步 一 步 完成 另 陳時中 表示 第 七 輪 疫苗 打 az 的 可能性 相對 的 高 但 詳情 還是 要 看 這 幾 天 疫苗 到貨 的 情況 陳時中 表示 現在 疫苗 確實 到貨 的 會 比較 多 多 的 時候 到底 要 保留 多少 比例 打 第一 劑 和 第二 劑 我們 也 在 精算 要 和 未來 到貨 的 時間 能夠 匹配 媒體 追問 近期 將 到 貨 的 疫苗 廠 牌 為何 他 僅 表示 要 進來 的 廠 牌 都 是 我們 現在 有 簽約 的 廠 牌 有 安親班 老師 反映 快要 開學 了 但 仍 沒有 疫苗 可 打 陳時中 表示 我 想 每 一個 行業 都 有 重要性 當然 現在 一 到 十 類 物件 已經 安排 相當程度 的 接種 接下來 目標 是 往年 齡 層 來 開放 陳時中 說 青年人 活動力 強 而且 是 社會 的 主要 生產力 他們 也 需要 保護 目標 是 往年 齡 層 儘量 往 下 延伸 是 我們 現在 的 主要 目標 但 不 排除 因為 疫情 關係 有 一些 風險 的 族群 會 加強 第一 劑 或 第二 劑 的 施打 他 也 提醒 已 接種 第一 劑 正在 等待 第二 劑 的 民眾 請 盡 快 到 公費 疫苗 預約 平臺 登記 至於 第一線 醫護人員 混打 目前 則 採取 造冊 方式</t>
  </si>
  <si>
    <t>中央流行疫情指揮中心 今 29 日 表示 針對 昨 28 日 公佈 之 案 33 衛生 單位 進一步 調查 其 日本 旅遊 期間 17 至 22 日 之 行程 其中 2 月 17 日 於 富山 縣 高山 18 日 於 岐阜 縣 高 鷲 滑雪 公園 19 日 於 富山 縣 並 搭乘 jr 雷鳥 特急 號 金澤至 大 阪</t>
  </si>
  <si>
    <t>中央流行疫情指揮中心 今 29 日 表示 針對 昨 28 日 公佈 之 案 33 衛生 單位 進一步 調查 其 日本 旅遊 期間 17 至 22 日 之 行程 其中 2 月 17 日 於 富山 縣 高山 18 日 於 岐阜 縣 高 鷲 滑雪 公園 19 日 於 富山 縣 並 搭乘 jr 雷鳥 特急 號 金澤至 大 阪 20 日 於大阪 環球 影城 21 日 及 22 日 於大阪 市 區 目前 已 掌握 個案 之 同 團 旅客 同 住 友人 及 職 場 接觸 者 共 67 人 其中 3 人 有 症狀 已 住院 隔離 采 檢 其 餘 將 進行 14 天 居家 隔離 並 陸續 安排 采 檢 指揮中心 統計 昨 28 日 國內 新增 11 例 嚴重 特殊 傳染性 肺炎 通報 個案 目前 累計 通報 2105 個案 包含 今日 新增 確診 的 5 名 確診 39 例 2050 名 排除 餘 隔離 檢驗 中 指揮中心 指揮官 神 中 表示 目前 確診 個案 中 1 名 死亡 9 名 出院 其 餘 個案 持續 住 院中 針對 案 27 群 聚 事件 截至 目前 已 掌握 接觸 者 816 人 並 采 檢 182 人 其中 案 28 至 32 等 5 人 呈 陽性 171 人 陰性 其 餘 檢驗 中 另 鑽石 公主 號 19 名 返台 國人 持續 于 集中 檢疫所 密切 觀察 健康 情形</t>
  </si>
  <si>
    <t>衛福 部長 陳時中 6 日 表示 目前 亞洲 在 中國 外 約 有 六千 多 例 有 歐洲 四千 多 例 中東 有 三千 多 例 很快 歐洲 疫情 將 會 往 上 發展 陳時中 預測 歐洲 的 確診 案例 數量 可能 超過 亞洲 案例 數 新冠肺炎 的 世界 流行 已經 不 可免 陳時中 進一步 表示 亞洲 這 第一 波 疫情 興起 後 臺灣 已經 有 守 住 防線 但 後續 散播 到 歐洲 情勢 將 會 更 複雜 將 影響 臺灣 對外 關係 也 考驗 我方 因應 也 因 此 中央流行疫情指揮中心 昨天 提出 針對 社區 企業 大型 集會 活動 發佈 疫情 因應 指引 都 是 為了 避免 後續 境外 的 第二 波 疫情 攻擊 臺灣</t>
  </si>
  <si>
    <t>中央流行疫情指揮中心 今 29 日 公佈 國內 新增 1 例 境外移入 新冠肺炎 病例 案 442 為 20 多 歲 男性 今 2020 年 2 月 赴 俄羅斯 就學 5 月 25 日 晚間 臺灣 時間 5 月 26 日 淩晨 與其 他 95 名 國人 集體 搭 機 至 日本 轉機 返台 指揮中心 指出 個</t>
  </si>
  <si>
    <t>中央流行疫情指揮中心 今 29 日 公佈 國內 新增 1 例 境外移入 新冠肺炎 病例 案 442 為 20 多 歲 男性 今 2020 年 2 月 赴 俄羅斯 就學 5 月 25 日 晚間 臺灣 時間 5 月 26 日 淩晨 與其 他 95 名 國人 集體 搭 機 至 日本 轉機 返台 指揮中心 指出 個案 於 5 月 15 日 起 出現 喉嚨 痛 症狀 16 日 出現 嗅覺 喪失 及 全身 倦怠 等 症狀 26 日 入境 時 主動 通報 由 機場 檢疫 人員 采 檢 後 送至 集中 檢疫所 隔離 檢驗 結果 雖為 陰性 但因 個案 曾 有 嗅覺 異常 情形 為 求 慎重 昨 28 日 進行 二 采 於 今日 確診 目前 於 醫院 隔離 治療 中 指揮中心 表示 與 個案 同行 返台 之 其他 95 位 民眾 檢驗 結果 均 為 陰性 持續 于 集中 檢疫所 健康 監測 衛生 單位 目前 已 初步 掌握 個案 接觸 者 共 14 人 其中 3 人 為 個案 同 校 同行 返台 接觸 者 11 人 為 航空 公司 機組員 未 入境 將 透過 國際 衛生 條例 國家 對口 單位 ihr national focal point 通知 日本 將 進一步 調查 同 班機 是否 有 其他 旅客 以 進行 接觸 者 匡列</t>
  </si>
  <si>
    <t>國內 今天 新增 10 例 新冠肺炎 確診 病例 有 8 例 境外移入 其中 案 333 女子 日前 跟 老公 一起 赴 丹麥 探親 回台 後 出現 疑 似 症狀 一 采 陰性 後 症狀 不 見 好轉 二 采 竟 由 陰轉陽 中央流行疫情指揮中心 指揮官 陳時中 下午 在 記者會 中 指出</t>
  </si>
  <si>
    <t>國內 今天 新增 10 例 新冠肺炎 確診 病例 有 8 例 境外移入 其中 案 333 女子 日前 跟 老公 一起 赴 丹麥 探親 回台 後 出現 疑 似 症狀 一 采 陰性 後 症狀 不 見 好轉 二 采 竟 由 陰轉陽 中央流行疫情指揮中心 指揮官 陳時中 下午 在 記者會 中 指出 今天 新增 的 8 例 境外移入 有 6 男 2 女 其中 案 333 於 1 月 14 日 至 3 月 14 日 與 丈夫 案 155 一同 到 丹麥 探親 15 日 出現 頭痛 喉嚨 痛 肌肉 酸痛 等 症狀 20 日 采 檢 為 陰性 但 29 日 又 出現 發燒 30 日經 二 采 後 確診 陳時中 表示 今天 新增 的 8 例 境外移入 個案 年齡 介於 10 多 歲 至 60 多 歲 入境 日 從 3 月 6 日 至 31 日 發病 日 為 3 月 14 日 至 28 日 發病 前 活動 地 包括 美國 加拿大 秘魯 玻利維亞 智利 阿根廷 巴西 英國 丹麥 奧地利 及 印尼 多 為 出國 旅遊 或 就 學</t>
  </si>
  <si>
    <t>中央流行疫情指揮中心 今日 公佈 國內 新增 1 例 境外移入 新冠肺炎 病例 為 30 多 歲 台籍 女性 1 月 至 菲律賓 工作 曾於 6 月 下旬 出現 發燒 嗅覺 喪失 等 症狀 於 當地 就醫 並 檢 出新冠肺炎 陽性 經 住院治療 後 症狀 改善 並 兩 度 采 檢 結果</t>
  </si>
  <si>
    <t>中央流行疫情指揮中心 今日 公佈 國內 新增 1 例 境外移入 新冠肺炎 病例 為 30 多 歲 台籍 女性 1 月 至 菲律賓 工作 曾於 6 月 下旬 出現 發燒 嗅覺 喪失 等 症狀 於 當地 就醫 並 檢 出新冠肺炎 陽性 經 住院治療 後 症狀 改善 並 兩 度 采 檢 結果 均 為 陰性 但 個案 9 月 18 日 返台 隔離 檢疫 結束 仍 覺 不 安心 再度 自費 采 檢 檢 出 弱 陽性 指揮中心 表示 該 名 在 菲律賓 確診 就醫 痊癒 後 於 7 月 兩 度 采 檢 陰性 的 台籍 女性 案 518 9 月 18 日 自 菲律賓 返台 入境 迄今 無 不適 症狀 機場 采 檢 結果 為 陰性 個案 因 擔心 自身 健康 於 10 月 3 日 檢疫 期滿 離開 檢疫所 後 前往 醫院 自費 采 檢 因 檢 出 弱 陽性 ct 值 33 於 今日 確診 目前 住院 隔離 中 針對 案 518 曾 在 六月 下旬 在 菲律賓 當地 被 檢 出新冠肺炎 陽性 但 10 月 3 日 在 台又 確診 指揮中心 發言人 莊人祥 表示 本案 究竟在 臺灣 遭 二 度 感染 亦 或是 在 菲律賓 被 感染 後 未 根除 的 病毒 實在 是 很 難 判定 若要 能夠 證明 案 518 非在 台 感染 除非 能夠 取得 菲律賓 的 資料 透過 病毒 培養 的 方式 來 進行 基因 定 序 確認 是 不同 的 病毒株 後 才能 證明 是 在 台 感染 但 事實上 這 很 難 去 厘 清 指揮中心 指出 衛生 單位 已 初步 掌握 個案 檢疫 期滿 後 至 住院 隔離 前 之 相關 接觸 者 2 人 1 人 為 同 住 家人 無 症狀 列為 居家 隔離 對象 1 人 為 髮廊 美髮 師 因 雙方 全程 有 佩戴 口罩 列為 自主 健康 管理物件 莊 人 祥 強調 案 518 在 10 月 3 日 離開 集中 檢疫所 曾 與 髮廊 造型 師 接觸 但 雙方 全程 都有 佩戴 口罩 因此 列為 自主 健康 管理物件 至於 先前 將 菲律賓 入境 采 檢 策略 改為 解 隔離 前 全采 則 是 9 月 26 日後 入境 的 旅客 適用 但 案 518 是 在 9 月 18 日 入境 因此 不 用 進行 解 隔離 前 的 采 檢 莊 人祥 強調 境外 確診 個案 返國 必須 要 遵守 兩 大 規定 在 國外 確診 從 發病 日 到 登機 日 期間 超過 兩 個 月 間隔 且 症狀 緩解 或 發病 日 已 達 十 天 取得 兩 次 呼吸道 采 檢 的 陰性 證明 才 能夠 登機 指揮中心 統計 截至 目前 累計 94734 例 新型 冠狀病毒 肺炎 相關 通報 含 93571 例 排除 其中 518 例 確診 分別 為 426 例 境外移入 55 例 本土 病例 36 例 敦睦 艦隊 及 1 例 不 明 確診 個案 中 7 人 死亡 485 人 解除 隔離 26 人 住院 隔離 中</t>
  </si>
  <si>
    <t>臺灣 一 名 50 多 歲 男子 近期 前往 澳門 被 檢 出 印度 變異 株 delta 中央流行疫情指揮中心 表示 該 男 今年 2 月中 到 5 月 8 日 待 在 印度 來 台 後進 行 14 天 檢疫 曾 3 次 采 檢 都 是 陰性 由於 男子 在 澳門 檢 出 ct 值 32 且 igm 陰性 igg 陽性</t>
  </si>
  <si>
    <t>臺灣 一 名 50 多 歲 男子 近期 前往 澳門 被 檢 出 印度 變異 株 delta 中央流行疫情指揮中心 表示 該 男 今年 2 月中 到 5 月 8 日 待 在 印度 來 台 後進 行 14 天 檢疫 曾 3 次 采 檢 都 是 陰性 由於 男子 在 澳門 檢 出 ct 值 32 且 igm 陰性 igg 陽性 研 判 已經 感染 1 個 月 應是 在 印度 染疫 目前 指揮中心 正 設法 聯繫 本人 進行 在 台 接觸 者 匡列 醫療 應變 組 副 組長 羅一鈞 表示 男子 去年 2 月 到 今年 1 月底 都 待 在 越南 返台 後 又 於 2 月中 到 5 月 8 日 期間 前往 印度 男子 在 澳門 檢 出 ct 值 32 igm 陰性 igg 陽性 研 判 非 近期 感染 加上 越南 年初 還 沒有 delta 的 流行 應是 在 印度 染疫 羅 一 鈞 表示 男子 在 臺灣 期間 曾 3 次 采 檢 陰性 5 月 8 日 從 印度 返台 後 隔日 第一 次 采 檢 陰性 後進 行 14 天 檢疫 5 月 22 日 期滿 采 檢 陰性 後來 為了 出境 需求 6 月 15 日 再 前往 采 檢 也 檢 出 陰性 同日 從 桃園 國際機場 出發 前往 澳門 17 日 接受 采 檢 無 症狀 澳門 後 也 通知 表示 男子 有 delta 的 特徵 因 男子 病毒 量 低 猜測 應是 使用 部分 基因 序列 比對 來 判斷 感染 什麼 病毒株 對於 男子 為 何采檢 多次 都 沒 確診 羅一鈞 表示 男子 應是 屬於 陰 陰陽 陽 的 階段 此次 被 澳門 檢 出 可能 是 複 陽 雖然 無法 知道 在 印度 何時 感染 但 感染 的 時間 應已 超過 1 個 月 男子 對 臺灣 社區 的 風險 不 高 但 為 慎重 起見 指揮中心 仍 在 設法 聯繫 男子 本人 也 會 針對 男子 在 台 接觸 者 進行 匡列</t>
  </si>
  <si>
    <t>國內 再度 本土 零 確診 新冠肺炎 疫情 有 明顯 降溫 外界 好奇 對 各 產業 的 限制 是否 有 再 鬆綁 可能 中央流行疫情指揮中心 指揮官 陳時中 回應 哪些地方 能 再 鬆綁 下 周會 向 社會 說明 而要 再 降級 的話 大方向 會 是 全國 一起 降級 不</t>
  </si>
  <si>
    <t>國內 再度 本土 零 確診 新冠肺炎 疫情 有 明顯 降溫 外界 好奇 對 各 產業 的 限制 是否 有 再 鬆綁 可能 中央流行疫情指揮中心 指揮官 陳時中 回應 哪些地方 能 再 鬆綁 下 周會 向 社會 說明 而要 再 降級 的話 大方向 會 是 全國 一起 降級 不會 分 區 陳時中 指出 有些 地方 對於 中央 說 可以 放寬 的 地方 目前 也 還 未 放寬 例如 家人 內 用 不 用 隔板 的 部分 這些 事情 可以 陸續 先 做 至於 哪些 規定 產業 可以 放寬 下 周 定案 後會 做 說明 對於 有 南部縣 市 希望 能 分區 降級 陳時中 表示 大方向 是 全國 一起 降級 有 特殊 狀況 的 話 或許 會 排除 目前 北部 地區 為 例 都 是 零星 個案 不是 大 爆發 因此 整體而言 是 會 全國 一起 臺北市 長 柯文哲 昨 認為 防疫 可 降到 1 級 並 酸 領 薪水 的 人 不 知道 民間 疾苦 陳時中 回應 疫情 期間 的 情緒 性 發言 大可不必 最 重要 是 一 步步 往前走 讓 生活 正常化 中央 地方 一起 合作 領 薪水 沒有 領 薪水 的 人 都 一起 合作 陳時中 也 強調 降級 口罩 也 不 會 是 鬆綁 項目 也許 有 可能 會 稍微 放寬 關於 家 人 一起 出 門 的 規定 但 全面 性 還是 以 戴 口罩 為 防疫 戰略</t>
  </si>
  <si>
    <t>新冠肺炎 疫情 趨 緩 全台 大解 封 台南 市長 黃偉哲 7 日 出席 公開 活動 時 雖然 已經 沒有 戴 口罩 但 卻 還 是 要 逆 時 中 一下 除 要求 台南 市 舞廳 酒店 繼續 維持 實 名 制 一段時間 也 希望 第一線 櫃檯 人員 公車 司機 仍 需 戴 口罩 黃偉哲 表示 台南 市 的 解封 基本上 都以 中央流行疫情指揮中心 的 規定 為 準則 然後 其他 部分 有 一些 要 增加 的 專案 再 從 這個 出發點 來 進行 負面 表列 從 今天 看來 許多 民眾 都 已經 自動 地 將 口罩 摘下來 顯然 民眾 也 都 順 時中 自動 解 封 這 部分 應該 是 大家 的 配合 度 都 好 像 要 開始 封 的 時候 需要 政府 三令五申 但要 解 封時 民眾 都會很 自動 順 時中 一點 都 沒有 違和 感 針對 台 南市 逆 時 中 的 負面 表列 部分 黃偉哲 也 說 台南 市 比較 特殊 的 地方 就是 實 名 制 還 會 維持 一段時間 第一線 的 櫃檯 人員 及 公車 駕駛人員 等 還 是 希望 他們 戴 口罩 同時 舞廳 酒店 實 名 制 還 是 會 維持 一陣子 隨時 滾 動式 的 檢討 但 餐廳 隔板 可以 撤 除了 基本上 其他 部分 都 與 中央 大同小異</t>
  </si>
  <si>
    <t>中央流行疫情指揮中心 今 25 日 表示 自 8 月 23 日 至 8 月 29 日 完成 第一 劑 高端疫苗 接種 之 民眾 公費 疫苗 預約 平臺 預計 於 9 月 27 日 提供 接種 第二 劑 屆時 符合 預約 資格 或 收到 簡訊 提醒 者 即可 預約 接種 另 若 有 出國 急迫性 須於 第一</t>
  </si>
  <si>
    <t>中央流行疫情指揮中心 今 25 日 表示 自 8 月 23 日 至 8 月 29 日 完成 第一 劑 高端疫苗 接種 之 民眾 公費 疫苗 預約 平臺 預計 於 9 月 27 日 提供 接種 第二 劑 屆時 符合 預約 資格 或 收到 簡訊 提醒 者 即可 預約 接種 另 若 有 出國 急迫性 須於 第一 劑 後 滿 28 天 接種 者 請 地方 政府 衛生局 指定 轄內 合約 醫療 院所 於 預約 平臺 開 打 9 月 27 日 前 酌情 提供 接種 指揮官 陳時中 說明 高端疫苗 在 打 的 時候 沒有 相關 實驗 可以 延長 第二 劑 天數 所以 希望 把 第二 劑 限定 在 28 天 後 施打 以 確保 效果 當然 以後 會 不 會 延長時間 要 等 有 相關 研究 基礎 再來 做 安排 指揮中心 發言人 莊人祥 說明 高端 第二 劑 接種 時間 之所以 選 在 9 月 27 日 是 因為 要 確保 8 月 23 日 到 29 日 接種 第一 劑 的 民眾 都能滿 28 天 陳時中 透露 有 可能 當 周 不是 輪到 高端疫苗 可能 會 兩 種 疫苗 一起 打 由於 高端 是 單 劑型 其他 疫苗 不是 單 劑型 搞 混 的 機會 相對 低 陳時中 說明 高端 第二 劑 基本上 都 要 在 公費 疫苗 預約 平臺 來 進行 但 由於 民眾 在 國外 沒 辦法 打 高端疫苗 因此 如果 急需 出國者 可 提供 相關 證明 至 指定 合約 醫療 院所 接種 但 仍要 滿 28 天 指揮中心 指出 高端疫苗 目前 第二 劑 接種 間隔 至少 28 天 已於 國內 接種 第一 劑 高端疫苗 之 民眾 若 因 緊急 出國 需 提前 接種 第二 劑 疫苗 者 可 提供 具有 付款 紀錄 之 機票 與 出國 日程 及 留學 入學 證明 或 公司 外 派出國 等 證明文件 至 指定 之 合約 醫療 院所 經 醫師 評估 後 進行 接種 民眾 前往 接種 covid-19 第二 劑 疫苗 前 請 備 妥 covid-19 疫苗 接種 紀錄 卡 及 健 保 卡 若 covid-19 疫苗 接種 紀錄 卡 已 遺失 民眾 可 返回 第一 劑 接種 之 醫療 院所 補發 再 完成 第二 劑 接種 接種 前 接種 單位 需 核對 民眾 身分 資料主動 詢問 民眾 疫苗 接種 史 檢 視 民眾 covid-19 疫苗 接種 紀錄 卡 紀錄 及 健 保 卡 注 記 貼紙 資料 如 均 無 相關 接種 證明 或 資訊 者 除 可 使用 網路 連 線 全國性 預防接種 資訊 管理 系統 niis 查詢 子系統 查詢 疫苗 接種 史 合約 醫療 院所 亦可 透過 雲端 藥 曆 系統 等 連結 查詢 以 確認 疫苗 接種 間隔 及 廠 牌 是否 符合規範</t>
  </si>
  <si>
    <t>繼 亞東 醫院 高雄 仁惠 醫院 後 今日 國內 新增 1 起 院內 感染 事件 中央流行疫情指揮中心 醫療 應變 組 副 組長 羅一鈞 說 臺北市 某 血液 透 析 中心 1 名 洗 腎病 患 確診 後 4 名 接觸 者 快 篩檢 出 陽性 目前 11 名 工作人員 67 名 病 患 都 在 隔</t>
  </si>
  <si>
    <t>繼 亞東 醫院 高雄 仁惠 醫院 後 今日 國內 新增 1 起 院內 感染 事件 中央流行疫情指揮中心 醫療 應變 組 副 組長 羅一鈞 說 臺北市 某 血液 透 析 中心 1 名 洗 腎病 患 確診 後 4 名 接觸 者 快 篩檢 出 陽性 目前 11 名 工作人員 67 名 病 患 都 在 隔離 中 羅 一 鈞 說 除了 昨天 說 的 2 起 院內 感染 事件 亞東 仁惠 今日 也 新增 1 血液 透 析 中心 群 聚 事件 臺北市 的 血液 透 析 中心 一 名 洗 腎病 患 在 5 12 出現 虛弱 症狀 5 13 開始 發燒 就醫 後 確診 羅 一 鈞 表示 病 患 確診 後 該 血液 透 析 中心 有 購買 快 篩 試劑 給 員工 和 洗 腎 患者 結果 驗 出 4 名 陽性 得知 情形 後 和 衛生局 到 洗 腎 中心 做 匡列 11 名 工作人員 67 名 病 患 被 列 隔離 也 要 采 檢 羅 一 鈞 說 這 段 時間 會 對 員工 進行 健康 監測 由於 染疫病 患 需要 血液 透 析 我們 會 安排 若 不行 就讓 病 患 到 消毒 後 的 地方洗 腎 對於 近期 北 榮 也 傳出 有 員工 染疫 羅一鈞 表示 院內 感染 是 院內 互相 的 傳播 鏈 包括 亞東 仁惠 血液 透 析 中心 3 家 都 有 有些 醫院 有 員工 確診 會 進行 接觸 者 匡列 若 有 其他 員工 確診 我們 會 調查 關聯 若 有 就 會 研 判為 院內 感染</t>
  </si>
  <si>
    <t>隨 新冠肺炎 疫情 快速 升溫 民眾黨 昨日 呼籲 行政院 應 換 掉 中央流行疫情指揮中心 指揮官 陳時中 改由 行政院長 蘇貞昌 接手 主導 對此 蘇貞昌 今 上午 赴 立院 接受 總 質詢 前 表示 臺灣 在 集體 努力 下 被 全世界 肯定 讓 全世界 終於 分出</t>
  </si>
  <si>
    <t>隨 新冠肺炎 疫情 快速 升溫 民眾黨 昨日 呼籲 行政院 應 換 掉 中央流行疫情指揮中心 指揮官 陳時中 改由 行政院長 蘇貞昌 接手 主導 對此 蘇貞昌 今 上午 赴 立院 接受 總 質詢 前 表示 臺灣 在 集體 努力 下 被 全世界 肯定 讓 全世界 終於 分出 臺灣 跟 中國 不 一樣 臺灣 好棒 陳時中 做 得 非常 專業 負責 非常 好 我們 不 會 換 蘇貞昌 表示 從 疾 管署 的 記者會 看到 防疫 是 非常 辛苦 講求 團隊 合作 的 工作 大家 專業分工 合作無間 而 陳時中 部長 在 第一線 指揮 防疫 做 得 非常 專業 非常 負責 非常 好 我們 不 會 換 蘇貞昌 強調 在 總統 蔡英文 領導 下 整個 行政 團隊 大家 都 非常 的 專業 盡責 也 因為 有 這樣 好 的 團隊 所以 獲得 大家 認同 陳時中 部長 也 認同 整個 團隊 他 說 在 這 一 次 疫情 中 大家 看 到 臺灣人 的 高 水準 並且 同 舟 一 命 大家 集體 有 安危與共 共同努力 的 心境 就 像 看 趴 趴 走 的 人 地方 政府 乃至 於 村裡 長 社區 都會 出來 指責 檢舉 就 可以 看到 臺灣人 知道 要同 舟 一 命 分工合作 集體 努力 所以 被 全世界 肯定 也 讓 全世界 第一 次 這麼 注重 臺灣 也 分出 臺灣 跟 中國 不 一樣 臺灣 好棒 蘇貞昌 說 這 真的 讓 一輩子 做 政治 工作 的 人 感覺 到 臺灣 真的 可以 做 得 很 好 臺灣 是 個 很 好 的 國家 要 更 珍惜 更 努力 在 一 波 一 波 的 疫情 發展 中 更 要 守 住 第二 波 大家 一定 要 把 臺灣 守 好 因為 我們 是 同一 國 的</t>
  </si>
  <si>
    <t>中央流行疫情指揮中心 今 7 日 公佈 國內 新增 12 例 確診 分別 為 8 例 本土 及 4 例 境外移入 另 確診 個案 中 無 新 增 死亡 指揮官 陳時中 補充 幼稚園 新增 5 例 3 名 家長 1 名 幼稚園 學童 另 一 名 則 為 幼稚園 染疫 學童 的 一 歲 妹妹 整起 群</t>
  </si>
  <si>
    <t>中央流行疫情指揮中心 今 7 日 公佈 國內 新增 12 例 確診 分別 為 8 例 本土 及 4 例 境外移入 另 確診 個案 中 無 新 增 死亡 指揮官 陳時中 補充 幼稚園 新增 5 例 3 名 家長 1 名 幼稚園 學童 另 一 名 則 為 幼稚園 染疫 學童 的 一 歲 妹妹 整起 群 聚 累積 16 人 確診 全案 共 匡列 411 人 其中 362 人 居家 隔離 49 人 自主 健康 管理 指揮中心 說明 今日 新增 8 例 本土 個案 為 1 例 男性 7 例 女性 年齡 介於 未 滿 5 歲 至 50 多 歲 發病 日 介 於今 2021 年 9 月 1 日 至 9 月 5 日 個案 分佈 為 新北 市 7 例 臺北市 1 例 其中 6 例 為 已 知 感染 源 1 例 關聯 不明 1 例 疫 調 中 衛生 單位 將 持續 進行 疫情 調查 及 防治 以 厘 清 感染 源 指揮中心 表示 今日 新增 4 例 境外移入 個案 為 3 例 男性 1 例 女性 年齡 介於 10 多 歲 至 40 多 歲 分別 自 印度 案 16147 日本 案16148 馬來西亞 案 16149 及 賴索托 案 16156 入境 入境 日 介於 8 月 13 日 至 9 月 5 日 指揮中心 統計 截至 目前 國內 累計 2849565 例 新型 冠狀病毒 肺炎 相關 通報 含 2832159 例 排除 其中 16047 例 確診 分別 為 1444 例 境外移入 14550 例 本土 病例 36 例 敦睦 艦隊 2 例 航空器 感染 1 例 不 明及 14 例 調查 中 另 累計 110 例 移除 為 空號 2020 年 起 累計 837 例 covid-19 死亡 病例 其中 827 例 本土 個案 居住 縣 市 分佈 為 新北 市 410 例 臺北市 317 例 基隆 市 28 例 桃園 市 26 例 彰 化 縣 15 例 新竹 縣 13 例 台中 市 5 例 苗栗縣 3 例 宜蘭 縣 及 花蓮縣 各 2 例 台 東縣 雲 林縣 台 南市 南 投 縣 高雄市 及 屏 東縣 各 1 例 另 10 例 為 境外移入 指揮中心 再次 呼籲 民眾 應 落實 手部 衛生 咳嗽 禮節 及 佩戴 口罩 等 個人 防護 措施 減少不必要 移動 活動 或 集會 避免 出入 人 多 擁擠 的 場所 或 高 感染 傳播 風險 場 域 並 主動 積極 配合 各項 防疫 措施 共同 嚴守 社區 防線</t>
  </si>
  <si>
    <t>臺北市 長 柯文哲 日前 宣佈 打 疫苗 免費 引發 中央 地方 搶功 爭論 據 中央預算 編 列 預算內 容 追加預算 中 並非 接種 服務 卻 聲稱 全部 免費 對此 柯文哲 怒 嗆 對付 新冠肺炎 沒有 像 對付 柯文哲 這麼 用心 提高 民眾 接種 疫苗 意願 繼 北市 宣佈 臺北 市民 施打 疫苗 免費 不料 中央流行疫情指揮中心 隨後 公佈 已 編 列 並 通過 40億 元 特別 預算 補助 接種 疫苗 據 中央預算 編 列 內容 6 月 3 日 追加預算 中 符合 40億 元 金額 的 用途 是 獎勵 設置 防疫 專責 病房 和 隔離 病 室 及 采 檢 站 而 cdc 訂 的 疫苗 接種 計 畫 中 支付 是 接種 處置費 每 劑 次 補助 100 元 但 如今 中央 講法 卻 像是 全部 免費 針對 是否 被 中央 針對 柯文哲 表示 這 預算 是 中央 編 的 必須 要 自己 說明 這 幾 天 中央 說法 變 好幾 次 他 要 把 每 一 次 說法 記錄下來 就 可 看到 變來變去 就 連 他 到 現在 都 不 知道 是 怎 回事 柯文哲 怒 嗆 還是 把 事情 做 好 就 好 到 這 時刻 你 對付 新冠肺炎 沒有 像 對付 柯文哲 這麼 用心</t>
  </si>
  <si>
    <t>有無 良 人力 仲 介 公司 因 宿舍 有 移 工 確診 在 6 月 4 日 5 日 私自 將 同 處 宿舍 32 位移 工 送往 竹市 一般 旅館 旅館業 者 察覺 不對勁 後 通報 新竹 市政府 調查 發現 32 名 移 工 竟 已 有 6 人 pcr 陽性 確診 市長 林智堅 震怒 批 仲介 公司 可惡 至極 讓 全體 市民 深陷 高風險 必須 嚴懲 依 嚴重 特殊 傳染性 肺炎 防治 及 紓困 振興 特別 條例 重罰 100萬 元 苗栗 科技 廠 移 工 群 聚 案 爆發 後 該 仲介 公司 因其 管轄 的 移 工 宿舍 有 確診 個案 竟 擅自 將 30 多 名 同 處 宿舍 移 工 送往 竹市 旅館 並未 如實 告知 業者 入住 移 工 身分 入住 期間 更 將 移 工 再 帶回 苗栗廠 區 進行 篩檢 市府 調查 發現 32 名 移 工 之中 已 有 6 人 pcr 陽性 確診 目前 由 市府 送往 集中 檢疫所 收治 另 有 2 人 快 篩 陽性 也 已 安置 於 新竹 市 加強版 防疫 旅館 另 其他 快 篩 陰性 移 工 市府 也 安排 送往 新竹 市 防疫 旅館 進行 居家 隔離 市府 也 要求 該 無辜 飯店 全館 消毒 安排 期間 共 9 名 旅館 工作人員 1 名 房客 居家 隔離 並 篩檢 林智堅 指出 該 公司 將 曾 與 確診 者 接觸 的 移 工 群 送往 一般 旅館 讓 全體 市民 陷入 極 高風險 可惡 至極 已 違反 嚴重 特殊 傳染性 肺炎 防治 及 紓困 振興 特別 條例 第 7 條 與 第 16 條 中 違反 中央流行疫情指揮中心 指揮官 規定 實施 之 應變 措施 市府 嚴懲 重罰 100萬 元</t>
  </si>
  <si>
    <t>中央流行疫情指揮中心 今 公佈 國內 新增 7 例 新冠肺炎 確診 案例 分別 為 6 例 境外移入 及 1 例 本土 個案 本土 個案 感染 源 待 厘 清 截至 目前 國內 共 累計 355 名 確診 案例 本土 個案 為 40 多 歲 男性 案 352 近期 無 出 國史 3 月 30 日 出現 發</t>
  </si>
  <si>
    <t>中央流行疫情指揮中心 今 公佈 國內 新增 7 例 新冠肺炎 確診 案例 分別 為 6 例 境外移入 及 1 例 本土 個案 本土 個案 感染 源 待 厘 清 截至 目前 國內 共 累計 355 名 確診 案例 本土 個案 為 40 多 歲 男性 案 352 近期 無 出 國史 3 月 30 日 出現 發燒 症狀 至 診所 就醫 4 月 1 日 因 味覺 及 嗅覺 喪失 至 同一 診所 就醫 隔 天 再 至 醫院 就醫 後 收治 住院 並 采 檢 通報 於 今日 確診 衛生 單位 調查 個案 獨自 居住 平時 活動 地 以 住家 及 工作地 為 主 將 進一步 調查 相關 接觸 者 以 厘 清 感染 源 6 例 境外移入 個案 為 2 男 4 女 年齡 為 20 多 歲 至 60 多 歲 入境 日 介於 3 月 15 日 至 4 月 2 日 發病 日 介於 3 月 16 日 至 30 日 發病 前 活動 地 為 瑞士 美國 德國 英國 及 南美洲 指揮中心 指出 案 350 於 3 月 12 日 至 18 日 至 美國 工作 返國 時 因 與 案 197 及 案 202 赴美國 探親 之 夫妻 搭乘 同 班機 因此 列為 接觸 者 案 350 居家 隔離 期間 於 3 月 30 日 出現 輕微 腹瀉 情形 4 月 1 日 出現 輕微 胸 悶 症狀 於 4 月 2 日 居家 隔離 期 結束 後 自 行前 往 醫院 就醫 並 采 檢 通報 於 今日 確診 案 355 於 2 月 20 日 至 3 月 25 日 參加 南美 旅遊團 因 與 案 259 及 331 同 團 列為 接觸 者 無疑 似 症狀 居家 隔離 期間 於 4 月 2 日 由 衛生 單位 安排 就醫 采 檢 於 今日 確診 該 旅遊團 截至 目前 共計 3 人 確診</t>
  </si>
  <si>
    <t>中央流行疫情指揮中心 今 25 日 表示 日本政府 提供 第 五 批 50萬 劑 astrazeneca az 疫苗 於 今日 下午 運 抵 桃園 國際機場 並 在 完成 通關 程式 後 直接 運送 至 指定 冷儲 物流 中心 進行 後續 檢驗 封 緘 作業 本 批 疫苗 效期 至 110 年 11 月 26 日</t>
  </si>
  <si>
    <t>中央流行疫情指揮中心 今 25 日 表示 日本政府 提供 第 五 批 50萬 劑 astrazeneca az 疫苗 於 今日 下午 運 抵 桃園 國際機場 並 在 完成 通關 程式 後 直接 運送 至 指定 冷儲 物流 中心 進行 後續 檢驗 封 緘 作業 本 批 疫苗 效期 至 110 年 11 月 26 日 及 11 月 30 日 將 由 指揮中心 統籌規劃 運用 提供 國人 與 在 台 日籍人士 接種 指揮中心 說明 日本 提供 我國 astrazeneca az 疫苗 分別 為 6 月 4 日 124萬 劑 7 月 8 日 113萬 劑 7 月 15 日 97萬 劑 9 月 7 日 64萬 劑 及 本 批 50萬 劑 共 3904萬 劑 有助 我國 提升 疫苗 覆蓋率 指揮中心 再次 向 日本政府 及 人民 致 上 誠摯 謝意</t>
  </si>
  <si>
    <t>中央流行疫情指揮中心 14 日 公佈 新冠肺炎 第 53 例 確診 病例 在 新竹 縣 後 網路 開始 出現 患者 目前 在 東元 醫院 隔離 醫治 的 假 訊息 新竹 地 檢 署 接 獲 疫情 應變 專 組 平臺 通報 後 偵 辦 18 日 迅速 偵 結 經 告訴 人 東元 醫院 同意 以 緩 起訴 處分</t>
  </si>
  <si>
    <t>中央流行疫情指揮中心 14 日 公佈 新冠肺炎 第 53 例 確診 病例 在 新竹 縣 後 網路 開始 出現 患者 目前 在 東元 醫院 隔離 醫治 的 假 訊息 新竹 地 檢 署 接 獲 疫情 應變 專 組 平臺 通報 後 偵 辦 18 日 迅速 偵 結 經 告訴 人 東元 醫院 同意 以 緩 起訴 處分 2 名 被告 檢 方 指出 16 日 接 獲 新竹 縣 衛生局 通報 網路 出現 臺灣 第 53 例 是 竹北 台 元奕力 的 工程師 病毒 已 來 新竹 大家 小心 確診 者 現在 在 東元 醫院 隔離 沒事 不 要 去 東元 的 不實 訊息 後 旋即 指派 專責 檢察官 王遠志 指揮 警 調 展開 偵 辦 警 調 從 facebook 帳 號 確認 使用 人為 賴姓 男子 並 源 追查 訊息 來源 為 黃姓 女子 在 line 貼 文後 通知 2 人 到案 要求 刪除 貼 文 並於 個人 網頁 重新 貼 文 澄清事實 檢察官 17 日 傳喚 黃女和 賴男 到 庭 認 2 人 坦承 犯 行 無 犯罪 紀錄 犯 後 態度 良好 已 深表 悔悟 認 以 緩 起訴 處分為 適當 諭知 支付 緩 起訴 處分 金 1萬 元 向 指定 團體 提供 60 小時 義務 勞務 及 參加 2 場 法治 教育 課程 新竹 地 檢 署 再次 呼籲 民眾 面對 傳染病 應 配合 中央流行疫情指揮中心 的 宣導 及 防疫 措施 對 疫情 資訊 應 謹慎 面對 切 勿 以訛傳訛 任意 轉 傳 分享 散播 不實 訊息 違者 最高 可 處 3 年 以下 有期徒刑 拘役 或 並 科 300萬 元 以下 罰金 民眾 若 發現 有 任何 散播 不實 訊息 可向 檢 警 舉 發</t>
  </si>
  <si>
    <t>中央流行疫情指揮中心 公佈 昨 2 日 新增 13 起 疫苗 接種 後 死亡 事件 其中 8 例 為 接種 az 後 死亡 另 5 例 為 接種 莫德納 後 死亡 指揮中心 發言人 莊人祥 表示 8 例 接種 az 後 死亡 事件 年齡 介於 40 至 92 歲 之間 於 接種 後 6 至 34 天 發生</t>
  </si>
  <si>
    <t>中央流行疫情指揮中心 公佈 昨 2 日 新增 13 起 疫苗 接種 後 死亡 事件 其中 8 例 為 接種 az 後 死亡 另 5 例 為 接種 莫德納 後 死亡 指揮中心 發言人 莊人祥 表示 8 例 接種 az 後 死亡 事件 年齡 介於 40 至 92 歲 之間 於 接種 後 6 至 34 天 發生 5 例 接種 莫德納 後 死亡 事件 年齡 介於 54 至 83 歲 之間 於 接種 後 11 至 57 天 發生 昨天 無 新 增 接種 高端 後 死亡 事件 另外 昨 新增 30 件 疫苗 接種 後 非 嚴重 不良 事件 以及 37 件 疑 似 嚴重 不良 事件 截至 昨天 國內 累計 接種 1100萬4240 劑 疫苗 其中 az 接種 660萬608 劑 莫德納 接種 375萬675 劑 高端 接種 65萬2957 劑</t>
  </si>
  <si>
    <t>中央流行疫情指揮中心 今 27 日 召開 記者會 一 媒體 提問 有 確診 者 因 飲食 問題 大 鬧 隔離病房 對此 指揮官 陳時中 表示 沒收 到 此 訊息 但 住 醫院 不是 住 旅館 病 患 要 分 清楚 據傳 有 財經 界 大老 的 外籍 媳婦 在 隔離 期間 因 不 習慣</t>
  </si>
  <si>
    <t>中央流行疫情指揮中心 今 27 日 召開 記者會 一 媒體 提問 有 確診 者 因 飲食 問題 大 鬧 隔離病房 對此 指揮官 陳時中 表示 沒收 到 此 訊息 但 住 醫院 不是 住 旅館 病 患 要 分 清楚 據傳 有 財經 界 大老 的 外籍 媳婦 在 隔離 期間 因 不 習慣 病房 內 的 中式 餐 點 而 大吵大鬧 要求 醫護人員 買 漢堡 對此 官陳 時 中 表示 沒有 收到 此 訊息 但 希望 住 醫院 還是 住 旅館 要 分清 楚 飲食 上 醫院 會 有 相應 的 安排 當然 合理 的 要求 會 儘量 做 但 若 是 不合理 的 不 表示 住院 的 病人 鬧事 就 沒 事 仍 會 依 醫療法 第 24 與 106 條 的 法 條 規定 予以 處分</t>
  </si>
  <si>
    <t>中央流行疫情指揮中心 以 家長 陳情 小 男孩 不敢 戴 粉紅色 口罩 去 學校 指揮官 陳時中 五 人 全部 戴起 粉紅色 口罩 示範 國民黨 今天 也 順 時中 把 臉書 粉絲 專 頁 的 黨徽 大頭 貼 戴 上 粉紅色 口罩 表示 顏色 不 重要 防疫 才 重要 結果</t>
  </si>
  <si>
    <t>中央流行疫情指揮中心 以 家長 陳情 小 男孩 不敢 戴 粉紅色 口罩 去 學校 指揮官 陳時中 五 人 全部 戴起 粉紅色 口罩 示範 國民黨 今天 也 順 時中 把 臉書 粉絲 專 頁 的 黨徽 大頭 貼 戴 上 粉紅色 口罩 表示 顏色 不 重要 防疫 才 重要 結果 引來 一 堆 網路 酸 民 留言 還 有人 問 甚麼 時候 才 正名 臺灣 國民黨 國民黨 把 臉書 粉 專 大頭 貼 的 党徽 戴 上 粉紅色 口罩 表示 保持 社交距離 必要 時 戴 口罩 無論是 綠色 口罩 粉紅色 口罩 甚至 是 有 可愛 圖案 的 口罩 顏色 什麼 的 根本 不 重要 口罩 不分 顏色 防疫 不分 顏色 臺灣 不分 顏色 重要 的 是 守護 民眾 的 健康 戴 上 口罩 既能 保護 自己 也 可以 保護 別人 不過 有 不少 酸 民 上網 留言 有人 酸 甚麼 時候 才 正名 為 臺灣 國民黨 沒 救 的 黨 也 有人 以 粉 專 今 早 推出 以 華航 改名 推出 佳 龍 計時器 另 推 一 款 中國國民黨 反攻大陸 計時器 酸度 十足</t>
  </si>
  <si>
    <t>臺灣 今天 新增 26 例 死亡 個案 其中 有 一 例 為 100 多 歲 女性 6 6 出現 咳嗽 症狀 6 7 入院 篩檢 3 天 後 就 不幸 死亡 中央流行疫情指揮中心 發言人 莊人祥 也 證實 102 歲 是 目前 年紀 最 大 的 確診 患者 中央流行疫情指揮中心 今 公佈 新</t>
  </si>
  <si>
    <t>臺灣 今天 新增 26 例 死亡 個案 其中 有 一 例 為 100 多 歲 女性 6 6 出現 咳嗽 症狀 6 7 入院 篩檢 3 天 後 就 不幸 死亡 中央流行疫情指揮中心 發言人 莊人祥 也 證實 102 歲 是 目前 年紀 最 大 的 確診 患者 中央流行疫情指揮中心 今 公佈 新增 26 例 死亡 個案 分別 為 17 位 男性 9 位 女性 年齡 介於 40 多 歲 至 100 多 歲 發病 日 介於 5 月 15 日 至 6 月 9 日 確診 日 介於 5 月 18 日 至 6 月 11 日 死亡 日 介於 6 月 4 日 至 6 月 11 日 其中 案 11621 為 100 多 歲 的 女性 有 萬 華 地區 的 活動 史 個案 在 6 6 出現 咳嗽 症狀 6 7 住院 6 8 確診 6 10 死亡 而 發言人 莊人祥 也 證實 102 歲 是 目前 年紀 最 大 的 確診 患者</t>
  </si>
  <si>
    <t>國內 疫情 趨 緩 中央流行疫情指揮中心 指揮官 陳時中 今天 表示 有關 餐飲 夜市 平時 管理 和 戰備 的 指引 都會 一 波 一 波 推 出來 也 會 督導 各 單位 若 能 確實 做到 就 會 在 7 月 12 日 疫情 持續 往 下 時先 開放 7 月 12 日後 會 不 會 開放 內 用</t>
  </si>
  <si>
    <t>國內 疫情 趨 緩 中央流行疫情指揮中心 指揮官 陳時中 今天 表示 有關 餐飲 夜市 平時 管理 和 戰備 的 指引 都會 一 波 一 波 推 出來 也 會 督導 各 單位 若 能 確實 做到 就 會 在 7 月 12 日 疫情 持續 往 下 時先 開放 7 月 12 日後 會 不 會 開放 內 用 陳時中 表示 餐飲業 內部管理 經過 我們 檢查 不是 說 完全 不可能 但 還是 疫情 控制 為 主 相關 指引 就 要 不斷 準備 起來 讓 各業 者 有 準備 時間 臺北市 昨晚 搶先 微 解封 夜市 此舉 是否 有 風險 陳時中 強調 現在 就是 三級 警戒 也 沒有 所謂 微 解封 而 三級 警戒 就是 外帶 不 內 用 大家 還是 要 遵守 外帶 不 內 用 到 這 波 疫情 完後 再 根據 相關 的 指引 看 如何 把 社區 經濟 維持 住 在 一定 管制 下 逐步 開放 由於 三級 警戒 已經 延長 三 次 社區 照顧 據點 關閉 一個 多 月 失 智 長者 身心 障礙 家屬 撐不下去 家屬 關心 什麼 時候 開放 陳時中 表示 相關 社區 照顧 據點 進來地方 政府 對 照顧 精 障 的 這些 身心 障礙 的 可以 授權 他們 來世 情況 因為 有些 人 在 家 很 難 做 管理 若 能到 相關 的 照顧 中心 來 管理 上會 比較 好 這邊 一部分 授權 地方 政府 做 開放 未來 要 怎麼 做 在 7 月 12 日 會 做 決定</t>
  </si>
  <si>
    <t>美國 新加坡 香港 曾 透過 監測 污水 系統 追查 社區 感染 來源 衛福 部長 陳時中 證實 國內 污水 監測 系統 也 偵 測到 新冠 病毒 陳時中 今天 表示 目前 發現 兩 處 污水 檢測 的 ct 值 為 33 37 這些 病毒 不 具有 傳染性 但 顯示 出 蒐集 到 污水 的 區域 可能 曾經 或是 現在 有 確診 者 因此 要 設立 采 檢 站 及早 把 無 症狀 者 找 出來 中央流行疫情指揮中心 發言人 莊人祥 表示 去年 一月 發生 新冠肺炎 疫情 以來 就 開始 監測 污水 的 監測 中 一直 以來 都 是 陰性 一直 到 今年 六月 初 采 檢 的 11 個 檢 體 中 發現 2 處 陽性 未來 會 持續 監測 莊 人 祥 也 證實 全國 北 中南 東 共 設立 11 個 監測 處 而 這 次 發現 病毒 的 兩 處 正是 在 北 區 他 說明 這 跟 雙北 有 發生 社區 感染 的 狀況 是 符合 一致 的 污水 監測 是 反應 社區 感染 狀況 莊 人 祥 並 強調 這不 是 醫院 污水 處理 沒有 做好 也 有 可能 是 家戶 內 的用水 但 就 是 反應 社區 感染 狀況 水 沒有 傳染 力 莊 人 祥 表示 污水 的 監測 是 為了 瞭 解 是否 有 病毒 活動 過去 主要 是 小兒麻痹 根除 計 畫 中 針對 全台 目前 有 11 個 污水 處理廠 做 監測 每個 月 都 會 采 檢 2 次 並 送驗 除了 小兒麻痹 也 有 檢驗 腸病毒 作為 每年 和 一般 的 診所 醫院 來 比對 是否 跟 收集 到 的 病例 一致 陳時中 表示 這次 從 污水 檢測 出來 的 ct 值 都 在 33 到 37 之間 顯示 這些 病毒 不 具有 傳染性 且 是 經過 水 不是 高度 濃縮 後 被 檢測 到 陳時中 表示 這些 水 沒有 傳染性 但 監測 的 重要 意義 是 搜集 水 的 區域 可能 曾經 有 確診 者 或是 現在 有 確診 者 在 因 此 將 根據 流域 分 佈 來 設立 采 檢 站 及早 把 沒有 症狀 的 人 找 出來 是 目前 最 重要 的 工作 也 會 持續 做</t>
  </si>
  <si>
    <t>中央流行疫情指揮中心 宣佈 19 日 起 限制 所有 非本 國籍 人士 入境 事前 申請 核准 者 才予 放行 並 將 印尼 越南 菲律賓 及 泰國 等 移 工 來源國 列為 旅遊 疫情 建議 第 三級 警告 配合 勞動部 訂 定 入境 移 工 居家 檢疫 計 畫 書 台中市政府</t>
  </si>
  <si>
    <t>中央流行疫情指揮中心 宣佈 19 日 起 限制 所有 非本 國籍 人士 入境 事前 申請 核准 者 才予 放行 並 將 印尼 越南 菲律賓 及 泰國 等 移 工 來源國 列為 旅遊 疫情 建議 第 三級 警告 配合 勞動部 訂 定 入境 移 工 居家 檢疫 計 畫 書 台中市政府 勞工 局 呼籲 雇主 應善盡 外國人 生活 照顧 責任 協助 配合 防疫 措施 勞工 局 說明 為 避免 傳染 風險 擴大 減少 移 工 跨境 流動 勞動部 鼓勵 雇主 優先 期滿 續 聘 繼續 留用 同一 移 工 若 有 用人 需求 的 雇主 也 鼓勵 在 國內 承接 已 在 台 的 移 工 代替 自 海外 引進 新 移 工 針對 在 台 累積 工作 年限 家庭 看護 工 已 達 14 年 其它 工作 類別 已 達 12 年 的 移 工 則 可 由 雇主 為 移 工 向 勞動部 申請 延長 每次 3 個 月 於 防疫期間 繼續 留 台 工作 對於 已 在 台 工作 的 移 工 若 原有 休假 返國 計 畫 則 鼓勵 雇主 與 移 工 協商 於 防疫期間 暫時 不 要 返國 休假 避免 重 入國後 馬上 面臨 居家 檢疫 的 狀況 移 工 若 經 協商 願意 配合 我國 防疫 措施 延後 或 取消 返國 休假 針對 移 工 取消 已 訂機票 等 費用 損失 勞動部 將 提供 必要 費用 補償 由 雇主 聘 雇 移 工 所 繳納 的 就業 安定 費 支應 勞工 局 指出 為 避免 產生 防疫 破 口 勞動部 推動 訂 定 入境 移 工 居家 檢疫 計 畫 書 雇主 于 申請 許可 申請 入 國 簽證 及 辦理 機場 接 機 服務 時 應 提報 該 計畫書 確保 雇主 引進 移 工時 有能力 辦理 居家 檢疫 雇主 如有 執行 困難 得 請 仲介 公司 協助 辦理 勞工 局長 吳威志 表示 勞動部 也 要求 移 工 應 由 該部 機場 服務站 同仁 接 機 協助 翻譯 及 辦理 相關 手續 確保 移 工 不會 搭乘 大眾 運輸工具 前往 雇主 處所 雇主 及 受 委任 仲介 公司 引進 移 工 前 應 事先 準備 居家 檢疫 處所 才能 引進 移 工 否則 應 暫緩 引進 避免 貿然 引進 後 無法 執行 居家 檢疫 14 天 而 遭受 處罰 針對 暫時 不 引進 移 工 的 雇主 勞動部 將 同意 保留 名額 雇主 得于 防疫期間 結束 後 3 個 月 向 勞動部 申請 延長 引進 效期 吳威志 說 若 發現 雇主 有 引進 外國 人 卻 未 善 盡 外國人 生活 照顧 責任 情事 勞工 局 將 依 就業 服務法 及 外國人 生活 照顧 服務 計畫書 裁 量 基準 相關 規定 處 雇主 6萬 元 以上 30萬 元 以下 罰 鍰 呼籲 雇主 勿 以身試法</t>
  </si>
  <si>
    <t>我國 疫情 持續 嚴峻 原本 5 月中 旬 時 每日 pcr 檢驗 量 能 僅 有 2萬7000 餘 件 中央流行疫情指揮中心 指揮官 陳時中 表示 經過 整備 後 每日 通報 數 從 6534 件 提升 至 3萬228 件 pcr 檢驗 量 能 從 2萬7682 件 提升 至 8萬307 件 社 品 篩檢 站 從 3</t>
  </si>
  <si>
    <t>我國 疫情 持續 嚴峻 原本 5 月中 旬 時 每日 pcr 檢驗 量 能 僅 有 2萬7000 餘 件 中央流行疫情指揮中心 指揮官 陳時中 表示 經過 整備 後 每日 通報 數 從 6534 件 提升 至 3萬228 件 pcr 檢驗 量 能 從 2萬7682 件 提升 至 8萬307 件 社 品 篩檢 站 從 3 站 提升 至 111 站 專責 病房 從 2412 間 提升 至 5494 間 居家 隔離 時效 從 323 天 提升 至 2 天 陳時中 提及 希望 檢驗 把 潛藏 的 病例 發掘出來 措施 包括 廣設 篩檢 站 協助 企業 自主 快 篩 導入 診所 自費 快 篩 引進 在家 快 篩 等 他 也 說 已 有 2 家 廠商 申請 在家 快 篩 機制 將 儘快 完成 審查 陳時中 提及 如果 自己 篩檢 陽性 要 自己 去 篩檢 站 做 pcr 至於 國稅局 擬 從 6 月 15 日 開放 臨櫃 報稅 他 呼籲 大家 儘量 線下 申報 另外 國稅局 如要 臨櫃 申辦 時 包括 人流 管理 應該 要 做好 陳時中 提及 目前 pcr 及 快 篩 後來 結果 比較 大概 都只 有 7 成 使用 上 要 小心</t>
  </si>
  <si>
    <t>敦睦 艦隊 疫情 再 擴大 台南 市長 黃偉哲 視察 封 館 消毒 後 今天 重新 開業 的 新光 三越 新 天地 暗示 台南 未來 2 周 沒有 鬆懈 本錢 防疫 專線 昨天 接 獲 400 多 通 相關 諮 詢 電話 顯見 民眾 恐慌 心態 他 也 坦言 擔憂 後續 可能 有 相關 個案 發生 上午 一度 傳出 一 名 來 過 台南 的 官兵 確診 後 女友 也 傳出 確診 不過 相關 單位 未 證實 強調 一切 由 中央流行疫情指揮中心 公佈 為主 下午 2 點 揭曉 並 沒有 傳出 官兵 女友 確診 應為 誤傳</t>
  </si>
  <si>
    <t>連 假 後 的 疫情 是否 樂觀 據 統計 目前 的 采 檢 量 每日 近 2000 例 但 個案 數 相對 少 中央流行疫情指揮中心 指揮官 陳時中 表示 民眾 確實 不用 太 恐慌 但 小心 仍 是 好 的 現階段 也 正好 可好 好 查一 查 過濾 一下 過去 的 案例 境外移入</t>
  </si>
  <si>
    <t>連 假 後 的 疫情 是否 樂觀 據 統計 目前 的 采 檢 量 每日 近 2000 例 但 個案 數 相對 少 中央流行疫情指揮中心 指揮官 陳時中 表示 民眾 確實 不用 太 恐慌 但 小心 仍 是 好 的 現階段 也 正好 可好 好 查一 查 過濾 一下 過去 的 案例 境外移入 案例 隨 著 管制 措施 可 發現 已 在 可 控 範圍 內 沒什麼 大 問題 本土 案例 仍 待 持續 觀察</t>
  </si>
  <si>
    <t>衛福部 桃園 醫院 爆發 群 聚 感染 精神 科 醫師 蘇偉碩 先前 就 建議 疫情 指揮官 陳時中 應 考慮 下令 鎖國 一 周 如今 影響 持續 擴大 昨 24 日 更 緊急 下令 5000 人 強制 居家 隔離 加上 南非 與 美國 又 有 境外移入 病例 對此 蘇偉碩 再次 諫 言 喊話 總統 蔡英文 該 下令 鎖國 了 衛福部 桃園 醫院 疫情 出現 轉變 蘇偉碩 今 在 臉書 表示 昨天 出現 兩 位 感染 源 不 明 的 確診 者 中央流行疫情指揮中心 下令 擴大 部 立 桃園 醫院 相關 人員 進行 居家 隔離 並 在 期滿 或 出現 疑 似 症狀 時 接受 采 檢 由於 此次 匡列 人數 眾多 並非 指揮中心 能夠 全盤 掌握 蘇偉碩 呼籲 大家 協助 轉發 緊急通知 讓 在 1 月 6 日 開始 曾去 過 衛福部 桃園 醫院 住院 或 陪伴 的 民眾 及 同 住 家屬 趕緊 和 1922 聯絡 並 進行 居家 隔離 如果 已 超過 14 天 除了 再 保持 7 天 的 自主 健康 管理 外 也 要 趕緊 回想 紀錄 自己 這 段 時間 的 足跡 通報 給 1922 紀錄 並 聽候通知 進行 隔離 及 采 檢 蘇偉碩 也 提醒 所有 服務 都 是 免費 的 不要 聽信 電話 自稱 是 政府 或 防疫 人員 要求 轉 帳 或 操作 自動 提款機 atm 有 疑問 時 先 掛 斷電 話 詢問 165 反 詐騙 專線 雖然 蔡 總統 和 指揮官 陳時 中看 不 到 蘇偉碩 po 文 但 他 仍 呼籲 昨 3 例 境外移入 都 是 來自 南非 和 美國 這 兩地 都 是 變種 病毒 肆虐 的 地方 而 臺灣 的 防疫 體系 已 證明 無 法 嚴守 變種 病毒 入侵 醫療 體系 和 社區 因 此 蔡 總統 應 下令 啟動 國安 機制 協助 指揮中心 防疫 並 即刻 宣佈 鎖國 同時 蘇偉碩 也 在 蔡英文 和 行政院 蘇貞昌 院長 的 臉書 留言 建議 鎖國 南非 與 美國 又 有 境外移入 病例 蔡 總統 該 下令 鎖國 了 通知 緊急 隔離 全民 協助 總動員</t>
  </si>
  <si>
    <t>臺灣 在 去年 12 月 31 日 從 社 群 網路 得知 武漢 發生 7 例 非典型肺炎 案例 並 接受 隔離 治療 同日 以 電子 郵件 通報 世界衛生組織 who 由於 通報 信 中 未 明說 人 傳人 然而 有 提及 病 患 正在 進行 隔離 治療 希望 who 提高 警覺 要求 其 提供 進一步 資訊 然而 who 否認 我國 曾 警告 covid-19 新冠肺炎 可能 人 傳人 中央流行疫情指揮中心 指揮官 陳時中 表示 由於 sars 的 經驗 讓 我們 對 本次 疫情 訊息 感到 高度 警惕 因此 隨即 在 2019 年 12 月 31 日 以 電 郵 方式 通報 世界衛生組織 who 國際 衛生 條例 ihr 聯繫 視窗 要求 其 提供 進一步 資訊 為 求 慎重 我方 在 電 郵 中 特別 提及 非典型肺炎 尤其 病 患 已 進行 隔離 治療 公 衛 專業 人員 即 能 由此 研 判 該 等 病例 有 人 傳人 的 可能 但 我國 當時 尚未 有 確診 病例 無法 直接 明示 該 疾病 已 人 傳 人 陳時中 指出 疾 管署 也 在 1 月中 旬派遣 專家 去 武漢 瞭 解 疫情 狀況 防治 作為 及 病 患 暴露 史 依據 初步 的 研究 我們 研 判 該 肺炎 確實 會 人 傳 人 陳時中 強調 隔離 治療 已是 警訊 既然 非 會員國 的 臺灣 已經 警告 who 了 那 身為 會員國 的 中國 大陸 是否 有 告知 若 沒有 是否是 在 隱瞞 疫情 反之 那 就 是 who 的 失職 呼籲 who 不 要 一錯再錯 應秉持 專業 來 做事 專家 諮 詢 小組 召集人 張上淳 表示 我國 2 位 專家 1 月 去 武漢 考察 發現 當地 有人 傳人 現象 當地 官員 卻 強烈 否認 然而 北京 官員 親臨 武漢 考察 卻 發現 有 限度 人 傳人 之後 大陸 改口 證實 who 也 才 公開 警告 病毒 會 有 限度 人 傳 人</t>
  </si>
  <si>
    <t>17 40 更新 補入 htc 回應 新冠肺炎 covid-19 疫情 升溫 臺灣 到底 守 不守 得住 這 一 波 境外移入 疫情 中央流行疫情指揮中心 資訊 組組長 簡宏偉 在 今 18 日 下午 的 疫情 中心 記者會 中 宣佈 針對 高科技 數位 防疫 讓 檢疫 追蹤 能 更 精</t>
  </si>
  <si>
    <t>17 40 更新 補入 htc 回應 新冠肺炎 covid-19 疫情 升溫 臺灣 到底 守 不守 得住 這 一 波 境外移入 疫情 中央流行疫情指揮中心 資訊 組組長 簡宏偉 在 今 18 日 下午 的 疫情 中心 記者會 中 宣佈 針對 高科技 數位 防疫 讓 檢疫 追蹤 能 更 精准 有利 邀請 宏達電 htc line 共同 研發 提出 了 電子 圍 籬 監控 方案 針對 為了 防範 疫情 傳播 新 提出 的 電子 圍 籬 監控 方案 簡宏偉 提到 是 緣起 於 今年 大年 初四 1 月 28 日 行政院 副 院長 陳其邁 邀請 國家 通訊 傳播 委員會 ncc 法務部 行政院 資 安處 等 局 處 成立 了 大 資料 小組 在 傳染病 防治法 的 授權 下 藉 由 去 識別 化 的 方式善 用 相關 資訊 經由 這些 資訊 來 進行 有效 的 高科技 防疫 主要 是 為了 進一步 掌握 居家 隔離 以及 居家 檢疫 民眾 的 情況 而 開發 從 入境 起 掌握 民眾 的 情況 也 包含 關懷 監控 等 功能 根據 簡宏偉 說明 這 一 套 系統 包含 電子 入境 居家 關懷 科技 追蹤 等 三 階段 入境 之際 入境 檢疫 系統 就 會 提供 線 上 填寫 旅客 入境 健康 聲明 還有 居家 檢疫 通知書 的 線 上 版 填寫 完畢 後 資料 會 傳送 至 防疫 追蹤 系統 整合 民政 警 政 衛政 方面 的 協同 合作 來 追蹤 居家 檢疫 以及 居家 隔離 的 民眾 同時 也 提供 給 縣市政府 將 電子 圍 籬 系統 讓 縣 市 行政主管 可以 知道 所在 地區 內 有 多少 民眾 處於 居家 隔離 或 居 檢疫 的 情況 電子 圍 籬 系統 僅 檢測 民眾 的 地理 位置 資訊 當 居家 檢疫 或是 居家 隔離 民眾 超出 電子 圍 籬 的 範圍 就 會 發送 簡訊 給 警方 以及 民眾 本人 進行 提醒 期待 透過 此 系統 從 入境 到 居家 監控 的 期間 能 更 完整 掌 控 這些 需要 檢疫 隔離 民眾 的 情況 達成 有效 防疫 的 目標 根據 簡 組長 說明 這 一 套 從 入境 起至 居家 科技 追蹤 都 包含 在內 的 系統 是 與 宏達電 line 進行 合作 來 一起 開發 htc 方面 指出 deepq 偕同 衛福部 資訊 單位 以及 疾 管署 共同開發 了 一個 防疫 追蹤 系統 並且 跟 line 合作 透過 聊天 機器人 chatbot 讓 這些 民眾 可以 主動 回報 健康 資訊 甚至 可以 主動 提供 民眾 相關 防疫 資訊 而 line 總經理 陳立人 則 是 在 記者會 中 指出 透過 運用 了 聊天 機器人 的 工具 還有 與 htc 方面 的 合作 期待 能 透過 科技 來 協助 政府 的 防疫 工作 不過 雖然 今日 宣佈 了 電子 圍 籬 監控 方案 但 指揮中心 並 沒有 宣佈 上線 日期 僅 表示 會 在 確定 之後 公佈 簡宏偉 說明 在 此 系統 推出 之後 是 提供 民眾 另 一個 管道 來 主動 回報 健康 相關 資訊 但 不 會 完全 取代 原先 的 關懷 措施 而 關於 本 系統 的 相關 細節 還有 開發 工作 htc deepq 方面 指出 htc deepq 配合 中央流行疫情指揮中心 因應 全球 武漢肺炎 疫情 之 旅遊 建議 等級 提升 入境 居家 關懷 人數 增加 原 疾 管家 開發 團隊 協同 衛福部 和 疾 管署 設計 開發 抗 疫 機器人 讓 居家 檢疫 者 可以 透過 line 主動 回報 健康狀況 並 第一時間 取得 防疫 相關 協助 資訊 htc deepq 希望 透過 智慧 科技 分擔 第一線 關懷 人員 的 作業負擔 共同 防疫 抗 疫 維護 國民 健康 line 方面 則 是 回應 他們 已 積極 運用 平臺 影響力 還有 對接 相關 工具 提供 防疫 協助 包含 line today 武漢肺炎 又 稱 新冠肺炎 專區 為 中央政府 一二 三級 機關 與 縣市政府 提供 公共服務 帳 號 來 發 佈攸 關 防疫 防災 民生 等 重大 資訊 而 line spot 也 對接 政府 的 open data 平臺 推出 口罩 地圖 line 將 會 繼續 運用 各種 資源 與 在 地 夥伴 一起 支持 政府 用 數位 能力 支援 防疫 工作 守護 臺灣 民眾 的 健康 安全</t>
  </si>
  <si>
    <t>臺灣 防疫 已 進入 積極 備戰 新冠 病毒 社區 感染 的 新 時期 目前 新冠肺炎 病人 已 可以 在 臺灣 本土 生產 不再 仰賴 進口 因此 失去 了 診斷 病人 的 最好 憑 藉 無法 再以 旅遊 史 辨識 病人 感染者 會 無聲無息 地 鑽 到 你 身邊 此時 的 防疫 政策 必須 由 以 辨識 為主 的 檢疫 走向 以 防護 為主 的 減災 方 可因 應 臺灣 新冠 病毒 防疫 做得好 嚴格 講 起來 只 說 對了 一半 只 做 好 了 檢疫 病毒 還 沒 進來 前 阻絕 於 境外 的 動作 叫做 檢疫 這 點 臺灣 做 得 可好 的 啟動 得 早 動作 做 得 猛 中央流行疫情指揮中心 天天 開 好幾 次 會 每次 都有新 看 點 把 公務員 都 累 翻 了 老百姓 看 了 都 喊 贊 但 這種 檢疫 高牆 其實 擋不住 病毒 病毒 不 需要 穿 牆 依然 可以 翻 牆 進來 社區 感染 讓 我們 失去 最 重要 的 屏障 就是 診斷 呼吸道 傳染病 來 無影 去 無 蹤 個個 長 的 都 一樣 唯一 不同 的 是 你 來自 何方 一個 類 流感 病人 在 地 產生 或 由 美國 回來 的 是 一般 感冒 如果 由 武漢 或 大陸 回來 的 就 是 新冠肺炎 沒有 了 旅遊 史 連醫生 都 不可能 光 由 臨床 症狀 就 判斷 是否 為 新冠 病毒 這 就 是 為什麼 臺灣 第 19 例 與 第 24 例 病例 會 發生 的 原因 沒有 旅遊 史 醫生 懷疑 都 不讓 送 檢 造成 被動 延誤 通報 卻 又 被 美化 成 中央 疫情 指揮中心 主動出擊 真有 夠 不 害臊 世界衛生組織 在 sars 後 頒佈 的 呼吸道 衛生 與 咳嗽 禮節 一直 是 呼吸道 傳染病 防控 的 最高 戰略 指導 原則 在 新冠 病毒 社區化 之後 防控 政策 仍 能 奉此 為 金 標準 只不過 應 執行 進 階 版 作為 原版 中 提示 有 發燒 或 呼吸道 症狀 的 人 應 自覺 戴 上 口罩 自覺 代表 自我 診斷 這 也 解決 了 沒有 旅遊 史 的 診斷 困擾 這項 政策 也 暗示 了 口罩 是 給 有 症狀 的 人 戴 的 臺灣 在 還 沒有 社區 感染 之前 某些 官員 就 跨過 疫情 指揮中心 拍 腦門 推出 一般 民眾 的 口罩 政策 才 造成 後來 的 口罩 之 亂 原版 自覺 戴 口罩 的 提示 到 了 進 階 版 該 如何 改變 當 新冠肺炎 社區化 之後 人口 密集 機構 的 入口 體溫 監測 就 不見得 有用 機構 內 全面 口罩 政策 必須 落實 包括 公共交通 工具 及 室內 營業 場所 都 必須 提出 自己 的 全面 口罩 政策 落實 計畫 公共 衛生 上 政策 的 落實 非常 重要 沒法 落實 的 政策 叫 口號 政府 也 該 對 配合 良好 的 機構 給予 相 對應 的 優惠 例如 出現 病例 時 可免於 關閉 的 處分 利用 停辦 集會遊行 封城 封樓 封院 封村 達到 傳染病 控制 的 目標 都 是 不得已 的 作為 在 臺灣 執行 起來 很 難 落實 結果 會 只 受 其 害 不 蒙其利 只要 封口 封得 好 其他 都可 避免 社區 感染 出現 時有 可能 出現 重症 病 患 大量 輕 症 病 患 及 接觸 者 除了 接觸 者 的 檢疫 收容 中心 可以 徵用 既有 機構 外 臺灣 的 病 患 不可能 以 建 火 神 山或 方 艙 醫院 來 因應 醫療 院所 局部 或 全面 清 空 及 常規 病 患 的 居家 治療 將 成為 未來 重要 的 收治 政策 現在 開始 規 畫 應該 是 時候 了 臺灣 這 次 的 社區 感染 破 口 在 檢驗 量 能 不足 社區 感染 之後 會 更 不足 必須 趕緊 增加量 能及 尋找 替代 診斷 方案 否則 將 會 成為 社區 感染 爆發 的 罪魁禍首 作者 為 中華民國 防疫 學會 榮譽 理事長</t>
  </si>
  <si>
    <t>delta 病毒 來勢洶洶 中央流行疫情指揮中心 日前 宣佈 6 27零 時 起 自任 一 國家 入境 都 要 入住 防疫 旅館 若 來自 7 個 高風險 國家 則 要 住 進 集中 檢疫所 有 民眾 陳情 希望 打過 2 劑量 疫苗 可以 開放 返家 居家 檢疫 指揮官 陳時中 表示</t>
  </si>
  <si>
    <t>delta 病毒 來勢洶洶 中央流行疫情指揮中心 日前 宣佈 6 27零 時 起 自任 一 國家 入境 都 要 入住 防疫 旅館 若 來自 7 個 高風險 國家 則 要 住 進 集中 檢疫所 有 民眾 陳情 希望 打過 2 劑量 疫苗 可以 開放 返家 居家 檢疫 指揮官 陳時中 表示 目前 集中 隔離 的 措施 暫時 不 會 改變 有 民眾 陳情 有 打過 兩劑 疫苗 且 有 陰性 報告 希望 可以 開放 返家 居家 檢疫 因為 防疫 旅館 已經 爆滿 且 經濟負擔 很 大 指揮官 陳時中 表示 已經 爆滿 是 不可能 每天 500 到 1000 人 總共 有 2000 多 開始 之前 至今 使用率 是 2828 這樣 集中 隔離 的 措施 暫時 不 會 改變 副 指揮官 陳宗彥 表示 目前 防疫 旅館 入住 率 3262 使用 的 房間數 7000 多 間 還 可 使用 的 房間 還有 2萬 多 間 絕對 不 會 有 不足 或是 不夠 的 問題 陳時中 則 強調 集中 隔離 會 不 方便 臺灣 疫情 從 5 15 開始 至今 大家 急於 控制 國內 邊境 都 要 管制 但 待 狀況 明朗 就 會 滾 動式 修正</t>
  </si>
  <si>
    <t>近日 本土 疫情 趨 緩 中央流行疫情指揮中心 宣佈 7 月 13 日 起 各縣市 微 解封 全國 三級 警戒 觀察 至 7 月 26 日 不過 毒理學 權威 招 名 威 卻 對 三級 解 封 表示 不 樂觀 坦言 要 有 心理準備 招名威 建議 中央 應先 制訂 再 警戒 的 標準 解</t>
  </si>
  <si>
    <t>近日 本土 疫情 趨 緩 中央流行疫情指揮中心 宣佈 7 月 13 日 起 各縣市 微 解封 全國 三級 警戒 觀察 至 7 月 26 日 不過 毒理學 權威 招 名 威 卻 對 三級 解 封 表示 不 樂觀 坦言 要 有 心理準備 招名威 建議 中央 應先 制訂 再 警戒 的 標準 解封 後 若 確診 人數 再度 攀升 就 必須 回歸 三級 警戒 先 把 遊戲規則 講 清楚 避免 疫情 嚴重 時 大家 又 變回 無頭 蒼蠅 找 不 到 標準 可循 中原大學 副教授 招名威 13 日 於臉書 表示 微 解封 迎來 了 塞車 街上 更 多 行人 捷 運 公車 都 滿載 的 狀況 可想而知 大家 對於 正式 解封 是 有 多 渴望 但 他 自己 卻 抱 持 不 樂觀 的 看法 指出 歐美 日 韓 以色列 等 國家 都 是 在 解除 警戒 後 一兩 周 內 國內 疫情 再度 爆發 招名威 坦言 如果 我們 沒有 良好 的 防護 觀念 和 措施 再度 回到 警戒 封 城 也 不是 不可能 大家 要 有 心理準備 招 名 威 建議 指揮中心 應再 宣佈 解封 前 事先 制訂 出 一個 再 警戒 的 確診 人數 標準 比如說 單日 確診 再度 超過 50 人 或是 100 人 我們 就 必須 再度 回到 三級 警戒 招名威 說 一來 先 把 遊戲規則 說 清楚 以免 到時候 臨時 要 再 封 城 大家 又 像 無頭 蒼蠅 一樣 抱怨 毫無 標準 可 遵循 二來 可以 杜絕 無知 民眾 搞破壞 在 微 解封 時期 不 遵守 既定 的 防疫 規範 三 又 可以 杜悠悠 之 口 以防 屆時 謠言 四起 何樂而不為 呢 很多 人 擔心 解封 前 要 先 清 零 但 招名威 坦言 目前 要 清零 是 不可能 的 畢竟 之前 就 是 因為 疫 調 不 勤 導致 現在 這種 結果 不過 招名威 也 指出 只要 每 位 民眾 確實 做到 儘快 施打 疫苗 出外 戴 口罩 人 多 的 地方 不 要 去 勤洗手 4 件 事 就 有望 中止 病毒傳播 鏈 讓 時間 沖淡 一切</t>
  </si>
  <si>
    <t>基隆 市 七堵區 一 名 年 約 70 歲 陳姓 婦人 7 月初 施打 第一 劑 莫德納 疫苗 約 一 周 後 出現 急性 腦栓塞 不良反應 送醫 後 立即 進行 動脈 取 栓 手術 一度 失去 意識 送入 加 護 病房 婦人 目前 雖 已 恢復 意識 但 左側 肢體 仍 無力 持續 在 醫院 複健 治療 長達 4 個 月 家屬 盼 能 厘 清 原因 陳婦 丈夫 表示 太太 7 月 接種 疫苗 身體 沒有 明顯 不適 直到 8 天 後 的 晚上 2 人 一起 在 客廳 看 電視 太太 要 拿 眼鏡 配戴 時 手部 突 無法控制 一直 掛 不好 也 放不開 沒多久 身體 便 開始 抖動 長達 1 至 2 分鐘 整個 人 一度 要 倒下 嚇 得 趕緊 報警 他 說 太太 平常 身體 健朗 也 沒有 慢性 疾病 沒 想到 打 疫苗 後 出現 狀況 送醫 後 已 治療 長達 4 個 月 盼 能 趕快 康復 回家 也 希望 市府 能 給予 關心 協助 據 瞭解 陳姓 婦人 於 7 月 6 日 接種 第 1 劑 莫德納 疫苗 返家 後 注射 部位 發癢 疲 累 症狀 休息 後 雖 有所改善 但手臂 仍 持續 發癢 疼痛 且 疑 似 出現 容易 瘀 血 現象 直到 7 月 14 日 晚上 在 家中 看 電視 時 身體 突然 開始 顫抖 人 癱軟 在 沙發 上 無法 言語 身體 不 自覺 傾斜 嘴角 流 有 口沫 等 症狀 婦人 送醫 後 院方 診斷 為 急性 腦栓塞 立即 施打 血栓 溶解 劑 並 進行 動脈 取 栓 手術 取出 少部分 血栓 術 後 一度 失去 意識 轉入 加 護 病房 治療 直到 8 月 12 日 病況 穩定 才 轉至 其他 分院 一般 病房 婦人 目前 能 正常 言語 表達 逐漸 康復 唯獨 左側 肢體 仍 無力 持續 在 醫院 複健 中 衛生局 指出 醫院 接 獲 個案 有 不適 狀況 後 於 7 月 19 日 通報 不良反應 事件 局內 也 在 7 月 21 日 協助 個案 申請 藥害 救濟 並 完成 病例 調閱 已於 10 月 29 日 送往 中央流行疫情指揮中心 審議 另外 也 提供 相關 急難 救助 資訊 給 婦人 若 家屬 有 需要 可以 向 區公所 提出 申請 市議員 張耿輝 呼籲 相關 單位 要 注意 狀況 並 進行 檢討 市府 也 要 積極 給予 家屬 協助 不要 不聞不問</t>
  </si>
  <si>
    <t>臺灣 本土 新冠肺炎 疫情 嚴峻 在 短短 兩 周內 感染 人數 近 7000 人 不過 中央流行疫情指揮中心 今天 表示 預測 病毒傳播 力 的 rt 值 下降 表示 高峰 已 過 本土 疫情 即將 趨 緩 國民黨 立 委 林思銘 指出 臺灣 篩檢 能量 不足 社區 無 症狀 感</t>
  </si>
  <si>
    <t>臺灣 本土 新冠肺炎 疫情 嚴峻 在 短短 兩 周內 感染 人數 近 7000 人 不過 中央流行疫情指揮中心 今天 表示 預測 病毒傳播 力 的 rt 值 下降 表示 高峰 已 過 本土 疫情 即將 趨 緩 國民黨 立 委 林思銘 指出 臺灣 篩檢 能量 不足 社區 無 症狀 感染者 黑 數 龐大 他 建議 政府 開放 民眾 購買 方便使用 的 快 篩 試劑 做 篩檢 以 盡 速 找 出 感染者 林 思 銘 說 所謂 rt 值 有效 傳染 數 是 估算 病毒 在 一定 時間 內 能夠 傳播 給 多少 人 的 能力 基礎 來自 於 ro 值 基本 傳染 數 但是 現在 臺灣 篩檢 量 能 不足 一 天 最 多 只 能 提供 2萬 人次 篩檢 韓國 可 達 一 天 20萬 人次 目前 社區 內 存在 太 多 無 症狀 感染者 病原 傳染期 間 和 接觸 史都 無從 調查 會 造成 相當程度 的 估算 失准 不知 疫情 指揮官 陳時中 到底 那兒 來 的 自信 林 思 銘 表示 過去 一 年間 不斷 有人 建議 就 快 篩 提前 部署 但 指揮中心 都 不為所動如今 在 牛津大學 公佈 世界 covid-19 每千人 篩檢 率 中 截至 5 25 為止 臺灣 僅 千分之 17349 遠 低於 韓國 的 千分之 184821 世界排名 倒數 第二 而 臺灣 重症 率 為 15 遠 高於 世界 各國 的 5 10 也 顯示 未 被 篩檢 出 的 輕 症 或 無 症狀 患者 相當 多 這些 人 現在 仍 隱身 在 各 社區 內 繼續 傳播 病毒 林 思 銘 說 先前 防疫 指揮中心 曾經 公佈 國產 快 篩 試劑 在 疫情 熱區 靈敏度 高 達 90 以上 歐美 許多 國家 甚至 在 超 商 超市 都 已經 可以 購得 試劑 供 民眾 自行 檢測 在 短期 疫苗 供應 不足 的 狀況 下 臺灣 應參 酌 世界 各國 防疫 經驗 開放 民眾 購買 方便使用 的 快 篩 試劑 做 篩檢 以 盡 速 找 出 感染者 進行 相對 處置 避免 疫情 繼續 擴大 蔓延</t>
  </si>
  <si>
    <t>新冠肺炎 疫情 延 燒 繼 首 列 社區 感染 白 牌 車 司機 後 又 新增 確診 北部 一 名 60 多 歲 婦女 找 不 到 感染 源 這 名 婦女 近 2 年 未 出國 卻 在 1 月 22 日 發病 當時 臺灣 尚未 對 大陸 採取 任何 入境 限制 學者 表示 顯示 病毒 可能 早就 進入 臺灣 根據 中央流行疫情指揮中心 表示 該 名 婦女 1 月 22 日 出現 發燒 咳嗽 症狀 22 日 至 29 日 曾 4 度 至 診所 就醫 後來 因 症狀 加劇 開始 呼吸 急促 29 日 晚間 送往 急診 診斷 為 肺炎 30 日 住院 2 月 10 日 轉入 加 護 病房 19 日 確診 染 新冠肺炎 感染 源 不明 長 庚大學 新興 病毒感染 研究 中心 主任 施 信 如 表示 這 名 婦女 發病 當下 臺灣 尚未 針對 大陸 展開 任何 入境 限制 顯然 新型 冠狀病毒 早就 進入 臺灣 若 新冠肺炎 疫情 持續 且 出現 明顯 的 群 聚 重症 應 比照 新加坡 採取 輕 症 在家 休息 需 隔離 就 自主 管理 而非 集中管理 的 模式 抗 sars 專家 蘇益仁 教授 表示 社區 感染 社區 傳播 只 是 不同 程度 的 散播 方式 感染 源 不明 就 代表 具有 社區 傳播 的 風險 政府 應 超前 部署 不論是 防疫 體系 醫療 體系 或 民眾 的 注意事項 都應 公佈 出 標準 建議 流程 以免 當年 sars 事件 重演 對於 學者 質疑 病毒 可能 早就 進入 臺灣 指揮中心 專家 諮 詢 小組 召集人 張上淳 表示 由於 當時 大陸 對於 新冠肺炎 相關 訊息 並 不透明 臺灣 所知 有限 相關 技術 也 未 完備 新冠肺炎 病毒 更 早 進入 臺灣 的 可能性 是 存在 的 至於 臺灣 第 1 起 感染 新冠肺炎 死亡 案例 感染 源 是 他 載 過 的 浙江 台商 之前 采 檢 都 陰性 直到 20 日經 2 實驗室 采 檢 結果 顯示 這 名 浙江 台商 有 抗體 曾 感染 新冠肺炎 病毒 這 名 浙江 台商 1 月 22 日 從 中國 大陸 入境 臺灣 過 了 8 天 後 開始 咳 個 不停 1 月 30 日 和 2 月 10 日 曾 到 2 家 診所 就診 但 並 沒有 發燒 且屬 咳嗽 輕 症 診所 僅 予 止咳 的 藥物 治療 直到 2 月 15 日 白 牌 司機 死亡 彰 化 縣 衛生局 追到 這 名 台商 進行 流感 快 篩檢驗 流感 a 型 和 b 型 病毒 都 呈 陰性 采 驗 新冠肺炎 病毒 也 呈 陰性 但 還是 咳 衛生局 不敢 大意 馬上 要求 強制 隔離 目前 仍 住 在 醫院 負 壓 隔離病房</t>
  </si>
  <si>
    <t>屏 東縣 將 於 15 日 啟動 大規模 疫苗 接種 縣府 為 首 批 接 種 的 85 歲 以上 長者 推出 貼心 服務 凡 符合 接種 資格 的 長 照 獨居 輪椅 身 障 重大 傷病 等長 輩 都 能 使用 複 康 巴士 小黃 公車 及 長 照 專車 免費 接送 有 需要 的 民眾 可 事先 打電話 預約 縣府 指出 第一 階段 施打 對象 包含 年滿 85 歲 以上 長者 優先 全縣 計有 1萬5664 人 在 評估 部分 長輩 行動不便 獨居 等 情況 出門 不易 問題 縣府 團隊 立即 盤整 縣 內 大眾 運輸工具 資源 整合 複 康 巴士 小黃 公車 及 長 照 專車 推出 免費 接送 貼心 服務 縣府 說 輪椅 身 障 者 可 洽 詢複 康 巴士 屏 北 區 08 7386626 屏 中區 08 7887433 屏 南區 08 88922936 轉 403 長 照 對象 請 撥打 原長 照 專車 電話 預約 或 洽 詢 1966 專線 獨居 重大 傷病 及 非 輪椅 身 障 者 可 預約 小 黃 公車 電話 08 7861818 或 0905518365 至於 9 個 原住民 鄉 由 既 有 的 幸福 巴士 服務 部落 居民 可 洽 各鄉 公所 預約 琉球鄉 則 由 當地 鄉 營 巴士 服務 請洽 08 8614040 另外 有 4 鄉鎮 為 避免 擁擠 啟動 原備 妥 的 速 打 站 施打 地點 更新 為 潮州鎮 潮州 高中 內埔鄉 內埔 國小 東港鎮 慈 濟 靜思 堂 新園鄉 新園 國 中 縣府 提醒 民眾 如果 家中 長輩 被 通知 施打 時間 請 記 得 帶 身分 證 健 保 卡 雙 證件 並 請 盡可能 陪伴 長輩 前往 施打 確保 長輩 健康 與 安全 現場 都會 做好 防疫 動 線規 畫 請 大家 安心 而 縣長 潘孟安 再次 強調 請 民眾 不要 心急 縣府 依 中央流行疫情指揮中心 規 畫 類別 依序 分流 分批 施打 屏 東 29萬 劑 疫苗 已 接續 規 畫 開放 第二 階段 80 至 84 歲 長輩 于 18 至 20 日 開始 施打 接種 物件 也 都 已 造冊 請 務必 等候 村裡 長 村裡 幹事 通知 千萬 不要 自 行前 往 以免 影響 施打 秩序</t>
  </si>
  <si>
    <t>臺灣 時隔 253 天 後 再度 出現 一 例 本土 病例 外界 也 相當 關心 跨 年 等 相關 活動 是否 照常 舉辦 而 新北 市 觀光旅遊 局 今 22 日 率先 宣佈 即日起 停止 耶誕 城內 所有 戶外 集會 型 活動 並 不再 受理 申請 避免 疫情 擴大 消息 一 出 後 許多 網友 都 大贊 反應 快 喔 難怪 侯友宜 民 調高 中央流行疫情指揮中心 今 公佈 國內 新增 1 例 covid-19 本土 病例 案 771 為 案 765 友人 30 多 歲 女性 由於 案 765 疫 調 時 表示 無法 回想 確切 活動 史 且 並未 提及 曾 與 案 771 接觸 21 日經 警 政 單位 調查 案 765 活動 軌跡 發現 案 765 曾 與 案 771 密切 往來 5 天 故 列為 接觸 者 同日 由 衛生 單位 安排 采 檢 於 今日 確診 消息 曝光 後 新北 市 觀 旅 局 率先 宣佈 停止 耶誕 城內 所有 戶外 集會 型 活動 目前 在 市民 廣場 的 市集 屬 開放 空間 仍 會 繼續 另外 晚間 光 雕 秀 也 會 持續 並 視 疫情與 中央 指令 調整 對此 不少 網友 紛紛 在 批 踢踢 留言 表示 侯 市長 這個 扣殺 又 快 又 急 阿北 還 愣 在 原地 侯友宜 真的 厲害 幹 的 好 動作 真的 快 侯神 得分 侯 這個 風向 看 的 准 准 的 真強 侯友宜 得分 1 反觀 某 時鐘 不過 也 有人 認為 集會 型 活動 取消 而已 耶誕 城 還是 在 而且 演唱會 都 結束 了</t>
  </si>
  <si>
    <t>權威 醫學期刊 刺 胳 針 the lancet 日前 發佈 一 項 最新 研究 新加坡 專家 發現 新冠 病毒 出現 1 個 名為 sars-cov- 2 的 變種 最 早 出現 在 大陸 武漢 再 傳入 新加坡 及 臺灣 其 感染 症狀 較 典型 的 新冠肺炎 輕微 研究 變種 病毒 可能 有助 疫苗 研發 中央流行疫情指揮中心 發言人 莊人祥 對 此 表示 這項 研究 偵 測到 個案 到 過 新加坡 和 臺灣 新加坡 曾 出現 群 聚 臺灣 應是 沒有 繼續 傳出去 而 研究 也 指出 3 月 後 病毒 就 不見 了 估計 對 全球 和 國人 沒有 影響 後續 要 再 觀察 新加坡 傳染病 中心 ncid 新加坡 免疫 學 網路 singapore immunology network 以及 杜克 新加坡國立大學 醫學院 duke-nus medical school 研究 團隊 針對 1 月 22 日 至 3 月 21 日 在 該國 及 其他 國家 出現 的 變種 病毒 進行 分析 發現 與 原始 病毒感染者 相比 變種 感染者 的 症狀 普遍 較 輕 變種 感染 組 29 人中 無人 出現 缺氧 現象 或 需 機器 輔助 供 氧 而 原始 病毒感染 組 的 92 人中 有 26 人 出現 缺氧 現象 本次 研究 物件 計 131 人 其中 10 人 同時 感染 上述 2 種 病毒 研究 發現 變種 病毒 的 基因組 缺失 382 個 核苷 酸 nucleotide 非 結構性 蛋白 orf 8 無法 轉錄 因此 和 原始 病毒 相比 其 複製 能力 雖 未 下降 但 毒性 卻 大幅 降低 感染 後 的 臨床 症狀 也 相對 溫和 另 據 3 月份 的 初步 研究 報告 亦 指出 sars-cov- 2 在 新加坡 的 8 名 患者 身上 出現 之後 發生 人 傳人 現象 至少 4 周才 受到 控制 2 月 時 一 名 從 武漢 返台 的 旅客 身上 也 發現 此種 病毒 但 3 月 過 後 就 沒有 再 檢測 到 這個 變種</t>
  </si>
  <si>
    <t>中央流行疫情指揮中心 今 8 日 表示 考量 國內 檢驗 量 能 及 民眾 因 緊急情況 工作 等 因素 已於 5 月 29 日 放寬 自費 檢驗 適用 物件 有 檢驗 需求者 可 至 指定 院所 進行 自費 檢驗 以 取得 相關 檢驗 證明文件 另 基於 人道 考量 並 依 國內</t>
  </si>
  <si>
    <t>中央流行疫情指揮中心 今 8 日 表示 考量 國內 檢驗 量 能 及 民眾 因 緊急情況 工作 等 因素 已於 5 月 29 日 放寬 自費 檢驗 適用 物件 有 檢驗 需求者 可 至 指定 院所 進行 自費 檢驗 以 取得 相關 檢驗 證明文件 另 基於 人道 考量 並 依 國內 疫情 現況 及 風險 評估 今日 宣佈 放寬 居家 隔離 檢疫 者 因 親屬 身故 或 重病 等 社會 緊急 需求 需 外出 奔喪 或 探視 之 次數 及時 間 相關 流程 及 規定 如下 1 居家 隔離 檢疫 第 5 天 含 以後 且 無 症狀 者 向 地方 衛生 單位 提出 申請 2 經 審查 符合 資格 且 取得 醫院 同意 探病 後 由 地方 衛生 單位 安排 至 指定 醫療 院所 自費 采 檢 3 取得 檢驗 陰性 報告 3 天內 經 醫院 同意 後 由 地方 衛生 單位 安排 外出 無論 探病 奔喪 或 辦理 喪事 均 以 每天 1 次 每次 2 小時 為 原則 不含 車程 4 外出 時需 全程 佩戴 口罩 並 保持 安全 社交距離 不得 搭乘 大眾 運輸工具 並 確實 執行 洗手等 個人 良好 衛生習慣 此外 指揮中心 指出 考量 醫院 或 奔喪 地點 為 人群 聚集 且 具 傳播 風險 為 加強 外出 時之 防護 措施 申請人 需 配合 填寫 防疫 檢核 表 以 提升 個人 防護 措施 確保 大眾 安全 相關 申請 規定 公佈 於 疾病 管制 署 全球 資訊 網 嚴重 特殊 傳染性 肺炎 &amp;gt 醫療 照 護 機構 感染 管制 相關 指引 項下 提供 民眾 參考 運用</t>
  </si>
  <si>
    <t>新冠肺炎 疫情 持續 升溫 中央流行疫情指揮中心 18 日 宣佈 19 日 零 時 起 美國 加 拿到 澳洲 及 紐西蘭 4 國 旅遊 疫情 建議 提升 至 第 三級 自 第 三級 國家 及 地區 入境者 必須 進行 14 天 居家 檢疫 出身 美國 德州 的 袁詠 琳 cindy 表示</t>
  </si>
  <si>
    <t>臺灣 新冠肺炎 疫情 仍 嚴峻 每天 都 有人 確診 病逝 台大醫院 昨日 收治 一 名 到 院前 死亡 的 患者 檢驗 屍體 後 確定 感染 新冠肺炎 據 瞭解 該 名 患者 為 三 重 某 診所 的 醫師 7 天 前 曾 接種 az 疫苗 研 判 因 隱形 缺氧 導致 死亡 該 名 死者 為 66 歲 三 重 某 診所 基層 醫師 到 院前 就 已 死亡 對此 稍 早 指揮中心 記者會 上 有 媒體 問及 該 個案 是否 為 首 位 醫 事 人員 染 新冠 病逝 中央流行疫情指揮中心 發言人 莊人祥 則 回應 該 案例 狀況 要 再 深入 瞭解 死亡 7 天 前 曾 接種 az 疫苗 會 再 瞭解 其 狀況 若 屬實 恐是 第一 位 醫 事 人員 死于 新冠肺炎</t>
  </si>
  <si>
    <t>新冠肺炎 再度 出現 本土 個案 是 確診 的 外籍 機師 在 台 外出 時 的 接觸 者 對於 疫情 升高 蔡英文 總統 及 行政院長 蘇貞昌 連日來 密切 關切 並 指示 各部 會 積極 提出 因應 作為 交通部長 林佳龍 近日 來 與 相關 單位 會商 後 今 22 日 於 交通部 召集 所屬單位 召開 防疫 應變 會議 會 中指 示 一 交通部民航局 全力 配合 並 協助 中央流行疫情指揮中心 對 未 依 防疫 規定 落實 居家 檢疫 及 自主 健康 管理 之 航空 業 從業人員 由 主管機關 依 傳染病 防治法 規定 予以 裁 罰 二 交通部民航局 應 確實 要求 航空 公司 嚴加 落實 經 指揮中心 核定 的 國籍 航空 公司 實施 機組人員 健康 管控 強化措施 作業 原則 若 有 監管 漏洞 將 追究責任 除 依 傳染病 防治法 裁 罰 情節嚴重 者 將 不 排除 對 未 落實 防疫 規定 之 業者 的 提出 限 縮 航班 等 行政處分 三 鑒於 國際 疫情 擴大 交通部 各 所屬單位 要求 大眾交通 運輸 落實 指揮中心 公佈 之 秋 冬 專案 除戴 口罩 量 體溫 亦 請 相關 單位 協調 各 場站 提供 消毒 用 酒精 等 裝置 並 全力 提高 場 站櫃臺 座位 廁所 及 車廂 內 之 清潔 頻率 四 由 交通部 及 所屬單位 舉辦 之 大型活動 包括 元旦 迎 曙光 臺灣 燈會 主辦 機關 應 協調 相關 合辦 承辦 與 協辦 單位 依照 中央流行疫情指揮中心 的 專業 指引 及早 研議 包括 總量 管制 在內 之 各項 防疫 措施 五 交通部觀光局 應 加強 要求 旅行社 對 冬季 團 遊 補助 春節 疏運 孝 親 專案 以及 一般 出 團 在 交通 食宿 集體 行程 等 游程 中 落實 防疫 旅遊 之 相關 規定 林佳龍 責成 政務 次長 王國材 23 日 召集 會議 確認 各 單位 防疫 整備 及 落實 情形</t>
  </si>
  <si>
    <t>為 管控新冠肺炎 疫情 傳播 防疫 中心 限制 陸 配子 女 入 台 政策 24 小時 內 4 次 髮夾 彎 兩岸 婚姻 協調 促進會 會長 鍾 錦 明 表示 政府 將 兩岸人民 關係 規定 得 很細 很多 事情 不能 一刀切 下去 否則 只 會 怨聲載道 臺灣 學者 龐建國 呼籲 蔡 政府 不 要 拿 肺炎 作為 抗 中保 台 的 工具 否則 兩岸關係 將 難以 修復 新冠肺炎 疫情 延 燒 陸 配子 女 是否 能夠 隨 父母 返台 陸委會 主委 陳明 通 11 日 舉例 小 明 的 故事 不僅 讓 外界 聽 得 霧 煞 煞 12 日 更 遭 疫情 指揮中心 指揮官 陳時中 打 臉 撤回 所有 對 陸配 子女 的 管制 措施 不具 我國 國籍 的 陸配 子女 仍 滯留 在 中 港澳 者 不 同意 入境 據 瞭解 這些 人 的 人數 約 在 一千 人 左右 娶 了 大陸 妻子 的 鍾 錦 明 表示 早 在 1 月 26 日 中央流行疫情指揮中心 發佈 管制 大陸 人士 暫緩 交流 陸生 暫緩 來 台 陸配 回台 限制住 居 須 自主 健康 管理 14 天 的 政策後 他 就 分別 向陸 委 會 及 移民署 反應 指出 這樣 全面 管制 會 有 問題 兩岸人民 關係 很細 很多 事情 不能 一刀切 下去 否則 會 遭到 抗議 有 不少 台商 是 在 大陸 經商 做 生意 結婚 生 子 再 舉家 遷 回 臺灣 定居 的 鍾 錦 明 舉例 雖然 小孩 在 臺灣 受 教育 但 沒有 臺灣 的 戶籍 而是 申請 專案 長期 居留 或 居留 探親 在 台 生活 小孩 這次 若 跟 媽媽 回大陸 過年 就 會 發生 媽媽 可以 回台 小孩 不能 回台 的 情形 中國 文化 大學 國家 發展 與 中國 大陸 研究所 教授 龐建國 感慨 疫情 的 防治 工作 原本 可以 成為 兩岸 互相 釋放 善意 的 契機 卻 演變成 了 突顯 矛盾 升高 敵意 的 破 口 回顧 疫情 發生 之後 的 兩岸 互動 我們 不 得 不說 蔡 政府 想要 藉 疫情 防治 進行 政治 操作 缺乏 必要 的 同 理 心 是 事情 越 弄 越 擰 的 主因 龐建國 呼籲 對岸 非常 情況 特殊 處理 不妨 考慮 仿照 前例 邀請 臺灣 以 觀察員 身分 參加 今年 的 世界衛生組織 大會 wha 展現 防疫 高於 政治 的 情懷 和 氣度 另外 一方面 則 奉勸 蔡 政府 以 疫情 防治 需求 為名 搞 妖魔 化 大陸 形象 和 突顯 主權 意 涵 的 動作 只 會 招來 對岸 更 嚴峻 的 對待 讓 兩岸關係 雪上加霜</t>
  </si>
  <si>
    <t>國內 本土 病例 數 近日 逐步 下降 外界 關注 是否 要 進入 社區 清零 階段 衛福 部長 陳時中 1 日 認為 現在 要 先 控制 疫情 雖 看到 病例 數 緩步 下降 但 臺灣 沒有 樂觀 本錢 未來 14 天 緊縮 過日子 才能 有 好 的 防疫 成果 完整 執行 公衛 手段 病例 越 少 疫情 的 可 控 性 就越 好 因此 這 兩 天正 考慮 未來 不 再 公佈 校正 回歸 相對 對 整體 疫情 意義 比較 小 另外 大陸 傳出 發生 h 10 n 3 禽流感 傳人 的 案例 中央流行疫情指揮中心 發言人 莊人祥 回應 大陸 官方 今天 中午 向 臺灣 通報 指出 江蘇 有 個 h 10 n 3 輕 症 個案 這 是 世界 上 第一 起 病例 目前 大陸 說 並未 有 其他 個案 出現 臺灣 將 繼續 觀察 是否 有 人 傳人 風險</t>
  </si>
  <si>
    <t>全台 7 月 27 日 起 疫情 警戒 降 至 2 級 部分 縣 市 已經 有 條件 開放 餐廳 內 用 對於 無法 自行 用餐 的 小小孩 是否 也 需要 梅花 坐 中央流行疫情指揮中心 指揮官 陳時中 表示 因為 平常 就 在 喂 小孩 帶 小小孩 出門 可以 坐在 一起 至於 婚宴 的</t>
  </si>
  <si>
    <t>全台 7 月 27 日 起 疫情 警戒 降 至 2 級 部分 縣 市 已經 有 條件 開放 餐廳 內 用 對於 無法 自行 用餐 的 小小孩 是否 也 需要 梅花 坐 中央流行疫情指揮中心 指揮官 陳時中 表示 因為 平常 就 在 喂 小孩 帶 小小孩 出門 可以 坐在 一起 至於 婚宴 的 規定 陳時中 表示 要 保持 梅花座 隔板 不要 人 與 人 近 距離 接觸 另外 近期 有 照顧 管理 專員 指出 疫情 至今 地方 政府 都 規定 不 得 視 訊 家訪 但 許多 人 都 尚未 接種 疫苗 案主 往往 又 是 高風險 者 是否 可以 考慮 開放 視 訊 訪問 對此 陳時中 表示 如果 評估 是 高風險 當然 可以 用 視 訊 會 與 地方 單位 溝通 不過 陳時中 也 提醒 照顧 管理 專員 縱使 對方 不是 高風險 對象 若 前往 家訪 戴 口罩 社交距離 也 是 一樣 要 維持 另 動作 也 要 迅速 一點</t>
  </si>
  <si>
    <t>中央流行疫情指揮中心 29 日 公佈 國內 新增 23 例 covid-19 確定 病例 分別 為 13 例 本土 及 10 例 境外移入 其中 臺北市 有 2 例 本土 1 例 境外移入 北市 衛生 局 29 日 下午 召開 記者會 指出 北市 知名 甜 點 店 個案 案 16087 除 到 臺北市 還</t>
  </si>
  <si>
    <t>中央流行疫情指揮中心 29 日 公佈 國內 新增 23 例 covid-19 確定 病例 分別 為 13 例 本土 及 10 例 境外移入 其中 臺北市 有 2 例 本土 1 例 境外移入 北市 衛生 局 29 日 下午 召開 記者會 指出 北市 知名 甜 點 店 個案 案 16087 除 到 臺北市 還 曾 到 其他 5 縣 市 北市 衛生局 疾 管 科長 張惠美 說明 一 名 境外移入 個案 從 中國 大陸 入境 另外 兩 例 本土 分 佈 在 中山區 北投區 一 名 男性 一 名 女性 年齡 為 20 多 歲 到 50 多 歲 之間 張惠美 說 案 16087 在 7 月 23 日 從 美國 入境 在 美國 期間 於 5 月 6 月 打 兩劑 bnt 疫苗 在 入境 前 及 8 月 5 日 采 檢 都 是 陰性 便 回到 社區 生活 因為 近日 要 回 美國 於 8 月 28 日 自費 采 檢 確診 ct 為 36 風險 較 低 張惠美 表示 經 瞭解 確診 前 14 天 足跡 比較 多 包含 北市 餐飲店 公共場所 已 立即 通知 業者 清 消 並 請工作人員 自我 健康 監測 該案 足跡 涵蓋 花 蓮 縣 宜蘭 縣 基隆 市 新北 市 桃園 市 北市 已 通知 各縣市 衛生局 相關 足跡 通知 各縣市 進行 必要 調查 及 處置 張惠美 指出 將 比對 實 聯 制 及 電信 足跡 個案 跨縣 市 移動 時曾 搭 捷 運 公車 火車 等 比對 資料 後 將 公佈 搭乘 時間 提醒 民眾 自我 健康 監測 張惠美 也 證實 該 個案 有 前往 北市 甜 點 店 深夜 裡 的 法國 手工 甜 點 與 拉麵 店 面 屋 一 燈 針對 該 個案 匡列 接觸 者 居家 隔離 有 8 位 擴大 采 檢 35 位 合計 43 位 采 檢 上午 完成 21 位 采 檢 下午 有 18 位 采 檢 3 位 明天 采 檢 另 一 位 本土 個案 為 案 16077 目前 匡列 接觸 者 4 位 其中 1 位 采 檢 陰性 其 餘 持續 追蹤 中 張惠美 說 2 例 本土 皆 為 不明 感染 源 但 雙北 有 零星 不明 感染 源 呼籲 民眾 配合 各項 防疫 工作 減少 聚會 及 跨縣 市 移動 必要 時可至 北市 7 個 采 檢 站 采 檢</t>
  </si>
  <si>
    <t>莫德納 疫苗 超 搶手 昨 開放 第 五 輪 莫德納 疫苗 預約 施打 截至 下午 1 時就 有 32萬3000 人 完成 預約 占 符合 資格 者 的 628 莫德納 開 打 也 有 許多 民眾 想 搶 殘 劑 對此 新北 張博揚 小兒科 診所 醫師 則 表示 想 搶 莫德納 殘 劑 的 人 要 想 清楚 因為 有 一 沒有 二 大家 做好 出國 打 第二 劑 的 準備 了 嗎 新北 張博揚 小兒科 診所 醫師 昨天 在 臉書上 發文 表示 下 周 診所 施打新冠 疫苗 時段 為 8 月 11 日 和 8 月 12 日 兩 天 而已 疫苗 廠 牌 為 莫德納 至於 其他 天 為何 沒有 則 是 因為 沒有 疫苗 啊 只能 說 想 搶 莫德納 殘 劑 的 人 要 多 想想 大家 有 出國 打 第二 劑 的 心理準備 嗎 張博揚 小兒科 診所 醫師 也 在 留言處 指出 要 大家 多 想 一 想 的 原因 是 有 一 沒有 二 搶到 第一 劑 但 第二 劑 的 在 哪裡 不少 網友 看 了 哀嚎 說 唉 我 目前 就是 卡 在 這樣 的 狀況 裡 7 月 19 日 做為 第 七類 打到 莫德納 疫苗 結果 現在 如果 不是 疫苗 不足 莫德納 也 不 用 從 4 周變 12 周 搞 得 大家 打 也 不是 不 打 也 不是 傻眼 真的 慘 但 az 也 沒有 第二 劑 啊 臺灣 疫苗 的 數量 究竟 還 剩下 多少 中央流行疫情指揮中心 發言人 莊人祥 昨 在 記者會 上 透露 中央 及 分配 至 地方 政府 的 新冠肺炎 疫苗 加 起來 目前 全台 剩 餘 的 疫苗 量 約 是 86萬 劑 az 疫苗 和 65 8萬 劑 莫德納 疫苗</t>
  </si>
  <si>
    <t>清明連 假 由於 許多 景點 湧入 人潮 連 假 後 的 14 天 是 關鍵 根據 自然 期刊 nature 最新 發佈 的 一 篇 論文 指出 新冠肺炎 病毒 原來 在 症狀 不 明顯 幾乎 無 症狀 的 發病 前 5 天 病毒 量 可 到達 最高峰 甚至 比 sars 的 高峰 高出 1000 倍 對此 中央流行疫情指揮中心 專家 小組 召集人 張上淳 表示 確實 有 發現 個案 一發 病 病毒 量 就 很 高 持續 1 個 禮拜 左右 目前 臺灣 臨床經驗 和 那 篇 報告 大致 是 相符 的 根據 自然 期刊 在 4 月 1 日 的 一 篇 研究 論文 virological assessment of hospitalized patients with covid- 2019 指出 研究 發現 新冠肺炎 最 活躍 的 病毒 複製 都 出現 在 上呼吸道 組織 有 感染力 的 病毒 特別 容易 在 患者 的 咽喉 和 肺部 來源 被 分離出來 研究 也 發現 過去 sars 病毒 是 在 發病 後 的 7 到 10 天 病毒 量 到達 最高峰 但 新冠肺炎 在 還 沒有 出現 明顯 症狀 甚至 是 無 症狀 時 的 發病 前 5 天 病毒 量 就 達 最高峰 甚至 比 sars 高出 1000 倍 對此 張上淳 表示 臺灣 從 確診 第 一個 個案 開始 就 做 了 一系列 追蹤 確實 有 發現 個案 發病 病毒 量 就 很 高 估計 持續 1 個 禮拜 左右 病毒 量 才 會 下降 針對 無 症狀 感染者 張上淳 稱 因為 沒 辦法 知道 患者 在 哪個 時間 點 有 病毒 只能 說 確診 時 病毒 量 都 蠻高 的 當時 就 認為 無 症狀 是 有 傳染 力 的 隨 著 國外 資料 和 研究 證明 無 症狀 有 很 大 的 機會 會 傳染給 別人 但 他 也 提到 因為 無 症狀 不 會 有 咳嗽 和 打噴嚏 等 症狀 所以 病毒 量 會 是 比較 小 的 更 多 ctwant 報導</t>
  </si>
  <si>
    <t>臺灣 近日 開始 施打 美國 捐贈 的 莫德納 疫苗 中央流行疫情指揮中心 提及 美國 捐 的 這 批 疫苗 每罐 可以 打 14 個人 但有 醫護 反應 有時候 抽 完 13 劑 之後 最後 一 劑 無法 抽 滿 05 cc 對此 發言人 莊人祥 表示 打 13 人 也 沒關係</t>
  </si>
  <si>
    <t>臺灣 近日 開始 施打 美國 捐贈 的 莫德納 疫苗 中央流行疫情指揮中心 提及 美國 捐 的 這 批 疫苗 每罐 可以 打 14 個人 但有 醫護 反應 有時候 抽 完 13 劑 之後 最後 一 劑 無法 抽 滿 05 cc 對此 發言人 莊人祥 表示 打 13 人 也 沒關係 請 醫護 不用 自責 有 醫護 反映 美國 捐贈 的 莫德納 疫苗 抽 到 第 14 劑 的 時候 可能 無法 抽 滿 05 cc 對此 指揮中心 發言人 莊人祥 表示 美國 提供 莫德納可 打 14 人 但 用 空 針 抽取 排氣 可能 也 會 產生 自然損耗 因此 打 13 人 也 沒 問題 請 醫護 不用 自責</t>
  </si>
  <si>
    <t>國內 新冠肺炎 防疫 再 傳捷報 臺灣 今 28 日 再度 無 新 增 確診 個案 締造 連續 3 天 零 確診 此外 也 達成 國內 連續 16 天 無 本土 確診 成績 不 只 有 指揮中心 送 龜苓膏 慶祝 網上 也 一 片 歡聲雷動 慶祝 嘉玲 0 又 出現 了 同時 今日 解 隔離 的 人數 也 讓 大家 驚 豔 網 見 這 數字 直 呼 好 猛 在 今天 中央流行疫情指揮中心 對抗 新冠肺炎 疫情 成立 滿百 日 繼續 創下 零 確診 佳績 連續 3 天 國內 確診 數 仍 在 429 例 6 例 死亡 不少 人 都對 這 臺灣 奇跡 感到 亢奮 不過 有 網友 點出 另 一個 亮 眼 成績 也 非常 值得 慶祝 那 就 是 解 隔離 的 人數 疾 管署 公佈 截至 目前為止 解除 新冠肺炎 負 壓 隔離 人數 為 307 人 相較 昨日 又 再 新增 17 人 ptt 網友 細 算 發現 在 現有 429 例 確診 者 中 扣 掉 6 例 死亡 個案 再 扣 掉 307 位 解 隔離 確診 者 後 現有 病例 僅剩 116 例 307 429 治癒率 高 達 71 臺灣 解 隔離 人數 不斷 上升 正 意味著 現有 確診 者 不斷 被 治癒 並 逐漸 康復 目前 現有 病例 116 位 眾人 已經 開始 期待 5 月 後 負 壓 隔離 人 人數 可 以 低於 100 例 網友 表示 解 隔離 沖 啊 拼 五月 份 active cases 現有 病例 降 百 例 以下 有點 想 哭 307 解 隔離 解 隔離 17 好 猛 治癒率 upup 相關 人員 都 辛苦 了 勤洗手 不 亂跑 一起 加油</t>
  </si>
  <si>
    <t>新冠肺炎 疫情 延 燒 中央流行疫情指揮中心 18 日 公佈 臺灣 新增 23 例 確診 案例 連續 4 天 打破 單日 新高 加上 前天 累計 的 77 例 確診 人數 已 達 100 例 疫情 指揮中心 指揮官 陳時中 表示 新增 案例 中 有 3 人 風險 較 高 其中 1 名 法國 人</t>
  </si>
  <si>
    <t>新冠肺炎 疫情 延 燒 中央流行疫情指揮中心 18 日 公佈 臺灣 新增 23 例 確診 案例 連續 4 天 打破 單日 新高 加上 前天 累計 的 77 例 確診 人數 已 達 100 例 疫情 指揮中心 指揮官 陳時中 表示 新增 案例 中 有 3 人 風險 較 高 其中 1 名 法國 人 1 名 曾赴 印尼 的 女子 在 台 待 了 約 4 天才 確診 另 1 人 則 是 繼 案 50 以來 再度 出現 無 旅遊 史 卻 染疫 的 本土 案例 陳時中 表示 3 名 風險 較 高 的 確診 者 分別 是 20 多 歲 法國 男子 案 84 曾 赴 印尼 峇 裡 島 的 20 多 歲 女子 案 95 以及 1 名 感染 源 不 明 20 多 歲 南部 女子 案 100 2 例 自 法國 印尼 入境 中央流行疫情指揮中心社區 防疫 組 副 組長 莊人祥 表示 法國 男子 3 月 12 日 自 法國 來 台 16 日 出現 發燒 症狀 就醫 進行 采 檢 後 確診 來 台 期間 多 待 在 臺北市 活動 地點 為 一般 觀光客 愛 去 的 景點 男子 入境 時 法國 尚未 列入 第 三級 地區 只 需 自主 健康 管理 目前 尚 無法 確定 男子 外出 時 是否 配戴 口罩 另 一 名 高風險 個案 為 自 印尼 峇 裡 島 返台 的 20 多 歲 女子 女子 與 先生 在 3 月 6 日前 往 自由 行 10 日 在 當地 出現 喉嚨 腫 痛 輕微 咳嗽 的 症狀 12 日 入境 臺灣 時 因 沒有 症狀 未 被 攔下 16 日 因 身體 不適 自 行前 往 就醫 昨日 確診 新冠肺炎 莊人祥 表示 該 女子 返台 後 都住 在 旅館 直到 采 檢 確診 期間 未 返家 至於 感染 源 不明 本土 個案 則 是 20 多 歲 南部 女性 莊人祥 表示 女子 3 月 12 日 出現 喉嚨 痛 咳嗽 發燒 當日 前往 就醫 16 日 開始 喘 就醫 診斷 為 感冒 其 餘 個案 病情 穩定 該 名 女子 因 症狀 未 緩解 17 日 再 前往 急診 就醫 雖然 女子 無 旅遊 史 但是 醫師 仍 基於 無法 排除 新冠肺炎 感染 風險 而 通報 采 檢 後 確診 目前 衛生 單位 仍 在 詢問 女子 發病 前 的 接觸 史 厘 清感染 源 中 根據 統計 臺灣 昨日 新增 884 例 疑 似 案例 目前 累計 1萬8812 例 其中 1萬7793 例 排除 100 例 確診 確診 個案 中 維持 1 名 死亡 22 名 解除 隔離 其 餘 個案 病況 穩定 持續 住院 隔離 中</t>
  </si>
  <si>
    <t>義 大利 佛羅倫斯 大學 分析 43 名 30 到 60 歲 罹 患 過 新冠肺炎 男性 精液 樣本 研究 顯示 康復 後 有 25 男性 的 精子 數量 較 低 20 是 空包彈 的 無 精 症 高於 全球 男子 無 精 症 的 比例 對此 指揮中心 表示 染疫 後 身心 壓力 的確 會 影響 生理功能 但 該 研究 樣本數 少 也 沒有 染疫 前 的 精子 數量 做 對照 待 後續 更 多 資料 再來 分析 才能 證實 中央流行疫情指揮中心 醫療 應變 組 副 組長 羅一鈞 指出 去年 5 月 大陸 研究 就 有 指出 男性 精液 中 可以 驗 得到 新冠 病毒 但 目前 還 沒有 報告 證實 會 透過 性行為 傳染 因此 在 精液 中 驗 到 新冠 病毒 就 像 在 尿 液 糞便 中會 驗 到 病毒 一樣 會 在 部分 體液 中 出現 對 男性 生殖系統 的 影響 部分 羅一鈞 表示 這 篇 報告 提供 些 新 線索 有 可能 會 影響 到 男性 的 精子 數目 不過 感染 到 新冠 病毒 這樣 嚴重 的 流行性 傳染 疾病 會 帶 給 染疫 者 很大 的 生理 壓力 尤其 像 呼吸系統 身體 會 自動 移 轉 其他 如 生殖系統 等 能量 來 維繫 因為 生命 延續 功能 在 當下 可能 沒有 那麼 重要 因此 身心 壓力 的 確 可能 影響 生理功能 但 該 研究 樣本數 少 沒有 對照組 也 沒有 43 名 男子 染疫 前 的 精子 數量 資訊 還 需要 更 多 資料 分析 才能 證實</t>
  </si>
  <si>
    <t>從 上週五 開始 武漢 湖北 解禁 不再 采 包機 形式 返台 改 成 自行 搭 機 返台 後 集中 檢疫 14 天 中央流行疫情指揮中心 今 指出 目前 已 有 12 名 台商 返台 指揮中心 表示 12 名 台商 中 有 1 位 是 5 月 9 日 返台 昨天 有 11 位 分別 送 往 南</t>
  </si>
  <si>
    <t>從 上週五 開始 武漢 湖北 解禁 不再 采 包機 形式 返台 改 成 自行 搭 機 返台 後 集中 檢疫 14 天 中央流行疫情指揮中心 今 指出 目前 已 有 12 名 台商 返台 指揮中心 表示 12 名 台商 中 有 1 位 是 5 月 9 日 返台 昨天 有 11 位 分別 送 往 南 北 的 檢疫所 進行 隔離 指揮中心 表示 最 快 1 個 月 內 可 解除 對 武漢 台商 的 注 記 但 還是 要 觀察 武漢 當地 的 疫情 狀況 以及 接下來 返台 的 台商 中 是否 還 會 有 確診 者 出現</t>
  </si>
  <si>
    <t>新冠肺炎 疫情 嚴峻 桃園 市 社會局 宣佈 除 關懷 據點 已於 本週一 停辦 老人 會 春遊 及 參訪 觀摩 活動 長青 學 苑也 暫緩 身心 障礙 證明 到期 可 依法 展延 60 天 人民團體 如 任期 屆滿 需 改選 可 依法 申請 延期 3 個 月 避免 成染疫 破 口 社會局 指出 考量 老人 會 活動 參與者 多 為 中 高齡者 且 活動 參與 因 長 時間 且 近 距離 接觸 具有 較 高 傳播 風險 由 區公所 辦理 或 市政府 補助 辦理 的 長青 學 苑 課程 已 全面 研 擬 暫緩 辦理 也 呼籲 各 老人 會 一同 加入 防疫 行動 參訪 觀摩 等 群 聚 活動 延期 調整 至 疫情 緩解 後 辦理 疫情 也 讓 各 醫院 祭出 探病 須 登記 限制 時段 人數 等 多 項 禁令 社會局 考量 市民 恐 因 疫情 影響 無法 至 醫院 辦理 鑒定 為 維護 身心 障礙者 權益 將 依 身心 障礙者 權益 保障法 第 14 條 主動 辦理 展延 60 天 並 發文 通知 民眾 相關 權益 注意事項 依 規定 人民 團體會員 大會 每年 須 召開 1 次 因應 疫情 防治 社會局 也 彈性 調整 授權 團體 自行 評估 延期 今年底 前 召開大會 即可 若 團體 今年 涉及 改選 可向 社會局 提出 申請 延後 召開 延長時間 以 不 超過 3 個 月 為 限 也 呼籲 團體 近期 若 有 召開 會議 的 必要 務必 遵照 中央流行疫情指揮中心 公告 的 集會 相關 防護 措施 辦理 志 工 訓練 也 建議 采 線 上 及 影片 教學方式 辦理 有關 老人 會 長青 學 苑 問題 請電 洽 3322101 分機 6411 6418 身 障 證明 展延 問題 請電 洽 368 4368 人民團體 改選 問題 請電 洽 338 2981 或 336 2956 志 工 訓練 問題 請電 洽 3322101 分機 6312 6314 或 桃園 市 志願 服務 推廣中心 426 2881</t>
  </si>
  <si>
    <t>高端疫苗 二 度 加開 預約 已 於今 24 日 下午 6 時 截止 收 單 根據 中央流行疫情指揮中心 統計 兩 天 共有 15萬2871 人 完成 預約 占 符合 預約 資格 人數 7324 剩下 5萬 多 名額 沒人 打 第 六 輪 高端疫苗 於 8 238 24兩 日 增開 8 16 以後 新</t>
  </si>
  <si>
    <t>高端疫苗 二 度 加開 預約 已 於今 24 日 下午 6 時 截止 收 單 根據 中央流行疫情指揮中心 統計 兩 天 共有 15萬2871 人 完成 預約 占 符合 預約 資格 人數 7324 剩下 5萬 多 名額 沒人 打 第 六 輪 高端疫苗 於 8 238 24兩 日 增開 8 16 以後 新 登記 或 加選 高端疫苗 者 預約 符合 預約 資格 共有 20萬8735 人 昨天 23 日 下午 5 點 就 有 11萬4635 人 完成 預約 達 符合 預約 資格 人數 5492 不過 今 早 傳出 馬來西亞 籍 陸姓 作家 疑 接種 高端疫苗 後 死亡 雖 尚未 證實 是否 與 施打 疫苗 有關 似乎 也 影響 到 高端疫苗 預 約數 二 度 加開 預約 截至 今天下午 6 時 今天 淨 增加 人數 只 有 3萬8236 人 比 昨天 11萬 人 少 了 一半 以上 二 度 加開 完成 預約 人數 為 15萬2871 人 占 符合 預約 人數 的 7324 預約 仍未 額 滿 加上 第 六 輪 首 波 預約 599萬 人 第 六 輪 總計有 751萬 人 要 打 高端疫苗 而 疾 管署 昨日 表示 實際 驗收 的 高端疫苗 有 11 批 共 86萬7464 劑 意 謂 還有 11萬 劑 高端 可 供 施打 指揮中心 今 24 日 公佈 最新 疫苗 統計 昨日 共有 179萬 人 接種 疫苗 其中 接種 高端 的 有 16萬7268 劑 統計 截至 目前為止 累計 接種 10246977 劑 疫苗 接種 人口 涵蓋 率 4032 劑 次 人口 比 4366 劑 每百人</t>
  </si>
  <si>
    <t>新冠肺炎 疫情 逐漸 趨 緩 中央流行疫情指揮中心 表示 國內 昨 無 新 增 病例 已經 連續 第 4 天 沒有 新 增 病例 29 天 沒有 本土 病例 另 確診 個案 新增 1 例 死亡 國內 第 7 例 死亡 對此 捧 紅 不少 大明 星 的 名 經紀人 夏春湧 表示 真正 的 考</t>
  </si>
  <si>
    <t>新冠肺炎 疫情 逐漸 趨 緩 中央流行疫情指揮中心 表示 國內 昨 無 新 增 病例 已經 連續 第 4 天 沒有 新 增 病例 29 天 沒有 本土 病例 另 確診 個案 新增 1 例 死亡 國內 第 7 例 死亡 對此 捧 紅 不少 大明 星 的 名 經紀人 夏春湧 表示 真正 的 考驗 是 在 0 確診 之後 他 認為 也許 現在 因為 疫情 有些 國家 為 臺灣 助陣 萬一 有 天 臺灣 經濟 陷入困境 會 有 幾 個 國家 跳出 來 聲援 他 說 若 將來 大部分 臺灣人 面臨 0 經濟 0 就業 0 收入 這種 慘 況時 民進黨 政府 還 會 沉醉在 0 確診 的 小 確 幸裡 夏 春 湧 在 臉書 指出 0 確診 已經 成為 民進黨 政府 的 逆 天 護身符 只要 在 電視 上 聽 到 0 確診 就 覺得 政府 好棒 臺灣人 從此 就 可以 過 著 安和樂利 的 好日子 全世界 就 都以 臺灣 為 榮 臺灣 就 可以 理直氣壯 的 要求 加入 世界 各種 組織 真 是 這樣 嗎 夏 春 湧 說 真正 的 考驗 是 在 0 確診 之後 那個 時候 就 不 只 是 要求 加入 who 這麼 簡單 了 等 全世界 0 確診 之後 還 能 這麼 大聲 嗎 夏春湧 表示 who 只 是 聯合國 附 屬下 的 一個 小 機構 就 像 衛福部 一樣 沒有 任何 傳染病 大 流行 的 時候 沒有 幾 個 人 知道 他們 是 幹 什麼的 夏 春 湧 認為 讓 世界 不停 迴圈 的 是 經濟 經濟 的 復蘇 才 是 全世界 目前 迫在眉睫 的 生死 課題 他 說 政府 因為 防疫 得當 被 喜悅 沖 昏 了 頭 誰 都 敢罵 誰 都敢 反 但 他 說 臺灣 沒有 本錢 罵 因為 罵 完 之後 要 承擔 的 後果 絕對 不 會 像 新冠 病毒 的 0 確診 更 不 會 像 要求 加入 who 這種 小兒科 的 遊戲 夏 春 湧 說 也許 現在 很多 歐美國家 在 罵 中國 可是 一旦 攸 關 國家 經濟命脈 的 議題 出現 誰 還 敢罵 面對 一個 世界 第二 大 經濟體 和 全世界 最 大 的 市場 誰 會 和 自己 的 國家 經濟 過不去 他 說 也許 現在 因為 疫情 有些 國家 為 臺灣 助陣 萬一 有 一 天 臺灣 經濟 陷入困境 還 會有 幾 個 國家 跳出 來 聲援 他 說 如果 將來 大部分 臺灣人 面臨 o 經濟 o 就業 o 收入 這種 慘 況時 不 知道 民進黨 政府 是 不是 還 會 沉醉在 0 確診 這個 小 確 幸裡</t>
  </si>
  <si>
    <t>秋 冬 防疫 專案 今 12 月 1 日 起 正式 上路 進入 8 大類 高 感染 傳播 風險 場所 需 強制 戴 口罩 未戴 口罩 經 勸導 不 聽 者 將 開 罰 3千 至 1萬5千 元 此外 防疫期間 違規 亂 丟 口罩 者 第一 次 遭 北市 環保局 查獲 罰 鍰 將 加重 為 3600 元 再犯 者 最重 可 處罰 6000 元 及 環境 講 習 中央流行疫情指揮中心 表示 8 大類 場所 包含 醫療 照 護 大眾 運輸 生活 消費 教育學 習 觀展 觀賽 休閒 娛樂 宗教 祭祀 及 洽 公 未 依 規定 佩戴 口罩 經 勸導 不 聽 者 將 依 違反 傳染病 防治法 第 37 條 第 1 項 第 6 款 規定 由 地方 政府 裁 罰 3000 元 以上 1萬5000 元 以下 罰款 值得注意 的 是 8 大類 場所 包括 ktv 健身房 三 溫暖 室內 游泳池 超 商 圖書館 等 都 要 戴 口罩 指揮中心 指揮官 陳時中 解釋 上述 這些 場所 因 具有 不易 保持 社交距離 或 會 近 距離 接觸 不 特定 物件 的 特性 有 較 高 的 感染 與 傳播 風險 因 此 要求 進入 該類 場所 活動 的 民眾 佩戴 口罩 但 室外 不 戴會先 勸導 不會 一 看到 沒 戴就 罰 為 保障 民眾 戶外活動 安全 北市 環保局 已 持續 加強 人潮 易 聚集 的 交通 場站 商圈 市集 百貨 旅館 等 周邊環境 消毒 包括 捷 運 站 公車 調度 站 計程車 休息 站 交通樞紐 機關 夜市 商圈 百貨公司 防疫 旅館 共 240 處 此外 環保局 也 提醒 防疫期間 違規 亂 丟 口罩 者 第一 次 查獲 罰款 將 加重 為 3600 元 再犯 者 最重 可 處罰 6000 元 及 環境 講習 民眾 切 勿 心存僥倖 任意 亂 丟 以免 荷包 失血 又 變成 防疫 公敵</t>
  </si>
  <si>
    <t>基隆 市 今天 新增 1 例 死亡 個案 是 逸 嘉 養護中心 住 民 目前 累計 308 例 27 人 死亡 據 以 計算 致死 率 達 876 中央流行疫情指揮中心 公佈 今日 新增 1 例 死亡 個案 案 13852 為 80 多 歲 男性 是 逸 嘉 養護中心 住 民 有 慢性病 因 與其</t>
  </si>
  <si>
    <t>基隆 市 今天 新增 1 例 死亡 個案 是 逸 嘉 養護中心 住 民 目前 累計 308 例 27 人 死亡 據 以 計算 致死 率 達 876 中央流行疫情指揮中心 公佈 今日 新增 1 例 死亡 個案 案 13852 為 80 多 歲 男性 是 逸 嘉 養護中心 住 民 有 慢性病 因 與其 他 確診 者 有 接觸 史 6 月 17 日 安排 采 檢 篩檢 陽性 無 症狀 同日 收治 住院 7 月 9 日 解除 隔離 7 月 17 日 因 其他 原因 死亡 基隆 市政府 表示 目前 已 有 270 例 個案 完成 治療 16 例 住院治療 70 人 居家 隔離 60 人 居家 檢疫 27 例 死亡 其中 2 例 是 解 隔離 後 因 其他 原因 死亡 基隆 累計 27 名 確診 者 死亡 據 統計 基隆 養護 機構 占 15 名 包括 仁愛 護理 之家 1 人 安泰 護理 之家 7 人 逸 嘉 老人 照顧 中心 7 人 另外 12 人 為 一般 社區 人士</t>
  </si>
  <si>
    <t>中央流行疫情指揮中心 公佈 昨 新增 2 例 接種 後 死亡 事件 分別 為 接種 莫德納 和 高端疫苗 另外 歐盟 將 急性 多發性 神經炎 增 列為 az 疫苗 接種 後 極 罕見 不良反應 指揮中心 發言人 莊人祥 表示 目前 國內 不分 疫苗 廠 牌 約 有 10 個 案</t>
  </si>
  <si>
    <t>中央流行疫情指揮中心 公佈 昨 新增 2 例 接種 後 死亡 事件 分別 為 接種 莫德納 和 高端疫苗 另外 歐盟 將 急性 多發性 神經炎 增 列為 az 疫苗 接種 後 極 罕見 不良反應 指揮中心 發言人 莊人祥 表示 目前 國內 不分 疫苗 廠 牌 約 有 10 個 案例 其中 az 占多數 據 外電報導 歐盟 藥品 管理局 ema 近期 將 急性 多發性 神經炎 增 列為 az 疫苗 極 罕見 不良反應 莊人祥 表示 急性 多發性 神經炎 英文 縮寫 為 gbs 也 就 是 格林巴厘 症候 群 莊 人 祥 指出 目前 國內 有 10 例 gbs 個案 其中 9 例 為 接種 az 後 發生 1 例 為 接種 莫德納 後 發生 目前 az 和 gbs 之間 的 關聯 還 無法 證實 或 排除 指揮中心 會 持續 關注 根據 指揮中心 最新 疫苗 接種 後 不良 事件 通報 昨 8 日 新增 2 例 疫苗 接種 後 死亡 事件 其中 1 名 為 68 歲 男性 接種 莫德納 疫苗 後 46 日 發生 另 一 名 為 46 歲 男性 接種 高端疫苗 後 15日 發生 昨 疫苗 接種 人次 10萬6595 劑 目前 國內 累計 接種 1166萬683 劑 疫苗 人口 涵蓋 率 4539 劑 次 人口 比 4968</t>
  </si>
  <si>
    <t>新冠肺炎 本土 疫情 未 歇 中央流行疫情指揮中心 今 公佈 最新 檢驗 量 能 指揮官 陳時中 表示 平日 檢驗 的 量 能 可以 達到 4萬7848 件 若 量 能 全開 一 天 可 檢驗 8萬 件 比起 以前 最 大 的 量 能 2萬7600 多 已經 擴大 很多 根據 統計 目前</t>
  </si>
  <si>
    <t>新冠肺炎 本土 疫情 未 歇 中央流行疫情指揮中心 今 公佈 最新 檢驗 量 能 指揮官 陳時中 表示 平日 檢驗 的 量 能 可以 達到 4萬7848 件 若 量 能 全開 一 天 可 檢驗 8萬 件 比起 以前 最 大 的 量 能 2萬7600 多 已經 擴大 很多 根據 統計 目前 住院 中的 確診 者 有 2542 人 其中 1486 人 住 在 中央 的 集中 檢疫所 1786 人 住 在 地方 的 加強版 防疫 旅館 陳時中 表示 目前 北部 的 中央 集中 檢疫所 空房 數 已經 增加 全國 也 是 在 減少 原因 是 苗栗 的 個案 往 中南部 送 陳時中 表示 北部 的 量 能 已經 漸漸 平衡 可以 很 好 地 緩解 緩衝區 可以 因應 的 比較 好 目前 解除 隔離 的 人 有 2482 人 滿 10 天 轉為 居家 隔離 的 有 則 有 1260 人 現在 雙 北新 確診 的 居家 隔離 者 都 已經 送 到 加強版 防疫 旅館 不 會 有 新 確診 的 居隔者 留在 家裡 不過 每天 需要 安置 的 人 有 100 多 人 速度 有 比較 加快 了</t>
  </si>
  <si>
    <t>中央流行疫情指揮中心 今 27 日 宣佈 重開 公費 疫苗 預約 系統 但 不少 莫粉 仍 期盼 莫德納 疫苗 再度 開 打 至於 第 五 輪有 沒有 機會 開放 莫德納 疫苗 指揮官 陳時中 回應 進貨量 難以 掌握 如果 問 有 沒有 可能 當然 是 有 可能 但</t>
  </si>
  <si>
    <t>中央流行疫情指揮中心 今 27 日 宣佈 重開 公費 疫苗 預約 系統 但 不少 莫粉 仍 期盼 莫德納 疫苗 再度 開 打 至於 第 五 輪有 沒有 機會 開放 莫德納 疫苗 指揮官 陳時中 回應 進貨量 難以 掌握 如果 問 有 沒有 可能 當然 是 有 可能 但 坦言 數量 比較 少 先前 指揮中心 估計 8 月底 前 預計 1000萬 劑 疫苗 到位 若 加上 今天 到 貨 的 582萬 劑 az 疫苗 目前 全台 已 有 9484萬 劑 是否 有 可能 調整 預估 到貨 劑量 陳時中 回應 我們 當然 希望 越多越好 越快越好 目前 國內 莫德納 疫苗 接種 數 已 將近 300萬 陳時中 說明 我們 與 原廠 簽約 505萬 劑 加 購 100萬 劑 加上 美國 贈送給 我們 的 250萬 劑 如果 不 考量 混打 整體 來講 可以 分配 給 400 多 萬 人 施打 兩劑 他 也 坦言 莫德納 疫苗 可以 提供 大家 的 數量 比較 少</t>
  </si>
  <si>
    <t>確診 者 屢 傳 失去 嗅覺 和 味覺 截至 昨日 目前 臺灣 已 有 32 例 個案 有此 症狀 前 和平醫院 急診室 主任 張裕泰 表示 當年 護理 師 感染 sars 康復 後 卻 失去 嗅覺 至今 都未 恢復 指揮中心 也 將 此 症狀 列入 通報 條件 截至 昨日 臺灣 有 32 例 確診 有 嗅 味覺 異常 的 狀況 約 占 全部 確診 的 11 左右 中央流行疫情指揮中心 專家 諮 詢 小組 召集人 張上淳 解釋 此 症狀 可能 是 病毒 吸附 在 腦神經 授 體 而 導致 但 目前 尚不 清楚 症狀 多久 才 會 消失 根據 ettoday 報導 前 和平醫院 急診室 主任 張裕泰 指出 17 年前 sars 期間 有 位 年 僅 25 歲 的 護理 師 染疫 康復 後 卻 喪失 嗅覺 至今 都 沒 恢復 張裕泰 的 妻子 透露 原因 為何 她 本人 也 不 清楚 但 多年 過去 都 沒 恢復 才 發現 傷害 是 不 可逆 的 至於 為 何會 嗅覺 味覺 失靈 張上淳 表示 目前 比較清楚 的 是 在 神經細胞 裡面 有 病毒 授 體 第 一對 腦神經 下來 到 鼻腔 頂部 的 地方 這個 部位 是 嗅覺 比較豐富 的 地方 不 排除 病毒 吸附 到 那邊 進而 導致 嗅覺 異常</t>
  </si>
  <si>
    <t>疫情 嚴峻 台中 市長 盧秀燕 7 日 宣佈 從 9 日 開始 市府 就 會 要求 市民 朋友 或者 是 遊客 搭乘 大眾 運輸系統 的 時候 要 強制 戴 口罩 乘客 如果 不 戴 口罩 會 先行 勸導 勸導 不 聽 即 開 罰 3000 元 到 1萬5000 元 盧秀燕 今日 上午 在 市政 會議 表示 面對 疫情 上緊 發條 防疫 作業 的 挑戰 更 重 台中市政府 會 有 許多 新 的 防疫 措施 開始 實施 如 洽 公實 名 制 或者 台中 市 的 公務 同仁 在 清明連 假 當中 有 去 中央流行疫情指揮中心 公佈 的 11 個 旅遊 警示 景點 希望 大家 能夠 申報 並且 自主 健康 管理 盧秀燕 說 中央流行疫情指揮中心 上周 已 宣佈 未來 搭乘 大眾 運輸系統 包括 像 臺北 的 捷 運 及 各地 的 公車 計程車 等等 乘客 必須 要 戴 口罩 她 指出 目前 台中 市 還 在 宣導 期 以 柔性 勸導 為主 但是 從 9 日 開始 配合 中央 防疫 作業 中央 配發 口罩 從 2 周 變成 9 片 即 1 周 有 45 片 大概 可以 勉強 滿足 上班 上學 的 需要 所以 從 9 日 開始 台中市政府 就 會 要求 市民 朋友 們 或者 是 遊客 搭乘 大眾 運輸系統 要 強制 戴 口罩 如果 不 戴 口罩 市府 會 先 勸導 勸導 還 不 戴 口罩 就 會 開 罰 3000 元 到 1萬5000 元 提醒 大家 這 兩 天 因為 口罩 還 不足 仍以 柔性 勸導 盧秀燕 強調 4 月 9 日 開始 口罩 配發 2 周 9 片 希望 大家 強制 要 戴 口罩 為了 防疫 杜絕 破 口 籲請 大家 配合 搭 大眾 運輸 務必 戴 口罩</t>
  </si>
  <si>
    <t>昨天 才 宣佈 零 個案 中央流行疫情指揮中心 指揮官 陳時中 今 宣佈 國內 新增 2 例 新冠肺炎 境外移入 病例 分別 為 60 多 歲 女性 案 394 及 20 多 歲 女性 案 395 均 自 美國 返國 指揮中心 指出 案 394 於 1 月 22 日 至 美國 探親 3 月 30 日 搭乘</t>
  </si>
  <si>
    <t>昨天 才 宣佈 零 個案 中央流行疫情指揮中心 指揮官 陳時中 今 宣佈 國內 新增 2 例 新冠肺炎 境外移入 病例 分別 為 60 多 歲 女性 案 394 及 20 多 歲 女性 案 395 均 自 美國 返國 指揮中心 指出 案 394 於 1 月 22 日 至 美國 探親 3 月 30 日 搭乘 華航 ci 011 毒 班機 返國 由於 同 班機 旅客 已 有 11 人 確診 因此 由 居家 檢疫 物件 改 列為 居家 隔離 對象 個案 於 4 月 6 日 7 日 陸續 出現 全身 酸痛 胃 痛 嘔吐 胸 悶 及 發燒 症狀 分別 於 8 日 及 10 日 由 衛生 單位 安排 采 檢 於 今日 確診 該 班機 截至 目前 共 12 人 確診 至於 案 395 於 1 月 23 日 去 美國 就學 4 月 4 日 出現 咳嗽 鼻 塞 流 鼻 水 及 嗅覺 喪失 情形 4 月 13 日 返國 入境 時 主動 申報 有 前述 症狀 由 機場 采 檢 通報 後 今日 確診 指揮中心 發言人 莊仁祥 說 航空 公司 有 詢問 是否 有 呼吸困難 的 等 症狀 該 名 個案 目前 匡列 11 位 接觸 者 前後 2 排 乘客 10 位與 1 位 機組員 陳時中 補充 不是 有 這個 症狀 就是 確診 但 呼籲 大家 要 誠實 說明 自己 的 症狀 等等 讓 專業 的 醫師 來 判斷</t>
  </si>
  <si>
    <t>因應 嚴重 特殊 傳染性 肺炎 疫情 加溫 新北 市政府 農業局 輔導 轄內 取得 許可 登記證 的 休閒 農場 皆 配合 強化 三級 防疫 政策 自主 停業 後續 農業局 將 協助 休閒 農場 業者 向 中央 爭取 紓困 補助 措施 由於 嚴重 特殊 傳染性 肺炎 covid-19 疫情 警戒 行政院 農業 委員會 函知 休閒 農場 業者 如有 維持 營運 需求 須 確實 落實 中央流行疫情指揮中心 所 提 防疫 指引 各項措施 為 確保 防疫 網路 無 缺漏 新北 市政府 農業局 輔導 轄內 14 家 休閒 農場 業者 掌握 決戰 新冠肺炎 3 關鍵 之一 的 低度 活動 配合 新北 市 防疫 政策 自主 停業 農業局 表示 休閒 農業 是 新北 市 非常 重要 的 產業 每 處 都 各有特色 農業局 會 跟 新北 休閒 農業 站 在 一起 積極 向 中央 爭取 將 休閒 農業產業 納入 紓困 方案</t>
  </si>
  <si>
    <t>中央流行疫情指揮中心 昨天 宣佈 國內 新冠肺炎 零 確診 根據 統計 上次 零 確診 發生 在 1 月 25 日 至今 已 相隔 18 天 也 是 農曆 牛年 來 第一 次 0 截至 目前 國內 共 累計 937 名 確診 案例 分別 是 821 例 境外移入 77 例 本土 病例 36 例</t>
  </si>
  <si>
    <t>中央流行疫情指揮中心 昨天 宣佈 國內 新冠肺炎 零 確診 根據 統計 上次 零 確診 發生 在 1 月 25 日 至今 已 相隔 18 天 也 是 農曆 牛年 來 第一 次 0 截至 目前 國內 共 累計 937 名 確診 案例 分別 是 821 例 境外移入 77 例 本土 病例 36 例 敦睦 艦隊 2 例 航空器 感染 及 1 例 比利時 工程師 另 1 例 江蘇 台商 案 530 移除 為 空號 衛福部 立 桃園 醫院 大年 初二 傳來 好 消息 桃園 市政府 召開 年節 以來 首 場 防疫 會議 衛生局長 王文彥 表示 桃 市 目前 仍 維持 3 天 前 的 確診 人數 但 居家 隔離 人數 則 從 20 人 降 至 15 人 是 喜事 一 樁 桃園 市長 鄭文燦 在 會上 發 600 元 小 紅包 勉勵 春節 堅守崗位 的 市府 人員 王文彥 指出 截至 12 日 止 桃園 維持 3 天 前 資料 共有 134 例 確診 3200 例 排除 97 例 尚 待 研 判 結果 居家 隔離 數 從 20 人 降 至 15 人 目前 追蹤 除 境外移入 接觸 者 4 人 其 餘 則 為 案 908909924934 的 接觸 者 防疫 醫院 聯防 會議 真 的 有效 王文彥 表示 經 確認 全市 各 醫院 狀況 目前 負 壓 病床 有 32 個 新冠肺炎 專責 病房 也 有 93 個 空位 呼吸器 則 有 499 台 未 使用 icu 加 護 病房 還有 112 床 可用 桃 市 9 家 急救 責任 醫院 也 填補 桃醫 空缺 病房 數 相當 充足 由於 春節 期間 人潮 出籠 廟宇 擠滿 祈福 民眾 鄭文燦 昨 也 前往 中壢 仁 海 宮 龍潭 龍 元宮 視察 防疫 作為 確保 民眾 罩 樣 參拜 維持 社交距離 他 也 順道 向 神明 祈求 疫情 早日 退 散 桃園 醫院 能 儘早 真正 解除 危機 守 住 桃園 等於 守 住 臺灣 台中 市長 盧秀燕 關 昨天 也 至 衛生局 向 市民 宣導 防疫 重點 接 著 前往 消防 局 119 救災 救護 指揮中心 第 六 救災 救護大隊 暨南 屯 分隊 並 頒贈 新春 小 紅包 慰勉 第一線 執勤 人員 她 向 打火 兄弟 深深 一 鞠躬 感謝 農曆 春節 期間 堅守崗位守護 城市 安全 新北 市長 侯友宜 則 是 到 九份 老 街 視察 走訪 各 店家 確認 沿 街 攤販 遊客 是否 有 做 戴 口罩 停止 試 吃 等 防疫 措施 不過 臺北市 長 柯文哲 今年 因 新冠肺炎 疫情 影響 乾脆 取消 所有 拜廟 行程</t>
  </si>
  <si>
    <t>對於 臺灣 新冠 疫情 延 燒 而 目前 疫苗 卻 只 有 71萬 劑 az 疫苗 以及 明天 到貨 的 15萬 劑 莫德納 疫苗 引發 民眾 怒火 前 氣象 主 播 李富城 也 在 臉書 怒 稱 還要 死 多少 臺灣同胞 政府 才會 給 我們 疫苗 臺灣 今天 本土 疫情 再創新高 過去 16 天 以來 國內 累積 4822 例 本土 個案 34 死 中央流行疫情指揮中心 今天 再度 公佈 指揮中心 公佈 新增 401 例 本土 4 例 境外移入 covid-19 個案 另 有 266 例 校正 回歸 個案 確診 個案 中 新增 13 例 死亡 至今 國內 累積 5489 例 本土 個案 國民黨 立 委 林為洲 26 日 質疑 編 足 115億 餘 元 給 中央流行疫情指揮中心 買 疫苗 可以 買 2000萬 劑 均 價 為何 1 年 半 以來 至今 只 買到 71萬 劑 時 力立委 邱顯智 今 27 日 更 說 臺灣 到 目前 還 拿 不 到 bnt 疫苗 結果 疫情 指揮中心 竟然 說 氏 藥廠 沒向 臺灣 申請 是 我們 國人 為了 生命 需要疫苗 講 這 什麼 話 這 是 負 責任 的 機關 該 有的 態度 嗎 前 氣象 主 播 李富城 也 發出 怒火 在 臉書 炮轟 還要 死 多少 臺灣同胞 政府 才會 給 我們 疫苗</t>
  </si>
  <si>
    <t>小 編 精選 中國時報 5 件 不可 不知 大事 帶 讀者 掌握 今天 12 日 新聞 重點 1 境外移入 確診 產 子 醫護 如臨大敵 中央流行疫情指揮中心 昨天 公佈 國內 新增 2 例 自 菲律賓 境外移入 新冠肺炎 病例 其中 一 名 菲律賓籍 30 多 歲 女性</t>
  </si>
  <si>
    <t>小 編 精選 中國時報 5 件 不可 不知 大事 帶 讀者 掌握 今天 12 日 新聞 重點 1 境外移入 確診 產 子 醫護 如臨大敵 中央流行疫情指揮中心 昨天 公佈 國內 新增 2 例 自 菲律賓 境外移入 新冠肺炎 病例 其中 一 名 菲律賓籍 30 多 歲 女性 案 497 是 國內 首 起 確診 者 生產 案例 讓 國內 醫護 如臨大敵 不但 生產 全程 防護 包 緊緊 就 連寶寶 也 被 安排 單獨 嬰兒 室 隔離 成為 國內 年紀 最小 的 隔離 者 醫院 昨天 也 對 寶寶 檢驗 結果 今天 出爐 據 國際 研究 統計 母子 垂直 感染 機 率 僅 3 2 日本 駐 陸 大使 友台 垂 秀 夫 接任 日本政府 在 11 日 內閣會議 上 正式 決定 由 垂 秀 夫 59 歲 接替 橫井裕 65 歲 擔任 日本 駐華大使 垂 秀 夫 在 大陸 擁有 豐沛 人 脈 資訊 搜集 能力 倍受 肯定 2013 年 曾一度 捲入 間諜 疑雲 遭 驅逐 他 也 曾 派駐 臺灣 擔任 日 台 交流 協會 總務 部長 期間 與 不少 臺灣 政界 人物 建立 起 深厚 友誼 並 與 台媒 交流 甚 深 3 海峽 論壇 李幹龍 考慮 取消 隨 團 前 立法 院長 王金平 將 率 國民黨 代表團 參加 海峽 論壇 被 大陸 央 視 主持人 解讀 為 台 海 兵凶戰危 這人 要來 大陸 求和 加上 共 軍 頻 密軍 演 國民黨 高層 透露 正 在 評估 是否 調整 代表團 名單 擔任 副 團長 的 秘書長 李幹龍 不 排除 取消 隨 團 黨主席 江啟臣 也 強硬 表態 表示 完全 無法 接受 要求 相關 當事人 應 公開 向王 院長 與 國民黨 道歉 4 李恒隆 千萬 交 保 比 噓 守 3 禁令 史 上 最 大 立 委 貪瀆 案 被控 為 爭奪 sogo 百貨 經營權 涉嫌 行賄 多 名 立 委 企圖 以 借貸 說 隔 空串 證 遭 羈押 禁 見 38 天 的 太平洋 流通 前 負責人 李恒隆 經檢 方 密集 提訊 部分 認罪 後 提出 須進行 高風險 手術 的 診斷 證明 聲 請 具保 停 押 臺北地方法院 開庭 後 11 日 裁 准 1000萬 元交保 限制住 居 及 出境 出海 及 遵守 封口令 3 項 附帶條件 若 違反 其一 可 羈押 回籠 5 女童 全身 傷 不治 母 疑 施虐 羈押 桃園 市 1 名 1 歲 10 個 月 大 龍鳳 胎 女童 疑 因為 哭鬧 遭 廖姓 母親 虐 打 8 月 19 日 送醫急救 後 因 器官 衰竭 10 日 家屬 忍痛 拔 管 由於 醫院 發現 女童 身上 多 處 瘀 傷 通報 家 暴 廖女雖 否認 施虐 仍 遭 檢 方聲 押 獲准 生父 則 以 5萬 元 交 保</t>
  </si>
  <si>
    <t>新冠肺炎 疫情 蔓延 全球 新北 市政府 14 日 上午 9 時 舉辦 亞洲 城市 首場 新冠肺炎 社區 感染 大規模 防疫 演習 模擬 社區 爆發 大量 感染 時 的 應變 策略 及 緊急措施 中央流行疫情指揮中心 指揮官 陳時中 全程 指導 新北 市長 侯友宜 建議</t>
  </si>
  <si>
    <t>新冠肺炎 疫情 蔓延 全球 新北 市政府 14 日 上午 9 時 舉辦 亞洲 城市 首場 新冠肺炎 社區 感染 大規模 防疫 演習 模擬 社區 爆發 大量 感染 時 的 應變 策略 及 緊急措施 中央流行疫情指揮中心 指揮官 陳時中 全程 指導 新北 市長 侯友宜 建議 應 啟動 縣 市 區域 聯防 機制 合力 防堵 疫情 北 北 基 宜 桃 資源 互助 演習 動員 市府 各局 處 轄內 醫院 國軍 部隊 及 社區 志 工 等 共 450 人 實際 模擬 4 大 階段 防疫 應變 策略 由 侯友宜 擔任 指揮官 邀請 陳時中 衛福部 傳染病 防治 醫療網 臺北區 指揮官 張上淳 國軍 代表 等 指導 陳時中 致詞 時 表示 新北 市 完整 設想 所有 狀況 將 民間團體 醫院 民政 社 政 衛政各 體系 連結起來 上次 見到 新北 市 成立 居家 檢疫 關懷 中心 感覺 新北 市府 是 有 計 畫 有步驟 還有 溫暖 如今 是 有 超前 有 落實 未來 面臨 疫情 還是 要 非常 謹慎 面對 中央會 與 地方 一起 努力 侯友宜 建議 下 階段 中央 應該 考慮不是 單 一個 新北 市 來 面對 疫情 單一 作戰 臺灣 很小 所以 必須 要 整個 防疫 的 資源 互相 調配 北 北 基 宜 一個 區塊 甚至 可以 把 桃園 納 進來 要 開始 採取 區域 聯防 單一 新北 市 的 實兵演練 是 不夠 的 要以 區塊 的 方式 開始 做 兵 推 然後 以 全國 的 方式 來 面對 疫情 的 作戰 它 是 有 層次 劃分 的 作戰 方式 新北 覓 妥 隔離 收治 點 侯友宜 指出 臺灣 目前 確診 個案 與 各國 相比 算 很 少 可說是 擋住 了 第 1 波 疫情 但 歐美 的 案例 逐漸 擴 增 第 2 波 擋 不擋 得住 還 不 知道 這次 演習 設定 新北 市 出現 超過 3000 例 大規模 感染 時 的 因應 對策 他 也 表示 目前 新北 市府 已 覓 妥 隔離 收治 中心 地點 可 容納 2000 人 急救 醫院 可 達到 1000 床 一旦 發生 社區 大規模 感染 狀況 會 將 輕 症 病 患 送至 隔離 收治 中心 安置 重症 病 患 則 分流 至 市 轄 的 17 家 責任 醫院 治療</t>
  </si>
  <si>
    <t>中央流行疫情指揮中心 今 10 日 公佈 國內 新增 2 例 境外移入 covid-19 新冠肺炎 病例 案 580581 均 為 來 台 工作 之 30 多 歲 印尼 籍 女性 指揮中心 表示 案 580581 分別 於今 2020 年 10 月 26 日 及 27 日 自 印尼 搭機來 台 工作 入境 迄</t>
  </si>
  <si>
    <t>中央流行疫情指揮中心 今 10 日 公佈 國內 新增 2 例 境外移入 covid-19 新冠肺炎 病例 案 580581 均 為 來 台 工作 之 30 多 歲 印尼 籍 女性 指揮中心 表示 案 580581 分別 於今 2020 年 10 月 26 日 及 27 日 自 印尼 搭機來 台 工作 入境 迄今 均 無疑 似 症狀 2 人 分別 於 11 月 8 日 及 9 日 進行 檢疫 期滿 前 采 檢 並於 今日 確診 指揮中心 指出 由於 2 名 個案 來 台 至今 均 無 症狀 且 于 集中 檢疫所 檢疫 期間 均 未 與 他人 接觸 因此 無須 匡列 接觸 者 莊 人 祥 表示 印尼 和 菲律賓 兩 國都 是 入境 檢 出 風險 較 高 的 國家 已經 針對 社 福 類 移 工 要求 他們 都 要 住 進 集中 檢疫所 且 檢疫 期滿 前 再次 采 檢 其中 印尼 籍 移 工 有 八成 都 是 社 福 類 移 工 所以 可以 說是 入境 後 都會采 檢 指揮中心 統計 截 前 國內 累計 104380 例 新型 冠狀病毒 肺炎 相關 通報含 102711 例 排除 其中 580 例 確診 分別 為 488 例 境外移入 55 例 本 病例 36 例 敦睦 艦隊 及 1 例 不明 另 1 例 案 530 移除 為 空號 確診 個案 中 7 人 死亡 528 人 解除 隔離 45 人 住院 隔離 中</t>
  </si>
  <si>
    <t>新冠肺炎 疫情 延 燒 清明連 假 後 一 周 雖然 國內 確診 案例 沒有 明顯 激增 不過 中央流行疫情指揮中心 指揮官 陳時中 仍 保守 表示 需 再 觀察 一 周 陽明醫學 博士 胸腔 重症 醫師 蘇一峰 也 指出 連 假 後 觀察期 只 過 一半 並 指出 常看到 民</t>
  </si>
  <si>
    <t>新冠肺炎 疫情 延 燒 清明連 假 後 一 周 雖然 國內 確診 案例 沒有 明顯 激增 不過 中央流行疫情指揮中心 指揮官 陳時中 仍 保守 表示 需 再 觀察 一 周 陽明醫學 博士 胸腔 重症 醫師 蘇一峰 也 指出 連 假 後 觀察期 只 過 一半 並 指出 常看到 民眾 戴 口罩 的 ng 行為 提醒 大家 千萬 要 注意 蘇一峰 在 臉書 發文 表示 常 見到 有 呼吸道 症狀 戴 口罩 的 人 一 咳嗽 或 打噴嚏 時 會 特地 把 口罩 拉 下來 造 成飛 沫 噴射 他 非常 不 建議 這樣 的 ng 行為 並 提醒 疫情 期間 戴 口罩 是 為了 保護 自己 也 保護 別人 此外 對於 國人 關心 清明連 假 後 是否 還 會 掀 疫情 高峰 蘇一峰 說 疫情 觀察期 只 到 一半 目前 失分 少 雖 讓 人 開心 但 驕兵必敗 還 要 繼續 謹慎 防守 如果 這次 守 住 要 感謝 一直 守 在 第一線 的 醫護人員 與 防疫 人員 對於 清明連 假 後 是否 守 住 疫情 陳時中 表示 連 假 後 第一 階段 沒有 出現 大量 確診 但 以 疾病潛伏期 14 天 而言 還要 再 觀察 一 周</t>
  </si>
  <si>
    <t>本土 疫情 持續 升溫 臺灣 面臨 嚴重 疫苗 荒 針對 衛福部 的 優先 名單 第 二類 維持 防疫 體系 運作 之 中央 及 地方 政府 重要 官員 名單 有 誰 引起 外界 質疑 中央流行疫情指揮中心 副 指揮官 陳宗彥 16 日 搬 出 個 資 法 第 6 條 規定 指</t>
  </si>
  <si>
    <t>本土 疫情 持續 升溫 臺灣 面臨 嚴重 疫苗 荒 針對 衛福部 的 優先 名單 第 二類 維持 防疫 體系 運作 之 中央 及 地方 政府 重要 官員 名單 有 誰 引起 外界 質疑 中央流行疫情指揮中心 副 指揮官 陳宗彥 16 日 搬 出 個 資 法 第 6 條 規定 指 個 資 無法 公佈 姓名 回避 面對 問題 港 媒 評論 直言 此事 讓 臺灣 民眾 有 強烈 被 剝奪 感 民進黨 恐無 法 輕易 回避 執政 聲望 將 受到 空前 挑戰 媒體 人 陳文茜 日前 質疑 有些 非 高風險 的 行政 機關 及 總統府 人員 混 在 優先 名單 中 呼籲 指揮中心 公開 第二 類 接種 名單 陳宗彥 16 日 回應 稱 疫苗注射 屬於 醫療 行為 必須 依 個 資 法 規定 相關 醫療 身體健康 資料 屬 特種 個 資 因此 名單 不可 公開 根據 香港媒體 中 評 社 今日 18 評論 指出 臺北市 某 診所 先前 爆出 偷打 疫苗 事件 讓 綠 營 及 親 綠 人士 撿 到 槍 群起 圍剿 臺北市 市長 柯文哲 不僅如此 民進黨立委 蘇治芬 也 指控 國民 党籍 雲 林縣 長 張麗善 胞兄 張榮味 侄女 張嘉郡 插隊 打 疫苗 亦 有 綠 委 質疑 國民黨 前 主席 連戰 特權 插隊 打 疫苗 在野黨 面對 攻勢 踢 爆 行政院 院長 蘇貞昌 愛將 政 院 顧問 丁怡銘 已 打 疫苗 藉 此 質疑 衛福部 維持 防疫 體系 運作 之 中央 及 地方 政府 重要 官員 名單 裡 到底 有 誰 衛福部 部長 陳時中 17 日 朝野 協商 面對 民眾黨 國民黨 立 委 炮轟 卻 強硬 拒絕 提供 相關 資訊 供 社會 檢 視 評論 分析 在 長者 接種 az 疫苗 陸續 傳出 猝死 消息 後 老百姓 看到 高官 擅 用 特權 搶 打 一針 難 求 的 美國 莫德納 疫苗 必然 會 產生 強烈 被 剝奪 感 在野黨 猛 打 此 議題 理所當然 執政黨 拒絕 公佈 相關 名單 只 會 讓 外界 更加 質疑 莫非 是 名單 內 有 什麼 不可告人 的 事 生怕 難以 服眾 故 不敢 公開 民進黨 不可能 輕易 回避 此 議題 執政 聲望 也 恐 遭受 空前 挑戰 與 衝擊</t>
  </si>
  <si>
    <t>衛生 福利 部 去 2020 年 公告 徵求 高端疫苗 臨床實驗 受試者 時 曾 明確 備註 5 類人 不 建議 參加 現 有 專家 質疑 高端 開 打 這 5 類人 並未 被 排除 且 說明 中 也 沒有 特別 注明 中央流行疫情指揮中心 指揮官 陳時中 回應 做 臨床 試驗 時</t>
  </si>
  <si>
    <t>衛生 福利 部 去 2020 年 公告 徵求 高端疫苗 臨床實驗 受試者 時 曾 明確 備註 5 類人 不 建議 參加 現 有 專家 質疑 高端 開 打 這 5 類人 並未 被 排除 且 說明 中 也 沒有 特別 注明 中央流行疫情指揮中心 指揮官 陳時中 回應 做 臨床 試驗 時 為 將 控制 將 風險 降到 最低 實驗 才 能夠 正確 因此 會 有 排除 物件 不 會 去 醫院 裡 找 身體 不好 的 做 實驗 今 26 日 於 疫情 記者會 時 有 媒體 問及 有 專家 質疑 高端 當初 在 臨床 試驗 時 排除 5 類 物件 包括 包括 病情 控制 不 穩 的 慢性病 患 免疫 功能 低下 或 免疫系統 疾病 者 一個 月 內 曾 接受 重大 手術 癌症 正 在 療程 中 或 即將 接受 治療者 及 嘗試 受孕 懷孕 或 喂母乳 的 女性 但 現在 施打 後 這 5 類人 卻 未 被 排除 對此 陳時中 回應 有關 被 排除 的 物件 我 想 是 不同 類 的 專家 相對 是 在 做 臨床 試驗 的 專家 都 明白 在 做 人體實驗 的 時候 有些 物件 是 被 排 除掉 基本上 就是 疫苗 本身 在 做 臨床 試驗 將 控制 的 風險 降到 最低 實驗 才 能夠 正確 陳時中 說 所以 在 做 臨床實驗 才會 有 排除 的 對象 不 會 去 醫院 裡 找 身體 不好 的 這 都 會 增加 疫苗 的 變數 這些 在 國際 上 都有 規則 可 依循 待 這些 比較 健康 的 人 做 完 一定 的 比例 就 可以 開放 給 更 多 人 來 打 持續 觀察 安全性 及 有效性 另外 有 媒體 問 高端疫苗 有 5 類人 在 試驗 時 就 被 排除 之後 是否 有 考慮 在 接種 單 上 加注 5 對象 接種 時 要 多 加 諮 詢 陳時中 表示 我們 在 說明 上 一部分 的 疫苗 臨床 試驗 裡 都會 有 一些 排除 的 物件 但 跟 醫師 諮 詢 的 物件 可能 又 更 廣 所以 大家 覺得 自己 有些 慢性病 不 穩定 或是 有些 免疫 不足 的 情況 都 需要 跟 醫生 做 諮 詢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第 六 輪 高端疫苗 接種 即將 在 下週一 16 日 開放 預約 中央流行疫情指揮中心 今天 公佈 第 六 輪有 3 類 物件 符合 預約 資格 預計 提供 60 多 萬 劑 高端疫苗 供 第 六 輪 接種 指揮官 陳時中 表示 目前 先 準備 60 幾 萬 劑 的 高端疫苗 符合 預</t>
  </si>
  <si>
    <t>第 六 輪 高端疫苗 接種 即將 在 下週一 16 日 開放 預約 中央流行疫情指揮中心 今天 公佈 第 六 輪有 3 類 物件 符合 預約 資格 預計 提供 60 多 萬 劑 高端疫苗 供 第 六 輪 接種 指揮官 陳時中 表示 目前 先 準備 60 幾 萬 劑 的 高端疫苗 符合 預約 資格 的 對象 是 65 歲 以上 長者 64 歲 至 20 歲 第 九 類 物件 以及 64 至 36 歲 民眾 不過 他 也 提到 由於 距離 第 六 輪 開放 預約 還 有 一點 時間 如果 還有 疫苗 封 緘 檢驗 完畢 不 排除 增加 接種 的 劑 次 指揮中心 表示 covid-19 公費 疫苗 預約 平臺 https 1922 gov tw 將 自 8 月 16 日 上午 10 時至 8 月 18 日 中午 12 時止 開放 預約 此 期 可 接種 疫苗 為 高端疫苗 符合 預約 資格 物件 如下 一65 歲 以上 含 即 1956 年 12 月 31 日 含 以前 出生 長者 二64 歲 至 20 歲 含 即 2001 年 8 月 23 日 含 以前 出生第 九 類 對象 三64 歲 至 36 歲 含 即 1985 年 12 月 31 日 含 以前 出生 民眾 上述 符合 預約 資格 者 即 得於 開放 預約 期間 進行 預約 亦 將 於 開放 預約 後 陸續 收到 提醒 簡訊 請 記得 進行 預約 此 期 預約 預定 於 8 月 23 日 至 8 月 29 日 施 打 並 視 疫苗 供應期 程 調整 接種 場次 籲請 民眾 屆時 準時 前往 接種 目前 高端疫苗 僅 35萬 多 劑 完成 食 藥 署 封 緘 檢驗 程式 包括 8 月 2 日 通過 第 1 到 4 批 高端疫苗 共 26萬5528 劑 以及 4 日 再 通過 的 第 5 批 8萬6910 劑 另外 尚有 9 批 檢驗 中 8 批 待 廠商 補 件</t>
  </si>
  <si>
    <t>依據 中央流行疫情指揮中心 公佈 新竹 市 28 日 新增 1 名 確診 個案 新增 的 案 7307 為 1 歲 多 男童 為 23 日 公佈 的 30 多 歲 男性 案 4235 同 住 家人 男童 22 日 匡 列 居家 隔離 23 日 第一 次 采 檢 陰性 27 日 出現 發燒 症狀 進行 二 次 采 檢 28 日 pcr</t>
  </si>
  <si>
    <t>依據 中央流行疫情指揮中心 公佈 新竹 市 28 日 新增 1 名 確診 個案 新增 的 案 7307 為 1 歲 多 男童 為 23 日 公佈 的 30 多 歲 男性 案 4235 同 住 家人 男童 22 日 匡 列 居家 隔離 23 日 第一 次 采 檢 陰性 27 日 出現 發燒 症狀 進行 二 次 采 檢 28 日 pcr 陽性 確診 因 案 7307 為 案 4235 匡列 接觸 者 31 人 之一 因此 無 另外 匡列 接觸 者 也 無 新 增 足跡 林智堅 市長 表示 23 日 公佈 的 案 4235 曾 赴 萬華 確診 後 匡列 31 人 居家 隔離 後 同 住 家 人 30 多 歲 女性 案 507330 多 歲 男性 案 5074 以及 30 多 歲 男性 案 5075 為 25 日 公佈 確診 個案 案 7307 為 案 5073 與 案 5074 的 孩子 平時 由 媽媽 照顧 23 日 第一 次 采 檢 結果 為 陰性 但 27 日 出現 發燒 症狀 進行 第二 次 采 檢 結果 為 pcr 陽性 確診 此外 市長 林智堅 也 在 直播 中 公佈 成立 全台 首 座 專責 疫苗 接種 站 地點 選 在 空曠 通風 的 動物園 第二 停車場 將 可 加快 疫苗 接種 效率 建構 更 強大 防疫 網 並 減少 民眾 出入 醫院 分攤 5 大 醫院 負擔 林智堅 指出 新竹 市 28 日 獲 配 的 2800 劑 疫苗 將 優先 都 給 一線 醫護 防疫 工作 相關 人員 施打 1900 劑 給 竹市 專責 醫院 醫護人員 其 餘 900 劑 則 是 基層 診所 醫 事 人員 員警 及 消防 同仁 民政 人員 等等 施打</t>
  </si>
  <si>
    <t>智邦 2345 5 月 營 收 雙增 苗栗 疫情 嚴峻 智邦 目前 有 12 位 員工 確診 都已 安排 接受 醫療 隔離 照顧 其中 已 有 1 位 員工 出院 休養 智邦 已 備 妥 後續 篩檢 資源 也 會 擴 及 提供 給 同仁 的 家人 實施 定期 滾 動式 篩檢 智邦 目前 生產 出 貨 仍 維持 正常 運作 智 邦 5 月 合併 營 收 為 4911億 元 月 成 長 618 年 增加 約 3049 累計 前 5 月 合併 營 收 為 22734億 元 較 109 年 同期 增加 約 1623 截止 6 月 7 日 為止 根據 中央流行疫情指揮中心 發佈 資料 智邦 有 12 位 員工 確診 都已 安排 接受 醫療 隔離 照顧 目前 狀況 大致 穩定 其中 已 有 1 位 員工 出院 休養 智 邦 表示 面對 有 公司 員工 不幸 受 波及 確診 智邦 除了 將 全力 協助 後續 醫療 與 生活 相關 需求 讓 員工 能夠 安心 休養 外 也 將 主動 擴大 預防 性 防疫 措施 這 其中 包括 將 在 6 月初 第一 階段 全面 篩檢 完成 後 隨即 啟動 定期 全面 篩檢 計 畫 確保 所有 員工 能夠 在 安全 且 安心 的 環境 下 工作 自 5 月初 桃園 諾 富特 旅館 相關 疫情 發生 後 智邦 即 全面 提升 公司 防疫 規範 5 月 下旬 智邦更 提前 與 醫療機構 簽約 合作 展開 全面 篩檢 作業 並 已 在 6 月 4 日 啟動 將 在 6 月 10 日 完成 竹南 廠 1500 人 篩檢 作業 而今 7 日 將 先 完成 全體 外籍 員工 篩檢 同時 啟動 宿舍 與 工廠 統一 分流 分 艙 作業 並 另行 擴 增 外籍 員工 宿舍 降低 外籍 員工 宿舍 共居 人數 而 在 新竹 本 廠部 份 也 已 申請 參與 竹科 園區 篩檢 作業 智 邦本 廠 員工 將 在 6 月 9 日 完成 篩檢 另外 智邦 也 已 備 妥 後續 篩檢 資源 將 持續 與 醫療 院所 合作 在 智邦 整體 廠 區 實施 定期 滾 動式 篩檢 智 邦 強調 由於 目前 疫情 仍 在 變化 中 智邦 也 將 以 保護 員工 健康 安全 為 第一 要務 持續 調整 防疫 應變 措施 而 在 生產 出 貨 部份 目前 則 仍 維持 正常 運作</t>
  </si>
  <si>
    <t>中央流行疫情指揮中心 31 日 公佈 高雄 新增 1 例 本土 確診 個案 該 確診 者 案 8530 與 鳳山 賭場 群 聚 案 互有 關聯 她 是 曾 到 瑞竹 路牌 間 打 麻將 的 案 5888 按摩師 家人 目前 鳳山 賭場 傳播 鏈 已 有 15 人 確診 總共 匡列 702 位 接觸 者 由於 按摩師</t>
  </si>
  <si>
    <t>中央流行疫情指揮中心 31 日 公佈 高雄 新增 1 例 本土 確診 個案 該 確診 者 案 8530 與 鳳山 賭場 群 聚 案 互有 關聯 她 是 曾 到 瑞竹 路牌 間 打 麻將 的 案 5888 按摩師 家人 目前 鳳山 賭場 傳播 鏈 已 有 15 人 確診 總共 匡列 702 位 接觸 者 由於 按摩師 確診 後 案 8530 立即 遭到 隔離 因此 並 無 相關 足跡 公佈 根據 高 市府 衛生局 疫 調 顯示 案 8530 是 60 多 歲 女性 無 特殊 病史 為 日前 確診 按摩師 的 家人 由於 平常 與 按摩師 的 父母親 同 住 在 按摩師 及 其 父母 相繼 確診 之後 她 24 日 被 衛生局 列為 密切接觸 者 並 開始 居家 隔離 25 日 pcr 采 檢 結果 為 陰性反應 但 30 日 開始 出現 流 鼻 水 咳嗽 症狀 經 送醫 采 檢 後 確診 也 是 該 家庭 第 4 位 染疫 人員 因此 研 判 是 家庭 群 聚 案件 因為 案 8530 發病 前 3 日 正 在 居家 隔離 所以 無 高雄 公共場所 的 活動 史 此外 高 市府 也 公佈 澎 湖 確診 者 案 8433 在 高雄 的 活動 足跡 案 8433 是 50 多 歲 女性 15 日 在 澎 湖 馬公 工作 後 搭乘 飛機 到 臺北 18 日 再 搭 高鐵 667 車次 南 下 高雄 隨後 轉 乘 計程車 返回 住家 20 日 下午 再 從 小港 機場 搭機回 到 澎 湖 她 在 高雄 有 染疫 風險 的 活動 足跡 不 多 曾在 20 日 上午 9 時 29 分到 9 時 46 分 曾 到 合作金庫 九 如 分行 atm 20 日 到 小港 機場 國內 航 廈</t>
  </si>
  <si>
    <t>校園 接種 bnt 將 在 9 月 23 日 開 打 各縣市 近期 回收 學生 接種 意願 書 臺北市教育局 統計 9 成 以上 家長 同意 接種 但 台中 市 考量 許多 家長 仍 在 猶豫 決定 延至 16 日 回收 意願 書 中央流行疫情指揮中心 指揮官 陳時中 表示 目前 收到 教育</t>
  </si>
  <si>
    <t>校園 接種 bnt 將 在 9 月 23 日 開 打 各縣市 近期 回收 學生 接種 意願 書 臺北市教育局 統計 9 成 以上 家長 同意 接種 但 台中 市 考量 許多 家長 仍 在 猶豫 決定 延至 16 日 回收 意願 書 中央流行疫情指揮中心 指揮官 陳時中 表示 目前 收到 教育 單位 的 回報 要 打 的 意願 比例 都 蠻高 的 這 兩 天 就 會 有 完整 的 報告 陳時中 表示 有人 講 說 是 不是 台中 市 施打 意願 低 其實 這 很多 的 因素 我 想 不 要 做 這樣 的 一個 猜測 結果 出來 就 很 明確 那最多 是 兩 天 另外 新北 市政府 宣佈 校園 接種 疫苗 後 全校 采 線 上 授課 2 天 其他 縣 市 暫不 跟進 陳時中 表示 這個 是 地方 政府 決定 也 和 教育 單位 有關 只要 學習 上 沒有 造成 妨害 當然 他們 可以 做 最 適當 的 安排 至於 第 八 輪 az 疫苗 今天 開 打 陳時中 表示 由於 昨 14 日 未有 大規模 施打 接種 人次 僅 1萬3927 目前 全國 疫苗 人口 涵蓋 率 4879 劑 次 人口 比 5332 截至 目前為止 國內 累計 接種 1250萬4662 劑 其中 az 接種 799萬1608 劑 莫德納 接種 379萬3887 劑 高端 接種 71萬9167 劑</t>
  </si>
  <si>
    <t>新冠肺炎 確診 病例 再 增 一 例 中央流行疫情指揮中心 今天 日 公佈 國內 第 45 例 確診 病例 為 一 名 50 多 歲 女性 其 為 先前 引發 醫院 院內 感染 案 34 確診 前 同 病房 不同 病 室 但 已 出院 病人 後 又 追 回採 檢 呈 陽性反應 現 住 進 負 壓 隔離 病</t>
  </si>
  <si>
    <t>新冠肺炎 確診 病例 再 增 一 例 中央流行疫情指揮中心 今天 日 公佈 國內 第 45 例 確診 病例 為 一 名 50 多 歲 女性 其 為 先前 引發 醫院 院內 感染 案 34 確診 前 同 病房 不同 病 室 但 已 出院 病人 後 又 追 回採 檢 呈 陽性反應 現 住 進 負 壓 隔離病房 疫情 指揮中心 指揮官 陳時中 表示 案 45 近期 無 國內外 旅遊 史 2 月 14 日 因 其他 疾病 收治 住院 與 案 34 同 病房 不同 病 室 於 2 月 20 日 出院 3 月 1 日 衛生 單位 進行 案 34 相關 風險 物件 追蹤 采 檢 時 因 檢 體 顯示 異常 於 3 月 5 日 再次 采 檢 於 今日 確診 目前 收治 負 壓 隔離病房 指揮中心 表示 已 針對 案 45 相關 接觸 者 進行 調查 追蹤 本 起 群 聚 截至 目前 已 掌握 接觸 者 共 417 人 並 采 檢 346 人 其中 7 人 陽性 案 35 至 38 及 案 414245 330 人 陰性 其 餘 檢驗 中</t>
  </si>
  <si>
    <t>臺北市 一 名 孕婦 日前 因 預約 第 2 劑 莫德納 疫苗 意外 發現自己 在 預約 平臺 上 遭 誤 植已 混打 高端 經 中央流行疫情指揮中心 清查 發言人 莊人祥 說明 共有 3075 筆 資料 有誤 其中 實際 在 本期 預約 受 影響 約 110 人 受 影響 的 民眾 可 透過</t>
  </si>
  <si>
    <t>臺北市 一 名 孕婦 日前 因 預約 第 2 劑 莫德納 疫苗 意外 發現自己 在 預約 平臺 上 遭 誤 植已 混打 高端 經 中央流行疫情指揮中心 清查 發言人 莊人祥 說明 共有 3075 筆 資料 有誤 其中 實際 在 本期 預約 受 影響 約 110 人 受 影響 的 民眾 可 透過 國泰醫院 協助 第 2 劑 接種 莊 人 祥 表示 受 影響 的 民眾 皆 為 今年 89 月 在 國泰醫院 接種 各 疫苗 廠 牌 皆 有 該院 將 該 清冊 於 10 月份 上傳 由於 經過 人工 刪 修造 成 格式 錯誤 有 3075 筆 資料 有誤 因此 今天上午 10 點 半 已 由 疾 管署 刪除 後續 再 由 醫院 重新 上傳 正確 的 資料 莊 人 祥 指出 根據 目前 評估 這 3075 筆 資料 中 真正 影響 到 這 一期 預約 的 僅 110 人 如果 有 受 此 影響 本署 已 責成 國泰醫院 或 透過 衛生局 來 協助 接種 國泰醫院 回應 經查 後 發現 資料庫 登錄 內容 皆 正確 但 上周 六 上傳 一 批 資料 過程 中 發生 部分 資料 誤 登已 與 疾 管署 完成 資料 比對 並 完成 更正 將 協助 受 影響 民眾 完成 疫苗 預約 對於 造成 民眾 不便 深感 抱歉</t>
  </si>
  <si>
    <t>彰 化 縣 衛生局 篩檢 居家 檢疫 無 症狀 者 結果 篩 出 一 名 確診 由於 做法 不符 中央 規範 中央流行疫情指揮中心 要求 政風 調查 引發 外界 爭議 對此 資深 媒體 人 陳東 豪 表示 彰 化 縣 當然 可以 反 時中 但要 有 2 個 前 題 一 是 國民 健康</t>
  </si>
  <si>
    <t>彰 化 縣 衛生局 篩檢 居家 檢疫 無 症狀 者 結果 篩 出 一 名 確診 由於 做法 不符 中央 規範 中央流行疫情指揮中心 要求 政風 調查 引發 外界 爭議 對此 資深 媒體 人 陳東 豪 表示 彰 化 縣 當然 可以 反 時中 但要 有 2 個 前 題 一 是 國民 健康 與 安全 因此 增加 二 是 要 保護 第一 線 醫護人員 安全 一 名 自 美國 返台 探親 的 少年 8 月 5 日 入境 及 在 彰 化 縣 防疫 旅館 都 沒有 出現 症狀 依 中央 現行 規定 不 用 采 檢 彰 化 縣 衛生局 在 少年 居家 檢疫 第 11 天 進行 采 檢 並於 8 月 16 日 證實 為 確診 案例 成為 國內 無 症狀 居 檢 被 驗 出 陽性 首例 案 485 不過 地方 衛生局 檢 出 確診 個案 不但 沒有 獲得 肯定 或 鼓勵 卻 成為 衛福部 政風 處 調查 的 對象 期中 報告 將 於 25 日 公佈 指揮中心 大 動作 引起 地方 譁然 更 質疑 中央 刻意 打 壓 地方 衛生局 影響 基層 防疫 士氣 但是 卻 有 一 名 彰 化 居家 檢疫 者 爆 料 他 在 回台 隔離 的 三 天 時 被 衛生局 采 檢 是 自 行前 往 醫院 沒有 專車 許多 在 彰 化 隔離 的 網友 也 有 同樣 情形 發生 而今 天 陳時中 接受 訪問 更 表示 居家 檢疫 者 不 可以 外出 除非 有 就醫 必要 才會 安排 而且 既然 該案 檢疫 時 無 症狀 又 怎麼 會 前往 就醫 且 病 患 也 曾 表示 兩 天 前 就 有 咳嗽 情形 發生 這 句 話 後果 非常 嚴重 將 牽扯 這 是 無 症狀 還有 症狀 感染 對此 陳東 豪 在 臉書 發文 表示 彰 化 縣 的 作法 註定 要 吵 翻天 了 有 許多 不同 的 層面 可以 探討 不要 說 逆 時 中 了 彰 化 縣 可不可以 反 時中 當然 可以 但有 前 題 1 國民 健康 與 安全 因此 增加 2 保護 第一 線 醫護人員 安全 陳東 豪 更 表示 這事 還 沒完 不要 急 慢慢 看 下去 臺灣 最 大 的 好處 不是 大聲 就 會 贏 我們 這個 社會 可以 容忍 不同 意見</t>
  </si>
  <si>
    <t>本報 本月 13 日 16 日 兩 度 報導 中華 郵政 人員 雖 被 列入 第 7 類 施打 對象 但 隨 著 預約 平臺 出現 後 郵局 視窗 人員 卻 被 要求 自行 去 預約 等同 被 放生 不料 台鐵 也 發生 一模一樣 的 情況 台鐵 產業 工會 今 23 日 向 本報 表示 第一 線 工作人員 若 運氣 好 被 納入 第 1 批 就 打到 今日 為止 第 2 批 以後 就 沒消 沒 息 有 郵局 員工 自嘲 第 7 類 基層 可能 自動 被 消滅 吧 根本 是 安慰 獎 新冠 疫情 以來 郵局 視窗 人員 負責 三 倍 券 紓困 金 及 孩童 防疫 補貼 等 繁重 工作 加上 原本 就 有 的 郵政 匯兌 儲金 業務 與 民眾 高密度 接觸 台鐵 工作人員 更 不待 言 是 南來北往 交通樞紐 且 隨 著 微 解封 車站 人潮 勢必 增加 兩者 都 急需 被 列入 公費 疫苗 造冊 清單 行政院長 蘇貞昌 6 月 22 日 主持 擴大 防疫 會議 同日 中央流行疫情指揮中心 將 第一 線 郵務 處理 人員 台鐵 員工 納入 國家 關鍵 基礎 設施 及 高風險接種 人員 等 專案 對象 並 由 主管 機 管 造冊 新冠 疫苗 施打 物件 不料 之後 傳出 郵局 視窗 人員 等 無 疫苗 7 月中 旬 中華 郵政 一邊 向 媒體 表示 郵局 視窗 人員 已 在 造冊 中 正 在 跟 交通部 爭取 將 郵局 視窗 排 入 第 7 類 施打 對象 20 日 卻 發下 一 紙 公文 要求 郵局 同仁 去 預約 平臺 踴躍 接種 且 公文 並 表示 根據 的 是 14 日 行政院 秘書長 會議 裁 示 及 中華 郵政 總公司 指示 辦理 台 鐵 情況 一模一樣 第一線 人員 還 在 苦 等 台鐵 產業 工會 表示 本月 12 日 16 日 兩 度 發 函 台鐵局 第一 盡 速 造冊 第二 工會 已 接 獲 消息 被 納入 第 1 批 的 人員 就 打到 今日 為止 台鐵 應該 盡 速 確認 還 沒 打 疫苗 同仁 的 施打期 程 但 卻 都無 下文 台 鐵產工 理事長 魏豫 綾 表示 當初 第 1 批 有 造冊 包括 乘務 人員 車站 月臺 清潔 人員 都有 但 問題 是 有的 有 列 有的 沒 列 像 售票員 有的 納入 第 1 批 有的 納入 第 2 批 有 郵局 視窗 人員 怒 批 整個 第 7 類 並 沒有 全部 獲得 施打 根本 是 安慰 獎 第 2 類 的 官員 倒是 愈來愈多 隨 著 疫苗 接種 平臺 的 預約 第 7 類 可能 自動 被 消滅 吧 台 鐵運 安 處 回應 表示 台鐵局 首批 獲 配 疫苗 約 12萬 劑 已於 7 月 22 日 全數 施打 完畢 施打 物件 包含 司機員 列車長 剪 收票員 售票員 月臺 嚮導 防疫 天使 清潔 人員 及 維持 關鍵 基礎 設施 維護 人員 等 以 維 鐵路 正常 營運 及 旅客 安全 另 依據 中央流行疫情指揮中心 開放 18 歲 含 以上 民眾 於 疫苗 施打 意願 登記 與 預約 系統 進行 意願 登記 台鐵局 亦 鼓勵 尚未 施打 同仁 上網 登記 俾 利 透過 多方 管道 加速 疫苗 接種</t>
  </si>
  <si>
    <t>又 有 台商 國外 染疫病 重 包機 返台 救命 中央流行疫情指揮中心 昨天 公佈 國內 新增 3 例 境外移入 新冠肺炎 確定 病例 分別 自 奈及利亞 案 824 埃及 案 825 及 美國 案 826 入境 其中 在 奈及利亞 經商 的 本 國籍 70 多 歲 男性 在 當</t>
  </si>
  <si>
    <t>又 有 台商 國外 染疫病 重 包機 返台 救命 中央流行疫情指揮中心 昨天 公佈 國內 新增 3 例 境外移入 新冠肺炎 確定 病例 分別 自 奈及利亞 案 824 埃及 案 825 及 美國 案 826 入境 其中 在 奈及利亞 經商 的 本 國籍 70 多 歲 男性 在 當地 出現 肺炎 症狀 短短 3 天 就 病況 加重 緊急 申請 醫療 包機 返台 獲准 這 也 是 台商 自費 包機 返台 就醫 確診 的 第二 例 中央流行疫情指揮中心 發言人 莊人祥 表示 奈及利亞 台商 去年 12 月 24 日 出現 發燒 呼吸困難 虛弱 症狀 27 日 因 病況 加重 至 當地 醫院 就醫 住院 並 診斷 有 肺炎 情形 緊急 自費 申請 包機 獲准 目前 狀況 穩定 而 引起 國際 恐慌 的 英國 變種 病毒 指揮中心 日前 針對 12 月 13 日 起 有 英國 旅遊 史者 回溯 采 檢 莊人祥 說 目前 已經 全數 采 檢 完 除 了 4 名 已 知 的 確診 個案 其 餘 212 人 都 是 陰性 專案 已經 結束 之後 不會 逐 案 說明 有 陽性 才 會 公佈 因應 農曆 年節 將 至 春節 返國 潮 預估 上 看 五萬 人 但 各 地方 防疫 旅館 屢屢 爆發 搶 房潮 指揮中心 昨天 宣佈 目前 全國 防疫 旅館 共有 1萬6187 間 房 初步 將 先 增加 2千500 房 莊 人 祥 表示 1 月初 調查 全台 防疫 旅 宿 房間數 目前 全國 各縣市 分 佈 以 臺北市 為 最 多 共有 6387 房 其次 是 高雄市 3244 房 桃園 1691 房 台中 1483 房 其 餘 縣 市 都 在 1千 間 以下 各縣市 都 仍 續 輔導 業者 當中 盼 最 快 速度 增加 各 地 防疫 旅館 的 量 能 至於 指揮中心 先 釋出 的 1500 間 到 2000 間 集中 檢疫所 房間 供 國人 返台 後 隔離 檢疫 用 昨晚 8 點 起 開放 訂 房 入境 檢疫 系統 每人 每日 新 台幣 2000 元整 12 歲 以下 幼童 與 父 或 母同 住 一 室 者 不 另外 收費 1500 房有 485 間 被 訂 走 等於 1 小時 就 有 超過 3 成 房間 被 搶走 醫療 應變 組 副 組長 王必勝 表示這些 房間 最 早 可 在 1 月 12 日 開放 入住 若 民眾 及早 入住 預計 1500 個 房間 年前 可以 使用 2 輪</t>
  </si>
  <si>
    <t>中央流行疫情指揮中心 專家 會議 召集人 張上淳 的 2 位 醫師 兒 近日 成為 全台 關注 焦點 只因 一 位 被 爆 料 在 疫情 期間 出國 一 位 因 網路 言論 痛駡 禁 醫護 出國 的 政策 引爆 輿論 撻 伐 張上淳 的 2 位 兒子 22 日 晚間 發聲明 道歉 然 知名 音樂 人</t>
  </si>
  <si>
    <t>中央流行疫情指揮中心 專家 會議 召集人 張上淳 的 2 位 醫師 兒 近日 成為 全台 關注 焦點 只因 一 位 被 爆 料 在 疫情 期間 出國 一 位 因 網路 言論 痛駡 禁 醫護 出國 的 政策 引爆 輿論 撻 伐 張上淳 的 2 位 兒子 22 日 晚間 發聲明 道歉 然 知名 音樂 人 許 常德 感歎 如果 這 兩 個 兒子 一 開始 有 想到 的 話 就 不 會 後來 要 道歉 止血 了 對於 張上淳 兩 個 兒子 的 道歉 聲明 許 常德 先於 臉書 發文 表示 道歉 止血 有限 有限 也 是 活該 髒 了 團隊 努力 本來 就 該 更 嚴格 看待 更何況 自己 是 醫生 無視 醫療 團隊 辛苦 比 裡長 出國 事件 更 惡劣 許 常德 更 直言 這樣 怎麼 好意思 要求 醫生 這 段 時間 不 要 出國 而且 張上淳 的 兒子 還是 感染 科 醫師 不過 許 常德 這 篇 貼 文在 臉書 發 出 幾 小時 後 便 刪 文 又 重 發 一 篇文章 表示 什麼 叫 個人 做事 個人 擔 嗎 什麼 叫 大人 的 負責 呢 就 是 做 不 到 不 影響 別人的 大 話 請 好好 再 想 一 遍 是不是 真 的 不 會 影響 到 他人 這個 自我 負責 真的 夠 負責 嗎 許 常德 更 表示 張上淳 兒子 若 有 第一時間 想到 這個 就 不 會 出事 時跟 網友 對 嗆 就 不 會 後來 要 道歉 止血 可見 張上淳 兒 已 深深 影響 到 爸爸 跟 原先 想 的 差 很多 很多</t>
  </si>
  <si>
    <t>7 月 12 日 到底 能 不能 解封 中央流行疫情指揮中心 指揮官 陳時中 今天 表示 縣 市 別 中 有 很多 縣 市 相對 穩定 雙北 熱區 個案 數 也 在 減少 幾 個 比較 熱 的 點 經過 幾 次 大規模 篩檢 與 隔離 相對 安全 相對 7 月 13 日後 能夠 有 一個 好 的 預</t>
  </si>
  <si>
    <t>7 月 12 日 到底 能 不能 解封 中央流行疫情指揮中心 指揮官 陳時中 今天 表示 縣 市 別 中 有 很多 縣 市 相對 穩定 雙北 熱區 個案 數 也 在 減少 幾 個 比較 熱 的 點 經過 幾 次 大規模 篩檢 與 隔離 相對 安全 相對 7 月 13 日後 能夠 有 一個 好 的 預防措施 加上 有 應變 的 能力 在 高強度 的 管制 下 走向 比較 可以 開放 的 路 是 目前 疫情 下 所 做 的 判斷 但 最終 還是 要 看 7 月 12 日 整體 疫情 情況 再來 決定 陳時中 說 可以 讓 大家 身心 比較 健康 或 在 怎樣 的 管制 下 可以 有 相 關內 用 外 食 做 某種程度 的 放寬 是 現在 規劃 的 方向 但 強調 是 要以 疫情 為重 在 疫情 可 控制 的 狀況 下 讓 生活 回到 正軌 陳時中 強調 疫情 控制 住 餐飲 就 開放 內 用 當然 一定 要 符合 距離 隔板 非 共用 餐具 實 聯 制 清 消 體溫 量 測 等 基本 都 要 做到 不能 符合 就 退回去 這 是 個 別的 不能 做到 就 外帶 做 得 到就 可以 希望 大家 提早 準備</t>
  </si>
  <si>
    <t>長 榮 航空 3 名 機師 完整 接種 新冠肺炎 疫苗 後 仍 確診 delta 病毒 桃園 市 機師 職業工會 認為 3 人 均 屬 於飛 航 執勤 期間 停留 往返 國外 機場 外 站 而 遭 傳染 的 職 災 案例 目前 許多 歐美 機場 作業 人員 已不 戴 口罩 機師 除 要 爭取 隔離 14 天 不 派 飛 打 第 3 劑 疫苗 也 希望 中央流行疫情指揮中心 參考 奧運 模式 派出 防疫 官員 全程 監視 並 稽核 外 站 防疫 流程 提出 積極 科學 且 有效 降低 機組員 感染 的 辦法 機師 工會 指出 美 歐 各國 機場 在內 的 外 站 因 進入 解封 狀態 防疫 層級 大幅 降低 包括 卸貨 清潔 甚至 海關人員 早已 出現 高 比例 未 配戴 口罩 等 情況 工會 上周 聯繫 仍 停留 於 外 站 的 組員 拍攝 各地 機場 外 站 解封 的 狀態 已 蒐集 包括 美國 芝加哥 安哥拉 治 荷蘭 阿姆斯特丹 等 地 從 旅客 機場 裝 卸貨 人員 機艙 內 清潔 人員 接 駁 車駕 駛 旅館 櫃檯 等 都未 配戴 口罩 機師 工會 表示 國外機場 外 站 如此 不設防 而 施打 2 劑 疫苗 又 無法 保護 免於 delta 病毒感染 的 雙重 威脅 下 所有 職 災 染疫 的 風險 只能 由 頻繁 執勤 的 機師 單獨 承擔 如此 情況 不 改善 不但 執勤 機師 在外 站 處於 隨時 可能 遭 delta 病毒 突破性 感染 的 職 災 威脅 在 目前 指揮中心 仍 允許 航空 公司 得以 在 長 程 航班 機師 檢疫 期間 配合 公司 需求 隨時 提前 中斷 檢疫 再度 派 飛 執勤 情況 下 等於 放任 delta 病毒 在 機組員 內 傳播 與 擴散 機師 工會 提出 3 點 訴 求 參考 奧運 模式 派出 防疫 官員 稽核 外 站 防疫 流程 返國 檢疫 期間 不 派 飛 若 未能 落實 上述 2 項 政策 則 應讓長 程 航班 機組員 返台 檢疫 隔離 天數 比照 一般 旅客 14 天 規定</t>
  </si>
  <si>
    <t>基隆 市 成功 市場 又 有 1 攤 商 案 5208 確診 市府 成立 專案 調查 迄今已有 8 人 淪陷 其中 3 人 為 攤 商 市長 林右昌 表示 有 2 攤 商 是 隔壁 攤販 但 與 率先 中標 的 攤 商 案 2564 是否 有 關聯 仍 待 厘 清 此外 市場 也 自主 停業 至 6 月 3 日 成功 市場 確診 案 感染 源 不明 基隆 市政府 成立 專案 持續 疫 調 中 起初 是 案 2564 於 5 月 19 日 確診 為 一 名 年 約 60 多 歲 男子 曾 到 西門 町 紅寶石 歌廳 消費 期間 身體 不適 仍 前往 市場 擺攤 采 檢 後 確診 他 的 兒子 案 3085 女兒 案 3087 女婿 案 3086 也 陸續 中標 5 月 21 日 有 另 名 攤 商 案 3519 采 檢 後 也 呈 陽性 但 與 案 2564 是否 有 關連 衛生局 仍 調查 中 其 曾孫 案 4369 兒子 案 5202 也 陸續 確診 林右昌 表示 昨天 中央流行疫情指揮中心 公佈 確診 數 時 其中 有 1 案 是 成功 市場 攤 商 案 5208 也 是 市場 第 3 名 攤 商 確診 衛生局 疫 調 發現 他 與 案 3519 為 隔壁 攤販 是 密切接觸 者 名單 之一 市府 也 匡列 他 周圍 12 人 目前 正等待 檢驗 結果 因應 疫情 嚴峻 成功 市場 自主 延長 停業 時間 至 6 月 3 日 晚上 12 點 此外 林右昌 說 果菜 市場 夫妻 確診 專案 案 3289 案 3290 目前 初步 匡列 登記 的 攤 商 81 攤 扣除 空 攤 10 攤 追蹤 71 攤 總計 38 位 負責人 將 盡 速 安排 快 篩 並 擴大 追蹤 林右昌 進一步 說明 目前 這 2 案 相關 人員 仍 有 不 配合 疫 調情 況 提醒 確診 者 依 傳染病 防治法 規定 必須 說出 實情 其中 有 公共 衛生 安全 問題 也 能 有效 加快 斷絕 病毒傳播 鍊 呼籲 民眾 務必 要 配合 衛生 單位</t>
  </si>
  <si>
    <t>澳洲 音樂家 日前 來 台 演出 於 境外 確診 新冠肺炎 中央流行疫情指揮中心 指揮官 陳時中 表示 未來 希望 加強 自主 健康 管理 強度 量 體溫 確實 通報 有 症狀 就要 回報 目前 正 建立 系統 提供 自主 健康 管理者 回報 出境 時 還 需要 再 報</t>
  </si>
  <si>
    <t>澳洲 音樂家 日前 來 台 演出 於 境外 確診 新冠肺炎 中央流行疫情指揮中心 指揮官 陳時中 表示 未來 希望 加強 自主 健康 管理 強度 量 體溫 確實 通報 有 症狀 就要 回報 目前 正 建立 系統 提供 自主 健康 管理者 回報 出境 時 還 需要 再 報 一 次 中間 任何 一端 違反規定 就 會 予以 重罰 若 有 需要 將 啟動 擴大 采 檢 外國人 入境 臺灣 的 采 檢 將 采 自費 方式 陳時中 表示 沒 症狀 采 檢 會 有 病毒 量 太 低 會 被 忽略 掉 的 疑慮 要 審慎考慮</t>
  </si>
  <si>
    <t>臺灣 連續 兩 天 本土 都 降到 2百 名 確診 以下 中央流行疫情指揮中心 今 14 日 公佈 國內 新增 185 例 covid-19 確定 病例 均 為 本土 個案 另 確診 個案 中 新增 15 例 死亡 其中 臺北市 新增 42 例 新 確診 副 市長 黃珊珊 在 今 早 又 與 指揮官 陳時中</t>
  </si>
  <si>
    <t>臺灣 連續 兩 天 本土 都 降到 2百 名 確診 以下 中央流行疫情指揮中心 今 14 日 公佈 國內 新增 185 例 covid-19 確定 病例 均 為 本土 個案 另 確診 個案 中 新增 15 例 死亡 其中 臺北市 新增 42 例 新 確診 副 市長 黃珊珊 在 今 早 又 與 指揮官 陳時中 傳出 未接 電話 的 爭議 對此 柯文哲 召開 北市 防疫 記者會 進行 最新 說明 柯文哲 在 記者會 中 表示 今日 新增 15 例 死亡 但 呼籲 民眾 不要 被 死亡 人數 嚇到 因為 那是 比較慢 的 指數 臺北市 病例 慢慢 下降 但 比較 麻煩 的 是 越來越 分散 因此 居家 隔離 的 人數 也 開始 變 少 臺北市 也 要 開始 思考 清 零 如何 做 否則 在 疫苗 到 之前 三級 警戒 無法 解除 柯文哲 指出 這 幾 天 陽性率 下降 可能 病例 數 減少 除了 是 感染者 真 的 有 減少 也 有 可能 是 因為 假期 根據 資料 北市 各 篩檢 站 在 這 幾 天 篩檢 的 數字 都 有所 減少 可見 大家 在 假日 都 比較 不喜歡 出門 篩檢 沒有 疫苗 就 無法 回到 以前 正常 生活 嗎 柯文哲 指出 目前 看來 疫苗 在短期內 沒有 辦法 完全 到位 臺北市 現在 必須 從 其他 方法 下手 而 在 社區 大 範圍 作 普 篩 在 成本 效益 等等 計算 之下 在 效益 上 都 比較 低落 所以 現在 主要 是從 確診 案例 進行 疫 調 從 源頭 開始 管制 控制 疫情 柯文哲 指出 臺北市 防疫 團隊 從 5 31 到 6 13 透過 精准 篩檢 熱點 殲滅戰 這個 方法 在內 湖 區 試驗 結果 看 起來 是 有效 的 因此 考慮 未來 會 再 擴大 實施 而 臺北市 明天 就要 開始 打 疫苗 了 柯文哲 指出 臺北市 目前 透過 民政局 系統 發送 通知單 但 還 次要 鼓勵 大家 用 線 上 預約 系統 現在 是 處理 85 歲 以上 長者 而 柯文哲 表示 未來 施 打 物件 擴大 可能 會 造成 政府 系統 的 癱瘓 所以 柯文哲 呼籲 民眾 儘管 通知單 上面 有 寫 未 預約 也 可以 去 打 但 希望 民眾 還是 儘量 上網 預約 減少 工作人員 的 負擔 有 預約 的 長者 都準時 去 打 疫苗 這樣 在 系統 上 比較 不 會 造成 多 餘 的 壓力 對於 預約 系統 只能 安排 早上 下午 晚上 柯文哲 表示 大 部分 人 於 晚間 6 點 會 接到 電話 或 簡訊 未來 會 再 精進 也 讓 醫院 方便 調整 時段 明 後天 上班 日 柯文哲 表示 非設 籍 在 臺北市 的 長者 可以 打電話 到 居住 行政區 的 民政 課 進行 登記 原則 17 日 下午 開始 施打 昨日 傳出 有 驗光師 打 疫苗 副 市長 黃珊珊 指出 驗光師 屬於 中央 規定 的 醫 事 人員 此 定義 非 北 市府 的 定義 驗光師 由 公會 造冊 審核 如果 有 非 對象 施打 疫苗 會 請 公會 說明 至於 黃珊珊 未 接到 陳時中 電話 一 事 黃珊珊 也 說明 昨晚 陳時中 來 電 時 她 已 入睡 早上 回電 未能 聯絡 到 陳時中 到 下 午後 雙方 有 聯絡 黃珊珊 直言 這 一個 月 跟 陳 部長 電話 溝通 順暢 也 相信 陳 部長 不會 區分 彼此 對於 三級 警戒 何時 解除 柯文哲 指出 臺北市 沒有 硬 封 城 慢慢 控制 疫情 現在 大會戰 結束 進入 殲滅戰 會 按照 科學 標準 譬如 連續 幾 天 確診 少於 100 例 才 解除 三級 不過 這不 是 臺北 的 問題 並 不簡單</t>
  </si>
  <si>
    <t>國內 一 名 北部 50 多 歲 婦女 確診 新冠肺炎 後 3 名 護理 師 1 名 清潔 人員 也 接續 確診 中央流行疫情指揮中心 指揮官 陳時中 表示 目前 仍 在 厘 清誰 傳 誰 因 清潔工 19 日 就 出現 症狀 可能 為 院外 染疫 上班 時 傳染 予 護理人員 及 婦女 也</t>
  </si>
  <si>
    <t>國內 一 名 北部 50 多 歲 婦女 確診 新冠肺炎 後 3 名 護理 師 1 名 清潔 人員 也 接續 確診 中央流行疫情指揮中心 指揮官 陳時中 表示 目前 仍 在 厘 清誰 傳 誰 因 清潔工 19 日 就 出現 症狀 可能 為 院外 染疫 上班 時 傳染 予 護理人員 及 婦女 也 不 排除 是 倒 過來 的 情況 目前 仍 在 厘 清中 案 34 北部 婦女 2 月 14 日 因 低血糖 全身 倦怠 就醫 並 收治 住院 當時 無 呼吸道 症狀 婦女 21 日 出現 咳嗽 喉嚨 痛 及 發燒 26 日 診斷 有 肺炎 情形 平時 待 在 家中 未 外出 無 國外 旅遊 史 因 清潔工 19 日 就 出現 症狀 比 案 34 的 21 日 更 早 陳時中 表示 可能 是 清潔工 院外 染疫 上班 時 傳染 予 護理人員 及 婦女 但 也 不 排除 是 倒 過來 的 情況 目前 仍 在 厘 清中</t>
  </si>
  <si>
    <t>中央流行疫情指揮中心 今 公佈 新增 2 例 境外移入 個案 其中 案 16458 為 美國 入境 的 20 多 歲 女性 曾 接種 3 劑 bnt 疫苗 仍 確診 屬於 突破性 感染 ct 值 36 疫情 指揮中心 發言人 莊人祥 表示 此 美國 境外移入 個案 已於 9 月 10 日 完成 第 3 劑 bn</t>
  </si>
  <si>
    <t>中央流行疫情指揮中心 今 公佈 新增 2 例 境外移入 個案 其中 案 16458 為 美國 入境 的 20 多 歲 女性 曾 接種 3 劑 bnt 疫苗 仍 確診 屬於 突破性 感染 ct 值 36 疫情 指揮中心 發言人 莊人祥 表示 此 美國 境外移入 個案 已於 9 月 10 日 完成 第 3 劑 bnt 接種 第 1 劑 和 第 2 劑 相隔 約 21 天 但 第 2 劑 和 第 3 劑 僅 相隔 1 個 月 指揮中心 說明 案 16458 為 本 國籍 20 多 歲 女性 10 月 6 日 持 搭 機 前 3 日內 檢驗 陰性 報告 自 美國 返台 於 機場 采 檢 陰性 後 至 防疫 旅館 居家 檢疫 10 月 17 日 自覺 房間 空調 較 冷有 出現 咳嗽 症狀 10 月 19 日 進行 檢疫 期滿 前 采 檢 於 今日 確診 衛生 單位 共 匡列 接觸 者 1 人 列 自我 健康 監測 過去 國內 也 曾 出現 接種 3 劑 疫苗 的 境外移入 個案 案 16113 混打 1 劑 az 加 2 劑 bnt 仍 染疫 但 由於 第 3 劑接種 後 未 滿 14 天 屬於 接種 2 劑 疫苗 的 突破性 感染 指揮中心 醫療 應變 組 副 組長 羅一鈞 補充 先前 也 曾 有 3 例 境外移入 個案 皆 已 施打 3 劑 bnt 仍 染疫</t>
  </si>
  <si>
    <t>中央流行疫情指揮中心 發言人 莊人祥 表示 今天 新增 一 例 境外移入 病例 為 法國 返 臺本 國籍 20 多 歲 女性 今 2020 年 9 月 6 日 獨自 返國 指揮中心 表示 個案 於 8 月 30 日 出現 頭痛 肌肉 酸痛 等 症狀 曾於 法國 當地 就醫 並 診斷 為 流感</t>
  </si>
  <si>
    <t>中央流行疫情指揮中心 發言人 莊人祥 表示 今天 新增 一 例 境外移入 病例 為 法國 返 臺本 國籍 20 多 歲 女性 今 2020 年 9 月 6 日 獨自 返國 指揮中心 表示 個案 於 8 月 30 日 出現 頭痛 肌肉 酸痛 等 症狀 曾於 法國 當地 就醫 並 診斷 為 流感 經服 藥 後 症狀 改善 個案 9 月 6 日 返國 入境 時 因 流 鼻 水 症狀 主動 向 機場 檢疫 人員 通報 經 安排 采 檢 後 前往 集中 檢疫所 於 今日 確診 目前 住院 隔離 治療 中 指揮中心 指出 個案 於 搭 機 期間 及 入境 後 均 有 佩戴 口罩 衛生 單位 已 掌握 個案 同 班機 接觸 者 共 32 人 其中 前後 二 排座位 旅客 21 人 列為 居家 隔離 對象 機組員 11 人 因 全程 有 適當 防護 列為 自主 健康 管理物件 指揮中心 統計 國內 截至 目前 累計 88748 例 新型 冠狀病毒 肺炎 相關 通報 含 87674 例 排除 其中 495 例 確診 分別 為 403 例 境外移入 病例 55 例 本土 病例 36 例 敦睦 艦隊 及 1 例 不 明 確診 個案 中 7 人 死亡 475 人 解除 隔離 13 人 住院 隔離 中</t>
  </si>
  <si>
    <t>國內 莫德納 疫苗 打氣 低迷 為 衝刺 國內 疫苗 涵蓋 率 中央流行疫情指揮中心 今天 表示 今 起至 周日 9 日 下午 1 點 至 晚上 8 點 於 臺北 車站 西側 回廊 設置 疫苗 接種 站 凡 接種 民眾 都能 獲得 全聯禮 券 一百 元 物件 包含 所有 尚未 完整</t>
  </si>
  <si>
    <t>國內 莫德納 疫苗 打氣 低迷 為 衝刺 國內 疫苗 涵蓋 率 中央流行疫情指揮中心 今天 表示 今 起至 周日 9 日 下午 1 點 至 晚上 8 點 於 臺北 車站 西側 回廊 設置 疫苗 接種 站 凡 接種 民眾 都能 獲得 全聯禮 券 一百 元 物件 包含 所有 尚未 完整 接種 疫苗 的 在 台 人士 指揮中心 發言人 莊人祥 表示 為 刺激 疫苗 打氣 今 起 下午 1 點 開始 所有 在 臺灣 的 人士 不 限 國籍 都可至 北 車 接種 站 施打 莫德納 疫苗 只要 年滿 18 歲 從未 打 第 1 劑 接種 莫德納 第 1 劑 滿 4 周 以及 az 第一 劑 接種 後 滿 8 周 的 民眾 都能 接種 期間 內 接種 者 可獲 全連禮 券 100 元 此 接種 站 由 中央流行疫情指揮中心 設立 三軍 總 醫院 松山 分院 負責 執行 莊人祥 指出 截至 目前 最新 的 接種 數字 我國 第 1 劑 疫苗 涵蓋 率 達 7815 第 2 劑 為 6033 第 3 劑 追加 劑 則 已 有 1706 人 接種</t>
  </si>
  <si>
    <t>菲律賓 昨晚 宣佈 新增 4 例 新冠肺炎 確診 病例 其中 1 人 是 臺灣籍 病 患 且 這 名 病 患 曾 與 回台 後 確診 的 臺灣籍 男子 接觸 讓 菲律賓 跟 臺灣 之間 到底 是 誰 傳給 誰 遲遲 無法 定論 中央流行疫情指揮中心 執行官 周志浩 表示 兩 人 在 菲律賓</t>
  </si>
  <si>
    <t>菲律賓 昨晚 宣佈 新增 4 例 新冠肺炎 確診 病例 其中 1 人 是 臺灣籍 病 患 且 這 名 病 患 曾 與 回台 後 確診 的 臺灣籍 男子 接觸 讓 菲律賓 跟 臺灣 之間 到底 是 誰 傳給 誰 遲遲 無法 定論 中央流行疫情指揮中心 執行官 周志浩 表示 兩 人 在 菲律賓 才 第一 次 見面 且 台籍 確診 者 在 臺灣 的 室友 都 沒有 生病 因此 研 判 兩 人 都 是 在 菲律賓 暴露 同一個 感染 源 指揮中心 表示 國內 確診 第 44 例 30 多 歲 男性 是 於 2 月 28 日 至 3 月 3 日 前往 菲律賓 旅遊 3 月 2 日 在 菲律賓 期間 發病 3 月 5 日 確診 而其 在 菲律賓 的 台籍 友人 是 在 3 月 3 日 發病 3 月 6 日 就醫 采 檢 3 月 8 日 在 當地 確診 第 44 例 雖是 所謂 的 指標 病例 周志浩 表示 在 國內 第 四十四 案例 是 在 3 月 2 日 開始 不 舒服 接下來 就醫 馬上 被 指揮中心 掌握 後來 調查 他 在 菲律賓 有 跟 一個 朋友 相處 這 名 台 籍 友人 是 在 3 月 3 日 發病 兩 個 發病 時間 幾乎 是 一樣 因此 推測 兩 人 可能 是 在 差不多 時間 感染 且 是 透過 共同 朋友 認識 第一 次 見 面 是 在 菲律賓 因此 研 判 是 在 菲律賓 至於 為 何是 在 菲律賓 感染 周志浩 表示 因為 44 案例 的 室友 臺灣 個案 的 其他 室友 應該 最 容易 受到 感染 但是 都 沒有 症狀 也 沒有 感染 因此 排除 是 在 臺灣 感染 而是 覺得 在 菲律賓 暴露 共同 的 感染 源</t>
  </si>
  <si>
    <t>中央流行疫情指揮中心 今 30 日 公佈 國內 新增 8 例 covid-19 確定 病例 分別 為 3 例 本土 及 5 例 境外移入 另 確診 個案 中 無 新 增 死亡 指揮中心 表示 今日 新增 之 3 例 本土 病例 均 非 居家 隔離 期間 陽性者 為 2 例 男性 1 例 女性 年齡 介</t>
  </si>
  <si>
    <t>中央流行疫情指揮中心 今 30 日 公佈 國內 新增 8 例 covid-19 確定 病例 分別 為 3 例 本土 及 5 例 境外移入 另 確診 個案 中 無 新 增 死亡 指揮中心 表示 今日 新增 之 3 例 本土 病例 均 非 居家 隔離 期間 陽性者 為 2 例 男性 1 例 女性 年齡 介於 10 多 歲 至 70 多 歲 1 例 為 今 2021 年 8 月 29 日 發病 餘 2 例 為 無 症狀 感染 個案 分佈 均 在 新北 市 其中 1 例 為 已 知 感染 源 2 例 關聯 不明 將 持續 進行 疫情 調查 以 厘 清 感染 源 指揮中心 指出 近期 確診 個案 解 隔離 情形 5 月 11 日 至 8 月 28 日 累計 公佈 14761 位 確診 個案 中 已 有 13673 人 解除 隔離 解 隔離 人數 達 確診 人數 926 指揮中心 表示 今日 新增 5 例 境外移入 個案 均 為 男性 年齡 介於 未 滿 10 歲 至 60 多 歲 分別 自 印尼 案 16096 案 16101 泰國 案 16097 荷蘭 案 16098 菲律賓 案 16099 入境 入境 日 介於 8 月 27 日 至 8 月 29 日 詳 如 新聞稿 附件 指揮中心 統計 截至 目前 國內 累計 2651089 例 新型 冠狀病毒 肺炎 相關 通報 含 2633030 例 排除 其中 15991 例 確診 分別 為 1413 例 境外移入 14525 例 本土 病例 36 例 敦睦 艦隊 2 例 航空器 感染 1 例 不 明及 14 例 調查 中 另 累計 110 例 移除 為 空號 2020 年 起 累計 834 例 covid-19 死亡 病例 其中 825 例 本土 個案 居住 縣 市 分佈 為 新北 市 410 例 臺北市 315 例 基隆 市 28 例 桃園 市 26 例 彰 化 縣 15 例 新竹 縣 13 例 台中 市 5 例 苗栗縣 3 例 宜蘭 縣 及 花蓮縣 各 2 例 台 東縣 雲 林縣 台 南市 南 投 縣 高雄市 及 屏 東縣 各 1 例 另 9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中央流行疫情指揮中心 將 華航 機組 檢疫 措施 鬆綁 為 3 11 居家 檢疫 3 天 采 檢 陰性 及 自主 健康 管理 11 天 被 外界 認為 是 防疫 破 口 指揮中心 更 針對 萬 華 高風險 族群 注 記 健 保卡 遭 質疑 是 恐怖 國家機器 臺北市議員 鍾 小 平</t>
  </si>
  <si>
    <t>中央流行疫情指揮中心 將 華航 機組 檢疫 措施 鬆綁 為 3 11 居家 檢疫 3 天 采 檢 陰性 及 自主 健康 管理 11 天 被 外界 認為 是 防疫 破 口 指揮中心 更 針對 萬 華 高風險 族群 注 記 健 保卡 遭 質疑 是 恐怖 國家機器 臺北市議員 鍾 小 平 不滿 指揮中心 不 認錯 又 歧視 萬 華人 28 日 上午 赴 臺北 地 檢 署 控告 指揮官 陳時中 廢弛 職務 釀成 災害 罪 鍾 小 平 表示 中華民國 人民 不分 男女 宗教 種族 階級 黨派 一律平等 指揮中心 注 記 健 保卡 的 做法 明顯 違反 憲法 平等權 憑 什麼 歧視 萬 華? 萬 華 不會 自己 生出 病毒 病毒 是 來自 英國 變種 諾 富特 邊境 管理 沒 做 好 指揮中心 在 華航 機師 部分 放水 縮短 隔離 期間 造成 鍾 小 平 強調 病毒 來源 是 國門 指揮中心 管理 不善 放水 讓 諾 富特 機組人員 包商 員工 到 萬華阿 公 店 消費 才 把 病毒 帶 到 萬華 萬華再 傳染給 全台 灣 所以 要 告 陳時中 鍾 小 平 說 指揮中心 解釋 注 記 是 幫助 醫療 院所 及 醫師 做 診療 判斷 這 都 是 狡辯 之 詞 注 記 幾 百 人 就 算了 卻 總共 注 記 15萬 這 比例 太 大 了 而且 現在 疫情 蔓延到 全台 灣 憑 甚麼 只 注 記 萬 華? 明顯 的 歧視 跟 霸 淩 完全 戕害 人權 陳時中 和 副 指揮官 陳宗彥 迄今 仍 不 認 錯 鍾 小 平 控告 陳時 中的 罪名 是 刑法 貪瀆 罪 章 第 130 條 公務員 廢弛 職務 釀成 災害 者 處 3 年 以上 10 年 以下 有期 刑</t>
  </si>
  <si>
    <t>新冠肺炎 疫情 持續 升溫 包括 無 症狀 感染者 找 不 到 感染 源 的 患者 以及 院內 群 聚 事件 都 陸續 發生 但 中央流行疫情指揮中心 近期 才 宣佈 要 在 各 地方 社區 成立 篩檢 站 擴大 檢疫 量 能 遭 醫 界 專家 質疑 超前 部署 政策 淪為 口號 防疫 動</t>
  </si>
  <si>
    <t>新冠肺炎 疫情 持續 升溫 包括 無 症狀 感染者 找 不 到 感染 源 的 患者 以及 院內 群 聚 事件 都 陸續 發生 但 中央流行疫情指揮中心 近期 才 宣佈 要 在 各 地方 社區 成立 篩檢 站 擴大 檢疫 量 能 遭 醫 界 專家 質疑 超前 部署 政策 淪為 口號 防疫 動作 根本 是 慢 半 拍 恐 有 防疫 黑 數 曾 在 sars 期間 擔任 防疫 要職 的 不 具名 官員 指出 指揮中心 雖 強調 目前 國內 單日 的 檢驗 量 能 達 2450 件 但 事實上 有 很多 個案 都 要 等待 48 小時 才 拿到 報告 在 等待 結果 期間 民眾 若 不 知 已 感染 又 趴 趴 走 就 會 形成 巨大 防疫 破 口 目前 僅 42 例 確診 個案 不是 國人 特別 幸運 就是 背後 藏有 巨大 黑 數 該 官員 指出 新加坡 之所以 能 快速 將 疫情 壓下 就 是 擴大 檢驗 量 能 的 超前 部署 策略 成功 早 在 疫情 剛 發生 時 新加坡 就 已 完成 公共 衛生 場所 作為 篩檢 站 的 指定 安排 且 地毯 式 的 追溯 所有 肺炎 案例 確診 個案 才 會 如 雨後春筍 般 出現 韓國 目前 快 篩 作法 也 是 類似 模式 但 指揮中心 還 在 討論 如何 設置 社區 篩檢 站 也 難怪 遭 質疑 是 檢疫 容量 不足 據 瞭解 春節 期間 各家 醫院 與 多 個 地方 政府 早就 研 擬 出 一 套 超前 部署 的 措施 包含 醫院 內 病 患 動 線 分流 安排 特別 門診 設置 甚至 是 隔離 場所 等分 艙 分流 規 畫 對比 中央 近日 才 提出 相關 政策 也 被 業 界 指為 慢 半 拍 前 衛生 署長 葉 金川 也 贊成 擴大 民間 檢疫 量 能 他 指出 國內 應有 能 進行 新冠 病毒 檢驗 的 民間 機構 若 政府 的 量 能 有限 不妨 給予 民間 檢驗 機構 認證 並 訂 出 收費 標準 讓 有 疑慮 的 民眾 或有 需求 的 企業 自行安排 篩檢 不僅 能 紓 解 中央 的 壓力 也 能 達到 擴大 篩檢 的 目的</t>
  </si>
  <si>
    <t>新冠肺炎 疫情 延 燒 民眾 不只 紛紛 配戴 口罩 政府 也 呼籲 要 保持 室外 1 公尺 室內 15 公尺 的 社交距離 甚至 連 遠在 高 山上 的 嘉 明湖 山 屋 及 向陽 山 屋 避難 山 屋 住宿 人數 降 半 同時 在 登山 口 測量體溫 發燒 山 友 禁止入 山 林務局 台 東 林區 管理處 因應 疫情 最新 公告 自即日起 調 降 住宿 人數 並 配合 相關 防疫 管理 作業 額 溫 高於 375 或 耳 溫 高於 38 者 禁止入 山 以 減少 發生 群 聚 感染 事件 台 東林 管處 表示 為了 配合 中央流行疫情指揮中心 4 月 1 日 發佈 的 社交距離 注意事項 自 4 月 7 日 起 嘉 明湖 山 屋 及 向陽 山 屋 原 每日 可 住宿 人數 為 70 人 將 各 調 降 住宿 人數 為 35 人 4 月 7 但 已 申請 核准 者 不受 影響 如 主動 提出 退費 可 退還 其 住宿 費用 另外 台東林 管處 表示 在 嘉 明湖 國家 步道 登山 服務站 入口處 向陽 遊樂區 大門 對 住宿 山 屋 人員 實施 體溫 量 測額 溫 高於 375 或 耳 溫 高於 38 者 禁止 登山 活動 及 並 要求 下山 無法 下山 者 將 強制 要求 配戴 口罩 並 請 與 其他 山友 保持 社交距離 避免 群 聚 感染</t>
  </si>
  <si>
    <t>北京 新冠肺炎 疫情 再起 外傳 感染 源 可能 來自 國外 進口 的 生 鮭魚 對此 中央流行疫情指揮中心 專家 小組 召集人 張上淳 表示 魚 本身 不太會 感染 新冠 病毒 但 確實 有 可能 在 輸出 過程 中 表面 和 包裝 被 污染 不過 要 藉 由 這樣 傳染給</t>
  </si>
  <si>
    <t>北京 新冠肺炎 疫情 再起 外傳 感染 源 可能 來自 國外 進口 的 生 鮭魚 對此 中央流行疫情指揮中心 專家 小組 召集人 張上淳 表示 魚 本身 不太會 感染 新冠 病毒 但 確實 有 可能 在 輸出 過程 中 表面 和 包裝 被 污染 不過 要 藉 由 這樣 傳染給 人 總體 的 機會 是 小 的 針對 北京 近日 爆發 第二 波 新冠肺炎 張上淳 表示 目前 所 獲 的 資訊 不 多 除 疾 管署 接 獲 的 資訊 之外 大多 是 由 媒體 才知 相關 消息 目前 已 知 當地 有 針對 新發 地 市場 進行 環境 采 檢 發現 除了 接觸 魚 的 相關 物品 外 環境 中 還有 許多 地方 也 發現 新冠 病毒 張上淳 表示 鮭魚 砧板 上 驗 出新冠 病毒 有 兩 個 可能性 一 是 那個 環境 下 已經 有 很多 人 帶病毒 才 可能 散播 到 砧板 上 另 一 可能 就 是 魚 本身 就 帶病毒 張上淳 說 基本上 魚 不太會 感染 新冠 病毒 因為 魚 沒有 像 人 這樣 的 肺部 組織 因此 不太可能 是 魚 本身 所 造成 的 但 至於 魚 的 表面 是否 在 輸出 過程 中 被 污染 或是 魚 的 包裝 有 污染 這 確實 有 可能 張上淳 指出 冷凍 確實 是 能 讓 病毒 存活 時間 更 長 但 某些 魚 因為 污染 而 被 帶進 輸入國 污染 到 相關 器皿 和 食品 本身 通常 要 有 相當程度 的 污染 才 會 造成 人體 受到 感染 整體 來說 機會 比較 小 但 仍 不 排除 這個 可能性 目前 仍 需 更 多 科學 證據 佐證 張上淳 說 至於 病毒株 的 種類 人來人往 每個 國家 多少 都有 帶 到 其他 國 病毒株 因此 無法 靠 這樣 來說 是 經由 哪個 途徑 帶入 病毒 的</t>
  </si>
  <si>
    <t>中央流行疫情指揮中心 表示 民間 機構 共同 捐贈 的 第 六 批 bnt 已於 今 上午 順利 抵 台 共 8892萬 劑 完成 通關 程式 後 直接 運送 至 指定 冷儲 物流 中心 進行 後續 檢驗 封 緘 作業 指揮官 陳時中 說 莫德納 預計 明天 會 來 最 快 預計 可 在 10</t>
  </si>
  <si>
    <t>中央流行疫情指揮中心 表示 民間 機構 共同 捐贈 的 第 六 批 bnt 已於 今 上午 順利 抵 台 共 8892萬 劑 完成 通關 程式 後 直接 運送 至 指定 冷儲 物流 中心 進行 後續 檢驗 封 緘 作業 指揮官 陳時中 說 莫德納 預計 明天 會 來 最 快 預計 可 在 10 月 22 日 開 打 數量 的 部分 預估 有 百萬 劑 指揮中心 說明 由 台積電 永齡 基金會 慈濟 基金會 共同 捐贈 的 bnt 疫苗 1500萬 劑 目前 共計 到貨 42092萬 劑 分別 為 首 批 9 月 2 日 93萬 劑 第二 批 9 月 9 日 91萬 劑 第 三 批 9 月 30 日 54萬 劑 第 四 批 10 月 1 日 67萬 劑 第 五 批 10 月 4 日 27萬 劑 以及 本 批 8892萬 劑 本 批 疫苗 效期 至 2022 年 2 月 20 日 將 由 指揮中心 統籌 運用 盡 速 提供 民眾 接種 陳時中 補充 說 民間 購買 的 bnt 疫苗 將 陸續 到貨 但 不 會 有 所謂 的 疫苗 過量 的 問題 畢竟 打完 第一 劑之後 接下來 也 要 安排 接種 第二 劑 了 另 根據 指揮中心 統計 我國 尚有 210萬 名 莫德納 孤兒 打 不 到 第二 劑 疫苗 而今 天 上午 行政院 透露 我國 疫苗 到貨 量 將 突破 2300萬 劑 是否 意味著 明天 將 到 貨 的 莫德納 疫苗 應 接近 百萬 劑 對此 陳時中 保守 地 說 數量 應該 接近 百萬 劑 但 確切 數字 還 是 要 已 入庫 數量 為 准 陳時中 也 透露 下 波 莫德納 抵 台後 將 會 優先 讓 7 月 16 日前 打過 第一 劑 的 70 歲 以下 民眾 接種 目前 估算 符合 資格 的 對象 約 有 130萬 人 等待 疫苗 入庫 後 力拼 10 天內 完成 封 緘 儘快 開放 讓 民眾 接種 第二 劑 最 快 預計 在 10 月 22 日 開 打 此外 仍 有 許多 打 不 到 第二 劑 莫德納 的 族群 呼籲 政府 盡 速 開放 混打 bnt 但 陳時中 今天 表示 開放 混打 的 時間 搞不好 比 第二 劑 莫德納 到貨 來 的 慢 建議 大家 還是 等待 莫德納 疫苗 隨 著 世界 各國 的 疫苗 覆蓋率 逐步 提升 美國 已 宣示 鼓勵 民間 進行 快 篩 盼 能 強化 境內 疫情 監測 陳時中 也 說 我國 也 積極 鼓勵 快 篩 政策 面向 包含 企業 快 篩 擴大 店鋪 販 售 快 篩 試劑 要求 特定 機構 進行 週期性 快 篩 盼 能 透過 快 篩 補強 pcr 檢驗 的 不足 持續 跟 上 世界 的 防疫 腳步</t>
  </si>
  <si>
    <t>針對 苗栗縣 內 京元 電子 股份有限公司 爆發 移 工 群 聚 感染 指揮中心 今日 上午 召開 本 起 事件 之 疫情 因應 措施 包含 協助 苗栗縣 衛生局 疫 調 通譯 及 協助 疫 調 表 翻譯 移 工 母語 勞動部 立即 督 管京元 電子 及 其 仲 介 管制 宿舍 移 工 不得 任意 外出 暫停 休假 外出 及 分流 移 工 宿舍 人數 等 措施 全力 防堵 本次 疫情 擴散 依 中央流行疫情指揮中心 召開 苗栗縣 疫情 及 因應 作為 討論會 議 會議 決議 勞動部 應 處 包括 協助 苗栗 縣政府 衛生局 疫 調 通譯 並 協助 疫 調 表 翻譯 移 工 母語 督 管 雇主 京元 及 仲介盛 華 自即日起 暫時 管制 宿舍 移 工 不得 任意 外出 並 管制 暫停 休假 移 工 生活 需求 協調 雇主 及 仲介 處理 勞動部 也 會 配合 指揮中心 積極 協助 雇主 及 仲介 疏導 同一 宿舍 分流 1 2 到 1 3 移 工 人數 減少 群 聚 效應 清查 近期 京元 電子 轉 出 移 工 到 其他 雇主 清冊 並 加強 後續 追蹤 篩檢 配合 指揮中心 派員 立即 前往 苗栗縣 京元 電子 協調 移 工 宿舍 減量 及 禁 管 措施 勞動部 配合 今日 指揮中心 因應 措施 決議 全力 處理 已 先行 配合 指揮中心 派員 並 赴 苗栗縣 協調 移 工 宿舍 減量 及 禁 管 措施 勞動部 也 已 動員 現有 1955 專線 移 工 機場 接 機關 懷及直 聘 中心 人員 全力 協助 疫 調 通譯 勞動部 將 於 今日 完成 翻譯 疫 調 表 提供 衛生 單位 使用 並 完成 清查 雇主 近期 轉換 移 工 情形 以利 後續 追蹤</t>
  </si>
  <si>
    <t>新冠 疫情 嚴峻 國內 不少 民間團體 企業 紛紛表示 願意 協助 政府 購買 疫苗 今日 中央流行疫情指揮中心 記者會 中 有 媒體 問及 目前 鴻 海 與 台積電 自 購 疫苗 的 進度 如何 中央流行疫情指揮中心 指揮官 陳時中 表示 慈濟 基金會</t>
  </si>
  <si>
    <t>新冠 疫情 嚴峻 國內 不少 民間團體 企業 紛紛表示 願意 協助 政府 購買 疫苗 今日 中央流行疫情指揮中心 記者會 中 有 媒體 問及 目前 鴻 海 與 台積電 自 購 疫苗 的 進度 如何 中央流行疫情指揮中心 指揮官 陳時中 表示 慈濟 基金會 早上 的確 有 來 送 件 目前 在 就 相關 法律 檔 修改 雙方 都 給 同樣 檔 也 有 一起 開會討論 另外 也 有 媒體 詢問 慈 濟 購買 疫苗 是否 會 比照 台 積 電 鴻 海 獲得 總統府 授權代表 政府採購 陳時中 說 針對 慈濟 的 部分 會 正式 回文 但要 看看 到底 是 經過 什麼 管道 到底 沒有 現貨 等 都 需要 再 檢 視 和 討論 但 我們 會 正式 回應</t>
  </si>
  <si>
    <t>國內 新冠 疫情 擴大 中央流行疫情指揮中心 12 日 指出 臺灣 暴 增 16 例 本土 個案 創下 疫情 以來 單日 本土 案例 最 多 紀錄 其中 五 股 獅子 會前 會長 1 傳 10 現任 會長 日日 向 確診 者 傳 訊息 問好 12 日 時 現任 會長 曾向 成員 表示 要 去 當</t>
  </si>
  <si>
    <t>中央流行疫情指揮中心 今 23 日 公佈 國內 新增 1 例 境外移入 covid-19 新冠肺炎 確定 病例 為 本 國籍 50 多 歲 男性 案 619 自 迦納 返國 指揮中心 表示 案 619 今 2020 年 2 月 至 迦納 經商 10 月 下旬 曾 接觸 確診 個案 因 有 返台 探親 需</t>
  </si>
  <si>
    <t>中央流行疫情指揮中心 今 23 日 公佈 國內 新增 1 例 境外移入 covid-19 新冠肺炎 確定 病例 為 本 國籍 50 多 歲 男性 案 619 自 迦納 返國 指揮中心 表示 案 619 今 2020 年 2 月 至 迦納 經商 10 月 下旬 曾 接觸 確診 個案 因 有 返台 探親 需求 11 月 4 日 於 當地 進行 采 檢 11 月 5 日 檢 出 陽性 確診 個案 原於 自 宅 隔離 但 後續 出現 呼吸 短促 胸 悶 發燒 等 情形 11 月 11 日 送至 當地 醫院 治療 因 病情 加重 期間 完成 國際 緊急 醫療 專機 轉送 國人 返國 就醫 申請 作業 11 月 20 日 個案 搭乘 國際 緊急 醫療 專機 抵 台 入境 後 即 後 送 就醫 經采檢 通報 於 今日 確診 目前 住院 隔離 治療 中 由於 個案 搭 機 至 返國 後 送 就醫 期間 之 接觸 對象 均 為 醫護人員 且 均 有 適當 防護 裝備 因此 無須 匡 列為 接觸 者 莊 人 祥 表示 特別 准許 這 一 例 回來 是因為 該 個案 病況 嚴重 呼吸道 插管 當地 醫療 上面 比較 不 佳 才會 申請 回國 另外 專機 費用 是 自費 費用 不 清楚 回國 以後 的 治療 費用 則 依 傳染病 法 用 公費 支出 據 瞭解 海外 搭 醫療 專機 返國 所費不貲 由於 需要 自費 至少 上 百萬 元 起跳 莊人祥 表示 不知 這 位 台商 會 是 自費 還 是 當初 保險 時 有加 保 醫療 專機 就 可以 由 保險 公司 負擔 所有 費用 莊 人 祥 表示 該 專機 都有 專業 醫療 人員 也 都 有 完備 防護 由 於都 是 外籍 人員 到 臺灣 之後 均 采 過境 不 入境 的 方式 指揮中心 統計 截至 目前 國內 累計 107538 例 新型 冠狀病毒 肺炎 相關 通報 含 106076 例 排除 其中 618 例 確診 分別 為 526 例 境外移入 55 例 本土 病例 36 例 敦睦 艦隊 及 1 例 不明 另 1 例 案 530 移除 為 空號 確診 個案 中 7 人 死亡 549 人 解除 隔離 62 人 住院 隔離 中</t>
  </si>
  <si>
    <t>國內 新冠肺炎 又 增 一 死 這 名 40 多 歲 男性 與 年齡 相仿 的 妻子 一同 去 美國 探親 返台 隔 天 同時 發病 妻子 4 月 11 日 出院 但 先生 卻 在 一個 月 後 死亡 夫妻 天人 永 隔 中央流行疫情指揮中心 表示 這 名 死亡 個案 三月 下旬 出現 症狀 後 很</t>
  </si>
  <si>
    <t>國內 新冠肺炎 又 增 一 死 這 名 40 多 歲 男性 與 年齡 相仿 的 妻子 一同 去 美國 探親 返台 隔 天 同時 發病 妻子 4 月 11 日 出院 但 先生 卻 在 一個 月 後 死亡 夫妻 天人 永 隔 中央流行疫情指揮中心 表示 這 名 死亡 個案 三月 下旬 出現 症狀 後 很快 就 確診 沒過幾天 就 出現 呼吸衰竭 因此 送 進 加 護 病房 使用 葉克 膜 治療 使用 時間 長 達 一個 月 最後 因 敗 血性 休克 死亡 專家 諮 詢 小組 召集人 張上淳 表示 這 名 死亡 個案 並非 老年人 也 沒有 慢性病 但 病況 轉 差 的 速度 很快 基本上 是 因 新冠肺炎 的 疾病 特性 包括 細胞 激素 風暴 使 他 就算 用 呼吸器 都 效果 不 彰 所以 才 採用 葉克 膜 最好 的 狀況 是 希望 能夠 透過 良好 的 醫療 照顧 來 恢復 但 因為 這 個案 很 不幸 有 產生 其他 併發症 他 接 著 說 國內 共有 兩 例 個案 使用 葉克 膜 治療 但 另 一 例 順利 脫離 葉克 膜 但 這 例 個案 在 使用 葉克 膜 時 就 有 長 時間 的 併發症 即便 急救 過程 危險 團隊 也 很 用心 也 很 辛苦 都 是 在 穿 很多 層 的 防護衣 狀況 下去 執行 照 護</t>
  </si>
  <si>
    <t>新冠 第 四 波 疫情 在 全球 陸續 發 威 有 歐洲 專家 開始 提倡 覆蓋率 要 達 九 成五 才能 遏止 疫情 中央流行疫情指揮中心 今天 表示 臺灣 疫苗 覆蓋率 要 達 九 成五 幾乎 不可能 因 此 將來 不 一定 會 追求 疫苗 覆蓋率 逼近 九 成 五 可 透過 強化 的 非</t>
  </si>
  <si>
    <t>新冠 第 四 波 疫情 在 全球 陸續 發 威 有 歐洲 專家 開始 提倡 覆蓋率 要 達 九 成五 才能 遏止 疫情 中央流行疫情指揮中心 今天 表示 臺灣 疫苗 覆蓋率 要 達 九 成五 幾乎 不可能 因 此 將來 不 一定 會 追求 疫苗 覆蓋率 逼近 九 成 五 可 透過 強化 的 非 藥物 介入 措施 如 口罩 社交距離 來 降低 感染 風險 另外 彰 化 一 名 國 中生 打 bnt 出現 右腿 麻無 知覺 疫情 指揮中心 發言人 莊人祥 說 該 生 因 症狀 未 改善 到 醫院 急診 住院 彰 化 一 名 國 中生 打完 bnt 出現 右腿 發麻 無 知覺 副作用 莊人祥 說 該 名 學生 是 在 10 月 1 日 打 bnt 當天 就 出現 頭痛 左 下肢 虛弱 麻木 5 天 後 至 診所 就醫 症狀 未 改善 後 又 到 醫院 急診 住院 10 月 13 日 已 通報 不良 事件 目前 衛生局 有 連 系 家長 將 協助 進行 vicp 申請 莊 人 祥 今天 表示 國內 十二 歲 以下 人口 約 占一成 因此 疫苗 覆蓋率 達 九 成 五 這個 目標 現階段 確實 難以 達成 將來 可 透過 npi 措施 如 戴 口罩 勤洗手 社交距離 人流 管制 等 控制 疫情 莊 人 祥 說 指揮中心 將 會 持續 關注 delta 病毒 在 國際 間 的 流行 情形 評估 是否 有 必要 達到 九 成 五 的 疫苗 覆蓋率 若 國外 疫情 有 變化 將來 也 可能 影響 各國 的 開放 措施 有關 臺北市政府 昨天 傳出 打 錯 疫苗 事件 莊人祥 也 說明 目前 北 市府 已 暫停 該 診所 的 接種 業務 直到 該 診所 完成 改善 為止 目前 也 已 派員 關心 這 23 名 遭 誤 接種 的 民眾 進行 持續性 追蹤</t>
  </si>
  <si>
    <t>針對 美國 默克 廠旗 下 covid-19 抗 病毒 藥物 molnupiravir 取得 良好 療效 中央流行疫情指揮中心 發言人 莊人祥 說 目前 還 正在 與 廠商 簽約 中 尚未 完全 確定 未來 希望 主要 給 輕 症 病 患 吃 且 在家 隔離 時 就 可以 直接 服用 莊人祥</t>
  </si>
  <si>
    <t>針對 美國 默克 廠旗 下 covid-19 抗 病毒 藥物 molnupiravir 取得 良好 療效 中央流行疫情指揮中心 發言人 莊人祥 說 目前 還 正在 與 廠商 簽約 中 尚未 完全 確定 未來 希望 主要 給 輕 症 病 患 吃 且 在家 隔離 時 就 可以 直接 服用 莊 人 祥 表示 口服藥 不 像 其他 單株 抗體 需要 在 醫院 或 集中 檢疫所 施打 未來 若 能 採購 默克 藥物 會 給 哪些 患者 吃 主要 給 輕 症 患者 吃 不 像 其他 單株 抗體 要 在 醫院 或是 集中 檢疫所 施打 所以 口服 的 好處 是 輕 症 病人 就 可以 服用 甚至 未來 輕 症 病人 是否 直接 在家 隔離 直接 服用 藥物 都 是 後續 有 藥物 進來 後 再 評估 至於 輝瑞 口服藥物 臨床 上 進度 莊人祥 說 輝瑞 現在 剛 要 進入 第 三期 會 再 請 他們 來 報告 第二 期 結果 與 第 三期 研究進展 現在 還 沒到 可以 採購 的 階段</t>
  </si>
  <si>
    <t>北市 聯 醫 陽明 院區 爆出 醫護人員 確診 中央流行疫情指揮中心 今 公佈 該院 急診室 有 8 人群 聚 為 插管 過程 中 被 病 患 嘔吐 物 噴濺 感染 目前 該院 已經 暫停 急診 服務 一 周 僅 對 采 檢 確診 者 進行 緊急 處理 中央流行疫情指揮中心 醫療</t>
  </si>
  <si>
    <t>北市 聯 醫 陽明 院區 爆出 醫護人員 確診 中央流行疫情指揮中心 今 公佈 該院 急診室 有 8 人群 聚 為 插管 過程 中 被 病 患 嘔吐 物 噴濺 感染 目前 該院 已經 暫停 急診 服務 一 周 僅 對 采 檢 確診 者 進行 緊急 處理 中央流行疫情指揮中心 醫療 應變 組 副 組長 羅一鈞 表示 針對 媒體 報導 指出 北市 聯 醫 陽明 院區 有 醫護人員 確診 確實 2 日 的 時候 急診 有 收治 確診 個案 插管 過程 中 被 嘔吐 物 噴濺 8 日 檢驗 發現 8 名 醫護 工作人員 pcr 陽性 羅 一 鈞 表示 這 是 一起 急診 群 聚 事件 目前 已經 匡列 接觸 者 並 對 環境 座 清 消 暫停 急診 服務 一 周 僅 對 采 檢 確診 者 進行 緊急 處理 另外 沒有 要求 陽明 院區 的 醫師 發燒 還要 上班 依照 目前 的 規定 沒有 發燒 或 意思 症狀 應該 可以 請假 休息</t>
  </si>
  <si>
    <t>中央流行疫情指揮中心 今 發送 剩下 26萬 劑 疫苗 除 雙 北外 其他 縣 市 僅 發配 第一 類 醫 事 人員 的 劑 數 而 基隆 僅 獲 1700 劑 對此 市長 林右昌 表示 北 北 基 桃 是 首都 生活 圈 目前 基隆 的 疫苗 量 明顯 不足 呼籲 應 比照 雙 北 中央 流行</t>
  </si>
  <si>
    <t>中央流行疫情指揮中心 今 發送 剩下 26萬 劑 疫苗 除 雙 北外 其他 縣 市 僅 發配 第一 類 醫 事 人員 的 劑 數 而 基隆 僅 獲 1700 劑 對此 市長 林右昌 表示 北 北 基 桃 是 首都 生活 圈 目前 基隆 的 疫苗 量 明顯 不足 呼籲 應 比照 雙 北 中央流行疫情指揮中心 今 公佈 各縣市 配發 的 劑 數 根據 第一 類 到 第 三類 的 人員 比例 進行 計算 主要 雙北 獲 多數 疫苗 林右昌 指出 雙北 發配 第一 至 三類 人員 都 可以 施打 而 其他 縣 市 包括 基隆 僅 能 施 打到 第一 類 林右昌 進一步 說明 全市 一類 醫 事 人員 總計 約 6800 人 目前 還有 1700 人 尚未 接種 也 是 指揮中心 發配 的 劑量 1700 劑 但 對 基隆 來說 根本 不 足夠 他 認為 北 北 基 桃 是 首都 生活 圈 基隆 很多 確診 者 是 在 雙北 移動 染疫 應該 以 區域 聯防 的 概念 看待 不能 被 排除 在外 林右昌 強調 劑量 應該 比照 雙 北 針對 第一 類 醫療 人員 第二 類地方 政府 防疫 人員 第 三類 維持 社會 運作 之 必要 人員 要 全數 施打 疫苗 並 向 中央 喊話 未來 在 進行 疫苗 資源 分配 或是 相關 防疫 措施 時 應該 把 北 北 基 桃 視為 一個 首都 圈 進行 規 畫</t>
  </si>
  <si>
    <t>新冠肺炎 疫情 嚴峻 我國 口罩 日產量 不斷 提升 臺灣政府 目前 已 放寬 到 每 14 天 成人 可 買 9 片 口罩 兒童 可 買 10 片 不過 中央流行疫情指揮中心 指揮官 陳時中 5 日 召開 記者會 時 親自 示範 以 電鍋 幹 蒸 口罩 說 這 是 能 殺菌 又 保有 過濾</t>
  </si>
  <si>
    <t>新冠肺炎 疫情 嚴峻 我國 口罩 日產量 不斷 提升 臺灣政府 目前 已 放寬 到 每 14 天 成人 可 買 9 片 口罩 兒童 可 買 10 片 不過 中央流行疫情指揮中心 指揮官 陳時中 5 日 召開 記者會 時 親自 示範 以 電鍋 幹 蒸 口罩 說 這 是 能 殺菌 又 保有 過濾 效能 的 延長 口罩 使用壽命 的 法寶 有 網友 看 了 發文 問 電鍋 蒸 口罩 也 可以 幫助 歐美 為什麼 不 教 外國人 蒸 口罩 呢 問題 一 出來 後 立刻 掀起 熱 議 許多 人 的 回答 甚至 一面倒 的 相似 政府 官員 包括 政務委員 唐 鳳 和 疫情 指揮官 陳時中 接連 大 動作 宣 導電 鍋 幹 蒸 口罩 消毒 的 妙招 仍 無法 降低 民眾 焦慮 是不是 口罩 不夠 用 了 對此 陳時中 澄清 先前 是因為 食 藥 署 認為 沒有 實證 但 之後 經過 驗證 且 確定 用 電鍋 蒸 有效 之後 才進行 宣導 再來 還有 另 一 主因 為 近期 大量 獲 報 路上 隨處可見 被 棄置 的 口罩 許多 口罩 看起來 都未 出現 破損 陳時中 說 很多 口罩沒有 盡 到 利用 價值 就 被 換 了 一 片 新 的 相當 可惜 政府 宣 導電 鍋 幹 蒸 口罩 消毒 的 妙招 有 網友 看 了 在 批 踢踢 發文 表示 看法 他 舉出 食 藥 署 說 口罩 幹 蒸 最 多能 用 5 次 因此 他 認為 若 是 這樣 的 方法 教給 外國人 例如 假設 讓 三億 的 美國 人 都戴 口罩 同樣 五 天 用 這 招 可以 省 下 12億 個 口罩 電鍋 蒸 口罩 也 可以 幫助 歐美 原 po 說 如果 教給 外國人 電鍋 蒸 口罩 的 方法 他 認為 如此一來 比 捐 1000萬 片 還 多 授 人 以 魚 不如 授人以漁 因此 吐 槽 虧 說 不要 暗藏 這種 好 招 好 嗎 他 並且 好奇 詢問 廣大 網友 為什麼 不 教 外國人 蒸 口罩 呢 po 文 一 出 後 立刻 掀起 網友 熱 議 許多 人 認為 國外 那種 疫情 蒸 口罩 應該 沒用 吧 人家 是 建議 低 風險 才 蒸 歐美 疫情 這樣 怎麼 蒸 啦 蒸 口罩 是 用 在 低污染 的 口罩 老外 有 電鍋 嗎 捐 口罩 才 是 最佳解 大同 電鍋 起飛 我們 該 開始 研究 烤箱 消毒 的 效果 如何 了 不過 也 有人 表示 臺灣 已經 很 幸福 乖乖 清蒸 口罩 吧 有 啊 唐鳳 有 拍 唐 鳳有 做 成英文 字幕 日文 版 給 外國人 看 喔 早就 在 預告 要 搞 外交</t>
  </si>
  <si>
    <t>新冠肺炎 疫情 愈趨 緊張 中央流行疫情指揮中心 3 月 31 日 公佈 群 聚 活動 社交距離 規範 要求 室內 相距 15 公尺 或 全程 戴 口罩 全台 百貨 龍頭 新光 三越 台中 店 購物 節 活動 4 月 1 日 登場 業者 在 嚴峻 疫情 中 拼 經濟 也 透過 同步 線 上 go 精</t>
  </si>
  <si>
    <t>新冠肺炎 疫情 愈趨 緊張 中央流行疫情指揮中心 3 月 31 日 公佈 群 聚 活動 社交距離 規範 要求 室內 相距 15 公尺 或 全程 戴 口罩 全台 百貨 龍頭 新光 三越 台中 店 購物 節 活動 4 月 1 日 登場 業者 在 嚴峻 疫情 中 拼 經濟 也 透過 同步 線 上 go 精品 到 府 行動 刷 卡 等 將 顧客 分流 連店 內 排隊 商品 都 貼 好 間距 15 公尺 地 貼 業者 更 希望 消費者 依循 中央 規範 戴 口罩 來 血 拼 各界 都 憂心 清明連 假造 成 防疫 破 口 中 臺灣 各 百貨 業者 也 在 此時 展開 母親節 檔 前哨戰 百貨 購物 節 往昔 人潮 即 錢潮 的 概念 也 因為 新冠 疫情 被迫 改寫 各 家業 者 在 做好 員工 自主 健康 管理 加強 環境 消毒 以及 對 入店 消費者 量 體溫 等 防疫 工作 外 今年 各家 都 線 上線 下 結合 並 在 館 外設 得來 速 取 貨 點 新光 三越 台中 店 更 猛 app 升級 線 上 購物 宅 配到 府 還 配給 精品 業者 行動 刷 卡 機 由櫃 姐 主動 送貨到 府 在 中央 疫情 指揮中心 公告 室內 室外 社交距離 指引 後 該店 也 在 贈品 處 排隊 商品 處 貼 好 間距 15 公尺 的 地 貼 讓 消費者 排隊 時 有所 依據 也 透過 各 櫃 動員 通知 主 顧客 配合 戴 口罩 入 館 堪稱 全台 百貨 買氣 指標 的 新光 三越 初夏 購物 節 4 月 1 日 登場 今年 促銷 內容 包括 化妝品 天天 滿 3000 送 300 全館 滿 5000 送 500 名品 大 家電 區 法雅 客 i store 單筆 滿 萬 送 500 更 首度 大規模 串連 線 上線 下 同步 展開 購物 回 饋 還 增加 線 上 搶購 宅 配到 府 服務 更 號召 17 大 化妝品 5 大 運動 潮流 和 2 大 流行 服飾 共 25 大 品牌 加入 超級 品牌 日 活動 天天 1 至 2 場 線 上 直播 加碼 送 活動 另 全館 精品 品牌 也 提供 到 府 鑒賞 移動 式 刷 卡 結 帳</t>
  </si>
  <si>
    <t>鴻海集團 與 永齡 基金會 創辦 人 郭台銘 出手 購買 500萬 劑 bnt 疫苗 1 日 向 衛福部 遞 件 完成 桃園 市長 鄭文燦 不 諱言 各國 都 把 疫苗 當作 非常 重要 的 戰略物資 疫苗 大廠 又 非常 有限 贊 郭 我 非常 的 佩服 相信 中央會 仔細 看 檔 是否 備齊 也 希望 中央 購買 疫苗 計 畫 不要 那麼 吃緊 鄭文燦 不 諱言 疫苗 跟 一般 想像 的 貿易 採購 不 一樣 疫苗 並 非 一般 藥廠 既 有 的 藥品 目前 供應 非常 吃緊 因為 原 物料 也 缺貨 各個 國家 都 把 疫苗 當 成是 非常 重要 的 戰略物資 疫苗 大廠 又 非常 有限 對於 郭台銘 的 努力 我 非常 的 佩服 鄭文燦 說 郭台銘 已經 送 件 相信 中央 的 疫情 指揮中心 以及 衛生 福利 部 會 仔細 看 檔 是否 齊備 採購 的 管道 是否 能 確定 有 足夠 疫苗 供應 期 許可 以 透過 中央 民間 一起 努力 來 完成 中央 應該 會 瞭解 整個 疫苗 採購 的 情況 積極 地 來 協助 鄭文燦 提到 目前 的 疫苗 都 是 緊急 使用國際 上 的 疫苗 大廠 大部分 都 是 在 大國 手上 政府 在 疫苗 採購 部署 上 是 採取 多 元 方式 來 爭取 足夠 的 合格 疫苗 強調 疫苗 安全性 有效性 一定 要 得到 驗證 才會 採購 鄭文燦 說 民間 能夠 幫忙 爭取 疫苗 是 出自於 想要 協助 防疫 的 善意 但 仍然 需要 很 努力 直言 有些 國家 在 疫苗 政策 上 只 跟 政府 交易 或 只 跟 政府 協商 有些 國家 也許 有 不同 的 疫苗 策略 行政院 和 中央流行疫情指揮中心 都 已經 說明 政府 願意 站 在 協助 的 立場 積極 地 協助 民間 管道 爭取 疫苗 這 也 能 保障 臺灣 疫苗 供應量 的 增加 鄭文燦 說 政府 的 購買 計畫 目前 正 在 提早 交貨 希望 疫苗 供應 6 月 7 月 不 要 那麼 吃緊 能夠 數量 多 一點 進來 速度 快 一點 相信 是 大家 共同 的 期盼 政府 好好 努力 民間 願意 幫忙 的 更 要 協助 爭取 到 更 好 更 多 的 疫苗</t>
  </si>
  <si>
    <t>指揮中心 昨 25 日 宣佈 全國 3 級 警戒 全國 停課 皆 延長 至 6 月 14 日 台 大公 衛學院 教授 陳秀熙 表示 目前 國內 非 藥物 公 衛 措施 npi 的 落實 程度 只 有 75 若 多數 公司 停 班 降低 平均 病例 有效 再生 數 rt 值 的 效果 可 達 27 外界 好奇 全國 三級 警戒 延長 為何 只 停課 不停 班? 中央流行疫情指揮中心 指揮官 陳時中 透露 必須 兼顧 預防 防疫 疲乏 及 維持 社會 經濟 活動 2 大考 量 陳 秀 熙 今 26 日 在 台 大公 衛學院 防疫 線 上 直播 時 指出 臺灣 現行 npi 措施 的 落實 程度 僅 75 傳統 市場 遊民 仍 有 群 聚 特種行業 的 傳染 也 在 持續 雖然 疫情 會 趨 緩 但 個案 還 是 會 不斷 爆出 恐 衝擊 醫療 量 能 npi 若 能 做 到 9 成 這 波 本土 疫情 可望 在 6 月中 旬 受 控 根據 全球 40 幾 個 國家 的 npi 措施 資料 統計 部分 公司 停 班 降低 rt 值 的 效果 有 18 多數 公司 停 班 效果 有 27 限制 10 人 以上 聚會 有 42 學校 停課 有 38 待 在家 的 效果 則 是 13 其中 限制 10 人 以上 聚會 與 學校 停課 最 能 有效 控制 疫情 此外 另 一 項 針對 226 國 的 npi 措施 評估 也 顯示 取消 小型 聚會 關閉 教育 機構 及 邊境 管制 是 最 有效 的 前 3 名 npi 介入 措施 外界 則 好奇 既然 全國 都 停課 了 為 何不 乾脆 停 班? 陳時中 今天 在 疫情 記者會 中 回應 停 班 的 確 也 能 有效 控制 疫情 但 目前 更 要 預防 防疫 疲乏 同時 還 要 維持 社會 經濟 活動 這 是 停課 不停 班 的 最 主要 2 大考 量</t>
  </si>
  <si>
    <t>國內 疫情 趨 緩 且 穩定 控制 中央流行疫情指揮中心 經 與 相關 單位 溝通 討論 及 評估 後 於今 29 日 宣佈 自 今 2021 年 11 月 30 日 至 12 月 13 日 維持 疫情 警戒 標準 為 第 二級 並 維持 相關 措施 及 規定 如下 一 維持 現行 戴 口罩 規定 外出</t>
  </si>
  <si>
    <t>國內 疫情 趨 緩 且 穩定 控制 中央流行疫情指揮中心 經 與 相關 單位 溝通 討論 及 評估 後 於今 29 日 宣佈 自 今 2021 年 11 月 30 日 至 12 月 13 日 維持 疫情 警戒 標準 為 第 二級 並 維持 相關 措施 及 規定 如下 一 維持 現行 戴 口罩 規定 外出 時應 全程 佩戴 口罩 但 符合 以下 情形 得 免 戴 口罩 本次 未 調整 一 下列 場合 得 免 戴 口罩 但 應 隨身攜帶 口罩 且 如 本身 有 相關 症狀 或 與 不 特定 物件 無法 保持 社交距離 時 仍 應戴 口罩 1 於 室內外 從事 運動 唱歌 時 2 於 室內外 拍攝 個人 團體照 時 3 單人 或 多 人 進行 直播 錄 影 主持 報導 致詞 演講 講課 等 談話 性質 工作 或 活動 之 正式 拍攝 或 進行時 4 農林 漁 牧 工作者 于 空曠 處 如 田間 魚 塭 山林 工作 5 于 山林 含 森林 遊樂區 海濱 活動 6 于溫 冷泉 烤箱 水療 設施 三 溫暖 蒸氣 室 水域 活動 等 易 使 口罩 潮濕 之 場合 二 外出 時有 飲食 需求 得 免 戴 口罩 三 于 指揮中心 或 主管機關 指定 之 場所 或 活動 如 符合 相關 防疫 措施 得 暫時 脫下 口罩 二 營業 場所 及 公共 場 域 維持 應 遵守 實 聯 制 量 體溫 加強 環境 清 消 員工 健康 管理 確診 事件 即時 應變 指揮中心 指出 因應 國際 間 新 變異 株 omicron 威脅 相關 大型活動 具有 人潮 擁擠 長 時間 且 近 距離 接觸 不 特定 人士 的 特性 仍 應 維持 嚴格 防疫 管理 並 加 嚴 裁處 請 主辦單位 及 民眾 務必 遵守 下列 防疫 準備 注意事項 一 主辦單位 應 遵守 指揮中心 二級 警戒 公告 措施 地方 政府 大型活動 相關 防疫 規定 一 主辦單位 應於 活動場 域 提供 足量 手部 清 消 用品 提高 公共廁所 之 消毒 頻率 並 設有 醫療 應變 措施 二 除 指定 販賣 區外 場內 不得 販 售 飲食 三 室內 活動 不得 販 售 無 座位 票 須 落實 實 聯 制 規劃 固定 入口 且 於 入口處 進行 體溫 量 測 及 手部 消毒 二 活動 期間 應 全程 佩戴 口罩 除 補充 水 分外 禁止 飲食 一 除 主持 表演 及 致詞 人員 得于 正式 拍攝 或 進行時 免 戴 口罩 其 餘 人員 及 參加 活動者 不 適用 飲食 補充 水分 除外 拍照 等得 免 戴 口罩 之 例外 情形 二 主辦單位 經 地方 政府 同意 得 設置 專屬 飲食 區域 供 民眾 脫 口罩 飲食 該 區域 須 落實 實 聯 制 入口 體溫 量 測 及 手部 消毒 並 不 得 邊走邊吃 亦 不 開放 試 吃 三 違反 以上 規定 經 工作人員 勸導 不 聽 者 由 地方 政府 依 傳染病 防治法 裁 罰 三 居家 檢疫 居家 隔離 加強 自主 健康 管理者 及 有 發燒 呼吸道 症狀 腹瀉 嗅 味覺 異常 等 疑 似 症狀 之 民眾 包括 表演者 及 活動 工作人員 不得 參加 相關 活動 違反者 將 從重 處罰 指揮中心 將 視 國內外 疫情 及 實際 執行 狀況 適時 機動 調整 防疫 措施 強化 邊境 監測 及 防疫 作為 籲請 民眾 應 落實 個人 防護 措施 主動 積極 配合 各項 防疫 措施 以 兼顧 防疫 與 生活品質</t>
  </si>
  <si>
    <t>中央流行疫情指揮中心 指揮官 陳時中 昨 在 記者會 上 提到 年輕人 染疫 比例 增加 顯示 年輕人 防疫 鬆懈 提醒 年輕人 要 降低 群 聚 一 名 女網友 發文 痛 批 執政黨 想 甩 鍋 一 名 就讀 台大 的 女網友 則 爆 氣 留言 因為 年輕人 沒 車 沒 房 只</t>
  </si>
  <si>
    <t>國產 高端疫苗 今 起開 打 不過 桃園 市 卻 傳出 有 3 人 打完 疫苗 後 分別 出現 想 吐 暈倒 及 短暫 失去 意識 等 狀況 送醫 檢查 後 皆 無 大礙 中央流行疫情指揮中心 指揮官 陳時中 證實 3 人 狀況 皆 為 暈針 目前 均 無 異常 已 返家 休息 並 呼</t>
  </si>
  <si>
    <t>國產 高端疫苗 今 起開 打 不過 桃園 市 卻 傳出 有 3 人 打完 疫苗 後 分別 出現 想 吐 暈倒 及 短暫 失去 意識 等 狀況 送醫 檢查 後 皆 無 大礙 中央流行疫情指揮中心 指揮官 陳時中 證實 3 人 狀況 皆 為 暈針 目前 均 無 異常 已 返家 休息 並 呼籲 有 慢性病 或 身體狀況 不 穩定 者 暫緩 施打 疫苗 陳時中 今 23 日 於 疫情 記者會 中 指出 有 接 獲 3 例 接種 高端 後 不適 個案 狀況 都 是 暈針 因此 血壓 相對 較 低 心跳 比較 快 在 桃園 市 大 有 國 中 接種 站 一 名 為 30 多 歲 的 美籍 女性 施打 後 出現 暈倒 狀況 現場 量 測血壓 111 79 心跳 122 後來 表示 並 沒有 不 舒服 在 上午 11 點 多 返家 休息 第二 例 為 47 歲 男子 打完 疫苗 後 有點 喘 想 吐 血壓 為 111 79 心跳 122 經 現場 醫師 評估 送至 榮 民 總 醫院 桃園 分院 心電圖 抽血 檢查 皆 正常 中午 12 點 多 離開 醫院 第 三 例 為 26 歲 女性 在 桃園 市 中原 國小 接種 站 打 疫苗 接種 後 意識 突然 喪失 經 現場 醫師 處理 後 恢復 意識 血壓 為 116 74 心跳 110 評估 後 送 聯 新 醫院 急診室 就醫 心電圖 抽血 檢查 皆 正常 中午 12 點 多 離 院 針對 有 民眾 打 疫苗 暈針 情形 陳時中 也 呼籲 若 有 慢性病 狀況 不 穩定 的 建議 先 不要 打 疫苗 另外 打 疫苗 時 也 不要 太緊張 現在 針 具 非常 發達 護理人員 注射 技術 也 都 很 好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中央流行疫情指揮中心 今 16 日 再 公佈 新冠肺炎 單日 零 確診 個案 這 是 一 周 之內 兩 度 零 確診 日前 高雄漢 來 飯店 為 慶祝 這 個 好 消息 特別 將 大樓 外 牆 排 成 笑臉 圖案 今晚 又 有 新 招 排 成 0 字樣 令 人 相當 驚喜 漢來 飯店</t>
  </si>
  <si>
    <t>中央流行疫情指揮中心 今 16 日 再 公佈 新冠肺炎 單日 零 確診 個案 這 是 一 周 之內 兩 度 零 確診 日前 高雄漢 來 飯店 為 慶祝 這 個 好 消息 特別 將 大樓 外 牆 排 成 笑臉 圖案 今晚 又 有 新 招 排 成 0 字樣 令 人 相當 驚喜 漢 來 飯店 營運 總 處 總監 陳素娟 表示 今天 這個 好 消息 出來 大家 非常 的 開心 網友 就 用 0 的 諧音 並 大喊 0 我 愛 你 慶祝 所以 今天 漢來 飯店 就 用 0 跟 大家 報佳音 亮燈 活動 將 持續 到 6 月 30 日 未來 會 視 狀況 變換 不同 的 圖案 漢 來 也 趁勢 在 網路 推出 優惠活動 為了 把 愛 傳出去 特別 舉辦 抽獎 活動 4 月 16 日 午夜 12 點 前 公開 分享 貼 文 留言 嘉玲 我 愛 你 漢 來 飯店 並 tag 3 名 好友 即 抽出 1 名 幸運 得主 可 獲得 市 景 雙人 房 住宿 券 1 張且 免費 升 等 港 景房 另外 高雄 福華 飯店 也 響應 愛心 串連 活動 點燈 成 愛心 圖樣 力挺 醫護人員 每晚 6時至 9 時 亮燈 歡迎 民眾 打 卡 彼此 加油 我們 一直 都 在</t>
  </si>
  <si>
    <t>近期 居家 檢疫 居家 隔離 常 傳出 有 列管 民眾 趴 趴 走 的 情事 發生 為 落實政策 中央流行疫情指揮中心 今天 表示 已 在 本月 20 日 召開 地方 政府 執行 居家 檢疫 及 居家 隔離 措施 協調會議 將 於 3 月 1 日 起 推出 地方 政府 居家 檢疫 及 居家 隔</t>
  </si>
  <si>
    <t>近期 居家 檢疫 居家 隔離 常 傳出 有 列管 民眾 趴 趴 走 的 情事 發生 為 落實政策 中央流行疫情指揮中心 今天 表示 已 在 本月 20 日 召開 地方 政府 執行 居家 檢疫 及 居家 隔離 措施 協調會議 將 於 3 月 1 日 起 推出 地方 政府 居家 檢疫 及 居家 隔離 關懷 服務 計畫 強化 指揮 體系 第一線 人員 的 橫向聯繫 以及 各項 策略 分工 及 諮 詢 整合 專線 的 建置 預料 能 降低 民眾 對 居家 檢疫 的 排斥 指揮官 陳時中 表示 地方 政府 居家 檢疫 及 居家 隔離 關懷 服務 計畫 是 由 22 縣 市 共同 推動 重點 包含 對象 關懷 就醫 協助 交通 安排 生活 支援 及 專線 服務 等 預計 於 26 日 規劃 完成 並於 3 月 1 日 開始 運作 以 確保 民眾 于 居家 檢疫 及 居家 隔離 期間 能 獲得 各項 生活 心理 及 就醫 的 幫忙 降低 民眾 對 居家 檢疫 及 隔離 對象 的 對立</t>
  </si>
  <si>
    <t>中央流行疫情指揮中心 今 23 日 公佈 新增 國內 290 例 covid-19 確定 病例 分別 為 287 例 本土 及 3 例 境外移入 案 4023 案 4227 案 4228 另 有 170 例 本土 個案 為 校正 回歸 上周 各 日 個案 確診 個案 中 新增 6 例 死亡 案 1912 案 2384 案</t>
  </si>
  <si>
    <t>中央流行疫情指揮中心 今 23 日 公佈 新增 國內 290 例 covid-19 確定 病例 分別 為 287 例 本土 及 3 例 境外移入 案 4023 案 4227 案 4228 另 有 170 例 本土 個案 為 校正 回歸 上周 各 日 個案 確診 個案 中 新增 6 例 死亡 案 1912 案 2384 案 2483 案 2986 案 3304 案 3417 指揮中心 表示 今日 新增 之 287 例 本土 病例 為 138 例 男性 149 例 女性 年齡 介於 未 滿 5 歲 至 90 多 歲 發病 日 介 於今 2021 年 5 月 6 日 至 5 月 22 日 個案 分佈 以 新北 市 142 例 最 多 以 板橋 區 32 例 為 多 其次 為 臺北市 77 例 以 萬 華區 38 例 為 多 桃園 市 23 例 屏 東縣 南 投 縣 各 8 例 宜蘭 縣 6 例 基隆 市 台中 市 及 彰 化 縣 各 5 例 台 南市 2 例 花蓮縣 嘉義 市 嘉 義縣 新竹 縣 新竹 市 雲 林縣 各 1 例 校正 回歸 個案 170 例 中 為 84 例 男性 86 例 女性 年齡 介於 未 滿 5 歲 至 80 多 歲 發病 日 介於 4 月 25 日 至 5 月 22 日 個案 分佈 以 臺北市 88 例 最 多 以 萬 華區 48 例 為 多 其次 為 新北 市 73 例 以 板橋 區 17 例 為 多 彰 化 縣 6 例 宜蘭 縣 新竹 市 及 雲 林縣 各 1 例 綜 上 所有 個案 其中 萬 華 活動 史 相關 161 例 茶藝 館 相關 25 例 某 社團 相關 5 例 某 水果商 相關 11 例 其他 已 知 感染 源 119 例 關聯 不 明 70 例 疫 調 中 66 例 相關 疫情 調查 持續 進行 中 指揮中心 說明 新增 6 例 死亡 個案 為 5 男 案 1912 案 2384 案 2986 案 3304 案 3417 1 女 案 2483 年齡 介於 50 多 歲 至 80 多 歲 發病 日 介於 5 月 10 日 至 5 月 20 日 確診 日 介於 5 月 17 日 至 22 日 死亡 日 介於 5 月 20 日 至 21 日 上述 6 名 個案 除 案 2483 外 餘 5 人 皆 有 慢性 病史 指揮中心 指出 新增 3 例 境外移入 病例 中 案 4023 為 印尼 籍 20 多 歲 男性 漁 工 今年 5 月 8 日 自 印尼 來 台 工作 持有 搭 機 前 3 日內 檢驗 陰性 報告 在 台 期間 並 無 症狀 入境 後 至 集中 檢疫所 檢疫 5 月 21 日 進行 檢疫 期滿 前 采 檢 於 今日 確診 案 4227 為 菲律賓籍 40 多 歲 男性 移 工 5 月 7 日 自 菲律賓 來 台 工作 持有 搭 機 前 3 日內 檢驗 陰性 報告 在 台 期間 並 無 症狀 5 月 22 日 檢疫 期滿 後 自費 采 檢 於 今日 確診 案 4228 為 丹麥 籍 40 多 歲 男性 曾於 3 月 30 日 在 丹麥 當地 檢 出 covid-19 陽性 4 月 17 日 自 丹麥 來 台 工作 持有 搭 機 前 3 日內 檢驗 陰性 報告 在 台 期間 並 無 症狀 因 要 再次 出境 5 月 22 日 自費 采 檢 於 今日 確診 ct 值 30 指揮中心 統計 截至 目前 國內 累計 351999 例 新型 冠狀病毒 肺炎 相關 通報 含 312689 例 排除 其中 4322 例 確診 分別 為 1111 例 境外移入 3158 例 本土 病例 36 例 敦睦 艦隊 2 例 航空器 感染 1 例 不 明及 14 例 調查 中 另 9 例 案 530 案 15891676159118862067206825282530 移除 為 空號 確診 個案 中 23 例 死亡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中央流行疫情指揮中心 預定 今天 發佈 大型活動 指引 擬 建議 大型活動 暫緩 舉辦 有 立 委 詢問 歲 時 祭 儀 是否 要 暫緩 原民會 主委 夷 將 拔 路兒 說 會 針對 疫情 期間 內 的 歲 時 祭 儀 評估 但 他 強調 但 大多 的 歲 時 祭 儀仍 是 在 戶外</t>
  </si>
  <si>
    <t>中央流行疫情指揮中心 預定 今天 發佈 大型活動 指引 擬 建議 大型活動 暫緩 舉辦 有 立 委 詢問 歲 時 祭 儀 是否 要 暫緩 原民會 主委 夷 將 拔 路兒 說 會 針對 疫情 期間 內 的 歲 時 祭 儀 評估 但 他 強調 但 大多 的 歲 時 祭 儀仍 是 在 戶外 原鄉 也 沒有 確診 疫情 受到 大型 宗教 活動 陸續 停辦 或 延期 如 大甲 媽祖 繞 境 白沙 屯 媽祖 繞 境 等 陸續 暫停 或 延 辦 而 依 臺灣 原住 民族 資訊 資源網 指出 達 悟 族 會 在 3 月 舉行 招魚 祭 飛魚 祭 布農族 會 在 4 月 5 月 舉行 射 耳 祭 賽夏 祭 會 在 4 月 舉行 播種 祭 祈 天 祭 邵 族 會 在 4 月 舉行 播種 祭 等 歲 時 祭 儀 到底 要 不 要 暫緩 舉行 夷 將 表示 針對 最近 的 歲 時 祭 儀 做 評估 認為 大多 的 歲 時 祭 儀都 是 在 戶外 的 而 目前 在 原鄉 沒有 確診 疫情 部分 祭 典 如 本 週六 鄒 族 的 祭 典 原本 有 開放 遊客 參與 族人 希望 在 疫情 期間 不 要 讓 遊客 參加 希望 在 疫情 尚未 控制 的 期間 能 採用 這樣 的 模式 至於 許多 原住民 會 在 週末 上 教會 夷 將 說 教會 是 重要 的 信仰 中心 教會 屬 密閉式 的 空間 依 衛福部 建議 應 要 配戴 口罩 尤其 有 感冒 等 症狀 更 要 帶 口罩 也 已向 牧師 及 神父 宣導</t>
  </si>
  <si>
    <t>東京 奧運 即 將 7 月 下旬 開幕 臺灣 運彩 已 獲 主管機關 體育 署 政策 支持 放寬 獎金 支出 率 上限 未來 將 開出 逾 16 種 投 注 專案 臺灣 運彩 表示 為了 力挺 國手 為 國爭 國 及 炒熱 投 注 氣氛 運彩 推出 新 力 挺 辦法 從即日起 到 8 月 8 日 日 臺灣 國手 每 得到 一面 金牌 即 抽 100萬 元 現金 得主 希望 讓 更 多 民眾 關注 選手 們 在 競技場 上 的 精彩 表現 一起 幫 選手 奪 牌 贊 聲 臺灣 運彩 表示 2020 年 東京 奧運 7 月 23 日 五 即將 開幕 臺灣 運彩 全力 開盤 相挺 預計 將 16 種 以上 的 運動 種類 納 為 投 注 標的 包含 中華隊 奪 牌 熱門 的 項目 例如 舉重 射箭 跆拳道 等 及 普受 大家 喜愛 的 棒球 籃球 足球 排球 等 團體 項目 希望 帶動 更 多 民眾 關注 選手 們 在 最高 競技 殿堂 的 精彩 表現 一同 為 中華隊 加油 也 為 選手 的 精采 表現 喝采 為 增進 國人 對於 體育賽事 之 關注 體育 署 特別 專案 方式 核准 台灣 運彩 獎金 支出 率 免予 適用 78 上限 及 政府 盈 餘 依 比例 分攤 超額 獎金 以 提高 奧運 賽事 投 注 之 吸引力 增加 之 銷售額 亦可 挹注 運動 發展 基金 收益 作為 政府 培育 照顧 運動 人才 及 協助 產業 發展 之用 臺灣 運彩 表示 奧運 賽事 屬 綜合性 運動 賽會 非常態 性 職業 運動 賽事 相關 統計資料 不易 取得 開盤 財務 風險 高 特別感謝 體育 署 政策 支持 放寬 獎金 支出 率 上限 將 會 提供 豐富 的 項目 及 玩 法 讓 民眾 參與 盛會 這次 可 投 注 的 項目 是 以 國人 喜愛 的 團體賽 以及 臺灣 選手 參賽 的 項目 為主 另為 回 饋給 用 投 注 挺 體育 的 消費者 及 號召 大家 一起 為 中華 代表隊 加油 臺灣 運彩 表示 從即日起 到 8 月 8 日 日 規劃 臺灣 英雄 來 奪金 運 彩 乎 你 抽 現金 活動 獎項 包括 價值 約 5萬 元 的 限量 版 紀念 金幣 20 枚 以及 10萬 元 現金 10 份 另外 還 加碼 奧運 奪 牌 獎 也 就 是 臺灣 國手 每 奪 一面 金 銀 銅牌 就 加碼 抽出 100萬 元 30萬 元 20萬 元 現金 臺灣 奧運 國手 奪 牌 數 愈多 加碼 抽出 的 現金 就 愈多 而且 獎金 無 上限 由於 目前 國內 新冠肺炎 疫情 嚴峻 中央流行疫情指揮中心 宣佈 防疫 三級 警戒 延長 到 今年 7 月 12 日 為 因應 疫情 臺灣 運彩 全新 推出 mobile id 會員 申請 服務 大家 待在家裡 就 可以 上網 申請 成為 網路 會員 及 進行 線 上 投 注</t>
  </si>
  <si>
    <t>第二 架 從 上海浦東機場 起飛 的 類 包機 晚間 抵 台 中央流行疫情指揮中心 指揮官 陳時中 親自 到 機場 坐鎮 指揮 由於 指揮中心 白天 開 例行 記者會 報告 最新 疫情 晚上 又 接 著 要 接應 類 包機 陳時中 幾乎 24 小時 未 闔眼 面對 媒體 關心 身</t>
  </si>
  <si>
    <t>第二 架 從 上海浦東機場 起飛 的 類 包機 晚間 抵 台 中央流行疫情指揮中心 指揮官 陳時中 親自 到 機場 坐鎮 指揮 由於 指揮中心 白天 開 例行 記者會 報告 最新 疫情 晚上 又 接 著 要 接應 類 包機 陳時中 幾乎 24 小時 未 闔眼 面對 媒體 關心 身體狀況 陳時中 笑 著 以 4 字 回應 類 包機 214 名 乘客 昨晚 順利 返台 陳時中 連續 兩 天 親自 到 現場 坐鎮 許多 網友 都 十分關心 他 的 身體健康 擔心 指揮官 身體 吃不消 面對 記者 詢問 好像 越來越 憔悴 是否 會 多 休息 幾 天 陳時中 則 大笑 回應 應該 沒有 陳時中 離開 時 特地 搖 下 車窗 接受 記者 訪問 並 簡單 交代 現場 狀況 表示 目前 十分 順利 整個 流程 沒有 不 尋常 狀況 對於 陳時中 為 防疫 把關 幾乎 24 小時 未 闔眼 網友 紛紛表示 他 看起來 真的 很 累 辛苦 了 快點 休息</t>
  </si>
  <si>
    <t>臺灣 今 增 17 例 死亡 其中 最 年輕 的 死亡 個案 僅 40 多 歲 個案 5 13 就 發病 但 就醫 pcr 采 檢 結果 為 陰性 後 到 了 5 21 再次 采 撿 結果 轉為 陽性 中央流行疫情指揮中心 專家 小組 召集人 張上淳 表示 即時 就醫 也 是 相關 因素 一 次 陰性</t>
  </si>
  <si>
    <t>臺灣 今 增 17 例 死亡 其中 最 年輕 的 死亡 個案 僅 40 多 歲 個案 5 13 就 發病 但 就醫 pcr 采 檢 結果 為 陰性 後 到 了 5 21 再次 采 撿 結果 轉為 陽性 中央流行疫情指揮中心 專家 小組 召集人 張上淳 表示 即時 就醫 也 是 相關 因素 一 次 陰性 不 代表 真正 陰性 若 症狀 持續 可以 繼續 接受 采 撿 指揮中心 今 公佈 國內 新增 17 例 死亡 共計 為 男性 13 位 女性 4 位 年齡 介於 40 多 歲 至 90 多 歲 發病 日 介於 5 月 12 日 至 5 月 25 日 確診 日 介於 5 月 14 日 至 5 月 27 日 死亡 日期 介於 5 月 28 日 至 6 月 1 日 對於 死亡 案例 逐漸 出現 年輕人 專家 小組 召集人 張上淳 表示 這 波 開始 都 是 年長者 比較 容易 死亡 但 偶 而 也 有 看到 年輕 個案 也 沒有 什麼 疾病 的 狀況 先前 已經 說明 過 現在 疫情 狀況 下 沒 辦法 做 更 詳盡 死因 的 探討 而 所謂 的 不明 死因 探討 在 醫學 治療 上 是 指 病理解剖 對於 今天 的 死亡 個案 從 有 症狀 進入 醫院 前面 篩檢 因為 是 陰性 張上淳 表示 到 醫院 時間 慢 了 點 即時 就醫 也 是 相關 因素 希望 有 症狀 就 要 及時 出來 接受 篩檢 與 檢查 一 次 陰性 不 代表 真正 的 陰性 若 症狀 持續 的話 也 可以 繼續 接受 篩檢 早 一點 分流 安排 需要 到 醫院 就 早 一點 或許 可以 減少 重症 或是 死亡 個案</t>
  </si>
  <si>
    <t>新冠肺炎 疫情 擴散 教育部 也 在 20 日 公佈 大專院校 停課 標準 只 要 1 校內 有 2 位 以上 師生 被 中央流行疫情指揮中心 列為 確定 病例 全校 就 必須 停課 日前 曾因 肺炎 趨勢 預測 圖 而 登 上 經濟學 人 的 台大 化學系 教授 徐丞志 對 此 表示</t>
  </si>
  <si>
    <t>新冠肺炎 疫情 擴散 教育部 也 在 20 日 公佈 大專院校 停課 標準 只 要 1 校內 有 2 位 以上 師生 被 中央流行疫情指揮中心 列為 確定 病例 全校 就 必須 停課 日前 曾因 肺炎 趨勢 預測 圖 而 登 上 經濟學 人 的 台大 化學系 教授 徐丞志 對 此 表示 台 大 淡 大 剉 著 等 更 預測 全台 第一 間 停課 的 學校 會 是 台大 徐丞志 20 日 在 臉書 po 文 表示 台大 3萬 多 名 學生 再 加上 教職員工 已 達 4萬 占 了 全台 人口數 02 若 全台 有 1000 人 確診 按照 比例 來 算 台大 就要 停課 了 徐丞志 補充 說 有 第一 例 的話 要 出現 第二 例 的 機 率 會 大幅度 增高 加上 臺北 都會區 染病 的 機 率 遠 高於 非 都會區 公館 又 是 臺北 的 交通 要衝 然後 醫學院 又 跟 台大醫院 是 相連 的 因此 台 大要 停課 恐怕 不 需要 等到 累積 1000 人 就 會 發生 徐丞志 表示 深深 覺得 台大會 是 全台 第一 間 因 新冠肺炎 停課 的 學校 希望衛福部 能 頂住 徐丞志 也 在 留言 中 表示 公館 每天 經過 的 人潮 實在太 多 而 文化 大學 人數 看似 比 淡江 多 但 地點 較 偏遠 以 機 率 來說 台大 淡江 文化</t>
  </si>
  <si>
    <t>中央流行疫情指揮中心 今 26 日 表示 斯洛伐克政府 為 協助 各國 對抗 疫情 共同 維護 全球 衛生 安全 繼 7 月 16 日 宣佈 捐贈 我國 1萬 劑 疫苗 後 又 將 捐贈 數量 提高 至 16萬 劑 astrazeneca az 疫苗 經斯國 衛生部 與 我國 斯洛伐克 代表處</t>
  </si>
  <si>
    <t>中央流行疫情指揮中心 今 26 日 表示 斯洛伐克 政府 為 協助 各國 對抗 疫情 共同 維護 全球 衛生 安全 繼 7 月 16 日 宣佈 捐贈 我國 1萬 劑 疫苗 後 又 將 捐贈 數量 提高 至 16萬 劑 astrazeneca az 疫苗 經斯國 衛生部 與 我國 斯洛伐克 代表處 之 通力合作 安排 已於 9 月 26 日 上午 順利 運 抵 桃園 國際機場 並 在 完成 通關 程式 後 直接 運送 至 指定 冷儲 物流 中心 進行 後續 檢驗 封 緘 作業 本 批 疫苗 效期 至 110 年 10 月 31 日 及 11 月 30 日 將 由 指揮中心 統籌規劃 運用 提供 國人 接種 指揮中心 說明 全球 面對 疫情 肆虐 國際 社會 竭盡 一切 努力 透過 相互 援助 遏止 疫情 蔓延 斯洛伐克 為 感謝 我國 去年 捐贈 70萬 片 口罩 之 情誼 此時 伸出 援手 提供 並 加碼 捐贈 這 批 covid-19 疫苗 讓 我國 感受 到 國際 間 正向 迴圈 的 良善 力量 此 批 疫苗 將有助 我國 提升 疫苗 覆蓋率 指揮中心 謹 向 斯洛伐克政府 與 人民 致 上 誠摯 謝意</t>
  </si>
  <si>
    <t>今天 大年 初四 國內 疫情 連續 第 三 天 無 新 增 境外移入 個案 本土 病例 中央流行疫情指揮中心 指揮官 陳時中 今天 仍 親自 主持 記者會 並 指出 目前 部 立 桃園 醫院 回溯 采 檢 剩下 2 人 結果 未 出爐 預計 桃醫 在 2 月 19 日 恢復 營運 桃園 醫院</t>
  </si>
  <si>
    <t>今天 大年 初四 國內 疫情 連續 第 三 天 無 新 增 境外移入 個案 本土 病例 中央流行疫情指揮中心 指揮官 陳時中 今天 仍 親自 主持 記者會 並 指出 目前 部 立 桃園 醫院 回溯 采 檢 剩下 2 人 結果 未 出爐 預計 桃醫 在 2 月 19 日 恢復 營運 桃園 醫院 上月 爆發 新冠肺炎 群 聚 感染 預計 年 後分 階段 恢復正常 營運 中央流行疫情指揮中心 指揮官 陳時中 今天 宣佈 回溯 采 檢 昨天 有 9 人 采 檢 中 今天 7 人 檢驗 結果 為 陰性 目前 只 剩 2 人 檢驗 中 結果 預計 今天 會 出爐 2 月 19 日 恢復 營運 陳時中 表示 桃園 醫院 感染 事件 需要 隔離 14 天 的 人 共有 4346 人 目前 醫院 相關 醫護 工作者 通通 都 已經 結束 隔離 桃醫 工作人員 全部 都 已 完成 采 檢 外界 關心 在 這次 群 聚 感染 事件 學到 的 最 大 教訓 為 何? 陳時中 表示 桃園 醫院 被 檢討 的 其中 一個 原因 就是 我們 的 分 艙 分流 是否 有 做到 徹底 這 方面 確實 有 相對 困難 只能 儘量 朝著 做到 完整 目前 已經 針對 這 方面 做 檢討 此外 陳時中 也 表示 匡列 速度 是否 可以 更 快 一點 現在 手頭 的 資料 都有 若要 即時 都 收集 起來 很多 跟 資料 熟悉 相關 的 人 都 已經 被 隔離 了 增加 收集整理 這些 資料 的 困難 這 是 以前 sop 沒有 設 想到 的 這次 因為 是 大規模 的 隔離 人 隔離開 了 都 要 想 到 各 病 室 病房 的 隔離 等 他 強調 未來 針對 分 艙 分流 的 落實 讓 資料 整理 更 系統化 都 是 在 持續 檢討 中 過完 年 後會 再 做 一 次 部 桃 的 專案 報告 由 專家 來 檢討 再來 做 桃醫 的 巡 檢 看 現在 各項 sop 有 沒有 做 得 完全</t>
  </si>
  <si>
    <t>世界 各國 近日 頻 傳 完整 接種 疫苗 仍 染疫 的 案例 不少 國家 為 此 呼籲 要 打 第 三 劑 疫苗 根據 冰島 研究 突破性 感染 發生率 最高 的 是 嬌 生 但 以 國內 已經 施 打的 疫苗 來說 az 則 是 最高 中央流行疫情指揮中心 發言人 莊人祥 今 在 記者會</t>
  </si>
  <si>
    <t>世界 各國 近日 頻 傳 完整 接種 疫苗 仍 染疫 的 案例 不少 國家 為 此 呼籲 要 打 第 三 劑 疫苗 根據 冰島 研究 突破性 感染 發生率 最高 的 是 嬌 生 但 以 國內 已經 施 打的 疫苗 來說 az 則 是 最高 中央流行疫情指揮中心 發言人 莊人祥 今 在 記者會 上 表示 目前 國內 9 例 突破性 感染 的 個案 都 是 打 az 中央流行疫情指揮中心 發言人 莊人祥 表示 目前 國內 突破性 感染 共有 9 人 為 接種 14 天 後 發生 目前 感染 後 都 是 輕 症 而 這 9 人 都 是 接種 az 疫苗 而 台電 大樓 日前 確診 的 一 名 30 多 歲 的 孕婦 個案 在 8 月 11 日 就 被 列為 自主 健康 管理者 當時 pcr 采 檢 結果 為 陰性 後來 在 8 月 13 日 打完 第二 劑 疫苗 但 在 8 月 14 日 就 發病 不算 是 完整 接種 個案 因此 也 不能 算是 突破性 感染 莊 人 祥 表示 統計 累積到 接種 的 母數 共有 27萬5321 人 以 當中 只 有 9 人 發生 突破性 感染 的 比率 為 百分之 0003 也 就 是 十 萬分 之 3 與 美國 發生率 達 百 了之 001 也 就 是 萬分 之一 相比 數字 低 很多 且 美國 是 接種 bnt 以及 莫德納 疫苗 沒有 接種 az 目前 看來 az 還 是 很 有效 不過 台 大公共 衛生 學院 教授 陳 秀 熙 團隊 成員 任小萱 任 小 萱 表示 冰島 接種 的 疫苗 廠 牌 共有 4 種 分別 是 嬌 生 az 莫德納 和 bnt 接種 比例 為 莫德納 9 嬌 生 11 az 24 bnt 56 然而 7 月 開始 的 本土 個案 多數 都 是 突破性 感染 且 無 症狀 突破性 感染 的 廠 牌 由 高至 低 依序 為 嬌 生 12 az 045 bnt 03 莫德納 027 其中 的 冰島 7 月中 後 確診 數 暴 增 多數 本土 個案 都 是 突破性 感染 突破性 感染 比例 又 以 嬌 生 疫苗 居多 當地 自 8 月中 起 已 開始 針對 接種 嬌 生 疫苗 者 施打 mrna 加強 劑 而 美國 施打 疫苗 的 比例 高 但 仍 有 大規模 傳播 以色列 也考量 沒 打 疫苗 的 人 最 容易 感染 打過 疫苗 者 需 透過 其他 方式 例如 戴 口罩 來 加強 最近 也 有 報告 指出 雖然 開始 病毒 量 高 但是 傳播 時間 短 比較 不會 住院 和 重症 因此 打 疫苗 還是 對 個人 群體 還是 有 幫忙 國外 案例 發現 目前 打完 兩劑 疫苗 但 身上 的 病毒 量 和 沒 打 疫苗 的 人 相當 對此 指揮中心 專家 小組 召集人 張上淳 表示 在 美國 cdc 提出 的 研究 發現 打過 疫苗 後 ct 值 還是 蠻 低 的 顯示 病毒 量 很 高 在 美國 可以 看到 施打 疫苗 的 比例 很 高 但 還是 有 大規模 性 的 傳播 出現 在 以色列 與 其他 國家 都 可以 看見 類似 狀況 需要 小心 關切 感染 delta 不過 最近 也 有 新 的 報告 指出 一 開始 的 病毒 量 高 但 傳播 的 時間 還 是 比較 短 且 比較 不 會 發生 重症 住院 打 疫苗 還是 對於 對 人 的 保護 以及 群體 來說 還 是 有 幫忙</t>
  </si>
  <si>
    <t>中央流行疫情指揮中心 今 14 日 宣佈 無 新冠肺炎 新增 確診 案例 是 自 3 9 以來 睽 違 36 天 的 零 確診 消息 一 出 令 指揮中心 和 民眾 都 相當 振奮 不過 網上 也 出現 不同 聲浪 有 網友 認為 當初 說 清明連 假 後 疫情 會 大 爆發 的 人 根</t>
  </si>
  <si>
    <t>臺灣 已經 連續 28 天 沒有 新冠肺炎 本土 確診 案例 過去 例如 登革熱 以及 sras 期間 經過 28 天 潛伏期 後 就 宣佈 解除 本土 疫情 外界 關心 是否 比照 過去 疫情 宣佈 解除 疫情 陳時中 表示 因為 登革熱 不是 全世界 都 有 現在 境外 還 是 很 嚴峻 因此 還 不 會 解除 本土 流行 警示 中央流行疫情指揮中心 指揮官 陳時中 表示 因為 登革熱 不是 全世界 發生 境外 情況 仍然 嚴峻 的 時候 我們 還是 要 嚴守 相關 規範 不會 解除 本土 疫情 警示 但 相關 活動 人數 放寬 會 持續 進行 而 520 即將 到來 陳時中 表示 會 看 幾 幾 天 如果 疫情 更 穩定 建議 總統 就職 人數 上 可以 放寬</t>
  </si>
  <si>
    <t>臺灣 今天 一口氣 再度 新增 206 例 本土 個案 其中 48 例 感染 源 不明 究竟 現在 有 多少 醫護 被 感染 且 聯合醫院 還 傳出 不少 院區 都 有 收到 確診 者 導致 有 醫護 被 匡 例 其中 包含 忠孝 院區 對此 指揮中心 不 願 證實 並 強調 不會 針對 特定 醫院 來 公佈 聯合醫院 傳出 不少 院區 都 有 收到 確診 者 導致 有 醫護 被 匡 例 其中 包含 忠孝 院區 此外 外界 也 關心 目前 有 多少 醫護 被 感染 中央流行疫情指揮中心 醫療 應變 組 副 組長 羅一鈞 表示 和平醫院 之外 的 不 只 有 聯 醫 特別 是 一 開始 沒有 問出 活動 史 的 後來 又 出現 相關 症狀 照顧 過 他 的 急診 或是 醫護人員 按照 疫情 調查 方式 目前 沒有 匡列 的 醫護 羅 一 鈞 強調 現在 醫護 都 已經 有 接種 一 劑 az 疫苗 對於 自身 保護 力是 有效 的 因此 我們 不 會 對 特別 醫院 來 公佈 且 目前 雙北 醫院 都有 警覺 發佈 醫療 措施 是 希望醫院 可以 放心 執行 讓 入院 篩檢 陳時中 表示 現在 醫院 都有 入院 篩檢 可以 即時 發現 個案 另外 也 會 要求 醫院 一定 要 把 個人 防護 做 到位 這 是 最 確實 的 情況 因為 病毒 多變 個人 責任 很 重要</t>
  </si>
  <si>
    <t>為 減緩 春節 返台 人潮 中央流行疫情指揮中心 放寬 入境 檢疫 措施 為 10 4 但 無論 有 沒有 打 疫苗 都 是 用 一樣 的 標準 因為 返台 民眾 估計 臺灣 為 大宗 前 衛生 署長 楊志良 認為 指揮官 是 對 大陸 台商 心中 有 恨 才 無法 縮短 天數 陳</t>
  </si>
  <si>
    <t>為 減緩 春節 返台 人潮 中央流行疫情指揮中心 放寬 入境 檢疫 措施 為 10 4 但 無論 有 沒有 打 疫苗 都 是 用 一樣 的 標準 因為 返台 民眾 估計 臺灣 為 大宗 前 衛生 署長 楊志良 認為 指揮官 是 對 大陸 台商 心中 有 恨 才 無法 縮短 天數 陳時中 妙 回 我 應該 是 心中 有 愛 吧 對於 春節 檢疫 改為 10 4 楊 志 良 認為 指揮官 對 大陸 台商 心中 有 恨 陳時中 反問 心中 有 恨 所以 努力 把 天數 降低 應該 是 有 愛 吧 他 說 台商 是 返台 最 大宗 有 恨 的 話 是 十四 天 把 門 關好 來 但 當然 是 接受 到 很多 大家 的 反應 返鄉 心切 我們 想盡 各種 辦法 歡迎 大家 返鄉 加 嚴 變成 21 天 才有 嫌疑 啊 他 說 要 減少 四 天 是 不容易 的 否則 北 市長 不 會 說 困難 很多 這樣 才能 達成 多 一點 人 進來 陳時中 也 提到 有 旅社 老闆 說 變 得 很 複雜 沒有 我們 沒有 要求 他們 去 改變 動 日期 而是 一月 二 日 到 十 日 若 有 人更改 了 就 會 有 空房 而 不是 要求 一個 一個 挪 過來</t>
  </si>
  <si>
    <t>磐石 艦隊 爆發 群 聚 感染 但 相較 其他 國家 我國 海軍 的 感染 狀況 並 不 嚴重 迄今 僅 有 三十一 例 確診 對 此 中央流行疫情指揮中心 專家 小組 召集人 張上淳 分析 可能 是 海軍 有 盡 到 分 艙 分流 以及 疫情 剛好 爆發 在 磐石 艦 這 艘 巨大 的 醫</t>
  </si>
  <si>
    <t>磐石 艦隊 爆發 群 聚 感染 但 相較 其他 國家 我國 海軍 的 感染 狀況 並 不 嚴重 迄今 僅 有 三十一 例 確診 對 此 中央流行疫情指揮中心 專家 小組 召集人 張上淳 分析 可能 是 海軍 有 盡 到 分 艙 分流 以及 疫情 剛好 爆發 在 磐石 艦 這 艘 巨大 的 醫療 艦艇 上 所 致 在 今日 的 記者會 中 有 媒體 提問 海軍 磐石 艦 的 群 聚 感染 相較 其他 國家 的 軍艦 感染 程度較 輕 是否是 因 我國 海軍 登 艦 前 均 有 施打 流感疫苗 所 產生 的 保護 力? 張上淳 否認 這樣 的 可能 他 反倒 認為 疫情 剛好 爆發 在 磐石 艦 上 才是 這次 傳播 速度 不快 的 主因 張上淳 說 一般來說 軍艦 上 的 空間 都 非常 狹小 但 磐石 艦 是 我國 相對 較 大 的 艦艇 船上 空間 寬闊 加上 具有 野戰醫院 的 功能 船上 甚至 備有 負 壓 隔離病房 因 此 才能 快速 將 確診 者 進行 隔離 加上 軍艦 上 的 分 艙 分流 措施 是 這次 群 聚 感染 程度 不 大 的 主因 他 強調 流感疫苗 對 新冠 病毒 並不 具 任何 保護 力 因此 這種 可能性 不大 關鍵 還是 在 人 與 人 之間 的 距離 能否 徹底 落實 若是 發生 在 一般 船 艦 上 因 船艙 空間 狹小 的 關係 恐怕 疫情 會 更為嚴重</t>
  </si>
  <si>
    <t>中央流行疫情指揮中心 今 3 日 公佈 國內 新增 4 例 境外移入 covid-19 確定 病例 分別 自 英國 案 810 德國 案 811 美國 案 812 及 史瓦帝 尼 案 813 入境 對於 昨晚 越南 新增 一 例 臺灣 移入 個案 莊人祥 說 指揮中心 昨晚 立即 跟 越方 聯</t>
  </si>
  <si>
    <t>中央流行疫情指揮中心 今 3 日 公佈 國內 新增 4 例 境外移入 covid-19 確定 病例 分別 自 英國 案 810 德國 案 811 美國 案 812 及 史瓦帝 尼 案 813 入境 對於 昨晚 越南 新增 一 例 臺灣 移入 個案 莊人祥 說 指揮中心 昨晚 立即 跟 越方 聯繫 目前 還 沒有 結果 預計 週三 才會 有 結果 對 外界 說明 莊 人 祥 表示 這 4 例 確診 的 病毒 核酸 檢測 pcr 結果 只 有案 813 的 ct 值 較 高 是 34 其他人 ct 值 都 較 低 病毒 量 都 較 高 分別 為 案 810 的 ct 值 19 案 811 為 24 案 812 是 15 對於 外界 擔心 春節 將 屆 防疫 旅館 不 夠用 莊人祥 說 目前 防疫 旅館 有 一萬六千 間 住房 率 約 50 左右 到 農曆 春節 前 預計 會 再 增加 一萬 間 左右 交通部觀光局 跟 各縣 市政府 正在 努力 當中 指揮中心 表示 案 810 為 本 國籍 20 多 歲 女性 去 2020 年 8 月 至 英國 就學 12 月 30日 於 當地 登機 時 出現 喉嚨 癢 症狀 31 日 返國 持有 登機 前 3 日內 檢驗 陰性 報告 入境 後 主動 告知 有 症狀 並於 機場 采 檢 個案 于 集中 檢疫所 等待 檢驗 結果 時 因 有 發燒 症狀 再次 采 檢 兩 次 采 檢 結果 皆 為 陽性 於 今日 確診 已 掌握 個案 入境 班機 前後 二 排座位 旅客 共 14 人 列 居家 隔離 案 811 為 本 國籍 20 多 歲 女性 去年 9 月 至 德國 就學 12 月 28 日 返國 持有 登機 前 3 日內 檢驗 陰性 報告 入境 後 至 住處 居家 檢疫 個案 12 月 31 日 出現 喉嚨 痛 症狀 1 月 1 日 由 衛生 單位 安排 就醫 采 檢 於 今日 確診 由於 個案 發病 前 2 日 皆 獨自 居家 檢疫 未 與 他人 接觸 故 無 匡列 接觸 者 案 812 為 本 國籍 60 多 歲 男性 去年 10 月 至 美國 探親 12 月 27 日 返國 持有 登機 前 3 日內 檢驗 陰性 報告 入境 後 至 住處 居家 檢疫 個案 12 月 29 日 至 31 日 陸續 出現 全身 酸痛 發燒 及 咳嗽 症狀 1 月 1 日 由 衛生 單位 安排 就醫 采 檢 於 今日 確診 已 掌握 個案 入境 班機 前後 二 排座位 旅客 共 7 人 列 居家 隔離 案 813 為 史瓦帝 尼 籍 30 多 歲 男性 去年 12 月 24 日 來 台 工作 持有 登機 前 3 日內 檢驗 陰性 報告 入境 後 至 住處 居家 檢疫 個案 12 月 31 日 出現 頭痛 流 鼻 水 及 鼻 塞 症狀 1 月 1 日 由 衛生 單位 安排 就醫 采 檢 於 今日 確診 由於 個案 發病 前 2 日 皆 獨自 居家 檢疫 未 與 他人 接觸 故 無 匡列 接觸 者 另為 求 慎重 已 安排 與 個案 同 行 來 台 之友 人 1 人 采 檢 目前 檢驗 中 指揮中心 統計 截至 目前 國內 累計 127453 例 新型 冠狀病毒 肺炎 相關 通報 含 125521 例 排除 其中 812 例 確診 分別 為 717 例 境外移入 56 例 本土 病例 36 例 敦睦 艦隊 2 例 航空器 感染 及 1 例 不明 另 1 例 案 530 移除 為 空號 確診 個案 中 7 人 死亡 689 人 解除 隔離 116 人 住院 隔離 中</t>
  </si>
  <si>
    <t>新冠肺炎 疫情 險峻 戴 口罩 儼然 成為 全民 最 基本 的 防疫 共識 其實 透過 自製 布 口罩 不但 可 重複使用 更 能 將 醫療 級 口罩 留給 第一線 防疫 醫護人員 慈 濟 基金會 為 讓 醫療 級 口罩 留給 需要 的 人 讓 非 醫療 及 非 防疫 第一線 人員 有 充足 的 防疫 口罩 可 使用 特 透過 全台 各地 巧 藝 志 工 進行 布 口罩 製作 教學 2 月 15 日 在 慈濟雙 和靜 思 堂 更 有 一 群 來自 各界 的 年輕人 加入 慈濟志 工 的 行列 青銀共 制 布 口罩 傳達 罩 顧健康 自己 就 可以 動手做 中央流行疫情指揮中心 曾多次 呼籲 並 透過 影音 宣 導 健康 民眾 不用 戴 口罩 而 目前 研究 指出 2019 新型 冠狀病毒 主要 是 透過 飛 沫 感染 因此 民眾 若是 擔心 健康 又 沒有 充足 的 醫療 口罩 其實 選 用布 質 口罩 並 保持 替換 洗滌 的 習慣 也 可以 阻絕 一定 比例 的 飛 沫 慈 濟 志 工 在 二月 初 即 著 手 規劃 進行 自製 布 口罩 也 透過 網路 宣 導 獲得 各界 響應 報名 因為 受到 防疫 而延 後 開學 的 影響 在 雙 和靜 思 堂 吸引 不少 學生 主動 報名 參加 布 口罩 製作 以 分工 分組 的 方式 依照 流程 sop 進行 區分 為 描圖 區 燙 折 區 車 縫 區 翻 面 修剪 區 熨 燙 裝箱 區 及 輸送 區 家住 彰 化 目前 就讀 虎尾 科技 大學 二 年級 的 廖浚 頡 帶 著 兩 個 弟弟 廖 淂 程及 廖 昞 享 三 兄弟 一早 自行 坐 火車 北上 響應 慈濟 活動 從 沒有碰過 裁縫 的 廖浚 頡 主動 承擔 車 縫 區 就讀 理 工 相關 科系 的 他 首度 嘗試 踩 著 裁縫 車 仔細 對 著 縫 線 覺得 過程 很 新鮮 但是 專注 的 神情 一點 也 不 馬虎 因為 知道 這些 布 口罩 將 提供 給 例如 在 醫療 院所 上班 的 行政 同仁 或 慈濟 環保 志 工 訪視 志 工 等 慈濟 的 第二 線 人員 所以 非常 認真 學習 最小 的 弟弟 廖 昞 享 則 在 熨 燙 裝箱 區 從未 拿 過 熨斗 今天 是 他 首次 提起 動作 一 開始 有些 生澀 慈濟志 工 在 旁 細細指導 因為 是 左撇子 廖 昞 享 小心翼翼 的 使用 另 外在 描圖 區 目前 就讀 中原大學 建築 系 一 年級 的 林懷謙 則 是 帶 著 就讀 花蓮 女中 美術班 的 妹妹 林 詠丞 參加 兩 人 因為 都有 繪圖 繪畫 的 相關 背景 所以 希望 發揮 專長 加速 布 口罩 的 製作 進度 慈 濟 基金會 表示 民眾 在 缺少 醫療 口罩 時 在 一般 日常生活 使 用布 質 口罩 也 是 一 種 自愛 愛人 的 行為 同時 也 請 不要 忘記 除了 使用 口罩 外 世界衛生組織 與 衛福部 更 提醒 勤洗手 跟 戴 口罩 一樣 重要 生活習慣 做得好 全民 防疫 更 有效</t>
  </si>
  <si>
    <t>臺北市 長 柯文哲 24 日 下午 召開 防疫 記者會 對於 北 捷 有人 確診 副 市長 黃珊珊 表示 有 1 名 保 全員 確診 3 人 為 快 篩 陽性 22 號 已 啟動 全站 清 消 北市 副 市長 黃珊珊 24 日 在 防疫 記者會 上 說明 臺北捷運 公司 龍山寺 有 1 名 保 全員 確診 也 要求 同仁 去 做 快 篩 22 日 快 篩 後 就 啟動 清 消 和 全站 消毒 相關 人員 有 快 篩 123 人 快 篩 3 人 為 陽性 已 進行 相關 隔離 不 會 影響 營運 目前為止 應該 是 共同 休息室 有 接觸 全部 會 交給 防疫 醫師 交給 疫 調和 匡列 北 捷 也 表示 第一線 員工 包含 站務 司機員 清潔 及 保全 並非 屬於 施打 疫苗 優先 順序 人員 但 已 鼓勵 員工 接種 疫苗 並 宣導 加強 個人 健康 管理 及 勤洗手 並 實施 分組 輪班 及 異地 辦公 中央流行疫情指揮中心 今 24 日 公佈 國內 新增 334 例 新冠 本土 病例 新北 177 例 最 多 其次 為 臺北市 99 例 另 有 256 例 為 校正回歸 個案</t>
  </si>
  <si>
    <t>政府 機關 陸續 異地 辦公 國民黨 發言人 洪于茜 今 表示 國民黨 3 月 已 作 相關 準備 隨時 可因 應 疫情 變化 調整 異地 辦公 中央黨部 大樓 也 進行 每天 量 體溫 噴 酒精 並 呼籲 黨工 同仁 在 密閉空間 配戴 口罩 主動 回報 身體狀況 若 有 身體 不適 者 回報 後 可 不 到 班及 就診 或 自主 管理 針對 中央流行疫情指揮中心 提醒 清明連 假 曾 造訪 11 個 臺灣 熱門 風景區 與 景點 的 民眾 須進行 自主 健康 管理 洪於茜 說 國民黨 也 呼籲 連 假期 間 有 到 11 個 發佈 警訊 地點 旅遊 的 黨工 必須 主動 告知 到 班 必須 全程 配戴 口罩 據 瞭解 中央黨部 今天 並 無 通報 有 黨工 在 連 假 赴 11 處 熱門 景點</t>
  </si>
  <si>
    <t>中央流行疫情指揮中心 今 3 日 公佈 國內 新增 1 例 境外移入 新冠肺炎 病例 案 449 為 50 多 歲 男性 因 工作 長期 居住 南非 前次 自 臺灣 出境 時間 為 108 年 9 月 今 109 年 7 月 1 日 獨自 返國 入境 指揮中心 表示 個案 因 計畫 返台 探親 於</t>
  </si>
  <si>
    <t>中央流行疫情指揮中心 今 3 日 公佈 國內 新增 1 例 境外移入 新冠肺炎 病例 案 449 為 50 多 歲 男性 因 工作 長期 居住 南非 前次 自 臺灣 出境 時間 為 108 年 9 月 今 109 年 7 月 1 日 獨自 返國 入境 指揮中心 表示 個案 因 計畫 返台 探親 於 南非 當地 采 驗 新型 冠狀病毒 采 撿 時無 症狀 6 月 27 日 上午 得知 檢驗 結果 為 陰性 同日 下午 出現 發燒 全身 無力 及 喉嚨 有 異物感 等 症狀 28 日 至 當地 醫院 就醫 醫師 評估 為 一般 感冒 個案 服 藥 後 於 6 月 30 日 自覺 症狀 好轉 當日 自 南非 搭 機 至 杜拜 轉機 於 7 月 1 日 晚間 入境 臺灣 莊 人 祥 指出 個案 入境 時無 症狀 因 主動 告知 14 天內 曾 有 不適 症狀 由 機場 檢疫 人員 安排 采 檢 後 送至 集中 檢疫所 隔離 於 今日 確診 個案 目前 收治 住院 隔離 經 x 光 檢查 診斷 有 肺炎 情形 衛生 單位 已 掌握 個案 接觸 者 共 27 人 其中 同 班機 前後 二 排 乘客 13 人 列為 居家 隔離 對象 同 班機 機組員 14 人 因 有 適當 防護 列為 自主 健康 管理物件 指揮中心 統計 國內 截至 目前 累計 77157 例 新型 冠狀病毒 肺炎 相關 通報 含 76225 例 排除 其中 449 例 確診 分別 為 358 例 境外移入 55 例 本土 病例 及 36 例 敦睦 艦隊 莊 人 祥 表示 7 月 4 日 零 時 開始 實施 外籍人士 有 居留 證者 不 需 持 三 天內 陰性 證明</t>
  </si>
  <si>
    <t>曾 到 高雄金 芭 黎 舞廳 消費 的 確診 台商 至今 已 住院 77 天 中央流行疫情指揮中心 日前 曾 指出 該 名 台商 因為 檢驗 結果 反 覆 因此 始終 無法 解除 隔離 但 今天 指揮中心 表示 該 名 台商 傳出 好 消息 應 是 有望 解除 隔離 指揮中心</t>
  </si>
  <si>
    <t>曾 到 高雄金 芭 黎 舞廳 消費 的 確診 台商 至今 已 住院 77 天 中央流行疫情指揮中心 日前 曾 指出 該 名 台商 因為 檢驗 結果 反 覆 因此 始終 無法 解除 隔離 但 今天 指揮中心 表示 該 名 台商 傳出 好 消息 應 是 有望 解除 隔離 指揮中心 發言人 莊人祥 今 在 記者 會後 被 現場 媒體 問及 曾至金 芭 黎 舞廳 消費 的 台商 狀況 莊人祥 雖 未 證實 該 名 台商 已 順利 出院 但 仍 表示 應該 是 有 好 消息 暗示 該 名 台商 頗 有 希望 解除 隔離</t>
  </si>
  <si>
    <t>中央流行疫情指揮中心 今 宣佈 加碼 津貼 獎勵 將 急診 醫護 納入 範圍 醫師 每人 每日 1萬 護理 師 每人 每班 1萬 元 行政院長 蘇貞昌 今晚 在 臉書 表示 急救 責任 醫院 防疫 獎勵 收治 確診 個案 獎勵 必須 全數 分配 給 相關 人員 這些 措施</t>
  </si>
  <si>
    <t>中央流行疫情指揮中心 今 宣佈 加碼 津貼 獎勵 將 急診 醫護 納入 範圍 醫師 每人 每日 1萬 護理 師 每人 每班 1萬 元 行政院長 蘇貞昌 今晚 在 臉書 表示 急救 責任 醫院 防疫 獎勵 收治 確診 個案 獎勵 必須 全數 分配 給 相關 人員 這些 措施 這些 措施 追溯 自 今年 1 月 起 算 相關 申請 作業 須知 及 細節 下禮拜 就 會 公 佈 並 通知 各 醫院 蘇貞昌 指出 新冠肺炎 攻陷 全球 臺灣 今天 能夠 守 住 靠 的 就 是 第一 線 辛勞 的 醫 事 人員 因此 衛生 福利 部 特別 修正 獎勵 要點 讓 急診 專責 照 護 人員 納入 防疫 獎勵 醫師 護理 醫 事 放射 人員 都有 津貼 蘇貞昌 說 同時 新增 急救 責任 醫院 防疫 獎勵 和 收治 確診 個案 獎勵 這 兩 個 獎勵 都 必須 全數 分配 給 相關 工作人員 包含 醫護 醫 事 放射 人員 社會 工作人員 行政 人員 救護 人員 及 清潔 人員 蘇貞昌 強調 這些 措施 追溯 自 今年 1 月 起 算 相關 申請 作業 須知 及 細節 下禮拜 就 會公 佈 並 通知 各 醫院 讓 所有 辛苦 的 防疫 英雄 都 能 得到 更 多 照顧 感謝 所有 防疫 英雄</t>
  </si>
  <si>
    <t>國內 今日 再 添 2 名 確診 案例 其中 1 名 50 多 歲 婦女 感染 源 不明 近期 未 出國 未 外出 卻 因 出現 肺炎 症狀 被 通報 進而 確診 新冠肺炎 目前 仍 在 進行 疫 調 中 該 女性 有 糖尿病 心血管 疾病 等 慢性 病史 2 月 14 日 因 低血糖 全身 倦怠 情形 就醫 並 收治 住院 當時 無 呼吸道 症狀 21 日 起 出現 咳嗽 喉嚨 痛 及 發燒 症狀 26 日 診斷 有 肺炎 情形 由 醫院 通報 送驗 於 今日 確診 由於 個案 近期 無 國外 旅遊 史 研 判 於 國內 感染 仍 在 疫 調 中 中央流行疫情指揮中心 表示 該 女性 平時 未 外出 近期 未 出國 家 人 也 沒有 症狀 將 進一步 調查 同 住 接觸 者 活動 史 及 住院 期間 接觸 的 病 患 醫護人員 等 厘 清 感染 源</t>
  </si>
  <si>
    <t>中央流行疫情指揮中心 6 日 才 宣佈 失 聯 逾期 居留 的 移 工 不 會 因為 接種 疫苗 而 遭 捕 不過 新竹 縣 1 名 女 移 工 7 日 上午 由 朋友 陪同 前往 新豐鄉 衛生所 接種 疫苗 卻 疑 因 無 健 保 卡 等 文件 衛生所 通知 警方 而 先 至 分 駐 所 問訊 隨後</t>
  </si>
  <si>
    <t>中央流行疫情指揮中心 6 日 才 宣佈 失 聯 逾期 居留 的 移 工 不 會 因為 接種 疫苗 而 遭 捕 不過 新竹 縣 1 名 女 移 工 7 日 上午 由 朋友 陪同 前往 新豐鄉 衛生所 接種 疫苗 卻 疑 因 無 健 保 卡 等 文件 衛生所 通知 警方 而 先 至 分 駐 所 問訊 隨後 才打 疫苗 親友 指控 與 指揮中心 說 的 有 出入 新竹 縣 衛生局 解釋 失 聯 逾期 居留 的 移 工 若要 接種 疫苗 需 先前 往 移民署 新竹 縣 專勤 隊 開立 自首書 後續 才能 接種 並非 人 來 就 打 該 名 女 移 工 7 日 上午 先 去 衛生所 欲 接種 疫苗 不過 衛生所 人員 發現 她 沒有 在 登錄 名單 上 也 沒有 健 保 卡 居留證 等 證件 因此 也 不 知 該 如何是好 因此 造成 風波 後續 流程 要 怎麼 進行 會 再 請示 中央流行疫情指揮中心 而 發生 去 衛生所 卻 進 派出所 的 女 移 工 的 朋友 則 說 是 看 了 新聞 聽到 衛生 福利 部長 陳時中 等 人 說 為了 避免 失 聯 逃逸 逾期 居留 移 工 成為 防疫 破 口 去 打 疫苗 不會 抓 因 此 才帶 這 名 女 移 工 前往 衛生所 接種 卻 未 料 還 沒 打 疫苗 就 先進 派出所 還要 上 手銬 戴 腳鐐 跟 指揮中心 宣佈 的 內容 出入 很 大 女 移 工 的 朋友 也 說 如果 會 被 抓 誰 會 傻傻 去 打 疫苗 全台 失 聯 逾期 居留 移 工 超過 5萬 人 移民署 規 畫 在 台 逾期 停 居留 之 外來人口 疫苗 接種 專案 采 不 通報 不 查處 不 收費 等 原則 鼓勵 失 聯 移 工 出面 接種 不過 仍 須先 去 各縣市 專勤 隊 開立 自首書 並 繳 罰 單 出入境管理局 後續 會 編 列 名冊 請 各地 衛生所 協助 接種 疫苗 而 這 名 欲 打 疫苗 卻 被捕 的 女 移 工 已 完成 疫苗 接種 預計 將 解送 至 新竹 縣 專勤 隊 辦理</t>
  </si>
  <si>
    <t>因 新冠肺炎 疫情 衝擊 兩岸 如今 只 剩 5 個 航點 貨運業 者 希望 開放 更 多 航點 讓 客機 純 載貨 中央流行疫情指揮中心 上周 表示 只要 業者 有 合理 規劃 提出 申請 不會 反對 今天 指揮中心 記者會 上 媒體 追問 如今 有無 收到 申請 了 對此 副</t>
  </si>
  <si>
    <t>因 新冠肺炎 疫情 衝擊 兩岸 如今 只 剩 5 個 航點 貨運業 者 希望 開放 更 多 航點 讓 客機 純 載貨 中央流行疫情指揮中心 上周 表示 只要 業者 有 合理 規劃 提出 申請 不會 反對 今天 指揮中心 記者會 上 媒體 追問 如今 有無 收到 申請 了 對此 副 指揮官 陳宗彥 表示 兩岸 航點 還 是 維持 五 個 貨運 部分 會 再 仔細 盤點 研究 目前 航空業者 尚未 提出 申請</t>
  </si>
  <si>
    <t>新冠肺炎 本土 疫情 延 燒 中央流行疫情指揮中心 今 公佈 國內 新增 304 例 covid-19 確定 病例 分別 為 302 例 本土 個案 及 2 例 境外移入 個案 另 有 校正 回歸 本土 個案 331 例 總計 635 例 確診 個案 中 新增 11 例 死亡 死亡 個案 中 7 人 有 慢性病</t>
  </si>
  <si>
    <t>新冠肺炎 本土 疫情 延 燒 中央流行疫情指揮中心 今 公佈 國內 新增 304 例 covid-19 確定 病例 分別 為 302 例 本土 個案 及 2 例 境外移入 個案 另 有 校正 回歸 本土 個案 331 例 總計 635 例 確診 個案 中 新增 11 例 死亡 死亡 個案 中 7 人 有 慢性 病史 9 人 有 萬 華或 其他 確診 個案 活動 接觸 史 死亡 案例 創下 疫情 以來 單日 新 高 指揮官 陳時中 表示 今日 新增 之 302 例 本土 病例 為 158 例 男性 144 例 女性 年齡 介於 未 滿 5 歲 至 90 多 歲 發病 日 介 於今 2021 年 5 月 8 日 至 5 月 25 日 個案 分佈 以 新北 市 152 例 最 多 其次 為 臺北市 87 例 桃園 市 21 例 基隆 市 13 例 台中 市 9 例 新竹 縣 4 例 屏 東縣 雲 林縣 台 南市 宜蘭 縣 高雄市 及 彰 化 縣 各 2 例 花蓮縣 嘉義 市 台 東縣 及 連江縣 各 1 例 校正 回歸 的 331 例 為 160 例 男性 171 例 女性 年齡 介於 未 滿 5 歲 至 90 多 歲 發病 日 介於 5 月 13 日 至 5 月 25 日 個案 分佈 以 臺北市 221 例 最 多 其次 為 新北 市 102 例 桃園 市 3 例 基隆 市 及 台中 市 各 2 例 苗栗縣 1 例 經 校正 回歸 後 本土 個案 的 高點 維持 在 5 月 17 日 5 月 19 日 也 漸漸 變 高 整體 疫情 沒有 急速 惡化 但有 沒有 改善 值得 觀察 綜 上 所有 個案 其中 萬 華 活動 史 相關 209 例 茶藝 館 相關 35 例 某 社團 相關 3 例 其他 已 知 感染 源 170 例 關聯 不 明 122 例 疫 調 中 94 例 相關 疫情 調查 持續 進行 中 另外 今日 也 新增 11 例 死亡 個案 案 28652877330532133980427343734666498450985869 中 為 9 男 2 女 介於 50 多 歲 至 70 多 歲 發病 日 采 檢 日 介於 5 月 7 日 至 5 月 25 日 確診 日 介於 5 月 21 日 至 5 月 26 日 死亡 日 介於 5 月 23 日 至 5 月 25 日 死亡 個案 中 7 人 有 慢性 病史 9 人 有 萬 華或 其他 確診 個案 活動 接觸 史 相關 疫情 調查 持續 進行 中 至於 新增 的 2 例 境外移入 病例 案 5646 為 大陸 20 多 歲 男性 5 月 1 日 來 台 持有 搭 機 前 3 日內 檢驗 陰性 報告 入境 後於 防疫 旅館 居家 檢疫 在 台 期間 並 無 症狀 自主 健康 管理 期滿 後 於 5 月 24 日 自費 采 檢 於 今日 確診 案 5891 為 本 國籍 50 多 歲 男性 5 月 5 日 於 印度 出現 症狀 並 檢驗 陽性 5 月 14 日 以 緊急 醫療 包機 自 印度 返台 入境 時 pcr 采 檢 陰性 抗體 陽性 入境 後 入院 治療 期間 再次 采 檢 於 今日 確診 截至 目前 國內 共 累計 6091 例 確診 分別 為 1120 例 境外移入 4918 例 本土 病例 36 例 敦睦 艦隊 2 例 航空器 感染 1 例 不 明及 14 例 調查 中 另 14 例 案 530 案 1589167615911886206720682528253039753989399039914726 移除 為 空號 確診 個案 中 46 例 死亡 指揮中心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中央流行疫情指揮中心 今日 公佈 國內 新增 1 名 新冠肺炎 境外移入 個案 個案 為 20 多 歲 女性 案 482 去年 8 月 因公 外 派 菲律賓 於 今年 8 月 13 日 返國 有 配戴 口罩 護目鏡 等 入境 時 主動 告知 曾有疑 似 症狀 於 機場 采 檢 後 送至 集中</t>
  </si>
  <si>
    <t>中央流行疫情指揮中心 今日 公佈 國內 新增 1 名 新冠肺炎 境外移入 個案 個案 為 20 多 歲 女性 案 482 去年 8 月 因公 外 派 菲律賓 於 今年 8 月 13 日 返國 有 配戴 口罩 護目鏡 等 入境 時 主動 告知 曾有疑 似 症狀 於 機場 采 檢 後 送至 集中 檢疫所 隔離 今日 確診 目前 住院 隔離 治療 中 截至 目前 國內 共 累計 482 人 確診 指揮中心 表示 案 482 於 8 月 10 日 出現 嗅覺 喪失 肌肉 酸痛 及 流 鼻 水 等 症狀 曾 自行 服 藥 後 症狀 緩解 未曾 於 國外 就醫 衛生 單位 已 掌握 接觸 者 共 8 人 其中 3 人 為 同 班機 前後 兩 排 旅客 列為 居家 隔離 對象 另 同 班機 機組員 5 人 均 有 適當 防護 列為 自主 健康 管理物件 指揮中心 統計 國內 截至 目前 累計 84446 例 新型 冠狀病毒 肺炎 相關 通報 含 83352 例 排除 其中 482 例 確診 分別 為 390 例 境外移入 55 例 本土 病例 36 例 敦睦 艦隊 及 1 例 待 厘 清 指揮中心 呼籲 民眾 出入 人潮 擁擠 或 密閉 場所 如 醫療 院所 人口 密集 機構 大眾 運輸 場站 或 無法 保持 社交距離 之 車廂 賣 場 或 市集 教育 學習 場所 休閒 娛樂場所 宗教 場所 及 活動 時 請 佩戴 口罩 並 養成 勤洗手 咳嗽 禮節 等 衛生習慣 以 降低 感染 風險 另 莊 人 祥 表示 先前 確診 的 比利時 工程師 日本 工程師 以及 赴 港 台女 等 人 的 接觸 者 都為 陰性 指揮中心 將 交 由 專家 小組 進行 討論</t>
  </si>
  <si>
    <t>中央 疫情 指揮中心 日 宣佈 搭乘 大眾 運輸工具 應 全程 戴 口罩 未戴 者 將 先 勸導 勸導 不 聽 者 將 開 罰 3000 元 至 1萬5000 元 台中市政府 配合 中央 政策 民眾 即日起 在 台中 市 搭乘 公車 應 全程 佩戴 口罩 並 禁止 于 車內 飲食 呼籲 民眾 配合 中央流行疫情指揮中心 繼 4 月 1 日 公佈 社交距離 指引 進一步 宣佈 搭乘 大眾 運輸 應 全面 戴 口罩 未戴 者 可先 勸導 若 不 聽從 將 依照 傳染病 防治法 處 3000 元 以上 1萬5000 元 以下 罰 鍰 交通 局長 葉昭甫 表示 台中 持續 超前 部署 加強 交通運輸 工具 防疫 措施 除 計程車 公車 全面 性 消毒 等 也 已 要求 大眾 運輸業 者 依照 中央 指示 配合 防疫 並 加強 與 民眾 溝通 讓 疫情 風險 持續 降低 呼籲 乘客 佩戴 口罩 時 遵守 開 戴 壓 密 等 步驟 讓 口罩 發揮 最佳 防護 效果 葉 昭 甫 提醒 交通局 已經 在 臉書 台中市政府 交通局 公車 智慧 型 站牌 即時 公車 動態 資訊 網站 台中 公車 app 公車 內 站名 播報 led 等 處 提供 最新 大眾 運輸 防疫 宣 導 搭乘 公車 時戴 口罩 並 勤洗手 如有 身體 不適 如 發燒 咳嗽 等 呼吸道 症狀 請 盡 速 就醫 以 確保 自身 及 他人 安全</t>
  </si>
  <si>
    <t>新冠肺炎 疫情 全球 肆虐 停 在 日本 橫濱 港 的 鑽石 公主 號 截至 目前為止 已 累計 218 名 旅客 和 船 組員 確診 其中 11 名 屬於 重症 患者 對此 就 有 網友 好奇 海上 郵輪 真的 很 好玩 嗎 貼 文一 出 隨即 掀起 熱 議 數 日前 停泊 在 基隆 港 船上 載有 1738 名 旅客 的 寶瓶 星號 我國 中央流行疫情指揮中心 登 船 替 旅客 進行 發燒 篩檢 其中 128 人 采 檢 送驗 結果 出爐 全數 檢驗 陰性 過關 對比 現如今 的 鑽石 公主 號 疫情 險峻 就 有 網友 在 ptt 八卦板 po 文 指出 最近 那 兩 艘 海上 郵輪 鬧 得 沸沸揚揚 一 艘 回台 大家 可以 回家 啦 全體 歡呼 一 艘 還 停 在 日本 簡直 像 個 大 毒 窟 讓 他 不禁 好奇 郵輪 確實 是 臺灣 最近 很 夯 的 旅遊 方式 我 雖然 沒試 過 但 實在 不能 理解 一 艘 大船 在 海上 漂泊 幾 天 然後 偶爾 靠港 到底 有 什麼 好玩 的 有 沒有 海上 郵輪 有 真的 很 好玩 的 八卦 貼 文一 出 隨即掀起 網友 熱 議 紛紛 留言 回應 船上 設施 吧 還 不錯 很多 餐廳 可以 吃 表演 可以 看 把 它 想成 一 間 移動 式 的 五星 飯店 公海 就 可以 賭博 了 就 跟 你 跑 去 澳門 一樣 躺 在 甲板 上 看 海 耍 廢 還 蠻 舒服 的 好處 其實 就 是 你 不用 安排 一 堆 旅程 純 享受 好玩 啊 有生之年 要 去 一 次 想 快速 玩 一 遍 三 天 慢慢 玩 五 天 不少 內行人 更 一面倒 推 爆 一 優點 睡飽 吃 吃 飽 睡 基本上 自助餐 廳 都 是 開放 的 不用 再 付錢 所以 嘴 饞 就 走 到 餐廳 吃 點 東西 然後 去 玩玩 郵輪 設施 肚子餓 再來 吃 東西 搭 過 一 次 公主 號 體驗 真的 超 棒 的 3 餐 都 有 供應 隨時 想 吃 東西 都 可以 去 半夜 肚子餓 大廳 還有 mini bar 吃到 爽 講 真的 郵輪 超 適合 肥 宅 去 的 絕對 吃到 爽 目前 吃 的 最好 的 就 是 現在 有名 的 鑽石 公主</t>
  </si>
  <si>
    <t>國際 穿戴 大廠 garmin 林 口 廠 區 1 名 員工 染疫 桃園 市 衛生局 表示 接 獲 消息 後 立即 協助 全廠 區 近 500 名 員工 采 檢 目前 356 人 結果 出爐 全部 呈現 陰性反應 該 確診 員工 為 新北 市民 相關 疫 調 由 新北市衛生局 負責 調查 桃園 市 衛生局 指出 7 日 當天 接 獲 garmin 林 口 廠 區 1 名 員工 確診 的 消息 緊急 於 當日 進行 全廠 區 采 檢 工作 采 檢 人數 將近 500 名 初步 356 人 結果 出爐 皆 為 陰性 雖然 廠 區 地點 在 桃園 但因 該 員工 落 籍 新北 相關 疫 調 由 新北 市府 進行 中央流行疫情指揮中心 指揮官 陳時中 表示 目前 初步 篩檢 沒有 群 聚 的 現象 但 目前 仍 在 檢驗 中 檢驗 至今 尚未 發現 有 陽性</t>
  </si>
  <si>
    <t>南韓 新冠肺炎 確診 案例 暴 增 今 更 出現 首 名 死亡 案例 當地政府 宣佈 進入 社區 傳播 階段 中央流行疫情指揮中心 宣佈 即 起 起 提升 南韓 旅遊 疫情 建議 至 第 1 級 注意 watch 提醒 民眾 遵守 當地 一般 預防措施 至於 重災區 日本 指</t>
  </si>
  <si>
    <t>南韓 新冠肺炎 確診 案例 暴 增 今 更 出現 首 名 死亡 案例 當地政府 宣佈 進入 社區 傳播 階段 中央流行疫情指揮中心 宣佈 即 起 起 提升 南韓 旅遊 疫情 建議 至 第 1 級 注意 watch 提醒 民眾 遵守 當地 一般 預防措施 至於 重災區 日本 指揮中心 則 擬將 旅遊 疫情 建議 提升 至 第 2 級 警示 alert 加強 對 日 預警 南韓 新冠肺炎 病例 數 快速 上升 今日 突破 100 例 更 出現 首 名 死亡 案例 中央流行疫情指揮中心 表示 南韓 確診 個案 約 7 成為 當地 或 疑 似 當地 感染 其中 有 幾 例 感染 源 不明 並 已 出現 多 起 群 聚 事件 指揮中心 指揮官 陳時中 表示 考量 我國 與 南韓 往來 密切 昨 起 提升 南韓 旅遊 疫情 建議 至 第 1 級 注意 watch 提醒 民眾 遵守 當地 一般 預防措施 至於 疫情 持續 延 燒 的 日本 陳時中 表示 非常 可能 進一步提高 旅遊 疫情 建議 等級 由 第 1 級 注意 watch 提升 至 第 2 級 警示 alert 亦 即 加強 預警 呼籲 民眾 前往 當地 需 加強 防護 截至 今日 國內 共 新增 30 例 疑 似 個案 累計 通報 1941 人 其中 1844 人 已 排除 其 餘 仍 在 隔離 檢驗 42 人 初 驗 陰性 其 餘 待 檢驗 24 名 確診 個案 中 1 人 死亡 其 餘 個案 病況 穩定 個案 接觸 者 尚有 161 人 持續 居家 隔離 其中 6 人 有 症狀 已 通報 5 人 排除 1 人 檢驗 中 指揮中心 呼籲 民眾 應 落實 肥皂 勤洗手 避免 觸摸 眼 鼻 口 做好 咳嗽 禮節 若 參加 聚會 活動 應 做好 防範措施 有 呼吸道 症狀 者 應在 家 休息 自 國外 入境 時 如有 發燒 咳嗽 等 不適 症狀 應 主動 通報 檢疫 人員 配合 各項 防疫 措施 返國 後 14 天內 如 出現 疑 似 症狀 可撥打 免 付費 防疫 專線 1922 依 指示 戴 口罩 就醫 並 告知 旅遊 史 職業 別 接觸 史及 是否 群 聚 tocc 以 及時 診斷 通報</t>
  </si>
  <si>
    <t>截至 15 日 下午 4 時 臺灣 新增 6 例 境外移入 新冠肺炎 病例 從 案 54 到案 59 指揮官 陳時中 表示 這次 一口氣 確診 6 位 創下 國內 單日 最高 紀錄 對此 婦產科 名醫 蘇怡寧 在 臉書上 怒 轟 我 真心 不 理解 這個 時候 出國 旅遊 的 概念 是 嘲諷性 po 文 一 出 立刻 引起 大批 網友 跟 著 痛駡 蘇怡寧 在 臉書上 分享 中央流行疫情指揮中心 針對 案 54 到案 59 的 確診 通報 資訊 他 語 帶 諷刺 地 吐 槽 詢問 眾 網友 我 真心 不 理解 這個 時候 出國 旅遊 的 概念 是 請 給 我 一個 合理 的 答案 謝謝 網友 們 一 看 也 紛紛 譴責 幫 回答 罵 說 可能 覺得 自己 沒 那麼 幸運 會 被 傳染 捨不得 已 繳 團費 僥倖 我 不 會 被 傳染 到 的 心態 政府 應該 請 他們 全額 自付 醫療 費用 超 自私 讓 國人 曝 在 風險 中 應該 自付 所有 醫療 費用 好好 待 著 不要 趴 趴 走 很 困難 嗎 不過 也 有人 理性 留言 阿中 部長 有 交代 不要 給他人 貼 標籤 要 正向 防疫</t>
  </si>
  <si>
    <t>當前 新冠肺炎 疫情 蔓延 全球 2 月 28 日 又 傳出 有 紐西蘭 奈及利亞 亞 塞 拜 然 等 國 出現 首例 確診 病例 讓 全球 出現 疫情 的 國家 數 增至 56 國 總 感染 人數 突破 83000 人 世界衛生組織 who 秘書長 譚 德塞 日內瓦 時間 27 日 發出 警告 此 病毒 具有 成為 全球 流行病 的 潛力 輕忽 將 是 致命 的 錯誤 此外 隨 著 日本 也 因 持續 增加 確診 病例 我 中央流行疫情指揮中心 22 日 將 日本 旅遊 疫情 調升 為 二級 警示 外交部 28 日 晚間 也 宣佈 自即日起 調升 日本 旅遊 警示 燈號 為 黃色 提醒 國人 特別注意 旅遊 安全並 檢討 應 否 前往 也 調升 北海道 旅遊 警示 燈號 為 橙色 建議 避免 非必要 旅行 截至 2 月 27 日 全球 總 感染 人數 83746 人 較 上 日 新增 1241 人 累計 死亡 人數 2861 人 較 上 日 增加 52 人 而 中國 大陸 27 日 新增 327 例 確診 創 1 月 23 日 以來 新低 死亡 人數 新增 44 人 雖然 新增 病例 逾 一個 月 新低 但 大陸 國家 衛健 委 專家組 組長 梁萬年 28 日 強調 防控 疫情 形勢 仍然 嚴峻 複雜 不能 盲目樂觀 譚 德塞 27 日 出席 於 瑞士 日內瓦 舉行 的 記者會 上 表示 伊朗 義 大利 和 韓國 的 疫情 正 處於 決定性 的 時刻 這 三 個 國家 的 疫情 顯示 出 新冠肺炎 病毒 的 能力 我 對 日本 警示 升至 黃色 我 外交部 28 日 強調 日本 新冠肺炎 確診 病例 持續 增加 近 八成 為 當地 或 疑 似 當地 感染 其中 未知 感染 源 者 高達 29 且 已 發生 數 起 社區 及 醫院 群 聚 感染 加上 美國 疾病 預防 管制中心 cdc 已將 日本 列為 第二 級 旅遊 警示 alert 綜合 考量 下 決定 即日起 將 日本 的 警示 燈號 提升 為 黃色 警示 特別注意 旅遊 安全並 檢討 應 否 前往 並 調升 北海道 旅遊 警示 燈號 為 橙色 建議 避免 非必要 旅行 中央流行疫情指揮中心 28 日 宣佈 國內 新增 二 例 新冠肺炎 確診 個案 第 33 例 為 北部 30 多 歲 男性 2 月中 參加 日本 大 阪 旅遊團 返國 出現 症狀 這 也 是 首例 從中 港澳 以外 境外移入 案例 第 34 例 為 50 多 歲 女性 近期 無 國外 旅遊 史 研 判 於 國內 感染</t>
  </si>
  <si>
    <t>國際 生 技 大廠 輝瑞 莫德納 moderna 相繼 宣佈 好 消息 但 國人 最 快 何時 可以 打到 新冠肺炎 疫苗 對 此 中央流行疫情指揮中心 發言人 莊人祥 今天 表示 指揮中心 已經 編 列 就是 編 列 1155億 元 經費 目標 就是 要 購買 到 每 劑 要價 約 70</t>
  </si>
  <si>
    <t>國際 生 技 大廠 輝瑞 莫德納 moderna 相繼 宣佈 好 消息 但 國人 最 快 何時 可以 打到 新冠肺炎 疫苗 對 此 中央流行疫情指揮中心 發言人 莊人祥 今天 表示 指揮中心 已經 編 列 就是 編 列 1155億 元 經費 目標 就是 要 購買 到 每 劑 要價 約 700 元 台幣 約 可 購買 1500萬 劑 疫苗 來 計算 最 快 明年 中 後 民眾 就 可以 施 打到 國際 的 新冠 疫苗 美國 研發 中的 莫德納 moderna 新冠 疫苗 昨天 宣佈 第 三 階段 試驗 初步 資料 顯示 疫苗 在 預防 covid-19 方面 有效性 超過 94 而 外電報導 美國 加拿大 都 已經 購買 了 一億 劑 臺灣 要買 到 的 機會 可能 不 大 對此 中央流行疫情指揮中心 發言人 莊人祥 今天 表示 目前 其實 整個 全球 疫苗 都 是 在 臨床 試驗 階段 連 最近 有 好 消息 的 bnt 和 moderna 都 在 第 三期 候選 疫苗 眾多 不會 單一 押 寶 還 是 先向 covax 購買 至於 指揮中心 會 向國際 購買 多少 疫苗 莊人祥 說 目前 就是 編 列 1155億 元 經費 換算 下來 就是 總共 預計 購買 1500萬 劑 的 新冠肺炎 疫苗 換算 每季 要價 700 元 台幣 去 計算 他 還 說 價格 可能 比 700 元 更 低 莊 人 祥 也 表示 有關 moderna 這 支 疫苗 仍要 看 它 何時 可以 通過 臨床 試驗 而 這 疫苗 和 bnt 相比 冷鏈 冷藏 上 比較 有利 moderna 冷藏 溫度 需要 零下 20 度 但 可以 在 普通 冰箱 存放 二 到 三 天 對於 儲存 比較 有利 這 是 中間 選項 部分 因此 會 去 努力 爭取 莊 人 祥 也 強調 目前 moderna 雖不 在 covax 釋出 的 首 波 候選 名單 會 不 會 進入 第二 波 指揮中心 也 沒 有把握 但是 今年 八 九月 時 我們 曾和 m 聯繫 過 也 有 直接 的 管道 未來 是否 有 其他 代理 的 廠商 有 任何 的 管道 我們 都會 去 嘗試</t>
  </si>
  <si>
    <t>國內 今天 新增 1 例 本土 個案 為 桃園 20 多 歲 女性 指揮中心 表示 該 確診 女性 ct 值 147 日 快 篩 陰性 8 日 當作 發病 日 6 月初 打過 一 劑 az 疫苗 目前 確認 感染 delta 感染 源 不明 是 桃園 機場 機艙 清潔 人員 將 從 該 女 的 清潔 航班 上 的 確診 乘客 中 尋找 可能 感染 源 指揮中心 說明 今日 新增 1 例 本土 個案 為 20 多 歲 女性 9 月 12 日 出現 輕微 流 鼻涕 頭暈 等 症狀 9 月 14 日 因 工作 需求 篩檢 於 今日 確診 衛生 單位 已 匡列 家庭 及 工作 接觸 者 45 人 均 列 居家 隔離 餘 匡列中 衛生 單位 將 持續 進行 疫情 調查 及 防治 以 厘 清 感染 源 醫療 應變 組 副 組長 羅一鈞 表示 這 名 本土 個案 ct 值 149 月 7 日 時 因 工作 要求 做 快快 篩 陰性 9 月 8 日 視為 可 傳染期 若以 9 月 12 發病 日 來 框 檢 算 三 天 為 9 月 9 日 從嚴 來 算 從 9 月 8 日 開始 匡列 相關 接觸 者 羅 一 鈞 表示 該 個案 六月 初時 曾 打過 一 劑 az 疫苗 還 不 算 突破性 感染 而 指揮中心 這次 也 是 比照 裝修工 夫妻 做 快速 病毒 序列 分析 因此 很快 得知 是 delta 接下來 會 再 跟 國內 其他 delta 做 比較 加上 她 是 航空器 上 的 客艙 清潔 人員 也 會 就 相關 的 航班 確診 者 做 相關 比對 要 經過 定序 的 結果 看 她 與 跟 其他 境外移入 的 病例 有 什麼 不同 厘 清 感染 源 指揮中心 也 統計 本土 定序為 delta 累計 36 例 其中 13 例 為 六月 份 屏 東群 聚 相關 1 例 為 九月 份 國籍 航空 機師 群 聚 相關 21 例 為 九月 份 新北 幼稚園 及 社區 群 聚 相關 以及 1 例 為 今天 公佈 之 桃園 機場 航班 清潔 人員 案例 境外移入 方面 中央流行疫情指揮中心 今 15 日 公佈 國內 新增 4 例 境外移入 另 確診 個案 中 無 新 增 死亡 指揮中心 表示 今日 新增 4 例 境外移入 個案 為 3 例 男性 1 例 女性 年齡 介於 20 多 歲 至 50 多 歲 分別 自 法國 案 16209 美國 案 16210 案 16212 菲律賓 案 16211 入境 入境 日期 介於 8 月 31 日 至 9 月 13 日 均 持有 搭 機 前 3 日內 檢驗 陰性 報告 指揮中心 統計 截至 目前 國內 累計 3057142 例 新型 冠狀病毒 肺炎 相關 通報 含 3039848 例 排除 其中 16103 例 確診 分別 為 1478 例 境外移入 14571 例 本土 病例 36 例 敦睦 艦隊 3 例 航空器 感染 1 例 不 明及 14 例 調查 中 另 累計 110 例 移除 為 空號 2020 年 起 累計 839 例 covid-19 死亡 病例 其中 829 例 本土 個案 居住 縣 市 分佈 為 新北 市 411 例 臺北市 318 例 基隆 市 28 例 桃園 市 26 例 彰 化 縣 15 例 新竹 縣 13 例 台中 市 5 例 苗栗縣 3 例 宜蘭 縣 及 花蓮縣 各 2 例 台 東縣 雲 林縣 台 南市 南 投 縣 高雄市 及 屏 東縣 各 1 例 另 10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中央流行疫情指揮中心 今 10 日 表示 約 458萬 劑 astrazeneca 疫苗 預定 於 今日 下午 3 時 40 分 抵達 桃園 國際機場 指揮官 陳時中 表示 這 批 是 我國 自 購 到 貨 的 第 8 批 az 疫苗 包含 先前 到貨 的 7 批 目前 我國 共 取得 3727萬 劑 指揮 中</t>
  </si>
  <si>
    <t>中央流行疫情指揮中心 今 10 日 表示 約 458萬 劑 astrazeneca 疫苗 預定 於 今日 下午 3 時 40 分 抵達 桃園 國際機場 指揮官 陳時中 表示 這 批 是 我國 自 購 到 貨 的 第 8 批 az 疫苗 包含 先前 到貨 的 7 批 目前 我國 共 取得 3727萬 劑 指揮中心 表示 該 批 疫苗 待 完成 通關 程式 後 直接 運送 至 指定 冷儲 物流 中心 進行 後續 檢驗 封 緘 作業 再 提供 新冠肺炎 接種 計 畫 所 列 實施 物件 接種 本次 提供 的 疫苗 系 為 多 劑型 包裝 每 瓶 10 人份 需 存放 於 2 8 的 環境 依 臨床 試驗 每人 需 施打 2 劑 本 批 效期 至 110 年 12 月 31 日 指揮中心 指出 去 2020 年 10 月 30 日 與 臺灣 阿斯特 捷利康 公司 簽署 1000萬 劑 covid-19 疫苗 供應 合約 截至 目前 總計 到貨 約 3727萬 劑 分別 為 3 月 3 日 117萬 劑 7 月 7 日 626萬 劑 7 月 15 日 56萬 劑 7 月 27 日 582萬 劑 8 月 12 日 524萬 劑 8 月 27 日 265萬 劑 8 月 31 日 595萬 劑 及 本次 提供 第 八 批 458萬 疫苗</t>
  </si>
  <si>
    <t>因應 新冠肺炎 全球 大 流行 中央流行疫情指揮中心 指揮官 陳時中 宣佈 明起 淩晨 零 時 起 非本 國籍 人 一律 限制 入境 且 非 本國 及 入境 後 一律 居家 檢疫 14 天 對此 臺北 市長 民眾党 主席 柯文哲 今 中午 赴 立 法院 黨團 開 黨政 會議 前 受</t>
  </si>
  <si>
    <t>因應 新冠肺炎 全球 大 流行 中央流行疫情指揮中心 指揮官 陳時中 宣佈 明起 淩晨 零 時 起 非本 國籍 人 一律 限制 入境 且 非 本國 及 入境 後 一律 居家 檢疫 14 天 對此 臺北 市長 民眾党 主席 柯文哲 今 中午 赴 立 法院 黨團 開 黨政 會議 前 受訪 表示 這 政策 是 對 的 通常 政策 都 是 依照 實際 狀況 決定 柯文哲 表示 3 天內 增加 24 個 確診 個案 其中 又 是 境外 感染 占 大多數 臺北市 副 市長 黃珊珊 昨天 就 公開 建議 需要 較 嚴格 的 邊境 管制 所以 目前 這個 措施 是 對 的 至於 是否 該 延長時間 柯文哲 表示 決策 都 是 依照 實際 狀況 決定 本國 人 說 要 回來 沒有 理由 阻擋 所以 先 限制 外國籍 人士 未來 再 視 疫情 變化 這 是 動態 的 面對 境外移入 個案 持續 增加 做出 這樣 的 反應 是 對 的</t>
  </si>
  <si>
    <t>柯文哲 限制 入境 中央流行疫情指揮中心 陳時中 新冠肺炎</t>
  </si>
  <si>
    <t>中央流行疫情指揮中心 今 7 日 表示 我國 近期 陸續 接 獲 日本 及 法國 官方 透過 國際 衛生 條例 國家 對口 ihr national focal point 通報 自 我國 入境 日本 及 法國 之 民眾 檢 出 covid-19 陽性 指揮中心 指出 日本 通報 檢 出 陽性 個案</t>
  </si>
  <si>
    <t>中央流行疫情指揮中心 今 7 日 表示 我國 近期 陸續 接 獲 日本 及 法國 官方 透過 國際 衛生 條例 國家 對口 ihr national focal point 通報 自 我國 入境 日本 及 法國 之 民眾 檢 出 covid-19 陽性 指揮中心 指出 日本 通報 檢 出 陽性 個案 共 3 人 1 人 為 本 國籍 案 1 2 人 為 日本籍 案 2 案 3 均 為 男性 年齡 介於 50 多 歲 至 60 多 歲 案 1 無 症狀 離 台前 3 日內 9 月 30 日 采 檢 結果 為 陰性 10 月 2 日 入境 日本 時檢 出 抗原 陽性 案 2 無 症狀 除 10 月 2 日 入境 檢 出 抗原 陽性 外 分別 於 10 月 3 日 5 日 進行 核酸 檢驗 結果 均 為 陰性 案 3 為 船員 7 月 自 菲律賓 出港 個案 9 月 17 日 出現 胸 痛 症狀 9 月 18 日 自 我國 港口 入境 送醫 並 收治 住院 9 月 25 日 出院 後 前往 防疫 旅館 檢疫 至 10 月 2 日 期間 均 無疑 似 症狀 10 月 3 日 入境 日本 時檢 出 抗原 陽性 10 月 4 日 再次 進行 核酸 檢驗 結果 為 陰性 3 名 個案 之 在 台 接觸 者 共 匡列 74 人 應采檢 34 人 核酸 及 血清 抗體 檢驗 均 為 陰性 指揮中心 表示 法國 通報 檢 出 陽性 個案 共 1 人 為 法國 籍 20 多 歲 男性 今年 2 月 入境 我國 9 月 30 日 離境 10 月 1 日 入境 法國 時采檢 10 月 2 日 檢 出 核酸 陽性 個案 在 台 期間 至 離境 迄今 均 無 症狀 衛生 單位 已 匡列 個案 在 台 期間 之 接觸 者 共 9 人 其中 采 檢 3 人 核酸 及 血清 抗體 均 為 陰性 中央流行疫情指揮中心 指揮官 陳時中 表示 案例 469 比利時 籍 三月 有 症狀 一直 把 此案 列為 不明 七月 底 要 出 國 的 時候 驗 出來 時間 很 長 國內 最 長 81 天都 還 驗 得到 518 案 在 菲律賓 發病 當地 治療 陰性 過 一段時間 回來 10 3 采 檢 又 是 陽性 最近 發現 這樣 的 案子 越來越 多 專家 認為 發病 後 傳染 力 會 漸漸 降低 提醒 國人 口罩 要 配戴 好 勤洗手 還是 要 做 對於 這次 臺灣 出境 到 日本 有 3 人 被 驗 出 陽性 陳時中 認為 這 顯示 出 現在 都有 這樣 檢驗 不一 的 情況 就 像 案 一 沒有 症狀 案 二 也 沒有 症狀 10 月 2 日 入境 日本 時 抗原 陽性 但 10 35 日 pcr 都 是 陰性 對於 頻頻 發生 臺灣 輸出 個案 陳時中 表示 和 法國 往來 這 段 時間 少 因 此 情況 不 清楚 但 整體 來看 相關 檢驗 都有 不 相符 的 情形 各國 都 會 根據 不同 的 方式 都 會 有 不同 的 檢疫 措施 都 要 進一步 瞭解 才能 厘 清 但 都 把 所有 個案 都 當成 是 本土 個案 在 臺灣 會 進行 接觸 史 的 疫情 調查 日本 是 檢驗 抗原 陽性 但 核酸 檢驗 卻是 陰性 是否 代表 日本 採用 抗原 來 采 驗 會 容易 有 偽 陰 偽陽 狀況 出現 專家 小組 召集人 張上淳 表示 抗原 敏感 性 一定 不 會 很 理想 流感 多 年 來 使用 快 篩 敏感 性 也 只 有 六 到 七 成 新冠肺炎來看 再好 的 敏感 性 也 不 會 超過 八九 成 他們 內部 自 認 敏感 和 特 異性 覺得 不錯 但 臺灣 的 專家 小組 對 此 有 保留 之前 我們 也 有 到 日本 被 檢 出 陽性 但 一 周 後 以 pcr 重複 檢測 都 是 陰性 因此 我們 認為 偽陽 的 狀況 機 率 大 不少 委員 都抱 持 是 偽陽</t>
  </si>
  <si>
    <t>中央流行疫情指揮中心 今 2 日 公佈 國內 新增 6 例 境外移入 covid-19 確定 病例 分別 為 美國 2 例 菲律賓 2 例 英國 及 印尼 各 1 例 截至 目前 共 累計 808 例 確診 案例 其中 英國 入境 男子 ct 值 僅 18 代表 病毒 量 高 指揮中心 將 做 病毒 基</t>
  </si>
  <si>
    <t>中央流行疫情指揮中心 今 2 日 公佈 國內 新增 6 例 境外移入 covid-19 確定 病例 分別 為 美國 2 例 菲律賓 2 例 英國 及 印尼 各 1 例 截至 目前 共 累計 808 例 確診 案例 其中 英國 入境 男子 ct 值 僅 18 代表 病毒 量 高 指揮中心 將 做 病毒基因 序列 比對 確認 個案 是否 感染 變種 病毒 指揮中心 發言人 莊人祥 表示 案 804 為 英國 籍 30 多 歲 男性 去 2020 年 12 月 30 日 來 台 工作 持有 登機 前 3 日內 核酸 檢驗 陰性 報告 個案 入境 後 至 集中 檢疫所 檢疫 自述 12 月 28 日 起 即有 輕微 鼻 塞 症狀 但 自覺 為 英國 天氣 寒冷 所 致 12 月 31 日 進行 采 檢 今日 確診 衛生 單位 已 掌握 個案 接觸 者 2 人 均 為 一同 入境 之 英國 籍 同事 采 檢 結果 均 為 陰性 列為 居家 隔離 案 805 為 本 國籍 20 多 歲 女性 長期 於 美國 就學 去年 12 月 30 日 入境 持有 登機 前 3 日內 核酸檢驗 陰性 報告 入境 後 入住 防疫 旅 宿進行 居家 檢疫 當日 晚間 出現 喉嚨 不適 症狀 12 月 31 日 由 衛生 單位 安排 就醫 采 檢 於 今日 確診 衛生 單位 已 掌握 個案 接觸 者 共 18 人 其中 6 人 列 居家 隔離 12 人 列 自主 健康 管理 案 806 為 美國 籍 40 多 歲 女性 去年 12 月 24 日 來 台 工作 入境 時無 不適 症狀 持有 登機 前 3 日內 核酸 檢驗 陰性 報告 個案 於 12 月 29 日 居家 檢疫 期間 出現 全身 倦怠 嗅覺 異常 及 腹瀉 等 症狀 12 月 30 日 由 衛生 單位 安排 就醫 采 檢 於 今日 確診 由於 個案 可 傳染期 間 已 單獨 進行 居家 檢疫 且 就醫 時 接觸 之 相關 人員 均 有 適當 防護 無須 匡列 接觸 者 案 807808 均 為 菲律賓籍 30 多 歲 女性 移 工 去年 12 月 18 日 來 台 且 均 持有 登機 前 3 日內 核酸 檢驗 陰性 報告 入境 後 前往 集中 檢疫所 進行 檢疫 入境 迄今 均 無 症狀 12 月 31 日 檢疫 期滿 前 采 檢 並於 今日 確診 由於 2 名 個案 均 無 症狀 且 檢疫 期間 未 與 他人 接觸 故 無 匡列 接觸 者 案 809 為 印尼 籍 20 多 歲 男性 船員 去年 12 月 17 日 來 台 持有 登機 前 3 日內 核酸 檢驗 陰性 報告 個案 入境 後 入住 防疫 旅 宿進行 居家 檢疫 入境 迄今 均 無 症狀 1 月 1 日 進行 自費 采 檢 今日 確診 衛生 單位 已 掌握 個案 接觸 者 共 6 人 均 列為 自主 健康 管理 指揮中心 統計 截至 目前 國內 累計 808 例 確診 案例 分別 為 713 例 境外移入 56 例 本土 病例 36 例 敦睦 艦隊 2 例 航空器 感染 及 1 例 比利時 工程師 另 1 例 江蘇 台商 案 530 移除 為 空號 確診 個案 中 7 人 死亡 686 人 解除 隔離 115 人 住院 隔離 中</t>
  </si>
  <si>
    <t>國際 疫情 持續 嚴峻 但 不少 學者 憂心 今年 秋冬 疫情 再次 席捲 來時 國內 民眾 恐怕 沒有 疫苗 可用 對此 中央流行疫情指揮中心 指揮官 陳時中 表示 已經 編 列 135億 元 的 疫苗 經費 包含 投入 最 基本 的 不管 是 國內 廠商 或是 向 國外</t>
  </si>
  <si>
    <t>國際 疫情 持續 嚴峻 但 不少 學者 憂心 今年 秋冬 疫情 再次 席捲 來時 國內 民眾 恐怕 沒有 疫苗 可用 對此 中央流行疫情指揮中心 指揮官 陳時中 表示 已經 編 列 135億 元 的 疫苗 經費 包含 投入 最 基本 的 不管 是 國內 廠商 或是 向 國外 購買 都 有 相當 經費 的 準備 若 還有 不足 則 會 動用 52億 元 的 預備金 有 充分 的 經費 可以 在 疫苗 上 競爭 陳時中 表示 疫苗 國內 有 三 家 疫苗 走 得 比較 快 也 都 提出 人體 第一 期 臨床 試驗 另 一家 沒有 接下來 要 看 他 臨床 試驗 的 順暢 不 代表 開始 實驗 就 會 成功 急 不得 總得 要 有效 安全才 可以 他 強調 法規 上 只 要 達到 一定 程度 的 有效性 不管 是 加速 審查 或是 緊急 授權 使用 製造 就 可以 來 做 對於 廠商 的 鼓勵 明天 開始 會 公佈 獎勵 辦法 讓 廠商 在 後續 臨床 試驗 時 可以 更 安心 在 財務 上會 予以 支持 對於 國內 廠商 可以 在 國內 使用 盡力 加速 國外 購買 方面 陳時中 說 也 積極 尋求 國際 組織 或是 個別 單一 國家 學術 單位 都 有 目前 都 在 洽談 中 至於 疫苗 第 三期 的 經費 中 疫苗 經費 也 編 列 135億 元 經費 來 做 最 基本 的 不管 是 國內 廠商 或是 生產 後 的 國外 購買 都 有 相當 經費 的 準備 還有 不足 52億 元 的 預備金 有 充分 的 經費 可以 在 疫苗 上 競爭</t>
  </si>
  <si>
    <t>全國 連續 六 天 本土 0 中央流行疫情指揮中心 今 5 日 公佈 國內 無 新 增 本土 病例 針對 逐步 放寬 的 防疫 政策 與 行業 複業 侯友 宜於 今日 的 防疫 記者會 指出 一切 均 遵照 中央 指引 但 也 呼籲 市民 面對 新型 態 防疫 生活 仍 需 隨時</t>
  </si>
  <si>
    <t>全國 連續 六 天 本土 0 中央流行疫情指揮中心 今 5 日 公佈 國內 無 新 增 本土 病例 針對 逐步 放寬 的 防疫 政策 與 行業 複業 侯友 宜於 今日 的 防疫 記者會 指出 一切 均 遵照 中央 指引 但 也 呼籲 市民 面對 新型 態 防疫 生活 仍 需 隨時 戴 口罩 病毒 才 不 會 到 侯友 宜於 今日 的 記者會 上 已 連續 多 日 零 確診 謝謝 市民 朋友 這 段 時間 保持 的 低度 活動 讓 疫情 逐漸 穩定 針對 視聽 歌唱 業 與 資訊 休閒 業 於 5 日 正式 受理 申請 複業 侯友宜 表示 業者 需 遞交 申請書 防疫 計 畫 從業人員 疫苗 接種 清冊 與 證明 且 須於 現場 貼 示 核准 公文 並 配合 公安消防 稽查 針對 昨日 中央 公佈 餐飲 場所 鬆綁 侯友宜 說 包括 內 用 不 限制 隔板 內 用 放寬 桌 菜 與 自助餐 取 餐 方式 便利商店 茶葉蛋 等 熟食 自行 夾 取 等 一切 以 中央 公告 為主 但 地方 上 的 細則 仍 盼 請 市民 配合 把 防疫 做 到位 侯友宜 強調 要 安全 的 新型態 生活 模式 最 重要 的 是 隨時 戴 口罩 病毒 不 會 到 倘若 無 法 保持 社交距離 口罩 就 是 最好 的 防護 不僅 保護 自己 也 保護 他人 其 餘 中央 公告 鬆綁 專案 地方 將 會 逐一 討論 完畢 後 即 公佈</t>
  </si>
  <si>
    <t>澳門 已經 許久 沒有 確診 不少 學生 很 困擾 課程 因 此 被 耽誤 學界 很 關心 是否 有 打算 開放 澳門 民眾 來 台? 陳時中 今天 表示 預計 三月中 可以 來 評估 中央流行疫情指揮中心 指揮官 陳時中 表示 澳門 三月 二 日 左右 已經 開始 動工 但</t>
  </si>
  <si>
    <t>澳門 已經 許久 沒有 確診 不少 學生 很 困擾 課程 因 此 被 耽誤 學界 很 關心 是否 有 打算 開放 澳門 民眾 來 台? 陳時中 今天 表示 預計 三月中 可以 來 評估 中央流行疫情指揮中心 指揮官 陳時中 表示 澳門 三月 二 日 左右 已經 開始 動工 但 學校 也 還 沒有 啟動 因此 至少 要 再 觀察 十四 天 從 開放 之後 觀察 十四 天 可能 是 三月中 再來 做 詳細 評估 陳時中 表示 已經 詢問 教育部 教育部 說 有 相關 視 訊 方式 可以 維護 他們 受教 權 若是 相關 實習 課程 將來 整個 疫情 趨 緩 後 也 可能 可以 補上 目前 持續 觀察 中</t>
  </si>
  <si>
    <t>中央流行疫情指揮中心 下午 公佈 本土 確診 病例 基隆 已 累積 79 例 今 增 13 例 校正 回歸 3 例 市長 林右昌 表示 其中 7 例 與 小姑娘 小吃店 員工 有關 有 6 例 是 小姑娘 小吃店 老闆娘 案 5772 的 家人 包括 妹妹 父親 姐夫 侄女 等</t>
  </si>
  <si>
    <t>中央流行疫情指揮中心 下午 公佈 本土 確診 病例 基隆 已 累積 79 例 今 增 13 例 校正 回歸 3 例 市長 林右昌 表示 其中 7 例 與 小姑娘 小吃店 員工 有關 有 6 例 是 小姑娘 小吃店 老闆娘 案 5772 的 家人 包括 妹妹 父親 姐夫 侄女 等 自從 小姑 小吃店 女 員工 案 3835 確診 後 病毒 持續 擴散 迄今 總計 傳給 12 人 包括 其 兒子 小吃店 老闆娘 男性 友人 消費者 等 其中 老闆娘 與 家人 同 住 家族 有 6 人 今天 紛紛 中標 由於 女 員工 案 3835 不 願 確實 交待 足跡 導致 疫 調 不斷 碰壁 市府 更 跨 局 處 合作 組成 專案 進行 調查 今天 查出 女 員工 不 只 在 小姑娘 上班 也 曾 跨 店 至 金水 灣 陪 坐 但 感染 源 至今 仍 不明 讓 衛生 單位 相當 擔心 林右昌 表示 小吃店 老闆娘 的 家人 幾乎 確診 他 認為 小姑娘 這 一 案 的 傳播 力量 相當 大 並 再次 呼籲 曾 到 過 小姑娘 金水 灣 消費 的 市民 一定 要 主動 和 衛生 單位 聯繫市府 一定 會 保護 大家 的 個 資 也 希望 儘早 阻絕 這 條 病毒傳播 鏈</t>
  </si>
  <si>
    <t>針對 網友 歸納 中央流行疫情指揮中心 召開 記者會 的 出席 人員 組合 可以 預 知 可能 發生 的 事情 指揮官 陳時中 把 出席 人員 組合 的 情況 做 了 說明 並且 盛讚 網友 的 歸納 是 滿 正確 有 網友 整理 出 指揮中心 召開 記者會 的 先 發 輪</t>
  </si>
  <si>
    <t>針對 網友 歸納 中央流行疫情指揮中心 召開 記者會 的 出席 人員 組合 可以 預 知 可能 發生 的 事情 指揮官 陳時中 把 出席 人員 組合 的 情況 做 了 說明 並且 盛讚 網友 的 歸納 是 滿 正確 有 網友 整理 出 指揮中心 召開 記者會 的 先 發 輪值 表 列出 7 種 開會 組合 包括 只要 指揮官 陳時中 單獨 出場 代表 沒有 新增 案例 如果 陳時中 加上 張上淳 代表 有 新 增 案例 的 機會 大 增 其實 網友 是從 以往 的 記者會 出席 組合 進行 歸納 例如 陳時中 加上 石崇良 是 醫 事 人員 被 限制 的 政令 陳時中 加上 外交部 是 提升 旅遊 警示 陳時中 加上 潘 文忠 代表 學校 疫情 有關 陳時中 加上 王美花 是 與 口罩 政策 等 陳時中 認為 這 是 網友 從 後 往 前 的 歸納 陳時中 解釋 主要 是 大家 想要 問 的 問題 總要 先 把 專家 找 好 才能 把 問題 一 次 確實 的 回答 有時候 大家 問 的 問題 圍 大 未能 準備 完全 但 基本上 是 把 發生 的 問題 找 一些 有關 的 人員 準備 好 一 次 在 記者會 得到 答案 就 會 有 這樣 的 結果 所以 網友 的 歸納 是 滿 正確 的</t>
  </si>
  <si>
    <t>連續 三 天 本土 0 中央流行疫情指揮中心 今 2 日 公佈 國內 無 新 增 本土 病例 新北 市長 侯友宜 表示 新北 市 的 疫情 目前 相對 穩定 只要 防疫 擺在 最 優先 將 可 逐漸 鬆綁 侯友宜 說 新北 市 一切 還 是 以 防疫 為 最 大 優先 只要 防疫</t>
  </si>
  <si>
    <t>連續 三 天 本土 0 中央流行疫情指揮中心 今 2 日 公佈 國內 無 新 增 本土 病例 新北 市長 侯友宜 表示 新北 市 的 疫情 目前 相對 穩定 只要 防疫 擺在 最 優先 將 可 逐漸 鬆綁 侯友宜 說 新北 市 一切 還 是 以 防疫 為 最 大 優先 只要 防疫 落實 疫情 守 好 守 穩 當然 一定 要 讓 民眾 能 儘快 回到 新型 態 的 安全 生活 所以 現階段 疫情 相對 穩定 我們 也 逐漸 朝 鬆綁 的 方向 走 戶外 只要 能夠 保持 適當 的 距離 加上 通風 良好 在 郊外 有 適當 的 環境 我們 可以 逐漸 來 鬆綁 針對 柯文哲 稱 打 2 劑 疫苗 就 可 脫 口罩 侯友宜 指出 有 專家 說 過 戴 上 口罩 等同 打 了 第 三 劑 口罩 具有 最 重要 的 防護 功效 雖然 打 了 2 劑 但 戴 上 口罩 更 能 增強 防護力 再 加上 國內 現階段 疫苗 覆蓋率 仍 不 到 6 成 不要 忘 了 很多 國家 疫苗 覆蓋率 已 達 6 成 8 成 但 面對 變種 病毒 疫情 仍舊 肆虐 因此 口罩 還 是 具有 保護 力的 針對 雙鐵 員工 搶 打 疫苗 衛生局長 陳 潤 秋 指出 考量 中央 與 醫院 的 預 掛 系統 並 沒有 連動 新北 會 在 現場 經 嚴格 檢核 確認 身分 並 嚴格 把關</t>
  </si>
  <si>
    <t>澳洲籍 音樂家 布萊特狄恩 brett dean 2 月 23 日 至 3 月 2 日 訪台 並 進行 2 場 演出 回 澳 後 確診 感染 新型 冠狀病毒 肺炎 留下 了 145 名 接觸 者 須 接受 居家 隔離 其中 包括 因公 採訪 的 8 名記者 目前 得知 將 被 隔離 至 3 月 11 日 中央流行疫情指揮中心 5 日 晚間 大 動作 加開 記者會 公告 澳洲籍 音樂家 布萊特狄恩 確診 及 來 台 接觸 史 迪恩 演出 前 曾 召開 過 記者會 共有 7 名記者 參與 另 有 3 名 記者 專訪 10 人 中 2 人 為 外籍人士 且 已 離境 剩下 的 8 名 臺灣 記者 目前 正 接受 居家 隔離 一 名 藝 文線 記者 表示 他 就 是 採訪 澳洲 音樂家 布萊特狄恩 記者會 中的 7 位元 記者 之一 他 還 原 5 日 晚間 迪恩 確認 感染 後 到 目前 接受 隔離 的 狀況 原本 國家 交響樂團 nso 5 日 晚上 告訴 他 因為 音樂廳 場地 寬敞 防疫 人員 去 看 過 認為 記者 只要 自主 健康 管理 出門 戴 口罩 早晚 量 體溫 即可 6 日 等 到 上午 11 點 都 沒有 疾 管局 連絡 即 繼續 每日 的 採訪 行程 結果 下午 疾 管局 來電 說 為 保險 起見 記者 雖 距 音樂家 很 遠 還是 要 隔離 於是 馬上 趕回 家裡 接受 隔離 該 記者 表示 還好 澳洲 音樂家 回去 才 確診 從 接觸 起 15 日 計算 剩下 沒 幾 天 而已 目前 身體 都 還好 正常 也 沒有 咳嗽 或 發燒 就 乖乖 在家 足不出戶 5 天 不過 他 也 歎 人情冷暖 所有 官方 如 文化部 等 根本 沒 聯絡 毫不關心 平常 就是 要 開 記者會 才 會 聯絡 這 幾 日 因 狄恩 確診 藝 文 產業 受到 衝擊 演出 活動 紛紛 取消 藝 文 線 記者 也 被 困 在 家中 要到 12 日 才能 解禁 目前 檯面 上 已 無藝 文 活動 記者會 有 也 大都 是 取消 演出 的 新聞 不過 記者 每日 接觸 人 成為 感染 高風險 群 再 加上 此次 確診 物件 為 公眾人物 受訪者 令 不少 媒體 公司 上緊 防疫 發條 要求 記者 加強 自我 健康 管理 採訪 須戴 上 口罩 也 有 大 企業 老闆 早已 閉關 拒絕 任何 面對面 採訪 僅 接受 電 訪 深怕 一個 不 小心 整間 公司 淪陷 一 但有 員工 確診 大多數 人 便 將 接受 隔離 公司 作業 即 面臨 停 擺 危機 更 多 ctwant 報導</t>
  </si>
  <si>
    <t>第一 批 武漢 包機 返台 的 台商 今天 終於 解除 14 天 的 隔離 生活 除 1 名 確診 新冠肺炎 並 持續 住院治療 中外 其 餘 的 246 位 身體狀況 良好 中央流行疫情指揮中心 記者會 公佈 一 段 影片 2 位 小孩 用 奶 音 大喊 謝謝 阿中 部長 讓 我們 的 家人</t>
  </si>
  <si>
    <t>第一 批 武漢 包機 返台 的 台商 今天 終於 解除 14 天 的 隔離 生活 除 1 名 確診 新冠肺炎 並 持續 住院治療 中外 其 餘 的 246 位 身體狀況 良好 中央流行疫情指揮中心 記者會 公佈 一 段 影片 2 位 小孩 用 奶 音 大喊 謝謝 阿中 部長 讓 我們 的 家 人 可以 順利 返台 回家 謝謝 你們 讓 最近 宣佈 疫情 都 相當 緊 繃 的 陳時中 一 聽到 忍不住 露出 微笑 了 指揮中心 也 在 例行 記者 會前 公佈 台商 感謝信 看 版 貼 滿 隔離 台商 和 家人 對 第一 線 防疫 人員 的 感謝 還有 小朋友 親筆 畫圖 戰勝 病毒 以 背 上有 著 天使 翅膀 的 防疫 人員 拿 著 大型 針 筒 對抗 冠狀病毒 感謝 防疫 人員 辛苦 陳時中 在 這次 新冠肺炎 防疫 一舉一動 成為 國人 關注 焦點 尤其 先前 哽咽 落淚 後 更 是 引來 大批 網友 關切 要 他 適度 休息 趕快 去 睡覺 這次 收到 首批 武漢 包機 返台 者 的 感謝 想必 對 陳時中 來說 是 鼓勵 而 他 也 難得 露出 笑容 面對 解除 隔離 者 的 感謝 陳時中 回應 媒體 詢問 心情 如 何? 他 表示 這 只 是 職責所在</t>
  </si>
  <si>
    <t>臺北市 長 柯文哲 表示 指揮中心 6 月 11 日 宣佈 開放 長者 施打 疫苗 但 隔 天 就 是 端午 連 假 的 開始 痛 批 指揮中心 太 晚 告知 假設 再 發生 一 次 就 要 慢 兩 天 打 指揮中心 認為 這樣 的 威脅 是否 恰當 中央流行疫情指揮中心 指揮官 陳時 中表</t>
  </si>
  <si>
    <t>臺北市 長 柯文哲 表示 指揮中心 6 月 11 日 宣佈 開放 長者 施打 疫苗 但 隔 天 就 是 端午 連 假 的 開始 痛 批 指揮中心 太 晚 告知 假設 再 發生 一 次 就 要 慢 兩 天 打 指揮中心 認為 這樣 的 威脅 是否 恰當 中央流行疫情指揮中心 指揮官 陳時中 表示 施打 疫苗 的 事 上 大家 不要 意氣用事 應該 依照 量 能 為 市民 做 最好 的 服務 像是 7 月 1 日 起 莫德納 疫苗 的 分配 指揮中心 也 都 有 讓 大家 都 知道 媒體 追問 指揮中心 昨日 三級 警戒 延長 要 大家 多 忍耐 但 網路上 卻 出現 全台 陪 雙北 一起 延長 的 聲音 柯文哲 批 是 政治 攻擊 與 認知 作戰 陳時中 說 我們 面對 的 是 病毒 病毒 稍 不 注意 就 會 流竄 希望 大家 把 份 內 工作 做好 相信 疫情 就 會 控制 得 比較 好 延長 是 要 控制 疫情 而非 讓 大家 都 陷 在 其中 一方面 圍堵 疫情 另一方面 未來 降級 警戒 卻 又 出現 疫情 的話 到時 也 能 及時 控制 現階段 對 中央 地方 都 是 緊張 嚴肅 的 時候 希望 大家 一起 努力</t>
  </si>
  <si>
    <t>韓國 疫情 瀕 失控 中央流行疫情指揮中心 昨天 宣佈 韓國 旅遊 疫情 即刻 提升 至 第 三級 警告 warning 中央流行疫情指揮中心 指揮官 陳時中 宣佈 自 2 月 27 日 零 時 起 自 韓國 入境 的 本 國籍 人士 須進行 14 天 居家 檢疫 並 呼籲 還 滯</t>
  </si>
  <si>
    <t>韓國 疫情 瀕 失控 中央流行疫情指揮中心 昨天 宣佈 韓國 旅遊 疫情 即刻 提升 至 第 三級 警告 warning 中央流行疫情指揮中心 指揮官 陳時中 宣佈 自 2 月 27 日 零 時 起 自 韓國 入境 的 本 國籍 人士 須進行 14 天 居家 檢疫 並 呼籲 還 滯留 在 韓國 的 民眾 盡 速 在 27 日前 返國 非必要 不要 前往 旅遊 指揮中心 同時 也 宣佈 疫情 建議 第一 級 與 第二 級 國家 入境 的 旅客 入境 14 天 內需 自主 健康 管理 自 韓 入境 外國人 今 起 居家 檢疫 陳時中 表示 韓國 近期 病例 數 大幅 增加 達 763 例 且 爆發 教會 及 醫院 大型 群 聚 已 進入 社區 傳播 階段 當地 的 大 邱 市 慶尚 北 道 清道 郡 也 被 指定 為 特別 管理 地區 鑒於 國人 至 當地 感染 的 風險 提高 指揮中心 宣佈 即日起 提升 旅遊 疫情 建議 至 第 三級 警告 針對 自 韓國 入境 臺灣 的 防疫 措施 也 加 嚴 其中 2 月 25 日 零 時 起 自 韓國 入境 的 外籍人士需 進行 14 天 居家 檢疫 不得 外出 本 國籍 人士 于 2 月 25 日 26 日 自 韓國 入境者 須 落實 14 天 自主 健康 管理 儘量 不 要 外出 另 自 27 日 零 時 起 入境 的 本 國籍 人士 則 實施 14 天 居家 檢疫 陳時中 說 以 上周 為 例 自 韓國 入境 人數 約 有 1500 人 已經 較 先前 慢慢 減少 他 也 提醒 若 是 在 居家 檢疫 限制 期間 之前 自 韓國 返台 者 同樣 建議 自主 健康 管理 少 出門 且 自 高風險 區域 回來 的 人 最好 還是 要 戴 口罩 日 列 警示 邊緣 區 將 視 疫情 處置 至於 日本 為何 沒有 提升 旅遊 疫情 警示 陳時中 表示 日本 目前 從 北海道 到 沖繩 都 有 案例 還 在 警示 的 邊緣 區 目前 不管 是 日本 義 大利 新加坡 泰國 伊朗 等 相關 國家 視 疫情 變化 做 相關 處置 指揮中心 也 宣佈 即日起 自 義 大利 泰國 伊朗 等 第一 級 旅遊 疫情 建議 國家 及 日本 韓國 等 第二 級 旅遊 疫情 建議 國家 的 所有 入境 旅客 在 入境 後 14 天內 應 落實 相關 自主 健康 管理 措施 期間 應 避免 外出 若 有 症狀 需 就醫 時 也 應 主動 配戴 醫療 口罩 並 告知 看 診 醫師 旅遊 史 職業 史 群 聚 史 居住 史 tocc 等 資訊</t>
  </si>
  <si>
    <t>臺灣 本土 疫情 持續 爆發 昨天 新增 267 例 本土 個案 短短 9 天 以來 確診 人數 累積 1291 人 中央流行疫情指揮中心 今 20 日 公佈 國內 新增 295 例 286 例 本土 9 例 境外移入 確診 個案 中 新增 1 例 死亡 案 2683 今天 再 新增 286 例 以</t>
  </si>
  <si>
    <t>臺灣 本土 疫情 持續 爆發 昨天 新增 267 例 本土 個案 短短 9 天 以來 確診 人數 累積 1291 人 中央流行疫情指揮中心 今 20 日 公佈 國內 新增 295 例 286 例 本土 9 例 境外移入 確診 個案 中 新增 1 例 死亡 案 2683 今天 再 新增 286 例 以 新北 市 新增 最 多 其次 是 臺北市 有 萬 華 活動 史 相關 86 例 雙北 與 萬華 仍舊 是 重災區 關聯 不 明 63 例 創下 新 高 新增 案 2683 死亡 個案 在 萬華 工作 的 70 多 歲 女性 新增 死亡 個案 累積 15 例 指揮官 陳時中 今天 表示 每天 都 200 多 接近 300 的 數字 在 徘徊 從 開始 到 現在 約略 10 天 到 14 天 比較 可以 看出 趨勢 目前 看起來 趨勢 沒有 急遽 轉 壞 從 篩檢 陽性率 來看 臺北 快 篩 數字 從 開始 的 18 上 下到 11 97 到 前天 的 79 前天 51 到 昨天 已經 降到 46 篩檢 數量 都 1000 到 1200 陳時中 說 整體 來說 臺北市 快 篩 找 出 的 個案 有 58 人 雖然 有 時間 的 落差 但 可以 看出 篩檢 站 的 地點 還 不錯 不過 他 認為 新北 市 的 快 篩 目前 設立 在 板橋 土 城 永和 等 篩檢 數目 稍微 少 一點 昨天 量 能 開始 增加 檢查 到 600 多 位元 陽性率 從 一 開始 55 也 下降 到 29 以 板橋 陽性率 比較 高 一點 陳時中 說 新北 市 可以 考慮 對 病例 高 一點 的 確診 高 一點 的 要 先 把 篩檢 站 先 多 設立 下來 因為 新北 幅員 很 大 可能 接觸 者 移動 距離 比較 遠 也許 會 增加 移動 風險 他 還 呼籲 呼籲 接下來 後天 是 週末 民眾 要 勤洗手 避免 外出 沒有 事情 就 待 在 安靜 的 地方 會 比較 好 也 可以 看看書</t>
  </si>
  <si>
    <t>國內 疫情 雖 趨 緩 但 考量 仍 有 零星 不明 感染 源 之 本土 病例 中央流行疫情指揮中心 宣佈 二級 警戒 延長 至 10 月 4 日 根據 二級 警戒 指引 包括 酒店 ktv 舞廳 及 遊藝場 所 等 2 大 類別 仍 須 關閉 後續 將 視 疫情 發展 做 滾 動式 修訂</t>
  </si>
  <si>
    <t>大考 中心 12 日 證實 大學 指定 科目 考試 指 考 確定 延期 至 7 月 3 日 5 日 舉行 這 是 史上 頭一回 大學 指 考因 疫情 延期 另 陸配 子女 有 條件 返台 引發 國人 反彈 衛福 部長 陳時中 12 日 宣佈 考量 防疫 周全 與 社會 觀感 政策 將 轉彎 不准 陸 配子 女 入境 中央流行疫情指揮中心 12 日 表示 新冠肺炎 covid-19 國內 仍 維持 18 名 確診 據 統計 部分 民眾 在 居家 檢疫 期間 未 遵守 規定 外出 亂跑 已 有 9 人 遭 罰 共 62萬 元 另 有 居家 隔離 者 3 人 被 罰 26萬 元 開 罰 總 金額 已 達 88萬 元 指揮中心 說 目前 還有 409 位 居家 隔離 者 18萬 位 居家 檢疫 者 陸委會 主委 陳明 通 11 日 曾 表示 收到 很多 台商 陸配 陳情 政策 決定 只要 符合 小孩 未成年 大陸 親人 無力 照顧 且 父母 在 台 者 就 可 申請 專案 返台 但 不 到 24 小時 陳時中 宣佈 考量 疫情 控制 保護 國民 健康 國人 優先 及 社會觀感 撤回 陸委會 開放 陸 配子 女 入境 措施 陳時中 說 這些 陸 配子 女 尚未 取得 本國 國籍 而 很多 台商 都還 無法 返台 且 清明節 將 至 每日 將 會 新增 5千 人 要 居家 檢疫 或 隔離 14 天 就 有 7萬 人 況且 不時 還有 被 隔離 者 會 趴 趴 走 指揮中心 擔心 屆時 社區 管制 量 能 不足 恐 成 防疫 缺口 陳時中 強調 陸 配子 女 出生 時 的 國籍 是 可以 選擇 的 既然 當初 已 選擇 了 國籍 現在 就 必須 承擔 因此 商請 陸委會 撤銷 原 決定 另 大考 中心 昨 決定 把 原訂 7 月 1 3 日 舉辦 指 考 延到 7 月 3 5 日 舉行 主要 考量 週六 日 學校 不用 上課 較 容易 借到 場地 2003 年 sars 期間 指 考僅 取消 部分 科目 非 選擇題 減少 人工 閱卷 但 並未 延期 考試 至於 菲律賓 宣佈 菲 國人 禁 赴 中 港澳臺 影響 菲 籍 移 工 來 台 及 我國 製造業 人力 調度 過去 我國 曾 3 度 凍結 菲 勞來台 未來 是否 祭出 凍結 菲 勞反 制 勞長 許銘春 表示 還 在 評估 中 希望 對 方可 釋出 善意 協調 否則 可能 會 採取 一些 措施 手段</t>
  </si>
  <si>
    <t>中央流行疫情指揮中心 5 月中 旬 時 將 全國 升為 三級 警戒 其中 在 批發市場 接連 傳出 群 聚 並 要求 出現 確定 病例 的 市場 營運 應 降 載 行政院 宣佈 7 月 27 日 起 降級 不解 封 但 農委會 副 主委 黃金城 今天 表示 在 7 月 27 日 的 降級 措施 中</t>
  </si>
  <si>
    <t>中央流行疫情指揮中心 5 月中 旬 時 將 全國 升為 三級 警戒 其中 在 批發市場 接連 傳出 群 聚 並 要求 出現 確定 病例 的 市場 營運 應 降 載 行政院 宣佈 7 月 27 日 起 降級 不解 封 但 農委會 副 主委 黃金城 今天 表示 在 7 月 27 日 的 降級 措施 中 不 包括 批發市場 仍要 依 批發市場 防疫 管理 措施 建議 指引 規定 辦理 但 農委會 提及 農委會 輔導 休閒 農場 森林 育樂 教育 場 域 漁港 垂釣區 與 娛樂 漁船 於 落實 防疫 指引 及 安全 管理 前提 下 提供 國人 安心 防疫 遊 憩 場 域 增加 國人 戶外 遊 憩 及 紓 壓 放鬆 選擇 農委會 提供 休閒 農場 相關 指引 要求 入場 實 聯 制 量 體溫 全場 及 各別 室內空間 人流 總量 管制 與 社交距離 維持 場 域 環境 清潔 消毒 等 全場 及 室內 人流 管制 分別 降為 承載量 6 成及 5 成 仍 須 注意 勿 邊走邊吃 公共 淋浴 或 通鋪 住宿 不 開放 確保 場 域 安全並 避免 造成 傳播 感染 至於 森林 遊樂區 部分 農委會 說明 27 日 起 開放 部分 自然 步道 林道 17 處 國家 森林 遊樂區 3 處 平地 森林 園區 4 處 林業 文化 園區 與 臺北 植物園 福山 植物園 戶 外場 域 但 包括 阿里山 林業 鐵路 太 平山 蹦蹦車 與 烏來 台 車 山屋 營地 通鋪 型 住宿 設施 自然 教育 中心 生態 教育館 自然 保護 區域 等 場 域 仍 不 開放 農委會 指出 各類 漁港 垂釣區 及 娛樂 漁業 漁船 將 於 27 日 起 開放 漁港 垂釣區 采 總量 管制 及 單一 出入口 依 垂釣區 範圍 訂 定最大 容納 人數 且 以 100 人 為 上限 以 白天 定時 開放 為 原則 實施 實 聯 制 全程 禁止 飲食 及 垂釣區 定期 清 消 漁 樂 漁業 漁船 之 搭載 人員 總數 降 載 至 乘客 定額 6 成 實施 實 聯 制 全程 禁止 飲食 及 每 航次 結束 須全船 設施 與 救生衣 清 消</t>
  </si>
  <si>
    <t>中央流行疫情指揮中心 表示 目前 國內 已 累計 9 人 出院 其 餘 病況 穩定 指揮中心 指揮官 陳時中 表示 為 避免 出院 後 復發 未來 需 3 采 陰 才能 解除 隔離 昨日 國內 新增 8 例 疑 似 個案 目前 累計 通報 2094 個案 含 34 名 確診 今日 新增 案</t>
  </si>
  <si>
    <t>中央流行疫情指揮中心 表示 目前 國內 已 累計 9 人 出院 其 餘 病況 穩定 指揮中心 指揮官 陳時中 表示 為 避免 出院 後 復發 未來 需 3 采 陰 才能 解除 隔離 昨日 國內 新增 8 例 疑 似 個案 目前 累計 通報 2094 個案 含 34 名 確診 今日 新增 案 3334 2037 名 排除 餘 隔離 檢驗 中 18 名 初 驗 陰性 其 餘 待 檢驗 確診 個案 中 1 名 死亡 9 名 出院 案 81117 於 昨日 出院 其 餘 個案 持續 住院 中 針對 案 27 相關 群 聚 事件 指揮中心 截至 目前 已 掌握 接觸 者 817 人 並 采 檢 182 人 其中 5 人 陽性 案 28 至 32 170 人 陰性 其 餘 檢驗 中 另 鑽石 公主 號 返台 國 人中 2 月 25 日後 送 1 人 二 采 結果 陰性 已 返回 集中 檢疫所 其 餘 18 人 無疑 似 症狀 持續 于 集中 檢疫所 密切 觀察 健康 情形 依據 大陸 疾 控 中心 通報 及 各省 市 區 衛生 健康 委員會 公佈 資料 大陸 全部 31 省 市 區 不含 港澳 特別行政區 累計 確診 78824 例 較 前日 新增 327 例 其中 7952 例 重症 2788 例 死亡 國際 間 累計 4193 例 確診 病例 分佈 49 個 國家 地區 病例 數 以 韓國 1766 例 日本 鑽石 公主 號 687 例 含 本 國籍 5 例 義 大利 650 例 伊朗 245 例 及 日本 213 例 為 多 病例 中 69 例 死亡 其中 伊朗 26 例 義 大利 17 例 韓國 13 例 鑽石 公主 號 4 例 日本 4 例 香港 2 例 法國 2 例 菲律賓 1 例 指揮中心 提醒 民眾 應 落實 手部 衛生 並 做好 咳嗽 禮節 自 國外 入境 時 如有 發燒 咳嗽 等 不適 症狀 應 主動 通報 機場 及 港口 檢疫 人員 並 配合 防疫 措施 返國 後 14 天內 如 出現 疑 似 症狀 可撥打 免 付費 防疫 專線 1922 或 0800 001922 依 指示 戴 口罩 盡 速 就醫 並 請 務必 告知 醫師 旅遊 史 職業 別 接觸 史及 是否 群 聚 tocc 以 及時 診斷 通報</t>
  </si>
  <si>
    <t>桃園 市長 鄭文燦 20 日 指出 國軍 桃園 總 醫院 發生 院內 感染 事件 累積 13 人 染疫 包括 2 加 護 病房 護理 師 2 護理 師 親友 其中 1 人 列 案 於 新竹 縣 4 病 患 和 5 看護 衛生局長 王文彥 強調 最先 確診 的 89 歲 病 患 是 指標 個案 曾 在 加 護 病房 受 2 染疫 護理 師 照料 轉到 普通 病房 後 釀 同 病房 另 3 病 患 和 5 看護 確診 疫情 局限 在 加 護 病房 跟 1 病 室 且 目前 其他人 都 陰性 會 視 全院 采 檢 結果 決定 是否 有 必要 全院 清 零 週二 前 停止 門急診 王文彥 說 89 歲 病 患 案 14010 是 最 早 出現 症狀 她 5 月 29 日 到 6 月 11 日 曾 在 加 護 病房 由 2 位 染疫 護理 師 專責 照料 11 日 轉到 普通 病房 和 她 同一個 病房 的 另外 3 個 病 室 3 位 病人 和 5 個 看護 也 於 20 日 確診 王文彥 說 目前 國軍 桃園 總 醫院 疫情 局限 在 加 護 病房 跟 1 間 病房 目前 icu 采 檢 63 人 病房 采 檢 90 餘 人 結果 都 是 陰性 已 擴大 到 全院 采 檢 並 針對 6 月 11 日後 出院 的 病 患 也 全部 采 檢 將 視 采 檢 結果 若 有 必要 會 全院 清 零 在 報告 出來 前 該 醫院 停止 門急診 病 患 只 出 不 進 王文彥 也 說 2 位 護理 師 1 位 沒有 症狀 1 位 在 6 月 11 日 有 發燒 但 她 8 日 打 第一 劑 az 疫苗 有 可能 是 疫苗 引起 發病 日 很 難 訂 定 最 早 有 症狀 的 是 89 歲 病人 因 此 將 最先 確診 的 2 護理 師 護理 師 弟弟 和 89 歲 病人 4 個 人 都 采血 從 抗體 調查 染疫 前後 和 之間 的 關係 鄭文燦 說 桃園 新增 16 例 確診 個案 其中 9 個 都是國 軍 桃園 總 醫院 群 聚 事件 包括 4 病人 5 看護 都 在 同一個 病房 804 醫院 群 聚 累積 13 人 市府 全力 協助 疫 調 跟 采 檢 目前 已經 完成 環境 采 檢 全院 共 1083 位 包括 593 位 醫護人員 跟 490 位 行政 人員全部 采 檢 病人 加上 陪 病家 屬 302 人 也 必須 要 采 檢 之前 已 采 檢 280 人 務必 完成 全院 采 檢 計 畫 出院 病人 也 要 追蹤 全部 采 檢 是 必要 的 鄭文燦 說 醫院 群 聚 感染 一定 要用 最高 標準 處理 醫院 防疫 等級 也 要 落實 基本 規範 他 也 宣佈 即 起 3 天 醫院 降 載 停止 門診 急診 務必 醫院 清零 後 才能 恢復正常 營運 北 區 指揮官 黃玉 成 加上 桃園 市 衛生局 團隊 會 全力 協助 國軍 桃園 總 醫院 的 院內 感染 事件 鄭文燦 也 提到 大部分 醫院 有 把 看護 列 進 優先 接種 範圍 因應 這次 有 看護 確診 已 要求 所有 醫院 只要 在 醫院 值勤 的 看護 都 要 納入 優先 接種 名單 強調 第一 類 施打 範圍 本來 就 包括 醫療 院所 的 非醫 事 人員 雖然 看護 有 流動性 但 任何 醫院 的 合約 委 外 看護 人員 一定 要 在 值勤 前 完成 接種 讓 醫院 保護 力更強 鄭文燦 強調 病 患 已經 實施 入院 前 篩檢 計 畫 至於 該 起 院內 感染事件 如何 確認 傳染 路徑 是 專業 問題 相信 中央流行疫情指揮中心 會 做 專業 判斷 市府 會 協助 桃園 總 醫院 以 最高 最 嚴格 標準 迅速 防堵 群 聚 感染 事件</t>
  </si>
  <si>
    <t>到底 有 誰 可以 幫助 我們 這種 小市民 一 名 女子 表示 日前 老公 有 一點 咳嗽 本 以為 是 小 感冒 但 隔日 起床 出現 發燒 症狀 趕緊 到 醫院 做 快 篩 及 pcr 檢驗 結果 都 是 陽性 確診 入住 集中 檢疫所 解 隔離 返家 前 又 再次 做 采 檢 沒 想到 又 是 陽性 確診 令 她 崩潰 喊 為什麼 已經 確診 的 人 沒有 檢查 就 放 出來 該 名 女子 昨 13 日 於 個人 臉書 指出 5 月 20 日 晚間 老公 一 回 到家 就 透露 自己 有 咳嗽 狀況 當天 在家 全程 戴 口罩 但 不 認為 染疫 只 是 單純 感冒 未 料 隔日 一早 起床 老公 卻 出現 發高燒 症狀 看 了 醫生 仍未 退燒 只好 再 到 和平醫院 快 篩 並 做 pcr 檢驗 結果 都 是 陽性 ct 值 高達 16 顯示 病毒 量 高 傳染 力 強 老公 直接 被 送 到 集中 檢疫所 女網友 說 老公 確診 當下 她 不 斷 告訴 自己 要 冷靜 並 帶 著 婆婆 一起 去 快 篩 及 做 pcr 檢驗 還好 結果 都 是 陰性 6 月 1 日 老公 從 檢疫所 解 隔離 但 因為 家裡 有 未 滿 1 歲 的 寶寶 因此 自費 讓 老公 去 防疫 旅館 進行 10 7 隔離 為 求 謹慎 返家 前 讓 老公 再 去 采 檢 一 次 快 篩 結果 為 陰性 但 pcr 結果 仍未 出爐 老公 返家 後 她 透露 自己 每天 像 柯南 般 觀察 老公 身體狀況 全家 戰戰兢兢 地 戴著 口罩 避免 接觸 又 過 了 幾 天 晚間 她 催促 老公 主動 利用 健 保 快譯 通 app 查看 檢驗 結果 沒 想到 又 是 陽性 確診 且 ct 值 26 當天 晚上 老公 又 住 進 集中 檢疫所 全家人 也 再次 進行 14 天 居家 隔離 令 她 崩潰 大喊 為什麼 已經 確診 的 人 沒有 檢查 就 放 出來 不 知道 有 多少 人 跟 我 老公 一樣 的 狀況 若 是 沒有 檢查 到處跑 這些 病毒 可能 就 在 身邊 對 我們 全家來 說 真的 是 一個 夢魘 到底 有 誰 可以 幫助 我們 這種 小市民 最後 她 呼籲 10 天 解 隔離 的 病 患 應該 都 要 再 采 檢 這 對 臺灣 來說 都 是 防疫 破 口希望 生活 可以 快點 恢復正常 讓 大家 能夠 平安 健康 對此 中央流行疫情指揮中心 之 專家 諮 詢 小組 召集人 張上淳 回應 過去 因為 大量 個案 的 關係 有 做 因應 的 調整 那 這些 調整 裡面 都會 根據 國外 的 經驗 實際 資料 及 實際 做法 做 適當 調整 輕 症 去 集中 檢疫所 或 加強型 的 旅 館裡 10 天 以後 就 回家 做 7 天 的 居家 隔離 所以 有 一個 10 7 張上淳 說 根據 過去 的 經驗 17 天 後 是 不再 具有 傳染 力 因 此 17 天 後 民眾 有 某些 因素 自行 做 采 檢 還 不是 完全 陰性 的 狀況 專家 認為 基本上 是 不 具有 傳染 力 很 像 過去 複 陽 的 個案 那複陽 就 不用 擔心 會 具有 傳染 的 狀況 那 地方 政府 發現 陽性 的 狀況 處理 模式 可能 還 沒有 完全一致 所以 還 是 有 接觸 者 需要 居家 隔離 今天 專家 們 傾向 後 17 天 後 比較 不 需要 擔心 還 會 被 傳染 的 問題 但 同時 也 會 收集 更 多 實證 的 資料 讓 民眾 更 放心 目前 暫時 結論 10 7 不 需要 再 做 采 檢 若 還 是 去 做 采 檢 結果 為 陽性 是 不用 太 擔心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小 編 精選 中國時報 5 件 不可 不知 大事 帶 讀者 掌握 今天 17 日 新聞 重點 1 回國 14 天內 發燒 就要 采 驗 新冠肺炎 covid-19 疫情 日益 嚴峻 臺灣 更 出現 社區 感染 首例 中央流行疫情指揮中心 指揮官 陳時中 表示 即 起 擴</t>
  </si>
  <si>
    <t>小 編 精選 中國時報 5 件 不可 不知 大事 帶 讀者 掌握 今天 17 日 新聞 重點 1 回國 14 天內 發燒 就要 采 驗 新冠肺炎 covid-19 疫情 日益 嚴峻 臺灣 更 出現 社區 感染 首例 中央流行疫情指揮中心 指揮官 陳時中 表示 即 起 擴大 采 檢 標準 民眾 只 要 從 國外 回來 不 限 任何 國家 14 天內 出現 發燒 呼吸道 症狀 符合 特定 情況 的 肺炎 病例 就 必須 要 接受 采 檢 2 遊客 路線 曝光 接觸 者 應 自主 管理 遭 多國 拒絕 入境 的 漂流 郵輪 威士特丹 號 曾 在 2 月 4 日 停靠 高雄 港 中央流行疫情指揮中心 昨天 公佈 該 船 的 旅遊 路線 呼籲 當天 曾 前往 九 號 碼頭 香蕉 碼頭 高雄 美術館 等 7 地 的 民眾 應 14 天 自主 健康 管理 若 18 日前 有 發燒 肺炎 等 症狀 者 應盡 速 就醫 檢查 3 武漢醫院 研究 病毒 不 會 經 眼 結膜 傳染 大陸 國家 衛健 委 專家組 成員 王 廣發 1 月 赴 武漢 工作 後 確診 新冠肺炎 有 懷疑 病毒 透過 眼 結膜 進入 對此 武漢大學 人民醫院 研究 團隊 發表 論文 分析 63 名 確診 患者 及 4 名 疑 似 患者 的 結膜 拭 子樣本 發現 僅 有 1 名 確診 患者 呈 陽性反應 論文 指 目前 並 無 臨床 證據 顯示 病毒 可 通過 眼 結膜 途徑 傳播 4 開學日 忙 防疫 校方 戒慎 恐懼 高中 以下 學校 開學日 從 2 月 11 日 延至 25 日 大型 學校 校長 表示 開學 後 學生 進 校門 要 先量 額 溫 很 擔心 一早 校門 口 大排長龍 影響 第一 節 上課 幼稚園 園長 也 說 依 規定 小朋友 發燒 咳嗽 就要 隔離 然後 請 家長 帶回 但 若 家長 短 時間 無法 到校 怎麼辦 5 飯店 破 盤價 快來 佔便宜 新冠肺炎 疫情 衝擊 旅遊 信心 少 了 國際 客源 挹注 飯店 住房 率 腰斬 於是 轉向 爭取 國旅 市場 破 盤價 一個 接 著 一個 來 國人 過往 總會 有 出國 玩 比 在 國內 玩 還 便宜 的 抱怨 但 如今 半價 甚至 3 折 以下 的 好 飯店 俯十 皆 是 就 換 我們 來 占 一下 飯店 的 便宜 吧</t>
  </si>
  <si>
    <t>臺灣 到底 有 沒有 通知 世衛組織 新冠肺炎 會 人 傳人 秘書長 譚 德塞 說 沒有 但 疫情 指揮官 陳時中 說 病 患有 隔離 治療 公 衛 專業 人員 即 能 研 判 有 人 傳人 的 可能 而 目前 可以 找 到 的 資料 最 早 提到 人 傳人 的 是 香港 醫師 何柏良 去年 12 月 31 日 武漢 發生 7 例 非典型肺炎 案例 並 接受 隔離 治療 臺灣 在 同日 12 月 31 日 以 電子 郵件 通報 世界衛生組織 who 有 提及 病 患 正在 進行 隔離 治療 希望 who 提高 警覺 要求 其 提供 進一步 資訊 世界衛生組織 who 秘書長 譚 德塞 宣稱 並未 忽視 臺灣 對 新冠肺炎 疫情 的 警示 但 指出 當時 臺灣 的 電 郵 並 沒有 提到 人 傳人 的 危險 中央流行疫情指揮中心 指揮官 陳時中 今 11 日 表示 我方 在 電 郵 中 特別 提及 病 患 已 進行 隔離 治療 公 衛 專業 人員 即 能 由此 研 判 該 等 病例 有 人 傳人 的 可能 但 臺灣 當時 尚未 有 確診 病例 無法 直接 明示 該 疾病 已 人 傳 人 不過 到 目前為止 可以 找 到 的 新聞資料 最 早 提到 人 傳人 字眼 的 是 香港 醫師 何柏良 根據 自由 亞洲電臺 報導 香港大學 感染 及 傳染病 中心 總監 何柏良 2020 年 1 月 1 日 在 香港電臺 節目 千禧 年代 表示 現階段 不 適合 下結論 指 不會 人 傳人 另 據 東網 1 月 4 日 報導 何柏良 1 月 4 日 出席 電臺節目 時 表示 有 充分 理由 相信 當地 發生 懷疑 人 傳人 情況 何 柏良 當時 強調 這次 是 重大 傳染病 事件 涉及 呼吸道 新病毒 屬於 接觸傳染 亦 無 藥物 治療 呼籲 香港市民 要 提升 個人 衛生 措施 到 人 多 地方 和 醫院 時 要 戴 口罩 據 瞭解 香港 第一 起 新冠肺炎 確診 病例 據 風 傳媒 1 月 22 日 報導 是 一 位 39 歲 患者 1 月 21 日 由 武漢 搭乘 高鐵 最後 抵達 西 九龍 站 檢測 後 新冠 病毒 呈現 陽性</t>
  </si>
  <si>
    <t>新冠肺炎 疫情 在 全球 擴散 美國 部分 地區 疫情 也 升溫 中央流行疫情指揮中心 指揮官 陳時中 表示 美國 人口 相對 多 其中 有 幾 個 州 特別 嚴重 會分 州 處理 旅遊 警示</t>
  </si>
  <si>
    <t>臺灣 新冠肺炎 疫情 今 再 添 3 例 確診 其中 案 599 本 國籍 女性 從 菲律賓 探親 返國 昨 確認 確診 時 她 正 搭乘 高鐵南 下 中央流行疫情指揮中心 表示 該 女 雖然 上 了 高鐵 無須 匡列 接觸 者 不過 整起 事件 最 扯 的 是 臺灣 高鐵 公司 竟</t>
  </si>
  <si>
    <t>臺灣 新冠肺炎 疫情 今 再 添 3 例 確診 其中 案 599 本 國籍 女性 從 菲律賓 探親 返國 昨 確認 確診 時 她 正 搭乘 高鐵南 下 中央流行疫情指揮中心 表示 該 女 雖然 上 了 高鐵 無須 匡列 接觸 者 不過 整起 事件 最 扯 的 是 臺灣 高鐵 公司 竟 隔 了 1 天才 接 獲 通知 幸好 高鐵 人員 平常 有 落實 清潔 消毒 工作 才 得以 避免 一 場 危機 高 鐵 公司 今 發佈 聲明 該 列車 已 送回 基地 更換 車廂 空氣 濾 網 座位 椅 布 曾 與 案 599 接觸 的 組員 也 將 進行 14 天 自主 健康 管理 高 鐵 公司 沒說的 是 他們 今天 直 到 指揮中心 召開 記者 會前 4 小時 才接 獲 台南 市 衛生局 通知 載到 確診 乘客 高鐵 公司 如臨大敵 立即 將 已經 不 知道 跑 了 幾 趟 的 700 t 列車 開回 烏日 基地 進行 全面 消毒 據 瞭解 案 599 是 11 月 13 日 搭上 高 鐵 625 次列車 10 點 21 分 從 臺北 車站 南下 11 點 50 分 抵達 嘉義 當時 坐在 非 商務 車廂 的 對號 座 車廂 由於 她 警覺性 高 全程 配戴 口罩 加上 身旁 沒有 其他 乘客 指揮中心 研 判 不 需要 匡列 接觸 者 但 相關 單位 為什麼 拖到 今天 才 告訴 高鐵 公司 讓 列車 持續 南來北往 執行 載運 旅客 任務 幸虧 高鐵 人員 平時 訓練有素 每 趟 車班 後 徹底 消毒 否則 案 599 經過 的 動 線 及 區域 豈 不 變成 高 危險 傳染 帶</t>
  </si>
  <si>
    <t>中央流行疫情指揮中心 今 28 日 下午 召開 記者會 指揮官 衛福 部長 陳時中 表示 今天 國內 共 新增 2 例 新冠肺炎 確定 病例 其中 第 33 例 為 北部 30 多 歲 男性 34 例 為 50 多 歲 女性 對此 網友 轟 日本 到底 禁 不禁 啦 煙粉 還要</t>
  </si>
  <si>
    <t>中央流行疫情指揮中心 今 28 日 下午 召開 記者會 指揮官 衛福 部長 陳時中 表示 今天 國內 共 新增 2 例 新冠肺炎 確定 病例 其中 第 33 例 為 北部 30 多 歲 男性 34 例 為 50 多 歲 女性 對此 網友 轟 日本 到底 禁 不禁 啦 煙粉 還要 死撐 嗎 根據 中央 社 報導 陳時中 說 第 33 例 個案 在 2 月 17 日 至 22 日 與 另外 21 人 跟 團 至 日本 大 阪 旅遊 返台 後 於 25 日 出現 咳嗽 喉嚨 癢 情形 因 症狀 持續 於 26 日 至 醫院 急診 就醫 采 檢 後 返家 27 日 醫院 通報 送驗 今天 確診 陳時中 指出 目前 個案 已 由 衛生 單位 安排 收治 負 壓 隔離病房 治療 依 個案 活動 史研 判 於 日本 感染 的 可能性 較 高 為 境外移入 個案 將 持續 追蹤 第 33 例 個案 同 旅行團 團員 親友 職 場 等 接觸 者 健康 情形 第 34 例 個案 有 糖尿病 心血管 疾病 等 慢性 病史 2 月 14 日 因 低血糖 全身 倦怠 情形 就醫 並 收治 住院 當時 無 呼吸道 症狀 21 日 起 出現 咳嗽 喉嚨 痛 及 發燒 症狀 26 日 診斷 有 肺炎 情形 由 醫院 通報 送驗 於 今天 確診 對此 網友 怒 轟 日本 到底 禁 不禁 啦 不管 啦 去 日本 很 安全 重 外交 輕 防疫 零星 啦 不要 怕 相信 黨 小 英 政績 煙粉 還要 死撐 嗎 台 日 友好 誰 敢 破壞 洗到 滿意度 80 趴 差不多 可以 面對 事實 了 吧 維 穩 喔 日本 根本就是 蓋 牌</t>
  </si>
  <si>
    <t>指揮中心 今天 公佈 第 13 輪 公費 疫苗 提供 bnt az 第一 劑 及 第二 劑 接種 明天 起 開放 預約 首先 是 明早 10 點 先 開放 bnt 疫苗 預約 下午 2 點 開放 az 預約 截止 時間 皆 在 4 日 中午 12 點 5 日 開 打 指揮中心 表示 本輪 共 開放 4 種 族群 預約 az 及 bnt 疫苗 兩 種 廠 牌 第 1 劑 和 第 2 劑 皆 有 bnt 第一 劑 12 歲 以上 都 可 預約 接種 第二 劑 則 是 10 月 8 日前 已 接種 第一 劑 bnt 的 18 歲 以上 民眾 az 部分 想 混 打的 民眾 有 福 了 az 第 1 劑 再度 開放 50 歲 以上 民眾 接種 第二 劑 則 是 8 月 27 日前 已 接種 第一 劑 az 的 18 歲 以上 民眾 都可 預約 接種 第二 劑 符合 本輪 資格 的 民眾 今天下午 2 點 起會 陸續 收到 提醒 簡訊 中央流行疫情指揮中心 發言人 莊人祥 提醒 請 符合 資格 的 民眾 依照 時間 上網 完成 預約 為了 緩解 大量 預約 人流 第 13 輪采 分流 預約 bnt 將 在 明天 上午 10 點 起 開放 az 則 需 等到 下午 2 點 兩 種 疫苗 預約 皆 至 11 月 4 日 中午 12 點 止 施打 日程 為 11 月 5 日 至 12 日 至於 指揮中心 11 月 計 畫 開放 az 混打 mrna 疫苗 是 提供 bnt 與 莫德納 莊人祥 表示 這 兩 款 疫苗 都 在 考量 當中 但 還要 考慮 年底 前 的 到貨 量 以及 保留 第二 劑 的 施打 數量 並 評估 能否 在 年底 完成 才 會 考慮 開放 混 打的 疫苗 數量 因此 bnt 莫德納都 在 混 打的 考量 名單 中 同時 第 12 輪 疫苗 接種 進行 中 昨 1 日 一共 接種 25萬1249 劑 目前 疫苗 人口 涵蓋 率 7377 劑 次 人口 比為 10747 劑 每 百萬 人 第 2 劑 人口 涵蓋 率 為 337</t>
  </si>
  <si>
    <t>本土 新冠肺炎 炸 鍋 不斷 全台 三級 警戒 持續 至 6 月 14 日 儘管 中央流行疫情指揮中心 指揮官 陳時中 認為 校正 後 確診 數 持平 顯示 疫情 並未 急遽 惡化 可 由於 也 不 見 真正 改善 效果 國人 還是 因此 憂心忡忡 擔心 臺灣 升級 四級 警戒</t>
  </si>
  <si>
    <t>本土 新冠肺炎 炸 鍋 不斷 全台 三級 警戒 持續 至 6 月 14 日 儘管 中央流行疫情指揮中心 指揮官 陳時中 認為 校正 後 確診 數 持平 顯示 疫情 並未 急遽 惡化 可 由於 也 不 見 真正 改善 效果 國人 還是 因此 憂心忡忡 擔心 臺灣 升級 四級 警戒 據 指揮中心 規定 四級 警戒 時 民眾 非必要 不得 外出 在家 也 要 保持 社交距離 或 佩戴 口罩 不過 目前 未 達 四級 警戒 或 封城 規劃 條件 針對 校正 回歸 案例 陳時中 日前 表示 5 月 21 至 28 日 相關 案例 數 看起來 正在 減少 臺北 新北 件數 皆 往下掉 代表 前 一段時間 部分 措施 有 發揮 效果 因此 特別 呼籲 國人 減少 不必要 外出 聚會 傳統 黃昏 市場 易有 接觸 史 足跡 菜籃 族人 潮 眾多 時別 前往 金錢 交易 務必 注意 清潔衛生 回家 一定 要 先 洗手 此外 根據 ettoday 新聞 雲 報導 還有 行政院 官員 出面 表示 升至 四級 警戒 不 一定 會 完全 封城 除非 連續 14 天 平均 每天 新增 100 名 本土 案例 且 一半 以上 感染 源 不明 這 2 項 條件 並存 才有 可能 依 指揮中心 進行 封 城 人民 切 勿 提前 恐慌 目前 這些 條件 都 不 存在 又 環保 署 先前 也 和 民眾 分享 自製 消毒水 的 方法 以 每 10 cc 漂白 水 搭配 500 cc 清水 比例 1 50 均勻 稀釋 後 即 可 做 消毒 使用 消毒 時 記 得 要 戴 口罩 手套 避免 刺激 皮膚 接 著 以 拖把 或 抹布 擦拭 物品 表面 並 停留 待 作用 1 至 2 分鐘 最後 用 清水 再 擦拭 乾淨 即可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covid-19 疫情 持續 延 燒 日前 臺灣 第 19 例 確診 的 白 牌 車 司機 也 成為 了 臺灣 的 第一 起 死亡 案例 中央流行疫情指揮中心 也 隨即 掌握 到 一 名 浙江 台商 為 感染 源 對此 有 網友 就 覺得 疑惑 為何 這 名 台商 全程 配戴 口罩 仍 會</t>
  </si>
  <si>
    <t>新冠肺炎 covid-19 疫情 持續 延 燒 日前 臺灣 第 19 例 確診 的 白 牌 車 司機 也 成為 了 臺灣 的 第一 起 死亡 案例 中央流行疫情指揮中心 也 隨即 掌握 到 一 名 浙江 台商 為 感染 源 對此 有 網友 就 覺得 疑惑 為何 這 名 台商 全程 配戴 口罩 仍 會 感染 司機 呢 這 名 網友 在 ptt 發文 表示 一般 乘客 在 搭乘 計程車 的 時候 都會 選擇 後座 與 司機 有 一定 的 距離 再 加上 他 整個 過程 都有 戴著 口罩 阻隔 飛 沫 讓 po 主 實在 想 不 透 為何 這 名 司機 還 是 會 不幸 感染 新冠肺炎 也 讓 他 開始 懷疑 起 是否 因為 台商 體內 病毒 數量 很多 那麼 和 他 一起 同 住 的 家人 染病 的 機 率 是否 也 更 高 此文 一 出 引起 了 許多 網友 熱 議 紛紛 留言 口罩 只是 減少 機 率 吧 全副武裝 都 有 可能 會 得到 口罩 也 是 有 縫縫 病毒 量 太 高 還是 漏出去 而且 又 密閉空間 戴 口罩 不是 萬能 好 嗎 洗手 是 重點 也不少 人 指出 了 一個 含有 超 高風險 的 關鍵 行為 摸 錢 的 時候 我 只 想到 這個 給 錢 的 時候 感染 的 吧 手 啊 台商 只要 手上 有 病毒 在 車上 亂 摸 或是 給 錢 時有 接觸 都有 可能 收 錢 的 時候 才 是 關鍵 因為 錢 上面 有 病毒 摸 了 沒洗 手 就中</t>
  </si>
  <si>
    <t>國內 今天 新增 一 例 本土 個案 為 新北 60 多 歲 男子 染疫 中央流行疫情指揮中心 醫療 應變 組 副 組長 羅一鈞 表示 該 男子 的 職業 是 做工 程 10 月 16 日 發燒 17 日 就醫 采 檢 確診 ct 值 331 由於 個案 接觸 的 人 少 感染 源 目前 還 在 調查</t>
  </si>
  <si>
    <t>國內 今天 新增 一 例 本土 個案 為 新北 60 多 歲 男子 染疫 中央流行疫情指揮中心 醫療 應變 組 副 組長 羅一鈞 表示 該 男子 的 職業 是 做工 程 10 月 16 日 發燒 17 日 就醫 采 檢 確診 ct 值 331 由於 個案 接觸 的 人 少 感染 源 目前 還 在 調查 但 病毒 量 低 後續 采 檢 2 次 都 是 陰性 可能 是 之前 感染 的 案例 現 處在 陰 陰陽 陽 的 階段 判斷 可能 為 舊 案 羅 一 鈞 表示 這 名 個案 從事 的 是 工 務工 作 只 接觸 到 1 個 朋友 以及 就醫 接觸 者 其 餘 相關 人員 是 自主 健康 管理 和 自我 健康 監測 個案 是 雙 側 腎臟 發炎 導致 發燒 和 新冠肺炎 沒關係 對於 個案 的 感染 源 羅一鈞 表示 目前 疫 調 還 在 進行 中 等到 個案 回憶 起更 多 線索 才會 有 更 多 資訊 警 政協 尋 也 在 進行 這 名 個案 曾 在 7 月 14 日 接種 單 劑 莫德納 確診 時 ct 值 高 331 後來 2 次 采 檢 都 是 陰性 病毒量 低 又 迅速 轉陰 可能 是 染疫 舊案 處於 陰 陰陽 陽 階段 今日 新增 的 1 例 本土 個案 案 16451 為 60 多 歲 男性 今年 10 月 16 日 因 出現 發燒 等 症狀 10 月 17 日 就醫 並 采 檢 檢驗 結果 陽性 收治 住院 ct 值 331 igg igm 均 為 陽性 後續 采 檢 2 次 核酸 檢測 均 為 陰性 衛生 單位 已 匡列 接觸 者 12 人 其中 4 人 列 居家 隔離 3 人 列 自主 健康 管理 5 人 列 自我 健康 監測 將 持續 進行 疫 調 及 匡列 以 厘 清 感染 源</t>
  </si>
  <si>
    <t>中央流行疫情指揮中心 27 日 公佈 確診 的 印尼 籍 外勞 活動 活動 軌跡 環保局 今 派員 針對 指定 區域 加強 消毒 包含 臺北 車站 地下街 和 龍山寺 附近 周邊 另外 臺北捷運 公司 也 加強 消毒 頻率 列車 為 8 小時 消毒 一 次 公共 區域 包含 加</t>
  </si>
  <si>
    <t>中央流行疫情指揮中心 27 日 公佈 確診 的 印尼 籍 外勞 活動 活動 軌跡 環保局 今 派員 針對 指定 區域 加強 消毒 包含 臺北 車站 地下街 和 龍山寺 附近 周邊 另外 臺北捷運 公司 也 加強 消毒 頻率 列車 為 8 小時 消毒 一 次 公共 區域 包含 加 值 機 按鈕 等 設備 則 為 每 4 小時 消毒 一 次 新冠肺炎 疫情 擴大 人心惶惶 北市 環保局 對 指定 公共 區域 加強 消毒 今 正逢 228 連 假 出入 公共場所 或 逛 街 民眾 增加 環保局 特別 針對 外籍 看護 曾 到 過 的 龍山寺 周邊 進行 大 消毒 而 晚上 11 點 也 將 會 對 臺北市 地下街 進行 封閉 場 域 大 消毒 臺北 地下街 合作社 副 理 張慧芸 指出 地下街 屬 人潮 較 多 公共場所 因此 每 2 到 4 小時 都會 以 酒精 加強 擦拭 消毒 且 每 2 星期 在 營業 結束 後 也 會 封閉 場 域 進行 全面 消毒 萬 華區 清潔 隊長 林志芳 指出 平日 就 會 針對 景點 公共 區域 特別 消毒 今天 從 龍山寺 前方 廣場 廣州 街 開始 消毒 到 西園 街 及 捷 運 周邊 都會 全面 消毒 而 日前 也 已 完成 國中 國小 及 公立 幼稚園 共 227 所 消毒 工作 張慧芸 指出 整 條 臺北 地下街 長達 1 公里 針對 所有 場 域 消毒 需 花費 長達 4 小時 的 時間 包括 廁所 電梯 等 區域 此外 在 重要 出入口 還 裝設 了 共 15 台 酒精 機 供 民眾 消毒 使用 林志芳 表示 這次 大 消毒 不只 因 確診 案例 曾 到 過 周邊 區 域 其實 平時 環保局 就 會 定期 大 消毒 落實 防疫 工作</t>
  </si>
  <si>
    <t>新冠肺炎 疫苗 擴大開放 給 高齡 長者 優先 施打 近日 卻 傳出 多 起 老人 接種 後 猝死 案件 儘管 科學 證據 顯示 利大於弊 仍 引起 不少 國人 擔憂 對此 重症 醫療 醫師 黃軒 表示 為了 預防 意外 發生 長者 若要 出門 接種 疫苗 應謹 守 三 個 不 並 配合 天時地利人和 黃軒 於臉書 表示 臺灣 老人 接種 後 觸 死 事件 頻 傳 儘管 很多 科學 資料 告知 打 疫苗 真的 是 利大於弊 自己 也 認為 如此 但 一般 民眾 都聽 不 太 懂 對此 他 建議 老人 接種 疫苗 前 需 謹 記 三 個 不 分 別是 1 不宜 濕 悶 出門 2 不宜 爬上爬下 3 不宜 獨自一人 另外 也 要 搭配 著 天時 地利 人和 不要 出門 天時 下 大雨 悶 熱天 中午 大熱天 天 雨 路 滑 可以 暫時 不宜 出門 地利 地面 凹凸不平 不 適合 走路 不要 等 老人 出 了 遠門 到 了 打針 場所 才 發現 還要 爬上爬下 人和 老人 不宜 久 站 近 的 看 不 淸 遠 的 看不到 現場 要 有人 引導 老年人 並 設有 機動 的 輪椅 或 坐位 15 日 開放 75 歲 以上 長者 接種 疫苗 截至 19 日 為止 我國 接種 後 通報 死亡 案例 累計 73 例 中央流行疫情指揮中心 表示 目前 觀察 到 僅 有 時序 相關 尚未 判定 死因 與 疫苗 直接 關聯 死因 初步 跟 心血管 疾病 或 慢性病 有關 當然 專家 還 需要 其他 醫學 研究 做 綜合性 判斷</t>
  </si>
  <si>
    <t>近日 臺灣 有 不少 疫苗 到貨 獨 缺 莫德納 疫苗 讓 很多 7 月 已 接種 莫德納 第一 劑 的 民眾 十分 焦慮 擔心 第二 劑 遲遲 打 不 到 恐 影響 保護 力 據 瞭解 我 自 購 的 108萬 劑 莫德納 疫苗 將 于 明天 17 日 到貨 紓 解 國內 的 莫德納 荒 此外 明天 也 會 有 自 購 的 64萬 劑 az 疫苗 抵 台 我 政府 自 購 的 505萬 劑 莫德納 疫苗 目前 僅 到貨 150萬 劑 到貨 率 僅 297 若 再 加上 明天 抵 台 的 108萬 劑 到貨 量 終於 衝破 5 成 大關 另 先前 美國 有 捐贈 我 250萬 劑 莫德納 疫苗 救急 8 月 29 日 還有 捷克 捐贈 我 3萬 劑 莫德納 目前 國內 有 300 多 萬 人 打完 第一 劑 莫德納 卻 苦 等 不 到 第二 劑 的 狀況 引發 民眾 反彈 昨天 傳出 台大 要 做 莫德納 混打 高端 的 臨床實驗 更 讓 廣大 莫粉 氣炸 中央流行疫情指揮中心 指揮官 陳時中 昨 在 記者會 上 強調 只要 打過 第一 劑 莫德納 者 都能 打得 到 第二 劑 目前 疫苗 政策 就 是 這樣 安排 盼 民眾 不用 太 過 擔心</t>
  </si>
  <si>
    <t>中央流行疫情指揮中心 今 9 日 所應 下令 為 維護 民眾 健康 即日起 全國 酒店 及 舞廳 全面 停業 曾經 爆發 確診 新冠肺炎 的 台商 到 店 找 舞 小姐 的 金 芭 黎 舞廳 業者 今 回應 決定 全面 配合 並 遵照 中央 指示 直 到 中央 宣告 可 複業 為</t>
  </si>
  <si>
    <t>中央流行疫情指揮中心 今 9 日 所應 下令 為 維護 民眾 健康 即日起 全國 酒店 及 舞廳 全面 停業 曾經 爆發 確診 新冠肺炎 的 台商 到 店 找 舞 小姐 的 金 芭 黎 舞廳 業者 今 回應 決定 全面 配合 並 遵照 中央 指示 直 到 中央 宣告 可 複業 為止 金 芭 黎 舞廳 總務 阿德 受訪 時 表示 即日起 老闆 旗 下 所有 的 娛樂 事業 決定 全面 配合 中央 指示 關閉 一直 到 政府 有關 單位 宣佈 可以 開業 才會再 複業 一切 等待 中央 命令 至於 今天 已經 報到 上班 的 同仁 等 下 也 會 告知 解散</t>
  </si>
  <si>
    <t>配合 中央流行疫情指揮中心 110 年 5 月 15 日 宣佈 臺北市 與 新北 市 提升 新冠肺炎 防疫 警戒 至 第 3 級 林務局 新竹 林區 管理處 前 已於 5 月 15 日 起至 28 日 止 暫停 開放 新北 市 及 桃園 市 的 森林 育樂 場 域 及 自然 步道 因應 新竹 縣 苗栗縣 也 已 提升</t>
  </si>
  <si>
    <t>配合 中央流行疫情指揮中心 110 年 5 月 15 日 宣佈 臺北市 與 新北 市 提升 新冠肺炎 防疫 警戒 至 第 3 級 林務局 新竹 林區 管理處 前 已於 5 月 15 日 起至 28 日 止 暫停 開放 新北 市 及 桃園 市 的 森林 育樂 場 域 及 自然 步道 因應 新竹 縣 苗栗縣 也 已 提升 至 准 3 級 警戒 因 此 一併 擴大 暫停 開放 林務局 表示 本次 暫停 開放 場 域 有 內 洞 滿月 圓 東 眼 山 含 自然 教育 中心 拉拉山 觀 霧 含 觀 霧 山莊 等 5 處 國家 森林 遊樂區 烏來 台 車 含 林業 生活 館 內 灣 林業 展示館 火 炎 山 生態 教育館 及 出入口 位 屬 新北 市 桃園 市 之 自然 步道 另 插 天山 及 火 炎 山 自然 保留區 原 已 核准 至 5 月 28 日 區間 之 許可證 一併 廢止</t>
  </si>
  <si>
    <t>國內 包含 北 投 一家 內 湖 電視臺 記者 等 連續 發生 好幾 起 暴 斃 的 案例 染疫 後 就 迅速 病逝 中央流行疫情指揮中心 醫療 應變 組 副 組長 羅一鈞 表示 5 月 11 到 6 月 7 日 以來 共有 35 人 是 到 院前 死亡 占 了 118 其中 快樂 缺氧 是 主因</t>
  </si>
  <si>
    <t>國內 包含 北 投 一家 內 湖 電視臺 記者 等 連續 發生 好幾 起 暴 斃 的 案例 染疫 後 就 迅速 病逝 中央流行疫情指揮中心 醫療 應變 組 副 組長 羅一鈞 表示 5 月 11 到 6 月 7 日 以來 共有 35 人 是 到 院前 死亡 占 了 118 其中 快樂 缺氧 是 主因 中央流行疫情指揮中心 今 9 日 公佈 國內 新增 275 例 covid-19 確定 病例 其中 274 例 為 本土 個案 另 有 1 例 境外移入 個案 確診 個案 中 新增 25 例 死亡 且 有 6 人 確診 後 二 到 三 天內 後 就 快速 死亡 1 人 死 後 確診 羅 一 鈞 表示 新冠肺炎 病程 變化 很快 所以 會 有 隱形 缺氧 的 狀況 到 院前 死亡 或是 在 家中 猝死 的 已經 沒 辦法 調查 之前 出現 過 什麼 症狀 發生 什麼 身體 的 變化 導致 死亡 目前 專家 研究 顯示 還 是 因為 隱形 缺氧 導致 因為 不 會 有 明顯 前兆 都 是 氧氣 濃度 很 低 緊急 送醫 時 時間 已 晚 羅 一 鈞 表示 本 周針對 家戶 感染 是 調查 匡列 的 重點 希望 確診 個案 都 可以 盡 速 到 醫院 內 減少 病程 惡化 的 狀況 今天 看起來 統計 到 前天 確診 病例 中 雙北 確診 病 患 沒有 居家 隔離 都 是 安置 在 集中 檢疫所 或是 醫院 處理 本 周會 這樣 處理 至於 快 篩 陽性 羅一鈞 說 若 量 能 足夠 希望 可以 到 加強版 集中 檢疫所 或是 加強版 防疫 旅館 也 會 配發 血 氧 機 之前 已經 配發 一千 台 今天 會 在 配發 一萬五千 台 希望 篩檢 站 快 篩 陽性 時 可以 拿 一 台 血 氧 機 回家 在 家中 偵 測 血 氧 濃度 小於 等於 94 就 盡 速 送醫</t>
  </si>
  <si>
    <t>中 美 為 病毒 發源地 近日 針鋒相對 傳出 臺灣 去年 12 月底 就 收到 警示 指 新冠肺炎 可能 人 傳人 中央流行疫情指揮中心 指揮官 陳時中 表示 當時 確實 已 蒐集 到 情報 也 擔心 有人 傳人 可能性 而 去 函 who 但 who 僅 表示 收到 了 對此</t>
  </si>
  <si>
    <t>中 美 為 病毒 發源地 近日 針鋒相對 傳出 臺灣 去年 12 月底 就 收到 警示 指 新冠肺炎 可能 人 傳人 中央流行疫情指揮中心 指揮官 陳時中 表示 當時 確實 已 蒐集 到 情報 也 擔心 有人 傳人 可能性 而 去 函 who 但 who 僅 表示 收到 了 對此 資深 媒體 人 黃創 夏 認為 若 不是 傲慢 的 收到 了 全球 就 不 會 如今 的 驚嚇 陳時中昨 指出 他 對 臺灣 蒐集 到 的 情報 有 信心 因此 臺灣 自 去年 12 月 30 日 就 開始 對 武漢 直航 班機 進行 登機 檢疫 1 月 2 日 就 開設 了 應變 中心 陳時中 指出 因為 無法 獲得 公開 透明 的 第一手 資訊 陳時中 指 當時 便 已 警戒 因此 臺灣 1 月 20 日 宣佈 指揮中心 三級 開設 1 月 23 日 就 看 到 武漢 緊急 宣佈 封城 陳時中 也 提及 當時 已 蒐集 到 情報 擔心 有人 傳人 可能性 而 去 函 who 但 who 僅 表示 收到 了 對此 黃創 夏在 臉書 指出 如果 去年 12 月 31 日 who 接 到 台灣 的 預警 不是 傲慢 的 收到 了 而是 知道 了 立即 處理 黃創 夏 直言 全球 就 不 會 如今 的 驚嚇</t>
  </si>
  <si>
    <t>依據 中央流行疫情指揮中心 公佈 新竹 市 23 日 新增 2 名 covid-19 確診 個案 案 4003 案 4235 本土 新增 的 案 4003 為 30 多 歲 女性 校正 回歸 的 案 4235 為 30 多 歲 男性 兩 人 皆 是 出現 症狀 後 采 檢 確診 兩 案 總 匡 列 人數 為 40 人 居家 隔離 市</t>
  </si>
  <si>
    <t>依據 中央流行疫情指揮中心 公佈 新竹 市 23 日 新增 2 名 covid-19 確診 個案 案 4003 案 4235 本土 新增 的 案 4003 為 30 多 歲 女性 校正 回歸 的 案 4235 為 30 多 歲 男性 兩 人 皆 是 出現 症狀 後 采 檢 確診 兩 案 總 匡 列 人數 為 40 人 居家 隔離 市長 林智堅 於 下午 公佈 案 4003 案 4235 與 22 日 確診 的 案 38633864 共 4 案 足跡 本土 新增 的 案 4003 為 一 名 30 多 歲 女性 平日 工作 搭乘 高鐵 往返 新竹 市 臺北市 21 日 發燒 達 38 度 就醫 後 pcr 陽性 確診 目前 全案 匡列 12 人 居家 隔離 足跡 包括 9 日 11 時 30 分至 13 時於 新北 市 林 口區 言 吾 語 火鍋 店 用餐 17 日 8 時 57 分至 9 時 30 分 期間 搭乘 高鐵 0610 班次 從 新竹 前往 臺北 16 時 11 分至 16 時 45 分 搭乘 高鐵 0841 班次 從 臺北 回到 新竹 校正 回歸 的 案 4235 為 一 名 30 多 歲 男性 14 日 曾 回到 臺北市 萬 華區 家中 16 日 出現 喉嚨 痛 發燒 至 38 度 18 日 喪失 嗅覺 就醫 pcr 陽性 確診 目前 全案 匡列 28 人 居家 隔離 足跡 包括 14 日 13 時至 13 時 30 分 曾 到訪 臺北市 忠孝 sogo 以及 臺北市 忠孝東路 的 高家 涼麵 當日 14 時至 16 時則 回到 萬華 家中 推 估 與 萬華 活動 史有 關聯 另外 竹市 衛生局 也 公佈 22 日 確診 案 38633864 足跡 兩 人 為 曾 前往 桃園 金沙酒店 的 案 3340 雙親 兩 人 15 日 中午 12 時 與 案 3340 有 家庭聚會 當日 15 時 40 分到 16 時 10 分 間 曾至 千百億 彩 券 行 18 日 16 時 30 分至 17 時 30 分 曾 到 新竹 市 七伍 宮 拜拜 足跡 較 單純 都 在 新竹 市 目前 市府 已 針對 相關 足跡 地點 消毒 並 提醒 市民 若 曾 到 過 確診 個案 足跡 場所 請 持續 自我 健康 監測 若於 6 月 4 日前 出現 發燒 上呼吸道 腹瀉 嗅覺 異常 等 症狀 應 配戴 醫用 口罩 盡 速 就近 就醫 不得 搭乘 大眾 運輸 就醫 時 請 主動 告知 接觸 史 相關 疑慮 請撥 打 1922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中央流行疫情指揮中心 今天 宣佈 臺灣 增 2 例 境外移入 新冠肺炎 確診 全台 共有 395 人 確診 包含 340 境外移入 55 例 本土 疫情 仍 處 緊張 時期 臺北市 長 柯文哲 竟 跑 到 高雄 聚會 佈 局 高雄 市長 補選 此舉 惹 怒 桃園 市議員 王浩宇</t>
  </si>
  <si>
    <t>中央流行疫情指揮中心 今天 宣佈 臺灣 增 2 例 境外移入 新冠肺炎 確診 全台 共有 395 人 確診 包含 340 境外移入 55 例 本土 疫情 仍 處 緊張 時期 臺北市 長 柯文哲 竟 跑 到 高雄 聚會 佈 局 高雄 市長 補選 此舉 惹 怒 桃園 市議員 王浩宇 他 直 問 防疫 還是 選舉 優先 並 罕見 贊許 韓國瑜 努力 拼 防疫 凸顯 柯文哲 的 失職 王浩宇 在 臉書 貼 文以 防疫 還是 選舉 優先 為題 指出 不 只 是 鄭文燦 上週末 六都 市長 包含 韓國 瑜 在內 都 安排 了 許多 防疫 行程 努力 拼 防疫 王浩宇 並以 鄭文燦 市長 4 月 12 日 的 行程 為 例 指出 8 00 桃園 市政府 防疫 專案 會議 9 30 訪視 大 湳 市場 防疫 作為 10 30 視察 仁海宮 防疫 措施 11 30 訪視 安 養 機構 視 訊 慰問 長輩 14 00 視察 台茂 購物 中心 防疫 措施 15 00 視察 漁 貨 直銷 中心 防疫 工作 王浩宇 話鋒一轉 提及 柯文哲 指 就 在 北市 爆發 知名 酒店 的 女 公關 j 小姐 染病 事件 疫情 調查 的 關鍵時刻 擔任 北市 疫情 指揮中心 指揮官 的 柯文哲 市長 卻 低調 離開 臺北 到 高雄 參加 民眾黨 辦 的 室內 的 群 聚 活動 為 高雄 市長 補選 佈 局 王浩宇 痛 批 這麼 不負責任 的 市長 還 不能 被 檢討 這 哪 招</t>
  </si>
  <si>
    <t>國內 口罩 產量 雖 已 提升 但 民眾 仍 僅 能 每 兩 周 購買 一 次 仍然 必須 樽 節 使用 中央流行疫情指揮中心 今天 示範 如何 用電 鍋 幹 蒸 口罩 殺菌 呼籲 民眾 多 加 利用 家中 電鍋 殺菌 口罩 延長 使用壽命 馬上 用 電鍋 幹 蒸 8 分鐘 後 陳時 中馬</t>
  </si>
  <si>
    <t>國內 口罩 產量 雖 已 提升 但 民眾 仍 僅 能 每 兩 周 購買 一 次 仍然 必須 樽 節 使用 中央流行疫情指揮中心 今天 示範 如何 用電 鍋 幹 蒸 口罩 殺菌 呼籲 民眾 多 加 利用 家中 電鍋 殺菌 口罩 延長 使用壽命 馬上 用 電鍋 幹 蒸 8 分鐘 後 陳時 中馬 上 試 戴 大贊 熱熱 的 不錯 今天 疫情 指揮中心 現場 示範 如 何干 蒸 口罩 消毒 先是 在 內 鍋 裡 放鍋 架 再 放 入 電鍋 不能 放水 按 下 開關 後 等 3 分鐘 跳 起 再 悶 5 分鐘 後 就 完成 陳時中 表示 沒 實際操作 一 次 還 不 知道 鍋 架 要 放 內 鍋 裡 被 研究 組 副 組長 吳秀梅 笑 說 部長 是 不是 沒 煮 過 飯 指揮中心 表示 透過 電鍋 幹 蒸 口罩 確實 能 延長 口罩 的 使用 時間 幹 蒸 後 的 口罩 對 細菌 的 過濾 效率 仍然 能 維持 在 99 以上 因此 民眾 可 無須 擔心 幹 蒸 後 的 口罩 性能 會 大幅 衰退 指揮中心 指出 之所以 用電 鍋 幹 蒸 是因為 加 水 會 影響 口罩 的 靜電 層 材質 此外 用 酒精 消毒 或是 在 電鍋 內 加入 精 油 等 方式 都 不 適宜 若 口罩 有 明顯 髒汙 破損 也 不 建議 使用 電鍋 幹 蒸 衛福部 食 藥 署 說明 電鍋 幹 蒸 口罩 是 經 實驗 證實 有效 但 其他 如 烤箱 微波爐 氣炸 鍋 負離子 吹風機 殺菌 型 烘 碗 機 部分 電器 雖 看似 有效 但因 操作 不當 恐 發生 危險 且 尚需 實驗 證實 因此 暫不 推薦 民眾 使用 至於 幹 蒸 後 的 口罩 會 不 會 有 味道 指揮中心 強調 口罩 戴 久 有 異味 是 因 口水 上 的 細菌 繁殖 所 造成 透過 電鍋 幹 蒸 後 可 殺死 細菌 口罩 也 不 會 有 任何 異味 指揮官 陳時中 今 也 在 記者會 上 試 戴幹蒸 後 的 口罩 掛 保證 表示 幹 蒸 後 的 口罩 完全 無異 味 一般 民眾 平日 使用 完 口罩 該 如何 保存 指揮中心 表示 不 建議 使用 後 的 口罩 放在 夾 鏈 袋 內 因為 會 加速 細菌 的 繁殖 速度 建議 可用 紙袋 等 有 開 口 的 袋子 包裝 在 放 入 口袋 等 收納 空間 保存中山醫學 大學 賴全裕 副教授 指出 內 鍋 壁 溫度 達 180 度 左右 病毒 都 殺死 了 有 疑慮 就 洗 一 洗 不必 買 新 的 電鍋 蒸 菜 有 化學物質 的 都 不 建議 噴灑在 口罩 去除 氣味</t>
  </si>
  <si>
    <t>國內 拼 疫苗 人口 涵蓋 率 但 基層 診所 協助 打 疫苗 卻 沒 收入 日前 中央流行疫情指揮中心 表示 將 提高 基層 院所 的 疫苗 處置費 但 至今 仍未 發 放 中央流行疫情指揮中心 指揮官 陳時中 今 11 日 說明 將 在 下週一 8 月 16 日 核 付給</t>
  </si>
  <si>
    <t>國內 拼 疫苗 人口 涵蓋 率 但 基層 診所 協助 打 疫苗 卻 沒 收入 日前 中央流行疫情指揮中心 表示 將 提高 基層 院所 的 疫苗 處置費 但 至今 仍未 發 放 中央流行疫情指揮中心 指揮官 陳時中 今 11 日 說明 將 在 下週一 8 月 16 日 核 付給 各 醫療 院所 陳時中 表示 3 月 22 日 到 6 月 30 日 的 疫苗 處置費 現在 是 委 讬 健 保署 來 發放 8 月 9 日 已 行文 給 健 保 署 12 日 會 把 款項 撥付 給 健 保 署 再 由 健 保署 於 16 日 核 付給 各 醫院 他 坦言 這 段 時間 作業 比較慢 以後 對於 疫苗 處置費 和 人次 獎勵 費用 會 採用 每月 結算 方式 發放 7 月 的 疫苗 處置費 及 6 到 7 月 的 接種 人次 獎勵 費用 預計 在 8 月底 前 撥付 至於 績效 表現 優良 的 獎勵 采 按 季來 結算 6 到 9 月 為 一期 10 月 來 撥付</t>
  </si>
  <si>
    <t>觀光局 內勤 主管 之 子 染疫 事件 目前 該 主管 在家 隔離 而其 上周 行程 曝光 後 竟然 還 包含 立法 院 網友 大 驚 立院 慘 了 中央流行疫情指揮中心 日前 公佈 的 案 269 是 一 名 觀光局 在 桃園 機場 旅 服 中心 工作 的 同仁 且 傳出 因 曾 接</t>
  </si>
  <si>
    <t>觀光局 內勤 主管 之 子 染疫 事件 目前 該 主管 在家 隔離 而其 上周 行程 曝光 後 竟然 還 包含 立法 院 網友 大 驚 立院 慘 了 中央流行疫情指揮中心 日前 公佈 的 案 269 是 一 名 觀光局 在 桃園 機場 旅 服 中心 工作 的 同仁 且 傳出 因 曾 接待 過從 菲律賓 返國 的 某部 會 官員 之 子 而 確診 該 兒子 也 確診 是 案例 277 資深 媒體 人 周玉蔻 更 在 臉書 爆 料 案 277 男子 的 父親 為 觀光局 官員 兒子 從 疫區 回台 竟 啟動 機場 貴賓 接待 3 人 一起 喝 咖啡 耍 什麼 小 咖 大官 威 啊 結果 兒子 變 確診 277 機場 接待 確診 269 顕 然 這個 官員 兒子 出 了 海關 沒有 繼續執行 防疫 措施 爸爸 帶 兒子 趴 趴 走 害人 家 確診 綜合 媒體 更 報導 該 官員 當天 接 機時 並未 請假 就 翹 班 出門 幫 兒子 接 機 引起 外界 議論紛紛 對此 觀光局 副 局長 張錫聰 還要 再 確認 目前 資料 顯示 在 補 請 階段 外傳 該 名 官員 上周 有 跟 很多 同仁 開會 一 事 經 綜合 媒體 披露 上周 在 交通部 觀光 局裡 開會 並 和 觀光 局長 官同仁 有 近 距離 接觸 其中 上周 五更 與 相關 部會首長 赴 某 立 委 協調會 接受 某 立 委 陳情 下午 則 是 到 交通部 開會 交通部長 林佳龍 當時 也 在場 交通部 也 證實 此事 對此 批 踢踢 網友 大 驚 表示 這個 弄 到 長官 跟 立 委 有 染病 危機 會 被 拔 嗎 可憐 基層 還 確診 有 關係 就 沒關係 唉 唉 立院 慘 了 立 委 現在 應該 都 人心惶惶 吧</t>
  </si>
  <si>
    <t>總統 蔡英文 明 8 月 23 日 要 打 高端疫苗 資深 媒體 人 趙 少康 表示 之前 坊 間 盛傳 蔡英文 已經 打 了 疫苗 自己 是 完全 不 相信 這 件 事 還 跟 人 爭 得 面紅耳赤 因此 他 呼籲 如果 蔡英文 想 破 偷打 疫苗 謠言 就 請 蔡英文 公開 抽血 檢查 抗體 趙 少康 今 22 日 在 臉書 發文 表示 之前 坊 間 盛傳 蔡英文 4 月 已經 在 ait 打 了 兩劑 bnt 疫苗 還有 立 委 告訴 他 連立 法院 的 司機 都 在 gossip 八卦 碎 嘴 這 件 事 說 得 活靈活現 不 知道 是 不是 總統府 司機 傳給 立 法院 司機 的 閒話 還 說 明天 蔡英文 打的 會 是 生理 食鹽水 對於 這項 傳言 趙 少康 稱 自己 是 完全 不 相信 蔡英文 會 幹 這種 事 的 為此 還 跟 好幾 個 朋友 辯 得 面紅耳赤 但 沒有 證據 也 辯 不出 什麼 結果 為了 遏止 謠言 蔡英文 可以 考慮 在 明天 注射 高端疫苗 前 先 公開 抽血 檢驗 有無 新冠肺炎 病毒 的 抗體 如果 沒有 抗體 就 證明 謠言不 可信 也 會 增加 蔡英文 的 公信力 趙 少康 直言 大家 都 知道 蔡英文 是 高端疫苗 最 頂級 的 推銷員 一年多來 多次 率領 前 副 總統 陳建仁 衛福 部長 陳時中 等 人 卯足了勁 替 高端 宣傳 掛 保證 激勵 高端 的 市值 從 30億 膨脹 到 700億 雖然 鼓動 了 不少 支持者 追隨 跟進 但 開放 三輪 至今 只 有 60萬 人 預約 登記 實在 還 是 太 少 對此 趙 少康 認為 蔡英文 有 責任 也 有 義務 在 9 月 6 日 也 就 是 在 823 打 了 高端疫苗 的 14 天 後 公開 抽血 檢查 抗體 確認 疫苗 的 效果 如果 有效 可以 大大 增加 大家 的 信心 鼓勵 人民 群起 而 注射 高端 如果 沒效 也 可以 提高 大家 的 警惕 甚至 立刻 停止 施打 無效 的 疫苗 以免 出現 防疫 破 洞 這 是 蔡英文 能 為 高端疫苗 效果 做 的 最好 示範 也 是 粉碎 各種 亂七八糟 傳言 最好 的 機會 針對 外界 謠傳 蔡英文 偷打 輝瑞 疫苗 傳聞 總統府 發言人 張惇涵 6 月 13 日 嚴正 表示 這 是 不折不扣 的 謠言 蔡 總統 賴副 總統 目前 皆 未 接種 疫苗 張惇涵 強調 總統 副 總統 願 授權 由 中央流行疫情指揮中心 調閱 相關 接種 紀錄 公佈 於 國人 以 昭 公 信 也 請 有心人士 停止 造謠 呼籲 社會各界 勿 以訛傳訛 避免 觸 法</t>
  </si>
  <si>
    <t>中央流行疫情指揮中心 宣佈 7 月 13 日 起 微 解封 但 各縣 市政府 做法 不一 民眾 看 得 霧 煞 煞 對此 指揮官 陳時中 回應 適度 放鬆 是 在 整體 疫情 判斷 之下 強度 太強 違規 的 事情 就 多 防疫 疲乏 會 及早 出來 反而 強度 就 不好 所以 在</t>
  </si>
  <si>
    <t>中央流行疫情指揮中心 宣佈 7 月 13 日 起 微 解封 但 各縣 市政府 做法 不一 民眾 看 得 霧 煞 煞 對此 指揮官 陳時中 回應 適度 放鬆 是 在 整體 疫情 判斷 之下 強度 太強 違規 的 事情 就 多 防疫 疲乏 會 及早 出來 反而 強度 就 不好 所以 在 這 兩者 取得 平衡 相信 地方 政府 都 會 從中 做 取決 新北 市政府 宣佈 中央 公佈 的 指引 很 難 做到 餐飲業 仍 不 開放 內 用 新竹 市長 林智堅 也 宣佈 市內 12 座 公有 市場 維持 禁止 內 用 校園 操場 也 不 對外開放 雲 林縣 也 表示 學校 操場 暑假 期間 無法 進行 實 聯 制 及 清 消 暫不 對外開放 高雄 市長 陳其邁 則 表示 以 戶外 場所 優先 開放 室內 管制 強度 需要 再 研 議 陳時中 表示 有些 人 覺得 太 緊 有些 人 又 覺得 太 松 這 是 兩難 的 情況 鬆綁 的 部分 是 屬於 指引 個 地方 整 府 可以 因應 疫情 和 民情 做出 最適 切 的 判斷 沒有 所謂 同調 不 同調 的 問題 在 三級 範圍 內 可以 做出 彈性 應用</t>
  </si>
  <si>
    <t>中央流行疫情指揮中心 5 月中 旬 宣佈 全國 三級 警戒 一直 到 7 月 13 日 宣佈 微 解封 包括 健身 中心 等 做好 防疫 規範 就 可以 開放 民眾 進場 但有 消費者 向 消基會 反映 認為 健身房 無法 提供 包括 淋浴 等 服務 但 卻 有 健身房 已 開始 扣 款 對此</t>
  </si>
  <si>
    <t>中央流行疫情指揮中心 5 月中 旬 宣佈 全國 三級 警戒 一直 到 7 月 13 日 宣佈 微 解封 包括 健身 中心 等 做好 防疫 規範 就 可以 開放 民眾 進場 但有 消費者 向 消基會 反映 認為 健身房 無法 提供 包括 淋浴 等 服務 但 卻 有 健身房 已 開始 扣 款 對此 消基會 認為 降級 不解 封 或是 微 解封 仍 受到 政府 的 管制 措施 之下 應 等待 會員 能夠 無礙 使用 健身 中心 內 各種 健身器材 選擇 各式 課程 時 才是 恢復正常 營運 與 收費 的 時機 並 呼籲 消費者 應快 篩 陰性 才能 入場 運動 消基會 近期 接到 投訴 指出 7 月中 旬 微 解封 後 健身 中心 宣稱仍 有 健身器材 可 使用 因此 正常 收 月費 消基會 董事長 黃怡騰 說 7 月 13 日 微 解封 政府 仍 要求 健身 中心 不得 開放 淋浴間 等 設備 並且 要求 要 人流 管制 這樣 就算 開放 了 嗎 消基會 秘書長 徐則鈺 指出 先前 宥 於 政府 要求 停業 不可 歸責 于 消費者 因此 大多 健身 中心 均 未 繼續 扣 款 7 月 13 日後 微 解封 後 如果 消費者 持續 使用 繼續 扣繳 月費 當然 沒有 問題 但 如果 有 消費者 可能 仍 有 疑慮 不 願 使用 時 應 可以 認為 健身 中心 無法 提供 完整 服務 不能 向未 使用 的 消費者 收費 消基會 呼籲 健身 中心 因為 政府 尚未 同意 完全 解封 開放 消費者 使用 之前 即 應 延續 三級 警戒 階段 時 的 做法 即 消費者 無須 辦理 請假 手續 業者 不能 無故 收繳 月費 等待 會員 能夠 無礙 使用 健身 中心 內 各種 健身器材 選擇 各式 課程 時 才是 恢復正常 營運 與 收費 的 時機 此外 黃怡騰 指出 政府 主管機關 貿然 開放 健身 中心 十分 不妥 當務之急 只 有 全面 的 快速 的 為 年輕人 接種 疫苗 並 輔 以 進行 pcr 或 一般 快 篩檢測 陰性 才 准 進場 才是 終結 健身 中心 被迫 停止 營業 的 最佳 良方 在此之前 任何 不同 程度 的 解封 企圖 都 不是 最佳 的 辦法</t>
  </si>
  <si>
    <t>高雄 4 日 新增 1 例 本土 確診 個案 該 確診 者 案 10472 居住 於 小港 區 3 日 出現 症狀 因此 到 院 就醫 篩檢 後 采 檢 結果 呈 陽性反應 目前 感染 源 尚未 找到 而 中央流行疫情指揮中心 公佈 的 確診 者 案 10261 也 曾 到 過 高雄 高 市府 在 防疫</t>
  </si>
  <si>
    <t>高雄 4 日 新增 1 例 本土 確診 個案 該 確診 者 案 10472 居住 於 小港 區 3 日 出現 症狀 因此 到 院 就醫 篩檢 後 采 檢 結果 呈 陽性反應 目前 感染 源 尚未 找到 而 中央流行疫情指揮中心 公佈 的 確診 者 案 10261 也 曾 到 過 高雄 高 市府 在 防疫 記者會 上 公佈 2 人 的 相關 疫 調資 料及 足跡 根據 高 市府 衛生局 疫 調 顯示 案 10472 是 居住 在 小港 區 的 20 多 歲 男性 自 5 月 31 日 開始 有 發燒 頭痛 頭暈 咳嗽 等 症狀 6 月 3 日 至 自行 到 醫院 就醫 並 采 檢 pcr 檢驗 結果 為 陽性 且 ct 值 僅 17 具有 高 傳播 風險 感染 源 至今 不明 目前 隔離 治療 中 包含 家人 在內 總共 匡列 47 名 接觸 者 高 市府 衛生局 表示 在 對 案 10472 的 疫 調 過程 中 因為 確診 個案 回憶 足跡 的 進度 不如 預期 所以 到 目前為止 詳細 的 疫 調 結果 還 未 完成 包括 感染 源 及 是否 到 過 相關 的 高 傳染 風險 地區 都 必須 再進一步 厘 清 目前 得知 他 曾 在 5 月 31 日中 午 6 月 1 日 晚間 到 過 7 -eleven 大坪 頂 門市 也 曾 在 5 月 31 日 下午 到 50 嵐 光明 新 厝 店 買 飲料 而 新北 確診 者 案 10261 是 50 多 歲 男性 居住 於 新北 市 長期 在 北部 擔任 裝潢 工人 曾于 5 月 28 日 與 友人 開車 返回 屏 東 家鄉 行經 高雄 時 到 彌陀 友人 家 作客 吃飯 停留時間 約 1 小時 隨後 便 開車 回到 屏 東 共 匡列 7 位 接觸 者</t>
  </si>
  <si>
    <t>下 一 波 疫苗 要來 了 有 消息 指出 新 一 批 az 疫苗 可能 會 在 明 後 2 天將 送 抵 臺灣 指揮中心 稍 早 澄清 疫苗 到貨 資訊 並非 事實 中央流行疫情指揮中心 指揮官 陳時中 在 例行 記者會 再次 重申 目前 正 在 多方 洽 詢 中 國產 疫苗 目前 進展</t>
  </si>
  <si>
    <t>下 一 波 疫苗 要來 了 有 消息 指出 新 一 批 az 疫苗 可能 會 在 明 後 2 天將 送 抵 臺灣 指揮中心 稍 早 澄清 疫苗 到貨 資訊 並非 事實 中央流行疫情指揮中心 指揮官 陳時中 在 例行 記者會 再次 重申 目前 正 在 多方 洽 詢 中 國產 疫苗 目前 進展 順利 至於 下 波 疫苗 什麼 會 來 來 了 之後 會 報告 根據 統計 臺灣 向 國際 洽 購 的 疫苗 共有 1981萬 劑 分別 是 向 covax 平臺 訂購 的 476萬 劑 逕自 向 廠商 購買 的 az 購買 1000萬 劑 以及 向 莫德納 採購 的 505萬 劑 此外 國產 疫苗 也 預計 購買 2000萬 劑 國內 目前 取得 的 2 批 az 疫苗 分別 是 直接 洽 購 的 117萬 劑 以及 自 covax 所 分配 1992萬 劑 將 分別 在 5 月底 以及 6 月 15 日 到期 而有 消息 指出 新 一 批 az 疫苗 可能 會 在 明 後 兩 天 送 抵 臺灣 陳時中 再次 澄清 目前 正 在 多方 洽 詢 中 國產 疫苗 目前 進展 也 相當順利 至於 這 波 疫苗 什麼 會 來 來 了 之後 會 再 和 大家 報告</t>
  </si>
  <si>
    <t>中央流行疫情指揮中心 公佈 確診 地圖 北市 7 例 居 冠 臺北市 長 柯文哲 稱 若 社區 感染 到 群 聚 程度 北市 就 開設 一級 應變 中心 黃珊珊 則 說 標準 不是 北市 訂 是 按 中央標準 而 訂 中央 若 一級 開設 北市 就 開 北市 現在 還是 應變</t>
  </si>
  <si>
    <t>中央流行疫情指揮中心 公佈 確診 地圖 北市 7 例 居 冠 臺北市 長 柯文哲 稱 若 社區 感染 到 群 聚 程度 北市 就 開設 一級 應變 中心 黃珊珊 則 說 標準 不是 北市 訂 是 按 中央標準 而 訂 中央 若 一級 開設 北市 就 開 北市 現在 還是 應變 小組 要 升 應變 中心 是 要 依 中央 認定 才能 升級 的 黃珊珊 表示 其實 北市 本身 早 訂 下 的 規定 只要 是 第 4 級 的 衛生局 就 可以 開 應變 小組 但 現在 已 拉到 府 的 等級 所以 由 她 來 當 指揮官 要到 應變 中心 才是 市長 當 總指揮 但 中央 也 沒有 升到 一級 還是 衛服部 也 還 不 到 行政院 因為 這 是 有 分級制度 她 說 北 區 的 總 指揮官 是 臺北市立聯合醫院 副 總 院長 璩 大成 他 也 是 北市 應變 小組 的 主要 成員 所以 中央 跟 地方 的 資訊 都有 在 一起 要 升級 會 配合 中央 升級 自 27 日 起 她 跟 衛生局長 黃世傑 也 每天 在 晨 會 向柯 市長 報告 相關 疫情 她 統計 24 日 止 北市 居家 隔離 新增 9 人 而 先前 217 名 居家 隔離 者 全部 解列 居家 檢疫 者 有 3044 人 解列 1092 人 其中 10 人 有 症 況 6 人 就醫 4 人 未 就醫 違反 居家 隔離 檢疫 規定 並 遭 罰 者 有 63 人 其中 4 人 罰 7萬1 人 罰 6萬 其 餘 皆 罰 1萬 17 日 至今 增加 的 社區 監測 通 辦 采 檢 者 有 867 人 市府 已 把 20 個 超前 部署 方案 給 各局 處 準備 對於 鑽石 公主 號 的 旅客 被 安置 在 陽明山 檢疫所 隔離 黃珊珊 僅 說 要 問 中央</t>
  </si>
  <si>
    <t>台中 今 傳出 確診 者 3 日 晚間 曾 到 全聯 梧棲 文化 店 購物 5 日 再 去 全聯 清水 鼇 峰 店 目前 個案 皆 無 症狀 仍 在 疫 調 中 並 已 通知 環保局 進行 環境 清 消 全聯 表示 依循 中央流行疫情指揮中心 指示 採取 高 規格 防疫 措施 梧棲 文化 店</t>
  </si>
  <si>
    <t>台中 今 傳出 確診 者 3 日 晚間 曾 到 全聯 梧棲 文化 店 購物 5 日 再 去 全聯 清水 鼇 峰 店 目前 個案 皆 無 症狀 仍 在 疫 調 中 並 已 通知 環保局 進行 環境 清 消 全聯 表示 依循 中央流行疫情指揮中心 指示 採取 高 規格 防疫 措施 梧棲 文化 店 清水 鼇 峰 店 已 收到 通知 閉店清 消 預計 明天 恢復 營業 結果 複驗 結果 出爐 這 5 人 僅 1 人 確診 個案 也 沒去 過 這 兩 家 全 聯 門市 全聯 補充 針對 政府 公佈 確診 者 到 過 的 門市 皆 會 使用 高 規格 專業 食 安級清 消 作業 即 清 消 sop 中 第二 道 增 用 紫外 燈 室內 殺菌 第 三 道 用 漂白 水 進行 賣 場 擦拭 采 高 規格 防疫 措施 另 門市 平常 消毒 也 會 因應 人流 提升 頻率 平均 每 2 小時 就 消毒 一 次 包含 收銀 區 手推車 提籃 等 讓 消費者 可 安心 購物</t>
  </si>
  <si>
    <t>新冠肺炎 疫情 蠢動 交通部長 林佳龍 今天 視察 台鐵 與 高 鐵板橋 車站 後 表示 所有 搭乘 大眾 運輸 乘客 必要 戴 口罩 才能 搭車 並 呼籲 全體 民眾 配合 不要 防疫 讓 有 缺口 但 消息 一 出 網友 譁然 表示 異議 交通部長 林佳龍 是 在 今 31 晚 視察 台鐵 高 鐵板橋 車站 的 防疫 措施 後 宣佈 4 月 1 日 針對 所有 的 大眾 運輸 要求 大家 戴 口罩 才 搭車 大家 要 配合 讓 清明連 假 時 不 要 有 防疫 缺口 出現 目前 高鐵 的 12 站 均 開始 量 測體溫 也 設有 紅外線 的 體溫 量測儀 台鐵 今天 起 在 全部 的 239 車站 執行 量 測體溫 另 包括 1298 個 郵局 公路 系統 包括 高速公路 的 服務 區 公路 客運 的 轉運站 動 起 來 要求 乘客 量 體溫 戴 口罩 雖然 交通部 是 有備而來 但 對照 先前 中央流行疫情指揮中心 表示 搭乘 通 氣量 足夠 的 大眾 運輸 如 公車 捷 運 高鐵 不用 擔心 不 戴 口罩 會 被 感染 因此 身體健康 者 從事 戶外活動 搭乘 通 氣量 足夠 的 大眾 運輸 時 不 需要 戴 口罩 請 把 口罩 留給 真正 需要 的 人 如有 慢性病 者 有 呼吸道 症狀 者 與 醫療 防疫 人員 才能 讓 防疫 發揮 最 大 效用 而今 口罩 仍 實施 實 名 制 限 購 狀態 並非 充分 提供 需要者 所以 林佳龍 一 宣佈搭 大眾 運輸 要求 乘客 戴 口罩 網 民 反 酸 表示 開始 緊張 了 放 了 一 堆 的 人 進來 了 都 不 篩檢 我 願意 戴 啊 但是 請 讓 我 一 天 最 少有 一 片 口罩 產能 剛剛 逐漸 提升 就 開始 強制 了 2 周 9 片 都還沒 開始 我 ok 你 先 領 現在 不 ok 了 不是 叫 健康 的 人 不 要 帶 嗎 誰 能 自 認為 健康 呢 保護 自己 和 別人 不是 都 很 重要 嗎</t>
  </si>
  <si>
    <t>彰 化 縣 衛生局 日前 因 進行 精准 普 篩 與 中央流行疫情指揮中心 杠 上 雙方 就 入境 普 篩 與否 至今 仍舊 各執一詞 今 臺灣 微生物學 會 召開 新冠 病毒檢測 研討會 順 時中 逆 時 中 兩派人馬 首度 交鋒 順 時 中 代表 由 疾 管署 副 署長 莊</t>
  </si>
  <si>
    <t>彰 化 縣 衛生局 日前 因 進行 精准 普 篩 與 中央流行疫情指揮中心 杠 上 雙方 就 入境 普 篩 與否 至今 仍舊 各執一詞 今 臺灣 微生物學 會 召開 新冠 病毒檢測 研討會 順 時中 逆 時 中 兩派人馬 首度 交鋒 順 時 中 代表 由 疾 管署 副 署長 莊人祥 領 軍 逆 時 中 代表 則 有 台 大公 衛學院 教授 詹長權 陳秀熙 出席 莊人祥 致詞 時 表示 今天 堪稱 是 防疫 界 的 八二三 炮 戰 但 仍 希望 雙方 人 馬能純 就 學術 面 討論 點到為止 就 好 指揮中心 專家 諮 詢 小組 成員 長 庚 大 學新興 病毒感染 研究 中心 主任 施 信 如 在 會 中 提到 新冠 疫情 全球 已 有 兩千三百萬 人 染病 死亡 人數 也 超過 八十萬 人 當中 有 不少 國家 的 經濟 受到 衝擊 因此 國際 上 開始 有人 提出 免疫 護照 的 概念 盼 能 逐步 恢復 國際 間 的 往來 提 振 經貿 活動 她 提到 免疫 護照 最 重要 的 關鍵在於 檢驗 結果 以及 體內 抗體 的 保護 時間 有 多長 目前 雖然 無法 確認 感染 後 具有 抗體 的 人 究竟 會 不 會 受到 二 度 感染 但 從 今年 一 二月 份 感染 新冠 病毒 的 確診 者 中 來看 大部分 到 現在 都 擁有 中和 抗體 因此 康復者 在 半 年 後 都 不 會 被 感染 的 可能性 是 有 的 不過 施信如 也 指出 新冠 病毒 的 變化 速度 快 從 國外 文獻 已 可 得知 感染 族群 已 從 高齡 長者 下降 到 二十 至 三十 歲 成年人 現在 更 發現 小孩 也 會 遭受 感染 而且 重症 與 死亡 個案 也 不再 限於 高齡 青壯 嬰幼兒 等 也 都 有 可能 至於 臨床表現 上 新冠 病毒 的 症狀 也 越來越 多 元 施信如 說 除 一般 的 發燒 咳嗽 喉嚨 痛 等 呼吸道 症狀 外 現在 更 演變 為 嗅覺 味覺 異常 更 有 文獻 提到 有 侵犯 到 神經 的 可能 而 根據 長 庚 收治 的 重症 患者 也 發現 新冠 病毒 甚至 會 引起 血栓 她 強調 目前 世界 上 仍 無證據 顯示 感染 後 的 抗體 保護 為 終生 有效 同時 也 發現 有 感染者 始終 無法 得到 中和 抗體 這些 都 是 未來 推出 免疫 護照 有待 克服 的 問題</t>
  </si>
  <si>
    <t>中央流行疫情指揮中心 今日 公佈 1 起 北市 死亡 個案 吊 詭 的 是 該 案例 早 在 6 月 27 日 死亡 卻 在 2 個 月 後 才 通報 衛福 部長 陳時中 也 說 重話 要 北 市府 介入 督導 臺北市衛生局 今日 坦言 該 家 醫院 為 北 市立 聯合醫院 中興 院區 但 院</t>
  </si>
  <si>
    <t>中央流行疫情指揮中心 今日 公佈 1 起 北市 死亡 個案 吊 詭 的 是 該 案例 早 在 6 月 27 日 死亡 卻 在 2 個 月 後 才 通報 衛福 部長 陳時中 也 說 重話 要 北 市府 介入 督導 臺北市衛生局 今日 坦言 該 家 醫院 為 北 市立 聯合醫院 中興 院區 但 院方 確實 有 上傳 資料 因此 初 判 死亡 個案 校正 回歸 的 原因 是 系統 問題 目前 尚在 厘 清 當中 預計 下午 6 點 對外 說明 陳時中 下午 2 時 記者會 上 表示 今日 有 1 例 死亡 個案 是 在 6 月 27 日 過世 但 就診 醫院 卻 沒有 落實 通報 直到 家屬 和 北市 請領 慰問金 後 才 發現 有 沒 通報 的 情況 陳 當場 直言 請 臺北市 督導 該院 以後 要 申報 確實 一旦 確認 後 趕快 申報 出來 對此 衛生局 疾 管 科長 張惠美 在 防疫 記者會 上 證實 個案 是 在 臺北市立聯合醫院 中興 院區 病逝 詳細情況 正在 與 院方 確認 請 對方 就 整個 處理過程 個案 死亡 日期 進行 厘 清 也 會 與 中央 疾 管署確認 個案 通報 資料 的 完整性 今晚 6 點 會 公告 院方 處理 時序 衛生局 將 全力 督導 張惠美 解釋 第 五 類 法定 傳染病 個案 確診 後 死亡 診治 醫院 須在 7 天內 於 傳染病 個案 病例 資料 的 彙集 平臺 上傳 死者 資料 和 病歷 摘要 同時 要 在 法定 傳染病 個案 系統 登錄 死亡 日期 至於 疾 管科 何時 得知 死亡 個案 延遲 張則 說 她 是 今天 才 下午 收到 個案 目前 還 在 厘 清 狀況 衛生局 主 秘 邱秀儀 補充 表示 此案 在 比對 過程 當中 發現 可能 是 系統 出現 問題 初步 來看 聯合醫院 有 上傳 資料 2 筆 資訊 可能 出現 系統 合併 操作 問題 因為 中央 系統 較 多 主 系統 是 疾 管署 法定 傳染病 系統 後續 還要 去 不同 子系統 上傳 登錄 死亡 日期 等 資料 還 在 厘 清是 哪個 環節 出 問題 因為 傳染病 個案 資料 很 多種 包括 起初 的 通報 資料 死亡 資料</t>
  </si>
  <si>
    <t>中央流行疫情指揮中心社區 防疫 組 副 組長 楊靖慧 表示 今天 開始 秋冬 專案 上路 8 大類 場所 民眾 需要 強制 戴 口罩 主要 是 擔心 冬季 大家 在 室內 時間 多 而且 呼吸道 相關 症狀 疾病 也 較 多 因 此 呼籲 民眾 進入 室內 或 預期 會 接觸 不 特定</t>
  </si>
  <si>
    <t>中央流行疫情指揮中心社區 防疫 組 副 組長 楊靖慧 表示 今天 開始 秋冬 專案 上路 8 大類 場所 民眾 需要 強制 戴 口罩 主要 是 擔心 冬季 大家 在 室內 時間 多 而且 呼吸道 相關 症狀 疾病 也 較 多 因 此 呼籲 民眾 進入 室內 或 預期 會 接觸 不 特定 人士 就要 戴 上 口罩 可 保護 自己 也 保護 別人 中央流行疫情指揮中心 表示 8 大類 場所 包含 醫療 照 護 大眾 運輸 生活 消費 教育學 習 觀展 觀賽 休閒 娛樂 宗教 祭祀 及 洽 公 未 依 規定 佩戴 口罩 經 勸導 不 聽 者 將 依 違反 傳染病 防治法 第 37 條 第 1 項 第 6 款 規定 由 地方 政府 裁 罰 3000 元 以上 1萬5000 元 以下 罰款</t>
  </si>
  <si>
    <t>8 大類 場所 強制 戴 口罩 秋冬 專案 中央流行疫情指揮中心 新冠肺炎</t>
  </si>
  <si>
    <t>中央流行疫情指揮中心 宣佈 新北 幼稚園 群 聚 案 今 11 日 仍 無 進一步 擴大 維持 27 人 確診 但 感染 delta 個案 累計 20 人 居住 在 土城社區 大樓 的 幼稚園 老師 案 16129 夫妻 2 人 也 都 感染 delta 為 何只 有 板橋社區 需要 清 空 指揮</t>
  </si>
  <si>
    <t>中央流行疫情指揮中心 宣佈 新北 幼稚園 群 聚 案 今 11 日 仍 無 進一步 擴大 維持 27 人 確診 但 感染 delta 個案 累計 20 人 居住 在 土城社區 大樓 的 幼稚園 老師 案 16129 夫妻 2 人 也 都 感染 delta 為 何只 有 板橋社區 需要 清 空 指揮中心 專家 諮 詢 小組 召集人 張上淳 特別 說明 這 跟 台大 護理 師 疫 調 結果 有關 指揮中心 指出 今天 無 新 增 本土 案例 但有 5 例 境外移入 最新 基因 定 序 結果顯示 除了 北市 松山區 國 中生 案 16179 感染 alpha 包括 裝潢 工夫 妻 案 16168 案 16171 幼稚園 奶奶 案 16165 都 是 delta 新北 幼稚園 群 聚 27 人 目前 已 累計 20 人 感染 delta 有 媒體 好奇 同樣 感染 delta 的 幼稚園 老師 夫妻 1612816129 所 住 的 土城社區 為何 沒有 比照 板橋社區 大樓 整 棟 清 空 擴大 篩檢 處理 對此 指揮中心 發言人 莊人祥 指出 差別 在於 板橋社區同 棟 有 3 戶 6 人 發生 感染 土城社區 只 有 1 戶 感染 指揮官 陳時中 也 說明 陳時中 表示 就 像是 醫院 出現 感染 病房 出現 1 例 是 怎樣 處理 2 例 驗 整 樓 3 例 就 可能 整 棟 全 驗 指揮中心 專家 諮 詢 小組 召集人 張上淳 則 解釋 如同 莊副 所 述 並 不是 每次 發現 個案 就要 全棟 篩檢 而是 由於 板橋 某 大樓 發生 多 戶 感染 出現 第 1 例 時 本來 沒 打算 特別 處理 直到 發現 台大 麻醉 科 護理 師 也 是 居住 在 同 棟 大樓 後 才有 後續 處理 何況 後來 又 發生 第 3 戶 感染 單一 多 個案 分別 有 不同 處理 模式</t>
  </si>
  <si>
    <t>中央流行疫情指揮中心 27 日 公佈 新冠肺炎 案 32 在 16 日 至 24 日 曾 搭乘 藍 38 公車 新北 市交通局 指出 雖 疫情 中心 要求 接觸 者 僅 需 自主 管理 三 重 客運 為 讓 乘客 安心 從嚴 管理 即日起 停 派 相關 駕駛人員 且 給予 有 薪 的 防疫 假 新北</t>
  </si>
  <si>
    <t>中央流行疫情指揮中心 27 日 公佈 新冠肺炎 案 32 在 16 日 至 24 日 曾 搭乘 藍 38 公車 新北 市交通局 指出 雖 疫情 中心 要求 接觸 者 僅 需 自主 管理 三 重 客運 為 讓 乘客 安心 從嚴 管理 即日起 停 派 相關 駕駛人員 且 給予 有 薪 的 防疫 假 新北 市交通局 表示 已 立即 訂 定 防治 程式 通知 各 客運公司 若 有 發生 案例 皆 須 回報 在 控管 的 line 群 組 嚴格 控管 駕駛 健康 和 車內 消 潔 交通局 強調 三 重 客運 接 獲 通報 後 已 立即 召回 所有 車輛 消毒 並 依 規定 同 調度 站 的 其他 駕駛 也 需 做 好 管理 出車 前 量 體溫 戴 口罩 勤洗手 目前 相關 的 司機 身體狀況 皆 正常 車輛 也 沒有 調派 其他 路線 的 情形 現在 也 依 交通局 的 規定 定時 回報 請 民眾 安心 搭乘 公車 新北 市交通局 說 自 1 月 起 即 要求 本 局 要求 市區 公車 出車 前 皆 須 消毒 一 次 針對 車內 常 碰 觸 的 地方 加強 清潔 如 車內 扶手 欄杆 座椅 及 下 車鈴 等 設施 請 民眾 安心 搭乘 無須 過度 恐慌</t>
  </si>
  <si>
    <t>英國 情侶 在 台 居家 檢疫 但 抱怨 環境 太 差 像 住 監獄 中央流行疫情指揮中心 指揮官 陳時中 表示 英 情侶 上午 已經 發文 澄清 bbc 也 將 相關 報導 下 架 相信 公道 自在 人心 莊人祥 分享 檢疫所 的 收費 目前 是 有 特殊任務 武漢 包機</t>
  </si>
  <si>
    <t>英國 情侶 在 台 居家 檢疫 但 抱怨 環境 太 差 像 住 監獄 中央流行疫情指揮中心 指揮官 陳時中 表示 英 情侶 上午 已經 發文 澄清 bbc 也 將 相關 報導 下 架 相信 公道 自在 人心 莊 人 祥 分享 檢疫所 的 收費 目前 是 有 特殊任務 武漢 包機 鑽石 公主 號 才 可以 免費 入住 其他 狀況 要 入住 的話 無論是 外國人 還 是 臺灣人 入住 防疫 旅館 都 要 收費 而 集中 檢疫所 一 天 是 150 元 美金 各縣市 的 檢疫 場所 則 有 不同 的 價格 至於 英國 情侶 解除 隔離 是否 能 領取 補助金 1000 元 陳時中 回應 需 請 相關 單位 再 研究</t>
  </si>
  <si>
    <t>16 12 更新 空服 員 從 外 站 回來 不用 居家 檢疫 14 天 有 長 榮 空服 員 擔心 成為 防疫 破 口 在 航空 公司 人力不足 跟 防疫 之間 中央流行疫情指揮中心 該 如何 取捨 副 指揮官 陳宗彥 表示 有 要求 將 排 班 間隔 拉開 最少 5 天 以上 陳宗彥</t>
  </si>
  <si>
    <t>16 12 更新 空服 員 從 外 站 回來 不用 居家 檢疫 14 天 有 長 榮 空服 員 擔心 成為 防疫 破 口 在 航空 公司 人力不足 跟 防疫 之間 中央流行疫情指揮中心 該 如何 取捨 副 指揮官 陳宗彥 表示 有 要求 將 排 班 間隔 拉開 最少 5 天 以上 陳 宗彥 表示 首先 機組人員 回來 之後 有 要求 航空 公司 雖然 沒有 納入 居家 檢疫 14 天 但有 要求 將 排 班 間隔 拉開 希望 最少 要 有 5 天 以上 陳 宗彥 說 機組員 入境 時 如果 身體 有 症狀 一樣 會 在 篩檢 站 的 地方 做 采 檢 並 納入 居家 檢疫 的 名單 外界 關心 機艙 內 餐飲 口罩 的 現況 如 何? 指揮中心 表示 艙內 要求 都已 提升 防護 機制 機組員 全程 配戴 n 95 口罩 餐 的 部分 也 簡化 以 經濟艙 來講 過去 餐 點 服務 3 次 現在 簡化 成 1 次 副 指揮官 陳宗彥 說 回國 後 是 把 機組員 納入 居家 檢疫 措施 而 不是 自主 健康 關懷 只 是 不受 14 天 限制 希望 排 班 時間 拉長 機組員 是 不 可以 外出 由 航空 公司 依照 指揮中心 頒佈 的 準則 提出 完整 計畫 按照 計畫 要 落實 執行 由 民航 局 來 督導 兩 家 航空 公司 是否 有 落實 執行 陳時中 補充 指出 所以 不是 區隔 放鬆 是 時間 縮短 隔離 措施 沒有 少</t>
  </si>
  <si>
    <t>中央流行疫情指揮中心 24 日 公佈 台中 新增 8 例 本土 確診 個案 其中 案 4735 西屯區 泰安 國小 附設 幼稚園 廚工 及 案 4736 廚工 的 先生 案 4737 廚工 的 女兒 確診 環保局 從 昨晚 即 展開 校園 消毒 清潔 25 日 上午 7 時 20 分在 前進指揮所 開始 作</t>
  </si>
  <si>
    <t>中央流行疫情指揮中心 24 日 公佈 台中 新增 8 例 本土 確診 個案 其中 案 4735 西屯區 泰安 國小 附設 幼稚園 廚工 及 案 4736 廚工 的 先生 案 4737 廚工 的 女兒 確診 環保局 從 昨晚 即 展開 校園 消毒 清潔 25 日 上午 7 時 20 分在 前進指揮所 開始 作業 前 再度 進行 泰安 國小 消毒 作業 消毒 抗 疫 保護 民眾 安全 市長 盧秀燕 強調 市府 第一時間 掌握 個案 相關 足跡 及 接觸 史 加強 清 消 西屯區 泰安 國小 附設 幼稚園 一 名 女性 廚工 24 日 公佈 確診 新冠肺炎 由於 已 掌握 她 的 先生 女兒 及 幼稚園 一 名 老師 相繼 確診 為 免疫 情 擴大 立即 下令 成立 泰安 國小 附設 幼稚園 前進指揮所 環保局 也 於 24 日 晚上 8 時 30 分由 副 局長 商文麟 代 隊 出動 噴 霧 車 及 清潔 隊員 志 工 消毒 泰安 安國小 圍牆 內外 環境 消毒 25 日 上午 前進指揮所 開始 作業 前 環保局 與 志 工 再度 在 泰安 國小 舉行 消毒 作業 上午 7時 20 分 完成 消毒 中 市 防疫 部隊 晝夜 消毒 保護 民眾 安全</t>
  </si>
  <si>
    <t>中央流行疫情指揮中心 今天 17 日 公佈 新增 333 名 本土 病例 宜蘭 縣 有 2 例 累積 有 18 人 確診 雖然 宜蘭 縣 未 比照 雙 北 宣佈 高中職 以下 停課 但 縣長 林姿 妙 呼籲 中央 統一 停課 標準 避免 教學 現場 及 家長 困擾 宜蘭 縣 衛生局 公佈</t>
  </si>
  <si>
    <t>中央流行疫情指揮中心 今天 17 日 公佈 新增 333 名 本土 病例 宜蘭 縣 有 2 例 累積 有 18 人 確診 雖然 宜蘭 縣 未 比照 雙 北 宣佈 高中職 以下 停課 但 縣長 林姿 妙 呼籲 中央 統一 停課 標準 避免 教學 現場 及 家長 困擾 宜 蘭縣 衛生局 公佈 宜蘭 縣 新增 2 案例 的 足跡 案 1763 曾 在 5 月 12 日 晚間 6 時至 7 時 前往 羅東鎮 掌櫃 食譜 案 1943 在 5 月 10 日 下午 4 時至 5 時 前往 礁溪鄉 襄 聚 牛排館 累積 宜 蘭縣 有 18 人 確診 2 新增 本土 中 案 1763 與 羅東鎮 銀河 遊藝場 有關 案 1943 是 在 台中 參加 進香團 9 日 晚間 回宜蘭 10 日 又 到 台中 11 日 發病 今日 確診 在 台中 隔離 治療 中 詳細 疫 調 由 台中 衛生局 瞭解 中 昨天 傳出 有 一 位 確診 者 進出 羅東某 醫療機構 衛生局長 徐迺維 表示 院方 啟動 相關 管制 機制 有 匡 列 醫護人員 社 工 清潔 人員 等 37 人 目前 35 人 檢驗 陰性 並 沒有 群 聚 的 問題 林 姿 妙 除 呼籲 中央 統一 停課 標準 外 也 表示 宜蘭 弱勢 學生 若 選擇 在家 自主 學習 仍 會 提供 午餐 補助 不 到校 上課 的 學生 務必 在家 自主 學習 自我 健康 監控 不要 在外 遊蕩 以 保障 大家 的 健康 相較 於 雙北 宜蘭 縣 新增 的 確診 數 維持 個 位數 徐迺維 強調 真 的 要 戒慎 恐懼 還 要 繼續 努力 才能 維持 這樣 的 局面 雙北 往返 宜蘭 方便 請求 縣民 務必 提高 警覺 有 任何 不 舒服 或 與 確診 者 曾同 時間 去 過 相關 足跡 地點 可 前往 醫院 篩檢 但 建議 鄉親 可 至陽 明 交通大學 醫院 網站 首 頁 預約 避免 醫院 湧入 太 多 人 也 減少 群 聚</t>
  </si>
  <si>
    <t>新冠肺炎 covid-19 疫情 全球 升溫 我國 全力 防堵 疫情 擴散 今 8 日 中央流行疫情指揮中心 說明 最新 進度 記者會 重點 如下 今日 新增 0 例 新冠肺炎 確診 個案 同時 國內 已 連續 26 天 無 本土 確診 病例 截至 目前為止 國內 共</t>
  </si>
  <si>
    <t>新冠肺炎 covid-19 疫情 全球 升溫 我國 全力 防堵 疫情 擴散 今 8 日 中央流行疫情指揮中心 說明 最新 進度 記者會 重點 如下 今日 新增 0 例 新冠肺炎 確診 個案 同時 國內 已 連續 26 天 無 本土 確診 病例 截至 目前為止 國內 共 累計 440 例 確診 分別 為 349 例 境外移入 55 例 本土 病例 及 36 例 敦睦 艦隊 6 例 死亡 355 人 解除 隔離 酒店 舞廳 是否 可 恢復 營業 指揮中心 宣佈 目前 仍 暫停營業 之 業者 經 各縣 市政府 評估 符合 4 項 防疫 及 安全 條件 後 可 開放 營業 此外 指揮中心 也 鼓勵 民眾 力行 防疫 新 生活 運動 除 落實 個人 衛生防護 措施 外 可 多 前往 配合 防疫 措施 之 店家 消費 中華 職棒 今 8 日 終於 開放 1000 名 觀眾 入場 觀賽 將 成為 全世界 第一 場 開放 觀眾 進場 的 職棒 比賽 對於 會 不 會 有 民眾 違規 在 場內 進食 指揮官 陳時中 認為 開放 觀眾 是 日後 逐步 開放 大型活動 的 試金石 相信 不 會 有人 違規 是否 放寬 非本 國籍 入境 條件 現在 臺灣人 返國 必須 先 居家 檢疫 非本 國籍 人士 仍 不能 入境 除非 有 特別 商務 理由 才 行 指揮中心 目前 正 在 考量 透過 解除 邊境 管理 強制 要求 國外 回來 人士 住 在 防疫 旅館 方式 管理 擴大 紓困 方案 出現 許多 男 舉 牌 女 賣 玉 蘭花 現象 有人 懷疑 有 詐騙 之 嫌 但 陳時中 霸氣 回應 來 申請 的 都 是 有 需要 的 人 寧願 錯 發 一些 人 也 不 要 漏 發 一個 人 繼續 留任 衛福 部長 總統 蔡英文 宣佈 行政院長 蘇貞昌 將 繼續 留任 而 大家 很 關心 防疫 表現 亮 眼 的 衛福 部長 陳時中 去留 對於 自己 未來 能否 繼續 留在 疫情 直播 陳時中 表示 去留 位置 是 行政院長 的 職權 據 陸 專家 指出 大陸 地區 確診 出院者 中 有 15 複 陽 再度 確診 新冠肺炎 張上淳 指出 各國 對於 新冠肺炎 出院 的 標準 不同 是 一 采 陰 二 采 陰 還 是 三 采 陰 都 會 影響 複 陽 認定 而 限制越 嚴 相對 複 陽 人數 就 會 越 少 目前 臺灣 複 陽 確診 者 仍 維持 4 人 有 公眾 場合 設置 熱像儀 恐 侵犯 個人隱私 民眾 擔心 內衣褲 被 看 光光 中央流行疫情指揮中心 指揮官 陳時中 回應 兼顧 防疫 與 維護 個人隱私 確實 有 些 困難 但 會 儘量避免 觸犯 隱私</t>
  </si>
  <si>
    <t>新冠肺炎 直至 今日 全球 確診 人數 已 突破 141萬 例 中央流行疫情指揮中心 指出 肥胖 恐為 感染 嚴重 特殊 傳染性 肺炎 covid-19 和 導致 重症 的 高風險 因素 之一 而 近年來 研究 亦 發現 肥胖者 免疫 功能 較 差 得到 流感 的 機 率 及 重症 風</t>
  </si>
  <si>
    <t>新冠肺炎 直至 今日 全球 確診 人數 已 突破 141萬 例 中央流行疫情指揮中心 指出 肥胖 恐為 感染 嚴重 特殊 傳染性 肺炎 covid-19 和 導致 重症 的 高風險 因素 之一 而 近年來 研究 亦 發現 肥胖者 免疫 功能 較 差 得到 流感 的 機 率 及 重症 風險 皆 較 高 因此 防疫期間 除 了 積極 配合 各項 防疫 措施 外 也 應 留意 自己 及 家人 是否 有 肥胖 問題 從 調整 飲食 及 運動 生活 開始 採取行動 一起 達到 肥胖 走 健康 來 國民 健康 署 說明 身體 品質 指數 bmi 是 一 種 體重 評估 的 標準 如果 大於 或 等於 24 kg m 2 公斤 公尺 2 為 體重 過重 超過 27 kg m 2 即為 肥胖 依據 臺灣 國民 營養 健康狀況 變遷 調查 2015 2018 結果顯示 18 歲 以上 成人 過重 及 肥胖率 為 471 男性 為 557 女性 為 387 體重 過重 及 肥胖 是 因為 熱量 攝取 過多 消耗 太 少 導致 熱量 累積 以 脂肪 的 形式 堆積 在 體內 除 遺傳 外 主要 受到 環境 及 生活型 態 等 因素 的 影響 國民 健康 署 王英偉 署長 分享 減重 必須 透過 自我管理 調整 生活型 態 和 行為 改變 1 聰明 吃 飲食 上 遵循 三 多 三 少 原則 多 喝 白開水 多 吃 蔬果 多 全 穀 雜糧 少油 少鹽 少 糖 減少 熱量 攝取 或 增加 體能 活動 讓 每天 減少 500 大卡 熱量 這樣 就 可以 每週 減重 約 05 公斤 最 重要 的 是 切 勿 聽信 偏方 採取 極端 方法 每日 攝取 熱量 若 低於 1200 大卡 反而 會 危害 健康 2 快樂 動 證據 顯示 減重 者 應 每週 須有 300 分鐘 以上 中等 強度 身體 活動 並 加入 高 強度 有氧運動 或 高低 強度 間歇 運動 防疫期間 可 利用 室內運動 器材 或 國民 健康 署 提供 民眾 一 套 迴圈 運動 教學 影片 只 需 準備 兩 瓶 礦泉水 就 能 在家 達到 運動 效果 3 天天 量體重 測量 體重 有 警惕 的 作用 有助於 節制 口腹之欲 體重 的 控制 或 維持 需要 長期抗戰 除了 學會 正確 選擇 食物 的 技巧 外 天天 量體重 提醒 自己 別 讓 體重 太 失控 延伸 閱讀</t>
  </si>
  <si>
    <t>海軍 敦睦 艦隊 高雄 有 9 人 染疫 高雄 市長 韓國瑜 今天 表示 744 位 官兵 中 扣 掉 24 位 已 確診 350 位 戶籍 在 高雄 當中 有 92 人 表示 因 未接 獲 上級指示 拒絕 配合 市府 進行 疫 調 高雄 衛生局 表示 若 拒絕 可 依法 重罰 30萬 對此 中央流行疫情指揮中心 指揮官 陳時中 表示 是 因為 自己 先前 下過 命令 在 檢疫所 時 若 在 沒有 確定 對方 身份 不要 回答 問題 避免 隱私 洩露 目前 已經 請 檢疫所 配合 希望 直接 請 公務員 前往 檢疫所 作 役 調 中央流行疫情指揮中心 指揮官 陳時中 表示 高雄 遇到 軍中 弟兄 不 配合 導致 將 被 違反 傳染 傳染病 防治法 43 條 予以 處分 今天 早上 他 已經 去 電 高雄 市政府 溝通 陳時中 說 用 電話 做 疫情 調查 恐怕 會 衍生 相關 問題 例如 個 資 或是 隱私 洩露 等 他 自己 前 幾 天 也 下過 命令 希望 檢疫所 者 在 沒有 確定 身份 時 不 要 回答 問題 避免 隱私 洩露 陳時中 說 疫情 調查 是 執行公務 的 行為 希望 由 有 公 權力 的 公務員 執行 因此 已經 建議 高雄 市政府 由 公務員 前往 且 也 已經 請 集中 檢疫所 的 人 配合</t>
  </si>
  <si>
    <t>中央流行疫情指揮中心 今 5 日 公佈 國內 新增 6 例 covid-19 確定 病例 分別 為 2 例 本土 及 4 例 境外移入 另 確診 個案 中 無 新 增 死亡 指揮官 陳時中 表示 今天 本土 案例 兩 人 為 同 住 夫妻 這 兩 例 都 在 新北 市 衛生 單位 已 經 匡列 接觸 者 50</t>
  </si>
  <si>
    <t>中央流行疫情指揮中心 今 5 日 公佈 國內 新增 6 例 covid-19 確定 病例 分別 為 2 例 本土 及 4 例 境外移入 另 確診 個案 中 無 新 增 死亡 指揮官 陳時中 表示 今天 本土 案例 兩 人 為 同 住 夫妻 這 兩 例 都 在 新北 市 衛生 單位 已經 匡列 接觸 者 50 人 居家 隔離 新北 市長 侯友宜 進一步 表示 該 名 確診 妻子 是 幼稚園 老師 幼稚園 已 立即 停課 全數 居家 隔離 指揮中心 表示 今日 新增 2 例 本土 病例 分別 為 本 國籍 40 多 歲 男性 案 16128 及 本 國籍 30 多 歲 女性 案 16129 2 人 為 同 住 家人 案 16128 於今 2021 年 9 月 1 日 出現 咳嗽 發燒 頭痛 及 全身 倦怠 症狀 9 月 4 日 就醫 采 檢 於 今日 確診 ct 值 24 另 案 16129 於 8 月 27 日 至 8 月 29 日 期間 出現 咳嗽 及 味覺 異常 症狀 9 月 4 日 因 案 16128 檢驗 陽性 由 衛生 單位 安排 隔離 並 采 檢 於 今日確診 ct 值 17 衛生 單位 已 匡列 2 人 接觸 者 共 50 人 均 列 居家 隔離 另 有 49 人 尚 待 風險 評估 後 再行 匡列 其 餘 相關 接觸 者 匡列中 指揮中心 指出 近期 確診 個案 解 隔離 情形 5 月 11 日 至 9 月 3 日 累計 公佈 14813 位 確診 個案 中 已 有 13751 人 解除 隔離 解 隔離 人數 達 確診 人數 928 指揮中心 表示 今日 新增 4 例 境外移入 個案 為 3 例 男性 1 例 女性 年齡 介於 20 多 歲 至 30 多 歲 分別 自 塞爾維亞 案 16124 美國 案 16125 布吉納法索 案 16126 及 日本 案 16127 入境 入境 日 介於 9 月 2 日 至 9 月 3 日 均 持有 搭 機 前 3 日內 檢驗 陰性 報告 指揮中心 統計 截至 目前 國內 累計 2801846 例 新型 冠狀病毒 肺炎 相關 通報 含 2784487 例 排除 其中 16019 例 確診 分別 為 1433 例 境外移入 14533 例 本土 病例 36 例 敦睦 艦隊 2 例 航空器 感染 1 例 不 明及 14 例 調查 中 另 累計 110 例 移除 為 空號 2020 年 起 累計 837 例 covid-19 死亡 病例 其中 827 例 本土 個案 居住 縣 市 分佈 為 新北 市 410 例 臺北市 317 例 基隆 市 28 例 桃園 市 26 例 彰 化 縣 15 例 新竹 縣 13 例 台中 市 5 例 苗栗縣 3 例 宜蘭 縣 及 花蓮縣 各 2 例 台 東縣 雲 林縣 台 南市 南 投 縣 高雄市 及 屏 東縣 各 1 例 另 10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今天 中午 有 265萬 劑 az 到 臺灣 效期 到 今年 12 月 7 日 使用 上 沒有 問題 目前 訂貨 的 1000萬 來 了 267萬 劑 az 疫苗 包括 日本 贈送 的 有 500 多 萬 劑 近 600萬 劑 中央流行疫情指揮中心 指揮官 陳時中 表示 依 目前 進貨量 來 az 疫苗 主要 安</t>
  </si>
  <si>
    <t>今天 中午 有 265萬 劑 az 到 臺灣 效期 到 今年 12 月 7 日 使用 上 沒有 問題 目前 訂貨 的 1000萬 來 了 267萬 劑 az 疫苗 包括 日本 贈送 的 有 500 多 萬 劑 近 600萬 劑 中央流行疫情指揮中心 指揮官 陳時中 表示 依 目前 進貨量 來 az 疫苗 主要 安排 在 第 七 輪 接種 主要 是 擴大 第一 劑量 能 也 會 保留 一定 比率 給 想要 第二 劑 的 長者 施打 近來 有 教師 團體 反映 8 月 新進 教師 代理 教師 沒有 疫苗 可 施打 近來 教育部 造冊 施打 疫苗 外界 關心 是 哪個 廠 牌 的 疫苗 中央流行疫情指揮中心 指揮官 陳時中 表示 分 的 是 az 疫苗 陳時中 今天 表示 針對 今年 8 月 1 日後 新進 教師 代理 代課 教師 實習 教師 特教 助理員 團 膳 業者 服務 等 人員 總共 配 了 2萬9600 劑 已經 在 8 月 26 日 配送 下去 陳時中 指出 這 兩 天會 跟 大家 來 報告 第 七 輪 施打 規劃 在 等 疫苗 有 沒有 到 有 期待 但 沒 把握 要 確定 量 能 比較 好 希望 在 可以 的 範圍 內 不用 一直 改</t>
  </si>
  <si>
    <t>原先 中央流行疫情指揮中心 19 日 宣佈 高雄 新增 8 個 確診 案例 其中 確診 者 的 職業 包含 退休 老師 保險員 居服 員 學生 等 而 一 位 6 歲 女童 第一 次 采 檢 雖 程弱 陽性 但 二 采 呈 陰性 因此 排除 染疫 高雄 改為 新增 7 例 確診 個案 高市</t>
  </si>
  <si>
    <t>原先 中央流行疫情指揮中心 19 日 宣佈 高雄 新增 8 個 確診 案例 其中 確診 者 的 職業 包含 退休 老師 保險員 居服 員 學生 等 而 一 位 6 歲 女童 第一 次 采 檢 雖 程弱 陽性 但 二 采 呈 陰性 因此 排除 染疫 高雄 改為 新增 7 例 確診 個案 高 市府 19 日 也 公佈 確診 者 疫 調 後 的 相關 足跡 高 市府 衛生局 指出 案 2356 為 退休 老師 由於 他 曾 在 臺北 與 案 1889 有 過 密切接觸 因此 研 判 1889 為 該 案 的 感染 源 案 2356 的 相關 足跡 是 13 日 中午 12 時 10 分到 1 時 45 分 搭乘 高鐵 633 班次 從 桃園 南下 左營 大約 14 點 到 14 點 15 分 到 左營區 自由 黃昏 市場 吃 鱔魚 面 2 點 半 到 晚上 8 點 在 國立 高雄 科技 大學 建工 校 區 兼課 下 課後 在 建工 校 區 後門 沒有 招牌 的 小吃店 用餐 8 點 半 到 9 點 則 到 大 昌 路 義華 路口 的 公車 站牌 搭 217 公車 返家 隔日 下午 1 點 半 到 6 點 又 回到 高科 大學 建工 校 區 兼課 共 匡列 接觸 者 40 人 部分 采 檢 為 陰性 部分 還 在 檢驗 當中 案 2357 為 仁惠 醫院 護理 師 他 從頭到尾 並 無 任何 症狀 經過 疫 調 後 得知 14 日 下午 5 點 半 到 六 點 的 五權 南 路 國光路 的 黃昏 攤販 市場 16 日 下午 3 時 42 分到 5 時 42 分到 鳳 山大 潤 發 共 匡列 4 位 接觸 者 檢驗 結果 全數 呈 陰性 案 2527 是 保險員 由於 工作 性質 導致 他 的 社交活動 相對 較 多 所以 追蹤 物件 相對 複雜 他 在 18 日 開始 出現 發燒 狀態 發病 前 的 足跡 3 日 到 7 日 是 正常 上班 7 日 晚間 12 點 到 淩晨 4 點 在 苓 雅 區 九 度空間 酒吧 與 朋友 聚餐 歡唱 8 日 晚上 9 點 下班 後 到 隔 天 淩晨 1 點 曾 與 朋友 到 享 溫馨 巨蛋 店 唱歌 而 9 日 下午 5 點 半 到 6 點 到 牛老大 涮涮鍋 吃飯 隨後 到 新 崛 江 逛 街 接 著 14 日 晚上 7 點 到 10 點 在 左營區 串 門子 海鮮 串 燒 聚餐 17 日 在 華南 產物保險 有 會議 後來 到 bmw 博愛 廠 目前 共 掌握 接觸 者 35 人 匡列 人員 中 發現 有 一些 人 有 北部 活動 史 足跡 詳細 疫 調 還 在 厘 清 當中 因為 該案 活動 史 相對 複雜 需要 一些 時間 進行 足跡 比對 接下來 案 2351 是 30 多 歲 男性 作業 員 也 是 高雄市 第 183 案 的 兒子 同 住 的 父親 在 萬華 有 活動 史 確診 因此 研 判 是 家庭 群 聚 感染 18 日 發病 主動 到 醫院 采 檢 程 陽性 16 日 淩晨 1 點 至 2 點 至 前鎮區 光華 二 路 的 光華 愛 旺 夾 夾 新興區 復興 一路 的 夾 爽快 苓 雅 區 文 橫二路 萌 獅 部落 新興區 新田 路 高 視 眼鏡 原址 新興區 仁智 街 嗨 客 新興區 五 福二路 台 客 二 代選物 販賣 等 娃娃 機 店 補充 貨物 17 日 休假 未 外出 匡列 接觸 者 共 6 人 案 2530 為 男性 居服 員 足跡 相對 單純 15 日 中午 12 點 30 到 40 分去 過 前鎮區 瑞 北 路 的 方 師傅 點心 坊 瑞北店 17 日 晚上 10 點 45 分 入住 前鎮區 新光路 的 高雄 海景 美 屋 住宿 3008 房 匡列 接觸 者 8 人 相關 細節 還 在 持續 疫 調 中 案 2529 是 53 歲 男性 業務員 17 日 出現 相關 症狀 18 日 采 檢 確診 14 日 下午 5 點 31 分至 7 點 5 分 搭 高鐵南 下 149 班次 自 臺北 到 新 左營 7 點 10 分至 8 點 15 分 自 捷 運 新 左營 站 搭 捷 運至 美麗 島 站 再 轉至 市 議會 站 17 日 上午 8 點 15 至 12 點 至 三民 區 林森 一路 菱 和 貿易 公司 上班 12 點 至 12 點 30 分至 新興區 南華 路 156 號 與 南華 橫 路 前 無 招牌 小吃店 12 點 30 分至 下午 6 點 30 分 再 回 公司 匡列 接觸 者 共 10 人 目前 正在 等待 檢驗 當中 案 2352 是 居住 在 鼓山區 學生 有 在 仁武區 物流 公司 打工 16 日 自覺 喉嚨 癢 下班 後 去采 檢 第一 次 陰性 隔 天 症狀 加劇 再度 采 檢 呈 陽性 根據 疫 調 顯示 14 日 下午 6 點 30 分至 8 點 在 高雄 科技 大學 楠梓 校 區 上課 1415 日 上午 8 點 至 下午 點 至 仁武區 物流 公司 上班 1617 日 全天 在家 休息 18 日 上午 7 點 30 分至 50 分至 鼓山區 明 倫路 原動力 早餐 明 倫店 吃 早餐 目前 匡列 接觸 者 25 人 目前 正在 等待 檢驗 當中</t>
  </si>
  <si>
    <t>新北 市 今日 新增 2 例 打破 了 昨日 睽 違 96 天 迎來 的 零 確診 新北 市 市長 侯友宜 昨日 在 防疫 記者會 上 強調 面對 疫情 起伏 應持 平常心 一 日 的 零 不 代表 日後 都 會 是 零 也 拿 出 將 病毒 阻絕 於 境外 的 決心 召集 市內 26 間 防疫 旅館業 者 研討 防堵 病毒 的 措 舉 市府 團隊 將 於 下午 3 時 召開 疫情 記者會 說明 侯友宜 說 今日 新增 2 個 個案 都 是 居家 隔離 的 陽性 個案 皆 來自 于樹林 屬於 家戶 感染 而 截至 13 日 居家 隔離 情形 共有 566 人 被 列管 有 28 人 可 解除 隔離 今日 案例 接觸 者 有 3 人 居家 隔離 3 人 新北 市 衛生局長 陳 潤 秋 補充 這 2 例 都 是 先前 新 莊家 族群 聚 感染 衍生 個案 全案 目前 累計 已 有 14 人 確診 此外 永和社區 某 社區 5 人 確診 市府 派出 機動 篩檢 站 迄今已 篩檢 1679 人 除 2 例 陽性 外 其他 都 是 陰性 無 其他 確診 個案 侯友宜 說 希望 市民 出來 篩檢 時間 到 今天下午 4 點 半 在 永和 仁愛 公園 活動 中心 鼓勵 大家 出來 篩檢 中央流行疫情指揮中心 今 14 日 公佈 國內 新增 7 例 covid-19 確定 病例 分別 為 3 例 本土 及 4 例 境外移入 另 確診 個案 中 新增 2 例 死亡 指揮中心 表示 今日 新增 之 3 例 本土 病例 其中 2 例 為 居家 隔離 期間 陽性者 為 1 例 男性 2 例 女性 年齡 介於 30 多 歲 至 60 多 歲 發病 日 均 為 今 2021 年 8 月 12 日 個案 分佈 為 新北 市 2 例 臺北市 1 例 其中 2 例 為 已 知 感染 源 1 例 關聯 不明 將 持續 進行 疫情 調查 以 厘 清 感染 源 指揮中心 說明 今日 新增 2 例 死亡 個案 中 案 4213 為 50 多 歲 男性 有 慢性病 史 及 相關 活動 接觸 史 5 月 17 日 起 陸續 出現 咳嗽 有 痰 胸 痛 腹瀉 症狀 5 月 22 日 就醫 采 檢 並 住院 隔離 治療 5 月 23 日 確診 6 月 11 日 解除 隔離 並 出院6 月 21 日 因 其他 原因 死亡 案 11423 為 90 多 歲 女性 有 慢性 病史 無 相關 活動 接觸 史 6 月 3 日 出現 發燒 咳嗽 嘔吐 症狀 6 月 5 日 就醫 采 檢 並 住院 隔離 治療 6 月 7 日 確診 6 月 22 日 解除 隔離 並 出院 7 月 12 日 因 其他 原因 死亡</t>
  </si>
  <si>
    <t>對於 臺灣 目前 自豪 的 防疫 措施 包括 追蹤 手機 移動 足跡 發送 簡訊 管理 居家 隔離 朱學 恒 不厭其煩 指出 西方 世界 都 不敢 跟進 因為 這 侵犯 個 資 太 過 嚴重 到時候 會 有 違憲 國賠 的 問題 啊 英國倫敦 智 庫 深入 認知 deep knowledge group 最新 研究 報告 整理 出 新冠肺炎 疫情 10 大 安全 國家 排名 以色列 奪冠 其次 別 為 德國 南韓 澳州 大陸 紐西蘭 臺灣 新加坡 日本 及 香港 而 臺灣 自己 也 宣傳 全球 各國 以及 主要 媒體 也 都 紛紛 稱讚 並 借 鏡 臺灣 防疫 作法 不過 宅 神 朱學 恒 說 他 不厭其煩 批評 目前 臺灣 的 這種 追蹤 模式 真 的 有 侵犯 隱私權 的 問題 因為 這 等於 是 在 未經 62萬 人 授權 的 狀況 下 從 電信公司 獲取 他們 的 手機 移動 足跡 而且 拿 來 發送 簡訊 或是 做 居家 隔離 的 管理 而且 也 未 明定 使用 用途 和 保存 期限 朱學 恒 也 表示 西方 世界 都 不敢 跟進 因為 這 侵犯 個 資 太 過 嚴重沒有 全國 民意 支持 不能 隨便 妄動 朱學 恒 強調 這 絕對 不能 只 靠 甚麼 制定 嚴重 特殊 傳染性 肺炎 防治 及 紓困 振興 特別 條例 短短的 第 7 條 中央流行疫情指揮中心 指揮官 為 防治 控制 疫情 需要 得 實施 必要 之 應變 處置 或 措施 就 包 山包 海 全部 授權 了 因為 這 一 條 連 紓困 發錢 都 不夠 搞 到 大家 頭暈 腦脹 到時候 會 有 違憲 國賠 的 問題 啊</t>
  </si>
  <si>
    <t>本土 疫情 嚴峻 其中 雙北 屬 重災區 尤其 新北 市 每日 確診 數 居高不下 仍 維持 3 位數 民進黨立委 吳 秉 睿 今 10 日 在 立 法院 質詢 時問 為何 新北 確診 數 始終 蟬聯 全台 第一 衛福 部長 陳時中 表示 關鍵因素 在 於 新北 篩檢 數量 多 而且 無 症狀 輕 症 比例 相對 較 高 中央流行疫情指揮中心 10 日 公佈 國內 新增 263 例 本土 個案 其中 以 新北 市 112 例 最 多 其次 為 臺北市 58 例 吳秉睿 今天 在 立 法院 質詢 時 詢問 陳時中 新北 市 確診 數 為何 始終 降 不 下來 每天 看 到 新北 市 確診 數 蟬聯 第一 害 他 現在 都 不 太 敢 出門 了 吳 秉 睿 指出 自從 新北 確診 數 超越 臺北市 後 臺北市 現在 已經 降到 剩 幾 十 個 新北 仍 維持 破百 例 陳時中 則 解釋 新北 市政府 有 它 好 的 地方 因為 做 篩檢 比較 積極 數量 也 多 自然 確診 數 就 多 而且 裡面 無 症狀 輕 症 比例 相對 較 高 對於 苗栗 電子 廠 發生 外籍 移工 群 聚 感染 吳秉睿 說 自 從前 進 指揮所 指揮官 王必勝 下去 指揮 後 數量 有 降低 能 不能 也 來 幫幫 新北 市 陳時中 則 表示 新北 市 移 置 速度 快 且 一直 都 與 中央 密切 聯繫 中央 集 檢 所 會 充分 配合 且 加強版 防疫 旅館 已 有 增加</t>
  </si>
  <si>
    <t>長 榮 航空 三 名 機師 突破性 感染 新冠 病毒 delta 變異 株 不但 造成 一 名 機師 兒子 染疫 風暴 也 延燒到 台中 讓 兩 名 職 場 接觸 者 空服 員 及其 9 名 親友 遭到 匡列 隔離 繼 日前 接觸 案 16119 空姐 和 其 7 名 同 住 家屬 解 隔離 後 另外 接觸 到 16120 的 空姐 13 日 三 采 陰 已於 14 日 解 隔離 長 榮 航空 三 名 機師 打過 兩劑 疫苗 後 仍 遭 突破性 感染 引爆 全台 delta 入侵 恐慌 台中 市 衛生局 也 接 獲 中央流行疫情指揮中心 通知 兩 名 設 籍 台中 的 空姐 遭 匡列 隔離 其 同 住 家 人 9 人 也 必須 預防 性 隔離 至少 5 天 兩 名 戶籍地 在 台中 的 機組員 被 匡 列為 案 1611916120 的 接觸 者 隔離 天數 以 最後 與 確診 者 接觸 日 起 算 14 天 接觸 者 的 同 住 家人 則 為 預防 性 隔離 5 天 其中 案 16119 的 接觸 者 及 同 住 家人 pcr 采 檢 皆 陰性 已於 9 月 7 日解除 隔離 另 案 16120 接觸 者 最後 接觸 日 為 8 月 30 日 9 月 13 日 采 檢 pcr 陰性 9 月 14 日 也 解除 隔離 其 同 住家 人為 預防 性 隔離 9 月 9 日 同樣 采 檢 陰性 已於 9 月 10 日 解除 隔離</t>
  </si>
  <si>
    <t>內政部長 徐國勇 今天 在 立 法院 內政 委員會 宣佈 已 同意 中央流行疫情指揮中心 指揮官 陳時 中的 要求 由 政務 次長 陳 宗彥 擔任 副 指揮官 陳宗彥 受訪 表示 他 他 全力 協助 陳宗彥 做好 協調 各部 會 的 工作 新冠肺炎 疫情 延 燒 中央 流</t>
  </si>
  <si>
    <t>內政部長 徐國勇 今天 在 立 法院 內政 委員會 宣佈 已 同意 中央流行疫情指揮中心 指揮官 陳時 中的 要求 由 政務 次長 陳 宗彥 擔任 副 指揮官 陳宗彥 受訪 表示 他 他 全力 協助 陳宗彥 做好 協調 各部 會 的 工作 新冠肺炎 疫情 延 燒 中央流行疫情指揮中心 一級 開設 後 始終 由 衛福 部長 陳時中 獨挑大樑 許多 民眾 呼籲 陳時中 多 休息 徐國勇 上午 在 立 法院 內政 委員會 主動 說明 已 和 陳時中 通電 同意 所 請 由 陳宗彥 擔任 目前 唯一 的 副 指揮官 陳 宗彥 說 他 會 全力 協助 指揮官 陳時中 因為 內政 部 跟 疫情 指揮中心 一 開始 就 共同努力 到 現在 從 1 月 23 日 臺灣 採取 居家 檢疫 措施 後 內政 部 的 民政 司 移民署 消防 署 跟 戶政 司 都 全力 配合 中央流行疫情指揮中心 運作 未來 也 會 配合 指揮官 的 需求 協調 各部 會</t>
  </si>
  <si>
    <t>全新 變種 病毒 omicron 來勢洶洶 為了 讓 高風險 對象 獲得 更 完善 的 保護 力 中央流行疫情指揮中心 指揮官 陳時中 說 即日起 開放 第 三 劑 主要 對象 是 第一 到 三類 人員 只 要 第二 劑 打完 滿 五 個 月 就 可 至 指定 醫療 院所 接種 且 由於 是</t>
  </si>
  <si>
    <t>全新 變種 病毒 omicron 來勢洶洶 為了 讓 高風險 對象 獲得 更 完善 的 保護 力 中央流行疫情指揮中心 指揮官 陳時中 說 即日起 開放 第 三 劑 主要 對象 是 第一 到 三類 人員 只 要 第二 劑 打完 滿 五 個 月 就 可 至 指定 醫療 院所 接種 且 由於 是 以 月 為 單位 所以 是 7 月 2 日前 打 滿 兩劑 的 人 就 可以 來 打 陳時中 也 說 這 波 堤 供 的 是 莫德納 的 疫苗 依 各國 核准 及 接種 建議 接種 劑量 為 50 微 毫克 基礎 劑 之 一半 劑量 依 目前 劑型 注射 量 為 025 ml 指揮中心 解釋 截至 今日 已 完整 接種 兩劑 疫苗 且 間隔 滿 5 個 月 者 共約 48萬 人 為了 確保 高風險 感染 物件 可以 快點 接種 第 三 劑 由於 先前 的 接種 時程 現在 多 是 第一 類 至 第 三類 的 物件 已經 符合 資格 其中 包括 醫護人員 防疫 工作人員 第一線 高 感染 風險 工作人員 等 而 第一線 高 感染 風險 工作人員 包括 航空 機組員 港埠 工作人員防疫 旅 宿工作人員 以及 因公 出國人員 其 餘 符合 間隔 之 民眾 亦可 視 感染 風險 及 接種 意願 經 醫師 評估 後 接種 發言人 莊人祥 則 補充 說 第 三 劑 疫苗 常見 的 副作用 包括 發燒 頭痛 接種 部位 疼痛 等 但 發生 機 率 會 比 第二 劑 還要 低 陳時中 也 指出 國內 第二 劑 疫苗 仍然 維持 與 第一 劑 同 品牌 其中 莫德納 bnt 高端凡 滿 四周 以上 即可 接種 相同 品牌 az 則 可 在 間隔 8 周後 接種 az 莫德納 bnt 進行 混打</t>
  </si>
  <si>
    <t>確診 新冠肺炎 染疫 的 案 32 的 非法 外籍 看護 不僅 趴 趴 走 成為 臺灣 防疫 破 口 隔離 期間 還 誇張 玩 直播 中央流行疫情指揮中心 昨 公佈 其 2 月 16 至 19 日 的 活動 史 她 曾 搭 過 3 種 大眾 運輸 行蹤 遍佈 北 車 樹林 板橋 等 雙北 10 餘 處 由</t>
  </si>
  <si>
    <t>確診 新冠肺炎 染疫 的 案 32 的 非法 外籍 看護 不僅 趴 趴 走 成為 臺灣 防疫 破 口 隔離 期間 還 誇張 玩 直播 中央流行疫情指揮中心 昨 公佈 其 2 月 16 至 19 日 的 活動 史 她 曾 搭 過 3 種 大眾 運輸 行蹤 遍佈 北 車 樹林 板橋 等 雙北 10 餘 處 由於 非法 外籍 看護 遊 走 在 醫療 院所 成為 照顧 病 患 的 短期 人力 幾乎 是 公開 的 秘密 據 移民署 的 統計資料 全台 至少 共有 48萬 餘 名 移 工 失 聯 案 32 也 凸顯 非法 移 工 的 防疫 破 口 48萬 名 失 聯 移 工 成 防疫 破 口 北部 8 旬 老翁 日前 確診 新冠肺炎 後 負責 照顧 他 的 31 歲 印尼 籍 看護 也 在 26 日 確診 成為 臺灣 第 32 例 也 是 目前為止 唯一 的 外籍 看護 遭 確診 案例 該 看護 曾在 2 月 11 至 16 日間 照顧 老翁 16 至 19 日 在 戶外活動 19 至 24 日 則 至 另 一家 醫院 照顧 其他 病 患 讓 最近 新增 幾 起 確診 案例 都 控制 在 家 族群 聚 感染 下 出現 嚴重 斷開 家 族群 聚 感染 走向 社區 感染 的 破 口 若 有 相同 行蹤 民眾 應 自主 管理 指揮中心 指揮官 陳時中 表示 看護 16 至 19 日 搭 過 公車 捷 運 火車 計程車 4 種 交通 工具 曾至 臺北 樹林 板橋 等 3 車站 搭乘 松山 新 店 線 淡水 信義 線 中和 新 蘆線 板 南 線 等 4 條 捷 運 曾在 大坪 林 竹圍 士 林 景安 站 龍山寺 站 以及 北 車 地下街 樹林 東升 公園 等 地 足跡 遍及 雙 北 指揮中心 提醒 民眾 若 曾在 16 至 19 日 前往 上述 地區 應 自主 健康 管理 14 天 出現 疑 似 症狀 應盡 速 就醫 林口長 庚小兒 感染 科 教授 邱政洵 表示 新冠肺炎 的 傳播 途徑 為 飛 沫 及 親密 接觸 若 同一時間 與 該 看護 處在 同一 空間 甚至 靠 很 近 感染 的 風險 就 高 若 時間 空間 不同 則 不 需 過於 擔心 柯文哲 也 說 他 個人 是 主張 公開 透明 相信 臺灣 社會 夠 成熟 不會 太 恐慌 而 公佈 後 民眾 是否 在 那段 期間 去 過 自己 要 有 一個 sense 截至 目前 衛生 單位 共 掌握 了 看護 11 至 16 日間 接觸 的 148 人 其中 116 人 需 采 檢 均 為 陰性 19 日 至 24 日間 接觸 的 23 人中 18 人 采 檢 陰性 其 餘 采 檢 中 民眾 擔憂 非法 看護 恐 成為 防疫 漏洞 邱政洵 表示 的確 是 有 可能 看護 認識 的 多 為 移 工 包括 合法 與 非法 除 不 一定 看得懂 新聞 呼籲 也 可能 因 擔心 被 捉 出現 症狀 也 不敢 出面 政府 應 盡可能 找到 能 與 非法 看護 搭上 線 的 管道 加強 防疫 宣 導 雖然 很 困難 但 仍 需 努力 嘗試</t>
  </si>
  <si>
    <t>兩 批 az 疫苗 5 日 先後 抵 台 數量 約 81萬 劑 中央流行疫情指揮中心 宣佈 第 8 輪 公費 疫苗 接種 將 施打 az 對象 為 已 打過 az 滿 10 周 的 第 56 類 民眾 主要 為 75 歲 以上 長者 以及 員警 社 福 機構 人員 對於 高風險 族群 終於 能 接種 第二</t>
  </si>
  <si>
    <t>兩 批 az 疫苗 5 日 先後 抵 台 數量 約 81萬 劑 中央流行疫情指揮中心 宣佈 第 8 輪 公費 疫苗 接種 將 施打 az 對象 為 已 打過 az 滿 10 周 的 第 56 類 民眾 主要 為 75 歲 以上 長者 以及 員警 社 福 機構 人員 對於 高風險 族群 終於 能 接種 第二 劑 前 疾 管局 副 局長 施文 儀 批 第二 類 實在 搞 得 亂七八糟 波蘭 捐贈 我 40萬 劑 az 加上 covax 配送 的 41萬 劑 一口氣 來 81萬 劑 讓 已經 可以 打 第二 劑 的 長者 們 終於 等到 足夠 劑量 指揮中心 發言人 莊人祥 表示 第 7 輪 打 剩 的 bnt 和 新 到貨 的 az 將 保留 給 第 8 輪 使用 預約 時程 規劃 中 國外 delta 變異 株 盛行 國內 不少 專家 呼籲 儘快 施打 第二 劑 提高 高風險 族群 保護 力 但 指揮中心 不為所動 仍以 提高 第一 劑 覆蓋率 為 目標 使得 完整 接種 率 至今 不 到 5 75 歲 以上 長者 更 只 有 15 這些 疫苗 如果 能 先 給 老人家 打 該 有 多 好 根據 聯合 新聞網 報導 施文 儀 認為 第二 類 實在 搞 得 亂七八糟 他 直言 中央 及 地方 根本 沒有 那麼 多 防疫 官員 應給 高齡 重症 患者 優先</t>
  </si>
  <si>
    <t>臺灣 疫情 仍 相當 嚴峻 前 高雄市 副 市長 李 四川 今 27 日 在 臉書 發表 514 字 長文 關心 當前 疫情 狀況 他 同時 炮轟 中央流行疫情指揮中心 諸多 行為 要 這個 政府 何用 許多 網友 大贊 說 到 心坎 裡 去 了 李 四川 文中 提到 防</t>
  </si>
  <si>
    <t>臺灣 疫情 仍 相當 嚴峻 前 高雄市 副 市長 李 四川 今 27 日 在 臉書 發表 514 字 長文 關心 當前 疫情 狀況 他 同時 炮轟 中央流行疫情指揮中心 諸多 行為 要 這個 政府 何用 許多 網友 大贊 說 到 心坎 裡 去 了 李 四川 文中 提到 防疫 如同 作戰 18 年前 抗 煞 sars 他 和 臺北市 衛 工 處 的 同仁 每 3 至 5 天 就 在 大型 醫院 前 分別 蓋出 一 間 間 篩檢 站 10 天內 在 台大醫院 停車場 蓋 出 18 間 負 壓 病房 我們 日夜 趕 工 李 四川 回憶 去年 在 高雄 我們 呼籲 對 入境者 普 篩 後 再 居家 檢疫 14 天 也 建議 對 醫護人員 快 篩 使 醫護人員 能 安心 回家 還 希望 能 找 廢棄 的 軍營 準備 做 檢疫 收容所 中央流行疫情指揮中心 一概 不准 到 今天 我 還是 想不通 中央 疫情 指揮中心 反對 快 篩 的 理由 快 篩 不是 看 多少 偽 陰性 而是 及早 發現 沒有 症狀 的真 陽性 讓 他們 及早 隔離 或 治療 李 四川 感慨 每天 看防疫 中心 的 記者會 沒有 對策 實 問 虛 答 為什麼 還要 開 這種 記者會 呢 如果 只 是 為了 說明 確診 人數 發 個 新聞稿 就 好 了 針對 國民黨 中常會 昨天 通過 暫停 黨主席 的 選舉 李 四川 直言 這 是 對 的 現在 誰 在意 國民黨 哪 時 候選 党 主席 大家 只 在 問 什麼 時候 會 有 疫苗 李 四川 直言 當 醫院 的 走道 上 躺 滿 沒有 床位 的 病 患 當 我們 和 印度 一樣 要為 得病 的 家人 四處 去 張羅 買 氧氣瓶 當 越來越 多 的 確診 者 沒 辦法 住 進 醫院 當 我們 不得不 辭掉 工作 回家 照顧 獨居 的 父母親 封 城 的 命令 又 看不到 盡頭 時 要 這個 政府 何用 民眾 只 是 要 活 下去 難道 這樣 卑微 嗎 我 支持 所有 努力 想為 臺灣人 買到 疫苗 的 人 現在 馬上 天 佑 臺灣 李 四川 語氣 加重 說 我們 不要 道歉 的 政府 我們 要 做到 不 道歉 的 政府 請 以 蒼 生為 念 天 佑 臺灣 許多 網友 也 在 其 po 文 底下 留言 表示 謝謝 川 伯 講 的 太好了 感念 川 伯 如此 務實 的 好 官員 藍色 做 的 事 綠色 不 會 做 的 一語道破 臺灣人 的 心聲 國難當頭 還 在 分 疫苗 的 顏色 種種 錯誤 的 政策 把 臺灣 帶到 死 路上 說 到 心坎 裡 了</t>
  </si>
  <si>
    <t>新冠肺炎 疫情 不斷 升溫 不僅 亞洲各國 相繼 爆發 群 聚 感染 案例 國內 的 家庭 群 聚 感染 數目 也 來到 6 件 中央流行疫情指揮中心 對 相關 密切接觸 者 已 框 列 數 百 人 多 位 防疫 專家 也 指出 隨 著 時間推移 臺灣 進入 社區 傳播 只 是 時間 問</t>
  </si>
  <si>
    <t>新冠肺炎 全球 肆虐 臺灣 確診 案例 破百 新增 案例 幾乎 全 為 境外 感染 中央流行疫情指揮中心 宣佈 自 19 日 起 外國人 禁止 入境 本國 人 入境 都須 居家 檢疫 14 天 在 19 日 清晨 搭乘 捷 星 航空 自 新加坡 來 台 的 法 籍 旅客 在 抵 台後 得知</t>
  </si>
  <si>
    <t>新冠肺炎 全球 肆虐 臺灣 確診 案例 破百 新增 案例 幾乎 全 為 境外 感染 中央流行疫情指揮中心 宣佈 自 19 日 起 外國人 禁止 入境 本國 人 入境 都須 居家 檢疫 14 天 在 19 日 清晨 搭乘 捷 星 航空 自 新加坡 來 台 的 法 籍 旅客 在 抵 台後 得知 無法 入境 臺灣 時 感到 錯愕 他 表示 不 想 再 回 出發地 對於 滯留 機場 感到 憂心 另 一 名 英籍 旅客 因 是 自 英國 到 新加坡 轉機 來 台 符合 19 日 0 時前 起飛 來 台 則 幸運 准許 入境 新冠肺炎 疫情 延 燒 全球 中央流行疫情指揮中心 18 日 宣佈 將 大洋洲 所有 國家 的 旅遊 疫情 建議 提升 至 第 三級 而 外交部 也 自 19 日 淩晨 0 時起 調升 大洋洲 相關 國家 的 旅遊 警示 為 紅色 非本 國籍 人士 部分 自 臺北 時間 19 日 0 時起搭 機 起飛 來 台者 除 持 居留證 外交 公務 證明 商務 履約 證明 或 其他 經 特別 許可 者 外 一律 限制 入境 受到 新 的 防疫 規定 的 影響19 日 淩晨 1 時 從 新加坡 起飛 到 桃園 機場 的 酷 航 捷 星 班機 於清晨 5 時 30 分起 先後 抵達 桃園 機場 成為 實施 防疫 限制 入境 新 規定 的 頭 2 個 航班 機上 的 本國 旅客 下機 後 由 檢疫 人員 協助 使用 手機 線 上 或是 紙本 方式 填寫 入境 健康 聲明 卡 後 依 防疫 規定 檢查 後 開始 居家 檢疫 14 日 而 機上 剛好 有 2 名 外籍 旅客 準備 入境 臺灣 但因 新 的 防疫 入境 規定 移民署 依 個別 條件 與 狀況 不 同 有 不同 的 處理方式 1 名 來 台 的 法國 籍 旅客 表示 他 日前 在 臺灣 旅遊 但 因為 簽證 有 90 天 的 限制 他 先 出境 到 新加坡 後 再 入境 原本 18 日 就要 再來 臺灣 但 錯 過 了 班機 改 搭 19 日 班機 來 台 未 料 下機 後 地勤人員 上前 告知 新 的 防疫 規定 使得 他 面臨 無法 入境 臺灣 的 窘境 法 籍 旅客 表示 他 只 是 暫時 離開 臺灣 幾 天 身上 只 有 簡單 的 行李 之前 來 台時 把 所有 行李 都先放在 臺灣 友人 家中 只是 想 出境 再 入境 沒 想到 下 機時 航空 公司 地勤人員 上前 告知 新 的 限制 入境 規定 他 可能 無法 入境 了 讓 他 當下 感到 錯愕 航空 公司 地勤人員 問 他 要 不 要 返回 出發地 新加坡 時 他 表示 不 不 我 不 想 再 回 新加坡 我 要 回 法國 但是 我 的 行李 都還 在 臺灣 至於 是否 滯留 在 桃園 機場 他 說 要 好好 思考 一下 並且 想 先 聯絡 在 台 友人 看看 後續 該 怎麼 處理 另 一 名 英國 籍 旅客 就 比較 幸運 他 是從 英國 出發 中轉 新加坡 來 臺灣 他 表示 他 自 英國 搭 機 起飛時 並 沒有 違反 限制 入境 時間 點 的 規定 反而 在 新加坡 轉 機時 班機 起飛時間 超過 入境 臺灣 規定 他 也 說 他 是 臺灣 女婿 這次 來 台 就是 要 和 妻 兒 團聚 男子 被 問到 若無 法 入境 臺灣 時 是否 要 返回 英國 他 說 會 想 哭 因為 小孩子 很小 需要 家人 照顧 再經 航空 公司 地勤人員 詢問 移民署 移民 官後 移民署 依照 男子 自 英國 搭 機 起飛時間 認定 准許 他 入境 臺灣 讓 他 相當 高興 馬上 透過 手機 告訴 臺灣 的 妻子 這個 好 消息 而 他 妻子 在 電話 另 一頭 高興 大喊 一 聲 ya 交待 先生 趕緊 出關 回家 團聚 1 名 搭乘 酷 航 的 王姓 本 國籍 學生 表示 因為 疫情 讓 航班 大亂 無法 直接 買到 菲律賓 回到 臺灣 的 機票 所以 輾轉 從 菲律賓 宿霧 轉機 新加坡 再 轉回 臺灣 在 下機 後 直 呼 還是 回到 臺灣 的 感覺 最 踏實 桃園 國際機場 公司 表示 受到 中央流行疫情指揮中心 新 規定 入境 限制 自 19 日 0 時起 扣除 從 歐洲 美國 澳洲 等 地 長途飛行 的 班機 與 短程 的 廉價 航空 均 於 限制 入境 新 規定 實施 前 抵 台外 19 日 也 將 還有 自 泰國 日本 等 地 飛抵 桃園 機場 的 班機 外籍 旅客 若無 持 特殊 證明 者 將 會 被 拒絕 入境</t>
  </si>
  <si>
    <t>高雄 連續 19 天 嘉玲 但 高市議員 陳若翠 21 日 揭露 ikea 宜 家 家居 高雄店 一 名 銷售 部門 主管 7 月 15 日 出境 返回 馬來西亞 時 采 檢 為 陽性 高 市府 接 獲 通報 後 緊急 匡列 相關 接觸 者 並 展開 清 消 作業 對此 高 市府 衛生局 表示 疫情 發佈 與 說明 以 中央流行疫情指揮中心 及 市府 為 准 據 瞭解 30 多 歲 的 馬來西亞 籍 女子 原本 在 高雄 ikea 擔任 業務主管 但 該 名 女子 打算 回馬國 因此 在 7 月中 旬 離職 之後 先 在 高雄 醫院 采 檢 為 陰性 並 持 檢驗 報告 於 16 日 搭 機 回國 未 料 入境 後 采 檢 確 變成 陽性 確診 ct 值 約 在 30 上 下 高 市府 在 19 日 接 獲 通報 後 緊急 展開 調查 及 清 消 作業 據悉 該 名馬 國 女子 住 鼓山區 生活 背景 單純 平時 多 待 在 住處 在 臺灣 也 有 親友 工作 時多 搭乘 捷 運 上下班 確診 消息 傳出 後 市府 已 緊急 匡列 與 她 密集 接觸 的 室友 與 職 場上 的 工作 夥伴 另 名 負責 接送 她 搭 機 的 親友 也 一併 被 匡列 高 市府 衛生局 表示 疫情 之 發佈 由 中央流行疫情指揮中心 及 地方 政府 公佈 為准 非正式 對外 發佈 或 未經 證實 的 資料 勿 隨意 散播 轉 傳 違者 將 依 傳染病 防治法 第 63 條 嚴重 特殊 傳染性 肺炎 防治 及 紓困 振興 條例 第 14 條 或 社會秩序 維護 法 第 63 條 第 1 項 第 5 款 處理</t>
  </si>
  <si>
    <t>新冠肺炎 疫情 持續 升溫 全台 累計 確診 22 例 中 中部 就 高達 6 例 包含 全國 首 例 重症 死亡 一 夕 間 中部 淪為 肺炎 重災區 網路上 真假 訊息 謠言 滿天飛 搞 得 民眾 人心惶惶 加上 開學 在即 也 引發 部分 家長 焦慮 口罩 消毒水 和 額 溫槍 等 防疫 物資 更是 搶 翻天 上周 全台 確診 案例 持續 維持 在 18 例 不少 民眾 週末 還 開心 歡度 情人節 聚會 吃 大餐 不料 短短 兩 天 再 增 4 例 全 集中 在 中部 與 先前 中部 確診 前 2 例 一樣 是 群 聚 感染 中部 人 譁然 因 目前 中央流行疫情指揮中心 定調 除 有 中 港澳 與 星泰 日 等 國 旅遊 史外 不能 公佈 返台 後 可疑 個案 的 移動 路徑 與 社區 接觸 史 網路 社 群 成天 瘋 傳 假 訊息 連 開學 在即 許多 鄉鎮 市 區公所 清潔隊 出動 進行 例行 街道 與 校園環境 消毒 都會 火速 引發 不當 聯想 搞 得 人心惶惶 在 不 確定 哪些 地點 是否 會 引發 社區 群 聚 感染 情況 下 民眾 深怕 自己 不 小心 誤 闖 禁區 染上 病毒 為 求 自保 做好 自我 防護 只能 搶 好 搶 滿 天天 排隊 搶 物資 近期 除了 搶 酒精 護目鏡 漂 白水 甚至 一度 因 不實 謠言 瘋 搶 衛生紙 因 台酒 生產 75 酒精 配送 量 有限 民眾 每天 一早 出門 趕到 經銷商 據點 排隊 搶購 部分 人 轉而 購買 次氯酸 水 旺 旺 水神 公司 5 日 起 于 全台 90 家 水神 次氯酸 抗 菌 液 門市 免費 提供 抗 菌 液 彰 化 縣 唯一 據點 在 員林市 由於 優先 讓 裡長 每日 可 裝 50 公升 更是 吸引 遠在 鹿港鎮 的 裡長 每日 往返 50 公里 前往 領取 近日 不斷 出現 大排長龍 情況 還 引發 在 地 市民 向 本報 投訴 抱怨 都 被裡 長 們 領 光光 中部 疫情 嚴峻 已 出現 重症 死亡 首例 各行各業 都 緊張 兮 兮 彰 化 縣 是 全台 本土 口罩 生產 重鎮 產量 高 居三成 被 中央 統一 徵用 之後 只 能 等待 配給 不少 運輸業 者 殯葬 業者 頻 向 地方 政府 反應 買不到 口罩 警 政 單位 也 憂心 現有 存量 不足影響 第一線 執勤 同仁 安危 最 反其道 而 行 的 恐怕 是 八大 行業 因 小姐 習慣 叫 白 牌 車 出場 陋習 擔心 感染疫情 擴散 又 沒 辦法 要求 小姐 戴 口罩 上班 或 請客 人 戴著 口罩 喝酒 乾脆 貼出 公告 歇業 14 天 保護 客人 及 員工 安全</t>
  </si>
  <si>
    <t>針對 美國 研究 使用 抗 瘧疾 藥 奎寧 能夠 治療 新冠肺炎 一 事 中央流行疫情指揮中心 指揮官 陳時中 淡淡 指出 每次 相關 疫情 的 治療 藥 會 被 提 出來 可是 在 臨床 上 都 沒有 達到 效果 只能 希望 這次 真 的 有 效果 才 可以 幫助 治療 對於 奎寧</t>
  </si>
  <si>
    <t>針對 美國 研究 使用 抗 瘧疾 藥 奎寧 能夠 治療 新冠肺炎 一 事 中央流行疫情指揮中心 指揮官 陳時中 淡淡 指出 每次 相關 疫情 的 治療 藥 會 被 提 出來 可是 在 臨床 上 都 沒有 達到 效果 只能 希望 這次 真 的 有 效果 才 可以 幫助 治療 對於 奎寧 的 治療 效果 食 藥 署長 疫情 中心 研發 組 副 組長 吳秀梅 說 目前 只有 體 外 試 測 體 外 試驗 確實 看到 奎寧 抑制 病毒 脫 殼 因為 病毒 要 進入 細胞 要 先 有 脫動 的 動作 奎寧 治療 的 機 轉 是 如此 但 是不是 已 到 臨床 人體 的 治療 效果 還要 進一步 研究 吳 秀 梅 進一步 指出 目前 其他 國家 也 在 進行 臨床 試驗 如果 有 一些 結果 的話 應該 可以 看看 後續 發展 臺灣 再來 決定 是否 以 這種 藥品 進行 臨床 使用 吳 秀 梅 表示 現在 臺灣 有能力 研製 奎寧 的 下一代 藥物 原料 這種 藥物 副作用 較 小 臺灣 另 有 藥劑 廠 可 以 做出 相關 的 藥品 目前 國內 的 許可證 有 7 張 因此 臺灣 有能力 從 原料 提供 到 整個 製劑 的 生產 陳時中 說 這個 奎寧 藥物 如果 真 的 在 臨床 上 有效 臺灣 是 不 會 缺 這個 藥 因為 臺灣 從 原 料到 製藥 一系列 都有 具有 完整 供應 鏈 可是 每次 有 相關 的 治療 藥物 會 被 提 出來 可是 在 臨床 上 都 沒有 達到 效果 只能 希望 這次 會 有 效果 才 有助於 治療</t>
  </si>
  <si>
    <t>新冠肺炎 疫情 延 燒 中央流行疫情指揮中心 今 宣佈 國內 新增 23 例 確診 案例 其中 21 例 為 境外移入 病例 4 例 與 土耳其 旅遊團 群 聚 相關 2 例 為 本土 病例 1 例 為 埃及 旅遊團 個案 接觸 者 指揮中心 指揮官 陳時中 表示 目前 國內 確診 案</t>
  </si>
  <si>
    <t>新冠肺炎 疫情 延 燒 中央流行疫情指揮中心 今 宣佈 國內 新增 23 例 確診 案例 其中 21 例 為 境外移入 病例 4 例 與 土耳其 旅遊團 群 聚 相關 2 例 為 本土 病例 1 例 為 埃及 旅遊團 個案 接觸 者 指揮中心 指揮官 陳時中 表示 目前 國內 確診 案例 已 達 100 例 指揮中心 表示 土耳其 旅遊團 新 確診 4 例 個案 為 3 女 1 男 年齡 介於 20 多 歲 至 50 多 歲 其中 2 人 無 症狀 其他 2 人 分別 於 3 月 11 日 及 16 日 發病 經采檢 通報 於 今日 確診 該 旅行團 截至 目前 共 13 人 確診 已 掌握 接觸 者 共 171 人 其他 新 確診 17 例 境外移入 個案 為 10 女 7 男 年齡 介於 20 多 歲 至 50 多 歲 發病 日 介於 2 月 14 日 至 3 月 16 日 旅遊 史 分別 為 西班牙 美國 各 3 例 英國 法國 各 2 例 印尼 卡達 菲律賓 瑞士 德國 各 1 例 另 有 1 例 曾 至 法國 西班牙 英國 1 例 曾 至 英國 義大利 法國 2 名 本土 病例 分別 為 20 多 歲 男性 及 20 多 歲 女性 其中 20 多 歲 男性 為 埃及 團 確診 個案 接觸 者 無 症狀 經 接觸 者 采 檢 確診 20 多 歲 女性 近期 無 出 國史 3 月 12 日 發病 自行 就醫 經 通報 檢驗 確診 感染 源 待 厘 清 昨日 國內 新增 884 例 新型 冠狀病毒 肺炎 相關 通報 截至 目前 累計 18812 例 含 17793 例 排除 其中 100 例 確診 今日 新增 案 78 至 100 分別 為 71 例 境外移入 及 29 例 本土 病例 確診 個案 中 維持 1 名 死亡 22 名 解除 隔離 其 餘 個案 病況 穩定 持續 住院 隔離 中 指揮中心 指出 全球 累計 193748 例 確診 分佈 於 145 個 國家 地區 病例 數 以 中國 大陸 80881 例 義 大利 27980 例 伊朗 14991 例 西班牙 9191 例 及 韓國 8236 例 為 多 病例 中 7086 例 死亡 以 中國 大陸 3226 例 義 大利 2158 例 伊朗 853 例 西班牙 309 例 及 法國 148 例 為 多 指揮中心 提醒 民眾 應 落實 手部 衛生 並 做好 咳嗽 禮節 自 國外 入境 時 如有 發燒 咳嗽 等 不適 症狀 應 主動 通報 機場 及 港口 檢疫 人員 並 配合 防疫 措施 返國 後 14 天內 如 出現 疑 似 症狀 可撥打 免 付費 防疫 專線 1922 或 0800 001922 依 指示 戴 口罩 盡 速 就醫 並 請 務必 告知 醫師 旅遊 史 職業 別 接觸 史及 是否 群 聚 tocc 以 及時 診斷 通報</t>
  </si>
  <si>
    <t>漢來 美食 1268 今 28 日 召開 股東 常會 通過 2019 年 財 報 及 盈 餘 分派 案 擬 配發 每股 現金 股利 7 元 其中 以 盈 餘 配發 4918 元 資本 公積 配發 2082 元 展望 今年 公司 以 各式 開源節流 方式 因應 新冠肺炎 疫情 逆風 並 按 原定 計畫 持續 展店 創設 新 品牌 拓 市 不 變 漢 來 美食 2019 年 合併 營 收 登 3775億 元 新高 年 增 914 毛利率 4412 營益 率 907 分 創 歷史 次高 及 新 高 稅 後 淨利 亦 創 266億 元 新高 年 增 1365 每股 盈 餘 eps 72 元 優於 前年 追溯 調整 後 的 607 元 亦 創 歷史 次高 漢 來 美食 去年 營運 成長 除了 受惠 既有 店面 改裝 漢來 海港 調升 餐 價 帶動 營 收 年 增 4 外 主要 受惠 開出 2 家 上海 湯包 2 家 名人坊 1 家 漢 來 蔬食 並 從 既有 品牌 衍生 開創 五 梅 先生 潮 之 鍋 物 2 個 新 品牌 展店 效益 客群 拓展 配合 成本 控管 得宜 所 帶動 展望 今年 面對 疫情 衝擊 營運 經營 環境 日趨 嚴峻 漢來 美食 在 春節 期間 即 展開 防疫 工作 並 快速 推出 外 送 外帶 即食 冷凍 食品 佈局 通路 及 經營 餐廳 常客 等 各式 開源節流 的 因應 措施 相信 能 在 全體 員工 共同努力 及 堅持 下 渡過難關 隨 著 臺灣 新冠肺炎 疫情 趨 緩 已 超過 1 個 月 無 本土 新增 病例 中央流行疫情指揮中心 宣導 防疫 新 生活 民眾 信心 回溫升 已 帶動 來客 數 回升 漢來 美食 表示 旗 下 餐廳 來客 數 5 月 已 回升 至 超過 6 成 母親節 檔 期 全滿 看好 營運 狀況 可望 逐步 回溫 而 漢來 美食 今年 既有 品牌 展店 計 畫 亦 未 受 疫情 影響 並 預計 下半年 開出 2 個中 菜 新 品牌 分別 聚焦 雞湯 及 烤鴨 相關 料理 同時 也 確定 以 世貿 名人坊 進駐 臺北 信義 區 的 國貿 大樓 預計 7 月 開張 營業 藉 此 經營 頂級 消費 客群</t>
  </si>
  <si>
    <t>新冠肺炎 疫情 持續 在 全球 肆虐 臺灣 近日 的 確診 案例 皆 有 旅遊 史 中央流行疫情指揮中心 呼籲 國人 非必要 應 避免 出國 台鐵 企業 工會 16 日 發佈公告 呼籲 1500 名 司機員 暫時 不 要 出國 旅遊 一旦 有 任何 一個 人 遭到 感染 就 會 連帶</t>
  </si>
  <si>
    <t>新冠肺炎 疫情 持續 在 全球 肆虐 臺灣 近日 的 確診 案例 皆 有 旅遊 史 中央流行疫情指揮中心 呼籲 國人 非必要 應 避免 出國 台鐵 企業 工會 16 日 發佈公告 呼籲 1500 名 司機員 暫時 不 要 出國 旅遊 一旦 有 任何 一個 人 遭到 感染 就 會 連帶 影響 到 全 臺灣 人民 因此 懇請 所有 司機員 配合 辦理 全國 火車 駕駛 產業 工會 昨日 發出 公告 指出 為 避免 群 聚 感染 的 風險 也 為了 您 自身 及 所愛 的 家人 健康 全國 火車 駕駛 產業 工會 呼籲 所有 司機員 配合 政府 防疫 措施 暫不 出國 旅遊 懇請 所有 司機員 配合 辦理 防疫 工作 人人有責 共同 做好 防疫 全國 火車 駕駛 產業 工會 秘書長 吳 長智 表示 司機員 平常 是 全省 跑 一個 中 鏢 連帶 影響 全台 若 不 加強 防疫 臺灣 就 會 毀 了 不要 為 自己 和 家人 也 要為 社會 著 想 除了 自發性 不 出國 工會 也 將 全面 發放 防疫 手套 酒精 給 司機員 乘務 人員 離開 備勤 房舍 後 就 會 馬上 放進 臭氧機 消毒 半 小時 不過 台鐵 至今 並 無 強制 司機 或是 任何 員工 禁止 出國 一切 規定 待 中央流行疫情指揮中心 指示 台鐵 為 加強 防疫 目前 也 持續 加強 員工 辦公 及 備勤 環境 的 清潔 消毒 工作 以 降低 群 聚 及 交叉 感染 的 風險 也 陸續 在 20 站 加 裝 紅外線 測 溫 儀器 並 暫停 販 售 車上 熱飲 區間車 則 改 采 目測 驗 票</t>
  </si>
  <si>
    <t>首批 bnt 疫苗 933萬 劑 到貨 目前 有 3425萬 人 意願 登記 想 打 bnt 有 不少 民眾 期盼 下 一 輪 是否 會 開放 bnt 預約 接種 但 中央流行疫情指揮中心 發言人 莊人祥 今天 透露 第 八 輪 預約 接種 不是 bnt 由於 下 周 可能 還 有 疫苗 到貨 待 確定</t>
  </si>
  <si>
    <t>首批 bnt 疫苗 933萬 劑 到貨 目前 有 3425萬 人 意願 登記 想 打 bnt 有 不少 民眾 期盼 下 一 輪 是否 會 開放 bnt 預約 接種 但 中央流行疫情指揮中心 發言人 莊人祥 今天 透露 第 八 輪 預約 接種 不是 bnt 由於 下 周 可能 還 有 疫苗 到貨 待 確定 數量 後 才會 公佈 第 八 輪 接種 細節 最新 意願 登記 資料 顯示 截至 今天下午 5 點 共有 342萬5005 人 想 打 bnt 疫苗 但 根據 中央流行疫情指揮中心 目前 規劃 bnt 疫苗 須 等到 中秋節 過 後 才會 在 校園 開 打 12 到 17 歲 青少年 其次 是 18 到 22 歲 族群 莊 人 祥 表示 由於 bnt 疫苗 最 快 9 月 16 日 才 會 完成 封 緘 檢驗 且 須在負 60 至 負 90 度 低溫 冷凍 保存 預計 要 等到 中秋節 9 月 21 日 後 啟動 校園 接種 力拼 9 月底 前 供 18 到 22 歲 民眾 施打 至於 第 八 輪 會 開放 哪個 品牌 預約 他 表示 由於 下 周 可能 還 有疫苗 到貨 目前 仍 在 研議 中</t>
  </si>
  <si>
    <t>中央流行疫情指揮中心 表示 國內 今日 無 新 增 病例 已 連續 30 天 無 本土 病例 昨日 新增 363 例 新型 冠狀病毒 肺炎 相關 通報 截至 目前 累計 通報 6萬7千758 例 其中 440 例 確診 分別 為 349 例 境外移入 55 例 本土 病例 及 36 例 敦睦 艦隊</t>
  </si>
  <si>
    <t>中央流行疫情指揮中心 表示 國內 今日 無 新 增 病例 已 連續 30 天 無 本土 病例 昨日 新增 363 例 新型 冠狀病毒 肺炎 相關 通報 截至 目前 累計 通報 6萬7千758 例 其中 440 例 確診 分別 為 349 例 境外移入 55 例 本土 病例 及 36 例 敦睦 艦隊 確診 個案 中 7 人 死亡 372 人 解除 隔離 其 餘 持續 住院 隔離 中 有關 129 名 印度 返台 民眾 全員 持續 于 集中 檢疫所 密切 健康 監測 今天 指揮中心 官員 都 卸下 口罩 中間 加 了 隔板 也 向 外界 說明 卸下 口罩 前提 需要 有 好 的 防護 指揮中心 再次 提醒 民眾 應 做好 手部 衛生 與 咳嗽 禮節 出門 若無 法 保持 社交距離 或是 搭乘 捷 運 台鐵 高鐵 等 大眾交通 運輸 時 請 全程 佩戴 口罩 自 國外 入境 時 如有 發燒 咳嗽 等 不適 症狀 應 主動 通報 機場 及 港口 檢疫 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供 及時 診斷 通報</t>
  </si>
  <si>
    <t>高雄 市府 因應 新冠肺炎 恐 釀 社區 感染 風險 特別 訂 定 5 月 3 日 要 在 四 維 及 鳳山 行政 中心 兩地 展開 大規模 實兵 推演 並 邀請 中央流行疫情指揮中心 陳時中 蒞臨指導 衛生局長 林立人 今 27 日 透 透 上週五 市府 已 發 函 給 中央</t>
  </si>
  <si>
    <t>高雄 市府 因應 新冠肺炎 恐 釀 社區 感染 風險 特別 訂 定 5 月 3 日 要 在 四 維 及 鳳山 行政 中心 兩地 展開 大規模 實兵 推演 並 邀請 中央流行疫情指揮中心 陳時中 蒞臨指導 衛生局長 林立人 今 27 日 透 透 上週五 市府 已 發 函 給 中央 今 早 聯繫 部長 辦公室 對方 希望 先 提供 實兵演練 腳本 才 決定 是否 出席 韓國 瑜 表示 新加坡 日本 全部 進入 緊急狀態 呼籲 市民 對 新冠肺炎 切 勿 掉以輕心 高市 本土 0 確診 但 敦睦 艦隊 高雄 有 14 位 確診 相關 工作 要 抓 得 更 緊 尤其 昨天 又 發生 重大 公安 意外 市府 加大力度 巡 檢 外 也 請 消防 局 拍攝 30 秒 宣傳 影片 給 ktv 業者 播放 針對 5 月 3 日 兵 推 韓國瑜 提到 已 召開 兩 次 協調會 後續 邀請 周邊 區域 聯防 的 台南 及 屏 東 政府 以及 請 中央 也 派 人 來 指導 彼此 當面 溝通 可望 讓 防疫 工作 更 扎實 透徹 研考會 主委 李銘義 說明 4 月 30 日 會 先 展開 兵 推 預演 5 月 3 日 則 是 正式 登場 市府 動員 近 200 人 時間 為 1 個 半 小時 在 四 維 及 鳳山 行政 中心 兩地 同步 展開 演練 李銘義 指出 四 維 行政 中心 將 模擬 辦公大樓 群 聚 感染 已經 有 確診 個案 將 入住 到 負 壓 隔離病房 有 救護車 護送 到 醫院 另 疑 似 密切接觸 者 要 評估 做 疫 調 而有 防疫 旅館 需求 的 民眾 則 有賴 衛生局 通知 觀光局 安排 入住 事宜 後續 辦公大樓 清 空 消毒 外 環 警方 會 拉起 封鎖線 也 有 環保局 化學 兵 清 消 另一方面 鳳山 行政 中心 當天 則 類比 集合 住宅 爆發 社區 感染 李銘義 表示 模擬 有 位 住戶 味覺 異常 經 消防車 後 送 到 指定 醫院 就醫 其他 住戶 家中 有 長輩 要 安排 進 住 防疫 旅館 另 有 居家 隔離 送 餐 清 消 等 需求 以及 小朋友 遠距教學 等 李銘義 重申 主要 演練 目的 是 在 過度 期 至 警戒 期 當中 模擬 爆發 疑 似 社區 感染 整個 流程 怎麼 跑 要 制訂 一 套 sop 出來 並再三 強調 這不 是 封城 完全 是 風馬牛不相及 至於 陳時中 是否 蒞臨指導 林立人 透露 今 早 透過 陳時中 辦公室 秘書 聯繫 部長 希望 高 市府 先 提供 腳本 會 先 等 週三 預演 完 後 將 確定 的 腳本 寄 給 部長 參考 再 歡迎 部長 或 相關 所屬 長官 蒞臨 指教</t>
  </si>
  <si>
    <t>新冠肺炎 病毒 持續 肆虐 全球 我國 駐外 館 處 亦 陸續 出現 確診 案例 且 有 未 歇 趨勢 外交部 與 中央流行疫情指揮中心 恐 要 提出 更 周全 的 防疫 方案 以 保護 外交人員 的 生命安全 必要 時 甚至 通令 關閉 一些 駐外 館 處 的 對外 領 務 大廳</t>
  </si>
  <si>
    <t>新冠肺炎 病毒 持續 肆虐 全球 我國 駐外 館 處 亦 陸續 出現 確診 案例 且 有 未 歇 趨勢 外交部 與 中央流行疫情指揮中心 恐 要 提出 更 周全 的 防疫 方案 以 保護 外交人員 的 生命安全 必要 時 甚至 通令 關閉 一些 駐外 館 處 的 對外 領 務 大廳 都 是 必須 的 防疫 作為 媒體 報導 我國 駐外 館 處 接連 有 外交人員 確診 新冠肺炎 包括 美國 法國 波蘭 比利時 匈牙利 瑞士 希臘 土耳其 宏都拉斯 瓜地馬拉 和 俄羅斯 外交部長 吳釗燮 為此 寫 了 封長信 給 外交人員 強調 外交部 是 外館 後盾 但 媒體 亦 獲 爆 料 指出 我國 駐 紐約 臺北 經濟 文化 辦事處 拒絕 讓 員工 輪班工作 因此 讓 感染 風險 大增 甚至 駐 美 代表處 仍 頻繁 舉行 餐會 與 宴 客 活動 後來 系 因 確診 人數 暴 增 才 取消 雖然 相對 世界 各國 來說 臺灣 目前 對 新冠肺炎 的 防疫 措施 及 疫情 控制 得宜 受到 國際 社會 的 高度肯定 但是 全球 其他 國家 則 依然 受到 新冠 病毒 的 影響 且 災情慘重 尤其 是 美國 中南美洲 及 歐洲 的 疫情 皆 十分 嚴峻 因此 身 處 在 上述 地區 的 我國 人員 在 推 展 外交 工作 上 也 就 備 極 艱辛 因為 其 所 面臨 的 感染 新冠 病毒 機 率 可能 是 高於 臺灣 人民 的 數 十 倍 甚至 百倍 以上 我 駐 美 代表 處於 11 月 26 日 一口氣 暴 增 9 名 新冠肺炎 確診 駐 美 代表 蕭美琴 也 因為 接觸 過 確診 者 須 居家 隔離 等 情事 說明 我國 外館 人員 感染 病毒 的 風險 確實 很 大 早 在 今年 4 月底 我國 駐 法國 代表處 即有 一 名 職員 確診 新冠肺炎 當時 外交部 發言人 對外 表示 該 確診 者 5 月 21 日 康復 即 回到 代表處 上班 不料 8 月 5 日 駐法 國 代表處 竟 又 出現 第 2 名 職員 感染 新冠 病毒 此時 外交部 才知 事態 不 單純 我國 駐法 代表 處於 兩 個 半 月 內 出現 兩 次 確診 的 情事 以及 此次 駐 美 代表 處於 1 個 月 內 連續 發生 3 次 確診 累計 12 個 確診病例 來看 我國 駐外 館 處在 維護 外交人員 健康 以及 防疫 措施 方面 確有 疏漏 之處 外交部 作為 駐外 人員 的 防疫 後盾 未來 除 持續 寄送 口罩 給 駐外 館 處 人員 與 眷屬 之外 將來 更 應 全盤 掌握 我國 所 有 駐外 館 處 的 防疫 措施 是否 做 得 確實 未來 不論是 采 分流 上班 措施 限 縮 活動 範圍 強制 配戴 口罩 定期 全館 消毒 或是 透過 視 訊 彈性 辦公 臺灣 所有 的 駐外 館 處 都應 謹慎 小心 不能 有 任何 的 防疫 破 口 畢竟 防疫 視同 作戰 是 不分 境內 或 境外 的 作者 為 宏國 德 霖 科技 大學 講座 教授</t>
  </si>
  <si>
    <t>新冠肺炎 疫情 延 燒 中央流行疫情指揮中心 今 12 日 公佈 國內 新增 2 例 新冠肺炎 本土 病例 分別 為 本 國籍 30 多 歲 男 醫師 案 838 及 本 國籍 20 多 歲 女 護理 師 案 839 消息 傳出 各界 議論紛紛 對此 同樣 是 防疫 第一線 的 海巡 人員 格</t>
  </si>
  <si>
    <t>新冠肺炎 疫情 延 燒 中央流行疫情指揮中心 今 12 日 公佈 國內 新增 2 例 新冠肺炎 本土 病例 分別 為 本 國籍 30 多 歲 男 醫師 案 838 及 本 國籍 20 多 歲 女 護理 師 案 839 消息 傳出 各界 議論紛紛 對此 同樣 是 防疫 第一線 的 海巡 人員 格外 有 感 海巡 署長 室 臉書 粉絲 專 頁 po 出 貼 文 力挺 前線 醫護人員 呼籲 網 民 一 人 一 句 鼓勵 短短 一 小時 就 湧 進 大批 留言 海 巡 署長 室 貼 文 提到 同在 防疫 第一線 的 我們 知道 後 最難 過 的 是 看見 不少 網友 對 此 的 回應 終於 有 醫護 被 感染 囉 只 有 一個 女友 嗎 真 羡慕 等等 留言 對 醫護人員 遭 不 理性 網 民 酸 言 襲擊 感到 相當 不 舍 小 編 指出 防 檢疫 人員 的 工作 風險 相當 高 每天 要 面對 可能 感染 病毒 的 物件 下班 後 還 得 擔心 身上 有 沒有 消毒 乾淨 影響 家人 但 其中 最 危險 的 一 群 絕對 包含 守 在 負 壓 病房 的 醫護人員 在 傳出 醫護人員 染疫 之後 海巡 署長 室 立刻 發起 一 人 一 句 謝謝 希望 告訴 醫護人員 比起 酸 言 酸 語 願意 給 他們 溫暖 的 人 更 多 一 人 一 句 謝謝 告訴 醫護人員 比起 酸 言 酸 語 願意 給 他們 溫暖 的 人 更 多 今天 新增 了 2 例 本土 案例 初步 瞭解 是 一 位 在 負 壓 病房 的 醫師 處理 病 患 時 意外 遭到 感染 同在 防疫 第一線 的 我們 知道 後 最難 過 的 是 看見 不少 網友 對 此 的 回應 終於 有 醫護 被 感染 囉</t>
  </si>
  <si>
    <t>國內 連續 29 天 沒有 本土 疫情 是否 能 準備 複 辦 大甲鎮 瀾 宮 媽祖 繞 境 中央流行疫情指揮中心 指揮官 陳時中 表示 繞 境 活動 還是 要 繼續 維持 社交 安全 距離 戴 口罩 目前 來說 他 還 不 贊成 這麼 快 就 舉行 這麼 大型 的 活動 陳時中 說</t>
  </si>
  <si>
    <t>國內 連續 29 天 沒有 本土 疫情 是否 能 準備 複 辦 大甲鎮 瀾 宮 媽祖 繞 境 中央流行疫情指揮中心 指揮官 陳時中 表示 繞 境 活動 還是 要 繼續 維持 社交 安全 距離 戴 口罩 目前 來說 他 還 不 贊成 這麼 快 就 舉行 這麼 大型 的 活動 陳時中 說 現在 放寬 餐飲 限制 職棒 場地 入場 次序 都 很 好 可以 放寬 到 2000 人 但 現在 他 並 不 贊成 這麼 快 舉辦 大型 繞 境 活動 鎮 瀾 宮 副董事長 鄭 銘 坤 則 表示 若 可以 辦 就讓 媽祖 提早 繞 境 帶動 經濟 信徒 很 期待 鄭銘坤 說 從頭至尾 各 繞 靜 團隊 都 很 期待 以及 蓄 勢 待 發 只要 一聲令下 隨時 都 可以 出發</t>
  </si>
  <si>
    <t>big city 遠東 巨 城 購物 中心 因應 新冠肺炎 疫情 2 月 起 即 建立 完善 防疫 機制 9 日 起更 提升 防疫 等級 實施 顧客 入 館 量 測體溫 與 管制 除了 部分 入口 以 人工 進行 額 溫量 測 外 更 斥資 約 150萬 添 購 3 台 熱像儀 打造 全年齡 消費者 最 安全 無 虞 的 購物 環境 巨 城 購物 中心 今年 2 月 起 要求 全體 員工 各 單位 服務 人員 皆 自主 管理 並 回報 健康狀況 館內 全天候 換氣 維持 空氣流通 公共設施 定時 消毒 擦拭 等 各項 防疫 措施 3 月 9 日 起更 提升 防疫 等級 實施 顧客 入 館 量 測體溫 與 管制 此次 首度 推出 的 熱像儀 監測 與 量 測體溫 管制 措施 依 徒步 型 機車 族 與 汽車族 消費者 及 各 出入口 人流量 規 畫 管制 點 徒步 入 館 的 消費者 可 經 由 1 樓 民權路 側 巨 城 創藝 大樓 中央 及 民權 路口 廣場 以及 地下 1 樓 uniqlo 入口處 經由 熱像儀 量 測體溫 而 機車 族 與 汽車族 消費者 在 進入 停車場和 停車 塔 時 在 提前 設置 的 車道 管制 點 接受 額 溫 測量 如 體溫 超過 375 度 之 消費者 將 以 柔性 勸導 就醫 等 建議 遠東 巨 城 購物 中心 董事長 李靜芳 表示 巨 城 全體 動員 以 嚴謹 的 態度 做好 消費者 安心 購物 的 第一 道 防線 配合 中央流行疫情指揮中心 提升 至 一級 開設 巨 城 防疫 專責 小組 也 全面 升級 防疫 措施 透過 層層 把關 確實 控管 守護 民眾 的 健康</t>
  </si>
  <si>
    <t>中國 湖北省 即將 解除 封城 預計 還 會 有 一 波 台商 返台 潮 外界 不禁 擔憂 是否 能 防範 醫師 指出 有些 台商 的 確 可能 帶 著 病毒 回來 這 是 下 一 波 挑戰 中央流行疫情指揮中心 指揮官 陳時中 表示 入境 一樣 都 要 據實 申報 有 吃藥 和 有</t>
  </si>
  <si>
    <t>中國 湖北省 即將 解除 封城 預計 還 會 有 一 波 台商 返台 潮 外界 不禁 擔憂 是否 能 防範 醫師 指出 有些 台商 的 確 可能 帶 著 病毒 回來 這 是 下 一 波 挑戰 中央流行疫情指揮中心 指揮官 陳時中 表示 入境 一樣 都 要 據實 申報 有 吃藥 和 有 症狀 都 不 罰 但 申報 不實 便 會 加以 處分 對於 中國 一直 宣稱 自己 0 確診 甚至 已 無 病毒傳播 現象 臺灣 感染症 醫學會 理事長 黃立民 認為 這 有待 商榷 但 可能 有 些 台商 是 會 帶 著 病毒 回來 的 這 是 臺灣 境外移入 下 一 波 挑戰 24 日 陳時中 在 記者會 上 被 問及此事 表示 原先 湖北 返台 都 有 注 記 現在 不封 城 就 能 讓 他們 回來 但 會 照 居家 檢疫 措施 流程 走 與 陸委會 進行 相關 商議 討論 而 回台 的 人 也 都 要 觀察 若 有 吃 退燒藥 也 要 據實以報 不會 處罰 但 若 隱匿 就 會 有所 處分 陳時中 也 強調 若 回來 時有 發燒 等 症狀 先 服藥 才 入境者 希望 都能 誠實 通報 絕不會 因為 吃藥 而 處分 但 沒 通報 就 會 他 也 重申 吃藥 身體 退燒 壓抑 住 咳嗽 機場 幾乎 查驗 不到 其實 對 自己 而言 並非 好事</t>
  </si>
  <si>
    <t>omicron 變異 病毒株 日前 於 我國 邊境 發現 為 加緊 防範 變異 病毒株 入侵 中央流行疫情指揮中心 今天 表示 目前 已於 夜 診 部分 車站 開放 符合 資格 的 民眾 接種 第 三 劑 疫苗 目前 符合 接種 資格 的 第一 至 三類 人員 共 六萬 多 人 目前 已</t>
  </si>
  <si>
    <t>omicron 變異 病毒株 日前 於 我國 邊境 發現 為 加緊 防範 變異 病毒株 入侵 中央流行疫情指揮中心 今天 表示 目前 已於 夜 診 部分 車站 開放 符合 資格 的 民眾 接種 第 三 劑 疫苗 目前 符合 接種 資格 的 第一 至 三類 人員 共 六萬 多 人 目前 已 打 了 三萬 多 劑 占 整體 比例 的 一半 部 份 專家 指出 高風險 族群 應 縮短 第 三 劑 的 接種 間隔 不 一定 要 等 滿 五 個 月 後 才打 可 提前 至 八 到 十二 周 對此 指揮中心 發言人 莊人祥 說 近期 acip 將 召開 專家 會議 會 將 此 議題 提出 由 專家 進行 討論 指揮中心 醫療 應變 組 副 組長 羅一鈞 表示 從 我國 上周 公佈 的 三 例 omicron 病毒 來看 全部都是 突破性 感染 其中 兩 人 還 是 打完 疫苗 不 到 六 個 月 遭 感染 的 病例 然而 各廠 牌 疫苗 對 omicron 病毒 的 實際 防護 效果 必須 分開 比較 若 藉 此 對 入境者 實施 不同 的 檢疫 措施 對 旅客 來說 可能 過於 嚴苛 恐 不利 國人 將來 返台 因此 是否 因應 不同 廠 牌 的 疫苗 提出 不同 檢疫 方式 必須 加強 研議 莊 人 祥 則 說 防範 omicron 病毒 需要 呼籲 民眾 踴躍 接種 疫苗 目前 第 十八 期 的 公費 疫苗 接種 符合 第一 劑 bnt 接種 資格 物件 有 三十 一點 四萬 人 第二 劑 則 有 八十五 點 八萬 人 az 混打 bnt 的 也 有 二 點 八萬 人 目前 除 臺北 車站 外 部 份 車站 還有 提供 第 三 劑 的 莫德納 疫苗 也 有 不少 基層 醫療 有 夜 診 服務 歡迎 民眾 多 加 利用</t>
  </si>
  <si>
    <t>中央 選委會 主委 李進勇 在 日前 南下 瞭解 罷 韓 投票 防疫 演練 時 表示 高雄市 要 洽 借 的 國立 大學 國 公營 單位 場所 如果 借 不到 我 這 顆 頭 剁 給 你 在 疫情 仍 持續 緊張 之際 這種 偏頗 情緒 性 的 發言 恐 已 嚴重 傷害 了 中選會 的 獨立 公正性 中選會 副 主委 陳朝建 4 日 又 變本加厲 的 召開 記者會 以 我 依法 我 驕傲 給 高雄市 區長 校長 的 一 封 信 表示 如不 借用 投票 場所 會 有 法律責任 云云 陳朝建 指出 依據 公職人員 罷免法 57 條 選罷法 11 條 區公所 學校 辦理 地方 選舉 應 出借 場地 因 此 第 三 屆 高雄 市長 罷免案 出借 場地 是 屬 法定 義務 這種 無視 法律 規定 驕傲 恫嚇性 的 胡亂 發言 更 凸顯 了 中選會 乖離 民主 的 異化 現象 公職人員 選舉罷免 法 第 11 條 規定 各級 選舉 委員會 分別 辦理 投票 所 開票所 之 設置 及 管理 事項 而 第 3 屆 高雄 市長 罷免案 的 投票 所 開票所 之 設置 及 管理 事項 高雄市 選委會 是 主辦單位 可以 全權 決定 又 公職人員 選舉罷免 法 第 57 條 僅 規定 公職人員 選舉 罷免 應 視 選舉 區廣 狹 及 選舉人 分佈 情形 就 機關 構 學校 公共場所 或 其他 適當 處所 分設 投票 所 並 無 陳朝 建所 說 出借 場地 是 區公所 學校 的 法定 義務 陳朝建 胡亂 曲解 法律 恫嚇 區長 校長 恐 才 要 負 法律責任 這 幾 天 新冠肺炎 疫情 在 臺灣 並未 完全 消 止 中央流行疫情指揮中心 在 2 日 公佈 新增 3 例 境外移入 4 日 又 新增 1 例 境外 疫情 對此 振興 醫院 感染 科 主任 李明政 表示 估計 磐石 艦 已 進入 第 34 波 群 聚 感染 當前 居家 隔離 有 症狀 才 采 檢 的 措施 恐無 法 及時 掌握 到 無 症狀 感染者 由此可見 新冠肺炎 疫情 仍 屬 嚴峻 而 依 教育部 在 3 月 31 日 發佈 下達 的 校園 防疫 措施 明文規定 校園 集會 活動 參加 人數 應 有所 限制 凡 室內 超過 100 人 以上 室外 超過 500 人 以上 的 集會 活動 建議 停辦以 減低 社區 感染 的 風險 是 以 各級 學校 依此 拒絕 借用 場地 並非 無 據 而 國立 大學 國 公營 單位 場所 依照 宣 告 室內 超過 100 人 以上 室外 超過 500 人 以上 的 公眾 集會 活動 建議 停辦 以 減低 社區 感染 的 風險 之 規範 行事 拒絕 借用 場地 時 李進勇 真要 剁 頭 嗎 中央 選委會 主委 李進勇 副 主委 陳朝建 不應 無視 法律 規定 胡言亂語 而 應依據 中央流行疫情指揮中心 新冠肺炎 因應 指引 公眾 集會 的 6 項 指標 進行 風險 評估 並 考量 是否 延期 舉辦 第 三 屆 高雄 市長 罷免案 之 投票 作者 為 東海大學 法律 系 退休 教授</t>
  </si>
  <si>
    <t>南 投 縣長 林明溱 日前 表示 盼 與 上海 複 星 購買 30萬 劑 輝瑞 bnt 疫苗 遭 中央流行疫情指揮中心 打槍 國民黨 臺北市議員 羅智強 辦公室 法案 主任 楊植 鬥 今 爆 料 衛福部 冷卻 倉儲 只能 存放 44萬 劑 的 疫苗 這 才是 中央 處處 攔阻 南 投 的 主因</t>
  </si>
  <si>
    <t>南 投 縣長 林明溱 日前 表示 盼 與 上海 複 星 購買 30萬 劑 輝瑞 bnt 疫苗 遭 中央流行疫情指揮中心 打槍 國民黨 臺北市議員 羅智強 辦公室 法案 主任 楊植 鬥 今 爆 料 衛福部 冷卻 倉儲 只能 存放 44萬 劑 的 疫苗 這 才是 中央 處處 攔阻 南 投 的 主因 因為 30萬 劑 疫苗 進口 後 根本 放不下 楊 植鬥 說 衛福部 在 今年 4 月 宣佈 疫苗 來 台 需要 大量 冷卻 倉儲 以及 物流配送 系統 最後 在 決 標 公告 中 只 找 到 這 件標 案 且 只能 存放 44萬 劑 疫苗 就算 真讓 林明溱 買到 30萬 劑 國家 也 沒有 相應 的 倉儲 物流 可以 存放 他 推測 上星期 行政院 載 回 40萬 劑 az 疫苗 和 這 件標 案 可 儲存 的 疫苗 數 幾乎 一模一樣 也就是說 國家 的 冷鍊 已 接近 緊 繃 根本 挪 不出 空間 放 其它 疫苗 我 認為 這 才是 指揮中心 處處 阻攔 南 投 縣 的 主因 因為 30萬 劑 疫苗 一來 就 曝露出 臺灣 超前 零 部署 的 事實 他 批評 輝瑞 疫苗 應 保存 在 零下 70 度 的 環境 中 需要 高 規格 冷 錬 國家隊 支援 但 比起 人命 政府 顯然 更怕 沒 做 事 的 形象 被 拆穿 即便 有 不少 民眾 跟 政治 人物 都 呼籲 政府 放 下 兩岸 間 的 政治 意識 型態 衛福 部長 陳時中 依然 選擇 跟 地方 政府 對 幹 但 仇 不 仇中 已成 了 假 議題 如果 今天 美國 突然 送 臺灣 100萬 劑 疫苗 國家 卻 沒有 冷鍊 可以 支援 陳時中 你 敢收 嗎 他 表示 衛福部 還有 件 疫苗 14083萬 劑 倉儲 物流 與 配送 案 在 4 月 29 日 截止 投標 標 案 金額 高 達 2億4000萬 後續 卻 沒有 決 標 公告 也 沒 登記 無法 決 標 他 要求 指揮中心 應 告知 民眾 此案 到底 有 沒有 廠商 接手 是否 流標 如若 有 廠商 得 標 為什麼 沒有 決 標 公告</t>
  </si>
  <si>
    <t>臺灣 出現 首 起 院內 感染 導致 1 醫師 染疫 更 造成 社區 感染 其 護理 師 女友 也 確診 中央流行疫情指揮中心 表示 針對 該 起 感染 事件 院內 接觸 者 468 人 都采檢 完畢 全部 陰性 社區 采 檢 除了 護理 師 女友 外 其他 54 人 也 都 是 陰性 院</t>
  </si>
  <si>
    <t>臺灣 出現 首 起 院內 感染 導致 1 醫師 染疫 更 造成 社區 感染 其 護理 師 女友 也 確診 中央流行疫情指揮中心 表示 針對 該 起 感染 事件 院內 接觸 者 468 人 都采檢 完畢 全部 陰性 社區 采 檢 除了 護理 師 女友 外 其他 54 人 也 都 是 陰性 院方 也 提供 全院 篩檢 計 畫 普 篩 全院 2500 人 但 專家 認為 第一圈 采 檢 是 全 陰性 該 醫院 員工 以及 相 關外 包 廠商 只 需 再 篩檢 300 400 人 即可 指揮官 陳時中 今 表示 案例 838839 醫護 情侶 兩 人 的 接觸 者 總 采 檢 以及 再 增 4 名 行政 人員 目前 468 人 采 檢 完畢 都 是 陰性 社區 部分 應采 人數 55 人 也 全數 采 驗 完畢 都 是 陰性 還有 4 名 老師 也 是 陰性 陳 強調 這 是 不幸 的 大幸 周圍 第一圈 沒有 確診 者 陳時中 表示 醫院 也 已經 訂 出 全院 篩檢 的 計畫 中午 請 專家 檢 視 但 認為 既然 第一圈 都 是 陰性 其他 離 很 遠 的 人 沒有 篩檢 的 必要性 會 做出 刪減 專家 小組 召集人 張上淳 表示 該 醫院 提出 的 擴大 篩檢 計 畫 昨天 中午 找 了 該區 指揮官 以及 對於 疫情 調查 有 經驗 的 幾 位 專家 做 詳細 的 討論 基本上 專家 們 都 認為 過去 疫情 調查 很 清楚 該 匡列 的 人員 以及 擴大 篩檢 的 468 人 已經 很 完整 原 訂 該院 全院 檢查 擬定 計 畫 做 以 最 大 範圍 的 可能性 來 做 采 檢 根據 統計 該院 總 人數 是 2200 加上 外 包 廠商 共 2500 人 但 基於 專家 希望 讓 部分 同仁 可以 更 安心 社會 也 有 期待 以及 同 部門 醫護 短 時間 內 不再 擔心 最後 還是 決定 擴大範圍 篩檢 300 400 人 相信 基本上 不 會 有 問題 明天 開始 啟動 張上淳 說 密切接觸 者 都匡列 在 468 人 之中 全院 同仁 的 健康 都會 密切 監測 隨時 檢討 采 檢 專家建議 只要 有 疑慮 就 采 檢 陳時中 表示 密切接觸 者 468 人 也 有 複查 其中 77 人 被 認定 需要 二 采 結果 也 是 陰性 再 根據 調查結果 決定 來 做 全院 擴大 采 檢 從 原本 全院 普 篩 變成 擴大 篩檢 陳時中 強調 這 是 專家 意見 作業 原則 會 經過 專家 討論 和 檢討 做出 最 適宜 的 相關 方案</t>
  </si>
  <si>
    <t>中央流行疫情指揮中心 昨天 公佈 新增 一 例 新冠肺炎 確診 病例 為 北部 30 多 歲 女性 是 國內 第 48 例 於 2 月 28 日 至 3 月 8 日 前往 英國 旅遊 及 探訪 友人 返國 後 出現 頭痛 咳嗽 等 症狀 兩 度 就醫 後 確診 是 首例 英國 境外 感染 確診 個案</t>
  </si>
  <si>
    <t>中央流行疫情指揮中心 昨天 公佈 新增 一 例 新冠肺炎 確診 病例 為 北部 30 多 歲 女性 是 國內 第 48 例 於 2 月 28 日 至 3 月 8 日 前往 英國 旅遊 及 探訪 友人 返國 後 出現 頭痛 咳嗽 等 症狀 兩 度 就醫 後 確診 是 首例 英國 境外 感染 確診 個案 目前 已經 匡列 9 名 在 台 親密 接觸 者 9 親密 接觸 者 居家 隔離 指揮官 陳時中 指出 這 名 個案 獨自 前往 英國 旅遊 返國 後 於 3 月 9 日 因 頭暈 頭痛 等 症狀 至 診所 就醫 又 出現 微 燒 及 輕微 咳嗽 於 3 月 10 日 至 醫院 就醫 經 通報 檢驗 於 昨天 確診 目前 收治 負 壓 隔離病房 治療 指揮中心 依 女子 發病 前 活動 史研 判 境外 感染 的 可能性 較 高 女子 同 住 家人 目前 皆 無疑 似 症狀 將 進一步 調查 女子 在 英國 期間 的 旅遊 行程 並 持續 追蹤 其 同 住 親友 英國 當地 友人 直 飛 班機 的 同機 旅客 及 就醫 接觸 者 等 健康 情形 接觸 者 掌握 9 人 都 已經 居家 隔離 並 持續 匡列中 案 33 案 35 新增 解除 隔離 陳時中 表示 衛生 單位 也 會 再 瞭解 她 英國 拜訪 了 什麼 人 但 英國 較 遠 無法 親自 調查 時間 會 較 久 飛機 上 也 會 匡 列 前後 兩 排 的 人 進行 疫 調 至於 感染 源 是 在 英國 或是 出境 前 就 已經 在 臺灣 感染 目前 還 無法 確定 國內 48 名 確診 個案 中 共有 22 名 境外移入 個案 除 了 陸 港澳 以外 還有 包含 自 有 日本 旅遊 史 的 案 33 埃及 杜拜 等 中東 旅遊 史 的 案 39 日本 的 鑽石 公主 號 旅客 案 40 菲律賓 旅遊 史 的 44 案 有 荷蘭 旅遊 史 的 案 47 昨日 確診 的 案 48 則 是 首次 有 英國 旅遊 史 至 目前 國內 通報 累計 1萬4635 例 確診 個案 中 1 名 死亡 昨 新增 兩 個案 解除 隔離 分別 是 首例 日本 移入 個案 第 33 案 及 發生 首 起 院內 感染 的 北部 某 醫院 清潔工 案 35 累積 17 名 解除 隔離 其 餘 個案 穩定 持續 住院 隔離</t>
  </si>
  <si>
    <t>中央流行疫情指揮中心 今天 公佈 臺灣 再度 零 確診 是 本土 第 45 天 連續 第 6 天 零 確診 台南 後壁 區 頂 長 社區 動員 40 多 位 長者 包 2000 顆 千歲 粽子 送至 中央 疫情 指揮中心 慰勞 防疫 團隊 也 行銷 臺灣 傳統 米 食 中央流行疫情指揮中心</t>
  </si>
  <si>
    <t>中央流行疫情指揮中心 今天 公佈 臺灣 再度 零 確診 是 本土 第 45 天 連續 第 6 天 零 確診 台南 後壁 區 頂 長 社區 動員 40 多 位 長者 包 2000 顆 千歲 粽子 送至 中央 疫情 指揮中心 慰勞 防疫 團隊 也 行銷 臺灣 傳統 米 食 中央流行疫情指揮中心 今 27 日 表示 國內 今日 無 新 增 病例 昨 26 日 新增 310 例 新型 冠狀病毒 肺炎 相關 通報 截至 目前 累計 通報 71405 例 含 70330 例 排除 其中 441 例 確診 分別 為 350 例 境外移入 55 例 本土 病例 及 36 例 敦睦 艦隊 確診 個案 中 7 人 死亡 419 人 解除 隔離 其 餘 持續 住院 隔離 中</t>
  </si>
  <si>
    <t>大陸 在 進口 冷凍 食品包裝 驗 出新冠 病毒 擔憂 為 防疫 漏洞 採取 嚴格 的 檢驗 及 暫停 輸入 作為 但 國內 中央流行疫情指揮中心 卻 僅 嗆 明 不會 比照 大陸 限制 進口 而 邊境 抽驗 強制 消毒 等 防制 對策 至今 仍 是 空中樓閣 時間表 付 之</t>
  </si>
  <si>
    <t>敦睦 磐石 艦 30 人 染 新冠肺炎 引起 社會 關注 中央流行疫情指揮中心 指揮官 陳時中 昨 在 記者會 上 樂觀 指出 第 6 天 過去 了 沒有 看到 第二 層 的 情況 觀察 到 4 月 30 日 大概 可知 臺灣 是否 過關 陳時中 說 臺灣 連 12 天 沒有 本土 個案 也</t>
  </si>
  <si>
    <t>敦睦 磐石 艦 30 人 染 新冠肺炎 引起 社會 關注 中央流行疫情指揮中心 指揮官 陳時中 昨 在 記者會 上 樂觀 指出 第 6 天 過去 了 沒有 看到 第二 層 的 情況 觀察 到 4 月 30 日 大概 可知 臺灣 是否 過關 陳時中 說 臺灣 連 12 天 沒有 本土 個案 也 因 如此 敦睦 艦隊 這 起 獨立 事件 引發 社會 不滿 覺得 都 是 你們 害 的 但 事實 不然 每個 獨立 事件 都有 那樣 的 可能性 我們 的 態度 很 清楚 準備 好 是 為什麼 就是 為了 能夠 處理 這些 突發狀況 有 準備 碰到 就 可以 處理 陳時中 表示 現在 也 第 6 天 了 我 沒有 看到 第二 層 的 情況 看起來 情況 是 好 的 敦睦 艦隊 4 15 下船 加 14 天 潛伏期 大概 觀察 到 4 月 30 日 可知 臺灣 能否 過關 但 重要 的 是 這 段 時間 大家 是 痛苦 的 因為 努力 很 久 卻 突然 發生 此 事件 他 強調 有 問題 我們 就 面對 處理 希望 民眾 不要 恐慌 心慌 對 事情 沒有 幫助</t>
  </si>
  <si>
    <t>今 起 接種 完整 兩劑 疫苗 者 且 相隔 14 天 的 民眾 可 選擇 7 7 方案 入境 為此 臺北 副 市長 黃珊珊 今 淩晨 在 臉書 有感而發 說 天 佑 臺灣 而 根據 指揮中心 統計 春節 專案 開放 首日 入境 總 人數 為 826 人 其中 就 有 557 人 選擇 7 7 專案 占 了 整體 入境者 的 68 中央流行疫情指揮中心 指揮官 陳時中 今 表示 春節 三大 方案 的 入境 人數 a 方案 14 0 7 共 177 人 占 21 b 方案 10 4 7 共 92 人 占 11 c 方案 7 7 共 557 人 占 68 其中 選擇 7 7 方案 的 人 最 多 第一 天 826 人 返台 就 有 557 人 選擇 而 臺北市 副 市長 黃珊珊 今 淩晨 在 臉書上 表示 今 起 入境者 可 選用 10 4 與 7 7 專案 讓 她 直言 不 知道 這個 無法挽回 的 決策 會 讓 臺灣 付出 多 大 的 代價 天 佑 臺灣 對此 陳時中 則 回應 說 政策 都 是 滾 動式 檢討 目前 omicron 的 發展 態勢 對於 疫苗 保護 力 降低 今 英國 又 爆出 一 名 死亡 案例 但 也 沒有 較 高 的 致死 率 和 重症 率 所以 我們 還 是 嚴整 以待 對於 春節 返台 人數 沒有 暴 增 陳時中 坦言 這 幾 天 也 確實 因為 omicron 讓 世界 旅行 移動 變 得 不 方便 可能 沒有 暴 增 預約 的 狀況 面對 黃珊珊 的 擔憂 陳時中 則 說 其實 只 要 後面 7 天 的 居家 檢疫 可 做 完整 基本上 就 不用 太 擔心 而 這 兩 年 來 臺灣 一直 都有 在 做 居家 檢疫 包括 電子 圍 籬 社 政 體系 的 關懷 其實 這些 都 已經 很 熟稔 所以 對 這樣 的 防疫 政策 他 其實 是 有 信心 的</t>
  </si>
  <si>
    <t>日本 3 月 連 假 後 新冠肺炎 疫情 升溫 對於 臺灣 疫情 是否 也 會 升溫 中央流行疫情指揮中心 指揮官 陳時中 表示 不敢 說 絕對 不會 但是 判斷 不會 原因 是 臺灣 的 社區 群 聚 沒有 像 日本 櫻花季 的 時候 那樣 國外 入境者 也 在 居家 檢疫 中</t>
  </si>
  <si>
    <t>日本 3 月 連 假 後 新冠肺炎 疫情 升溫 對於 臺灣 疫情 是否 也 會 升溫 中央流行疫情指揮中心 指揮官 陳時中 表示 不敢 說 絕對 不會 但是 判斷 不會 原因 是 臺灣 的 社區 群 聚 沒有 像 日本 櫻花季 的 時候 那樣 國外 入境者 也 在 居家 檢疫 中 因此 指揮中心 才會 讓 大家 多 散心 否則 就 會 禁止 了</t>
  </si>
  <si>
    <t>新冠肺炎 本土 疫情 爆炸 國內 速食 龍頭 麥當勞 今 宣佈 臺北市 新北 市 逾 130 家 門市 自 今日 上午 10 點 半 起 禁止 顧客 內 用 實施 日 至 5 月 28 日 寫下 麥當勞 1984 年 來 台 成立 首家 門市 後 的 罕見 紀錄 在 中央流行疫情指揮中心 宣佈 雙北進</t>
  </si>
  <si>
    <t>新冠肺炎 本土 疫情 爆炸 國內 速食 龍頭 麥當勞 今 宣佈 臺北市 新北 市 逾 130 家 門市 自 今日 上午 10 點 半 起 禁止 顧客 內 用 實施 日 至 5 月 28 日 寫下 麥當勞 1984 年 來 台 成立 首家 門市 後 的 罕見 紀錄 在 中央流行疫情指揮中心 宣佈 雙北 進入 三級 警戒 後 已 有 不少 連鎖 速食店 決定 門市 即日起 只 提供 外帶 或 外 送 服務 不讓 顧客 進 店 內 用餐 降低 染疫 風險 麥當勞 雙 北 超過 130 個 據點 人流 頻繁 為 配合 防疫 政策 也 維護 顧客 及 員工 健康 今 宣佈 禁內 用 政策 暫定 實施 至 5 月 28 日 後續 視 疫情 發展 調整 麥當勞 表示 凡 位 在 臺北市 新北 市 的 麥當勞餐廳 均 暫停 餐廳 內 用 服務 及 洗手間 使用 感謝 顧客 配合 請 多 加 利用 外帶 得來 速 與 歡樂 送 服務</t>
  </si>
  <si>
    <t>新冠肺炎 第 12 期 疫苗 采 分 階段 開 打 第 1 階段 自 18 日 起 開放 預約 已 在 今日 中午 預約 截止 根據 中央流行疫情指揮中心 統計 bnt az 莫德納 合計 超過 293萬 人 符合 預約 資格 但 僅 188萬 人 完成 預約 其中 莫德納 疫苗 出現 11 5萬 名</t>
  </si>
  <si>
    <t>新冠肺炎 第 12 期 疫苗 采 分 階段 開 打 第 1 階段 自 18 日 起 開放 預約 已 在 今日 中午 預約 截止 根據 中央流行疫情指揮中心 統計 bnt az 莫德納 合計 超過 293萬 人 符合 預約 資格 但 僅 188萬 人 完成 預約 其中 莫德納 疫苗 出現 115萬 名 造冊 者 重複 預約 情況 另 有 26萬 名 未 造冊 但 合乎 資格 的 55 歲 以上 長者 未 及時 預約 指揮中心 今 宣佈 未 完成 預約 的 55 64 歲 民眾 可 提前 預約 接種 第 2 階段 疫苗 優先 預約 時間 為 10 月 22 日 上午 10 時至 16 時 第 12 期 疫苗 第 1 階段 開放 30 歲 以上 民眾 接種 第 1 劑 bnt 55 歲 以上 7 月 16 日 含 前 打過 1 劑 莫德納 者 接種 第 2 劑 以及 7 月 30 含 前 接種 第 1 劑 az 的 38 歲 以上 民眾 施打第 2 劑 18 日 起 開放 預約 第 1 階段 預約 已 在 今 午 12 時 截止 施打 時程 為 10 月 22 日 至 27 日 截至 今日 中午 bnt 疫苗 共有 7496 合 資格 者 完成 預約 az 疫苗 有 7179 合 資格 者 完成 預約 而 莫德納 則 只 有 2881 合 資格 者 完成 預約 指揮中心 發言人 莊人祥 解釋 莫德納 疫苗 合 資格 者 包括 造冊 接種 的 民眾 這些 民眾 實際上 不 需 至 平臺 預約 此次 預約 平臺 出現 了 115萬 人 重複 預約 的 情形 亦 有 26萬 名 未 造冊 但 合乎 資格 的 55 歲 以上 長者 未 及時 完成 預約 有鑑於此 指揮中心 特別 開放 55 歲 以上 7 月 16 日 含 前 打過 1 劑 莫德納 的 民眾 優先 預約 第 2 階段 疫苗 可 提前 於 10 月 22 日 上午 10 時至 16 時上 平臺 預約 並 在 10 月 28 日 至 10 月 31 日 接種 至於 其 餘 第 2 階段 對象 預約 時間 不 變 依照 既 有 規劃 第 12 期 疫苗 第 2 階段 開放 23 歲 以上 民眾 接種 第 1 劑 bnt 7 月 16 日 含 前 接種 第 1 劑 莫德納 的 18 歲以上 民眾 接種 第 2 劑 莫德納 7 月 30 含 前 接種 1 劑 az 疫苗 的 18 歲 以上 民眾 接種 第 2 劑 az 疫苗 以及 7 月 31 日 至 8 月 6 日 含 已 接種 第 1 劑 az 疫苗 的 45 歲 以上 民眾 接種 第 2 劑 az 疫苗 第 2 階段 bnt 莫德納 疫苗 將 在 10 月 25 日 上午 10 時至 27 日 中午 12 時 開放 預約 而 az 疫苗 則 是 在 10 月 26 日 上午 10 時至 27 日 中午 12 時 開放 預約 bnt 疫苗 將 在 10 月 28 至 31 日 接種 莫德納 及 az 則 是 在 10 月 28 日 至 11 月 3 日 接種</t>
  </si>
  <si>
    <t>入境 檢疫 電子系統 即將 上路 中央流行疫情指揮中心 表示 具有 國內 電信業者 手機 門號 的 旅客 只要 掃描 二 維 碼 輸入 健康 資料 接收 確認 簡訊 出示 手機 憑證 四 步驟 即可 快速 通關 為 因應 新冠肺炎 疫情 中央 流行 疫情 指</t>
  </si>
  <si>
    <t>入境 檢疫 電子系統 即將 上路 中央流行疫情指揮中心 表示 具有 國內 電信業者 手機 門號 的 旅客 只要 掃描 二 維 碼 輸入 健康 資料 接收 確認 簡訊 出示 手機 憑證 四 步驟 即可 快速 通關 為 因應 新冠肺炎 疫情 中央流行疫情指揮中心 宣佈 從 2 月 11 日 起 所有 入境 臺灣 旅客 須 填寫 紙本 入境 健康 聲明書 健康 聲明書 內容 包括 14 天內 是否 有 旅遊 史 發燒 呼吸道 症狀 或 咳嗽 等 症狀 但 先前 健康 聲明書 以 紙本 方式 填寫 旅客 完成 資料 後 需要 手動 輸入 系統 再 與 旅客 電話號碼 等 基本 資訊 串流 如果 遇到 需要 進行 居家 隔離 居家 檢疫 的 旅客 從 資料 輸入 匯 整到 轉達 民政 單位 的 時間 過長 造成 空 窗 期 因此 無法 即時 掌握 隔離 人口 狀況 且 日前 陸續 傳出 針對 隔離 人口 發放 的 專用 手機 傳出 數量 不足 裡長 抱怨 電話 關心 也 無法 遏止 部分 隔離 民眾 四處 趴 趴 走 等 問題 因此 為 提升 國內 檢疫 作業 效能 及 旅客 通關 速度 指揮中心 公佈 由 行政院 資 通 安全處 與 衛生 福利 部 已 共同 主導 開發 旅客 入境 健康 聲明 暨 居家 檢疫 電子化 系統 入境 檢疫 系統 近期 可 正式 上線 具有 國內 電信業者 手機 門號 的 旅客 掃描 郎 航空 公司 櫃檯 的 二 維 碼 後 進入 入境 檢疫 系統 網站 線 上 填寫 健康 資料 完成 抵 台後 出示 憑證 畫面 即可 快速 通關 只有 掃描 輸入 資料 接收 簡訊 出示 手機 四 個 步驟 也 能 以 資訊 化 的 方式 處理 資料 將 入境 健康 聲明書 電子化 快速 完成 資料 匯 整 串流 指揮中心 表示 系統 已經 完成 並於 日前 在 部分 航班 測試 希望 航空 公司 能夠 協助 宣導 民眾 也 多 加 運用 以 節省 紙本 作業 讓 防疫 更 有 效率 指揮中心 提醒 未 如實 填寫 入境 健康 聲明書 或 拒絕 配合 依 規定 可 開 罰 1 至 15萬 元</t>
  </si>
  <si>
    <t>基隆 市議員 林旻勳 今天下午 市政 總 時 詢 時 指出 日前 接 擭 陳情 暖 暖 國高中 生於 9 月 24 日 接種 第一 劑 bnt 疫苗 其中 更 有 數 名 國中女 學生 于 2 周後 施打 子宮 頸 疫苗 再 2 周 接續 打 bnt 第 2 劑 原訂 11 月 10 日 還要 打 流感疫苗 等於 48 天內 連 挨 4 針 有 家屬 擔心 前後 時間 太 靠近 會 有 不良反應 林 旻勳 說 中央流行疫情指揮中心 昨天 宣佈 青少年 第二 劑 bnt 疫苗 暫緩 施打 但 近期 不斷 有 家屬 到 服務處 哭 著 陳情 小孩 就讀 暖 暖 高中 已 接種 第二 劑 擔心 會 出 狀況 其中 一 名 洪姓 家屬 更 指出 有 多數 國一 女 學生 在 打 bnt 第一 劑 2 周後 打 子宮 頸 疫苗 10 月 29 日 又 打 bnt 第 2 劑 等於 40 多 天 連 打 4 支 疫苗 不免 讓 人 質疑 時間 安排 不當 林 旻勳 說 8 日 接到 民眾 表示 學生 原本 被 安排 昨天 要 打 流感疫苗 趕緊 致電 教育處 要求 處長 一定 要 把期 程 往後 延 他 質疑 讓 一個 只 有 1213 歲 的 小女 生 在 40 多 天 裡 挨 那麼 多 針 真的 沒 問題 嗎 對此 衛生局長 吳 澤 誠 回應 學生 施打 這 三 種 疫苗 完全符合 規範 也 是 合理 的 如果 是 自己 的 小孩 也 會 依照 這樣 的 期 程 他 提及 如果 是 流感疫苗 只要 相隔 7 天 到 10 天 就 可以 未來 會 持續 關注 已 接種 第二 劑 bnt 疫苗 的 學生 身體狀況 基隆 市長 林右昌 進一步 指出 有關 女 學生 40 多 天 連續 施打 3 支 疫苗 的 情況 未來 會 請 衛生局 在 安排 疫苗 施打時 特別注意 期 程 的 問題</t>
  </si>
  <si>
    <t>新冠肺炎 疫情 趨 緩 中央流行疫情指揮中心 先前 提出 防疫 新 生活 運動 預告 了 接下來 臺灣 將 走向 開放 指揮官 陳時中 表示 這 幾 天 大家 都 有 疑問 既然 臺灣 很 安全 戴 口罩 要 幹什麼 為什麼 還要 維持 社交距離 實 聯 制 勤洗手 等</t>
  </si>
  <si>
    <t>新冠肺炎 疫情 趨 緩 中央流行疫情指揮中心 先前 提出 防疫 新 生活 運動 預告 了 接下來 臺灣 將 走向 開放 指揮官 陳時中 表示 這 幾 天 大家 都 有 疑問 既然 臺灣 很 安全 戴 口罩 要 幹什麼 為什麼 還要 維持 社交距離 實 聯 制 勤洗手 等 事實上 如果 要 一直 鎖國 那 民眾 什麼 都 不 用做 但 臺灣 不能 一直 鎖 下去 否則 經濟 會 崩潰 呼籲 大眾 將 防護 觀念 內化 到 生活 建立 防疫 網 才能 逐步 推動 經濟 復蘇 甚至 是 國外 觀光 陳時中 表示 基本 的 健康 行為 對 我們 是 有 幫助 的 防疫 新 生活 運動 是 開放 邊境 的 超前 佈 署 如果 邊境 都 封住 那 民眾 其實 不用 戴 口罩 什麼 都 不 用做 然而 臺灣 不可能 鎖國 鎖 國會 讓 經濟 崩潰 難以 振興 陳時中 表示 要 解決 的 方式 一個 是 靠 疫苗 藥物 另 一個 是 防疫 新 生活 運動 藉 由 守 住 防線 就 能 阻擋 病毒傳播 每個 國民 都 有 責任 將 防疫 新 生活 運動 內化 到 生活 中 把 防護 措施 當成 習慣 防疫 網 就 會 形成 也 就 不至於 形成 大破 口 陳時中 表示 大家 希望 快速 恢復 經濟 能 與 國外 恢復 交流 不管 是 經濟 上 的 交流 還是 觀光 只有 做好 防疫 網 才能 開放 希望 大家 一起 努力</t>
  </si>
  <si>
    <t>五 一連 假 將近 為了 避免 清明連 假 部分 景點 人潮 過多 拉高 感染 新冠肺炎 風險 的 情況 重演 政府 推出 1968 app 用 不同 顏色 燈號 提醒 民眾 各 景點 人潮 但 台南 市長 黃偉哲 不滿 當中 台南 景點 被 列 最 多 認為 有 些 景點 人潮 根本 不 多 質疑 列管 標準 對 此 中央流行疫情指揮中心 副 指揮官 陳宗彥 今天 在 指揮中心 記者會 上 表示 黃偉哲 應該 感到高興 表示 台南 市 很多 人 想去 他 也 應該 感謝 指揮中心 幫忙 提醒 陳 宗彥 還 說 這些 景點 是 由 國家公園 觀光局 經濟部 等 跨 部會 協調 出來 的 未來 也 不 排除 增加 更 多 景點 讓 民眾 知道 那些 地方 人潮 較 多 加以 疏散 指揮官 陳時中 也 說 必須 在 開放 和 疫情 控制 間 取得 平衡 地方 政府 有 想法 都 可以 提 出來 跟 指揮中心 商量 討論 而 政府 是 根據 大 資料 予以 管制 的</t>
  </si>
  <si>
    <t>中央流行疫情指揮中心 24 日 表示 日 官方 通報 一 名 20 多 歲 日本 女 學生 于 機場 入境 時 被 檢驗 出新冠肺炎 陽性 確診 震撼 全國 這 也 讓 前 高雄市 心 聞 局長 鄭照新 感歎 現在 許多 專家 要求 我國 有 必要 時行 普 篩 對照 前 高雄 市長 韓國瑜</t>
  </si>
  <si>
    <t>中央流行疫情指揮中心 24 日 表示 日 官方 通報 一 名 20 多 歲 日本 女 學生 于 機場 入境 時 被 檢驗 出新冠肺炎 陽性 確診 震撼 全國 這 也 讓 前 高雄市 心 聞 局長 鄭照新 感歎 現在 許多 專家 要求 我國 有 必要 時行 普 篩 對照 前 高雄 市長 韓國瑜 提出 抗體 篩檢 補助 卻 被 民進黨 轟 是 恐嚇 市民 請問 現在 那些 市議員 去 哪裡 了 鄭照新 在 臉書 發文 表示 如同 他 之前 所 述 主觀 的 情緒 會 遠離 客觀 的 數字 會 留下 當時 的 韓國瑜 市長 為了 體恤 第一線 醫護人員 需求 主動 提出 提供 抗體 篩檢 補助 被 諷刺 是 封 城 秀 急 大量 網 軍 不 斷 抹黑 韓 市長 要 普 篩 恐嚇 市民 鄭照新 感歎 這些 民進黨團 的 議員 們 其實 不只 歡迎 大家 幫忙 google 當時 是 那幾位 更 歡迎 大家 把 這 篇 報導 直接 貼 去 詢問 這些 議員 說法 給 高雄 一個 交代 一個 個 說 擴大 篩檢 的 不對 如今 專家 們 振振有詞 說 曾經 提議 小型 普 篩 議員 們 都 到 那裡 去 了 覺 青 呢 愛 高雄 的 we care 呢 鄭照新 強調 謊言 經不起 時間 的 考驗 公道 終將 來臨</t>
  </si>
  <si>
    <t>中央流行疫情指揮中心 今 3 日 公佈 國內 新增 1 例 境外移入 covid-19 新冠肺炎 確定 病例 為 本 國籍 30 多 歲 女性 案 687 自 美國 入境 指揮中心 表示 案 687 於 美國 工作 11 月 29 日 返台 探親 入境 後 至 住處 居家 檢疫 同日 於 住處 出</t>
  </si>
  <si>
    <t>中央流行疫情指揮中心 今 3 日 公佈 國內 新增 1 例 境外移入 covid-19 新冠肺炎 確定 病例 為 本 國籍 30 多 歲 女性 案 687 自 美國 入境 指揮中心 表示 案 687 於 美國 工作 11 月 29 日 返台 探親 入境 後 至 住處 居家 檢疫 同日 於 住處 出現 喉嚨 不適 情形 並 主動 通報 由 衛生 單位 安排 就醫 采 檢 及 收治 住院 於 今日 確診 指揮中心 指出 已 掌握 個案 同 班機 接觸 者 共 25 人 其中 14 人 為 前後 二 排座位 旅客 列 居家 隔離 11 人 為 機組員 因 有 適當 防護 列 自主 健康 管理 指揮中心 統計 截至 目前 國內 累計 111230 例 新型 冠狀病毒 肺炎 相關 通報 含 109532 例 排除 其中 686 例 確診 分別 為 594 例 境外移入 55 例 本 病例 36 例 敦睦 艦隊 及 1 例 不明 另 1 例 案 530 移除 為 空號 確診 個案 中 7 人 死亡 572 人 解除 隔離 107 人 住院 隔離 中</t>
  </si>
  <si>
    <t>bnt 疫苗 上月 開始 在 校園 施打 不少 家長 都 擔心 孩子 接種 後 出現 心肌炎 及 心包 膜 炎 根據 中央流行疫情指揮中心 統計 國內 截至 10 月 6 日 所有 廠 牌 的 疫苗 接種 共有 27 人 出現 心肌炎 及 心包 膜 炎 指揮中心 發言人 莊人祥 表示 10 月</t>
  </si>
  <si>
    <t>bnt 疫苗 上月 開始 在 校園 施打 不少 家長 都 擔心 孩子 接種 後 出現 心肌炎 及 心包 膜 炎 根據 中央流行疫情指揮中心 統計 國內 截至 10 月 6 日 所有 廠 牌 的 疫苗 接種 共有 27 人 出現 心肌炎 及 心包 膜 炎 指揮中心 發言人 莊人祥 表示 10 月 6 日 為止 國內 共 累計 27 人 接種 疫苗 後 出現 心肌炎 心包 膜 炎 其中 az 疫苗 有 8 人 莫德納 13 人 bnt 有 6 人 6 人 都 是 13 16 歲 青少年 已經 出院 指揮中心 後續 會 再 報告 其他 的 個案 昨 國內 疫苗 新增 141 件 不良 事件 通報 其中 68 件 非 嚴重 不良 事件 8 件 死亡 通報 65 件 其他 疑 似 嚴重 不良 事件 8 名 死亡 個案 中 4 人 接種 az 疫苗 4 人 接種 莫德納 4 名 az 接種 者 年齡 介於 54 85 歲 在 接種 後 6 74 天 發生 另 4 名 接種 莫德納 者 年齡 介於 53 80 歲 分別 在 接種 後 1 57 天 發生</t>
  </si>
  <si>
    <t>陸 配子 女 回台 政策 從 開 放到 宣佈 撤回 一 日 四 變 兩 度 急轉彎 政策 形成 之前 上演 衛福 部長 陳時中 打 臉 陸委會 主委 陳明 通 的 戲碼 兩 部會 是否 溝通 失效 政府部門 是 專業 還 是 看 風向 來 決定 疫情 走向 陳時中 今天 坦言 兩 個 部會 看法 不同 但 他 認為 沒有 道理 父母 把 他 丟 包 國家 一定 要 收 起來 講 完後 立刻 宣佈 結束 記者會 不再 開放 提問 中央流行疫情指揮中心 指揮官 衛福 部長 陳時中 以 一 席 國籍 自己 選 的 要 自己 承擔 以 國人 優先 立場 撤回 陸委會 開放 陸 配子 女 回台 的 入境 管制 措施 贏得 輿論 一致 好評 但 仍 有 聲音 質疑 難道 政策 宣佈 前 指揮中心 毫不 知情 嗎 是否是 看 風向 做 決策 今天下午 指揮中心 例行 疫情 記者會 上 陸委會 沒有 列席 因此 由 陳時中 回應 表示 兩 個 部會 裡面 有 看法 不同 陸委會 收到 相關 陳情 相關 情況 就 這些 情況 做出 決定 但 就事論事 我 沒有 看到 這些 情況 會 發生首先 若 是 大人 小孩 一起 回來 遭 擋 自然 父母 該 跟 著 留在 那裡 照顧 沒有 道理 父母 把 他 丟 包 國家 一定 要 把 他 收 起來 個 自 要 負責 陳時中 又 再 舉例 相信 不 會 有 父母 把 沒有 生活 能力 的 孩子 不管 是 遊玩 或 探親 就 這樣 丟 在 那裡 再 叫 孩子 自己 搭 飛機 回 臺灣 因此 他 認為 事實上 陸委會 原 擔憂 的 狀況 這些 情形 是 不 會 有的 陳時中 表示 禁令 不是 永久 的 只是 在 疫情 嚴峻 的 時候 沒 辦法 暫行 的 措施 而已 不是 以後 永久 都 不能 來 在 這 疫情 嚴重 的 時候 他 不 希望 防疫 有 破 口 並 盼 大家 都盡 一點 責任 要 盡責 的 人 很多 不管 是 第一 線 工作人員 或 遭 居家 檢疫 居家 隔離 者 也 是 在 盡責 他們 也 沒有 錯 只 是 經過 疫區 就要 被 隔離 大家 多 出 一點 力氣 防疫 這 條 線 不容易 守 但 守 住 了 就 非常 有意義 回答 完後 陳時中 便 宣佈 記者會 結束 表示 不再 接受 提問</t>
  </si>
  <si>
    <t>臺灣 新冠肺炎 目前 共有 28 例 確診 案例 臺北市 長 柯文哲 屢屢 喊話 中央 公佈 確診 者 的 居住 地點 且 稱 對 是否 有 確診 者 不 知道 在 公佈 第 2728 例 前 有 網友 整理 衛福部 公開 的 26 例 資訊 統計 出 目前 臺北市 確診 者 共 7 人 是 全台 最 多 有 網友 表示 公開 管道 取得 臺灣 26 例 新冠肺炎 病例 縣 市 分佈 資料 統計 目前 以 臺北市 7 例 最 多 彰 化 縣 5 例 居次 再者 是 台中 市 4 例 新北 市 3 例 南 投 縣 及 高雄市 各 2 例 宜蘭 縣 桃園 市 台南 市 各 1 例 其 餘 縣 市 則 都 是 0 人 資料 一 出 引起 網友 熱烈 討論 並 質疑 為何 中央流行疫情指揮中心 不 主動 公佈 這 名 網友 稱 自己 是 台南 的 資訊 人員 在 2015 製作 登革熱 地圖 時就 知道 可以 取得 鄉鎮 市區 層級 的 統計資料 因 自己 家 人 感染 了 登革熱 因此 著 手 整理 台南 市政府 衛生局 公開 的 村裡 層級 資料 而後 促成 疾 管署願意 直接 提供 系統化 的 資料 而 自己 很 無法 適應 這次 資訊 揭露 的 倒退 所以 在 取得 資料 之 後 第一時間 選擇 公開 疾 管署 副 署長 莊人祥 說 這些 資料 都 有 它 的 限制 網友 公佈 的 只 是 新冠肺炎 在 臺灣 的 早期 資料 很多 案例 都 是 境外移入 也 有 許多 例 是 在 機場 就 被 直 送 到 醫院 根本 沒有 進到 社區 因此 即便 看到 案例 的 戶籍地 案例 也 沒有 造成 社區 疫情 衛福 部長 陳時中 表示 大家 對於 疫情 的 公佈 一直 有 爭論 指揮中心 目前為止 至少 兩 次 對於 疫情 公開 的 基本 原則 就是 特定 的 能 掌握 的 人員 就 不 公佈 有 不 特定 且 掌握 不 到 的 就 會 公佈 就 像 日前 鑽石 公主 號 因為 沒 辦法 掌握 每個 人 所以 公佈 細胞 簡訊 讓 大家 知道 這些 旅客 走過 的 點 有 哪些 早期 發現 可以 早期 預防 有助於 防疫 的 才會 公佈</t>
  </si>
  <si>
    <t>中央流行疫情指揮中心 今日 表示 伊朗 近日 covid-19 病例 數 及 死亡 病例 快速 增加 目前 確診 病例 數 已 達 95 例 15 例 死亡 病例 擴 及 13 省份 死亡 病例 數 僅次於 中國 大陸 且 輸出 病例 至 阿曼 伊拉克 科威特 阿拉伯 聯合 大公國 及</t>
  </si>
  <si>
    <t>中央流行疫情指揮中心 今日 表示 伊朗 近日 covid-19 病例 數 及 死亡 病例 快速 增加 目前 確診 病例 數 已 達 95 例 15 例 死亡 病例 擴 及 13 省份 死亡 病例 數 僅次於 中國 大陸 且 輸出 病例 至 阿曼 伊拉克 科威特 阿拉伯 聯合 大公國 及 加拿大 等 多國 中東 多國 已 關閉 對 伊朗 邊界 由於 該國 疫情 明顯 擴大 指揮中心 即日起 提升 伊朗 旅遊 疫情 建議 至 第 二級 警示 alert 提醒 民眾 至 當地 應 採取 加強 防護 措施</t>
  </si>
  <si>
    <t>中央流行疫情指揮中心 今天 宣佈 6 月 18 日 起 配送 第二 批 莫德納 moderna covid-19 疫苗 7萬3200 劑 開放 6萬3200 劑量 的 莫德納 疫苗 給 一 到 三類 對象 接種 另外 一萬 劑 保留 給 邊境 人員 接種 指揮官 陳時中 表示 昨天 已經 把 第二</t>
  </si>
  <si>
    <t>中央流行疫情指揮中心 今天 宣佈 6 月 18 日 起 配送 第二 批 莫德納 moderna covid-19 疫苗 7萬3200 劑 開放 6萬3200 劑量 的 莫德納 疫苗 給 一 到 三類 對象 接種 另外 一萬 劑 保留 給 邊境 人員 接種 指揮官 陳時中 表示 昨天 已經 把 第二 批 az 疫苗 配送 讓 大家 比較 可以 掌握 數量 施打 效率 上 可以 增加 今天 宣佈 接下來 會 再 配送 莫德納 疫苗 發到 縣市政府 中 總共 發放 六萬三千兩百 劑量 針對 一二 三類 都 可以 打 莫德納 雖然 劑量 數 不 多 但 近日 因為 接種 沒有 特別 快 所以 希望 六萬三千 出去 後 可以 對 一二 三類 有 幫助 另外 陳時中 表示 也 會 保留 一萬 劑 給 交通部 對於 邊境 人員 大家 強調 邊境 有 相當 的 風險 且 要 防止 相關 可能 變種 病毒 入侵 因此 邊境 人員 的 保護 很 重要 所 以 一萬 劑 撥給 交通部 交給 機場 邊境 人員 施打 指揮中心 說明 莫德納 moderna covid-19 疫苗 已於 6月 9 日 起 陸續 提供 第一 類 醫 事 及 非醫 事 人員 接種 截至 昨 15 日 累計 接種 3萬7505 人 為 盡 速 提升 第二 類 及第 三類 對象 免疫 保護 力 將 於 6 月 18 日 起 進行 第二 次 配送 同時 開放 至 第 三類 對象 接種 本次 疫苗 配送 量 是 以 各縣市 符合 第一 類 至 第 三類 對象 中 尚未 接種 人數 接種 率 4 成核 估 同時 考量 疫情 風險 程度 高風險 縣 市 臺北市 新北 市 分配 數量 系 以 尚未 接種 人數 接種 率 達 5 成 以上 計算 總計 配送 63200 劑 指揮中心 表示 另 10000 劑 疫苗 提供 交通部 認定 之 第二 類 及第 三類 對象 所 需 疫苗 量 其中 分配 給 國籍 航空 機組員 5000 劑 含 長 榮 立 榮 華航 華信 臺灣 虎 航 星宇 及 飛 特立 等 7 家 公司 的 駕駛員 空服 員 與 隨機 維修 員 等 另外 5000 劑 分配 給 民航 航空 第一 線 人員 含 桃園 機場 及 相關 廠商 民航 局 航空站 航管 人員 飛機 維修 倉儲 地勤 及 空 廚 等 人員</t>
  </si>
  <si>
    <t>總統 蔡英文 23 日 施 打 高端疫苗 時 不經意 透露 8 月底 會 有 一 批 疫苗 運 抵 臺灣 衛福 部長 陳時中 昨天 證實 月底 一定 會 有 疫苗 來 台 資深 媒體 人 黃暐瀚 在 談話 性 節目 中 透露 8 月底 進來 的 疫苗 數字 非常 大 比 你 想像中 的 還要 大 可 滿足 現階段 尚未 施打 疫苗 的 6萬 教師 6萬 軍人 以及 7千 名 的 中華 郵政 員工 黃暐瀚 昨 24 日 於 關鍵時刻 中 表示 總統 蔡英文 週一 施打 高端時 在 等待 的 過程 中 曾向 旁人 說 8 月底 會 有 一 批 疫苗 進來 黃暐瀚 說 因為 不可能 是 國產 高端 所以 蔡英文 口中 的 疫苗 一定 是 國際 疫苗 可能 是 az 莫德納 甚至 會 是 輝瑞 bnt 黃暐瀚 指出 高端 開 打 2 天 已 出現 施打 後 死亡 案例 雖然 不能 說 與 打 高端 有 直接 關聯 但 實際上 的確 是 施打 後 猝 逝 大家 心裡 會 怕 若 已 預約 卻 還 沒 施 打者 在 有 疑慮 的 情況 下 可以 再 等一等 因為 8 月底 也 就 是 接下來的 一個 禮拜 會 突然 有 大量 的 國際 疫苗 來 黃暐瀚 接 著 說 這 批 疫苗 的 數字 非常 大 比 你 想像中 的 還要 大 可以 滿足 現階段 尚未 施打 的 6萬 教師 6萬 軍人 以及 7千 名 中華 郵政 員工 主持人 劉寶傑 追問 有 上 百萬 嗎 黃暐瀚 則 以 非常 接近 回應 但 實際 數量 還 得 由 中央流行疫情指揮中心 對外 宣佈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泰國 出現 全球 首例 接觸 遺體 後 染疫 死亡 的 案例 對 此 中央流行疫情指揮中心 專家 諮 詢 小組 召集人 張上淳 表示 剛過 世 的 人 身上 還 是 存在 病毒 的 之前 也 發現 病人 的 床單 衣服 等 都會 帶有 病毒 若 接觸 病毒 後 觸摸 到 口 鼻 也 有 可能</t>
  </si>
  <si>
    <t>泰國 出現 全球 首例 接觸 遺體 後 染疫 死亡 的 案例 對 此 中央流行疫情指揮中心 專家 諮 詢 小組 召集人 張上淳 表示 剛過 世 的 人 身上 還 是 存在 病毒 的 之前 也 發現 病人 的 床單 衣服 等 都會 帶有 病毒 若 接觸 病毒 後 觸摸 到 口 鼻 也 有 可能 傳播 病毒 雖然 幾 天 後會 死亡 但是 遺體 不 會 放 好幾 天 確實 是 存在 感染 的 可能 政府 訂 有 標準 作業 流程 醫護人員 接觸 包含 法醫 都需依 規定 採取 防護 措施</t>
  </si>
  <si>
    <t>中央流行疫情指揮中心 3 日 公佈 國內 新增 7 例 covid-19 確定 病例 均 為 境外移入 另 確診 個案 中 無 新 增 死亡 指揮中心 說明 今日 新增 7 例 境外移入 個案 為 3 例 男性 4 例 女性 年齡 介於 10 多 歲 至 60 多 歲 分別 自 美國 案 16532</t>
  </si>
  <si>
    <t>中央流行疫情指揮中心 3 日 公佈 國內 新增 7 例 covid-19 確定 病例 均 為 境外移入 另 確診 個案 中 無 新 增 死亡 指揮中心 說明 今日 新增 7 例 境外移入 個案 為 3 例 男性 4 例 女性 年齡 介於 10 多 歲 至 60 多 歲 分別 自 美國 案 16532 俄羅斯 案 16533 印尼 案 16534 馬來西亞 案 16535 泰國 案 16536 菲律賓 2 例 案 16537 案 16538 入境 入境 日 介 於今 2021 年 10 月 16 日 至 11 月 1 日 指揮中心 統計 截至 目前 國內 累計 4022866 例 新型 冠狀病毒 肺炎 相關 通報 含 4005367 例 排除 其中 16428 例 確診 分別 為 1785 境外移入 14589 例 本土 病例 36 例 敦睦 艦隊 3 例 航空器 感染 1 例 不 明及 14 例 調查 中 另 累計 110 例 移除 為 空號 2020 年 起 累計 847 例 covid-19 死亡 病例 其中 835 例 本土 個案 居住 縣 市 分布 為 新北 市 412 例 臺北市 320 例 基隆 市 29 例 桃園 市 27 例 彰 化 縣 15 例 新竹 縣 13 例 台中 市 5 例 苗栗縣 3 例 宜蘭 縣 及 花蓮縣 各 2 例 新竹 市 南 投 縣 雲 林縣 台 南市 高雄市 屏 東縣 及 台 東縣 各 1 例 另 12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新冠肺炎 臺灣 境外移入 指揮中心 中央流行疫情指揮中心</t>
  </si>
  <si>
    <t>行政院 拍板 編 列 600億 特別 條例 與 特別 預算 因應 新冠肺炎 的 衝擊 其中 經濟部 擬提 出 20億 元 抵 用 券 希望 刺激 經濟 文化部長 鄭麗君 也 在 13 日 的 行政院 院會 中 說明 藝 文 產業 受到 疫情 衝擊 的 狀況 並 提出 藝 文 產業 短期 紓困 及 中長期 振興 需求 建 請 行政院 也 將 藝 文 產業 納入 移 緩 濟急 及 後續 特別 預算 支應 專案 文化部 也 將 爭取 將 藝 文 消費 納入 抵 用 券 適用範圍 鄭麗君 表示 藝 文 產業 因 疫情 導致 藝 文 消費 減少 衝擊 包括 表演藝術 傳統 藝術 演出 取消 延期 及 退票 視覺藝術 及 工藝 產業 受 影響 以及 出版業 及 書店 損失 電影票房 及 影視製作 損失 流行音樂 展演 受 影響 國內外 展 會 延期 等 也 有 微型 及 小型 文 創業 因此 發生 周轉 及 營運 困難 鄭麗君 表示 文化部 希望 受 衝擊 的 藝 文 產業 能 納入 經濟部 中小企業 貸款 補貼 方案 提供 還款 展延 及 貸款 利息 補貼 此外 希望 能 由 文化部 針對 受 衝擊 的 藝 文 產業 訂 定 紓困 補助 作業 要點 對於 受 疫情 影響 發生 的 重大 損害 無法 負擔 的 損失 或是 因此 營運 困難 的 文化 藝術 事業 團體 及 個人 給予 特別 補助 鄭麗君 在 院會 表示 文化部 在 春節 期間 已 依據 中央流行疫情指揮中心 所 公佈 的 公眾 集會 因應 指引 訂 定 所屬 場館 的 防疫 注意事項 並 依 疫情 最新 狀況 滾 動 修正 注意事項 強化 相關 措施 目前 所屬 場館 皆 如常 開放 鄭麗君 表示 根據 2018 年 文創 產業 統計 臺灣 文創 產業 從業 人數 已 達 26萬 人 產值 成 長 到 近 8800億 元 為 避免 受 疫情 衝擊 減緩 成長 動能 在 短期 紓困 後 文化部 將 續 推 中長期 振興 措施 包括 加速 投融資 鼓勵 藝 文 消費 加速 國際化 佈局 等 希望 維持 成長 動能</t>
  </si>
  <si>
    <t>日本 捐贈 臺灣 的 az 疫苗 尚未 通過 who 緊急 使用 認證 通過 日本 日前 捐贈 臺灣 124萬 劑 az 疫苗 開 打 以來 目前 接種 累積 死亡 人數 229 人 而 根據 世界衛生組織 who 在 本月 16 日 最新 官網 列管 新冠 疫苗 緊急 使用 名單 更新 資料 顯示 這 批 來自 日本 廠 的 az 疫苗 直到 6 月 16 日 都 還 沒 完成 相關 查驗 列入 緊急 使用 名單 中央流行疫情指揮中心 發言人 莊人祥 證實 日本 送給 臺灣 的 這 批 az 疫苗 確實 還 未 獲得 世界衛生組織 的 緊急 使用 認證 但 有關 疫苗 的 使用 並非 必要條件 根據 who 2021 6 16 更新 的 status of covid-19 vaccines within who eul pq evaluation process who 列管 新冠 疫苗 緊急 使用 名單 更新 資料 顯示 az 日本 廠 疫苗 迄 2021 6 16 尚未 完成 相關 查驗 列入 緊急 使用 名單 其 授權 狀態 仍然 注 記 anticipated date once all information has been received 等到 所有 資料 到齊 再 確定 而 根據 該 表格 來自 韓國廠 的 az 疫苗 則 早 在 2021 年 2 月 15 日 就 已經 獲得 認證 通過 此外 該 表 中 也 記載 莫德納 疫苗 在 2021 年 4 月 30 日 已經 通過 授權 但 並 沒有 如 az 區分 韓國 廠 日本 廠 的 細部 資料 莊 人 祥 表示 有關 疫苗 的 使用 都 是 需要 經過 使用 國家 的 衛生 主管機關 核准 後 才能 供應 民眾 接種 是否 已經 列入 世界衛生組織 的 eul 緊急 使用 列表 並非 必要條件 莊 人 祥 指出 日本 捐贈 給 我們 的 疫苗 是 日本 厚生 勞動 省 已經 在 今年 五月 二十一 日 核准 了 az 的 eua 緊急 授權 使用 臺灣 則 是 在 六月 二 日 核准 az 於 日本 廠 的 疫苗 專案 並 核准 了 日本 的 az 疫苗 莊 人 祥 並 指出 az 公司 確實 是 直到 是 今年 六月 十五日 才 向 世衛 提交 日本 廠 的 az 疫苗 申請 陸續 提供 資料 給 世衛 審查 所以 目前 還 在 審查 中 但 並 不 影響 我國 使用 至於 目前 輸入 我國 的 莫德納 疫苗 莊人祥 表示 包含 西班牙 廠 美國 廠 也 都 是 經過 食 藥 署 審查 後 核准 專案 輸入 都有 經過 食 藥 署 審核 專案 輸入 使用 中華民國 防疫 學會 理事長 王任賢 表示 廠 別 其實 沒有 差異 原本 疫苗 程式 就 是 一個 個 廠 陸續 送 件 審 而 韓國廠 的 az 疫苗 早就 通過 韓國和 日本 廠 基本上 在 品質 控制 原料 組成 都 是 一樣 日本 只 是 還 沒過 而已 民眾 不必 擔心 仍 可 繼續 接種</t>
  </si>
  <si>
    <t>因應 新冠肺炎 環保 署 依據 中央流行疫情指揮中心 分工 針對 居家 隔離 居家 檢疫 者 及 防疫 旅館 隔離 及 檢疫 者 廢棄物 由 縣市政府 委 讬 乙級 清除 機構 收 運送 地方 設置 集中點 再 委 讬 至 甲級 清除 機構 轉運 送至 甲級 處理 機構 處理 已</t>
  </si>
  <si>
    <t>因應 新冠肺炎 環保 署 依據 中央流行疫情指揮中心 分工 針對 居家 隔離 居家 檢疫 者 及 防疫 旅館 隔離 及 檢疫 者 廢棄物 由 縣市政府 委 讬 乙級 清除 機構 收 運送 地方 設置 集中點 再 委 讬 至 甲級 清除 機構 轉運 送至 甲級 處理 機構 處理 已 徹底 與 清潔隊 收運 一般 家戶 垃圾 分流 一般 家戶 垃圾 並 無 傳染 新冠肺炎 問題 環保 署 呼籲 民眾 安心 並 呼籲 國民 排 出家 戶 垃圾 時 應 確實 佩戴 口罩 保持 安全 社交距離 並 避免 交談 以 確保 防疫 安全 為 執行 新冠肺炎 防疫 工作 特 簽訂 因應 嚴重 特殊 傳染性 肺炎 北 區及 南區 居家 隔離 及 居家 檢疫 者 廢棄物 清理 服務 開口 契約 委 讬 甲級 廢棄物 清除 機構 負責 執行 居家 隔離 居家 檢疫 者 及 集中 檢疫所 隔離 者 之 防疫 垃圾 收運 處理 工作 各 地方 環保局 則 委 讬 乙級 廢棄物 清除 機構 負責 清運 針對 居家 隔離 及 居家 檢疫 者 之 垃圾清運 依 地方 衛生 或 民政 單位 提供有 垃圾 清除 需求 名單 給 當地 環保局 後 環保局 即 依 上述 作業 流程 由 乙級 清除 機構 清運 至 集中點 再 由 甲級 清除 機構 清運 到 甲級 廢棄物 處理廠 對於 防疫 廢棄物 嚴謹 妥善 收集 清理 並 與 一般 家戶 垃圾 收運 作業 分流 環保 署 指出 由於 一般 家戶 垃圾 已 與 防疫 垃圾 分流 家戶 垃圾 並 無 傳染 新冠肺炎 問題 因此 並 無 停止 垃圾 分類 資源 回收 規劃 經查 世界 各國 及 各 大 城市 也 未有 因 防疫 停止 垃圾 分類 資源 回收 而 將 回收 物 併入 一般 垃圾處理 情事 故 請 國人 及 清潔 人員 無 需 擔心 環保 署 近期 也 已 特別 再 請 各 地方 環保局 於 辦理 一般 垃圾 回收 清除 及 處理 時 強化 清潔 人員 自我 防護 並 適度 增加 人員 與 清運 機具 之 消毒 頻率 以 降低 感染 風險 確保 防疫 安全</t>
  </si>
  <si>
    <t>臺北市 長 柯文哲 5 日 主持 防疫 會議 時 宣佈 新北 市民 施打新冠肺炎 疫苗 免費 3 小時 後 中央流行疫情指揮中心 緊急 宣佈 早已 編 列 40億 元 補助 醫療 院所 對此 新北 市長 侯友宜 今 6 日 表示 同仁 早 在 前 2 天 就 先 告訴 他 中央 有 編 列</t>
  </si>
  <si>
    <t>臺北市 長 柯文哲 5 日 主持 防疫 會議 時 宣佈 新北 市民 施打新冠肺炎 疫苗 免費 3 小時 後 中央流行疫情指揮中心 緊急 宣佈 早已 編 列 40億 元 補助 醫療 院所 對此 新北 市長 侯友宜 今 6 日 表示 同仁 早 在 前 2 天 就 先 告訴 他 中央 有 編 列 預算 要 做 疫苗 免費 施打 所以 事先 的 準備 工作 已 就緒 了 柯文哲 連日來 不斷 向 中央 喊話 只 有 打 疫苗 才能 終結 疫情 5 日 下午 霸氣 宣佈 未來 市民 打 新冠 疫苗 全部 免費 結果 立即 引來 中央流行疫情指揮中心 跟進 晚間 發佈 新聞稿 表示 已 編 列 40億 元 的 特別 預算 補助 接種 公費 疫苗 的 掛號費 藥 事 服務費 等</t>
  </si>
  <si>
    <t>新冠肺炎 疫苗 覆蓋率 陸續 提升 昨 中央流行疫情指揮中心 指揮官 陳時中 預告 待 單 劑 覆蓋率 7 成 第 2 劑 覆蓋率 6 成再 談 邊境 鬆綁 發言人 莊人祥 今 表示 開放 邊境 的 時間 點 還 沒到 至於 如何 讓 別人 進來 要 看看 從 哪個 國家 入境</t>
  </si>
  <si>
    <t>新冠肺炎 疫苗 覆蓋率 陸續 提升 昨 中央流行疫情指揮中心 指揮官 陳時中 預告 待 單 劑 覆蓋率 7 成 第 2 劑 覆蓋率 6 成再 談 邊境 鬆綁 發言人 莊人祥 今 表示 開放 邊境 的 時間 點 還 沒到 至於 如何 讓 別人 進來 要 看看 從 哪個 國家 入境 根據 各國 風險 做 計算 昨日 國民黨 立 委 葉毓蘭 質詢 時 提問 國內 疫苗 接種 覆蓋率 要到 多 高 才能 考慮 邊境 鬆綁 陳時中 答 目前 認為 要 第 1 劑 覆蓋率 達 7 成 第 2 劑 覆蓋率 達 6 成才 有 基本 保護 力 因 此 現在 談 邊境 鬆綁 都 還 太 早 莊 人 祥 今日 表示 開放 邊境 的 時間 點 還 沒到 至於 如何 讓 別人 進來 要 看看 從 哪個 國家 入境 根據 各國 風險 做 計算 會 尊重 專家 意見 至於 近期 有機 組員 傳出 因 執勤 派 飛 壓力 大 出現 血栓 突發性 耳聾 問題 是否 有 機會 調整 檢疫 天數 對此 莊人祥 說 會 和 航空 公司 民航 局 暸 機組員 的 需求 是否 能 放寬 還 需要 密切 溝通 聯繫針對 檢疫 期間 的 派 飛 他 表示 有 注意 到 機組員 的 需求 會 看看 是否 可以 有 多 幾 天 可以 再 和 民航 局 溝通</t>
  </si>
  <si>
    <t>中央流行疫情指揮中心 今天 公佈 新增 一 名 境外移入 個案 陳時中 表示 這 名 個案 為 沒 症狀 的 印尼 籍 移 工 案 551 個案 接觸 者 25 人 中央流行疫情指揮中心 今 28 日 公佈 國內 新增 1 例 境外移入 covid-19 病例 為 印尼 籍 10 多 歲 女性 移</t>
  </si>
  <si>
    <t>中央流行疫情指揮中心 今天 公佈 新增 一 名 境外移入 個案 陳時中 表示 這 名 個案 為 沒 症狀 的 印尼 籍 移 工 案 551 個案 接觸 者 25 人 中央流行疫情指揮中心 今 28 日 公佈 國內 新增 1 例 境外移入 covid-19 病例 為 印尼 籍 10 多 歲 女性 移 工 案 551 於今 2020 年 10 月 7 日 入境 臺灣 入境 迄今 均 無 症狀 指揮中心 表示 個案 入境 時無 症狀 且 檢 附 三 日內 檢驗 陰性 報告 入境 後 由 仲介 安排 入住 防疫 宿舍 進行 居家 檢疫 檢疫 期間 均 回報 無 症狀 個案 10 月 22 日 檢疫 期滿 後 由 仲介 安排 于原 防疫 宿舍 持續 進行 自主 健康 管理 並於 10 月 26 日 由 仲介 安排 至 醫院 自費 采 檢 於 今日 確診 目前 住院 隔離 中 指揮中心 指出 衛生 單位 已 初步 掌握 個案 接觸 者 共 25 人 包含 仲介 1 人 翻譯 1 人 宿舍 工作人員 1 人 接送 司機 3 人 及 醫院 接觸 者 9 人 因 接觸 期間 均 有 適當 防護 列 自主 健康 管理 另 10 人 為 一同 入境 之 印尼 籍 移 工 檢驗 結果 均 為 陰性 列 居家 隔離</t>
  </si>
  <si>
    <t>中央流行疫情指揮中心 專家 會議 召集人 張上淳 的 小兒 子 被 爆 說 身為 醫師 卻 仍 在 疫情 期間 執意 出國 看 nba 球賽 引發 基層 醫療 人員 不滿 也 遭到 輿論 撻 伐 網路 論壇 批 踢踢 上 就 有 網友 提出 不同 看法 討論 張上淳 兒子 根本 沒錯 吧</t>
  </si>
  <si>
    <t>中央流行疫情指揮中心 專家 會議 召集人 張上淳 的 小兒 子 被 爆 說 身為 醫師 卻 仍 在 疫情 期間 執意 出國 看 nba 球賽 引發 基層 醫療 人員 不滿 也 遭到 輿論 撻 伐 網路 論壇 批 踢踢 上 就 有 網友 提出 不同 看法 討論 張上淳 兒子 根本 沒錯 吧 po 文 引發 熱 議 原 po 在 批 踢踢 貼 文 指出 禁止 醫護 出國 這 點 大家 都 討論 過 了 沒有 法 源 依據 百分百 違憲 不用說 連有 沒有 防疫 效果 都 不 知道 他 出國 當時 美國 就 還 沒有 被 列到 危險 國 啊 所以 這時候 出國 哪裡 錯 有 網友 說 有人 說 這種 情況 為何 還要 出國 對此 原 po 反駁 說 政府 都說 可以 去 了 政府 認證 欸 真的 怕 為何 當時 不 把 美國 升 第 三級 原 po 認為 從 現在 來看 這些 留言 只是 馬後炮 而已 你 要 罵 個人 為何 要 出國 那 怎麼 不先 罵 政府 都 這種 情況 怎 沒 把 國家 列 第 三級 事實 就 是 他 出國 當時 政府 是 有 背書 他 要 去 的 國家是 可以 去 的 有人 說 可是 很多 醫護 都 賠錢 取消 出國 了 欸 對此 原 po 則 是 認為 是 阿 但 那幹 張上淳 兒子 屁事 阿? 所以 現在 是因為 忌妒 就是 了 貼 文一 出 網友 紛紛 回應 兒子 是 醫生 卻 照樣 出國 對 其他 醫護 不 公平 啦 一 堆 人 搞 錯 點 欸 自己 是 醫生 加上 爸爸 是 召集人 其他 醫護 當然 不 高興 社會 觀感 太 差 說真的 他 不是 醫生 我 覺得 還好 重點 是 他 是 醫生 啊 其他 醫護 情 何以 堪 他 不是 醫生 就 給 過 啦 但 身份 太 尷尬 了 還有 人 想到 之前 的 裡長 出國 事件 裡長 那 時候 怎麼 不 出來 說 呢 裡長 渡蜜月 的 垃圾 淳 兒 根本 沒錯 重點 是 雙標 吧 部長 請 國民 沒 必要 儘量 別 出國 是 為了 什麼</t>
  </si>
  <si>
    <t>國內 新冠 確診 近 1萬6000 人 含 境外移入 不少 人 併發 嚴重 後遺症 卻 有 一 名 確診 者 不 記得 老婆 是 誰 檢查 發現 他 連 大腦 都 遭到 病毒 攻擊 這 起 個案 今年 67 歲 今年 5 月 因 有 萬 華 茶室 活動 史 送往 集中 檢疫所 隔離 確診 後 緊急 送醫 救治 沒 想到 康復正 準備 出 院前 竟 出現 失 憶 症狀 不 記得 太太 是 誰 了 經 檢查 發現 他 的 大 腦血管 遭 新冠 病毒 入侵 近期 回診 還有 腳 水腫 研 判 全身 細胞 都 被 攻擊 根據 媒體 報導 收治 該 名 個案 的 醫師 指出 患者 原本 6 月底 要 出院 與 家屬 聯繫 時 對方 妻子 反映 老公 怪怪的 好像 忘記 我 院方 緊急 安排 電腦 斷層 磁 振 造影 檢查 發現 男子 多 處 腦 組織 發炎 腦血管 有 血栓 損傷 影響 記憶力 延到 7 月初 才出院 中央流行疫情指揮中心 醫療 應變 組 副 組長 羅一鈞 說 染疫 後 出現 腦血栓 是 罕見 案例 比較 常 遇到 的 是 肺部 血栓 腦血栓 在 國內 有 過 幾 例 之前 曾有 2 例 合併 死亡</t>
  </si>
  <si>
    <t>中央流行疫情指揮中心 今 3 日 表示 國內 無 新 增 病例 昨 2 日 新增 178 例 新型 冠狀病毒 肺炎 相關 通報 截至 目前 累計 通報 72683 例 含 71729 例 排除 其中 443 例 確診 分別 為 352 例 境外移入 55 例 本土 病例 及 36 例 敦睦 艦隊 確</t>
  </si>
  <si>
    <t>中央流行疫情指揮中心 今 3 日 表示 國內 無 新 增 病例 昨 2 日 新增 178 例 新型 冠狀病毒 肺炎 相關 通報 截至 目前 累計 通報 72683 例 含 71729 例 排除 其中 443 例 確診 分別 為 352 例 境外移入 55 例 本土 病例 及 36 例 敦睦 艦隊 確診 個案 中 7 人 死亡 428 人 解除 隔離 其 餘 持續 住院 隔離 中 指揮中心 指出 全球 累計 6358642 例 確診 分佈 於 187 個 國家 地區 病例 數 以 美國 1862045 例 巴西 527096 例 俄羅斯 423741 例 英國 277985 例 及 西班牙 239932 例 為 多 病例 中 378941 例 死亡 以 美國 107543 例 英國 39369 例 義 大利 33530 例 巴西 29937 例 及 法國 28940 例 為 多 指揮中心 再次 提醒 民眾 應 做好 手部 衛生 與 咳嗽 禮節 出門 若無 法 保持 社交距離 時 請 全程 佩戴 口罩 自 國外 入境 時 如有 發燒 咳嗽 等 不適 症狀 應 主動 通報 機場 及 港口 檢疫 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供 及時 診斷 通報</t>
  </si>
  <si>
    <t>中央流行疫情指揮中心 今 5 日 表示 清明連 假期 間 人潮 移動 頻繁 假期 結束 後 民眾 仍 務必 落實 個人 衛生 並 與 他人 保持 社交距離 避免 出入 人潮 擁擠 場所 若 無法 維持 社交距離 請 配戴 口罩 搭乘 大眾 運輸 時 請 全程 配戴 口罩 並 配</t>
  </si>
  <si>
    <t>中央流行疫情指揮中心 今 5 日 表示 清明連 假期 間 人潮 移動 頻繁 假期 結束 後 民眾 仍 務必 落實 個人 衛生 並 與 他人 保持 社交距離 避免 出入 人潮 擁擠 場所 若 無法 維持 社交距離 請 配戴 口罩 搭乘 大眾 運輸 時 請 全程 配戴 口罩 並 配合 體溫 測量 措施 若 身體 出現 不適 請戴 口罩 盡 速 就醫 並 告知 醫師 旅遊 史 職業 別 接觸 史及 是否 群 聚 tocc 以 及時 診斷 通報 指揮中心 表示 為 降低 社區 感染 與 傳播 風險 防止 未被發現 感染 源 潛 在 傳染 鏈 威脅 國內 防疫 安全 該 中心 除 已 訂 定 因應 武漢肺炎 疫情 之 公眾 集會 大型 營業 場所 等 指引 並 函 請 各縣 市政府 落實 轄內 旅館 餐廳 大型 營業 場所 及 觀光旅遊 景點 等 相關 防疫 措施 也 請 民眾 務必 配合 並 與 他人 保持 室內 15 公尺 以上 室外 1 公尺 以上 之 社交距離 或 正確 配戴 口罩 搭乘 大眾 運輸 時亦 請 全程 配戴 口罩 屢勸不聽 者 最高 可 處 1萬5千元 罰 鍰 指揮中心 提醒 縣市政府 未來 對於 人群 聚集 之 觀光旅遊 景點 應加 派 人力 進行 社交距離 宣導 對於 未 保持 社交距離 者 加強 勸導 保持 距離 或 配戴 口罩 並 提供 備用 口罩</t>
  </si>
  <si>
    <t>中央流行疫情指揮中心 今 31 日 表示 covid-19 公費 疫苗 預約 平臺 https 1922 gov tw 第 七 期 自 8 月 29 日 10 時 開放 之 az 疫苗 預約 接種 已於 今日 12 時 截止 總計 約 806萬 人 完成 預約 將 自 9 月 3 日 至 9 月 10 日 施 打 為 利 疫</t>
  </si>
  <si>
    <t>中央流行疫情指揮中心 今 31 日 表示 covid-19 公費 疫苗 預約 平臺 https 1922 gov tw 第 七 期 自 8 月 29 日 10 時 開放 之 az 疫苗 預約 接種 已於 今日 12 時 截止 總計 約 806萬 人 完成 預約 將 自 9 月 3 日 至 9 月 10 日 施 打 為 利 疫苗 資源 有效 利用 將 於 9 月 3 日 10 時至 9 月 4 日 18 時止 增加 開放 7 月 19 日前 已 意願 登記 選擇 az 疫苗 且 尚未 接種 過 疫苗 之 23 歲 至 28 歲 含 即 1998 年 12 月 31 日 含 以前 出生 民眾 將 會 陸續 收到 提醒 簡訊 籲請 民眾 記得 進行 預約 施打 時間 預定 於 9 月 9 日 至 9 月 10 日 並 視 疫苗 供應期 程 調整 接種 場次 籲請 民眾 屆時 準時 前往 接種 指揮中心 提醒 前次 8 月 29 日 10 時至 8 月 31 日 12 時止 已 宣佈 之 符合 預約 資格 物件 包含 7 月 19 日前 已 意願 登記 選擇 az 疫苗 且 尚未 接種 過 疫苗 之 29 歲 含 以上 對象 即 1992 年 12 月 31 日 含 以前 出生 及 滿 18 歲 以上 即 2003 年 9 月 3 日 含 前 出生 第 九 類 對象 依原 預約 期 程 已於 8 月 31 日 中午 12 時 停止 預約 及 修改 另 針對 bnt 疫苗 到貨 後 接種 對象 指揮中心 說明 目前 已 規劃 采 校園 集中 接種 或 依 通知書 至 地方 政府 衛生局 指定 合約 醫療 院所 方式 開放 12 歲 至 17 歲 含 對象 造冊 接種 其 餘 將 優先 提供 預約 平臺 意願 登記 且 尚未 接種 過 疫苗 之 18 至 22 歲 含 民眾 預約 接種 指揮中心 強調 防疫 是 政府 唯一 的 考量 疫苗 接種 開放 對象 會 視 疫情 趨勢 接種 狀況 及 疫苗 到貨 情形 等 綜合 評估 規劃 盡 速 讓 所有 國民 接種 疫苗 獲得 保護 力</t>
  </si>
  <si>
    <t>中央流行疫情指揮中心 今 30 日 公佈 國內 新增 24 例 境外移入 新冠肺炎 確診 創下 了 8 個 月 以來 新高 移入 國家 分別 為 印尼 20 例 案 653 案 655 至 668 案 672 至 676 美國 2 例 案 670671 英國 案 654 及 菲律賓 案 669 各 1 例 其中</t>
  </si>
  <si>
    <t>中央流行疫情指揮中心 今 30 日 公佈 國內 新增 24 例 境外移入 新冠肺炎 確診 創下 了 8 個 月 以來 新高 移入 國家 分別 為 印尼 20 例 案 653 案 655 至 668 案 672 至 676 美國 2 例 案 670671 英國 案 654 及 菲律賓 案 669 各 1 例 其中 案 654 為 女 留學生 在 英國 確診 後 急 返國 陳時中 表示 目前 已 請 法制 組 介入 瞭解 是否 有 違反 返國 規定 如有 違規 會 依法 開 罰 指揮中心 表示 今日 新增 之 20 例 印尼 境外移入 個案 均 為 印尼 籍 移 工 分別 為 17 女 3 男 年齡 介於 20 多 歲 至 40 多 歲 入境 日 介於 11 月 20 日 至 11 月 27 日 其中 案 674 於 11 月 29 日 出現 喉嚨 不適 症狀 其 餘 19 人 入境 迄今 均 無 症狀 因應 近期 印尼 境外移入 個案 遽 增 指揮中心 於 11 月 27 日 請 衛生 單位 針對 集中 檢疫 場所 之 印尼 籍 移 工 進行 全面 性采 檢 共計 采 檢 939 人 其中 916 人 陰性 23 人 陽性 3 人 已於 11 月 29 日 公佈 20 人 於 今日 確診 指揮中心 指出 案 654 為 本 國籍 20 多 歲 女性 去 2019 年 9 月 至 英國 就學 今年 11 月 7 日 起 陸續 出現 流 鼻 水 發燒 及 嗅 味覺 異常 等 症狀 未 在 英國 當地 就醫 11 月 11 日 於 當地 采 檢 並於 11 月 13 日 確診 個案 11 月 27 日 返國 入境 時 主動 通報 曾有 症狀 於 機場 采 檢 並於 今日 確診 同 班機 接觸 者 調查 中 指揮中心 表示 案 669 為 本 國籍 30 多 歲 男性 是 通緝犯 2015 年 6 月 自 臺灣 出境 今年 11 月 16 日 於 菲律賓 當地 出現 咳嗽 頭痛 等 症狀 僅 自行 服藥 未 就醫 因 通緝 到案 於 11 月 27 日 自 菲律賓 遣送 返台 入境 時於 機場 采 檢 結果 為 陰性 11 月 28 日 進行 二 采 於 今日 確診 已 匡列 個案 接觸 者 共 27 人 其中 11 人 為 同 班機 前後 二 排座位 旅客 列 居家 隔離 16 人 為 入境 後 及 就醫 接觸 者 其中 1 人 因 未 著 防護 裝備 列 居家 隔離 其 餘 15 人 有 適當 防護 列 自主 健康 管理 指揮中心 指出 案 670 為 本 國籍 30 多 歲 男性 去年 8 月 至 美國 就學 今年 11 月 22 日 返國 入境 後 進行 居家 檢疫 11 月 24 日 起 陸續 出現 咳嗽 流 鼻 水 及 嗅 味覺 異常 症狀 11 月 27 日 通報 衛生 單位 安排 就醫 采 檢 於 今日 確診 同 班機 接觸 者 調查 中 指揮中心 表示 案 671 為 本 國籍 50 多 歲 男性 長期 居住 美國 前次 自 臺灣 出境 日期 為 今年 7 月 11 月 20 日 返國 入境 後 進行 居家 檢疫 11 月 26 日 起 陸續 出現 喉嚨 痛 咳嗽 及 流 鼻 水 症狀 11 月 27 日 通報 衛生 單位 安排 就醫 采 檢 於 今日 確診 因 個案 發病 前 2 日 已 在 居家 檢疫 期間 未 與 他人 接觸 故 無須 匡列 接觸 者 指揮中心 統計 截至 目前 國內 累計 110332 例 新型 冠狀病毒 肺炎 相關 通報 含 108689 例 排除 其中 675 例 確診 分別 為 583 例 境外移入 55 例 本土 病例 36 例 敦睦 艦隊 及 1 例 不明 另 1 例 案 530 移除 為 空號 確診 個案 中 7 人 死亡 565 人 解除 隔離 103 人 住院 隔離 中</t>
  </si>
  <si>
    <t>台中 市 25 到 40 歲 是 被 政府 放棄 的 一 群 台中 市 議會 國民黨 超黨派 及 無黨 等 日前 提案 要求 市府 編 列 預算 採購 疫苗 讓 73 年 次 以後 的 年輕人 可以 施打 疫苗 今天 於市 議會 獲得 三讀通過 但 衛生局長 曾 梓 展 指出 雖然 議會 通過 但 現階段 窒礙難行 市府 將 行文 向 議會 解釋 說明 台中 市 議會 國民 黨團 超 黨及 無黨 等 共有 38 席 議員 連署 要求 台中市政府 編 列 預算 採購 疫苗 主要 是 針對 尚未 施打 疫苗 的 年輕人 讓 他們 長年 在外 打 拼 及 工作 免於 受到 新冠肺炎 病毒 威脅 的 風險 增加 保護 力讓 他們 無後 之 憂 因為 他們 都 上有 老 下有小 台中 市議員 李麗華 等 38 人 日前 提案 建 請 台中市政府 為 台中 市民 自 購 疫苗 市議員 說 目前 全國 疫苗 仍 處於 不足 狀態 連 第一 劑 尚無 著 落 讓 所有 市民 天天 活 在 恐懼 害怕 生活 中 台中 市 議會 超過 半數 議員 聯合 提案 建 請 市府 為 台中 市民 自 購 疫苗 呼籲 購 足 國際 認證 的 疫苗 符合 市民 的 期待 保障 台中 市民 生命安全 今天 於市 議 中會 獲得 大會 照 案 通過 市長 盧秀燕 表示 針對 自 購 疫苗 計 畫 市府 有 兩 大 考量 第一 現在 國際 疫苗 供給量 難以 追蹤 要買 得 到 買不到 也 沒用 第二 中央流行疫情指揮中心 指揮官 陳時 中曾 宣佈 地方 政府 自 購 疫苗 進到 臺灣 仍然 由 中央 統一分配 市民 是否 支持 市府 自 購 疫苗 交 由 中央 分配 出去 各地 也 是 市府 考量 的 因素 之一 須先 確定 市府 自 購 疫苗 是否 能用 在 市民 身上 還是 市府 編 列上 億 預算 結果 全數 疫苗 交 由 中央 統籌 分配 衛生局長 曾 梓 展 強調 依 現階段 法令 由 市府 自 購 疫苗 仍 窒礙難行 市府 將 函文 向 議會 說明</t>
  </si>
  <si>
    <t>被 寄予厚望 的 新冠肺炎 新藥 瑞德西韋 傳 試驗 不 理想 中央流行疫情指揮中心 專家 諮 詢 小組 召集人 張上淳 表示 其 為 中國 初期 試驗 試驗 已 提早 結束 資料 是否 完 還要 再 檢 視 現在 原廠 有 多國 多 中心 更 大 規模 的 臨床 試驗</t>
  </si>
  <si>
    <t>被 寄予厚望 的 新冠肺炎 新藥 瑞德西韋 傳 試驗 不 理想 中央流行疫情指揮中心 專家 諮 詢 小組 召集人 張上淳 表示 其 為 中國 初期 試驗 試驗 已 提早 結束 資料 是否 完 還要 再 檢 視 現在 原廠 有 多國 多 中心 更 大 規模 的 臨床 試驗 包括 了 中度 及 嚴重 感染 患者 臺灣 部分 持續 進行 中 個案 數 雖不 多 但 仍 是 少數 個案 雖 之前 有 表示 有效 但 不能 據此 下結論 對於 who 意外 流出 大陸 的 試驗 資料 中央流行疫情指揮中心 指揮官 陳時中 表示 參與 臨床 藥物 的 試驗 各國 都 有 保密 義務 其中 還 牽扯 到 商業 機密 至於 who 為何 公佈 陳時中 認為 這 做法 有點 瞎子摸象 的 狀況 除非 是 會 造成 傷害 的 訊息 才會 提早 宣佈</t>
  </si>
  <si>
    <t>中央流行疫情指揮中心 今 公佈 國內 新增 299 例 新冠肺炎 確定 病例 分別 為 297 例 本土 個案 及 2 例 境外移入 個案 另 有 校正 回歸 本土 個案 258 例 總計 557 例 確診 個案 中 新增 19 例 死亡 創下 單日 新 高 指揮官 陳時中 說 今 新增 的 297 例</t>
  </si>
  <si>
    <t>中央流行疫情指揮中心 今 公佈 國內 新增 299 例 新冠肺炎 確定 病例 分別 為 297 例 本土 個案 及 2 例 境外移入 個案 另 有 校正 回歸 本土 個案 258 例 總計 557 例 確診 個案 中 新增 19 例 死亡 創下 單日 新 高 指揮官 陳時中 說 今 新增 的 297 例 本土 病例 為 157 例 男性 140 例 女性 年齡 介於 未 滿 5 歲 至 90 多 歲 發病 日 介於 今年 4 月 29 日 至 5 月 27 日 個案 分佈 以 新北 市 136 例 最 多 其次 為 臺北市 94 例 校正 回歸 258 例 其中 133 例 男性 125 例 女性 陳時中 坦承 疫情 狀況 不太好 因 校正 回歸 後 近期 的 確診 數 並 沒有 往 下 的 趨勢 他 憂心 社區 內 還 有 潛藏 病例 若 繼續 留在 裡面 就 有 可能 再 造成 傳染 呼籲 熱區 篩檢 的 速度 要 加快 陳時中 說 盡 速 把 這些 人 找 出來 是 目前 很 重要 的 工作 本土 疫情 沒有 突然 上升 看得出來 三級 警戒 和 社區 防疫 有 一定 效果 後續 要 看 哪個 效果 較 好 外界 關心 疫情 警戒 是否 有 升級 可能 陳時中 說 社區 管理 強度 是 夠 的 問題 是 執行 力 需要 民眾 把 執行 做好 這個 最 重要 陳時中 說 5 月 28 日 以後 本土 疫情 已 過 了 2 周 指揮中心 預計 下週一 整理 這 2 周 的 趨勢 待 資料 收集 完全 後 再 和 大家 報告 綜合 上述 個案 其中 萬 華 活動 史 相關 有 110 例 茶藝 館 相關 9 例 某 社團 相關 1 例 其他 已 知 感染 源 181 例 關聯 不 明 143 例 疫 調 中 111 例 相關 疫情 調查 持續 進行 中 另外 今日 也 新增 19 例 死亡 個案 創下 單日 新高 男性 14 位 女性 5 位 年齡 介於 40 多 歲 至 80 多 歲 發病 日 介於 5 月 10 日 至 5 月 24 日 確診 日 介於 5 月 17 日 至 5 月 28 日 死亡 日期 介於 5 月 21 日 至 5 月 27 日</t>
  </si>
  <si>
    <t>中央流行疫情指揮中心 每週五 會 公佈 境外移入 個案 基因 定 序 結果 據 指出 本 周 共 定序 出 2 例 包括 1623916242 例 2 例 均 為 delta 變異 株 分別 來自 菲律賓 及 宏都拉斯 其中 16242 例 分別 在 4 月 及 6 月 接種 過 2 劑 az 疫苗 符合 突破性</t>
  </si>
  <si>
    <t>中央流行疫情指揮中心 每週五 會 公佈 境外移入 個案 基因 定 序 結果 據 指出 本 周 共 定序 出 2 例 包括 1623916242 例 2 例 均 為 delta 變異 株 分別 來自 菲律賓 及 宏都拉斯 其中 16242 例 分別 在 4 月 及 6 月 接種 過 2 劑 az 疫苗 符合 突破性 感染 中央流行疫情指揮中心 醫療 應變 組 副 組長 羅一鈞 說 目前 國內 有 151 例 delta 確診 包括 43 例 本土 108 例 境外移入 其中 境外移入 又 是 突破性 感染 有 76 例 占 7 月 至 9 月 境外移入 359 人 確診 個案 中達 21 羅 一 鈞 提及 今天 境外移入 的 7 位 中 有 3 位 接種 過 疫苗 但 均 未 達 14 天 因此 未 符合 突破性 感染 定義</t>
  </si>
  <si>
    <t>敦睦 艦隊 爆發 新冠肺炎 群 聚 感染 目前 累計 24 人 確診 海軍 緊急 召回 7百 多 人 為 何放 人 下船 趴 趴 走 是否 隱匿 病情 明明 已 知 疫情 蔓延 為何 還要 出航 引 法 諸多 猜疑 隨 著 事件 發展 相關 時程 也 一一 曝光 敦睦 艦隊 官兵 爆發 群 聚 感染 軍方 多次 強調 無 隱匿 疫情 不過 國防部 軍政 副 部長 張哲平 接受 質詢 時 竟 表示 航行 過程 中 確有 5 人 發燒 先前 軍方 稱 離開 帛 琉 後 在 海上 航行 約 30 天 4 月 9 日 停靠 左營港 進行 6 天 隔離 15 日 才 解除管制 開放 人員 離 艦 但 昨 又 改口說 14 日 完成 檢疫 後 非 輪值 人員 已 先行 休假 下船 17 日 因 疫情 需要 才 緊急 召回 所有 官兵 另外 也 傳出 航行 過程 中 已 有 人員 出現 不適 症狀 據 國防部 消息 指出 目前 已 知 有 70 人 就診 71 次 其中 5 人 有 發燒 症狀 20 日 深夜 國防部 再次 聲明 澄清 已 確認 就診 人數 148 人 226 人次 有 上呼吸道 症狀 頭痛 腸胃 不適 等 就診 紀錄 疫情 中心 也 公佈 5 位 發燒 官兵 采 檢 結果 其中 3 人 身上 有 抗體 可能 曾 感染 新冠肺炎 中央流行疫情指揮中心 專家 小組 召集人 張上淳 指出 根據 5 人 就醫 紀錄 發燒 時間 點 應落 在 3 月 21 日 3 月 26 日 但 沒 辦法 確定 是 不是 在 上 船 前 就 感染 感染 源 待 厘 清</t>
  </si>
  <si>
    <t>中央流行疫情指揮中心 今天 公佈 5 例 境外 感染 其中 1 例 又 是 國籍 航空 副 機師 她 已經 完成 接種 2 劑 莫德納 疫苗 5 天 居家 檢疫 期間 住 在 諾 富特 飯店 接 著 返家 進行 9 天 加強版 自主 健康 管理 並 在 最後 一 天 采 檢 確診 由於 加強版</t>
  </si>
  <si>
    <t>中央流行疫情指揮中心 今天 公佈 5 例 境外 感染 其中 1 例 又 是 國籍 航空 副 機師 她 已經 完成 接種 2 劑 莫德納 疫苗 5 天 居家 檢疫 期間 住 在 諾 富特 飯店 接 著 返家 進行 9 天 加強版 自主 健康 管理 並 在 最後 一 天 采 檢 確診 由於 加強版 自主 健康 管理 並未 禁止 與 家人 接觸 外界 質疑 機組員 5 9 是否 有 檢討 空間 不過 指揮中心 發言人 莊人祥 表示 目前 沒看 出 任何 的 問題 在 當中 指揮中心 今天 公佈 的 一 名 國籍 航空 副 機師 個案 10 月初 采 檢 陰性 結束 5 天 檢疫 後 于 加強版 自主 健康 管理 期間 確診 一 采 ct 值 33二 采 又 變為 22 指揮中心 發言人 莊人祥 表示 根據 這 名 機組員 的 抗體 可以 發現 是 剛 發病 而 她 在 八月 初 已經 完整 接種 完 兩劑 莫德納 疫苗 是 國內 第 四 例 突破性 感染 機師 個案 前 三 例 都 是 接種 az 疫苗 莊 人 祥 目前 該 副 機師 同 住家 屬 4 人 都 在 居家 隔離 中 目前 采 檢 為 陰性 職 場 部分 也 匡列 2 名 接 處 者 采 檢 也 是 陰性 其他 職 場 接觸 者 持續 在 匡列 其 兩 名 子女 的 學校 目前 是 自主性 預防 停課 一 天 後續 接觸 與 處理方式 還 在 討論 媒體 今天 質疑 是否 5 9 有 檢討 空間 莊人祥 表示 目前 對於 機師 管理 只要 是 接種 完整 2 劑 疫苗 長 程 飛 航 就 是 五 天 居家 檢疫 九天 加強版 自主 健康 管理 第 5 第 9 第 14 天 都會 進行 pcr 采 檢 這個 個案 剛 發病 的 時候 剛好 在 第 九天 采 檢 出來 表示 目前 政策 還 算是 有效 的 監測 莊 人 祥 說 機師 因為 要 飛 航 國外 航線 本身 就是 具有 風險 像 這樣 的 部分 民眾 也 需要 理解 工作 上 需要 跨 國際 航線 來 工作 他們 也 犧牲 自己 的 生活 很多 希望 不用 用 負面 來 看待 莊 人 祥 也 表示 這 名 個案 居家 檢疫 期間 是 住 在 華航諾 富特 飯店 至於 加強版 自主 健康 管理 並 沒 禁止 和 家人 接觸 看 她 很 遵守 加強版 自主 健康 管理 的 規則 所以 目前 沒有 看 出有 任何 的 問題 在 當中 至於 是否 讓 機組員 接種 第 三 劑 疫苗 莊人祥 表示 目前 國籍 航空 機組員 都 已經 完整 接種 僅 剩下 少部分 的 人 無法 接種 是否 打 第 三 劑 目前 國際 上 針對 第二 第 三 劑 至少 要 間隔 六 個 月 若 縮短 可能 反而 降低 免疫力 生成 後續 要 看 檔 與 各國 實施 狀況 來 決定</t>
  </si>
  <si>
    <t>新冠 疫情 肆虐 全球 東京 疫情 也 持續 嚴峻 近 7 天 的 每日 新增 確診 數 平均 3千 多 例 尤其 最近 在 東奧 選手村 又 爆發 希臘 水上芭蕾 隊 5 人 確診 媒體 指出 東京 確診 3千 人中 有 近 3 成 確診 者 為 20 多 歲 年輕人 對此 中央流行疫情指揮中心 專家 諮 詢 小組 召集人 張上淳 認為 這 和 疫苗 覆蓋率 有關 今 指揮中心 記者會 上 有 媒體 詢問 東京 確診 3千 多 人 其中 有 3 成都 是 年 約 20 歲 左右 的 年輕人 以 輕 症 居多 張上淳 認為 有關 這 波 大 流行 現在 都以 delta 印度 變異 株 為主 它 的 傳播 力 較 強 這 大家 都清楚 至於 怎麼 傳播 的 背後 包含 很多 因素 張上淳 指出 包括 當地 活動 各 年齡層 族群 有 沒有 特殊 活動 有 沒有 聚集 機會 都 是 重要 因素 當然 年輕人 確診 或許 跟 當地 也 是從 年紀 較 大 的 族群 開始 施打 疫苗 有關 當 年輕人 施打 疫苗 比例 疫苗 覆蓋率 偏 低 就 容易 造成 感染 張上淳 表示要 厘 清 感染 原因 還 是 得 看 更 詳細 的 資料 比較清楚 若 從 表面 上 推測 不外乎 就 以 上 幾 個 因素 造成 年輕人 在 這 波 大 流行 中 確診 數 占 比 偏 高</t>
  </si>
  <si>
    <t>我國 球類 陪練員 昨 確診 新冠肺炎 成為 國內 體壇 染疫 首例 但 中央流行疫情指揮中心 體育 署 都 不 願意 透露 患者 的 運動 項目 社區 防疫 組 副 組長 莊人祥 表示 這 位 患者 目前 狀況 穩定 屬於 輕 症 這 名 國家隊 陪練員 在 2 月 16 日 到 24</t>
  </si>
  <si>
    <t>我國 球類 陪練員 昨 確診 新冠肺炎 成為 國內 體壇 染疫 首例 但 中央流行疫情指揮中心 體育 署 都 不 願意 透露 患者 的 運動 項目 社區 防疫 組 副 組長 莊人祥 表示 這 位 患者 目前 狀況 穩定 屬於 輕 症 這 名 國家隊 陪練員 在 2 月 16 日 到 24 日 前往 西班牙 隨後 2 月 25 日 到 3 月 7 日 轉 往 德國 3 月 8 日 到 15 日 換去 英國 隨隊 比賽 3 月 16 到 17 日 到 法國 轉機 17 日 返台 過後 跟 著 國家隊 接受 體育 署 安排 前往 北部 防疫 基地 卻 在 18 日 因為 頭痛 鼻 塞 與 眼睛 痛 就醫 目前 這 位 患者 狀況 穩定 屬於 輕 症</t>
  </si>
  <si>
    <t>中央流行疫情指揮中心 日前 宣佈 將 開始 針對 12 歲 至 18 歲 的 青少年 施打 疫苗 而 學生 如 接種 疫苗 可有 3 天 的 疫苗 假 必要 時 得 延長 勞動部 表示 如 在 疫苗 假期 間 家長 有 照顧 學生 需求 其中 1 人 可以 申請 防疫 照顧 假 但 不 強迫</t>
  </si>
  <si>
    <t>中央流行疫情指揮中心 日前 宣佈 將 開始 針對 12 歲 至 18 歲 的 青少年 施打 疫苗 而 學生 如 接種 疫苗 可有 3 天 的 疫苗 假 必要 時 得 延長 勞動部 表示 如 在 疫苗 假期 間 家長 有 照顧 學生 需求 其中 1 人 可以 申請 防疫 照顧 假 但 不 強迫 雇主 給 薪 為 因 新冠肺炎 疫情 降低 感染 風險 並 讓 整體 防疫 更加 完善 衛生 福利 部 及 教育部 規劃 共同 為 年滿 12 歲 至 未 滿 18 歲 的 青少年 進行 疫苗 接種 服務 依 教育部 通函 指出 此次 接種 疫苗 對象 為 全國 國 中 高中 五專 前 三 年 及 110 年 9 月 1 日前 滿 12 歲 國 小學生 包含 特教 學校 實驗 教育 矯正 學校 及 少年觀 護 所 境外 台 校 外僑 學校 中正 預 校 大學 附設 七 年 一貫 學制 針對 接種 疫苗 的 青少年 自 接種 當日 起 算 3 日 如 發生 不良反應 可以 申請 疫苗 假 勞動部 條件 司 司長 黃維琛 表示 在 疫苗 假期 間 家長 如有 親自 照顧 學生 需求 其中 一 人 得 申請 防疫 照顧 假 而 疫苗 假 必要 時 可以 延長 防疫 照顧 假 也 可以 跟 著 延長 勞動部 提醒 受 雇 家長 其中 1 人 得 請 防疫 照顧 假 雇主 應予 准假 且 不得 視為 曠工 強迫 勞工 以 事假 或 其他 假 別處 理 亦不得 扣發 全勤獎金 解雇 或 予 不利 之 處分 家長 除 得 請 防疫 照顧 假 外 也 可以 選擇 請 家庭 照顧 假 特別 休假 或 事假 以為 運用 雇主 尚不 得 要求 先 請 畢 家庭 照顧 假 或 其他 假 別 始得 請 防疫 照顧 假</t>
  </si>
  <si>
    <t>臺灣 新冠肺炎 疫情 本土 確診 數 最近 不斷 增加 今 22 日 指揮官 陳時中 宣佈 新 增 321 例 本土 病例 校正 回歸 400 例 從 5 月 16 日 到 21 日 病例 數 皆 有 調整 其中 校正 回歸 四 字 引來 網友 討論 前 主 播 蕭彤 雯 稍 早 發文 用 記帳 的 例子 解釋 此事 希望 淺顯易懂 讓 粉絲 瞭解 今 中央流行疫情指揮中心 指揮官 陳時中 照 往常 在 下午 2 時 舉行 記者會 公佈 每天 本土 及 境外移入 的 確診 案例 稍 早 傳出 今日 確診 數 可能 會 增加 不少 陳時中 說 今 本土 確診 案例 為 321 例 境外移入 2 例 其 餘 有 400 例 本土 個案 校正 回歸 到 先前 每日 個案 數 從 校正 回歸 後 的 病例 數 看來 從 5 月 16 日 起 本土 案例 為 為 245 例 5 16 406 例 5 17 325 例 5 18 359 例 5 19 360 例 5 20 349 例 5 21 今 則 為 321 例 高峰 落 在 5 月 17 日 而 陳時中 也 解釋 這400 例 是 先前 采 檢 完 但 還 沒 檢驗 的 個體 今 清理 完畢 需 分配 回到 原本 的 采 檢 日 才能 研 判 疫情 趨勢 對此 蕭彤雯 發文 解釋 校正 回歸 跟 我 一樣 沒學 過 會計 的 人 或 聽不懂 一大 堆 術語 的 人 我 來 推 一個 彤 粉 給 的 通俗 解釋 每天 都 記帳 但是 今天 才 發現 皮包 裡 有 一 張 上星期 三 的 發票 沒記 到 帳 這 張 發票 該 算 在 上星期 三 的 還是 今天 的 帳 呢 差不多 就 是 這樣 的 概念 好 淺顯易懂 啊 並 補充 底下 有人 說 也 可以 解釋 成 5 18 刷 卡 5 22 入 帳 的 概念 然而 蕭彤雯 發文 不久 後 刪 文 稍 早 她 解釋 刪 文 主因 生氣 說 這 社會 最 可怕 的 不是 政治 淩駕 一切 而是 民眾 自己 爭先恐後 的 讓 政治 淩駕 一切 她 只是 想用 比喻 讓 她 大家 方便 理解 但 更 多 人 跑 出來 罵 這些 問 問題 的 人 我 對 這 點 真的 感到 莫名其妙 這些 人 是 要 表示 你們 很 厲害 嗎 到底 是 在 凶 什麼 看不懂 的 人 是 有 犯法 嗎 最後 無奈 說 不 想 看到 那些 自 以為 了不起 的 留言 只好 刪 文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台南 市 新增 1 例 疑 似 疫苗 不良反應 的 死亡 案例 台南 麻豆 區 一 名 89 歲 老翁 16 日 上午 返回 戶籍地 大內 衛生所 接種 az 疫苗 隨後 回 麻豆 區 住所 當晚 出現 食欲不振 身體 不適 深夜 送醫 急診 19 日 不治 醫院 診斷 為 慢性 阻塞性 肺部 疾病 及 心 肺 衰竭 台南 市 衛生局 獲 報 今天 通報 中央 研 判 是否 與 疫苗 有關 也 會 協助 申請 預防接種 受害 就 濟 台 南市 目前 累計 3 起疑 似 接種 疫苗 後 死亡 的 案例 首例 是 中西區 90 歲 老翁 無 慢性 病史 15 日 施 打 疫苗 後 16 日 猝死 家中 第 2 例 是 安 南區 護理 之家 的 86 歲 老婦 有 阿茲海默 心 衰竭 c 型 肝炎 等 多重 慢性 疾病 15 日 接種 疫苗 17 日 因 心跳 加速 送醫急救 宣告 不治 麻豆 區 89 老翁 為 第 3 例 但 衛生局 也 強調 目前 中央流行疫情指揮中心 根據 各縣市 回報 不良反應 並 沒有 因 疫苗 引起 的 直接 反應</t>
  </si>
  <si>
    <t>前 衛生 署長 楊志良 日前 參與 聯 亞 疫苗 的 二期 臨床 試驗 但 他 昨天 自 爆 6 月 7 日 抽血 檢測 體內 抗體 ana 僅 有 40 且為 陰性 質疑 國產 疫苗 效力 然而 醫師 林靜儀 在 臉書 指出 ana 是 抗 核 抗體 是 風濕 免疫 相關 疾病 的 其中 一個 血清 指標 covid-19 疫苗 誘發 的 則 是 中和 抗體 媒體 問到 楊 志 良 的 說法 是否 會 誤導 民眾 去 驗 ana 而 造成 醫護人員 困擾 中央流行疫情指揮中心 指揮官 陳時中 表示 楊前 署長 應該 要 和 醫師 請教 一般來說 如果 不 懂 就 要 和 專業人士 請教 對 資訊 的 瞭解 也 會 更 透徹</t>
  </si>
  <si>
    <t>衛福部 開放 新冠肺炎 家用 型 檢測 試劑 興 櫃 股 萊 鎂 醫 6633 達亞 國際 6762 搶 搭 利多 宣佈 引進 新冠肺炎 檢測 套 組 激勵 萊 鎂 醫 股價 15 日 開盤 10 分鐘 漲 到 熔斷 沖 上 2105 元 達亞 一 開盤 也 隨即 漲 停 鎖死 國內 疫情 嚴峻 中央流行疫情指揮中心 宣佈 開放 新冠肺炎 家用 型 檢測 試劑 2 檔 興 櫃 生 技 股 萊 鎂 醫 達亞 國際 喜迎 利多 萊 美 醫 宣佈 引進 萊 析 樂新冠 病毒 核酸 檢測 套 組 lucira check it covid-19 test kit 達亞 則 引進 盧西拉 確 可 易 lucira health 新冠肺炎 家用 型 核酸 檢測 套 組 而 兩 家 公司 均 證實 只 要 三 步驟 就 能 於 30 分鐘 得知 篩檢 結果 激勵 兩 檔 興 櫃 股 股價 表現 勇猛 萊 鎂 醫 15 日 受惠 利多 激勵 開盤 10 分鐘 股價 狂 飆 7454 觸動 熔斷 機制 股價 沖 上 2105 元 較 11 日均 價 1206 元 大 漲 899 元 此外 去年 年底 上櫃 的 專業 醫 材廠 達亞 股價 亦 於早盤 跳 空 漲 停 鎖死 攻 上漲 停 價 333 元 創 兩 個 月 來 新高 價位</t>
  </si>
  <si>
    <t>世界衛生組織 who 26 日 會議 後 宣佈 將 近期 在 南非 傳播 的 新 變異 株 b 11529 命名 為 omicron 且 列為 高 關注 變異 株 voc 德國 bionntech 公司 表示 正 著 手 研究 現有 疫苗 對 omicron 的 防護力 2 周內 將 有 結果 若 有 必要 可 在 6 周 內 調整 疫苗 調整 後 100 天內 開始 交貨 對此 中央流行疫情指揮中心 指揮官 陳時中 說 若 該 疫苗 有效 會 繼續 爭取 進口 外電報導 指出 biontech 表示 已 立即 在 實驗室 進行 調查 測試 原有 疫苗 對 omicron 的 防護力 預計 2 周內會 有 結果 bnt 幾 個 月 前 就 已 與 合作夥伴 美國 輝瑞 pfizer 藥廠 做 準備 若 實驗 結果顯示 新病毒株 是 逃逸 變異 株 並 在 全世界 散播 導致 疫苗 有 必要 調整 預計 6 周內 可 完成 調整 過 的 疫苗 在 100 天內 就 可以 開始 交貨 對於 bionntech 可能 調整 疫苗 陳時中 表示 大家 知道 不管 是 疫苗 或藥物 eua 都 很 嚴格 外電報導 的 100 天 可能 是 在 實驗室 裡面 發展 出 相 對抗 的 疫苗 但是 距離 生產 和 eua 還 有 一點 時間 當然 若 有效 的 話 會 繼續 爭取 至於 美國 藥廠 默克 merck co 26 日 公佈 最新 口服藥 分析 發現 對抗 重症 死亡 的 保護 力 剩 3 成 低於 10 月 公佈 期中 報告 的 5 成 外界 也 關注 是否 影響 採購 計 畫 對此 陳時中 僅 回應 我們 已經 簽約 了</t>
  </si>
  <si>
    <t>中央流行疫情指揮中心 今 27 日 表示 國內 今日 無 新 增 病例 昨 26 日 新增 310 例 新型 冠狀病毒 肺炎 相關 通報 截至 目前 累計 通報 71405 例 含 70330 例 排除 其中 441 例 確診 分別 為 350 例 境外移入 55 例 本土 病例 及 36 例 敦睦艦</t>
  </si>
  <si>
    <t>中央流行疫情指揮中心 今 27 日 表示 國內 今日 無 新 增 病例 昨 26 日 新增 310 例 新型 冠狀病毒 肺炎 相關 通報 截至 目前 累計 通報 71405 例 含 70330 例 排除 其中 441 例 確診 分別 為 350 例 境外移入 55 例 本土 病例 及 36 例 敦睦 艦隊 確診 個案 中 7 人 死亡 419 人 解除 隔離 其 餘 持續 住院 隔離 中 指揮中心 指出 全球 累計 5612601 例 確診 分佈 於 187 個 國家 地區 病例 數 以 美國 1708378 例 巴西 374898 例 俄羅斯 362342 例 英國 265227 例 及 西班牙 236259 例 為 多 病例 中 349060 例 死亡 以 美國 100116 例 英國 37048 例 義 大利 32955 例 法國 28531 例 及 西班牙 27117 例 為 多 指揮中心 再次 提醒 民眾 應 做好 手部 衛生 與 咳嗽 禮節 出門 若無 法 保持 社交距離 時 請 全程 佩戴 口罩 自 國外 入境 時 如有 發燒 咳嗽 等 不適 症狀 應 主動 通報 機場 及 港口 檢疫 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供 及時 診斷 通報</t>
  </si>
  <si>
    <t>中央流行疫情指揮中心 今 30 日 表示 國內 今日 無 新 增 確診 病例 昨 29 日 新增 486 例 新型 冠狀病毒 肺炎 相關 通報 截至 目前 累計 通報 62844 例 含 61354 例 排除 其中 429 例 確診 分別 為 343 例 境外移入 55 例 本土 病例 及 31 例 敦</t>
  </si>
  <si>
    <t>中央流行疫情指揮中心 今 30 日 表示 國內 今日 無 新 增 確診 病例 昨 29 日 新增 486 例 新型 冠狀病毒 肺炎 相關 通報 截至 目前 累計 通報 62844 例 含 61354 例 排除 其中 429 例 確診 分別 為 343 例 境外移入 55 例 本土 病例 及 31 例 敦睦 艦隊 確診 個案 中 6 人 死亡 322 人 解除 隔離 其 餘 持續 住院 隔離 中 指揮中心 進一步 指出 4 月 20 日 及 21 日 定點 返台 專案 航班 共 460 名 湖北 返台 民眾 截至 目前 2 人 就醫 治療 中 2 人 陪同 就醫 其 餘 持續 于 集中 檢疫所 密切 健康 監測 有關 敦睦 艦隊 磐石 艦 群 聚 事件 截至 目前 掌握 接觸 者 共 1996 人 其中 585 人 為 居家 隔離 對象 已 采 檢 480 人 465 人 為 陰性 其 餘 檢驗 中 1411 人 為 自主 健康 管理物件 指揮中心 表示 全球 累計 3204232 例 確診 分佈 於 184 個 國家 地區 病例 數 以 美國 1053963 例 西班牙 212917 例 義 大利 203591 例 法國 198215 例 及 英國 165221 例 為 多 病例 中 226771 例 死亡 以 美國 61392 例 義 大利 27682 例 英國 26097 例 西班牙 24275 例 及 法國 24087 例 為 多 指揮中心 再次 提醒 民眾 平時 應 做好 手部 衛生 與 咳嗽 禮節 自 國外 入境 時 如有 發燒 咳嗽 等 不適 症狀 應 主動 通報 機場 及 港口 檢疫 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供 及時 診斷 通報</t>
  </si>
  <si>
    <t>中央流行疫情指揮中心 日前 宣佈 開放 桃園 機場 過境 轉機 首 2 批 轉機 旅客 26 日 先後 搭乘 長 榮 班機 抵 台 轉機 這 也 是 3 月 24 日 實施 轉機 禁令 後 桃園 機場 首度 出現 轉機 客 第 1 批 7 名 轉機 旅客 下午 搭乘 長 榮 br 272 班機 從 馬尼拉 出發</t>
  </si>
  <si>
    <t>中央流行疫情指揮中心 日前 宣佈 開放 桃園 機場 過境 轉機 首 2 批 轉機 旅客 26 日 先後 搭乘 長 榮 班機 抵 台 轉機 這 也 是 3 月 24 日 實施 轉機 禁令 後 桃園 機場 首度 出現 轉機 客 第 1 批 7 名 轉機 旅客 下午 搭乘 長 榮 br 272 班機 從 馬尼拉 出發 下午 3 時 20 分 左右 抵達 桃園 機場 當 機上 其他 旅客 下機 後 轉機 客 隨即 由 地勤人員 引導 前往 出境 管制區 的 c 4 候機室 休息 據 瞭解 轉機 客 中 有 4 名 搭乘 長 榮 br 52 班機 前往 休士頓 2 名 搭乘 長 榮 br 32 班機 前往 紐約 1 名 搭乘 長 榮 br 56 班機 前往 芝加哥 第 2 批 13 名 轉機 旅客 搭乘 長 榮 br 266 班機 傍晚 從 金邊 抵 台 其中 有 11 人 將 轉 搭 br 87 班機 前往 巴黎 2 人 搭乘 br 10 班機 前往 福岡 合計 兩 批 共有 20 名 旅客 過境 轉機 中央流行疫情指揮中心 表示 由於 鄰近 的 香港 及 新加坡 等 樞紐機場 已 陸續 開放 轉機 因此 依 邊境 風險 嚴 管 國內 鬆綁 原則 決定 開放 桃園 機場 轉機 不過 所有 轉機 旅客 必須 轉 搭 同一 航空 公司 的 班機 且 在 機場 停留時間 不得 超過 8 小時 目前 僅 開放 華航 長 榮 及 國泰 3 家 航空 公司 提供 轉機 服務 為 降低 防疫 風險 交通部 也 嚴格 限制 轉機 旅客 的 動 線 規定 只能 待 在 指定 的 候機室 避免 與其 他 旅客 混流 如有 飲食 或是 購物 需求 也 有 專人 服務 並 全程 監控</t>
  </si>
  <si>
    <t>經濟部 日前 斥資 2億 元 購置 60 台 口罩 機 委 讬 業者 生產 中央流行疫情指揮中心 指揮官 陳時中 表示 本 周 將 有 9 條 生產線 上線 預計 可 增加 72萬 片 口罩 3 月中 以後 所有 生產線 將 全開 經濟部 所 購置 的 口罩 機 每個 機台 每週 約 可</t>
  </si>
  <si>
    <t>經濟部 日前 斥資 2億 元 購置 60 台 口罩 機 委 讬 業者 生產 中央流行疫情指揮中心 指揮官 陳時中 表示 本 周 將 有 9 條 生產線 上線 預計 可 增加 72萬 片 口罩 3 月中 以後 所有 生產線 將 全開 經濟部 所 購置 的 口罩 機 每個 機台 每週 約 可 生產 70萬 片 口罩 總量 超過 500萬 片 其中 120萬 片 無償 提供 剩下 380萬 則 以 公告價格 提供 給 政府 陳時中 表示 本 周 將 有 9 條 生產線 上線 一 條 線 每日 約 可 生產 10萬 片 初 估 每週 可 增加 72萬 片 3 月中 以後 所有 產險 將 全開 產 能 將 進一步 提升</t>
  </si>
  <si>
    <t>指揮中心 今 宣佈 新增 2 例 境外移入 我國 目前 累計 有 523 例 確診 因此 下午 2 時 指揮官 陳時中 將 召開 記者會 說明 個案 相關 事宜 中央流行疫情指揮中心 7 日 宣佈 新增 兩 例 境外移入 國內 截至 目前 累計 523 例 確診 分別 為 431 例</t>
  </si>
  <si>
    <t>指揮中心 今 宣佈 新增 2 例 境外移入 我國 目前 累計 有 523 例 確診 因此 下午 2 時 指揮官 陳時中 將 召開 記者會 說明 個案 相關 事宜 中央流行疫情指揮中心 7 日 宣佈 新增 兩 例 境外移入 國內 截至 目前 累計 523 例 確診 分別 為 431 例 境外移入 病例 55 例 本土 病例 36 例 敦睦 艦隊 及 1 例 不明 比利時 工程師 確診 個案 中 7 人 死亡 485 人 解除 隔離 29 人 住院 隔離 中 另 牛耳 藝術 邀請 知名 俄羅斯 鋼琴家 丹尼爾 特裡福諾夫 daniil trifonov 來 台 演出 且 還 提早 兩 天 到 臺灣 因此 遭 質疑 為何 免 隔離 14 天 文化部 是否 已 偷偷 開放 藝 文 泡泡 對此 發言人 莊人祥 昨晚 回應 指揮中心 事前 知情 審核 但 不是 開放 藝 文 泡泡 而是 比照 短期 商務人士 來 台有 條件 縮短 隔離 天數 作法 而 提早來 台 一 事 文化部 也 有 口頭 先 告知 只是 公文 還 沒 完備 指揮中心 呼籲 民眾 自 國外 入境 時如有 發燒 咳嗽 等 不適 症狀 應 主動 通報 機場 及 港口 檢疫 人員 並 配合 防疫 措施 返國 後 應 落實 居家 檢疫 期間 如 出現 疑 似 症狀 請 即 聯繫 衛生局 或 各縣市 關懷 中心 並 依 指示 就醫 切 勿 搭乘 大眾 運輸工具 就醫 時 請 務必 告知 醫師 旅遊 史 職業 別 接觸 史及 是否 群 聚 tocc 以 供 及時 診斷 通報</t>
  </si>
  <si>
    <t>中央流行疫情指揮中心 昨 白天先 公佈 新增 確診 1 例 為 白 牌 車 司機 的 妹妹 深夜 則 再 公佈 一新 確診 個案 國內 第 24 例 新冠肺炎 covid-19 確定 病例 為 北部 一 名 60 多 歲 退休 女性 近 2 年 無 出 國史 且 作息 單純 平常 活動 範圍 僅 在</t>
  </si>
  <si>
    <t>中央流行疫情指揮中心 昨 白天先 公佈 新增 確診 1 例 為 白 牌 車 司機 的 妹妹 深夜 則 再 公佈 一新 確診 個案 國內 第 24 例 新冠肺炎 covid-19 確定 病例 為 北部 一 名 60 多 歲 退休 女性 近 2 年 無 出 國史 且 作息 單純 平常 活動 範圍 僅 在 住家 附近 公園 運動 在家 看 電視 或 與 朋友 唱 卡拉 ok 指揮中心 應變 官 莊人祥 說 因 感染 源 還 在 調查 還 不能 說是 社區 傳播 2 月 10 日 送 加 護 擴大 采 檢 發現 莊 人 祥 指出 這 名 女性 在 1 月 22 日 出現 發燒 咳嗽 等 症狀 22 日 至 29 日 四 度 至 診所 就醫 因 症狀 加劇 且 出現 呼吸 急促 29 日 晚間 前往 醫院 急診 經 檢查 診斷 為 肺炎 30 日 收治 住院 因 病情惡化 2 月 10 日 轉入 加 護 病房 莊 人 祥 說 指揮中心 在 2 月 17 日 開始 針對 流感 併發 重症 檢 體 檢驗 結果 為 陰性 者 擴大 進行 通報 采 檢 後 發現 並 由 醫院 通報轉 收 至 負 壓 隔離病房 於 昨晚 確診 個案 目前 持續 住 在 加 護 病房 隔離 治療 狀況 較 嚴重 指揮中心 表示 這 名 個案 密切接觸 者 共 360 人 包括 家人 朋友 及 診所 醫院 人員 目前 正 安排 接觸 者 采 檢 將 持續 調查 是否 有 其他 接觸 者 會 再進一步 匡列 追蹤 采 檢 及 隔離 公園 運動 或 唱 卡拉 ok 接觸 360 人 至於 感染 源 為何 莊人祥 表示 其 女兒 同學 曾 有 中 港澳 旅遊 史 婦人 與 自 杭州 返台 的 女兒 同學 曾 於 上月 6 日 碰面 但 由於 接觸 時間 與 發病 時間 間隔 過長 研 判 可能性 低 加上 已 退休 平常 都 在 住家 附近 公園 運動 多半 都 在家 看 電視 或 與 朋友 唱歌 莊 人 祥 強調 目前 還 需要 近 行 疫情 調查 才能 知道 是否 為 社區 傳播 另 將 針對 個案 發病 14 天 前 的 活動 史 與 可能 暴露 者 進行 回溯 追蹤調查 以 找 出 可能 感染 源 中央流行疫情指揮中心 指出 截至 昨天下午 4 點 全台 新 增 14例 嚴重 特殊 傳染性 肺炎 通報 個案 目前 累計 通報 1927 例 檢驗 結果 為 24 名 確診 含 8 例 本土 病例 1822 例 排除 餘 檢驗 中 37 例 初 驗 陰性</t>
  </si>
  <si>
    <t>北部 知名 夜 店 30 歲 女 公關 確診 新冠肺炎 中央流行疫情指揮中心 9 日 宣佈 酒店 和 舞廳 即日起 停業 台中市政府 更 加碼 針對 其他 八大 行業 再 祭出 實 名 制 登記 太平 警 分局 9 日 晚上 由 分局長 高志 良 親 率 員警 前往 轄區 內 數家 電子 遊</t>
  </si>
  <si>
    <t>北部 知名 夜 店 30 歲 女 公關 確診 新冠肺炎 中央流行疫情指揮中心 9 日 宣佈 酒店 和 舞廳 即日起 停業 台中市政府 更 加碼 針對 其他 八大 行業 再 祭出 實 名 制 登記 太平 警 分局 9 日 晚上 由 分局長 高志 良 親 率 員警 前往 轄區 內 數家 電子 遊藝場 稽查 並 勸導 2 家 小吃 歌唱 業者 自主 停業 中 市 實施 八大 實 名 制 首 夜 雖然 太平 地區 轄區 雖 無 大型 酒店 或 舞廳 太平 警 分局長 高志 良 仍 親自 主持 擴大 臨檢 勤前教育 並 帶隊 率 同仁 前往 轄區 內 數家 電子 遊藝場 稽查 針對 業者 及 店 內 消費者 進行 相關 防疫 約 制 及 勸導 籲 業者 也 應 持續 加強 環境 衛生 與 人員 健康 管理 對於 如有 業者 未 配合 實 名 制 登錄 業者 予以 勸導 並 通報 主管 權責 單位 經發局 列入 優先 實施 稽查 名單 此行 也 全面 清查 過濾 有無 居家 檢疫 及 居家 隔離 者 避免 違規 民眾 物件 趴 趴 走 防堵 疫情 破 口 臨檢 過程 中 業者 們均 表示 已 從 新聞報導 或 同業 間 得知 實 名 制 之 措施 雖有 些 不便 但 均 願意 配合 政府 政策 且 已 落實 實施 以 確保 員工 及 顧客 之 健康 安全 高志 良 也 強調 未來 仍 將 配合 市政府 經發 衛生 民政 等 主要 防疫 單位 針對 轄內 小吃部 電子 遊藝場 等 場所 展開 聯合 稽查 臨檢 宣導 業者 防疫 及 衛教 觀念 以 保障 市民 健康 安全</t>
  </si>
  <si>
    <t>新冠肺炎 存在 無 症狀 感染 一直 都 是 民眾 關心 的 重點 在 今 11 日 中央流行疫情指揮中心 記者會 上有 媒體 端 出 國外 研究 指出 無 症狀 感染 恐 早已 大量 存在 社區 裡 對此 陳時中 表示 未來 不 排除 對 社區 人口 做 血液 抽樣 但 目前</t>
  </si>
  <si>
    <t>新冠肺炎 存在 無 症狀 感染 一直 都 是 民眾 關心 的 重點 在 今 11 日 中央流行疫情指揮中心 記者會 上有 媒體 端 出 國外 研究 指出 無 症狀 感染 恐 早已 大量 存在 社區 裡 對此 陳時中 表示 未來 不 排除 對 社區 人口 做 血液 抽樣 但 目前 仍 朝對 疫情 影響 較 大 的 個案 去 做 圍堵 指揮中心 發言人 莊人祥 昨 透露 臺灣 目前 無 症狀 感染 確診 者 目前 累計 21 人 約 占 確診 者 的 5 媒體 引述 德國 研究 結果 指出 全球 大約 有 千萬 人次 的 新冠肺炎 感染者 尚未 被 發現 目前 驗 出 的 確診 者 僅 占 6 對於 這 份 資料 指揮中心 怎麼 看 指揮官 陳時中 認為 民眾 都 很 擔心 無 症狀 感染者 也 相信 公衛 專家 推斷 這群人 佔有 一 部 份 比例 他 表示 不 排除 未來 會 對 社區 做出 抽樣 來 檢驗 是否 存在 無 症狀 感染者 不過 目前 更 重視 那些 對 疫情 有 影響 的 個案 針對 他們 去 做 圍堵 避免 疫情 擴大 抽樣調查 可能 要 等到疫情 較 穩定 時才會 進行 莊 人 祥 也 指出 陳 指揮官 所說 的 社區 抽樣 並 不是 疫情 普查 而是 根據 全國 職業 別 或 人口所 做 的 抽樣調查 莊人祥 舉例 在 2009 年 流感 大 流行 時 就 曾經 做 過 類似 研究 當時 獲得 了 1000 多 筆 的 血液 樣本 透過 觀察 受 驗 者 的 血液 是否 存在 病毒 抗體 藉 此 可 測出 有 多少 比例 人口 受到 感染 因為 很多 人 都 不 相信 目前 疾 管署 公佈 的 疫情 莊人祥 表示 那 就 做做 看 抽樣 不過 他 指出 因為 要 從 各 地方 縣 市 抽樣 加上 抽血 的 動作 整體 也 要 花上 很 長 一段時間 至少 要 花 好幾 個 月</t>
  </si>
  <si>
    <t>中央流行疫情指揮中心 為了 避免 醫療 量 能 潰 堤 昨天 開始 輕 症 患者 不再 進入 醫院 而是 改 前往 加強版 集中 檢疫所 指揮中心 統計 昨天 已 有 133 位 確診 病 患 已經 入 住 目前 還有 235 間 加強版 集中 檢疫所 可用 指揮中心 醫療</t>
  </si>
  <si>
    <t>中央流行疫情指揮中心 為了 避免 醫療 量 能 潰 堤 昨天 開始 輕 症 患者 不再 進入 醫院 而是 改 前往 加強版 集中 檢疫所 指揮中心 統計 昨天 已 有 133 位 確診 病 患 已經 入 住 目前 還有 235 間 加強版 集中 檢疫所 可用 指揮中心 醫療 應變 組 副 組長 羅一鈞 表示 目前 已經 啟用 加強版 集中 檢疫所 與 原本 不同 的 是 會 有 24 小時 護理人員 進駐 也 會 有 氧氣瓶 等 醫療 設備 與 常備 藥物 同時 只要 有 症狀 就 會 有 負責 的 醫師 以 視 訊 方式 做 遠 距 的 診 聊 評估 是否 再 送 醫院 隨時 因應 突發 疾病 變化 由於 有 醫師 提到 有 醫師 提出 現在 集中 檢疫所 規 畫 用來 收治 輕 症 病 患 但 違反 醫療法 因為 非 醫療 院所 不能 收治病人 另外 包含 前 疾 管局 漲 蘇益仁 與其 他 醫師 能 等 呼籲 若 連 集中 檢疫所 都 不 夠用 臺灣 有 很多 蚊子 館 可以 拿 來 當 隔離 場所 必要 時 可 動用 軍營 廢棄 學校 建立 類似 中國 大陸 的方 艙 醫院 以 臨時 醫院 隔離 病 患 的 做法 目前 會 有 這樣 的 考量 嗎 羅 一 鈞 表示 昨天 入 住 的 病 患 中 包含 128 名 已經 確診 但 還 沒進 到 醫院 的 輕 症 者 5 個 住院 中 並 符合標準 住院 發病 超過 10 天 以上 病毒 已經 改善 不 具有 感染力 者 因此 下 轉到 集中 檢疫所 而 目前 還有 235 間 的 加強版 集中 檢疫所 來 可以 來 收 治病 患 指揮官 陳時中 表示 集中 檢疫所 相關 醫療 有 產生 任何 症狀 情況 用 這樣 來 做 緩衝區 對 醫療 量 能 對 社會 的 保護 可能 是 比較 好 的 做法 目前 沒有 建置 方 倉 醫院 的 考慮 還是 以 互相 區隔 為 重要 原則 羅 一 鈞 也 表示 目前 根據 第 五 類 法定 傳染病 防治 法規 定 病人 處置 措施 定為 必要 時得 與 指定 機構 施行 隔離 治療 由於 集中 檢疫所 只是 場所 不是 機構 因 此 現在 要 重新 把 集中 檢疫所 加進去 成為 可 施行 隔離 治療 的 場所 修改 辦法 完成 法制 程式 後 再 公告 補 刊 而 昨天 新北 市 傳出 有 確診 者 不 願意 進入 集中 檢疫所 入住 陳時中 表示 新北 市 有 跟 我們 反應 希望 我們 幫 他們 呼籲 前兩天 他們 安置 的 處所 不足 我們 緊急 調動 很多 集中 檢疫所 已經 被 確診 的 清正 或是 無 症狀 病人 次長 說 會 請 權利 把 他們 載到 集中 檢疫所 目前 還 收到 很 少 新北 衛生局 說 大家 覺得 那裡 不是 醫院 不 願意 去 我們 呼籲 相關 的 人 要 趕快 到 集中 檢疫所 在 家中 待 久 了 不管怎麼 防護 在 家中 傳染 的 機 率 高 在 集中 檢疫所 雖說 沒有 很 好 的 設備 但 就 是 一 人 一 室 也 有 護理 人力 和 醫師 定期 診療 還有 遠 距 醫療 有 症狀 呼籲 現在 在 家中 還 不 願意 去 的 可以 趕快 送 過去</t>
  </si>
  <si>
    <t>因 護 國 舞 小姐 而 聲名大噪 的 高雄金 芭 黎 舞廳 昨晚 突然 遭到 臨檢 原來 是 基隆 確診 婦 曾隨 進香團 到 高雄 活動 為 防止 疫情 延 燒 經方 特別 針對 密閉式 空間 的 八大 特種 場所 加強 臨檢 宣導 避免 成為 防疫 破 口 去年初 一 名 台商 確診 新冠肺炎 卻 隱匿 行蹤 沒有 交代 趴 趴 走 的 行程 而是 金 芭 黎 舞廳 一 名 舞 小姐 出現 喉嚨 不適 呼吸 不順 症狀 向 該 名 台商 詢問 得知 對方 確診 嚇 得 立刻 就醫 通報 消息 曝光 後 該 小姐 獲 網友 盛讚 是 護 國 舞 小姐 中央流行疫情指揮中心 12 日 證實 基隆 確診 的 50 多 歲 婦人 5 月初 曾隨 進香團 到 高雄 活動 鑒於 金 芭 黎 舞廳 去年 曾 發生 台商 染疫 確診 案例 轄內 苓 雅 分局 特別 在 12 日 晚間 特別 規 畫 臨檢 勤務 加強 防疫 高市 警察局長 黃明昭 更 親自 到場 參與 臨檢 勤務 宣導 店家 員工 及 客人 應 遵守 防疫 相關 規定 並 指示 執勤 同仁 務必 落實 防疫 工作苓 雅 分局長 梁 東山 特別 提醒 警員 們 務必 將 密 錄 器 開啟 並 全程 錄 影 蒐證 大批 警力 進入 舞廳 內 先是 將 客人 與 小姐 分別 帶開 一一 核對 相關 資料 除了 臨檢 大廳 的 開放式 座位 區 以外 店 內 各樓層 的 獨間 式 包廂 也 都 進行 嚴格 檢查 由於 疫情 升溫 店 內 小姐 及 工作人員 都 相當 配合 而 消費者 突 遭 臨檢 雖然 錯愕 大多 也 都 配合 警方 查驗 身分 苓 雅 警方 表示 此次 在 金 巴黎 舞廳 的 臨檢 行動 均 符合規定 並 無 違規 之處 黃明昭 表示 這次 配合 衛生局 進行 臨檢 主要 是 檢查 店家 及 消費者 是否 都 有 落實 相關 的 防疫 規定 若 發現 違規者 會 立即 勸導 並 要求 改善 除了 防疫 以外 也 防範 治安 事件 發生</t>
  </si>
  <si>
    <t>中央流行疫情指揮中心 今 25 日 說明 國內 疫情 近期 趨 緩 並 將 自 110 年 7 月 27 日後 降級 部分 專案 解封 若 在 汽車 旅館 及 相關 旅 宿群聚 開 趴 或 歡唱 提高 疫情 傳染 風險 將 由 各 主管機關 依 情節 輕重 分別 依 發展 觀光 條例</t>
  </si>
  <si>
    <t>中央流行疫情指揮中心 今 25 日 說明 國內 疫情 近期 趨 緩 並 將 自 110 年 7 月 27 日後 降級 部分 專案 解封 若 在 汽車 旅館 及 相關 旅 宿群聚 開 趴 或 歡唱 提高 疫情 傳染 風險 將 由 各 主管機關 依 情節 輕重 分別 依 發展 觀光 條例 毒品 危害 防制 條例 裁 罰 最重 者 將 視為 損害 國家 利益 妨害 善良 風俗 由 地方 主管機關 依 發展 觀光 條例 定期 停止 其 營業 之一 部 或 全部 或 廢止 其 營業執照 或 登記證 裁處 中央流行疫情指揮中心 表示 汽車 旅館 及 相關 旅 宿 違反 限制 規定 且 未通 報時 將 依 情節 輕重 可 裁 罰 的 相關 法規 依據 如下 一 依 發展 觀光 條例 裁處 旅 宿業 有損 害 國家 利益 妨害 善良 風俗 等 行為 者 依 發展 觀光 條例 第 53 條 規定 裁處 新 台幣 3 15萬 元 罰 鍰 情節 重大 者 定期 停止 其 營業 之一 部 或 全部 或 廢止 其 營業執照 或 登記證 經受 停止 營業 一 部 或 全部 之 處分 仍 繼續 營業 者 廢止 其 營業執照 或 登記證 觀光旅館 業 旅館業 之 受 雇 人員 如有 前述 行為 則 處 新 台幣 1 5萬 元 罰 鍰 旅 宿業若 違反 觀光旅館 業 管理 規則 或 旅館業 管理 規則 所 定 相關 通報 義務 由 主管機關 依 發展 觀光 條例 第 55 條 第 3 項 規定 裁處 1 5萬 元 罰 鍰 二 依 毒品 危害 防制 條例 裁處 依 毒品 危害 防制 條例 查獲 有人 在內 施用 或 持有 毒品 開 毒 趴 之 場所 該 場所 將 依 特定 營業 場所 執行 毒品 防制 措施 辦法 自 查獲 之 翌日 起 列為 特定 營業 場所 依 毒品 危害 防制 條例 第 31 1 條 指定 的 業者 有 通報 義務 特定 營業 場所 人員 知悉 有人 在內 施用 或 持有 毒品 未 通報 員警機關 處理 者 除 依 該 條例 罰 鍰 其 情節 重大 者 該 管 目的 事業 主管機關 得令 其 停止 營業 6 個 月 以上 1 年 6 個 月 以下 或 勒令 歇業 陳時中 說 業者 不是 開 罰 單位 只是 在 疫情 下 要求 他們 通報 以 他們 經驗 來說 非常豐富 但 應 通報 未 通報 就 會 被 處分 開 罰 將 由 主管 單位 來 認定 他 說 防疫 有 兩 種 一 是 被動 防疫 也 就 是 靠 監督 辦法 處分 而 主動 防疫 就是 知道 有 群 聚 風險 後 要 主動 避免 中 時 新聞網 關心 您 保護 自己 遠離 毒品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外傳 台塑 六輕 廠 區 有 員工 新冠肺炎 確診 不過 中央流行疫情指揮中心 今天 4 日 公佈 的 確診 名單 並 無 此 例 雲林 縣府 未 承認 也 不 否認 消息 頗為 混亂 可以 確定 的 是 麥寮 六輕 廠 區 今 下午 確實 在 宿舍區 的 活動 中心 做 快 篩 外傳 六</t>
  </si>
  <si>
    <t>外傳 台塑 六輕 廠 區 有 員工 新冠肺炎 確診 不過 中央流行疫情指揮中心 今天 4 日 公佈 的 確診 名單 並 無 此 例 雲林 縣府 未 承認 也 不 否認 消息 頗為 混亂 可以 確定 的 是 麥寮 六輕 廠 區 今 下午 確實 在 宿舍區 的 活動 中心 做 快 篩 外傳 六輕 有 一 名 在 上月 31 日 離職 的 約 聘 環保 巡查 人員 確診 感染 新冠肺炎 因 只有 上下班 回 管理 部 打 卡 台塑 讓 10 多 名 員工 在家 自主 健康 管理 雲 林縣 衛生局 4 日 下午 也 于 宿舍區 的 活動 中心 佈置 快 篩 站 雲 林縣 衛生局長 曾春美 表示 有 確診 者 的 足跡 經過 為 慎重 起見 設 快 篩 站 由 廠 區 提供 快 篩 名單 不過 外界 也 流傳 一 封 line 訊息 指 六輕 廠 區 有 一 名 正式 員工 的 太太 快 篩 是 陽性 該 員工 被 通知 居家 隔離 他 回 台中 前 先 去 醫院 快 篩 結果 似乎 不妙 台塑 六輕 廠 區 今日 4 日 早上 7 點 多 大 清 消 相關 接觸 人員 已 造冊 並 實施 自主 健康 管理</t>
  </si>
  <si>
    <t>3 艘 國際 商船 停靠 高雄 港 傳出 多 名 船員 染疫 高市 衛生局 共 匡列 295 名 接觸 者 最新 采 檢 報告 出爐 295 人 pcr 全 為 陰性 高雄 市長 陳其邁 14 日 一早 至 高雄港 視察 宣佈 邊境 管制 加 嚴 強化 港埠 防疫 措施 陳其邁 表示 近 兩 周內 3 艘 貨輪 航行 經過 香港 大陸 菲律賓 日本 韓國 等 港口 被 通報 發現 確診 個案 14 日 一早 他 也 到 高雄港 陪同 交通部 次長 會同 港灣 公司 中央流行疫情指揮中心 人員 就 每個 環節 仔細 檢查 高 市府 和 專家 小組 港務局 港務 公司 港 警 開 會後 決議 全面 性 提升 境 管 崗哨 進出 人員 都 要 登記 時間 地點 岸邊 工作者 或 碼頭區 未 登 船 的 工作者 也 要 落實 實 名 制 針對 登 船 的 梯 口 禁止 非工作 時段 降 梯 需 安排 專人 監督 管理 非經 核定 非必要 閒雜人等 不得 登 船 所有 登 船 人員 均 須 落實 實 名 制 並 應 配戴 口罩 手套 護目鏡 隔離 衣 並 設有 監督 複查 機制 每日 登 離 船 報 衛生局 備查 高雄 港務 公司 及 航 港 局 采 定期 或 不定期 稽查 中秋節 將 至 陳其邁 再次 呼籲 與 同 住 家人 烤肉 習俗 不能 免 若 有 從 臺北 或 新北 市 返家 的 人 務必 戴 口罩 儘量 能 減少 共 餐 的 狀況 關於 疫苗 施打 黃卡 遺失 的 民眾 可 帶 身分 證 健 保卡 到 衛生所 申請 補發 登記 施打 bnt 的 學生 國中為 96 高中為 92 陸續 統計 中 施 打完 當天 甚至 隔 天 隔 兩 天 有 不 舒服 發燒 症狀 的 學生 可以 請 防疫 假 家長 也 可以 請 防疫 假</t>
  </si>
  <si>
    <t>疫情 延 燒 不斷 機組員 檢疫 期限 原為 3 天 居家 檢疫 加 11 天 自我 健康 管理 中央流行疫情指揮中心 13 日 宣佈 若 未 施打 疫苗 或 施打 第一 劑 疫苗 但 未 滿兩周 者 需要 接受 7 天 居家 檢疫 及 7 天 加強版 自主 健康 管理 令 機師 大喊 吃不消 直</t>
  </si>
  <si>
    <t>隨 著 疫情 持續 趨 緩 各行各業 的 相關 禁令 也 陸續 鬆綁 但 中央 規定 補習班 仍 維持 每 名 學生 須有 225 平方米 空間 使得 補習班 經營 仍 顯 困難 補 教 團體 特別 在 教師節 發起 連署 呼籲 教育部 中央流行疫情指揮中心 能 盡 鬆綁 此 項 規定</t>
  </si>
  <si>
    <t>隨 著 疫情 持續 趨 緩 各行各業 的 相關 禁令 也 陸續 鬆綁 但 中央 規定 補習班 仍 維持 每 名 學生 須有 225 平方米 空間 使得 補習班 經營 仍 顯 困難 補 教 團體 特別 在 教師節 發起 連署 呼籲 教育部 中央流行疫情指揮中心 能 盡 鬆綁 此 項 規定 也 讓 教 業 教師 接種 第二 劑 疫苗 達到 全民 防疫 目的 此 實 名 連署 由 中華民國 補習教育 協會 中華民國 課後 教育 協會 中華 國際 幼兒 文教 聯合 總會 等 19 個 補 教 團體 以及 2328 間 補習班 共同 參與 補 教 團體 指出 依照 中央 規定 每人 225 平方米 空間 的 規定 大約 只 有 一半 小孩 能到 班 上課 另 一半 孩子 該 去 哪裡 且 若 繼續 依循 此 規定 補習 業者 想 生存 就勢 必得 調整 費用 中華民國 補習教育 協會 理事長 謝智芳 表示 補 教 業者 從 今年 疫情 升溫 開始 就 積極 配合 政府 防疫 措施 堪稱 防疫 模範 生 但 每 名 學生 225 平方米 空間 規定 將 使得 無法 回來 上課 的學生家長 工作 受 影響 且 每家 補習班 必須 有 8 成 學生 到 班 才能 達到 損 益 平衡 此 規定 若 持續 補習班 將 嚴重 虧損 謝智芳 強調 依照 成本 估算 如果 每家 補習班 維持 一半 學生上課 業者 想 繼續 生存 下去 就 必須 要 漲價 3 成 才能 維持 損 益 平衡 國 中小 開學 都 已經 1 個 月 了 每個 學生 在 學校 都 不必 維持 225 平方米 空間 限制 到 補習班 卻 要 規範 使得 此 規定 更 顯 無 意義 謝智芳 說 疫情 已 趨 緩 不論是 風景區 百貨公司 或 餐廳 都 是 人潮 就 連 ktv 也 要 開放 了 為何 政府 卻 獨獨 不 放寬 補習班 學生 也 是 會 移動 的 且 在 補習班 內 都 嚴格 規定 每天 量 測體溫 戴 口罩 這般 嚴密 的 防疫 若 還要 用 空間 面積 計算 小孩 容留 量 政府 的 規範 實在太 不合理 此外 謝智芳 也 強調 有 高 達 9 成 的 補 教 老師 都 已經 接種 第一 劑 疫苗 若 政府 實在 擔心 學生 健康 應盡 速 讓 補 教 老師 能 接種 第二 劑 疫苗 達到 最好 的 防疫 效果</t>
  </si>
  <si>
    <t>小 編 精選 中國時報 5 件 不可 不知 大事 帶 讀者 掌握 今天 15 日 新聞 重點 1 who 顧問 稱 全球 2 3 人口 會 被 傳染 新冠肺炎 令 世人 聞 之 色 變 世界衛生組織 who 顧問 朗 吉尼 ira longini 語 出 驚 人稱 估計 全球 感染 新型 冠狀病毒 的 人數 可能 比 官方 目前 的 6萬 人 高出 幾 十億 人次 也 就 是 3 分之 2 人口 會 受 感染 不過 也 有 專家 認為 這 只 是 最壞 的 假設 2 疑 有 隱性 社區 傳播 日 旅遊 一級 警戒 新冠肺炎 疫情 延 燒 因 大陸 河南 浙江 病例 破 千 且 出現 社區 傳播 中央流行疫情指揮中心 宣佈 今 起 將 這 兩 省 列為 一級 流行 區 民眾 若 自 這 兩 省 返台 出現 症狀 需 2 采 陰 才能 出院 進行 居家 檢疫 另 日本 近期 疑 出現 隱性 社區 傳播 指揮中心 昨 宣佈 將 當地 旅遊 疫情 建議 升為 第一 級 注意 3 北 北 基 公主 號 監測 期滿 沒事 了 公主 郵輪 旗 下 鑽石 公主 號 新冠肺炎確診 人數 不斷 上升 引發 民眾 擔憂 因 該 船 曾 停靠 基隆 港 中央流行疫情指揮中心 提醒 曾 前往 基隆 廟口 九份 北 車 等 景點 者 自主 健康 管理 監測 期 已 在 昨日 傍晚 結束 送 檢 的 疑 似 個案 中 目前 仍 有 6 人 檢驗 結果 尚未 出爐 其 餘 皆 陰性 基隆 市府 則 指出 54 名 與 郵輪 遊客 接觸 的 司機 目前 居家 隔離 中 皆 無 異狀 預計 15 日 0 時 解除管制 4 包機 返台 萬事具備 只 等 大陸 點頭 首批 滯留 武漢 台商 日前 返台 但 第 2 批 包機 卻 遲遲 未有 下文 中央流行疫情指揮中心 指揮官 陳時中 昨 表示 我方 先前 已 明確 表明 防疫 優先 弱勢 優先 的 原則 也 已 提供 121 位 急需 返台 的 名單 隨時 可 執行 但 陸方 始終 拖延 拒絕 合作 5 習慣 情人節 一 人 過 許光漢 不 孤單 29 歲 的 許光漢 近期 因 電影 陽光普照 及 中視 衛視 中文台 戲 劇 想見 你 等 作品 受 矚目 獲 封為 國民 男友 他 14 日 擔任 香 氛 品牌一 日 店 長 活動 現場 展現 驚人 魅力 粉絲 在 戶外 排隊 夾道歡迎 也 有人 趴 在 玻璃 門或 手 扶梯 上 爭 睹 風采 許 太太 們 滿坑滿谷 險 暴動 直 誇 他 聲音 聽 起來 好 酥 近 300 人 零 死角 的 群 聚 盛況 完全 不 輸 排隊 搶 口罩 人潮</t>
  </si>
  <si>
    <t>中央流行疫情指揮中心 日前 公佈 社交距離 指引 室內 需 維持 15 公尺 距離 室外 則 是 1 公尺 無法 維持 的 地方 如 大眾 運輸 就 得 戴 口罩 國內 一 名 男子 搭乘 捷 運 不 願 戴 口罩 大 鬧 北 捷 東 門站 經 發現 為 健 保 署 非正式 公務人員 男子</t>
  </si>
  <si>
    <t>中央流行疫情指揮中心 日前 公佈 社交距離 指引 室內 需 維持 15 公尺 距離 室外 則 是 1 公尺 無法 維持 的 地方 如 大眾 運輸 就 得 戴 口罩 國內 一 名 男子 搭乘 捷 運 不 願 戴 口罩 大 鬧 北 捷 東 門站 經 發現 為 健 保 署 非正式 公務人員 男子 今 提出 道歉 聲明 表示 願意 接受 懲罰 反省 自己 的 過失 健 保 署 員工 因 不 願 戴 口罩 與 保全 民眾 起 衝突 引發 圍觀 被 po 上 爆 料 公社 中央流行疫情指揮中心 指揮官 陳時中 表示 該 男子 為 健 保 署 非正式 員工 會 請 健 保 署 好好 處理 男子 今 提出 道歉 聲明 表示 近期 疫情 緊張 個人 未能 配合 防疫 措施 反應 不當 引發 社會 負面 觀感 也 造成 機關 聲譽 受損 為此 他 已 認真 反省 向社會 道歉 希望 國人 繼續 支持 防疫 工作 齊心 對抗 病毒</t>
  </si>
  <si>
    <t>健 保 署 戴 口罩 北 捷 員工 中央流行疫情指揮中心</t>
  </si>
  <si>
    <t>中央流行疫情指揮中心 宣佈 無 陪 侍 服務 的 歌 聽 舞廳 夜總會 等 八大 行業 11 月 2 日 起 只要 符合 防疫 規定 可有 條件 開放 營業 至於 有 陪 侍 服務 的 業者 預計 11 月 16 日 解禁 不過 顧客 必須 符合 一個 關鍵 低 消 條件 也 就 是 至</t>
  </si>
  <si>
    <t>中央流行疫情指揮中心 宣佈 無 陪 侍 服務 的 歌 聽 舞廳 夜總會 等 八大 行業 11 月 2 日 起 只要 符合 防疫 規定 可有 條件 開放 營業 至於 有 陪 侍 服務 的 業者 預計 11 月 16 日 解禁 不過 顧客 必須 符合 一個 關鍵 低 消 條件 也 就 是 至少 接種 一 劑 疫苗 並 滿 14 天 以上 才 放行 因應 國內 疫情 趨 緩 中央流行疫情指揮中心 指揮官 陳時中 今 28 日 在 疫情 記者會 上 宣佈 11 月 2 日 起 無 陪 侍 服務 的 夜總會 酒家 酒吧 與 理容院 等 八大 場所 可有 條件 開放 有 陪 侍 服務 則 規劃 於 16 日 解禁 經濟部 商業 司長 蘇文玲 表示 八大 行業 須 符合 實 聯 制 量 體溫 戴 口罩 環境 清 消 等 4 大原 則 此外 也 要 經 地方 政府 核准 並 依照 相關 餐飲 等 防疫 指引 值得注意 的 是 八大 行業 從業人員 與 顧客 都須 至少 接種 1 劑 疫苗 且 滿 14 天 八大 行業 從業人員 首次 提供 服務 前 要 提供 3 天內 抗原 快 篩或 pcr 陰性 證明 未 完整 接種 2 劑 疫苗 的 從業人員 須 每週 1 次 抗原 快 篩 或 pcr 采 檢 而 顧客 也 應 提供 至少 接種 1 劑 疫苗 證明 且 滿 14 天 11 月 16 日 起 有 陪 侍 服務 且 符合 上述 防疫 規定 者 才能 開放 營業 至於 萬華 茶室 是否 符合 無 陪 侍 服務 定義 媒體 詢問 若 陪 侍者 假扮 成 客人 是否 可 藉 此 躲 掉 稽查 陳時中 則 回應 這樣 就 太 輕忽 稽查人員 的 能力 了 因為 基本上 員警 進去 不用 看 用 聞 的 就 知道 此外 對於 ktv 開放 可 脫 口罩 飲食 後 是否 也 可 飲酒 蘇文玲 說 飲食 開放 後 飲酒 就 不 會 再 特別 限制 中 時 新聞網 關心 您 喝酒 過量 有礙 健康 中 時 新聞網 提醒您 酒後 不 開車 安全 有 保障</t>
  </si>
  <si>
    <t>國內 爆發 首 起 院內 感染 感染 科 專家 黃立民 呼籲 民眾 出門 就要 戴 口罩 中央流行疫情指揮中心 指揮官 陳時中 今天 呼籲 民意代表 暫停 跑 攤 並以 台 語 說 不 跑 攤 不 失禮 啦 並 強調 對於 密閉 不 通風 的 地方 大家 態度 要</t>
  </si>
  <si>
    <t>國內 爆發 首 起 院內 感染 感染 科 專家 黃立民 呼籲 民眾 出門 就要 戴 口罩 中央流行疫情指揮中心 指揮官 陳時中 今天 呼籲 民意代表 暫停 跑 攤 並以 台 語 說 不 跑 攤 不 失禮 啦 並 強調 對於 密閉 不 通風 的 地方 大家 態度 要 更 嚴格 一點 陳時中 表示 目前 戴 口罩 的 方向和 政策 目前 都 沒有 變 但 民眾 對於 密閉 不 通風 的 地方 大家 態度 要 更 嚴格 一點 若非 要 參加 有 不 特定 物件 需要 很 密集 近 距離 接觸 時 的 場合 時 一定 要 戴 口罩 但 何謂 密閉空間 記者 以 記者會 舉行 地點 指揮中心 的 大禮堂 為 例 問 中央流行疫情指揮中心 應變 官 莊人祥 回 說 這裡 通氣 應該 還 可以 啦 並 強調 參加 集會 活動 是 有 沒有 交談 有關 目前 要 不 要 戴 口罩 仍 是 針對 有 沒有 呼吸道 疾病 者 且 美國 疾 管署 的 對外 說法 和 我們 說法 一樣 如果 有 慢性病 呼吸道 疾病 者 要 戴 口罩 是 保護 自己 也 保護 別人</t>
  </si>
  <si>
    <t>臺灣 新冠肺炎 疫情 日益 趨 緩 今天 又 是 零 確診 中央流行疫情指揮中心 宣佈 酒店 舞廳 等 行業 只 要 達成 4 個 關鍵 條件 各縣市 評估 符合 防疫 及 安全 條件 後 即可 決定 是否 開放 營業 台南 市長 黃偉哲 對 此 表示 中央 給出 標準 台南</t>
  </si>
  <si>
    <t>臺灣 新冠肺炎 疫情 日益 趨 緩 今天 又 是 零 確診 中央流行疫情指揮中心 宣佈 酒店 舞廳 等 行業 只 要 達成 4 個 關鍵 條件 各縣市 評估 符合 防疫 及 安全 條件 後 即可 決定 是否 開放 營業 台南 市長 黃偉哲 對 此 表示 中央 給出 標準 台南 就 會 執行 將 考慮 讓 業者 以 切結 方式 允諾 遵守 中央 規定 黃偉哲 今天 回應 這項 議題 時說 臺北市 說 法 是 等 中央 公文 到 了 再說 中央 的 是 說 如果 地方 準備 好 了 就 好 那 到底 是 怎樣 聽 了 有點 霧 煞 煞 他 說 酒店 跟 舞廳 的 部分 有 一點 像是 燙手山芋 不管 中央 甩 鍋 到 地方 或 地方 甩 鍋 到 中央 還 是 希望 不必 給 公文 就 制定 好 標準 及 sop 由 地方 負責 執行 黃偉哲 說 例如 中央 制定 規則 客人 跟 小姐 之間 要 戴 口罩 保持 社交距離 可不 可行 跳舞 要 不 要 保持 社交距離 跳舞 這不 知道 有 沒有 辦法 反正 就 是 中央 制定 一個 標準 準則 讓 地方 負責 執行 業者 負責 遵行</t>
  </si>
  <si>
    <t>我國 採購 的 10萬 劑 莫德納 疫苗 今 抵 台 中央流行疫情指揮中心 指揮官 陳時中 表示 今日 入境 的 莫德納因 劑量 不 多 996萬 劑 指揮中心 會 馬上 研究 如何 做 最 適當 分配 目前 尚未 定案 這 批 莫德納 疫苗 抵 台後 各界 關心 如何 運用</t>
  </si>
  <si>
    <t>我國 採購 的 10萬 劑 莫德納 疫苗 今 抵 台 中央流行疫情指揮中心 指揮官 陳時中 表示 今日 入境 的 莫德納因 劑量 不 多 996萬 劑 指揮中心 會 馬上 研究 如何 做 最 適當 分配 目前 尚未 定案 這 批 莫德納 疫苗 抵 台後 各界 關心 如何 運用 要 留給 第一 劑 還 是 第二 劑 陳時中 說 因 疫苗 量 少 還 需要 一些 討論 何時 會 有 答案 陳未 做 明確 答 覆 行政院長 蘇貞昌 表示 全球 疫苗 供貨 不 穩 許多 國家 變種 病毒 疫情 又 逐漸 升溫 臺灣 疫苗 覆蓋率 自 5 月 16 日 不 到 1 現 已 逾 910萬 人 施打 涵蓋 率 達 3688 本土 確診 人數 也 從 每天 500 多 例 迅速 降 至 兩位數 甚至 個位 數 蘇 強調 政府 會 持續 努力 加速 疫苗 出 貨 進度 同時 確實 做好 各項 防疫 工作 讓 國內 儘快恢復 正常 生活</t>
  </si>
  <si>
    <t>ic 封 測 廠 矽 格 公司 6257 9 日 針對 竹東 兩 個 廠 區 及 湖口 兩 個 廠 區 的 外籍 員工 643 名 展開 預防 性 快 篩 作業 所有 人員 的 快 篩檢測 結果 全數 呈現 陰性 矽 格 表示 此舉 系 因應 陸續 發生 的 外籍 移 工 新冠肺炎 確診 事件 及 為 確保 員工 健康 與 工作 環境 安全 並 配合 新竹縣政府 指示 鼓勵 雇用 移 工 之 企業 進行 快 篩檢驗 以防堵 疫情 擴散 快 篩 作業 系 依據 衛生 福利 部 疾病 管制 署 發佈 之 企業 抗原 快 篩 執行 原則 由 公司 委 讬 專業 醫 事 人員 至 宿舍 和 廠 區 執行 檢測 以 分流 分組 分 區及 保持 防疫 安全 距離 等 防疫 重點 進行 矽 格 表示 仍 將 持續 依 中央流行疫情指揮中心 規定 及 流程 進行 防疫 作業 持續 照顧 員工 健康 保持 工作 環境 安全 讓 半 導體 供應 鏈 順暢 客戶 安心 來 確保 公司 營運 不受 疫情 影響</t>
  </si>
  <si>
    <t>近日 各方 一再 疾 聲 呼籲 端午節 不 返鄉 退票 並 免 收 手續費 國光 客運 企業 工會 理事長 楊榮德 強調 客運業 完全 認同 萬事 莫如 防疫 急 無 異議 配合 到底 不過 1 車 30 個 座位 只 賣 6 張 票 每 發 1 班車 賠 不只 1 班車 付 駕駛 薪水 都 不夠 希望 主管機關 補貼 發車 班次 8 成 營業 損失 協助 客運業 者 度過 空前 危機 楊榮德 代表 客運業 第一 線 勞工 發聲 表示 今年 端午 連 假 預售票 5 月 13 日 開始 發售 配合 三級 疫情 警戒 延長 85 折 連 假 優惠 已於 5 月 29 日 緊急 喊 卡 之後 中央流行疫情指揮中心 又 要求 雙鐵 客運 最 多 只 能 坐 2 成 座位 並 採取 梅花座 分散 入座 楊榮德 說 客運業 一切 按照 主管機關 指示 辦理 無論是 安排 車上 座位 或 車站 候車 動 線 駕駛 與 站務 人員 都 戰戰兢兢 落實 防疫 工作 工會 也 通告 周知 會員 同仁 務必 耐心 面對 乘客 各種 不同 聲音 但 另一方面 相關 單位 也 應 做好 事先 宣導工作 盡可能 降低 民怨 或 現場 糾紛 楊榮德 說 即使 客運業 本身 面臨 前所未有 經營 困境 近日 第一線 同仁 毫無 怨言 全力 處理 退票 與 客 訴 不過 1 輛 車 30 個 位子 最 多 只 能 賣 20 也 就 是 6 張 票 按照 客運業 成本 去 算 連付 駕駛 薪水 都 不夠 每 發 一 班車 賠 不只 一 班車 客運業 運能 與 營 收 雪崩 式 下滑 端午 連 假 運量 緊縮 雪上加霜 希望 主管機關 補貼 發車 班次 8 成 營業 損失 協助 客運業 者 度過 空前 危機 上周 交通部 公佈 紓困 40 方案 其中 計程車 遊覽車 小 客車 租賃 業 代 雇 駕駛 補貼 3萬 元 已經 匯入 帳 戶 不過 公路 客運 卻 沒有 被 列 進 補貼 名單 中 有 公路 客運業 者 表示 交通部 發 的 錢 是 行政院 紓困 40 因為 去年 也 發過 就 直接 匯 進帳 戶 但是 客運 是 採取 公運計 畫 來 處理 對比 1 到 4 月 的 運量 下滑 一半 以上 每車 可以 補助 3萬 元 公路 總局 上周 說 辦法 快 出來 了 但 一直 沒看到 細節 業者 表示 現在 公路 客運 已經 減班 每 班車 又 只 能 坐 6 人 民眾 都 減少 出遊 但 搭 車 的 需求 還是 在 假設 說 有 18 人 要 搭 等於 要 3 輪 才 載 得 完 只能 由 第 一線 的 駕駛 或 客服 人員 去 告訴 乘客 你 要 等 2 個 小時 才 搭 得到 政府 只 宣佈 了 最 多 坐 滿 2 成 其他 配套措施 都 沒有 放任 基層 客運 人員 去 面對 乘客 的 不耐煩 怒氣 甚至 刁難</t>
  </si>
  <si>
    <t>北市 出現 全台 第 一個 因 新冠肺炎 全校 停課 學校 中央流行疫情指揮中心 指揮官 陳時中 表示 今天 唯一 的 本土 個案 第 103 案 是 59 案 同班 的 鄰座 男 同學 就是 原本 國內 已經 停課 的 同班同學 因此 按照 原本 規定 一 班 有 一個 人 就 停</t>
  </si>
  <si>
    <t>北市 出現 全台 第 一個 因 新冠肺炎 全校 停課 學校 中央流行疫情指揮中心 指揮官 陳時中 表示 今天 唯一 的 本土 個案 第 103 案 是 59 案 同班 的 鄰座 男 同學 就是 原本 國內 已經 停課 的 同班同學 因此 按照 原本 規定 一 班 有 一個 人 就 停 班 有 兩 班就 停 校 這次 有 兩 個 確診 和 教育部 討論 結果 在 安全 起見 讓 全校 停課 到 下 週五 陳時中 表示 59 案 被 確診 後 這 班 已經 都 沒有 去 學校 上課 隔離 時間 從 59 案 隔離 期間 開始 計算 根據 指揮中心 15 日 公佈 的 資料 該 名 北市 高中男 學生 1 月 與 家人 同 遊 希臘 3 月 5 日 返台 12 日 出現 喉嚨 痛 情形 13 日 因 咳嗽 流 鼻 水 及 頭痛 等 症狀 就醫 並於 15 日 確診 指揮中心 表示 案 103 在 3 月 15 日 早上 出現 喉嚨 癢 當晚 有 發燒 症狀 16 日 先行 致電 1922 通知 後 依 指示 前往 醫院 就醫 並 主動 告知 為 案 59 同學 隨即 由醫院 安排 采 檢 後 住院 隔離 於 今日 確診 因 應該 班級 已 有 2 人 確診 該校 自 3 月 20 日 至 3 月 27 日 進行 全校 停課 衛生 單位 將 針對 案 59 教室 座位 周圍 同學 進行 擴大 采 檢 國內 出現 首 起 全校 停課 狀況 台 大公 衛 學院院長 詹 長 權 呼籲 現階段 應該 要 宣佈 社區 傳播 但 對 此 防疫 指揮官 陳時中 表示 整個 來看 社區 傳播 還是 要 本土 病例 大於 境外 現在 雖然 案例 多 但 本土 要 比 境 外來 的 少 當然 指揮中心 仍然 不敢 大意 防疫 團隊 仍然 會戰 戰 競競 面對 疫情</t>
  </si>
  <si>
    <t>疫情 趨 緩 餐飲 內 用 不 需 設置 隔板 雲 林縣 北港鎮 朝 天宮 周邊 知名 小吃 5 日 已 有 部分 店家 撤除 隔板 但 還是 有 些 店家 觀望 中 持續 不 開放 內 用 另外 有 條件 開放 進香團 朝 天宮 認為 將 可 帶來 團體 進香 人潮 有助 商圈 店家 生意 活絡 中央流行疫情指揮中心 公佈 2 級 警戒 維持 到 本月 18 日 不過 5 日 起 部分 相關 措施 已 放寬 餐飲 方面 內 用 不 限 隔板 或 15 公尺 間距 北 港 朝 天宮 商 圈 知名 小吃 廟 邊 假 魚肚 5 日 拿 掉 隔板 表示 沒有 隔板 可以 坐 更 多 人 方便 全家共 餐 增加 來 店 人數 廟 邊 假 魚肚 蔡姓 老闆 說 面對 國慶 連 假 預計 會 有 大量 信 眾 來 朝 天宮 參拜 室外 通風 良好 餐桌 隔板 會 撤除 室內 則 視 情況 而 定 若 有 需要 還 是 會用 隔板 主要 是 擔心 連 假人 潮 來自 全台 各縣市 染疫 風險 比較 高 還是 謹慎 一點 比較 好 其他 小吃店 指出 之前 為了 防疫 都只 提供 外帶服務 取消 隔板 與 間距 後 將 開放 內 用 這 幾 天會 觀察 內 用 情況 進行 滾 動式 調整 若 有 客人 與 他人 並 桌 用餐 要求 隔板 也 會 提供 隔板 服務 儘量 滿足 客人 的 需求 餐廳 業者 認為 餐桌上 有 隔板 讓 全家 聚餐 意願 大幅 減少 生意 大 受 影響 取消 隔板 後 已 接 到 不少 訂 桌 生意 希望 疫情 持續 降溫 儘快恢復 往日 榮 景 朝 天宮 表示 之前 禁止 進香團 到 廟 所以 參拜 民眾 都 是 親朋好友 相約 自行 開車 前來 開放 進香團 後 預估 搭乘 遊覽車 進香 人潮 會 有所 增加 但 廟前 的 人數 管制 處 還 是 維持 不 變 仍 需 戴 口罩 量 體溫 酒精 消毒 後 才能 入 廟</t>
  </si>
  <si>
    <t>中央流行疫情指揮中心 今 19 日 公佈 國內 新增 6 例 covid-19 確定 病例 分別 為 1 例 本土 及 5 例 境外移入 另 確診 個案 中 新增 5 例 死亡 指揮中心 表示 今日 新增 之 1 例 本土 病例 案 16006 為 本 國籍 50 多 歲 男性 近期 無 國內外 旅遊 史</t>
  </si>
  <si>
    <t>中央流行疫情指揮中心 今 19 日 公佈 國內 新增 6 例 covid-19 確定 病例 分別 為 1 例 本土 及 5 例 境外移入 另 確診 個案 中 新增 5 例 死亡 指揮中心 表示 今日 新增 之 1 例 本土 病例 案 16006 為 本 國籍 50 多 歲 男性 近期 無 國內外 旅遊 史 今 2021 年 8 月 18 日 陪 家人 就醫 因 家 人 需 住院治療 故於 同日 接受 陪 病者 采 檢 於 今日 確診 ct 值 227 個案 為 無 症狀 感染 衛生 單位 已 啟動 醫院 及 社區 調查 與 防治 相關 接觸 者 匡列中 指揮中心 說明 今日 新增 5 例 死亡 個案 為 3 例 男性 2 例 女性 年齡 介於 60 多 歲 至 80 多 歲 發病 日 介 5 月 24 日 至 6 月 13 日 確診 日 介於 6 月 2 日 至 6 月 15 日 死亡 日 介於 8 月 13 日 至 8 月 17 日 詳 如 新聞稿 附件 1 指揮中心 指出 近期 確診 個案 解 隔離 情形 5 月 11 日 至 8 月 17 日 累計 公佈14681 位 確診 個案 中 已 有 13545 人 解除 隔離 解 隔離 人數 達 確診 人數 923 指揮中心 說明 今日 新增 5 例 境外移入 個案 為 4 例 男性 1 例 女性 年齡 介於 20 多 歲 至 50 多 歲 分別 自 美國 案 16002 立陶宛 案 16003 越南 案 16004 阿拉伯 聯合 大公國 杜拜 案 16005 及 伊朗 案 16007 入境 均 持有 搭 機 前 3 日內 檢驗 陰性 報告 入境 日 介於 8 月 6 日 至 8 月 17 日 詳 如 新聞稿 附件 2 指揮中心 統計 截至 目前 國內 累計 2429464 例 新型 冠狀病毒 肺炎 相關 通報 含 2411951 例 排除 其中 15897 例 確診 分別 為 1356 例 境外移入 14488 例 本土 病例 36 例 敦睦 艦隊 2 例 航空器 感染 1 例 不 明及 14 例 調查 中 另 累計 110 例 移除 為 空號 2020 年 起 累計 826 例 covid-19 死亡 病例 其中 818 例 本土 個案 居住 縣 市 分佈 為 新北市 406 例 臺北市 314 例 基隆 市 28 例 桃園 市 26 例 彰 化 縣 15 例 新竹 縣 12 例 台中 市 4 例 苗栗縣 3 例 宜蘭 縣 及 花蓮縣 各 2 例 台 東縣 雲 林縣 台 南市 南 投 縣 高雄市 及 屏 東縣 各 1 例 另 8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中央流行疫情指揮中心 今 15 日 公佈 國內 新增 2 例 境外移入 covid-19 武漢肺炎 病例 為 50 多 歲 男性 案 444 及 40 多 歲 女性 案 445 兩 人 為 一對 夫婦 分別 於今 2020 年 1 月 下旬 及 3 月 上旬 至 孟加拉 工作 6 月 12 日 一同 自 孟加拉 搭 機</t>
  </si>
  <si>
    <t>中央流行疫情指揮中心 今 15 日 公佈 國內 新增 2 例 境外移入 covid-19 武漢肺炎 病例 為 50 多 歲 男性 案 444 及 40 多 歲 女性 案 445 兩 人 為 一對 夫婦 分別 於今 2020 年 1 月 下旬 及 3 月 上旬 至 孟加拉 工作 6 月 12 日 一同 自 孟加拉 搭 機 至 馬來西亞 並於 13 日 自 馬來西亞 搭乘 專機 返國 新冠肺炎 再 增 2 確診 打破 了 連 13 天 0 國內 新冠肺炎 已 14 天 維持 0 今天 是 時隔 13 天 又 有 境外移入 個案 本土 則 有 64 天 無 新 增 病例 國內 確診 增加 到 445 例 指揮中心 表示 案 444 在 孟加拉 工作 期間 曾於 5 月 23 日 出現 發燒 咳嗽 喉嚨 痛 肌肉 酸痛 及 味覺 異常 等 症狀 案 445 則 於 5 月 25 日 出現 發燒 症狀 兩 人均 於 孟加拉 當地 確診 後 住院治療 其中 案 444 於 5 月 26 日 即 無 症狀 5 月 28 日 及 6 月 2 日 采 檢 均 為 陰性 案 445 於 6 月 2 日 檢驗 陰性 兩 人 6 月 2 日 出院 返家 後 未再 外出 兩 人 6 月 13 日 返國 入境 時無 症狀 因 主動 告知 曾於 孟加拉 確診 住院 由 機場 采 檢 後 送至 集中 檢疫所 隔離 其中 案 444一 采 檢驗 陽性 案 445一 采 檢驗 陰性 二 采 檢驗 陽性 兩 人均 於 今日 確診 目前 住院 隔離 中 指揮中心 指出 案 444 與 案 445 搭 機 返台 時 均 有 戴 口罩 著 防護衣 入境 後 未 接觸 國內 親友 衛生 單位 目前 已 掌握 個案 同 班機 機組員 及 前後 兩 排 乘客 共 37 人 由於 兩 個案 全程 皆 有 著 防護 裝備 因 此 11 位 機組員 列為 自主 健康 管理物件 前後 兩 排 26 位 乘客 維持 居家 檢疫 對象 指揮中心 統計 國內 截至 目前 累計 74409 例 新型 冠狀病毒 肺炎 相關 通報 含 73507 例 排除 其中 445 例 確診 分別 為 354 例 境外移入 55 例 本土 病例 及 36 例 敦睦 艦隊 確診 個案 中 7 人 死亡 433 人 解除 隔離 其 餘 持續 住院 隔離 中</t>
  </si>
  <si>
    <t>中央流行疫情指揮中心 指揮官 陳時中 表示 日前 針對 規模 1000 人 以上 企業 100 人 以上 中央政府 機關 對 有 意願 的 人 進行 造冊 他 強調 這 是 預先 的 準備 並 不是 由 這個 當作 施打 依據 目前 先 造冊 瞭解 以 做 未來 疫苗 分配 的 規劃</t>
  </si>
  <si>
    <t>中央流行疫情指揮中心 指揮官 陳時中 表示 日前 針對 規模 1000 人 以上 企業 100 人 以上 中央政府 機關 對 有 意願 的 人 進行 造冊 他 強調 這 是 預先 的 準備 並 不是 由 這個 當作 施打 依據 目前 先 造冊 瞭解 以 做 未來 疫苗 分配 的 規劃 有 媒體 報導 covid-19 疫苗 接種 外 展 服務 無法 選擇 疫苗 廠 牌 系 為 國產 疫苗 鋪路 中央流行疫情指揮中心 今 29 日 澄清 無法 選擇 疫苗 廠 牌 系 因 目前 尚 無法 確認 屆時 可 供 應之 疫苗 廠 牌 與 數量 並非 為 國產 疫苗 鋪路 指揮中心 表示 為 加速 我國 covid-19 疫苗 接種 作業 規劃 辦理 covid-19 疫苗 接種 外 展 服務 已於 日前 發文 請 各部 會 先行 調查 規模 1000 人 以上 企業 100 人 以上 中央政府 機關 等 人員 施打 疫苗 意願 及 進行 造冊 並 由 各 機關 構 自行 評估 是否 有 適合 執行 接種 作業 的 地點 及 空間規劃 等 有關 媒體 報導 該 公文 提到 無法 選擇 疫苗 廠 牌 系 為 國產 疫苗 鋪路 指揮中心 澄清 系 因 目前 尚 無法 確認 屆時 可 供 外 展 服務 之 疫苗 廠 牌 與 疫苗 數量 並非 為 國產 疫苗 鋪路 待 疫苗 量 充足 會 依 屆時 可 供 應之 疫苗 廠 牌 與 數量 再次 詢問 機關 構 參與 外 展 服務 與 接種 之 意願 指揮中心 進一步 說明 有關 疫苗 外 展 服務 調查 系 為 後續 疫苗 量 充足 且 可 全民 接種 時 疫苗 需求量 調查 與 分佈 之 預先 規劃</t>
  </si>
  <si>
    <t>因應 疫情 持續 嚴峻 中央流行疫情指揮中心 已 宣佈 提升 全國 疫情 警戒 至 第 三級 台電 為 落實 防疫 確保 員工 健康 及 供電 不受 疫情 影響 台電 總 管理 處於 24 日 實施 異地 辦公 措施 並 配合 疫情 指揮中心 指引 辦理 相關 防疫 措施 台電 說</t>
  </si>
  <si>
    <t>因應 疫情 持續 嚴峻 中央流行疫情指揮中心 已 宣佈 提升 全國 疫情 警戒 至 第 三級 台電 為 落實 防疫 確保 員工 健康 及 供電 不受 疫情 影響 台電 總 管理 處於 24 日 實施 異地 辦公 措施 並 配合 疫情 指揮中心 指引 辦理 相關 防疫 措施 台電 說 位於 台電 總 管理處 的 中央 電力 調度 中心 是 確保 全國 穩定 電力 的 關鍵 因此 在 98 年 即 考量 異地 備援 在 高雄 同樣 增設 中央 調度 中心 成為 全世界 第一 套 雙 主控 中央 調度 中心 因應 疫情 考驗 台電 總 管理處 已 在 去年 進行 調度 人員 與 其他 人員 分流 近期 更 加強 人員 分流 管制 包括 人員 進出 大樓 動 線 分流 公文 傳遞 動 線規 劃 加強 環境 消毒 與 清潔 區域 分流 會議 采 分 艙 分流 或 視 訊 等 也 提前 利用 假日 期間 進行 搬遷 準備 24 日 開始 實施 三 階段 異地 辦公 措施 隨時 滾 動 檢討 可 加強 之 作為 防止 疫情 擴散 異地 辦公 方式 如何 執行 台電 說 將 積極 運用 原本 會議室 及 餐廳 等 空間 改為 異地 辦公 場 域 也 綜合 盤點 鄰近 各 地方 單位 可用 空間 將 總 管理處 各 單位 約 三 分之一 員工 自 今 24 日 起 分 三 梯次 陸續 移 至 異地 辦公 並 杜絕 兩 區 人員 越區 交流 避免 單位 業務 受 疫情 影響 無法 正常 運作 台 電錶 示 為了 穩定 供電 台電 各 單位 也 已 完成 備援 人力 機制 及 異地 辦公 規劃 也 針對 供電 需求 完成 材料 盤點 整備 及 發電 必要 燃料庫 存 數量 以 確保 供電 不受 疫情 影響</t>
  </si>
  <si>
    <t>出國 旅行 近在咫尺 了 臺灣 與 帛 琉 的 旅遊 泡泡 即 將 成真 近日 旅遊業 已 傳出 4 月 起 每天 直 飛 帛 琉 更 盛傳 3 月 15 日 帛 琉 總統 惠恕仁 將來 台細 談 旅遊 泡泡 今天 中央流行疫情指揮中心 指揮官 陳時中 下午 2 點將 召開 記者會 最新 說明 指</t>
  </si>
  <si>
    <t>出國 旅行 近在咫尺 了 臺灣 與 帛 琉 的 旅遊 泡泡 即 將 成真 近日 旅遊業 已 傳出 4 月 起 每天 直 飛 帛 琉 更 盛傳 3 月 15 日 帛 琉 總統 惠恕仁 將來 台細 談 旅遊 泡泡 今天 中央流行疫情指揮中心 指揮官 陳時中 下午 2 點將 召開 記者會 最新 說明 指揮官 陳時中 昨天 證實 帛 琉 總統 來 台將采 綠色通道 用 元首 規格 待遇 依照 外交 泡泡 檢疫 指揮中心 發言人 莊人祥 也 表示 確實 有 重 啟 旅遊 泡泡 規 畫 包含 返台 後 要 居家 檢疫 35 天 或是 不必 居家 檢疫 等 方案 最近 23 天 就 會 討論 傳 帛 琉 旅遊 泡泡 預計 采 團 進 團 出 雙方 每週 各 飛 8 班 臺灣 是 華航 每週 6 班 長 榮 每週 2 班 帛 琉 太平洋 航空 則 向 臺灣 虎 航 租借 飛機 每週 飛 8 班 指揮中心 再次 提醒 民眾 出入 醫療 照 護 公共 運輸 生活 消費 教育學 習 觀展 觀賽 休閒 娛樂 宗教 祭祀 及 洽 公 機關 構 等 八大 類 高 感染 傳播 風險 場 域 因 不易 與 他人 保持 社交距離 且 會 近 距離 接觸 不 特定 物件 請 務必 佩戴 口罩 並 應 落實 勤洗手 咳嗽 禮節 等 個人 衛生習慣 以 降低 感染 風險</t>
  </si>
  <si>
    <t>新冠肺炎 國內 又 新增 2 境外移入 病例 中央流行疫情指揮中心 宣佈 今 21 日 14 00 召開 臨時 記者會 由 發言人 莊人祥 說明 最新 情形 指揮中心 昨 20 日 公佈 的 境外移入 病例 為 菲律賓籍 30 多 歲 女性 案 507 9 月 18 日 自 菲律賓 入境</t>
  </si>
  <si>
    <t>新冠肺炎 國內 又 新增 2 境外移入 病例 中央流行疫情指揮中心 宣佈 今 21 日 14 00 召開 臨時 記者會 由 發言人 莊人祥 說明 最新 情形 指揮中心 昨 20 日 公佈 的 境外移入 病例 為 菲律賓籍 30 多 歲 女性 案 507 9 月 18 日 自 菲律賓 入境 來 台 工作 衛生 單位 已 掌握 個案 同 班機 接觸 者 共 23 人 其中 9 人 為 前後 二 排座位 旅客 列為 居家 隔離 對象 14 人 為 機組員 因 全程 有 適當 防護 措施 列為 自主 健康 管理物件 指揮中心 統計 國內 截至 目前 累計 91555 例 新型 冠狀病毒 肺炎 相關 通報 含 90461 例 排除 其中 507 例 確診 分別 為 415 例 境外移入 病例 55 例 本土 病例 36 例 敦睦 艦隊 及 1 例 不 明 確診 個案 中 7 人 死亡 479 人 解除 隔離 21 人 住院 隔離 中</t>
  </si>
  <si>
    <t>高端疫苗 啟動 混打 試驗 將 召集 上百 名 接種 過 一 劑 莫德納 疫苗 的 受試者 安排 接種 第二 劑 高端疫苗 衛福 部長 陳時中 今天 表示 由於 試驗 將 用到 莫德納 疫苗 必須 經由 總公司 同意 這 部分 需要 先 獲准 將 由 指揮中心 來 擔任 視窗 進行 協調 acip 召集人 李秉穎 今天 表示 高端 啟動 混打 試驗 目的 並非 解決 到貨 量 不足 的 問題 而是 要 降低 心肌炎 的 風險 陳時中 說 心肌炎 發生率 不是 特別 高 但 值得 大家 注意 大家 可能 聽到 心肌炎 心包 膜 炎 會 覺得 可怕 但 到 目前為止 都 沒有 出現 死亡 案例 指揮中心 醫療 應變 組 副 組長 羅一鈞 表示 根據 美國 公佈 的 資料 目前 幾乎 沒有 看到 打完 莫德納 疫苗 後 因 心肌炎 而要 住 到 加 護 病房 的 個案 香港 近期 雖 傳出 有 三十七 名 年輕人 接種 後 出現 心肌炎 心包 膜 炎 其中 有 三十 位 是 打 第二 針 後 才 出現 平均年齡 十五 歲 但 通常 住院 幾 天 後 就 能 出 院 資深 媒體 人趙 少康 今天 痛 批 中央流行疫情指揮中心 啟動 高端疫苗 的 混打 試驗 是 狗急跳牆 絕不會 被 三百萬 名 等待 第二 劑 莫德納 疫苗 的 民眾 接受 衛福 部長 陳時中 今天 解釋 啟動 高端 混打 試驗 並 非要 推銷 高端 這樣 的 批評 不 太 合理 應該 要 更 理性 一些 陳時中 表示 啟動 高端 混打 試驗 只是 提供 一些 資料 情境 讓 外界 瞭解 基本上 使用 還 是 會 尊重 大家 的 選擇 絕非 要 推銷 高端 外界 批評 有些 不合理 應該 更 理性 一點</t>
  </si>
  <si>
    <t>有 民眾 在 網路 爆 料 指 台南 市政府 調查 南科 防疫 人員 及 施打 疫苗 擬將 大 企業 老闆 主管 納入 優先 施打 對象 台南 市政府 今 澄清 預先 調查 南科 防疫 第一線 人員 是 以利 未來 疫苗 大量 抵達 能 加速 接種 效率 針對 造謠 行為 將 與 南科 管理局 依 傳染病 防治法 追究 法律責任 網路 流傳 副 市長 戴謙 要求 南科 管理局 局長 蘇振綱 整理 名冊 將 企業 重要 主管 幹部 列為 防疫 重點 人員 可 優先 施打 疫苗 戴謙 今天上午 強調 有關 相關 疫苗 施打 序位 南 市府 遵照 中央流行疫情指揮中心 指引 及 衛生 單位 規定 辦理 並非 如同 網路 流傳 優先 予 企業 重要 幹部 施 打的 情形 台南 市政府 指出 京元 電子 竹南 廠 爆發 群 聚 感染 引起 全國 關注 市府 與 南科 園區 緊密 合作 預先 調查 園區 事業 單位 防疫 第一線 相關 人員 如 廠醫 廠 護 協助 公司 居檢 人員 服務 及 清潔 保全 等 以利 未來 疫苗 大量 抵達 時 能夠 加速 接種 效率 確保 南科 營運 與員工 健康 無 虞 市府 也 表示 自 全國 防疫 升級 三級 以來 為 避免 南科 產生 疫情 破 口 市府 積極 展開 相關 措施 包括 奇美醫院 做為 篩檢 醫院 台積電 將 全國 第一 輛 零 接觸 篩檢 站 從 南科 開始 作業 等 市府 也 針對 4 日 晚間 網路 爆 料 通知 內容 指 明 6 7 日中 午前 提供 既然 還 沒 造冊 送 市府 哪裡 來 的 特權 施打 疫苗 對此 市府 也 將 與 南科 管理局 研究 將 依 傳染病 防治法 針對 造謠 行為 追究其 法律責任</t>
  </si>
  <si>
    <t>航 港 局 7 日 表示 covid-19 疫情 嚴峻 全國 自 5 月 19 日 起 提升 至 三級 警戒 航 港 局 考量 民眾 因 疫情 關係 可能 無法 如期 依法 檢查 船舶 申請 換 照 或 參加 訓練 為 降低 群 聚 感染 風險 及 維護 民眾 安全 健康 特別 提供 船舶 檢查 船員 訓練 及 駕駛 監理 等 三 項 便民措施 放寬 檢查 期限 或以 線 上 方式 辦理 並 自即日起 實施 航 港 局 表示 船舶 檢查 部分 即日起 至 中央流行疫情指揮中心 公告 三級 警戒 結束 止 未 出港 之 船舶 延誤 申請 船舶 定期檢查 者 得 免 附 未 出港 證明 即可 免予 裁 罰 如果 船舶 所有人 因 疫情 而 居家 檢疫 隔離 等 措施 致 無法 申辦 船舶 檢查 放寬 於 管制 措施 解除 後 3 個 月 內 申請 檢查 即 免 裁 罰 另外 航 港 局 說 針對 提供 基本 民行 及 物資 運送 船舶 若 船舶 航行 期限 將 屆 又 有 出港 的 必要 時 航 港 局 可 配合 指派 船舶 檢查人員 辦理 檢查 但 提醒 船舶 所有人 於 檢查 時 指派 的 現場 陪 檢 人員 以 2 人 為 限 並於 檢查 過程 中 保持 社交距離 以 降低 群 聚 傳染 風險 相關 申辦 船舶 檢查 及 停航 民眾 航 港 局 鼓勵 多 以 線 上 或 電話 方式 以 降低 人 與 人間 的 接觸 落實 防疫 其次 配合 三級 疫情 警戒 期間 自 5 月 15 日 起 暫停 船員 訓練 機構 及 遊艇 與 動力 小船 駕駛 訓練 機構 各項 訓練 航 港 局 說 但 為 提供 相關 民眾 與 船員 能 於 疫情 期間 訓練 不 中斷 在 符合 航海 人員 訓練 發證 及 航行 當值 標準 stcw 國際公約 及 確保 訓練 品質 與 量 能 的 前提 之下 開放 船員 訓練 機構 及 遊艇 與 動力 小船 駕駛 訓練 機構 針對 學科 課程 辦理 線 上 教學 航 港 局 表示 因應 疫情 期間 訓練 機構 無法 辦理 實體 訓練課 程 為了 保障 船員 順利 任職 航運 產業 持續 運作 針對 船員 證書 到期 的 船員 已 先 提供 航 商 協助 船員 申請 證書 展延 服務 另為 避免 疫情 趨 緩 後 因應 短期 內 大量 船員 訓練 需求 將 造成 訓練 機構 負擔 因此 研議 開放 訓練 機構 線 上 教學 同時 為 確保 各式 訓練 如 質 執行 特別 訂 定 交通部 航 港 局 因應 嚴重 特殊 傳染性 肺炎 影響 辦理 船員 專業訓練 及 遊艇 與 動力 小船 駕駛 訓練 線 上 教學 原則 作為 訓練 機構 實施 訓練 學科 線 上 教學 的 執行 原則 航 港 局 說 未來 船員 可 先行 完成 各式 學科 部分 線 上 學習 後 待 疫情 和緩 正常 開 課時 僅 需 補上 實 作 訓練 部分 並經 評估 合格 後 即可 核發 相關 證書 至於 遊艇 與 動力 小船 駕駛 訓練 亦可 先 進行 學科 線 上 教學 並於 日後 補足 術科 訓練 時數 後 即 可 由 駕駛 訓練 機構 核發 結訓 證書 此外 為 配合 國家 防疫 政策 確保 當前 醫療 量 能 考量 目前 教學醫院 或 公立醫院 門診 營運 降 載 航 港 局 說 已 針對 三級 警戒 期間 營業 用 動力 小船 駕駛執照 有效 期間 屆滿 者 可 展 延至 全國 各地 三級 以上 警戒 防疫 規定 均 解除 後 6個 月 內 完成 換發 視同 未 逾期</t>
  </si>
  <si>
    <t>中央流行疫情指揮中心 今日 公佈 國內 新增 2 例 境外移入 新冠肺炎 確定 病例 案 602603 分別 自 日本 及 美國 入境 本 周 累計 25 例 確診 不但 超過 上周 數量 也 是 自 今年 4 月底 以來 單周 確診 人數 新 高 指揮中心 表示 案 602 為 40 多</t>
  </si>
  <si>
    <t>中央流行疫情指揮中心 今日 公佈 國內 新增 2 例 境外移入 新冠肺炎 確定 病例 案 602603 分別 自 日本 及 美國 入境 本 周 累計 25 例 確診 不但 超過 上周 數量 也 是 自 今年 4 月底 以來 單周 確診 人數 新 高 指揮中心 表示 案 602 為 40 多 歲 本 國籍 女性 長期 定居 日本 前次 自 臺灣 出境 日期 為 2020 年 2 月 11 月初 陸續 出現 鼻 塞 頭痛 噁 心 流 鼻 水 及 嗅 味覺 異常 等 症狀 自行 服 藥 後 症狀 緩解 未 在 當地 就醫 11 月 12 日 與 2 名 家人 一同 返台 探親 入境 時 主動 告知 有 症狀 於 機場 采 檢 後 安排 至 集中 檢疫所 今日 確診 衛生 單位 已 掌握 個案 同 班機 接觸 者 共 15 人 其中 同行 家 人 2 人 及 前後 二 排座位 旅客 1 人 列 居家 隔離 機組員 11 人 及 專車 司機 1 人 因 有 適當 防護 列 自主 健康 管理 指揮中心 指出 案 603 為 30 多 歲 本 國籍 女性 因 工作 長期 居住 美國 前次 自 臺灣 出境 日期 為 今年 8 月 11 月 13 日 與 家人 一同 返國 入境 時 個案 主動 告知 搭 機時 自覺 出現 嗅 味覺 異常 情形 但 下機 後 即 恢復 於 機場 采 檢 後 安排 至 集中 檢疫所 今日 確診 衛生 單位 已 掌握 個案 同 班機 接觸 者 共 12 人 其中 同行 家 人 1 人 及 前後 二 排座位 旅客 3 人 列 居家 隔離 機組員 8 人 因 有 適當 防護 列 自主 健康 管理 指揮中心 統計 截至 目前 國內 累計 105589 例 新型 冠狀病毒 肺炎 相關 通報 含 104108 例 排除 其中 602 例 確診 分別 為 510 例 境外移入 55 例 本土 病例 36 例 敦睦 艦隊 及 1 例 不明 另 1 例 案 530 移除 為 空號 確診 個案 中 7 人 死亡 536 人 解除 隔離 59 人 住院 隔離 中</t>
  </si>
  <si>
    <t>新冠肺炎 疫情 肆虐 大多 行業 生意 慘澹 甚至 被迫 熄燈 日前 酒店 舞廳 等 行業 遭 中央流行疫情指揮中心 停業 後 有 應 召 站 腦筋 動 得 快 立馬 吸收 酒店 女 陪 侍 透過 包養 網站 釣魚 吸 客 以 15萬 元 起 價碼 從事 性交 易 月 營 收 直 逼 6</t>
  </si>
  <si>
    <t>新冠肺炎 疫情 肆虐 大多 行業 生意 慘澹 甚至 被迫 熄燈 日前 酒店 舞廳 等 行業 遭 中央流行疫情指揮中心 停業 後 有 應 召 站 腦筋 動 得 快 立馬 吸收 酒店 女 陪 侍 透過 包養 網站 釣魚 吸 客 以 15萬 元 起 價碼 從事 性交 易 月 營 收 直 逼 60萬 元 刑事 局 南部 打擊犯罪 中心 近日 循線 查獲 逮 補 13 名 嫌犯 到案 南 打 表示 年初 接 獲 線 指稱 台南 市 永康 安平 區 有 3 棟 商 辦 日夜 都有 不少 年輕人 出入 行跡 可疑 疑 似 詐騙 機房 據點 經連月 調查 蒐證 一 開始 以為 只 是 單純 經營 網路 博 奕 平臺 機房 19 日見 時機成熟 收 網 直 搗 基地 誤打誤撞 在 電腦 查獲 性 交易 媒 合 對話 紀錄 才 一舉 破獲 應 召 call 客機 房 警方 指出 嫌犯 利用 疫情 期間 酒店 停業 1 個 月 來 吸收 酒店 女 陪 侍 先 在 包養網 站上 放 上火 辣 照片 釣魚 再 由 3 名 機房 員工 偽裝成 應召女 等待 魚兒 上鉤 透過 通訊 軟 體 與 男客 攀談 捏 照 楚楚可憐 的 背景 像是 單親家庭 家人 欠債 背債 親人 生病 等 藉 故 拉 抬 性 交易 金額 或 包養 價碼 警方 表示 每次 性 交易 喊 到 1萬5000 元 起跳 機房 員工 與 男客 談 妥 價錢 後 再 通知 應召女 出馬 地點 不 限 南部 也 有 到 桃園 去 接 客 但 交通費 由 男客 支付 警方 初步 掌握 性 交易 至少 20 幾 次 至少 賺 進 560萬 元 機房 抽 8 應召女 則 抽 4 成 其 餘 進入 主 嫌 口袋 另外 警方 查獲 網路 博 奕 平臺 機房 以 月薪 25萬 元 聘請 員工 24 小時 輪班 擔任 客服 及 管理 網站 投 注 以 儲值 贈送 點數 吸引 網友 加入 會員 等 賭客 匯款 後 下注 撲克牌 百家樂 運動 賽事 等 方式簽 賭 不法 獲利 高達 500萬 元 警方 調查 主 嫌 28 歲 謝姓 男子 是 富 二 代 住 在 豪 宅 當中 出入 以 名車 代 步 他 砸 錢當大 股東 投資 博弈 及 應召 站 事業 找來 21 歲 蔡姓 男子 當 股東 警方 循線 逮 補 13 名 嫌犯 到案 查扣 現金 21萬 電腦 及 手機 等 贓物 全案 依 賭博罪 妨礙 風化 送 辦</t>
  </si>
  <si>
    <t>近來 3 名 長 榮 機師 感染 delta 變異 株 為 精進 國籍 航空 機組員 防疫 作為 中央流行疫情指揮中心 今天 晚間 與 相關 工會 交通部 及 民航 局 召開 會議 其中 針對 機組員 接種 第 3 劑 疫苗 一 事 指揮中心 承諾 將 納入 未來 施打 規劃 考量 惟 目</t>
  </si>
  <si>
    <t>近來 3 名 長 榮 機師 感染 delta 變異 株 為 精進 國籍 航空 機組員 防疫 作為 中央流行疫情指揮中心 今天 晚間 與 相關 工會 交通部 及 民航 局 召開 會議 其中 針對 機組員 接種 第 3 劑 疫苗 一 事 指揮中心 承諾 將 納入 未來 施打 規劃 考量 惟 目前 各國 施打 間隔 不一 需 提 至 專家 會議 討論 中央流行疫情指揮中心 今 9 日 表示 為 精進 國籍 航空 公司 機組員 人員 防疫 作為 於 今日 晚間 召開 會議 與 桃園 市 機師 職業工會 桃園 市 空服 員 職業工會 中華 航空 企業 工會 長 榮 航空 公司 企業 工會 長 榮 航空 關係 企業 工會 交通部 及 民航 局 進行 專業 溝通 及 討論 說明 如下 一 就醫 問題 將 與 各 醫師公會 溝通 加強 宣導 醫療 人員 不可 無故 拒絕 機組人員 就醫 二 國籍 航空 公司 機組員 人員 接種 第 三 劑 疫苗 將 納入 未來 施打 規劃 考量 惟 目前 各國 施打 間隔 不一 有 6 個 月 與 9 個 月 需 提 至 專家 會議 進行 討論 三 機組員 防護 裝備 問題 民航 局 已 編 列 防疫 經費 補助 航空 公司 採購 個人 防護 裝備 指揮中心 建議 比照 去年 防疫 經驗 再行 檢 視 並 請 航空 公司 按 民航 局 指示 配合 處理 指揮中心 說明 為 確保 機組人員 執勤 健康 及 安全 將 持續 與 相關 部會 進行 討論 強化 機組人員 防疫 措施 並 加強 職業 安全衛生 管理 以 共同 維護 機組員 身心健康 同時 機組員 執勤 時 應 遵守 民航 局 訂 定 之 相關 作業 規範 提高 自我 警覺 落實 各項 防疫 措施 自我 健康 監測 及 異常 通報 機制 以 維護 自身 及 親友 之 健康 安全</t>
  </si>
  <si>
    <t>中央流行疫情指揮中心 6 日 通報 苗栗縣 新增 確診 病例 有 75 例 其中 外籍 移 工 64 例 本國 11 例 其中 京元電 員工 有 65 例 包括 菲 籍 移 工 55 例 本國 10 例 另外 苗栗第 3 家 出現 群 聚 感染 的 電子 廠 是 智邦 科技 共有 10 例 確診 其中 外</t>
  </si>
  <si>
    <t>中央流行疫情指揮中心 6 日 通報 苗栗縣 新增 確診 病例 有 75 例 其中 外籍 移 工 64 例 本國 11 例 其中 京元電 員工 有 65 例 包括 菲 籍 移 工 55 例 本國 10 例 另外 苗栗第 3 家 出現 群 聚 感染 的 電子 廠 是 智邦 科技 共有 10 例 確診 其中 外籍 移 工 9 例 本國 1 例 目前 確診 個案 已 收治 隔離 中 苗栗 縣政府 表示 智邦 科技 竹南 廠 是 在 6 月 4 日 有 1 名 員工 確診 後 隨即 啟動 全廠 快 篩 預計 篩檢 1500 人 目前 篩檢 202 人 陽性 10 人 經 pcr 檢測 10 人 陽性 確診 包括 外籍 移 工 9 例 本國 1 例 相關 疫 調 持續 調查 中</t>
  </si>
  <si>
    <t>az 高端 混打 結果 出爐 長庚醫院 今 公佈 100 人 臨床 試驗 結果 發現 混打 az 高端 的 中和 抗體 效價 在 接種 後 10 天 28 天都 是 2 劑 az 組 的 2 倍 以上 而 b 細胞 t 細胞 反應 也 顯著 上升 值得 關注 的 是 長庚醫院 將 試驗 物件 以 不同 間隔 區分 發現 間隔 4 6 周 的 效果 是 8 10 周 的 約 2 倍 混打 試驗 計 畫 主持人 陳志榮 表示 這項 試驗 顯示 混打 az 高端 是 可行 的 策略 長庚醫院 數 月 前 展開 混打 試驗 以 100 名 20 70 歲 曾 接種 1 劑 az 疫苗 者 為 對象 隨機 分派 接種 az 疫苗 高端疫苗 設計 4 6 周 8 10 周 2 種 間隔 並 在 接種 第 0102856168 天 測試 抗體 免疫 反應 研究 發現 混打 組 的 中和 抗體 效價 較 2 劑 az 組 高 混打 組 在 接種 後 第 10 天 中和 抗體 效價 大約 是 2 劑 az 組 的 28 倍 到 了 接種 後 第 28 天 混打 組 的 效價 仍 顯著 優於 2 劑 az 組 約 為 21 倍 經 偵 測 周邊 血液 會 分泌 特 異性 抗體 的 b 細胞 數目 發現 在 第 2 劑 後 第 10 天 混打 組 所生 成 的 棘 蛋白 特 異性 抗體 分泌 b 細胞 反應 顯著 上升 約 為 2 劑 az 組 的 2 3 倍 在 第 2 劑 後 10 天 與 28 天 混打 組 所生 成 的 棘 蛋白 特 異性 t 細胞 反應 也 顯著 較 2 劑 az 組 強 另 研究 人員 也 發現 接種 az 後 間隔 4 6 周再 混打 是 8 10 周 的 約 2 倍 為 此次 研究 的 重要 發現 陳志榮 表示 混打 az 與 高端疫苗 不論 血清 抗體 生成 性 或 細胞 免疫 反應 都 優於 2 劑 az 混打 az 與 高端 是 可行 的 疫苗 應用 策略 實際 施打時 建議 儘量 在 間隔 4 6 周內 混打 可 取得 較佳 的 抗體 反應 此外 長庚醫院 也 針對 3 月 31 日 起 接種 疫苗 的 683 名 員工 進行 分析 這些 員工 中 有 364 人 接種 2 劑 az 疫苗 207 人 接種 az 莫德納 112 人 接種 2 劑 莫德納 研究 人員 發現 混打 莫德納 的 效果 幾乎 等同 2 劑 莫德納 陳志榮 表示 台大 混打 az 莫德納 的 研究 顯示 接種 間隔 8 周 的 效果 比 4 周好 不 過長 庚 此次 除 了 2 人 在 間隔 9 周 接種 外 其 餘 都 是 10 周 以後 發現 接種 間隔 越 長 抗體 將 降低 經 區分 12 周 以前 及 以後 也 呈 顯著 差異 他 建議 民眾 混打 疫苗 不要 隔 太 久 8 10 也許 是 好 的 選擇 對於 長 庚 混打 試驗 結果 出爐 後 國內 是否 有望 開放 混打 az 高端 中央流行疫情指揮中心 指揮官 陳時中 今 回應 將 與 專家 小組討論 實施 的 可行性</t>
  </si>
  <si>
    <t>近日 菲律賓 covid-19 新冠肺炎 疫情 來勢洶洶 中央流行疫情指揮中心 今 4 日 公佈 國內 新增 1 例 境外移入 病例 案 476 個案 長期 居住 菲律賓 2 日 回 國 表示 有 發燒 症狀 並於 今日 確診 最新消息 一 出 不少 國人 忍不住 直 呼</t>
  </si>
  <si>
    <t>近日 菲律賓 covid-19 新冠肺炎 疫情 來勢洶洶 中央流行疫情指揮中心 今 4 日 公佈 國內 新增 1 例 境外移入 病例 案 476 個案 長期 居住 菲律賓 2 日 回 國 表示 有 發燒 症狀 並於 今日 確診 最新消息 一 出 不少 國人 忍不住 直 呼 又 是 菲律賓 其中 網友 更 對 案 476 發燒 還 搭 飛機 回來 這 點 最 不能 忍受 從 七月 起 來自 菲律賓 的 境外移入 個案 就 不斷 增加 指揮中心 也 決定 針對 菲律賓 入境 旅客 自 7 月 26 日 起 實施 全面 篩檢 指揮中心 指出 今 新增 的 個案 案 476 為 50 多 歲 女性 本 國人 長期 居住 菲律賓 距離 上次 從 台 出境 時間 為 今年 1 月 直到 8 月 2 日 才 獨自 回國 指揮中心 表示 案 476 自 7 月 30 日 開始 發燒 但 未 於 菲律賓 當地 就醫 2 日 返國 時 登記 曾有 發燒 症狀 在 機場 接受 采 檢 後 送至 集中 檢疫所 當時 入境 量 測體溫 為 377 度 且 有 咳嗽 喉嚨 有 痰 及 肌肉 酸痛 等 症狀 個案 於 今日 確診 不少 網友 在 ptt 上 討論 這 起 個案 網友 不禁 直 呼 又 是 菲律賓 bingo 又 是 菲律賓 逃 回來 的 菲律賓 到底 是 多 毒 啊 而 案 476 居住 史和 上 飛機 前 已 有 發燒 症狀 更 引來 網友 一陣 炮轟 為什麼 發燒 還 可以 上 飛機 7 30 發燒 未 就醫 發燒 還 搭 機 搞 毛阿 發燒 不先 就醫 就 上 飛機 回來 發燒 了 還 上 飛機 沒事 菲律賓 有事 生病 逃 回 臺灣 但 也 有 網友 平反 逃 回來 就 逃 回來 吧 畢竟 還 是 本 國人 阿 雖然 感情 上好 想 限制 他們 可 問題 是 理性 上 是 不可能 的 菲菲 的 醫療 能量 已經 沒 辦法 負荷 了 指揮中心 表示 案 476 目前 住院 隔離 治療 中 衛生 單位 也 正 在 匡列 班機 前後 二 排 可能 為 接觸 者 的 旅客 據 統計 截至 目前為止 國內 共 476 例 確診 7 例 死亡 441 例 解除 隔離 菲律賓 共 106330 確診 2104 例 死亡 65821 治癒</t>
  </si>
  <si>
    <t>中央流行疫情指揮中心 今日 表示 國內 今日 無 新 增 病例 昨 9 日 新增 272 例 新型 冠狀病毒 肺炎 相關 通報 截至 目前 累計 通報 67133 例 含 66005 例 排除 其中 440 例 確診 分別 為 349 例 境外移入 55 例 本土 病例 及 36 例 敦睦 艦隊 確</t>
  </si>
  <si>
    <t>中央流行疫情指揮中心 今日 表示 國內 今日 無 新 增 病例 昨 9 日 新增 272 例 新型 冠狀病毒 肺炎 相關 通報 截至 目前 累計 通報 67133 例 含 66005 例 排除 其中 440 例 確診 分別 為 349 例 境外移入 55 例 本土 病例 及 36 例 敦睦 艦隊 確診 個案 中 6 人 死亡 366 人 解除 隔離 其 餘 持續 住院 隔離 中 有關 129 名 印度 返台 民眾 全員 持續 于 集中 檢疫所 密切 健康 監測 臺灣 新冠肺炎 達成 連續 28 天 沒有 本土 病例 專家 張上淳 曾 表示 若 超過 28 天 2 個 14 日 潛伏期 都 沒有 本土 個案 以 公衛 立場 來看 是 相當 安全 的 社區 流行 疫情 指揮中心 指揮官 陳時中 說 兩 個 潛伏期 過後 代表 臺灣 是 一個 安全 的 社區 外界 關心 是否 考慮 篩 出 高風險 社區 做 篩檢 他 強調 不 需要 這樣 目前 高風險 的 醫療 人員 都有 在 做 即有 症狀 就 會 篩檢 指揮中心 再次 提醒 民眾 應 做好 手部 衛生 與 咳嗽 禮節 出門 若無 法 保持 社交距離 或是 搭乘 捷 運 台鐵 高鐵 等 大眾交通 運輸 時 請 全程 佩戴 口罩 自 國外 入境 時 如有 發燒 咳嗽 等 不適 症狀 應 主動 通報 機場 及 港口 檢疫 人員 並 配合 防疫 措施 返國 後 應 落實 14 天 居家 檢疫 如 出現 疑 似 症狀 請 聯繫 衛生局 或 各縣市 關懷 中心 並 依 指示 就醫 切 勿 搭乘 大眾 運輸工具 就醫 時 請 務必 告知 醫師 旅遊 史 職業 別 接觸 史及 是否 群 聚 tocc 以 供 及時 診斷 通報</t>
  </si>
  <si>
    <t>中央流行疫情指揮中心 證實 我 法國 駐外 人員 確診 新冠肺炎 指揮官 陳時中 表示 其 在 4 月 23 日 采 檢 4 月 27 日 確診 依 法國 規定 確診 者 需 居家 隔離 這 名 駐外 人員 中 現在 法國 居家 隔離 中</t>
  </si>
  <si>
    <t>中央流行疫情指揮中心 宣佈 即日起 至 6 日 止 開放 20 歲 以上 民眾 有 意願 接種 第 1 劑 高端疫苗 免 至 預約 平臺 登記 即 可到 醫療 院所 預約 登記 接種 台 東縣 內 計有 16 各鄉鎮 市 衛生所 及 7 間 診所 共 23 間 醫療 院所 參與 民眾 可 至 醫療 院所 預約</t>
  </si>
  <si>
    <t>中央流行疫情指揮中心 宣佈 即日起 至 6 日 止 開放 20 歲 以上 民眾 有 意願 接種 第 1 劑 高端疫苗 免 至 預約 平臺 登記 即 可到 醫療 院所 預約 登記 接種 台 東縣 內 計有 16 各鄉鎮 市 衛生所 及 7 間 診所 共 23 間 醫療 院所 參與 民眾 可 至 醫療 院所 預約 接種 台 東縣 衛生局 表示 截至 9 月 2 日 台 東縣 高端疫苗 接種 人數 為 3465 人 而 此次 共計 16 個 向鎮市 衛生所 東興 內科 診所 洗 腎 診所 小 太陽 民安 李文正 蔡明宏 尤憲明 診所 等 6 間 市區 診所 以及 卑南 鄉 初鹿 診所 等 23 間 醫療 院所 可 接種 施打 如 年滿 20 歲 以上 民眾 有 意願 接種 第 1 劑 高端疫苗 者 把握 機會 衛生局 再次 呼籲 18 歲 以上 民眾 如 仍未 接種 新冠 疫苗 或 待 接種 第 2 劑 疫苗 者 目前 皆 回歸 covid-19 公費 疫苗 預約 平臺 https 1922 gov tw vab index jsp 登記 每期 開放 時間 疫苗 種類 對象 接 以 中央 公告 為主 如 需 協助者 可 攜帶 身分 證 及 健 保 卡 至 衛生所 公所 地政 所 戶政 所 縣民 服務 中心 等 單位 由 專人 協助 預約</t>
  </si>
  <si>
    <t>台新冠肺炎 最近 新增 不少 境外移入 案例 還有 外籍 駐 台 工程師 找 不 到 感染 源 對照 近來 的 爆炸性 出遊 潮 防疫 是否 會 有 破 口 令人擔憂 台 南市 因 觀光 人潮 多 為 防堵 疫情 決定 提前 備戰 明天 4 日 起 將 要求 室內 場所 若 未 能 保持 安全 距離 就要 戴 口罩 勸導 期 為 二 周 後續 若 未能 遵守 將 對 相關 業者 開 罰 台南 市長 黃偉哲 說 後 疫情 時代 管制 措施 逐步 開放 現在 疫情 可能 捲土重來 在 與 中央流行疫情指揮中心 討論 後 市府 決定 將 管制 措施 逐步 收攏 第一 步就 是 要求 室內 場所 要 戴 口罩 黃偉哲 說 確保安全 是 最 重要 的 市府 相關 單位 現在 仍 維持 實 名 制 量 測體溫 消毒 戴 口罩 等 措施 明日 起會 強制 民間 室內 場所 也 要 戴 口罩 將 宣導 2 周 並 視 疫情 狀況 調整 連 用餐 隔板 都 可能 再 用上 未來 若 疫情 嚴峻 對於 一些 娛樂場所 將 會 有 高強度 的 限制 業者 若 不能 遵守 規定 將 根據 相關 法令 開 罰 甚至 勒令 停業 因 有 專家 警告 二 波 疫情 將來 襲 黃偉哲 也 建議 中央流行疫情指揮中心 針對 高風險 地區 入境 民眾 在 居家 檢疫 14 天 後 還 需要 進行 篩檢 確定 未 染疫情 才能 放行 如此 確保 邊境 管制 效果 南 市府 回復 這項 管制 措施 後 預計 百貨公司 賣 場 電影院 酒店業 等 娛樂場所 將 首當其衝 後續 效應 有待 觀察</t>
  </si>
  <si>
    <t>國內 一 名 從 美國 返台 的 案 16066 國籍 航空 機師 已 完整 接種 2 劑 疫苗 返台 後 pcr 檢測 仍 確診 為 機組員 的 首例 突破性 感染 個案 中央流行疫情指揮中心 指揮官 陳時中 表示 匡列 的 26 人 當中 21 人 19 人 陰性 檢驗 中 2 人 5 人 待 采 中</t>
  </si>
  <si>
    <t>國內 一 名 從 美國 返台 的 案 16066 國籍 航空 機師 已 完整 接種 2 劑 疫苗 返台 後 pcr 檢測 仍 確診 為 機組員 的 首例 突破性 感染 個案 中央流行疫情指揮中心 指揮官 陳時中 表示 匡列 的 26 人 當中 21 人 19 人 陰性 檢驗 中 2 人 5 人 待 采 中 指揮中心 日前 指出 將 針對 完整 接種 兩劑 疫苗 的 機組員 檢疫 措施 加 嚴 陳時中 今天 指出 因為 時間 很 短 目前 匡列 了 26 人 21 人 陰性 檢驗 中 2 人 5 人 待 采 中 我們 認為 打完 兩劑 疫苗 又 確診 懷疑 可能 是從 國外 到 國內 的 降 載 等 流程 有 疏漏 目前 的 方向 要 加 嚴 整個 流程 但 目前 還 沒有 決定 要 怎麼 做 發言人 莊人祥 補充 所謂 加 嚴 是 要求 長 榮 針對 案 16066 在外 站 的 居住 環境 要 有 更 嚴格 的 掌握 與 檢討 至於 國內 對 機組員 檢疫 措施 的 加 嚴 則 還要 再 開會討論 國籍 航空 機師 若 不 遵守 現行 檢疫 制度 是否 有 罰 則 陳時中 說 有 違規行為 就 罰 但 不 會 因為 染疫 就 認定 有 違規 出現 這 對 任何人 都 是 一樣 至於 染疫 機師 在 可 傳染期 間 是否 有 進入 到 社區 增加 社區 傳染 風險 莊人祥 表示 該 機師 ct 值 25 足跡 部分 則 由 地方 政府 來 公佈 陳時中 強調 無 關乎 哪 種 變異 病毒 一旦 進來 之後 針對 變異 株 應該 匡列 精確 要 做 的 是 檢 視 相關 細節 是否 有 執行 確實</t>
  </si>
  <si>
    <t>新冠肺炎 疫情 延 燒 中央流行疫情指揮中心 日前 一級 開設 由 衛福 部長 陳時中 接任 指揮官 一級 開設 後 每次 會議 都需 各部 會 最高 決策者 出席 指揮官 也 可 調動 所有 行政 資源 各部 會 需 予以 配合 專家 認為 此 階段 不應 再 堅持 有</t>
  </si>
  <si>
    <t>新冠肺炎 疫情 延 燒 中央流行疫情指揮中心 日前 一級 開設 由 衛福 部長 陳時中 接任 指揮官 一級 開設 後 每次 會議 都需 各部 會 最高 決策者 出席 指揮官 也 可 調動 所有 行政 資源 各部 會 需 予以 配合 專家 認為 此 階段 不應 再 堅持 有無 社區 傳播 當前 應 思考 的 是 如何 減災 指揮中心 疫情 等級分 為 三級 第 三級 由 疾 管署 署長 擔任 最高 指揮官 第二 級 為 衛福 部長 第一 級 的 指揮官 則 由 行政 院所 指派 指揮中心 監測 應變 官 莊人祥 表示 過去 一級 開設 時 指揮官 多 為 行政院 副 院長 層級 例如 毛治國 張善政 朱立倫 此次 則 是 陳時中 接任 莊 人 祥 表示 新冠肺炎 疫情 過去 只 發生 在 大陸 但 如今 已 在 世界 各國 擴散 臺灣 也 需要 更 多 事先 因應 的 措施 一級 開設 意味著 要 多 做 跨 部會 的 橫向聯繫 國家 的 檢驗 量 能 也 從 一 天 500 件 提升 到 一 天 2450 件 中國 附 醫 兒童 感染 科 主任 黃高彬 表示 二級 與 一級 的 差別 在於 過去 開會 時 各部 會 至 指揮中心 開會 僅 需 派出 承辦 的 代表 即可 一級 開設 後 每次 開會 做 決定 都需由 各部 會 部長 級 的 人 出席 意味著 最高 決策者 需 參與 其中 指揮官 可 指揮 調動 各種 行政 資源 包括 軍隊 等 任何 單位 而 各個 部會 都 需 配合 指揮官 的 防疫 措施 抗 sars 專家 國衛院 名譽 研究員 蘇益仁 表示 新冠肺炎 疫情 已 在 國際 上 升溫 波及 的 國家 增多 未來 恐怕 越來越 嚴重 一級 開設 後 政府 所 考量 的 層次 要 更 大 包括 經濟 旅遊 生活 醫療 體系 等 各種 面向 都需 進行 整體 的 準備 他 表示 假如 這次 疫情 可能 帶來 100 的 損失 就 應 思考 如何 將 損失 減 到 20 甚至 10 至於 民眾 對於 一級 開設 應 如何 應對 黃高彬 表示 雖然 指揮中心 層級 有所 提升 但 民眾 必要 的 防疫 措施 仍 不可 少 除了 外出 配戴 口罩 平時 也 要 維持 勤洗手 的 好 習慣</t>
  </si>
  <si>
    <t>臺灣 本土 疫情 今年 自 5 月 11 日 起 這 波 本土 疫情 短短 2 周 確診 人數 迅速 累積 達 3656 人 且 14 日 開始 死亡 人數 累積 17 人 其中 有 慢性病 者 有 14 例 無 慢性病 2 例 不詳 1 例 加上 今天 新增 的 6 死 短短 15 天 以來 就 有 23 人 死亡 指揮中心 說明 新增 6 例 死亡 個案 中 案 1341 為 70 多 歲 男性 有 高血壓 糖尿病 等 慢性 病史 5 月 8 日 出現 咳嗽 發燒 有 痰 全身 酸痛 等 症狀 11 日 就醫 並 住院 15 日 確診 20 日 死亡 案 2558 為 60 多 歲 男性 有 萬 華區 活動 史 5 月 15 日 出現 發燒 喉嚨 痛 咳嗽 肌肉 酸痛 等 症狀 20 日 確診 並 收治 住院 21 日 死亡 案 2719 為 90 多 歲 男性 有 糖尿病 癌症 等 慢性 病史 5 月 14 日 出現 發燒 症狀 17 日 就醫 並 住院 20 日 確診 同日 死亡 案 3031 為 60 多 歲 男性 有 高血壓 糖尿病 等 慢性 病史 5 月 15 日 出現 發燒 咳嗽 呼吸困難 喉嚨 痛 等 症狀 20 日 就醫 並 住院 21 日 確診 23 日 死亡 案 3242 為 60 多 歲 女性 有 糖尿病 高血壓 心血管 疾病 等 慢性 病史 5 月 20 日 有 肌肉 酸痛 咳嗽 流 鼻 水 發燒 等 症狀 22 日 確診 後 至 防疫 旅館 隔離 24 日 死亡 案 4648 為 70 多 歲 男性 有 糖尿病 高血壓 等 慢性 病史 5 月 22 日 出現 發燒 呼吸困難 肺炎 等 症狀 同日 就醫 並 住院 23 日 死亡 24 日 確診 中央流行疫情指揮中心 專家 小組 召集人 張上淳 表示 國內 這次 本土 疫情 可以 發現 病人 平均年齡 比較 大 常常 都 是 好幾 種 病 混 在 一起 確實 看到 進展 很快 速 從 發病 到 醫院 就 可以 看到 肺炎 很快 惡化 確實 有 這樣 的 個案 就 像 今天 報告 的 死亡 個案 都 是 這樣 的 表現 張上淳 表示 過去 幾 天都 有 說明 確實 在 重 症 的 比例 比 過去 都 還要 更 高 預期 死亡 個案 會 持續 出現 這 是 因為 變種 病毒 的關係 還是 病人 的 關係 也許 兩邊 都 有 影響 一部分 我們 也 看到 很多 病人 確診 時 ct 值 很 低 身體 病毒 量 很 高 可能 跟 變種 病毒株 的 特性 有關 也 可能 因為 中高 年齡層 長者 太 多 高血壓 糖尿病 比較 麻煩 的 疾病 造成 惡化 都 有 相關 的 關係</t>
  </si>
  <si>
    <t>今 確診 的 案 393 是 案 384 的 家人 但 卻 傳出 案 393 返 台前 航空 公司 完全 不知情 患者 已 被 注 記 被 質疑 有 隱匿 通報 的 嫌疑 指揮中心 今天 回應 案 393 返台 之所以 航空 公司 事前 不知情 是因為 個案 臨時 更改 返台 班機 過程 指揮中心 均 全程 掌握 案 393 長期 旅居 美國 3 月 29 日 出現 咳嗽 有 痰 4 月 1 日 出現 腹瀉 4 月 11 日 入境 時因 有 症狀 自 機場 後 送 就醫 采 檢 於 今日 確診 其 家人 案 384 已 先於 4 月 10 日 返國 並 在 4 月 11 日 確診 兩 人均 曾 在 美國 接觸 過 新冠肺炎 確診 個案 中央流行疫情指揮中心 發言人 莊人祥 證實 該 名 婦人 雖 沒 發燒 但有 咳嗽 症狀 及 拉肚子 不過 她 自稱 是 因為 喝牛奶 後來 有 後 送 到 醫院 檢查 已 通報 采 檢 莊 人 祥 指出 案 393 返 台前 曾 透過 案 384 通知 可能 搭乘 4 月 10 日 的 班機 返台 但 後來 班機 又 改 成 11 日 才 會 發生 航空 公司 後 來 才 得知 注 記 的 問題 目前 已 調閱 過 該 班機 座艙 名單 匡列 12 名 機組員 7 位元 民眾 需要 居家 隔離 至於 外傳 案 393 為 案 384 所 傳染 莊人祥 也 澄清 指出 兩 人 自 2 月底 就 未曾 見面 但 都曾 與 一 名 確診 個案 一同 工作 過 研 判 是 在 當時 所 感染 並非 由 案 384 傳染給 案 393</t>
  </si>
  <si>
    <t>臺灣 新冠肺炎 急遽 升溫 中央流行疫情指揮中心 今天 公佈 國內 一口氣 新增 6 名 確診 個案 是 有史以來 單日 天 確診 數最多 的 一 次 國內 累積 個案 共 59 案 指揮官 陳時中 指出 這次 新增 的 54 案 到 59 案 都 是 境外移入 讓 臺灣 感到 很 警惕</t>
  </si>
  <si>
    <t>臺灣 新冠肺炎 急遽 升溫 中央流行疫情指揮中心 今天 公佈 國內 一口氣 新增 6 名 確診 個案 是 有史以來 單日 天 確診 數最多 的 一 次 國內 累積 個案 共 59 案 指揮官 陳時中 指出 這次 新增 的 54 案 到 59 案 都 是 境外移入 讓 臺灣 感到 很 警惕 因此 從 今天 開始 將 擴大 篩檢 主動 對 14 天內 有 歐洲 旅遊 史者 進行 采 檢 希望 將 這 波 從 境外 感染 的 衝擊 降到 最低 至於 這 波 歐洲 疫情 會 不 會 走 入 臺灣 社區 何時 會 成為 高峰 陳時中 坦言 對於 何時 走 入 高峰 我 很 難 預測 就 像 這次 若 歐洲 沒有 淪陷 現在 臺灣 的 案例 發展 幾乎 可以 說 已經 松 一口氣 結果 歐洲 又 來 只能 說 疫情 一 波 一 波 的 來 我們 也 只能 一 波 一 波 的 守 住 陳時中 表示 上 一 次 新增 那麼 多 名 案例 是 在 2 月 6 日 那天 包含 2 名 武漢 回台 2 名 從 義 大利 返台 在 香港 轉機 者 以及 一 名 澳門 返台 者 共有 5個 案例 陳時中 說 累積 至今 國內 確診 個案 本土 確診 者 有 27 名 境外移入 者 有 32 人 加上 近日 確診 的 都 是 境外移入 個案 讓 防疫 單位 很 警惕 陳時中 表示 雖然 已經 提升 旅遊 警示 從 歐洲 入境 都 要 居家 檢疫 十四 天 但 為了 避免 漏網之魚 今天 起 將 在 往 前 14 天 追溯 有 旅遊 史 且 有 出現 症狀 者 全面 采 檢 將 從 健 保 資料 勾稽 放大 認定 條件 來 找 到 這些 人 由 檢疫 人員 評估 有 症狀 一定 要 慘 減 沒 症狀 者 則 依據 病例 史 以及 身體狀況 評估 同時 呼籲 輕 症 者 有 旅遊 史 一定 要 通報 另外 也 呼籲 有 症狀 輕者 這 段 時間 有 旅遊 史 可以 自動 通報 這 兩 種 人 都會 經過 檢疫 人員 評估 需不需要 慘 減 基本上 有 症狀 一定 會 采 沒有 症狀 會 根據 病例 史和 現在 的 狀況 去 判斷</t>
  </si>
  <si>
    <t>國內 疫情 持續 炸 鍋 本土 個案 從 5 月 11 日 至 昨日 止 迅速 累積 3066 人 確診 今日 來到 第 14 天 中央流行疫情指揮中心 今 23 日 公佈 再 新增 590 例 其中 334 本土 256 例 為 校正 回歸 至今 有 84 名 病 患 使用 呼吸器 面對 如此 嚴峻 的 新</t>
  </si>
  <si>
    <t>國內 疫情 持續 炸 鍋 本土 個案 從 5 月 11 日 至 昨日 止 迅速 累積 3066 人 確診 今日 來到 第 14 天 中央流行疫情指揮中心 今 23 日 公佈 再 新增 590 例 其中 334 本土 256 例 為 校正 回歸 至今 有 84 名 病 患 使用 呼吸器 面對 如此 嚴峻 的 新冠肺炎 情勢 雲林 某 大學 一 名 男 同學 卻 疑 似 唯恐天下 不亂 23 日 在 dcard 發文 自稱 當日 在 新北 一連 鎖 餐飲店 用餐 還 高呼 誰 跟 你 說 內 用 會 染疫 的 叫 網友 看 了 傻 爆 眼 根據 dcard 該 則 貼 文 內容 一 位元 自稱 是 雲林 某 男 大生 的 網友 日前 在 新北 一連 鎖 餐飲店 用餐 直言 我 實在 想不通 臺灣人 原來 這麼 好 操 弄 進來 餐廳 你 要 填 寫實 名 制 然後 量 體溫 然後 你 就 能 內 用 了 文末 還 強調 只 要 做好 自我 防護 我 不 知道 內 用 有 什麼 問題 因為 店員 都 是 配 佩 戴 口罩 當然 包含 進來 的 你 此文 一 出 有 許多 網友認為 原 po 語出驚人 於是 反 諷 你 484 想 引 戰 技巧 很 差 還有 人 高級 酸 的 嗆 道 也 沒 什麼 問題 啦 頂多 就 是 跟 潛伏期 帶 原者 一起 用餐 而已 或是 出面 提醒 原 po 沒 規定 之前 你愛 怎麼 內 用 那 是 你 的 事 規定 一下 就 好好 遵守 懂嗎 不過 原 po 看 了 則 不甘示弱 的 回應 我 只 看 到 大家 都 叫 外 送 內 用 都會 確診 我 外帶 也 會 確診 好 神奇 喔 講 好聽 叫 減少 確診 機 率 講 難聽 叫做 省事 可憐 由於 留言 論戰 延 燒 不斷 因此 有 網友 看不下去 乾脆 打 1922 詢問 留言 回應 我 剛剛 打 去 問 了 1922 你 如果 鼓勵 民眾 內 用 的 話 是 違反 傳染病 防治法 第 63 條 散播 有關 傳染病 流行 疫情 之 謠言 或 不實 訊息 足 生 損害 於 公眾 或 他人 者 科 新 台幣 3百萬 元 以下 罰金 最後 還 不 忘 用 嘲諷 口吻 祝福 原 po 保重 喔 wwwwwwwwwwwww 網路上 正義 使者 很多 希望 你 過 幾 個 月 後 不 要 收到 法院 通知單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253 天 本土 零 確診 破 功 中央流行疫情指揮中心 今 22 日 宣佈 新 增 1 名 本土 個案 為 廣達女 員工 案 771 她 是 確診 紐西蘭 籍 機師 的 接觸 者 案 765 12 月 7 日 到 12 日間 與 機師 密切 往來 有 網友 在 ptt 發問 密切 往來 5 天</t>
  </si>
  <si>
    <t>新冠肺炎 253 天 本土 零 確診 破 功 中央流行疫情指揮中心 今 22 日 宣佈 新 增 1 名 本土 個案 為 廣達女 員工 案 771 她 是 確診 紐西蘭 籍 機師 的 接觸 者 案 765 12 月 7 日 到 12 日間 與 機師 密切 往來 有 網友 在 ptt 發問 密切 往來 5 天 是 什麼 意思 一 名 自稱 曾是 ccr cross cultural romance 異國戀 受害者 跳 出來 揭露 台女 與 外籍 機師 的 秘密 指揮中心 今日 表示 紐西蘭 機師 在 疫 調 時 表示 無法 回想 確切 活動 史 且 並未 提及 曾 與 案 771 接觸 12 月 21 日經 警 政 單位 調查 案 765 之 活動 軌跡 發現 案 765 曾 於 12 月 7 日 至 12 日間 與 案 771 密切 往來 故 列為 接觸 者 同日 由 衛生 單位 安排 采 檢 於 今日 確診 有 網友 在 ptt 發問 密切 往來 5 天 是 什麼 意思 一 名 自稱 曾是 ccr cross cultural romance 異國戀 受害者 的 鄉民回應 表示 有年 在 女友 桌上 敲 到 1 張 發票 1 張 收據 南 崁 麥當勞 店 2 人 套餐 時間 晚上 11 點 半 日期 就 是 小年 夜 前 1 天 收據 是 計程車 的 收據 大概 2百 多 吧 該 鄉民 直言 細節 就 不 談 了 結論 就是 外籍 機師 們 在 南 崁 是 有 宿舍 的 飛來 臺灣 就 立即 有 台 女 主動 坐車去 約會 了 有人 問 跟 機師 約會 還要 出 麥當勞 的 錢 哦 原 po 回應 細節 太 複雜 就 不 談 了 錢都 是 老 外出 的 只是 台女 個性 有 節 檢 美德 收據 就 放 包包 惹 結論 是 他們 是 網路 交友 認識 的 然後 洋 機師 一來 臺灣 女 的 就 會 去 付 赴 約 最後 重點 4 查 了 很 久 最後 才知 女 的 不 只 一個 還有 人 憤怒 表示 ccr 害人不淺 防疫 破 口 兼 洨 秘密 原 po 也 回說 她 的 小 密咪 被 我 知道 是因為 3 月 有 天 忽然 跟 我 說 她 有 了 帶去 產 檢 醫生 跟 我 說 確定 是 小年 夜 前 一 天 中獎 的 跟 發票 日期 一樣</t>
  </si>
  <si>
    <t>中央流行疫情指揮中心 專家 諮 詢 小組 召集人 張上淳 22 日 分析 目前 臺灣 確診 個案 指出 19 日 時 唯一一 例 使用 呼吸器 的 個案 後續 有 出現 併發症 而 重新 戴上呼 器 今日 則 正式 宣告 順利 脫離 呼吸器 此外 最後 二 例 使用 葉克 膜 案例 中</t>
  </si>
  <si>
    <t>關於 醫護人員 的 防疫 津貼 不只 照顧 病人 的 醫師 護理 師 中央流行疫情指揮中心 指揮官 陳時中 今 9 日 表示 包括 清潔工 檢驗 師 等 參與 防疫 的 人員 都有 一定 比例 的 補助 詳細 辦法 最 快 明天 公佈 對於 新冠肺炎 防疫 的 第一線</t>
  </si>
  <si>
    <t>關於 醫護人員 的 防疫 津貼 不只 照顧 病人 的 醫師 護理 師 中央流行疫情指揮中心 指揮官 陳時中 今 9 日 表示 包括 清潔工 檢驗 師 等 參與 防疫 的 人員 都有 一定 比例 的 補助 詳細 辦法 最 快 明天 公佈 對於 新冠肺炎 防疫 的 第一線 人員 的 補助 政府 擬 發 防疫 津貼 陳時中曾 經 在 立院 答詢 指出 目前 規劃 加 護 病房 不管 醫師 護理人員 等 給予 1 天 1萬 元 的 風險 津貼 到 了 3 月 8 日 陳時中 進一步 表示 由於 醫護人員 面臨 高風險 工作 因此 醫護人員 因 照顧 病 患 而 感染者 可以 補助 35萬 元 針對 醫護人員 的 補助 今 9 日 陳時中 說 這 2 天 討論 的 是 根據 振興 紓困 特別 條例 相關 編 列 的 預算 如何 適當 補給 個人 直接 照顧 病人 或 醫療機構 相關 費用 的 分配 至少 要 有 一定 比例 要 給 參與 防疫 的 人員 包括 清潔工 檢驗 師 放射 師 等 這些 醫護人員 的 補助 金額 來源 陳時中 指出 就 是 政府 規定 醫院 拿 了 多少 錢 後 要 從 中 拿 出 一定 比例 補給 其他人 員 至於 多少 比例 會 在 明天 定案 這些 補助 的 規 畫 主要 是 傳染病 防治法 對於 因為 照顧 病人 而 染病 就 要 從 染病 重傷 到 死亡 等 不同 程度 的 的 給付 分配</t>
  </si>
  <si>
    <t>中央流行疫情指揮中心 今 10 日 公佈 國內 新增 263 例 本土 個案 確診 個案 中 新增 28 例 死亡 連日 以來 確診 死亡數 皆 為 雙 位數 目前 致死 率 仍 高於 全球 平均 216 前 疾 管 局長 現任 陽明 大學教授 張鴻仁 指出 分析 臺灣 死亡 個案 有 3</t>
  </si>
  <si>
    <t>中央流行疫情指揮中心 今 10 日 公佈 國內 新增 263 例 本土 個案 確診 個案 中 新增 28 例 死亡 連日 以來 確診 死亡數 皆 為 雙 位數 目前 致死 率 仍 高於 全球 平均 216 前 疾 管 局長 現任 陽明 大學教授 張鴻仁 指出 分析 臺灣 死亡 個案 有 3 種 情況 其中 直接 死 在 家裡 最 嚴重 代表 防疫 措施 跟不上 病毒 擴散 必須 擴大 篩檢 才 行 張鴻仁 日前 在 公 視 節目 中 指出 死亡 個案 可以 分為 3 種 情況 這 3 種 情況 也 能 反映 出 不同 的 防疫 缺口 依 嚴重 程度 第一 就是 找 都還沒 找到 就 直接 死 在 家裡 這類 感染者 未 能 接受 醫療 收治 便 在 家中 身故 顯示 防疫 部署 追不上 病毒 需要 擴大 定點 普 篩 的 量 能 儘快 找 出 感染者 給予 適當 治療 第二 種 是 來不及 收治 而 死亡 這 顯示 雖然 已經 找 出 感染者 但 醫療 量 能 不足 資源 不夠 無法 立即 給予 救治 的 情況 通常 發生 在 疫情 初期 應變 方式如 陳時中 部長 之前 執行 醫院 降 載 讓 輕 症 患者 先 出院 的 做法 最後 一 種 是 收治 後 仍 死亡 如果 這類 情況 最 多 就 得 檢 視 臨床 診治 上 的 不足 例如 藥物 不夠 等 問題 張鴻仁 也 說 要 降低 感染 致死 率 必須 把 三 種 狀況 的 缺口 都 補 齊 接 著 再 納入 患者 的 年齡 慢性病 等 因素 計算 死亡率 如果 計算出來 與 全球 各國 數值 相近 就 代表 將 缺口 補足 了</t>
  </si>
  <si>
    <t>中央流行疫情指揮中心 今天 公佈 嘉義 市 新增 2 例 及 1 例 校正 回歸 案例 共 3 例 本土 案例 分別 是 案 6548654965501 男 2 女 年齡 介於 40 多 歲 至 70 多 歲 3 例 都 是 與 親友 接觸 而 感染 案 6549 是 昨天 確診 的 案 6104 的 家人 嘉義 市長 黃敏</t>
  </si>
  <si>
    <t>中央流行疫情指揮中心 今天 公佈 嘉義 市 新增 2 例 及 1 例 校正 回歸 案例 共 3 例 本土 案例 分別 是 案 6548654965501 男 2 女 年齡 介於 40 多 歲 至 70 多 歲 3 例 都 是 與 親友 接觸 而 感染 案 6549 是 昨天 確診 的 案 6104 的 家人 嘉義 市長 黃敏惠 今天下午 3 點 直播 公佈 嘉義 市 新增 的 3 例 本土 個案 足跡 及 接觸 史 案 6548 為 50 多 歲 女性 5 月 16 日 曾 與 北部 友人 接觸 5 月 23 日 得知 北部 友人 確診 且 自己 也 出現 疑 似 症狀 因此 主動 聯繫 嘉義 市 衛生局 安排 采 檢 5 月 27 日 確診 18 到 20 日 曾 到 7 11 湖 子 內 門市 南山人壽 共和 市場 小 三美 日 光 南 大 批發 新 宏 祥 藥局 種 杏 中醫 診所 及 超頻 電腦 3 c 量 販 停留 都 約 10 30 分鐘 外出 全程 有 戴 口罩 目前 各地 已 清 消 完成 匡列 接觸 者 1 名 家人 已 列入 居家 隔離 案 6549 為 案 6104 的 家庭 接觸 者 為 案 6104 的 40 多 歲 母親 無 相關 症狀 5 月 25 日 采 檢 27 日 確診 接觸 者 3 位 均 為 家人 居家 隔離 中 相關 涉足 地點 與 案 6104 相同 都已清 消 完成 案 6550 為 70 多 歲 男性 因 工作 關係 於 5 月 17 日 及 21 日 分別 接觸 北部 及 中部 的 同事 開車 外出 洽 公 且 一起 用餐 5 月 23 日 因 同事 確診 5 月 24 日本 局 接 獲 其他 縣 市 衛生局 轉 介 通知 立即 安排 采 檢 且 列為 居家 隔離 21 上午 在 嘉義 市 先期 交通 轉運 中心 搭乘 客運 北上 當天 又 搭乘 客運 從 三 重 南 下至 嘉義 轉運站 匡列 接觸 者 1 名 家人 已 列入 居家 隔離 黃敏惠 也 公佈 台中 市 確診 個案 6100 於 5 月 17 日 自 台中 搭乘 自強 號 139 車次 抵達 嘉義 車站 並 由 親友 開車 接送 返家 已 確診 後 收治 醫院 治療 並 匡列 接觸 者 2 位 均 為 家人 居家 隔離 黃敏惠 表示 民眾 應從 自身 做起 避免 縣 市 之間 的 移動 嘉義 市政府 也 積極 研議 爭取 各項 紓困 措施 盤點 相關 資源 包括 減稅 租金 減免 安心 上工 延長 等 11 項 措施</t>
  </si>
  <si>
    <t>臺灣 採購 新冠 疫苗 波折 不斷 中央流行疫情指揮中心 指揮官 陳時中 日前 受訪 抱怨 原訂 向 德國 bnt 採購 500萬 劑 疫苗 但因 有 外力 介入 而 計畫 生變 還 稱 有人 不 希望 臺灣 太高興 對此 國民黨 立 委 鄭麗文 接受 中 時 新聞網 訪問</t>
  </si>
  <si>
    <t>臺灣 採購 新冠 疫苗 波折 不斷 中央流行疫情指揮中心 指揮官 陳時中 日前 受訪 抱怨 原訂 向 德國 bnt 採購 500萬 劑 疫苗 但因 有 外力 介入 而 計畫 生變 還 稱 有人 不 希望 臺灣 太高興 對此 國民黨 立 委 鄭麗文 接受 中 時 新聞網 訪問 痛 批 陳時中 在 疫苗 採買 上 不但 沒有 超前 部署 所有 的 接洽 都比 其他 國家 慢 很多 拍 而且 去年 他 還 跟 大家 拍 胸脯 說 3 月 就 可以 開 打 結果 進度 嚴重 落後 統統 跳 票 現在 再來 扯 三 道 四胡 亂 甩 鍋 是 沒有 辦法 實質 去 解決 今天 我們 沒有 疫苗 可 打的 窘境 而 德國 bnt 公司 今 18 日 發聲明 強調 仍 計畫 提供 疫苗 給 臺灣 鄭麗文 則 諷 道 陳時中 一下 說 德國 bnt 跳 票 買不到 疫苗 一下 稱讚 德國 人道 醫療 情操 讓 人 敬佩 這 也 不過 才一天 的 時間 事情 就 有 這麼 大 的 轉折 代表 陳時中 整個 狀況 外 根本無法 掌握 疫苗 採買 的 進度 質疑 政府 在 和 廠商 洽談 的 中間 有 嚴重 的 溝通 不良 鄭麗文 也 表示 國民黨 立 法院 黨團 已 要求 行政院 在 正式 開議 的 第一 天 針對 此 一 事 做 專案 報告 要 說 清楚 為什麼 採購 疫苗 的 說法 會 一 變 再 變 希望 屆時 陳時 中能 秉 實 和 國會 交代 不要 再 用 政治性 的 藉 口 來 模糊 焦點</t>
  </si>
  <si>
    <t>新冠肺炎 再 傳 好 消息 中央流行疫情指揮中心 表示 繼 先前 女 台商 後 我國 再 出現 第 2 名 可 出院 的 個案 個案 為 第 10 例 確診 新冠肺炎 的 男子 因 狀況 好轉 最 快 今日 解除 隔離 近日 可出 院 男子 坦言 入住 負 壓 隔離病房 後 家人</t>
  </si>
  <si>
    <t>新冠肺炎 再 傳 好 消息 中央流行疫情指揮中心 表示 繼 先前 女 台商 後 我國 再 出現 第 2 名 可 出院 的 個案 個案 為 第 10 例 確診 新冠肺炎 的 男子 因 狀況 好轉 最 快 今日 解除 隔離 近日 可出 院 男子 坦言 入住 負 壓 隔離病房 後 家人 全部 都 變成 全民 公敵 即便如此 仍然 感謝 防疫 人員 想 對 他們 說 一 聲 辛苦 了 謝謝 你們 案 10 為 在 武漢 工作 的 台商 在 太太 案 9 確診 後 原 列為 接觸 者 卻 在 上月 底 確診 新冠肺炎 研 判為 太太 的 傳染 者 醫 福 會 執行長 王 必勝 表示 這 名 男子 病程 較 長 症狀 輕微 為 謹慎 起見 衛生 單位 為 他 進行 3 次 采 檢 確認 陰性 後 報請 指揮官 經 專家 評估 後 最 快 今 解除 隔離 出院 時間 未定 男子 表示 自己 過去 一直 在 大陸 工作 卻 不 習慣 在 大陸 看 醫生 返台 後 因 流 鼻 水 前往 就診 ct 喉嚨 觀察 都 無異 狀 太太 確診 新冠肺炎 3 天 後 自己 也 確診 夫妻倆 一前一後 入住 負 壓 隔離病房 入住 醫院 後 家人 全部 都 變成 全民 公敵 男子 明白 人性 都 是 擔心 自己 深怕 被 傳染 但 生病 之後 才能 同 理 病人 的 無奈 與 無助 他 感謝 家人 朋友 醫護人員 的 陪伴 只要 家人 社會 大眾 都 能 平安 我 願意 被 隔離 一線 的 醫生 護理人員 為了 要 治療 我們 必須 近 距離 接觸 我們 男子 表示 醫護人員 除了 量 血壓 體溫 采 檢 體 不厭其煩 地 說明 病情 還要 照顧 患者 的 日常 康復 後 還 得 再 自主 隔離 14 天 付出 令人感動 他 感慨 臺灣 的 醫療 實力 可以 讓 國人 受到 良好 的 醫療 照 護 想 對 第一 線 所有 防疫 人員 說 聲 辛苦 了 謝謝 你們</t>
  </si>
  <si>
    <t>93萬 劑 bnt 疫苗 今天 清晨 抵 台 12 到 17 歲 青少年 是 首 批 開 打 對象 18 至 22 歲 為 第二 批 優先 外界 相關 關心 下 一 批 會 開放 哪個 年齡層 中央流行疫情指揮中心 指揮官 陳時中 表示 先 把 第一 波 做 完整 下 一 波 會 再 做 討論 截至 今天 下</t>
  </si>
  <si>
    <t>93萬 劑 bnt 疫苗 今天 清晨 抵 台 12 到 17 歲 青少年 是 首 批 開 打 對象 18 至 22 歲 為 第二 批 優先 外界 相關 關心 下 一 批 會 開放 哪個 年齡層 中央流行疫情指揮中心 指揮官 陳時中 表示 先 把 第一 波 做 完整 下 一 波 會 再 做 討論 截至 今天下午 1 點 的 指揮中心 最新 意願 登記 統計 共有 335萬3928 人 想 打 bnt 疫苗 其中 24萬3131 人 一心一意 只 想 打 bnt 未 選擇 其他 品牌 的 疫苗 有 40 多 歲 民眾 反映 想要 打 mrna 疫苗 之前 就 登記 了 莫德納 但 一直 等 不到 現在 看到 bnt 來 了 卻 先 給 年輕人 打 似乎 落 得 兩頭空 對此 陳時中 回應 無法 保證 接下來 的 到貨 量 會 比 現在 大 所以 將來 還 是 會 照 著 年齡層 開放 不 會 讓 中間 永遠 放在 那個 地方 不過 現在 怎麼 安排 最 恰當 也 很 抱歉 讓 大家 久等 至於 如何 按照 年齡層 開放 會 從 年輕 還是 年長 的 人 先 開放 陳時中 說 容 我們 規劃 完再跟 大家 報告 另外 有 大學教授 不滿 bnt 讓 學生 先 打 教授 卻 不能 打 希望 開放 大學 教職員 也 修先施 打 陳時中 僅 表示 我們 也 希望 讓 教授 能夠 打 首批 bnt 疫苗 抵 台後 需要 14 天 時間 封 緘 檢驗 但 過去 莫德納 僅 10 天 就 放行 對此 陳時中 說明 檢驗 封 緘 有 一定 的 標準 標準 品 先 來 的 話 就 可以 先 做 第二 批 如果 沒有 問題 時間 就 會 比 較 短 有 家長 反映 有 本國 籍 孩子 長年 在 國外 讀書 近期 返台 後 因為 無 國內 學籍 家長 擔心 該 如何 打 疫苗 陳時中 表示 12 到 18 歲 青少年 大部分 都 在 學校 但 也 有 一些 自學 或 輟學 的 青少年 會 另外 處理 都 會 讓 他們 有 機會 可以 打 但 都 希望 有 監護人 或 家長 同意</t>
  </si>
  <si>
    <t>中央流行疫情指揮中心 今天 公佈 1 例 接種 az 疫苗 發生 疑 似 嚴重 過敏 反應 個案 為 一 名 50 多 歲 女性 4 月 6 日 施 打 az 疫苗 10 分鐘 後 出現 嘴唇 舌尖 麻痹 腫脹 等 症狀 被 食 藥 署 adr 中心 改判 為 疑 似 嚴重 過敏 個案 但 指揮中心 發言人 莊人</t>
  </si>
  <si>
    <t>中央流行疫情指揮中心 今天 公佈 1 例 接種 az 疫苗 發生 疑 似 嚴重 過敏 反應 個案 為 一 名 50 多 歲 女性 4 月 6 日 施 打 az 疫苗 10 分鐘 後 出現 嘴唇 舌尖 麻痹 腫脹 等 症狀 被 食 藥 署 adr 中心 改判 為 疑 似 嚴重 過敏 個案 但 指揮中心 發言人 莊人祥 強調 個案 雖然 有 發生 噁 心 發熱 發紅 呼吸 喘 等 症狀 透過 抗過敏 藥物 治療 後 已 有 明顯好轉 截至 目前 az 接種 人數 累計 3萬2450 人 莊 人 祥 表示 國內 az 疫苗 開 打 後 目前 累積 3 例 疑 似 嚴重 過敏 個案 今 公佈 的 個案 原先 被 歸類 為 非 嚴重 個案 但 經 食 藥 署 判定 後 認為 與 過敏 有關 因 此 近日 已 改 列 疑 似 嚴重 過敏 個案 此外 莊人祥 也 指出 上週末 共 新增 24 例 az 疫苗 不良 事件 通報 其中 有 1 例 被 列為 嚴重 不良 事件 一 名 20 多 歲 女性 注射 az 後 出現 疲倦 四肢 酸痛 畏 寒 發燒 關節 痛 等 症狀 目前 已經 好轉 為了 讓 自費 民眾 到 醫院 後 都能 順利 打到 az 疫苗 莊人祥 表示 上周 已 與 醫院 與 衛生所 溝通 將 1 瓶 多 劑量 型 az 疫苗 人數 從 湊足 10 人 放寬 至 8 人 就 可 接種 莊人祥 解釋 我國 採購 的 az 疫苗 為 每 瓶 10 人份 但 許多 醫院 礙於 湊 不滿 10 人 始終 無法 開 打 因此 在 上周 決議 予以 放寬 但 若 是 當日 最後 一 瓶 az 疫苗 則 至少 要 打完 6 人 至於 今日 有 多 家 醫院 傳出 az 疫苗 自費 接種 門診 預約 額 滿 莊人祥 指出 還是 要 看 實際 開 打 後會 有 多少 人 施打 這 部分 還 有待 觀察 目前 供應 自費 市場 的 一萬 劑 主要 是 提供 5千 人 施打 只要 接下來 有 超過 5千 人 預約 就 會 再 評估 釋出 更 多 az 疫苗 衛福 部長 陳時中 上午 在 立院 指出 若 接下來 az 疫苗 一 次 到貨 量 太 大 就 會 拒收 對此 莊人祥 解釋 若 疫苗 一 次 到貨 量 太 大 在短期內 無法 立刻 施 打完 或是 即將 到貨 的 疫苗 效期 太 短 就 會 與 業者 協調 分批 運送 或 請 業者 提供 更 長效 期 的 產品 因應 並 不是 拒收 疫苗</t>
  </si>
  <si>
    <t>日本 捐贈 124萬 劑 az 疫苗 日前 完成 檢驗 封 緘 也 已 配發 到 各縣市 施打 然而 身為 重災區 的 雙北 所 配發 到 的 疫苗 卻 比 高雄 來得 少 遭 疑 大小 眼 中央流行疫情指揮中心 指揮官 陳時中 表示 配 發給 各 縣 市 的 疫苗 中 包含 國軍 專案 的</t>
  </si>
  <si>
    <t>日本 捐贈 124萬 劑 az 疫苗 日前 完成 檢驗 封 緘 也 已 配發 到 各縣市 施打 然而 身為 重災區 的 雙北 所 配發 到 的 疫苗 卻 比 高雄 來得 少 遭 疑 大小 眼 中央流行疫情指揮中心 指揮官 陳時中 表示 配 發給 各縣市 的 疫苗 中 包含 國軍 專案 的 施打 疫苗 並非 算 在 目標 接種 物件 群 也 因為 雙北 是 高風險 區 所以 疫苗 上 才 加發 75 歲 以上 10 中 高風險 5 陳時中 表示 這 兩 天 針對 各縣市 疫苗 配發 的 數目 有些 爭議 例如 為何 高雄 分到 的 比 雙北多 因為 每個 縣 市 情況 都 不同 前 一 波 雙 北 已經 開放 123 類 的 人 施打 其他 縣 市 只有 開放 第一 類 施打 再者 高雄 拿 到 的 8萬 劑 加上 1萬 多 劑 那 1萬 多 劑 是 直接 要 給 國軍 施 打的 而是 給 高雄施 打 其次 臺北市 說 配發 到 7萬 劑 有 12萬 是 中央 掌 控 其實 並 非 中央 掌 控 而是 因為 中央政府 機關 很多 在 臺北市 那些 工作人員 還是 歸在臺北 的 住 民 當中 不是 說 只 有 中央 能用 地方 還 是 放在 整體 分配 量 裡來 使用 陳時中 說 以 桃園 為 例 桃園 可能 會 說 桃園 機場 裡 有 很多 疫苗 的 需求 所以 算 在 桃園 配發 到 的 量 中 並 不 公平 但是 機場 裡 也 有 不少 桃園 住 民 當中 123 類 的 我們 也 都有 設 算到 裡面 在 此 澄清 中央 有 中央 扣留 的 第 7 類 就 不 會 算 在 地方 的 量 裡面 軍人 就 沒有 放在 各縣市 的 量 但 會 先 發下去 無論如何 雙北 還是 風險區 所以 疫苗 加發 75 歲 以上 10 中 高風險 5 媒體 問到 很多 縣 市 首長 反映 緊急 配發 第一 劑 az 疫苗 時 地方 政府 都 沒有 被 即時 告知 一般 民眾 施 打的 疫苗 量 也 應該 分開 撥 配 資訊 才能 更 透明 指揮中心 怎麼 看 陳時中 回應 配發 量 現在 已經 很 透明 6 月 17 日 就 會 陸續 往 下 配送 讓 大家 有 充分 的 量 可以 及早準備 另外 接種 量 和 到貨 時間 都 很 緊迫 很 難 去 掌握 進貨 的 時間 和 量 只能 盡 一切 可能 讓 大家 知道 6 月 4 日 進來 封 緘 檢驗 一 到 兩 周時 大家 都 知道 有 124萬 劑 也 馬上 訂 出 1 到 6 類 的 目標 接種 物件 群 陳時中 指出 6 月 9 日 有 和 各 衛生局 視 訊 討論 希望 能 擴大 施 打量 能 目標 一 周 能 施打 100萬 劑 請 各 地方 的 醫療機構 社區 接種 以及 外 展 服務 等 提早 做好 準備 希望 各縣市 先 掌握 一個 基礎 的 施 打量 之後 就 能 算 出 一 天 可以 施打 多少 如果 疫苗 量 不是 很多 就 不用 火力 全開 可以 分配 到 多 天 來 施打 陳時中 強調 有些 縣 市 宣稱 兩三 天 就 要 打完 這樣 會 讓 大家 壓力 很 大 我們 希望 快 但 不 要 緊迫 還是 要 根據 工作量 能 做 最 適當 的 分配</t>
  </si>
  <si>
    <t>az 疫苗 打氣 不 佳 中央流行疫情指揮中心 昨日 宣佈 21 日 起 開放 民眾 自費 接種 對此 臺北市議員 游淑慧 質疑 疫苗 的 有效期 只 到 6 月 15 日 假設 民眾 於 21 日 馬上 施打 但 兩劑 施打 至少 要 相隔 8 周 自費 民眾 可能 沒有 第二 劑 可 打</t>
  </si>
  <si>
    <t>az 疫苗 打氣 不 佳 中央流行疫情指揮中心 昨日 宣佈 21 日 起 開放 民眾 自費 接種 對此 臺北市議員 游淑慧 質疑 疫苗 的 有效期 只 到 6 月 15 日 假設 民眾 於 21 日 馬上 施打 但 兩劑 施打 至少 要 相隔 8 周 自費 民眾 可能 沒有 第二 劑 可 打 是 頭 洗 一半 就 沒 水 的 冤大頭 遊 淑 慧 昨 14 日 於 個人 臉書 粉 專 表示 根據 az 疫苗 仿單 說明 az 第一 劑 施打 後 3 周後 才 開始 具有 防護力 施打 第二 劑 的 15 天 後 才 具備 完整 保護 力 而且 兩 周施 打 時間 至少 要 相隔 8 周 以上 遊 淑 慧 質疑 指揮中心 宣佈 至 21 日 起 開放 自費 施打 假設 民眾 第一時間 馬上 接 種 第一 劑 8 周後 是 6 月 16 日 以後 但 臺灣 現有 的 兩 批 疫苗 有效期 分別 是 5 月 31 日 6 月 15 日 請問 這些 自費 施 打的 民眾 去 哪裡找 第二 劑 來 打 衛福部 能 保證 這 是 在 裝 孝維 根本 是 頭 洗 一半 就 沒 水 的冤大頭 貼 文 底下 不少 網友 也 留言 回應 先 不管 az 疫苗 會 不 會 引起 血栓 或 其他 副作用 要 打 兩劑 的 疫苗 中間 要 間隔 8 周 結果 買來 的 都快 過期 有 哪個 白癡會 自願 花錢 去 白打 一針 這 就 算是 莫德納 bnt 嬌 生 都 一樣 真的 是 亂七八糟 衛福部 的 算術 真是 一級 棒</t>
  </si>
  <si>
    <t>面對 新冠肺炎 疫情 臺灣 前 一 波 守 得 不錯 備受 國人 肯定 也 贏得 國外 推 祟 豈 知 歐美 疫情 急劇 升溫 從 歐洲 返國 的 民眾 成為 新 一 波 防疫 危機 連 2 天 增添 14 例 恐 將 辛苦 防疫 的 成果 毀於一旦 對於 硬 要 出國 旅遊 的 民眾 中山 醫大 小兒 感染 科 主任 謝 宗學 怒 嗆 出國 一時 爽 全國 火葬場 根據 中央流行疫情指揮中心 資料 15 日 及 16 日 新增 的 確診 案例 除 一 例 是 旅遊 日本 泰國 感染 外 其 餘 13 例 均 有 歐洲 旅遊 史 顯見 國人 非必要 的 出國 旅遊 已為 臺灣 防疫 帶來 沈重 壓力 謝 宗學 在 臉書 dr e 小兒 急診室 日誌 上 表示 昨日 新冠肺炎 新增 8 例 境外移入 案例 加上 前天 的 6 個 案例 兩 天 總共 增加 14 例 境外移入 案例 聽到 這樣 嚴峻 的 狀況 心中 只 浮現 一 句 話 出國 一時 爽 全國 火葬場 境外 案例 暴 增 入 網友 紛紛 表達 不滿 沒 品 沒 公德心 罰 錢拜讬 真的 很 讓 人 生氣 出國 還 很 理直氣壯 憤怒 外加 悲傷 真正 的 大戰 要 開始 了 可以 先 送 那位 揪 團 去 西班牙 葡萄牙 的 裡長 去 火葬場 嗎 限制 醫護人員 出國 結果 國人 一直 出國 來 累死 醫護人員 那些 人 是 在 哈 囉 一直 出去玩 就 不要 回來 了 被 健 保 慣 壞 的 臺灣人 難怪 網友會 想 肉 搜</t>
  </si>
  <si>
    <t>中央流行疫情指揮中心 24 日 召開 疫情 說明 記者會 宣佈 調升 韓國 的 旅遊 疫情 建議 等級 至於 是否 也 會 調升 日本 的 建議 等級 中央流行疫情指揮中心 指揮官 陳時中 坦言 日本 地區 的 確診 案例 也 是 在 上升 中 在 調整 等級 的 邊緣</t>
  </si>
  <si>
    <t>中央流行疫情指揮中心 24 日 召開 疫情 說明 記者會 宣佈 調升 韓國 的 旅遊 疫情 建議 等級 至於 是否 也 會 調升 日本 的 建議 等級 中央流行疫情指揮中心 指揮官 陳時中 坦言 日本 地區 的 確診 案例 也 是 在 上升 中 在 調整 等級 的 邊緣 陳時中 表示 日本 的 確診 案例 持續上升 中 指揮中心 也 一直 與 國外 交換 訊息 其實 日本 當地 也 有 發生 部分 群 聚 感染 會 時時刻刻 檢討 及早 因應 調整 中央流行疫情指揮中心 表示 考量 目前 列為 新冠肺炎 旅遊 疫情 建議 等級 第 一級 泰國 義 大利 伊朗 及第 二級 新加坡 日本 國家 的 確診 病例 持續上升 且 陸續 傳出 社區 及 醫院 群 聚 因 此 即日起 自 旅遊 疫情 建議 第一 級 與 第二 級 國家 入境 的 旅客 入境 後 14 天內 應 落實 自主 健康 管理 措施</t>
  </si>
  <si>
    <t>中央流行疫情指揮中心 今 13 日 公佈 國內 新增 1 例 境外移入 covid-19 新冠肺炎 病例 為 本 國籍 40 多 歲 男性 案 530 今 2020 年 2 月 至 中國 江蘇 工作 10 月 11 日 返台 是 時隔 8 個 月 以來 再 傳 台商 染疫 指揮中心 表示 個案 返 台前</t>
  </si>
  <si>
    <t>中央流行疫情指揮中心 今 13 日 公佈 國內 新增 1 例 境外移入 covid-19 新冠肺炎 病例 為 本 國籍 40 多 歲 男性 案 530 今 2020 年 2 月 至 中國 江蘇 工作 10 月 11 日 返台 是 時隔 8 個 月 以來 再 傳 台商 染疫 指揮中心 表示 個案 返 台前 曾於 10 月 1 日 出現 流 鼻 水 及 有 痰 等 症狀 僅 自行 買 藥 服用 未 在 當地 就醫 其 辦公室 有 另 2 名 同事 有 感冒 症狀 亦 自行 服藥 未 就醫 個案 10 月 11 日 返台 休假 因 入境 時有 咳嗽 流 鼻 水 及 鼻 塞 等 症狀 於 機場 進行 采 檢 並於 今日 確診 目前 住院 隔離 治療 距離 上 一 例 大陸 返台 的 個案 是 二月 的 時候 指揮中心 指出 衛生 單位 已 掌握 個案 同 班機 接觸 者 共 17 人 其中 10 人 為 前後 二 排座位 旅客 列為 居家 隔離 對象 7 人 為 機組員 未 入境 指揮中心 統計 國內 截至 目前 累計 97166 例 新型 冠狀病毒 肺炎 相關 通報 含 96055 例 排除 其中 530 例 確診 分別 為 438 例 境外移入 55 例 本土 病例 36 例 敦睦 艦隊 及 1 例 不 明 確診 個案 中 7 人 死亡 489 人 解除 隔離 34 人 住院 隔離 中</t>
  </si>
  <si>
    <t>清明連 假期 間 不少 國人 到 各 大 熱門 景點 趴 趴 走 連 假 過後 急診 呼吸道 症狀 患者 暴 增 陽明醫學 博士 胸腔 重症 醫師 蘇一峰 爆 料 短短 一 小時 內 就 來 了 三 個 連 假 出遊 後 發生 呼吸道 症狀 的 患者 預估 連 假 後 的 大量 篩檢 潮 將 出現 蘇一峰 今天 在 臉書 發文 指出 在 美國 急診 看病 要 十幾 萬 台幣 臺灣 只 要 五百 元 不到 臺灣 就 是 就醫 太 方便 又 超級 便宜 就算 全世界 都 已經 怕 爆 新冠肺炎 了 不少 臺灣 民眾 還是 照常 出遊 和 出國 他 預估 連 假 後 的 大量 篩檢 潮 將 出現 還有 大量 海歸 與 本土 疑 似 個案 他 感歎 你 的 歲月 靜 好 是 有人 負重 前行 中央流行疫情指揮中心 表示 清明連 假 民眾 南來北往 互動 頻繁 且 部分 觀光 景點 人潮 密集 為 確保 國內 社區 防疫 安全 民眾 若 在 連 假期 間 曾至 人潮 擁擠 的 地方 活動 請 自主 健康 管理 14 天 至於 下 一 波 五 一連 假 是否 會 為 防疫 而取消 指揮官 陳時中 表示 會 視 疫情 變化 調整</t>
  </si>
  <si>
    <t>清明連 假 中央流行疫情指揮中心 11 個 國家級 警報 景點 蔡依林 虎頭 埤</t>
  </si>
  <si>
    <t>昨 2 月 29 日 中央流行疫情指揮中心 公佈 新增 5 例 新冠肺炎 確診 臺灣 境內 已 出現 院內 感染 受到 疫情 影響 許多 行業 收入 銳減 計程車 若 不 跑車 載客 就 沒有 收入 一 名 網友 貼出 搭車 照片 只見 小黃 司機 自製 防疫 神 簾 短</t>
  </si>
  <si>
    <t>昨 2 月 29 日 中央流行疫情指揮中心 公佈 新增 5 例 新冠肺炎 確診 臺灣 境內 已 出現 院內 感染 受到 疫情 影響 許多 行業 收入 銳減 計程車 若 不 跑車 載客 就 沒有 收入 一 名 網友 貼出 搭車 照片 只見 小黃 司機 自製 防疫 神 簾 短短 半天 就 破 7萬 網友 按 贊 網友 大贊 司機 超 有才 一 名 網友 在 臉書 社團 爆 料 公社 發文 今天 遇到 這個 計程車 大哥 太 有才 了 大贊 是 遠離 新冠肺炎 的 最佳 示範 原來 司機 買 了 一 張 大片 的 透明 塑 膠布 將 前 後座 完全 隔離 成 兩 個 空間 用來 避免 飛 沫 感染 原 po 表示 在 防疫 神 簾 下方 有 一個 盤子 是 司機 特意 準備 的 用來 付錢 找錢 可以 減少 肌膚 接觸 至於 她 在 搭 車 的 期間 司機 也 全程 開 窗 保持 通風 原 po 大贊 不讓 他 紅 不行 網友 看 後 也 紛紛 大贊 這個 很 可以 很 懂得 保護 自己 贊 啦 保護 自己 也 就 是 保護 別人 生活 靠 智慧 這 防疫 做 的 好 嚴密 不過 也 有 網友 提醒 透明 布 要 洗 才 有 效果 否則 反而 把 病毒 留在 距離 呼吸道 更 近 的 地方 冷氣 空調 開車 內 迴圈 就 破 功 了 這 還 存 有 很 大 的 空隙 並未 做到 完全 隔離 沒 啥 作用 只 是 求 心安 而已 更 多 ctwant 報導</t>
  </si>
  <si>
    <t>首批 混打 預約 今天上午 10 點 開 搶 截至 下午 1 點 已 有 17萬 人 預約 預約 已於 今天下午 4 點 截止 原定 混打 將 在 11 月 20 日 21 日 進行 但 考量 適逢 週末 中央流行疫情指揮中心 宣佈 延長 至 24 日 有 民眾 今天 一早 上網 預約 混打 意外</t>
  </si>
  <si>
    <t>首批 混打 預約 今天上午 10 點 開 搶 截至 下午 1 點 已 有 17萬 人 預約 預約 已於 今天下午 4 點 截止 原定 混打 將 在 11 月 20 日 21 日 進行 但 考量 適逢 週末 中央流行疫情指揮中心 宣佈 延長 至 24 日 有 民眾 今天 一早 上網 預約 混打 意外 發現 24 日前 皆 可 預約 指揮官 陳時中 說明 原本 開放 混打 日期 為 11 月 20 至 21 日 但 明 後天 是 週末 有些 地方 沒有 開 那麼 多 站 因此 延長 至 24 日 下週一 到 週三 都 可以 預約 接種 陳時中 也 說 第 14 輪 混打 疫苗 共有 26萬8984 人 登記 已 預約 混打 共 16萬9597 人 其中 選擇 莫德納約 有 11萬 人 bnt 則 有 5萬4千 多 人</t>
  </si>
  <si>
    <t>中央流行疫情指揮中心 昨晚 宣佈 國內 又 新增 第 24 例 新冠肺炎 確診 個案 為 北部 一 名 60 多 歲 的 退休 女性 近 2 年 都 無 出 國史 感染 源 還 在 調查 中 icu 醫生 陳志 金表 示 最 令人擔憂 的 是 臺灣 首例 是 1 月 20 日 入境 第 24 例 1 月 22 日 發</t>
  </si>
  <si>
    <t>中央流行疫情指揮中心 昨晚 宣佈 國內 又 新增 第 24 例 新冠肺炎 確診 個案 為 北部 一 名 60 多 歲 的 退休 女性 近 2 年 都 無 出 國史 感染 源 還 在 調查 中 icu 醫生 陳志 金表 示 最 令人擔憂 的 是 臺灣 首例 是 1 月 20 日 入境 第 24 例 1 月 22 日 發病 是否 代表 更 早就 感染 了 陳志金 在 臉書 發文 指出 臺灣 首例 是 1 月 20 日 入境 第 24 例 1 月 22 日 發病 有 可能 更 早就 感染 了 並 擔心 她 過年 期間 有無 家 聚 而且 1 月 22 至 29 日 到底 去 了 幾 家 診所 就醫 1 月 29 日前 往 醫院 急診 留 院 觀察 待 了 多久 從 1 月 30 日 至 2 月 17 日 住院 到 加 護 病房 都 不是 隔離病房 第 24 例 從 發病 到 確診 29 天 密切接觸 者 共 360 人 陳志金 擔憂 這 中間 有 接觸 多少 醫護人員 陳志金 強調 潛伏期 是 指 被 傳染 後 到 出現 症狀 的 期間 並 不是 出現 症狀 後 到 確診 的 時間 目前 第 24 例 的 潛伏期 並 不 清楚 29 天 是 她 發病 出現 症狀 到 確診 的 時間 重點 是 不 知道 她 在 何時 被 誰 傳染 的</t>
  </si>
  <si>
    <t>新北 市 某 幼稚園 群 聚 案 各界 猜疑 埃及 爸 就是 這 起 事件 的 傳染源 疫情 指揮中心 發言人 莊人祥 表示 目前 無法 確定 是 境外 或 國內 染疫 會 儘量 做 基因 定 序 厘 清 感染 途徑 但 不 會 回頭 匡 列當 時 與 埃及 爸 搭 同 班機 入境 的 旅客 因為 即便 有 確診 者 都 已不 具 傳染 力 對此 腎臟科 名醫 江守山 直言 這 樣子 疫 調 真的 不會 死 嗎 江 守 山 昨 10 日 於 個人 臉書 粉 專 江守山 醫師 分析 當時 搭乘 同 班機 入境 的 旅客 指揮中心 說 即便 有 確診 者 研 判 都 已不 具 傳染 力 因此 不 會 回頭 再 去 匡列 但 這 樣子 疫 調 真的 不會 死 嗎 江 守 山 認為 這樣 的 疫 調 方式真 的 太 危險 了 若 同機 不只 埃及 爸 埃及 爸 親 哥 及 表哥 染疫 就算 都 是 無 症狀 感染者 解 隔離 後 難道 就 不 會 感染 家人 及 同事 嗎 此時 應匡列 同機 旅客 並 進行 pcr 篩檢 及 抗體 監測 任何 陽性 需要 擴大 匡列其 家人 及同事 才能 找到 隱形 傳播 鏈 絕不能 因為 現在 病毒 量 低 就 推測 當時 不具 傳染 江 守 山 說 疫 調 的 同時 應 儘快 確認 在 邊境 口水 快 篩 居隔 篩檢 甚至 是 最後 的 pcr 采 檢 中間 過程 是否 有 問題 導致 偽 陰性 比例 偏 高 尤其 是 對 delta 變異 株 檢測 是否 還有 效 若 無法 使用 有效 的 產品 守護 國門 就 會 產生 虛假 的 安全感 中央流行疫情指揮中心 副 組長 羅一鈞 回應 各國 旅客 入境 本來 就 有 14 天 隔離 規定 與 埃及 籍 確診 者 同 班機 的 旅客 也 不 例外 各種 采 檢 都 有 目前 同 班機 確診 只 有 個 案 的 2 位 親戚 另外 還有 1 位 是 期滿 采 檢 ct 值 36 無法 追尋 源頭 但 推測 應 不是 飛機 上 互相 感染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中央流行疫情指揮中心 昨 10 日 新增 176 例 疫苗 接種 後 不良 事件 其中 包含 7 例 死亡 4 例 為 接種 az 疫苗 3 例 為 接種 莫德納 疫苗 目前 國內 疫苗 接種 後 死亡 個案 累計 1055 例 疫情 指揮中心 莊人祥 說明 疫苗 接種 後 不良 事件 新增 通</t>
  </si>
  <si>
    <t>中央流行疫情指揮中心 昨 10 日 新增 176 例 疫苗 接種 後 不良 事件 其中 包含 7 例 死亡 4 例 為 接種 az 疫苗 3 例 為 接種 莫德納 疫苗 目前 國內 疫苗 接種 後 死亡 個案 累計 1055 例 疫情 指揮中心 莊人祥 說明 疫苗 接種 後 不良 事件 新增 通報 176 件 分別 為 121 件 非 嚴重 不良 事件 7 件 死亡 48 件 其他 疑 似 嚴重 不良 事件 7 例 接種 後 死亡 個案 中 4 例 為 接種 az 後 79 天 到 117 天 發生 2 女 2 男 年齡 為 57 至 64 歲 另外 3 例 為 接種 莫德納 後 11 至 21 天 發生 1 女 2 男 年齡 為 67 至 69 歲 指揮中心 統計 目前 國內 累計 1055 例 疫苗 接種 後 發生 死亡 之 不良 事件 其中 752 例 為 接種 az 253 例 為 接種 莫德納 30 例 為 接種 高端 20 例 為 接種 bnt</t>
  </si>
  <si>
    <t>新冠肺炎 疫情 未退 香港 有 確診 病 患 飼養 的 寵物 犬 驗 出 冠狀病毒 弱 陽性 香港 證實 新型 冠狀病毒 會 人 畜 傳播 我 中央流行疫情指揮中心 執行官 周志浩 28 日 在 記者會 說明 目前 不 排除 這種 可能 但 仍 需要 檢測 此外 最新 研究 指出</t>
  </si>
  <si>
    <t>新冠肺炎 疫情 未退 香港 有 確診 病 患 飼養 的 寵物 犬 驗 出 冠狀病毒 弱 陽性 香港 證實 新型 冠狀病毒 會 人 畜 傳播 我 中央流行疫情指揮中心 執行官 周志浩 28 日 在 記者會 說明 目前 不 排除 這種 可能 但 仍 需要 檢測 此外 最新 研究 指出 龜 類 也 可能 是 新冠 病毒 潛 在 中間 宿主 疫情 中心 稱 不 排除 可能性 香港 01 報導 港 府 漁農 自然 護理 署 昨天 淩晨 0 時 55 分 發稿 指 有 一 名 新冠肺炎 確診 者 的 小狗 需 交給 漁 護 署 暫 管 漁 護 署 人員 26 日 傍晚 接 走狗 並 從 其 口腔 鼻腔 及 肛門 取樣 測試 新冠 病毒 結果 發現 口腔 及 鼻腔 的 樣本 呈 弱 陽性反應 但 小狗 並 沒有 出現 任何 症狀 或是 相關 病 兆 還要 確認 是否 真的 感染 還是 僅 沾染到 病毒 香港食物及衛生局 長 陳肇始 表示 現時 漁 護 署 沒有 足夠 資料 顯示 狗 如何 受 感染 或 發病 也 沒有 證據 顯示 狗 會 傳播 病毒 給 人 呼籲 養 寵物民眾 注意 個人 衛生 哺乳類 寵物 必要 時 應 檢驗 漁 護 署 發言人 表示 雖然 沒有 資料 證明 寵物 會 感染 而 發病 或 傳播 新冠肺炎 但 強烈建議 確診 者 的 哺乳類 寵物 接受 14 天 的 檢疫 監察 必要 時 也 要 進行 病毒 的 檢驗 世界衛生組織 稍 早 曾 指出 沒有 證據 顯示 貓狗 等 寵物 會 感染 新冠肺炎 病毒 但 建議 接觸 寵物 後 要用 肥皂 及 清水 洗手 永遠 是 好 主意 以 減少 其他 常見 細菌 在 寵物 和 人類 之間 的 傳播 病毒感染 龜 恐 演化 傳給 人 香港 東網 報導 最新 研究 指出 繼 早 前 有 研究 指 新冠 病毒 的 潛 在 中間 宿主 是 穿山甲 後 由 廣州 暨南大學 湖北 醫藥 學院 組成 的 團隊 26 日 發表 研究 論文 稱 龜 類 也 是 病毒 的 潛 在 中間 宿主 不 排除 病毒感染 龜 類 後 演化成 可 感染 人類 研究 人員 對比 新冠 病毒 非典 病毒 動物 樣本 中 發現 的 疑 似 sars 冠 狀 病毒 及 其他 冠狀病毒 間 的 刺 突 蛋白 在 結構 模擬 中 發現 相比 蝙蝠 龜 類 穿山甲 與 人類 的 相互作用 更為 近似 西部 錦 龜 綠 海龜 中華鱉 等 可能 是 將 新冠 病毒傳播 給 人類 的 潛 在 中間 宿主 但 仍 需 進一步 確認 目前 已 知 龜 類 作為 宿主 能 攜帶 多種 病毒 與 禁止 交易 的 穿山甲 相比 龜 類 在 動物 市場 上 更 普遍</t>
  </si>
  <si>
    <t>繼 藝人 賈永婕 募集 342 台 救命 神 器 高 流量 氧氣 鼻 導管 全配 系統 hfnc 分送 各 大 醫院 後 中央流行疫情指揮中心 指揮官 陳時中 昨 13 日 也 宣佈 目前 已 購買 500 台 hfnc 卻 遭 批評 慢 半 拍 一 名 自稱 是 hfnc 設備 從業人員 的 網友 揭內</t>
  </si>
  <si>
    <t>繼 藝人 賈永婕 募集 342 台 救命 神 器 高 流量 氧氣 鼻 導管 全配 系統 hfnc 分送 各 大 醫院 後 中央流行疫情指揮中心 指揮官 陳時中 昨 13 日 也 宣佈 目前 已 購買 500 台 hfnc 卻 遭 批評 慢 半 拍 一 名 自稱 是 hfnc 設備 從業人員 的 網友 揭 內幕 表示 確實 6 月 4 日 有 接 到 中央 詢 價 的 消息 不過 最後 似乎 並 沒有 成功 接 單 這 名 網友 在 網路 論壇 ptt 表示 6 月 4 日 有 接 到 中央 詢 價 採購 500 台 hfnc 的 消息 公司 內部 為了 這 件 事 烽火連天 的 忙 了 一 周 不過 今天 才從 電視新聞 得知 衛福部 已經 出 貨 200 台 因此 接到 單 的 似乎 並 不是 他們 的 廠 該 名 員工 感歎 為了 這個 案子 公 部門 與 使用 單位 都 急如星火 公司 也 已 提前 下單 訂貨 深怕 來不及 交給 第一線 但 今天 看 電視 才 得知 衛福部 已經 出 貨 至於 衛福部 已 出 貨 的 200 台 他 不 知道 是 哪 間 公司 的 總之 他 還 沒有 接到 要 回 公司 加班 出 貨 的 消息 至於 哪個 品牌 的 hfnc 好 用 原 po 則 指出 只能 說 青菜 蘿蔔 各有所好 每 台 設備 都有 優缺點 國產 的 不 一定 不好 外國 的 也 不 一定 比較 猛 最 重要 的 是 能 救命 用 對 方式 用 對 地方 能 有效 減輕 設備 不足 壓力 的 都是好 東西 對於 在 賈永婕 善舉 後 指揮中心 13 日 才 宣佈 已 購買 500 台 hfnc 其中 200 台 當天 到貨 遭 外界 批評 動作 太 慢 若 都 要 靠 民間 募 資 那 政府 編 列 預算 有 甚麼 用 有 ptt 網友 無奈 回應 政府採購 有 跟 學校 公家 交手 過 就 知道 沒人 注意 的 才會 快 不能 說 再多 了</t>
  </si>
  <si>
    <t>上海市 衛生 健康 委員會 宣佈 30 日 報告 6 例 境外 輸入 性 新冠肺炎 確診 病例 其中 1 例 來自 臺灣 為 臺灣 民眾 若 消息 為 真 這 應是 臺灣 輸出 至 大陸 的 第 4 例 新冠肺炎 確診 病例 不 國 中央流行疫情指揮中心 發言人 莊人祥 表示 一早 也</t>
  </si>
  <si>
    <t>上海市 衛生 健康 委員會 宣佈 30 日 報告 6 例 境外 輸入 性 新冠肺炎 確診 病例 其中 1 例 來自 臺灣 為 臺灣 民眾 若 消息 為 真 這 應是 臺灣 輸出 至 大陸 的 第 4 例 新冠肺炎 確診 病例 不 國 中央流行疫情指揮中心 發言人 莊人祥 表示 一早 也 是 看到 新聞 就 立刻 與 陸方 聯繫 陸方 回 覆 會 盡 速 確認 後 告知 臺灣 還 沒 收到 進一步 的 消息 根據 上海 通報 該 名 確診 患者 在 臺灣 生活 12 月 27 日 自 臺灣 出發 當日 抵達 上海浦東國際機場 入 關後 即 被 集中 隔離 觀察 期間 出現 症狀 綜合 流行病 學 史 臨床 症狀 實驗室 檢測 和 影像 學 檢查 結果 等 診斷 為 確診 病例</t>
  </si>
  <si>
    <t>新竹 縣 25 日 新增 一 名 確診 個案 新竹 縣長 楊文科 25 日 下午 宣佈 該 名 確診 者 為 案 5299 為 本 國籍 20 多 歲 女性 住 在 竹北市 在 發病 前 的 公共 地區 活動 史 僅 有 花 蓮 縣 1 處 民 宿 另外 針對 新竹 市 通報 的 確診 者 在 新竹 縣 的 足跡 新竹縣政府 環保局 也 完成 消毒 楊 文科 指出 案 5299 在 5 月 21 日 至 23 日 則 與 家人 開車 前往 花蓮 處理 家中 事務 期間 居住 在 花蓮縣 新城鄉 一 處 民 宿 但因 旅館 屬於 不 公開 的 足跡 新竹縣政府 也 通報 花蓮 縣政府 並 完成 消毒 案 5299 在 5 月 24 日 晚間 因 出現 發燒 由 家人 陪同 就醫 及 采 檢 確定 為 陽性 後 由 救護車 後 送至 醫院 隔離 治療 楊文科 表示 案 5299 的 疫 調 結果 已經 交給 中央 判 讀 並 厘 清其 感染 源 其 15 名 接觸 者 及 同 住 家人 也 依據 風險 程度 安排 采 檢 居家 隔離 或 自主 健康 管理 另外 新竹縣政府 上午 也 接到 新竹 市政府 通知 新竹 市 確診 個案 有 前往 寶山鄉 1 處 寵物 樂園 竹北市 縣政 九 路一 間 自助餐 的 足跡 環保局 也 已 消毒 完畢 楊 文科 表示 中央流行疫情指揮中心 25 日 宣佈 三級 警戒 延長 至 6 月 14 日 各級 學校 也 停課 至 6 月 14 日 對於 線 上 教學 不足之處 縣府 也 做 滾 動式 檢討 公 播 課程 會 加入 低年級 課程 國中勞 權 教育課 程 遠距教學 線 上 支援 平臺 也 會 整合 新竹 縣 輔導 團 教育部 及 其他 縣 市 的 線 上 教學 平臺 另外 國小 學力 測驗 則 延長 至 7 月 1 日 施 測 楊 文科 也 感謝 普生 股份有限公司 捐贈 新竹 縣 1萬 人份 的 新冠肺炎 核酸 檢驗 試劑 pcr 支援 醫療 能量</t>
  </si>
  <si>
    <t>新冠肺炎 疫情 嚴峻 臺灣 累計 確診 人數 382 人 對此 中山醫學 大學 附設 醫院 兒童 急診科 主任 謝 宗學 醫師 發文 表示 9 日 中央流行疫情指揮中心 指揮官 陳時中 語重心長 的 警語 臺灣 沒有 大意 的 本錢 且 新冠肺炎 傳染 力 遠 大於 sa</t>
  </si>
  <si>
    <t>新冠肺炎 疫情 嚴峻 臺灣 累計 確診 人數 382 人 對此 中山醫學 大學 附設 醫院 兒童 急診科 主任 謝 宗學 醫師 發文 表示 9 日 中央流行疫情指揮中心 指揮官 陳時中 語重心長 的 警語 臺灣 沒有 大意 的 本錢 且 新冠肺炎 傳染 力 遠 大於 sars 若 病人 突然 暴 增 可能 造成 醫療 資源 不足 那時 的 致死 率 甚至 會 比 sars 還 高 謝 宗學 醫師 在 臉書 發文 表示 9 日 下午 開車 接 孩子 下課 看到 下班 下課時間 人潮 眾多 便當 店 飲料店 大排長龍 好像 世界 沒有 新冠肺炎 肆虐 心中 不禁 想 這樣 平靜 的 生活 能 一直 維持 嗎 會 不 會 一 覺 醒 來 爆 疫情 大 爆發 使 平常 熟悉 的 一切 灰飛煙滅 開始 禁 足 和 封城 謝 宗學 也 指出 臺灣 現在 面臨 的 嚴峻 危機 一 世界 各國 疫情 沒有 趨 緩 的 現象 大陸 繼續 掩飾 疫情 拼 復工 二 清明連 假人 潮群 聚 的 危機 至少 還要 10 天才 能 解除 三 國人 開始 鬆懈 街上 看到 不少 人 沒 戴 口罩 謝 宗學 也 表示 每天 維持 高 強度 防疫 的 生活 很 痛苦 但要 保 有 現在 如常 的 生活 模式 真的 只能 這樣 清明連 假 後 他 開始 配戴 n 95 口罩 因為 現在 國外 旅遊 史 與 接觸 史已 不再 是 判斷 新冠肺炎 唯一 參考 依據 他 知道 職責所在 不能 讓 自己 染病 所以 開始 適應 12 小時 緊 戴 n 95 工作 他 希望 大家 能 持續 做好 個人 防護 措施 不要 參加人 多 的 活動 不要 到 密閉空間 及 人潮 擁擠 的 地方 去 出門 一定 要 戴 口罩 勤洗手 保護 自己 也 保護 家人 更是 保護 國家 臺灣 真的 沒有 大意 的 本錢</t>
  </si>
  <si>
    <t>近期 國內 的 確診 個案 中 從 歐美 返國 的 民眾 有 不少 為 嗅 味覺 喪失 中央流行疫情指揮中心 專家 諮 詢 小組 召集人 張上淳 證實 國內 嗅 味覺 喪失 的 患者 基本上 都 是 歐洲 美洲 返國 的 境外移入 者 因此 不 排除 當地 的 病毒株 已 有 變異</t>
  </si>
  <si>
    <t>近期 國內 的 確診 個案 中 從 歐美 返國 的 民眾 有 不少 為 嗅 味覺 喪失 中央流行疫情指揮中心 專家 諮 詢 小組 召集人 張上淳 證實 國內 嗅 味覺 喪失 的 患者 基本上 都 是 歐洲 美洲 返國 的 境外移入 者 因此 不 排除 當地 的 病毒株 已 有 變異 目前 國內 的 大陸 亞洲 旅遊 史 病 患 並未 發現 這種 狀況 但 詳情 還 需要 國內 醫學 的 研究 與 探討 至於 喪失 味覺 嗅覺 者 是否 會 增加 重症 機 率 目前 還 沒有 確切 證據 新北 市長 侯友宜 最近 再度 呼籲 中央 應 全面 對 入境者 進行 普 篩 但 中央流行疫情指揮中心 今天 仍 不 願 妥協 指揮官 陳時中 表示 機場 普 篩 還 是 會 有 偽 陰性 偽 陽性 的 問題 若 全面實施 恐 會 造成 更 大 的 防疫 漏洞 因 此 目前 對於 邊境 防疫 還 是 採取 折衷方案 對 入境者 有 症狀 者 就 直 送 集中 檢疫所 采 檢 只要 是 陰性 就 可 返家 居家 檢疫 另外 對於 居家 檢疫 者 在 結束 14 天 管制 前 也會 依照 民眾 的 症狀 來 判斷 是否 需 安排 采 檢 有 症狀 者 才會采 檢 這樣 就 不 會 有 偽 陰性 偽 陽性 的 問題</t>
  </si>
  <si>
    <t>公費 新冠肺炎 疫苗 今 起 開放 第 九 類 18 歲 以上 有 重大 疾病 患者 以及 第 十 類 50 歲 以上 民眾 接種 共有 94萬1095 人 完成 預約 今 起 可 依 預約 時間 前往 醫療 院所 施打 但 如果 因故 不 小心 錯過 預約 怎麼辦 如果 臨時 想要 更改 疫苗 廠 牌 又 該 怎麼 做 中 時 新聞網 整理 出 五 個 疫苗 登記 與 預約 的 常見 問題 供 民眾 參考 疫苗 意願 登記 時間 疫苗 意願 登記 每週 一 將 統一 結 單 符合 接種 資格 者 將 會 收到 預約 簡訊 目前 除 了 第 九 類 與 第 十 類 的 公費 疫苗 接種 對象 外 民國 92 年 以前 出生 18 歲 以上者 也 可以 登 入 系統 進行 疫苗 施打 意願 登記 疫苗 接種 預約 方式 有 哪些 收到 預約 簡訊 的 民眾 可 透過 公費 疫苗 預約 平臺 或 健 保 快易通 app 線 上 預約 或 親自 前往 四大 超 商 藥局 或是 衛生所 插卡 預約 打 疫苗 的 時間 與 地點 且 在 預約 期間 內 民眾 也 可以 透過 網站 或 app 來 修改 接種 地點 或 時間 要 怎麼 修改 疫苗 意願 登記 民眾 登記 疫苗 施打 意願 之後 如果 想要 修改 想 接種 的 疫苗 廠 牌 並不需要 重新 登記 可以 登 入 公費 疫苗 預約 平臺 或 健 保 快易通 app 上面 會 顯示 已登記 的 資訊 下方 可 選擇 修改 登記 的 按鈕 就 能 更改 原先 勾選 的 疫苗 廠 牌 錯過 接種 疫苗 時間 怎麼辦 如果 不 小心 錯過 預約 打 疫苗 的 時段 也 別 慌 可以 在 當天 告知 現場 的 工作人員 選擇 同一天 的 不同 時段 接種 但 如果 沒 辦法 在 當天 打 疫苗 的 話 就 須要 等 收到 下 一 輪 的 簡訊 通知 再 重新 預約 接種 疫苗 的 時間 與 地點 先 登記 意願 就 可先 打 疫苗 中央流行疫情指揮中心 曾在 記者會 上 解釋 疫苗 意願 的 登記 先後順序 與 收到 預約 簡訊 的 先後順序 並 沒有 關聯 將 會 以 長幼有序 方式 排列 依 出生 年 序 發佈 預約 通知</t>
  </si>
  <si>
    <t>國內 力拼 10 月底 前 達到 1 劑 疫苗 涵蓋 率 7 成 2 劑 疫苗 涵蓋 率 3 成 的 目標 中央流行疫情指揮中心 指揮官 陳時中 今天 表示 目前 兩 項 指標 分別 為 6949 及 296 預計 明天 就 能 達標 陳時中 表示 昨 26 日 國內 疫苗 接種 共 38萬689</t>
  </si>
  <si>
    <t>國內 力拼 10 月底 前 達到 1 劑 疫苗 涵蓋 率 7 成 2 劑 疫苗 涵蓋 率 3 成 的 目標 中央流行疫情指揮中心 指揮官 陳時中 今天 表示 目前 兩 項 指標 分別 為 6949 及 296 預計 明天 就 能 達標 陳時中 表示 昨 26 日 國內 疫苗 接種 共 38萬6895 劑 az 第 2 劑 共 128萬 劑 莫德納 第 2 劑 共 112萬 劑 bnt 第 1 劑 打 了 139萬三 種 疫苗 蠻 平均 的 目前 國內 疫苗 人口 涵蓋 率 6949 劑 次 人口 比 9909 劑 每百人 2 劑 疫苗 涵蓋 率 為 296 陳時中 表示 預計 明天 就 能 達成 7 成和 3 成 的 目標 外界 期盼 疫苗 覆蓋率 提升 後 可望 放寬 邊境 措施 陳時中 表示 疫苗 覆蓋率 代表 我們 的 自我 保護 能力 到達 一定 程度 的 覆蓋率 後 對於 邊境 管制 可以 相對 放鬆 不過 大家 對於 覆蓋率 要到 多 高 的 看法 各有不同 我們 也 會 跟 專家 來 審慎考慮</t>
  </si>
  <si>
    <t>國內 一 名 印尼 籍 非法 看護 日前 確診 新冠肺炎 中央流行疫情指揮中心 日前 表明 反對 掃蕩 非法 移 工 但 勞動部 北市 衛生局 紛紛 逆 時鐘 要求 取締 非法 移 工 指揮中心 指揮官 陳時中 表示 已 與 勞動部 部長 再三 討論 表明 需 加強</t>
  </si>
  <si>
    <t>國內 一 名 印尼 籍 非法 看護 日前 確診 新冠肺炎 中央流行疫情指揮中心 日前 表明 反對 掃蕩 非法 移 工 但 勞動部 北市 衛生局 紛紛 逆 時鐘 要求 取締 非法 移 工 指揮中心 指揮官 陳時中 表示 已 與 勞動部 部長 再三 討論 表明 需 加強 看護 的 訓練 和 管理 不要 在 醫院 趴 趴 走 至於 北市 的 狀況 則 需 瞭 解 一下 陳時中 日前 前往 醫院 視察 超前 佈署 情況 時 表明 反對 掃蕩 非法 移 工 認為 加強 取締 恐 加重 第一線 護理人員 負擔 日前 在 記者會 上 也 表示 不會 管 對方 身分 如何 我 只管 他 有 沒有 健康 且 已 與 勞動部 當面 討論 勞動 部長 許銘春 也 表示 全力 配合 勞動部 昨 發 函 新北 市 要求 追查 日前 確診 的 非法 印尼 籍 移 工 北市 衛生局 今 也 發 函 要求 醫院 發現 非法 移 工時 告知 移民署 處理 對於 兩 方 逆 時 中 的 作法 陳時中 表示 已 與 勞動部 部長 再三 討論 將 加強 看護 的 訓練 和 管理 不要 在 醫院 趴 趴 走至於 北市 的 狀況 則 需 進一步 瞭 解</t>
  </si>
  <si>
    <t>中央流行疫情指揮中心 今 10 日 表示 國內 6 月 7 日後 已 擴大 鬆綁 生活 防疫 規範 為 鼓勵 民眾 落實 防疫 新 生活 特別 邀請 我國 桌 球 好手 江 宏 傑 擔任 防疫 新 生活 宣傳 大使 陳時中 表示 4 月 30 日 講到 現在 我們 已經 不夠 吸 睛 因此 特</t>
  </si>
  <si>
    <t>中央流行疫情指揮中心 今 10 日 表示 國內 6 月 7 日後 已 擴大 鬆綁 生活 防疫 規範 為 鼓勵 民眾 落實 防疫 新 生活 特別 邀請 我國 桌 球 好手 江 宏 傑 擔任 防疫 新 生活 宣傳 大使 陳時中 表示 4 月 30 日 講到 現在 我們 已經 不夠 吸 睛 因此 特別 請 江宏傑 來 擔任 代言 顯然 比 我們 吸 睛 很多 陳時中 表示 全球 增加 的 病例 依然 很多 防疫 新 生活 大家 不要 忘記 發現 去 醫院 時 大家 開始 沒有 警覺 忘記 戴 上 口罩 提醒 一定 要 配戴 口罩 江 宏 傑 表示 這次 的 疫情 讓 大家 深刻 感受 到 生活 上 的 不便 更 讓 自己 珍惜 正常 生活 的 難能可貴 很 榮幸 這次 能 擔任 防疫 新 生活 的 宣傳 大使 希望 大家 一起 身體力行 將 勤洗手 戴 口罩 保持 社交距離 等 變成 日常生活 的 一部分 共同 守護 社區 防疫 安全 指揮中心 指出 隨 著 國內 疫情 趨 緩 目前 雖 已 放寬 社區 防疫 措施 但 提醒 民眾 平時 仍 應 落實 勤洗手 呼吸道 衛生 與 咳嗽 禮節 等 良好 個人 衛生習慣 外出 活動 時 維持 室內 15 公尺 室外 1 公尺 以上 的 社交距離 若 無法 維持 應 佩戴 口罩 至 餐廳 或 攤販 用餐 時 可 挑選 有 適當 用餐 距離 隔板 提供 套餐 的 店家 享受 美食 並 配合 業者 執行 實 聯 制 體溫 監測 等 防疫 作業 生病 不適 者 儘量 在家 休息 只 要 將 這些 防疫 基本功 內 化為 生活習慣 就 能 保護 自己 及 他人 的 健康</t>
  </si>
  <si>
    <t>隨 著 全球 新冠肺炎 疫情 的 擴大 臺灣 的 防疫 措施 也 不斷 強化 其中 對 可能 受 感染 卻 仍 在 潛伏期 者 分別 有 居家 檢疫 與 居家 隔離 的 措施 以 避免 疫情 擴散 但 近日 陸續 傳出 有 隔離 者 趴 趴 走 或 失 聯 的 狀況 對 違反 者 的 處罰 是否 有效 執行 過程 是否 有 漏洞 等 在 疫情 緊張 的 此刻 應 儘快 檢討 因為 中國 大陸 香港 澳門 已 被 列為 新冠肺炎 感染 區 因此 從此 三 地 回台 的 民眾 中央流行疫情指揮中心 依據 傳染病 防治法 要求 須進行 14 天 的 居家 檢疫 而 如果 是 與 新冠肺炎 的 確診 者 有 所 接觸 則 須進行 居家 隔離 14 天 至於 違反 居家 檢疫 居家 隔離 者 分別 可 處 1萬 到 15萬 元 6萬 到 30萬 元 的 罰 鍰 如此 的 法律 效果 似乎 不重 尤其 隔離 者 一旦 外出 接觸 的 場所 與 人數 不知凡幾 其 所 可能 帶來 的 風險 極 高 難道 不能 處 以 更 重 的 刑罰 嗎 依 傳染病 防治法 第 62 條 確實 有 針對 不 遵行 指示 散佈 傳染病 可 處 3 年 以下 有期徒刑 的 明文 但 於 客觀 上 須有 傳染 他人 的 結果 主觀 上 也 須 明知 有 傳染病 才足 以 成 罪 而 受 居家 隔離 者 就算 外出 趴 趴 走 因 處 潛伏期 間 如何 證明 有 傳染給 他人 的 事實 這 本身 就 有 困難 就算 能 證明 因果 關係 但因 尚未 有 病症 要 說明 本人 知 有 傳染病 也 有 困難 致使 此 刑罰 規定 僅 具 宣示 意義 也 因此 要 靠 事 後 的 處罰 來 落實 居家 檢疫 與 隔離 既 無 嚇 阻 效果 也 顯得 緩不濟急 所以 採取 集中 檢疫 與 管理 似乎 是 最 有效 的 方式 但 此等 措施 涉及 人身 自由 的 限制 必然 是 在 不得已 的 情況 才能 採行 況且 目前 隔離 人數 恐 已 有 數 千 人 要 找尋 隔離 場所 有 很 大 的 困難 更 遑 論 集體 隔離 地點 很 容易 引來 附近 民眾 的 抗議 以上 的 困境 加上 考量 人力 監視 資源 的 有限 性 對 居家 檢疫 隔離 者 採行 電子 監控 更 具有 實際效果 只不過 現行 採取 提供 隔離 者 具有 衛星 定位 的 手機 因 無 法 強制 隔離 者 隨身攜帶 必然 出現 監控 的 漏洞 至於 回報 身體狀況 又 有 道德風險 存在 凸顯 低密度 的 電子 監控 最終 還 是 得 依賴 人為 的 查證 為 解決 此 問題 政府 可 考慮 對 居家 檢疫 與 隔離 者 強制 配戴 有 gps 定位 的 電子 手 環 就 可為 全天候 的 監控 但因 此種 方式 已 與 對 犯罪 者 或 刑事 被告 的 電子 監控 相當 在 隔離 者 並非 觸 法者 的 情況 下 實有 人權 侵害 的 疑慮 因此 若 疫情 指揮中心 決定 要 採行 高密度 的 電子 監控 在 目前 無 法律 明確 授權 的 情況 下 應該 修法 解決 基於 防疫 工作 的 複雜 與 變異性 於 法制 上 確實 必須 給 主管機關 相當 大 的 裁 量 空間 卻 也 必須 兼顧 法律 的 明確 及 實效性 立 法院 在 開議 後 應檢 視 防疫 的 需要 儘快 通盤 檢討 傳染病 防治法 進行 相關 修法 以 維護 國人 健康 作者 為 真理 大學 法律 系 所 副教授 兼 刑事 法 研究 中心 主任</t>
  </si>
  <si>
    <t>自 武漢 包機 回台 的 專機 今日 11 日 清晨 4 時 08 分 抵 台 由 中華 航空 東方航空 分別 載 169 人 192 人 抵 台 中央流行疫情指揮中心 公佈 8 張 現場 照片 將 專機 抵 台後 所有 的 檢疫 措施 曝光 在 國人 面前 交通部 次長 王國材 也 貼出 現場</t>
  </si>
  <si>
    <t>自 武漢 包機 回台 的 專機 今日 11 日 清晨 4 時 08 分 抵 台 由 中華 航空 東方航空 分別 載 169 人 192 人 抵 台 中央流行疫情指揮中心 公佈 8 張 現場 照片 將 專機 抵 台後 所有 的 檢疫 措施 曝光 在 國人 面前 交通部 次長 王國材 也 貼出 現場 照片 從 深夜 到 白天 二 架 專機 任務 完成 指揮中心 表示 兩 架 班機 的 旅客 在 上機 前 就 必須 以 發燒 或 具 嚴重 呼吸道 症狀 者 無法 上機 原則 執行 檢疫 班機 抵 台後 361 名 乘客 必須 經過 醫師 進行 健康 評估 均 無須 後 送 就醫 已 載 送 國內 3 處 集中 檢疫所 進行 14 天 隔離 檢疫 此次 包機 安排 了 4 名 醫生 9 名 護理 師 前往 桃園 機場 也 安排 了 10 輛 救護車 22 輛 遊覽車 待命 協助 就醫 或 載往 集中 檢疫所 指揮中心 醫療 應變 組組長 薛瑞元 副 組 石崇良 也 身穿 寫有 指揮官 副 指揮官 的 防護衣 在 現場 全程 指揮 361 名 返台 旅客 將 在 48 小時 內 完成 采 檢 指揮中心 表示 將 以 一 人 一 室 為 原則 每人 每日 量 測體溫 兩 次 以便 及時發現 症狀 後 送 就醫 檢疫所 會 提供 口罩 等 相關 防護 裝備 供 檢疫 者 工作 同仁 使用 含 包機 361 名 在內 的 的 所有 集中 檢疫 者 均 不能 外出 且 活動 範圍 以 檢疫 房間 為主 與 附近 居民 不 會 有 接觸 請 民眾 放心 更 多 ctwant 報導</t>
  </si>
  <si>
    <t>星聚 點 資 遣 費 爭議 勞動局 呼籲 資方 妥善處理 對 星聚 點 發生 資 遣 費 給付 爭議 勞動局 局長 陳信瑜 說明 星聚 點 有 2 家 登記 公司 名稱 各 為 星 據點 文 創 公司 與 星聚 點 壹 號 文創 公司 員工 勞保 投保 人數 分別 為 621 人 與 85 人 3 月 至 4 月 有 陸續 資 遣 93 人 與 14 人 尚無 違反 就業 服務法 資 遣 通報 與 大量 解雇 保護法 規定 新增 1 例 境外移入 累計 439 人 確診 零 確診 才 高興 一 天 中央流行疫情指揮中心 今日 公佈 國內 新增 1 例 新冠肺炎 境外移入 病例 其 為 一 位 30 多 歲 女性 於 今年 1 月 至 英國 工作 於 4 月 26 日 返國 經二采 才 確診 這 名 女性 在 住 防疫 旅館 時 確診 為 國內 首 位 住 防疫 旅館 確診 案例 督促 錢 櫃 賠償 北 市府 8 日 說明會 林森錢 櫃 失火 釀成 悲劇 臺北市政府 法務局 5 日 召開 會議 要求 錢 櫃 公司 預付 罹難者 家屬 新 台幣 200萬 元 賠償金並 加發 目前 仍 在 加 護 病房 的 傷者 10萬 元 慰問金 富 邦 產險 公司 也 承諾 將 協力 盡 速 賠償 被害者 及其 家屬 相關 損失 黃琪 冒充 林青霞 助理 詐 5 星級飯店 騙 個 沒完 騙 扁 小子 黃琪 又 被 查出 2017 年間 假冒 知名 影星 林青霞 的 助理 向澎 湖 5 星級飯店 要求 升 等 優惠 還 涉嫌 盜 刷 任 姓 網友 及 2 名 男友 信用卡 9萬 餘 元 新北 地 檢 署 今 6 日 依 行使 偽造 私 文書 等 罪嫌 將 黃琪 起訴</t>
  </si>
  <si>
    <t>中央流行疫情指揮中心 今 8 日 公佈 國內 新增 1 例 境外移入 新冠肺炎 病例 為 菲律賓籍 50 多 歲 男性 船員 案 524 因 工作 於今 2020 年 9 月 15 日 入境 臺灣 登機 前 三 日內 檢驗 報告 及 入境 機場 采 檢 均 為 陰性 指揮中心 表示 個案 入境 迄</t>
  </si>
  <si>
    <t>中央流行疫情指揮中心 今 8 日 公佈 國內 新增 1 例 境外移入 新冠肺炎 病例 為 菲律賓籍 50 多 歲 男性 船員 案 524 因 工作 於今 2020 年 9 月 15 日 入境 臺灣 登機 前 三 日內 檢驗 報告 及 入境 機場 采 檢 均 為 陰性 指揮中心 表示 個案 入境 迄今 均 無 症狀 9 月 15 日 入境 後 進行 集中 檢疫 至 9 月 29 日 9 月 30 日 檢疫 期滿 後 搭乘 專車 至 飯店 10 月 5 日 由 公司 安排 至 醫院 自費 采 檢 因 檢驗 結果 呈現 弱 陽性 10 月 6 日 再次 采 檢 並於 今日 確診 目前 個案 住院 隔離 中 指揮中心 指出 衛生 單位 已 掌握 個案 接觸 者 共 17 人 其中 16 人 為 同 車 接觸 者 10 月 5 日 自費 采 檢 皆 為 陰性 列為 居家 隔離 對象 1 人 為 同 車 司機 因 有 適當 防護 列為 自主 健康 管理物件 將 進一步 調查 個案 檢疫 期滿 後 是否 有 其他 活動 史 以 匡列 可能 之 接觸 者 指揮中心 統計 國內截至 目前 累計 95691 例 新型 冠狀病毒 肺炎 相關 通報 含 94444 例 排除 其中 524 例 確診 分別 為 432 例 境外移入 55 例 本土 病例 36 例 敦睦 艦隊 及 1 例 不 明 確診 個案 中 7 人 死亡 487 人 解除 隔離 30 人 住院 隔離 中 這 名 個案 入境 前 都 是 陰性 卻是 在 入境 檢疫 期滿 後 才 變成 陽性 中央流行疫情指揮中心 發言人 莊人祥 表示 可能 是 偽 陰性 機場 唾液 采 檢 發病 比較 久 可以 看出 來 很多 都 是 期滿 後 才 驗 出 陽性 可能 唾液 對於 發病 比較 多 天 者 偏向 是 偽 陰性 的 結果 明明 規定 9 月 26 日 起 從 菲律賓 返國 檢疫 期滿 就要 采 檢 該 個案 9 30 期滿 就要 采 檢 但他卻 是 自費 采 檢 對此 莊人祥 回應 先前 的 規定 是 指 在 9 月 26 日 以後 從 菲國 入境者 才須 檢疫 期滿 前 采 檢 而 該 個案 是因為 公司 規定 所有人 都 要 采 檢 因此 其實 加上 他 一共 有 17 個 人 都 自費 采 檢 最後 只 有案 524 驗 出來 是 陽性</t>
  </si>
  <si>
    <t>華航 機師 染疫 案 持續 延 燒 中央 疫情 指揮中心 今 公佈 桃園 諾 富特 飯店 某 主管 染疫 新冠肺炎 曾 到 診所 三 度 就醫 據 瞭解 該 診所 在 新北 市 三 重 區 診所 接 獲 中央 通報 後 已 緊急 歇業 新北 市環保局 白天 也 完成 全面 大 消毒 全力 防堵 疫情 蔓延 據 瞭解 該 診所 位 在 新北 市 三 重地 區 接 獲 中央 通知 後 已 緊急 歇業 新北 市環保局 也 派遣 人力 到場 大規模 消毒 消毒 範圍 以 診所 周邊環境 為主 約 2 小時 完成 消毒 工作 衛生局 也 協助 居家 檢疫 和 自主 健康 管理者 的 後續 安排 全力 配合 中央 指示 不過 新北 市府 發言人 蔣志薇 表示 以 中央流行疫情指揮中心 公佈 的 資訊 為 准 指揮中心 發言人 莊人祥 表示 指揮中心 已 利用 健 保 就醫 資料 查詢 當天 前後 時段 前往 該 診所 就診 的 病人 衛生局 會 進行 通知 不另行 公 佈 該 診所 及 縣 市</t>
  </si>
  <si>
    <t>美國 規定 11 月 18 日 起 未 接種 美國 認定 的 疫苗 品牌 將 無法 入境 新 規 是否 會 讓 已 接種 高端 的 總統 蔡英文 副 總統 賴清德 無法 赴美 指揮中心 發言人 莊人祥 表示 外界 不必 擔心 因為 外交部 已 開始 協調 確保 接種 高端 的 政府 官員 赴美 不 受阻 莊 人 祥 表示 外交部 9 月 起 就 開始 向 美方 瞭解 入境 措施 現在 更 與 衛福部 合作 透過 各方 管道 與 美方 溝通 爭取 高端 納入 美方 清單 會 持續 努力 讓 國人 能 順利 赴美 至於 高端疫苗 打氣 低迷 衛福 部長 陳時中 昨天 坦言 我國 採購 的 500萬 劑 很 可能 打 不 完 中央流行疫情指揮中心 今天 則 表示 剩 餘 未 到 貨 的 數量 將 捐贈 給 其他 有 需要 的 國家 目前 正 與 外交部 積極 接洽 中 指揮中心 發言人 莊人祥 表示 指揮中心 實際 驗收 223萬 劑 高端疫苗 扣 掉 目前 已 接種 的 136萬 劑 還 剩 86萬 劑 推測 部長 昨天 說 剩 200 多 萬 劑 沒 打 可能 是 口誤 莊 人 祥 說 依據 採購 合約 高端 今年底 前 必須 交付 500萬 劑 疫苗 否則 會 被 罰款 因此 無論 外界 打氣 如何 高端 還 是 會 持續 生產 疫苗 並 封 緘 檢驗 疾 管署 仍 會 驗收 目前 先 觀望 是否 有 其他 國家 可 捐贈 但 還 要 先 看 高端 是否 有 拿 到 其他 國家 的 eua 外交部 已 啟動 聯繫 至於 將來 是否 會 開放 打完 2 劑 高端 的 民眾 補 打 第 3 劑 他 廠 疫苗 莊人祥 說 無論是 國內 eua 還 是 世界衛生組織 都 認為 打過 2 劑 後 可 視為 有效 接種 即便 要 施打 也 可能 是 用 第 3 劑 的 方式 進行 但 若 接種 過 高端疫苗 第 三 劑 仍 可能 會 施 打 高端</t>
  </si>
  <si>
    <t>中央流行疫情指揮中心 29 日 公佈 嘉義 縣 新增 4 起 新冠肺炎 本土 確診 個案 源頭 指向 設 籍 新北 市 曾有萬 華史 的 70 歲 男子 該 男子 返 嘉縣 大林鎮 與 3 名 堂兄弟 泡茶 聊天 造成 群 聚 感染 最小 的 堂弟 中 鏢 後 又 傳給 同 住 的 兒子 嘉縣 衛生</t>
  </si>
  <si>
    <t>中央流行疫情指揮中心 29 日 公佈 嘉義 縣 新增 4 起 新冠肺炎 本土 確診 個案 源頭 指向 設 籍 新北 市 曾有萬 華史 的 70 歲 男子 該 男子 返 嘉縣 大林鎮 與 3 名 堂兄弟 泡茶 聊天 造成 群 聚 感染 最小 的 堂弟 中 鏢 後 又 傳給 同 住 的 兒子 嘉縣 衛生局 已 匡列 接觸 者 48 人 33 人 居家 隔離 15 人 自主 健康 管理 目前 44 人 采 檢 陰性 另 還有 4 人 等 報告 中 1 人 插管 同 住 兒子 也 染疫 嘉義 縣長 翁章梁 昨 指出 這 起 群 聚 感染 連同 新北 市 的 男子 在內 共 5 人 確診 該 新北 個案 曾 去 過熱 區 萬華 近期 返回 大林鎮 家鄉 嘉縣 67 歲 案 755088 歲 案 767470 歲 案 7629 與 70 歲 新北 個案 是 堂兄弟 關係 案 7550 先 出現 咳嗽 症狀 多 日 27 日 在 嘉市某 醫院 確診 目前 插管 治療 中 嘉縣 衛生局 獲 報 展開 調查 發現 案 7550 與 另外 3 個 堂 哥 經常 一起 泡茶 聊天 篩檢 後 發現 4 名 堂兄弟 都染疫 且 案 7550 同 住 的 兒子 案 7673 也 確診 嘉 縣 衛生局長 趙紋華 說 追蹤 發現 案 7629 雖 曾 前往 臺北 5 月 4 日 返回 大林 但 足跡 相對 單純 反而 是 新北 個案 戶籍 在 區公所 長期 南北 趴 趴 走 18 日 從 臺北 回 到 大林 因 靠 打零工 生活 目前 住 在 某 工地 同租 一 處 還有 24 人 住 居 環境 複雜 新北 個案 長期 南北 趴 趴 走 趙紋華 說 經過 疫 調 新北 個案 曾 去 過 萬 華 且 ct 值 30 比 案 7629 高 推測 他 從 熱區 往 南 移動 間接 造成 這 波 5 人群 聚 感染 機 率 大 全案 共 匡列 接觸 者 48 人 33 人 居家 隔離 15 人 自主 健康 管理 44 人 完成 采 檢 結果 陰性 另 4 人 等 報告 中 翁章梁 強調 全案 屬 泡茶 和 家 族群 聚 傳染 因 嘉縣 確診 案例 多數 有 熱區 移動 接觸 史 請 大家 務必 堅守 沒事 宅 在家 的 共識 昨 縣府 同步 公佈 4 名列 案 確診 者 足跡 因 許多 足跡 都以 某 診所 某 駕訓 班 帶過 引發 民眾 反彈 和 批評 包括 國民 黨團 等 多 位 議員 都 呼籲 縣府 明確 公佈 足跡 不要 造成 防疫 漏洞</t>
  </si>
  <si>
    <t>中央流行疫情指揮中心 指揮官 陳時中 表示 因為 疫苗 陸續 來 台 預計 下 周就會 配發 7萬 多 劑 莫得納 疫苗 給 第一 類 對象 施打 因為 第一 類 尚有 3 成 左右 人員 未 施打 也 就 是 7萬 多 人 至於 大家 關心 日本 捐贈 的 124萬 劑 疫苗 相對 數目 比</t>
  </si>
  <si>
    <t>中央流行疫情指揮中心 指揮官 陳時中 表示 因為 疫苗 陸續 來 台 預計 下 周就會 配發 7萬 多 劑 莫得納 疫苗 給 第一 類 對象 施打 因為 第一 類 尚有 3 成 左右 人員 未 施打 也 就 是 7萬 多 人 至於 大家 關心 日本 捐贈 的 124萬 劑 疫苗 相對 數目 比較 大 因此 有 先 設定 相關 的 目標 族群 施打 當然 還是 會 優先 鎖定 在 會 直接 接觸 病毒 或是 相關 在 防疫 的 第 123 類人 員 至於 長 照 機構 其 照顧 者 75 歲 以上 長者 以及 洗 腎 病人 因為 有 相對 重症 以及 群 聚 高風險 因此 也 會 列 在 優先 施打 物件 中 其他 施打 族群 也 包含 關鍵 設施 及 產業 國防 必要 人員 因為 社會 還是 要 維持 基本 運作 會 提供 一 部 份 疫苗 給 上述 相關 人員 讓 社會 維持 運作 另外 少部分 大學 指 考工作人員 大概 有 3000 人 因為 大學 指 考是 非常 重要 的 升學 管道 還是 要 維持 安全性 希望 日本 捐贈 的 疫苗 可以 在 6 月 11 日檢驗 完成 都 合格 就 會 進行 封 緘 和 配發 作業 目標 6 月 15 日 開放 施打 陳時中 強調 既然 是 目標 接 種群 就 沒有 所謂 先後 問題 這些 到時候 會 一起 開放 施打 預估 量 能 100 多 萬 劑 可以 一起 來 開放 假如 每次 都 按照 順序 排 恐怕 施打 速度 會 變 太 慢 假設 目標 施打群 施 打的 效率 越 高 第二 批 配發 的 也 比較 多 重 災 熱區 或 中 高風險 區 也 會 增加 配發 比例 接下來 重要 的 是 觀察 配發 下去 後 的 目標 族群 施打 效率 若 目標 族群 施打 效率 較 高 配送 額度 就 會 比較 多 也 會 考量 較 嚴峻 疫區 增加 配送 比例 離 島 部分 會 考慮 配送 比較 高 的 比例 因為 有 可能 碰上 交通 與 颱風 的 問題 再來 離 島 區域 的 醫療 量 能 跟 本島 有 落差 醫療 資源 要 互相 支援 相對 可能性 較 低 這些 基本 原則 大致 已經 擬定 計畫 在 禮拜二 我們 會 送交 acip 委員會 做 討論 定案 看 還 有 哪些 可以 思考 更 完全的 會 請教 專家 給 我們 些 建議</t>
  </si>
  <si>
    <t>本土 疫情 升溫 中央流行疫情指揮中心 昨 將 全台 升至 第 3 級 並 要求 地方 政府 在 發現 確診 者 後 第一時間 即 6 小時 內 將 個案 送往 檢疫所 或 醫院 根據 統計 目前 已 有 500 多 名 輕 症 無 症狀 快 篩 陽性者 入住 加強版 集中 檢疫所 目</t>
  </si>
  <si>
    <t>本土 疫情 升溫 中央流行疫情指揮中心 昨 將 全台 升至 第 3 級 並 要求 地方 政府 在 發現 確診 者 後 第一時間 即 6 小時 內 將 個案 送往 檢疫所 或 醫院 根據 統計 目前 已 有 500 多 名 輕 症 無 症狀 快 篩 陽性者 入住 加強版 集中 檢疫所 目前 加強版 檢疫所 量 能 有 4500 間 還 在 努力 擴充 中 指揮官 陳時中 今 盤點 各種 醫療 量 能 截至 5 月 19 日 國內 的 隔離病房 有 1021 床 其中 可 使用 的 有 282 床 專責 病房 的 床 數 為 2415 其中 可 使用 的 有 1589 床 可 使用 率 66 而 加 護 病 發有 6749 床 其中 可 使用 的 有 1433 床 呼吸器 方面 則 有 1000 多 台可調 用 陳時中 表示 這 2 天 新北 市 往 檢疫 送 的 速度 已經 加快 到 昨天 為止 新北 有 300 多 人 移 至 檢疫所 臺北市 因 自己 有 一些 加強版 的 防疫 旅館 很多 都送 到 自己 的 防疫 旅館 送 到 我們 這裡 檢疫所 的 有 100 多 人 新北 防疫 旅館 還 沒 建置 好 大部分 都用 我們 的 集中 檢疫所 指揮中心 也 要求 大家 盡 速 完成 建置 病人 若 不 遵守 地方 政府 的 安排 可 依 傳染病 防治法 67 條 處分 醫療 應變 組 副 組長 羅一鈞 表示 目前 共有 500 名 確診 的 無 症狀 輕 症 快 篩 陽性者 入住 加強版 集中 檢疫所 加強版 集中 檢疫所 整個 量 能 有 4500 間 還 在 和 醫院 努力 擴充 中</t>
  </si>
  <si>
    <t>新冠肺炎 可能 在 秋冬 捲土重來 屆時 將 直接 碰上 流感 的 衝擊 專家 表示 過去 流感 季節 國外 曾 出現 醫療 量 能 崩潰 的 情況 加 護 病房 被占 滿 排擠 了 其他 病 患 的 需求 今年 流感 季節 碰上 新冠肺炎 醫療 整備 必須 做好 流感疫苗 的 接種 也 是 重點 接種 率 高 新冠肺炎 才能 在 臨床 上 被 凸顯 政府 也 應 協助 快 篩 的 使用 讓 臨床 醫師 能 有效 地 做 出診 斷 台大醫院 感染 科 主任 陳 宜君 表示 流感 的 表現 與 新冠肺炎 類似 若要 將 兩者 區別 今年 流感疫苗 的 接種 將 是 一大 重點 施打 率 高 群體 保護 力就高 臨床 上 新冠肺炎 的 病 患 也 能 更 被 凸顯 中央流行疫情指揮中心 發言人 莊人祥 表示 受 新冠肺炎 衝擊 許多 人 都戴 起 口罩 流感 的 案例 相當 少 秋冬 流感 會 不 會 升溫 還 值得 觀察 今年 公費 流感疫苗 共 採購 約 600萬 劑 可 供 2 成 5 的 民眾 施打 若 疫苗 接種 率 高 流感 病毒 變異 太 大 加上 口罩 遵從 度 高 相信 秋冬 流感 對 新冠肺炎 的 衝擊 不 大 至於 快 篩 的 使用 目前 食 藥 署 已 核 可數 家 廠商 的 產品 莊人祥 表示 醫療 院所 若需 使用 應 採用 抗原 快 篩 抗原 快 篩 能 找 出 當下 的 感染者 抗體 快 篩 則 是 找 出 曾經 感染者 各家 醫療 院所 要 不 要 進貨 取決 於 各家 醫療 院所 的 政策 以及 快 篩 仿單 的 規定 醫療 院所 若要 使用 指揮中心 不 反對 但 若要 確定 是否 感染 新冠 病毒 還 需 搭配 核酸 檢測 以 核酸 檢測 結果 為主</t>
  </si>
  <si>
    <t>打破 連續 13 天 零 確診 中央流行疫情指揮中心 昨 公佈 2 例 自 孟加拉 返國 的 中年 夫妻 確診 返 台前 因其 妻 未 取得 2 此 采 檢 陰性 證明 今 遭 爆 料 自稱 全程 戴 口罩 著 防護衣 的 兩 人 其實 根本 指揮中心 今天 證實 經 調閱 錄 影帶 跟 照片 確認</t>
  </si>
  <si>
    <t>打破 連續 13 天 零 確診 中央流行疫情指揮中心 昨 公佈 2 例 自 孟加拉 返國 的 中年 夫妻 確診 返 台前 因其 妻 未 取得 2 此 采 檢 陰性 證明 今 遭 爆 料 自稱 全程 戴 口罩 著 防護衣 的 兩 人 其實 根本 指揮中心 今天 證實 經 調閱 錄 影帶 跟 照片 確認 兩 人 的 確 僅 戴 口罩 沒 著 防護衣 涉及 疫 調 不實 已經 請 地方 衛生局 進行 調查 案 444 50 多 歲 男性 以及 案 445 40 多 歲 女性 為 夫婦 分別 於 今年 1 月 下旬 及 3 月 上旬 至 孟加拉 工作 6 月 12 日 一同 自 孟加拉 搭 機 至 馬來西亞 並於 13 日 自 馬來西亞 搭乘 專機 返國 兩 人 先前 均 於 孟加拉 當地 確診 後 住院治療 但 返 台前 僅 先生 符合 二 次 采 檢 陰性 的 返台 規定 太太 則 自述 因 孟加拉 當地 病 患 太 多 被迫 出院 無法 再次 采 檢 返 台前 僅 經一次 采 檢 陰性 指揮中心 原本 考量 兩 人 供 述 搭 機 返台 時 均 全程 配戴 口罩 穿 著 防護衣 入境 後 也 主動 通報 未 接觸 國內 親友 傳染給 他人 的 風險 大幅 降低 因此 暫不 開 罰 沒 想到 遭到 料 最新 爆 料 卻 完全 不是 這 一 回事 中央流行疫情指揮中心 發言人 莊人祥 表示 不只 媒體 報導 指揮中心 也 接 獲 民眾 爆 料 兩 位 確診 者 似乎 沒有 像 外傳 的 穿 防護衣 上 飛機 經 調 錄 影帶 跟 照片 發現 兩 人 都 有 戴 口罩 但 的確 是 沒有 穿 防護衣 由於 指揮中心 昨 發佈 的 疫 調 新聞稿 載明 案 444 與 案 445 搭 機 返台 時 均 有 戴 口罩 著 防護衣 莊 人 祥 強調 疫 調 內容 是 疫 調 人員 對 兩 人 進行 的 如今 涉及 不實 記載 將 交 由 地方 衛生局 調查 詢問 查明 究竟 是 哪裡 出 了 問題 若 能 歸究 于 病人 交由 衛生局 認定 可以 傳染病 防治法 第 43 條 接受 疫 調 時 不得 拒絕 規避 或 妨礙 否則 可 開 罰 6萬 到 30萬 元 莊 人 祥 說 按 目前 規定 在 海外 確診 的 國人 如果 要 返台 必須 符合 兩 個 條件 一 是從 發病 到 登機 必須 間隔 2 個 月 且 症狀 已 緩解 一 是 必須 二 次 采 檢 陰性 針對 確診 者 雖不 要求 全程 穿 防護衣 但 最好 可以 事先 告知 航空 公司 才好 安排 座位 讓 機組人員 可以 防範 但 這 兩 人 也 沒有 跟 航空 公司 講 所幸 機組人員 都 有 穿 隔離 衣 莊 人 祥 強調 確診 者 搭機回 台 最 重要 的 還是 要 戴 口罩 事實上 只要 戴好 口罩 就 能 有效 大幅 降低 傳染給 他人 的 風險</t>
  </si>
  <si>
    <t>不少 民眾 選擇 疫苗 廠 牌 除了 考慮 保護 力 之外 也 會 考量 到 未來 出國 能否 被 承認 對此 醫師 陳昶宇 表示 無論是 混打 az 莫德納 az bnt 還 是 打 2 劑 高端 恐怕 都 無法 被 美國 承認 為 完全 接種 因為 美國 疾病 管制 與 預防 中心 cdc 目前 認可 的 完全 接種 是 打 了 2 劑 bnt 莫德納 或是 1 劑 嬌 生 另 who 緊急 授權 的 2 劑 az 也 算 數 但 也 不 排除 相關 規定 未來 會 改 陳 昶 宇 昨 在 臉書 發文 分享 az 混打 bnt 或 莫德納 在 美國 可能 被 視為 沒有 完成 兩劑 疫苗 接種 根據 美國 疾病 管制 與 預防 中心 cdc 的 規定 完全 接種 fully vaccinated 的 定義 包括 美國 認可 的 兩劑 bnt 兩劑 莫德納 或 一 劑 嬌 生 以及 符合 世衛組織 who 緊急 授權 的 兩劑 az 疫苗 如果 沒有 完全 接種 須 自我 隔離 7 天 陳 昶 宇 指出 混打 兩劑 疫苗 不論是 az 莫德納 還 是 az bnt 目前 都 沒有 被 包括 在 完全 接種 的 裡面 也就是說 混打 疫苗 的 人 入境 美國 可能 會 需要 自我 隔離 7 天 陳 昶 宇 表示 疫苗 混打 的 根本原因 是 因為 供貨 不 穩定 效果 與 副作用 都 各 有 優劣 也 不是 每個 國家 都 承認 混打 因此 本來 就 不是 都 有 好處 因此 不 需要 強求 混打 當然 隨 著 世界 上 越來越 多 國家 開始 實施 混打 也許 美國 未來 會 修改 相關 規定 有 網友 好奇 詢問 那 如果 在 臺灣 接種 了 兩劑 高端疫苗 呢 陳昶宇 留言 回應 同樣 是 要 自我 隔離 7 天 沒 符合 完全 接種 規定 的 人 通通 都 是 自我 隔離 7 天 另 也 有 網友 表示 他 以為 大家 打 疫苗 是 為了 提升 保護 力 但 原來 許多 民眾 都 是 為了 出國 一 種 疫苗 等於 通行證 的 概念 中央流行疫情指揮中心 指揮官 陳時中 日前 曾在 記者會 上 表示 與 美國在台協會 臺北辦事處 新任 處長 孫曉雅 談論到 疫苗 雙邊 認證 數位 接種 證明 出入境 證明 等 議題 時 在 疫苗 雙邊 認證方面 我方 將 會 提出 高端疫苗 因為 美國 對 高端疫苗 也 相當 重視</t>
  </si>
  <si>
    <t>全國 三級 警戒 民眾 外出 一定 得 戴 口罩 不過 有些 戶外 工作者 相當 無奈 喝 水 吃飯 都得 偷偷摸摸 深怕 被 人 檢舉 搞 得 像 過街老鼠 一 名 網友 抱怨 他 獨自一人 關 車門 在 車內 吃 便當 竟然 被 人 敲 窗 提醒 要 戴 口罩 讓 他 相當 無奈 怎麼 吃 一 名 網友 在 臉書 社團 爆 廢 公社 發文 表示 自己 一 人 車門 關 起來 吃 個 飯 剛 脫 下 口罩 就 被 某 熱血 民眾 敲門 提醒 先生 疫情 現在 很 嚴重 請 你 戴 口罩 好 嗎 這 名 網友 無奈 表示 手 都 拿 便當 了 戴 口罩 是 要 怎麼 吃 忍不住 感歎 疫情 防護 人人有責 長 點 腦 可以 嗎 許多 網友 看 了 紛紛 回應 口罩 正義 魔 人 過頭 了 一 堆 過度 正義 假 掰 的 人 矯枉過正 過頭 了 在 車上 一個 人 可以 吃 吧 不是 有 解釋 過 了 嗎 自己 一個 在 車裡 吃 還要 戴 口罩 吃 是 腦袋 有 問題 嗎 叫 那個 人 先 表演 戴 口罩 吃 便當 給 你 看 別說 了 在 工地 我們 遇到 那種 無腦 的 不知從 哪 跑 來 的 熱心 民眾 在 我們 休息 吃飯 時 跑 進來 跟 我們 說 要 戴 口罩 我 才 要 問 他 你是 住 海邊 還 有 你 進來 不用 帶 工地 安全帽 嗎 事實上 中央流行疫情指揮中心 21 日 就 已經 統一 宣佈 表示 如果 兩 人 以上 同 車 需要 配戴 口罩 但 如果 是 一個 人 在 車內 則 不 需要 因 此 一個 人 在 車內 吃飯 當然 也 不 需要 戴 口罩 此外 針對 工人 外 送 員 在外 吃飯 喝 水怕 挨 罰 臺北市 長 柯文哲 也 表示 外出 戴 口罩 是 個 原則 不要 把 原則 弄 得 硬梆梆 在 空曠 的 地方 身旁 5 公尺 沒人 還是 可以 吃飯 但 也 不是 讓 大家 開始 在 公園 草地 野餐 老百姓 水準 夠 高 就 知道 怎麼 做</t>
  </si>
  <si>
    <t>中央流行疫情指揮中心 昨天 公佈 國內 新增 8 例 新冠肺炎 病例 累積 個案 達 108 例 新增 個案 中 其中 7 例 為 境外移入 唯一 本土 個案 就 是 國內 首例 高中生 染疫 59 案 的 同班 鄰座 同學 103 案 指揮中心 緊急 宣佈 該 北部 高中 全校</t>
  </si>
  <si>
    <t>中央流行疫情指揮中心 昨天 公佈 國內 新增 8 例 新冠肺炎 病例 累積 個案 達 108 例 新增 個案 中 其中 7 例 為 境外移入 唯一 本土 個案 就 是 國內 首例 高中生 染疫 59 案 的 同班 鄰座 同學 103 案 指揮中心 緊急 宣佈 該 北部 高中 全校學生 1650 人 教職員工 154 人 全數 停課 8 天 成全台 第一 所 停課 學校 台 大公 衛 學院院長 詹 長 權 表示 應該 要 宣佈 社區 傳播 階段 了 專家 籲 公佈 校名 以利 社區 備戰 中央流行疫情指揮中心 指揮官 陳時中 表示 第 103 案 位置 坐在 59 案 斜 前方 因 該校 有 兩 人 確診 宣佈 全校 自 3 月 20 日 至 3 月 27 日 停課 為何 不是 放 14 天 指揮中心 莊人祥 解釋 要 從 13 日 兩 學生 與 所有 師生 最後 接觸 日 算 起 103 案 相鄰 座位 的 同學 共 5 人 也 已 進行 采 檢 59 案 高中生 和 家人 同 遊 希臘 一個 多 月 返台 後 確診 當時 指揮官 陳時中 就 坦言 該個案 學生 時間 拉得 長 活動 看起來 比較 多 在 疫 調 整個 社區 感染 形成 相當 大 的 壓力 果真 時隔 4 天 他 鄰座 同學 103 案 中 鏢 了 並 導致 全校 停課 對此 台 大公 衛 學院院長 詹 長 權 表示 應該 要 宣佈 社區 傳播 階段 了 全世界 都 是 這樣 做 他 並 認為 應該 公佈 學校 名字 以利 社區 備戰 新加坡 香港 都 是 這樣 臺灣 應該 沒有 特別 的 困難 詹 長 權 說 學校 是 社區 的 一部分 學校 感染 就 可以 做為 社區 傳播 階段 的 指標 同一 校 有 兩 個 人 確診 就 必須 相當 注意 南市 百 餘 位 學生 家 人 有 出 國史 此外 國內 確診 案例 境外移入 激增 成為 臺灣 防疫 破 口 台 南市 教育局長 鄭新輝 發現 3 月 17 日 起 調查 學生 及 其 共同 生活 家人 近 14 天 旅遊 史 就 有 100 多 位 學生 共同 生活 家 人 有 出國 史 不過 陳時中 表示 社區 傳播 有 其 定義 目前 國內 仍 是 境外移入 多於 本土 案例 指揮中心 絲毫 不敢 大意 戰戰兢兢 並 指出 未來 2 周將 是 防疫 關鍵 尤其 現在 案例 數 多 對 我們 壓力 非常 大 對 醫療 跟 防疫 的 壓力 非常 大 但 相對 的 對 社會 壓力 是 沒有 這麼 大 現在 我們 就 是 在 守 境外移入 跟 社區 的 這 一 條 線 要 全力 守 住 否則 一旦 進入 社區 之後 如果 在 不可 控 的 情況 下 問題 就 相對 的 大 了 這 兩 周 就是 全力 在 做 這 件 事</t>
  </si>
  <si>
    <t>今年 2 月中 旬 一 名 白 牌 計程車 司機 一度 為 國內 首 位 感染 源 不 明 的 新冠肺炎 確診 病例 後來 靠 著 對 一 名 台商 的 抗體 檢測 追 出 原來 是 司機 載 過 這 名 曾 遭 感染 的 台商 最近 長 庚 大 學 團隊 也 從新冠肺炎 痊癒 者 身上 找 到 有效 對抗 病毒 的 抗體 可望 成為 預防 治療 篩檢 的 一大 利器 綜觀 國際 趨勢 這 場 防疫 軍 備戰 的 戰場 已 逐漸 從 病毒 篩檢 疫苗 與 藥物 研發 轉移 到 抗體 的 檢測 及 運用 究竟 抗體 檢測 在 測 什麼 不只 臺灣 全世界 也 對 抗體 運用 寄予厚望 有 專家 試圖用 痊癒 者 的 血液 抗體 治療 重症 covid-19 新冠肺炎 一 稱 武漢肺炎 病 患 也 有 專家 研究 利用 檢測 康復病 患 身上 有無 抗體 作為 能否 復工 的 依據 美國 則 在 研發 一 滴 血 檢測 抗體 類似 糖尿病 患 監測 血糖 做法 只要 在 指頭 上 採集 一 滴 血 注入 試紙 如果 是 陽性 代表 曾經 染病 體內 有 抗體 來 幫助 掌握 感染 的 人口數 除 判斷 是否 曾 遭 感染 也 可知 近期 已 感染 多久 抗體 指 的 是 免疫 球蛋白 能 對抗 外來 抗原 微生物 中央流行疫情指揮中心 專家 諮 詢 小組 召集人 臺灣大學 副 校長 張上淳 解釋 人體 的 b 淋巴球 細胞 會 製造 分泌 抗體 用來 對抗 外來 抗原 這些 抗原 可能 是 外來 微生物 包括 細菌 病毒 花粉 過敏原 等 也 可能 是從 他人 身上 移植 來 的 器官 甚至 是 自己 的 某些 蛋白 分子 當 人體 偵 測到 不是 體內 原有 的 東西 特別 是 含 蛋白質 的 成分 會 試圖 將 它 消滅 可能 由 白血球 直接 將 它 吞噬 消化 也 可能 產生 抗體 來 和 抗原 結合 使 外來 微生物 失去 原有 功能 或者 更 容易 把 抗原 帶到 吞噬細胞 被 吞噬 掉 因此 抗體 代表 曾經 被 感染 過 的 痕跡 檢測 抗體 就 能 瞭解 一個 人 是否 曾經 感染 過 某種 病毒 或 細菌 台大醫院 檢驗 醫學 部 名譽教授 蔡克嵩 表示 不同於 病原 或 抗原 檢測 是 要 知道 一個 人 是 不是正 被 病菌 侵犯 有 感染 別人 的 能力 抗體 檢測 可以 瞭解 是否 曾 感染 過 某種 病菌 或 社會 中 多少 人 曾 被 感染 過 抽血 檢測 抗體 又 能 根據 測 得 的 是 igm 或 igg 抗體 判斷 是 近期 感染 還是 已經 感染 一段時間 蔡克嵩 解釋 人體 受到 感染 抗原刺激 後 約 1 周內會 先 分泌 igm 接 著 逐漸 消失 2 3 周後 分泌 igg 而且 可以 維持 很 久 可能 終身 都 測 得到 多數 情況 有 抗體 即 具 免疫力 但 也 有 例外 但 檢測 出 抗體 就 表示 具有 保護 力 不 會 再 被 同樣 的 抗原 感染 嗎 其實 不 一定 必須 視 病毒 的 特性 通常 來說 有 抗體 代表 已 有 免疫力 張上淳 表示 抗體 會 將 體內 病菌 完全 清除 不 會 繼續 存在 體內 人體 可以 復原 帶有 抵抗力 而且 自然 感染 幾乎 都 能 終生 免疫 只不過 疫苗 經過 人為 改變 產生 的 抗體 保護 時效 可能 比不上 自 染 感染 也 可能 需要 多 打 幾 劑 強化 抗體 保護 力 不過 也 有 例外 狀況 產生 的 抗體 是 無效 抗體 例如 c 型 肝炎 病毒 的 rna 會 躲 在 細胞 裡面 抗體 無法 將 它 完全 清除 即使 驗 出 抗體 並 不 表示 痊癒 已 有 抵抗力 愛滋病 毒 hiv 也 是 類似 情況 都 不是 那麼 有效 的 抗體 至於 全新 的 新冠 病毒 人們 對 它 的 認識 還 不 完整 目前 只 能 根據 一般 呼吸道 感染 病毒 推測 它 所 產生 的 應該 都 是 有效 抗體 不 會 出現 二 次 感染 可是 初步 看到 一點 點 不 尋常 的 是 患者 產生 了 抗體 病毒 卻 沒有 立刻 被 清除 掉 還 維持 了 一段時間 張上淳 說 抗體 血清 治療 新冠肺炎 理論 上 有效 但 仍 需 更 多 臨床 試驗 蔡克嵩 也 對 新冠 病毒 的 抗體 效力 存疑 也許 有些 抗體 可以 消滅 病毒 有些 不行 他 認為 目前 檢測 新冠 病毒 抗體 只 能 知道 是否 曾 感染 過 也 可能 只 有 部分 免疫力 但 不能 說 一定 不 會 再 被 感染 這 也 影響 用 抗體 血清 治療 新冠肺炎 患者 的 效力 理論 上 感染者 體內 所 產生 的 抗體 可以 消滅 抗原 因此 有 抗體 血清 或 抗體 血漿 的 療法 直接 將 抗體 血清 或 血漿 輸送到 其他 感染者 體內 讓 抗體 對付 病菌 有時 比較 緊急情況 下 也 可能 將 混和 紅血球 白血球 血小板 等 成分 的 全 血 輸到 患者 體內 但 可能 提高 身體 排斥 反應 剛剛 感染 過 新冠 病毒 已經 康復 的 人 也 有 很多 抗體 前提 是 如果 這個 抗體 可以 殺死 病毒 理論 上 輸 他 的 血 就 有用 只 是 需要 更 多 臨床 試驗 蔡克嵩 說 若要 拿 抗體 檢測 作為 新冠肺炎 患者 復工 恢復正常 活動 的 判斷 依據 專家 更 持 保留 態度 這 還 牽扯 檢測 方法 的 敏感度 和 特 異性 林 口 長庚醫院 副 院長 分子 感染症 醫學 研究 中心 主任 邱政洵 表示 邱政洵 舉例 假設 100 人 感染 卻 只 檢測 出 30 人 敏感度 顯然 不足 又 或者 將 其他 病毒 都 認定 為 新冠 病毒 缺乏 只 認得 新冠 病毒 的 特 異性 例如 只是 感染 流感 病毒 卻 也 呈現 陽性這樣 的 偽 陽性 只 會 造成 更 大 麻煩 所以 在 使用 前 一定 需要 通過 測試 蔡克嵩 也 指出 人體 受 感染 產生 抗體 後 會 有 一段時間 病毒 和 抗體 同時 存在 通常 剛 治療 不久 病毒 還 沒 完全 消滅 前 1 周 左右 抗體 也 會 出現 所以 不能 測出 抗體 就 認定 不具 感染力 或者 有 抗體 就 表示 已經 痊癒 即使 上述 問題 都 排除 張上淳 認為 當 總 人口數 一定 比例 以上 都 感染 過 新冠 病毒 或 像 紐約州 感染 的 情形 已經 到 一團亂 的 地步 用 抗體 檢測 作為 判斷 復工 的 方式才 可能 比較 有意義 以 臺灣 目前 300 多 個 個案 當前工作 是 控制 還 沒 被 感染 的 人 不 要 被 感染 就算 有 100 多 個 感染者 沒 被 找到 或 屬於 無 症狀 感染者 以 全台 2300 多 萬 人口 換算 下 來得 抽血 23萬 支 才能 找到 1 個 抗體 陽性 因此 不 適合 以 抗體 檢測 作為 大量 普 篩 的 方式 張上淳 莞 爾 反問 在 目前 的 情況 下 既 不 實際 又 對整個 臺灣 有 什麼 幫忙 呢</t>
  </si>
  <si>
    <t>國內 一 名 印尼 籍 外籍 看護 日前 確診 新冠肺炎 其 友人 被 列為 接觸 者 進行 采 檢 目前 二 采 陰性 中央流行疫情指揮中心 監測 應變 官 莊人祥 表示 友人 已 解除 隔離 可 返家 進行 自主 健康 管理 北部 8 旬 老翁 日前 確診 新冠肺炎 後 負責</t>
  </si>
  <si>
    <t>國內 一 名 印尼 籍 外籍 看護 日前 確診 新冠肺炎 其 友人 被 列為 接觸 者 進行 采 檢 目前 二 采 陰性 中央流行疫情指揮中心 監測 應變 官 莊人祥 表示 友人 已 解除 隔離 可 返家 進行 自主 健康 管理 北部 8 旬 老翁 日前 確診 新冠肺炎 後 負責 照顧 他 的 31 歲 印尼 籍 看護 也 在 26 日 確診 指揮中心 昨 公佈 看護 2 月 16 至 19 日 的 足跡 看護 曾在 17 日 晚間 與 友人 入住 北 車 附近 旅館 隔日 送友人 至 高 鐵站 南 下 後 返家 衛生 單位 掌握 了 這 名 友人 將 其 列為 接觸 者 進行 采 檢 莊人祥 表示 目前 友人 2 度 采 檢 均 為 陰性 已 可 解除 隔離 返家 進行 自主 健康 管理 14 日</t>
  </si>
  <si>
    <t>日本 日前 送出 的 az 疫苗 今 將 完成 檢驗 封 緘 原訂 15 日 開放 1 6 類 公費 對象 接種 但 中央流行疫情指揮中心 今 確定 晚間 就 可 開始 配送 約 50 幾 萬 劑 疫苗 明早 就 會 有 地方 縣 市 收到 若 地方 縣 市 準備 好 就 可 提前 至 明天 開 打 日本 厚生</t>
  </si>
  <si>
    <t>日本 日前 送出 的 az 疫苗 今 將 完成 檢驗 封 緘 原訂 15 日 開放 1 6 類 公費 對象 接種 但 中央流行疫情指揮中心 今 確定 晚間 就 可 開始 配送 約 50 幾 萬 劑 疫苗 明早 就 會 有 地方 縣 市 收到 若 地方 縣 市 準備 好 就 可 提前 至 明天 開 打 日本 厚生 勞動 省 捐贈 我國 之 阿斯特 捷利康 astrazeneca 公司 covid-19 疫苗 計 1238460 劑 批號 d 006 a 於 6 月 4 日 下午 自 日本 空運 抵 台 入庫 食 藥 署 立即 配合 派員 赴 低溫 倉儲 現場 監督 拆 箱 核對 疫苗 批號 清點 數量 查核 運送 冷鏈 並 抽取 600 劑 樣品 進行 疫苗 異物 檢查 在 現地 封存 疫苗 後 將 樣品 攜 回 食 藥 署 國家 實驗室 進行 外觀 鑒別 ph 值 dna protein 比例 細菌 內毒素 無 菌 及 效價 等 試驗 經 食 藥 署 同步 審查 檔 資料 與 檢驗 皆 合格 後 已於 6 月 11 日 上午 核發 封 緘 證明書 旋即 赴 倉儲 封緘 食 藥 署 表示 疫苗 完成 封 緘 後 即可 交由 疾病 管制 署 進行 後續 疫苗 接種 作業 至於 逾 124 劑 az 疫苗 施打 對象 中央流行疫情指揮中心 副 指揮官 陳宗彥 今天 表示 明起 會 陸續 撥 送 到 各縣市 去 下 周起 第一 至 第 六 類 人士 將 同步 開 打 指揮官 陳時中 表示 高 致死 率 60 至 74 歲 族群 開 打 時機 會 等 前 六 類 人員 施 打完 後 再進一步 開放 指揮中心 發言人 莊人祥 今天 傍晚 表示 原本 以為 az 疫苗 15 日 才 可以 配送 到 地方 縣 市 但 由於 今晚 會 先 完成 50 幾 萬 劑 的 檢驗 封 緘 可 提前 配送 有的 縣 市 明日 一早 就 可以 收到 因此 開放 地方 縣 市 提前 開 打 開 打 時間 由 各 地方 縣 市 自行決定 莊 人 祥 表示 第 1 批 配送 過 的 日本 疫苗 合計 有 66萬 劑 今 可先 配送 50 幾 萬 劑 剩下 的 疫苗 會 在 15 日前 配送 完畢 對於 民眾 要 如何 安排 接種 他 表示 並非 每個 縣 市 都 會 采取 預約 制 有的 縣 市 是 鄰里 系統 通知 若 採取 預約 制 民眾 可 自行 查詢 合約 醫療 院所 打電話 預約 根據 指揮中心 日前 公佈 的 公費 對象 第 1 至 第 6 類 分別 為 醫 事 人員 中央 及 地方 政府 防疫 人員 高 接觸 風險 工作者 因 特殊 情形 必要 出國者 長 照 機構 人員 及 洗 腎 患者 以及 75 歲 以上 長者</t>
  </si>
  <si>
    <t>新冠肺炎 疫情 嚴峻 為了 遵守 中央流行疫情指揮中心 的 指示 中國 醫藥 大學 新竹 附設 醫院 在 診 間 大廳 繳費 領 藥 等 均 設置 安全 距離 醫師 與 病 患 也 可 透過 醫院 提供 的 平板 看到 資料 與 影像 拉開 醫病 距離 降低 肺炎 傳染 的 可能</t>
  </si>
  <si>
    <t>新冠肺炎 疫情 嚴峻 為了 遵守 中央流行疫情指揮中心 的 指示 中國 醫藥 大學 新竹 附設 醫院 在 診 間 大廳 繳費 領 藥 等 均 設置 安全 距離 醫師 與 病 患 也 可 透過 醫院 提供 的 平板 看到 資料 與 影像 拉開 醫病 距離 降低 肺炎 傳染 的 可能性 該院 院長 陳自諒 表示 無論 在 診 間 或是 在 大廳 排隊 繳費 領 藥 或 在 餐廳 用餐 等 均 須 保持 15 公尺 的 距離 耳鼻喉科 主任 王堂權 表示 新冠肺炎 傳染 途徑 以 飛 沫 和 接觸 為主 患者 若 有 咳嗽 等 呼吸道 症狀 對 醫護人員 都 是 挑戰 過去 醫師 在 講解 患者 檢查 的 狀況 幾乎 都 並肩 看 電腦 內 的 資料 如今 該院 配發 平板 患者 可 持 平板 與 醫師 同步 看到 影像 與 資料 也 能 瞭解 自身 狀況 若 遇到 高風險 患者 求醫 王堂權 也 會 配戴 n 95 口罩 手術 帽 護目鏡 防護 面罩 頭燈 全身 防水 隔離 衣 乳膠手套 保護 全身 王堂權 也 說 醫護人員 每天 會 接觸 上百 個 病 患 避免 醫病 之間 的 交叉 傳染 責無旁貸</t>
  </si>
  <si>
    <t>由於 開學 在即 許多 老師 希望 開學 前 可以 打 疫苗 教育部 表示 必須 從 預約 系統 預約 但 臺北市 許多 新進 老師 代課老師 以及 課後 照顧 老師 若 透過 預約 系統 難以 銜接 全台 可能 都有 類似 的 問題 是否 可以 針對 八月 新進 的 代課老師 等 可以 讓 老師 儘快 接種 對此 中央流行疫情指揮中心 指揮官 陳時中 表示 有 看到 相關 名單 已經 整理 中 目前 無法 掌握 但 若 有 確實 數目 網路上 的 線 上 系統 去 核對 有 哪些 需要 再 想 辦法 滿足 這塊 畢竟 開學 是 一 件 重要 的 事情 另外 由於 第一 類 物件 已經 開始 混打 第二 劑 莫德納 疫苗 但 第一 類 中的 基層 醫護人員 卻 還 未 列入 第二 劑 混打 疫苗 陳時中 今天 鬆口 表示 現在 陸陸續續 對 第 一線 的 先 發下去 疫苗 後 接下來 基層 開業 醫 部分 也 就 是 第一 類 裡面 的 第 三級 風險 對象 已經 請 他們 趕快 造冊 上來 混打 應該 快 了</t>
  </si>
  <si>
    <t>中央流行疫情指揮中心 29 日 公佈 國內 新冠肺炎 covid-19 新增 5 例 確定 病例 其中 4 例 為 例 34 確診 前 於 北部 某 醫院 之 接觸 者 分別 為 1 名 清潔 人員 案 35 及 3 名 護理人員 案 36 至 38 中央 流行 疫情 只 會 中心 指揮官 陳時中 表示 案</t>
  </si>
  <si>
    <t>中央流行疫情指揮中心 29 日 公佈 國內 新冠肺炎 covid-19 新增 5 例 確定 病例 其中 4 例 為 例 34 確診 前 於 北部 某 醫院 之 接觸 者 分別 為 1 名 清潔 人員 案 35 及 3 名 護理人員 案 36 至 38 中央 流行 疫情 只 會 中心 指揮官 陳時中 表示 案 35 於 醫院 急診 工作 時曾 接觸 案 34 其 餘 3 人 均 為 案 34 確診 前 住院 病房 之 護理人員 4 人 陸續 於 2 月 18 至 25 日間 出現 咳嗽 流 鼻 水 發燒 等 症狀 並於 案 34 確診 後 列為 接觸 者 采 檢 於 今日 確診 為 一起 群 聚 事件</t>
  </si>
  <si>
    <t>中央流行疫情指揮中心 昨天 公佈 國內 新增 7 例 新冠肺炎 確定 病例 分別 為 1 例 本土 及 6 例 境外移入 確診 個案 中 無 新 增 死亡 本土 為 臺北市 個案 感染 源 不明 指揮中心 將 對 該 個案 采 檢 抗體 並 進行 病毒基因 序列 分析 境外移入 則</t>
  </si>
  <si>
    <t>中央流行疫情指揮中心 昨天 公佈 國內 新增 7 例 新冠肺炎 確定 病例 分別 為 1 例 本土 及 6 例 境外移入 確診 個案 中 無 新 增 死亡 本土 為 臺北市 個案 感染 源 不明 指揮中心 將 對 該 個案 采 檢 抗體 並 進行 病毒基因 序列 分析 境外移入 則 有 5 人 都 接種 過 疫苗 符合 突破性 感染者 為 1 名 臺北市 昨 新增 1 例 本土 確診 個案 為 住 中正區 的 50 多 歲 男性 案 16315 在 5 月 時 曾 在 萬華 地區 活動 5 月 14 日 采 檢 為 陰性 但 因為 要 出國 工作 9 月 27 日 采 檢 呈 陽性 ct 值 284 尚未 接種 疫苗 已 收治 在 醫院 隔離 治療 北市 衛生局 表示 案 16315 曾 在 9 月 18 日 至 22 日前 往 花蓮 住宿 已 通知 花蓮 衛生局 並 匡列 3 名家 人和 7 名 職 場 工作者 也 將 請 中央 做 基因 定 序 厘 清 感染 源 花 蓮 縣 衛生局 接 獲 通知 後 趕緊 調查 足跡 匡列花 蓮 3 名 親友 包括 2 名 兄長 及 1 名 兄嫂 已 安排 至 防疫 旅館 隔離 也 會 儘快 采 檢 花蓮縣 衛生局 說 依 電信 足跡 實 聯 制 紀錄 和 案 16315 家 人 口述 個案 在 花蓮 期間 都 在 住家 或 附近 活動 無 接觸 外人 也 無 到 任何 商店 醫療 應變 組 副 組長 羅一鈞 表示 該 名 本土 個案 並未 接種 過 疫苗 也 沒有 接觸 過 確診 者 目前 感染 源 調查 中 至今 也 沒有 症狀 ct 值 為 28 數值 偏 高 因此 指揮中心 後續 會 檢驗 個案 的 抗體 並 針對 他 的 病毒 做 定序 待 檢驗 結果 出來 後 再 說明 至於 6 例 境外移入 個案 有 5 人 都 打過 疫苗 其中 有 2 人 打過 2 劑 疫苗 但 因為 未 滿 14 天 而 確診 因此 未 符合 突破性 感染 有 一 名 7 月 時 完整 接種 2 劑 bnt 疫苗 九月 確診 符合 突破性 感染 定義 還有 2 人 打過 1 劑 az 疫苗</t>
  </si>
  <si>
    <t>高市 首例 本土 確診 案 1289 是 新北 獅 會 成員 女兒 其 所 居住 的 小港 地區 當時 有 245 人 被 匡列 居家 隔離 高市議員 陳麗娜 爆 料 市府 祭出 不准 在 家 隔離 必須 全面 入住 防疫 旅館 卻 得 自掏腰包 形同 雙重 懲罰 對此 衛生局長 黃志中 解釋 這 是 全盤 評估 的 權宜之計 每人每天 也 有 補助 1000 元 陳麗娜 轉述 被 隔離 者 透露 確診 者 所有 費用 都 是 政府 出 全民 買 單 但 我們 倒 楣 和 他 接觸 的 卻 要 自己 掏腰包 付 這 14 天 每天 1500 一共 2萬1000 元 的 費用 這筆 錢 我們 真的 很 難 自己 吞 為 爭取 自身 權益 被 匡列者 打 了 一 堆 局 處 電話 無奈 每個 局 處 都 是 互 踢皮球 說是 按 市府 規定 走 陳麗娜 說 他們 無奈 認為 身 為 高雄 第一 批 隔離 者 好像 被 拿 來 當成 高 市府 展現 鐵腕 手段 用 在 投訴無門 後 只好 向 議員 陳情 陳麗娜 指出 中央流行疫情指揮中心 在 今年 3 月 1 日 起 實施 確定 病例 接觸 者 之 1 人 1 戶 居家 隔離 措施 也 就 是 只 要 1 人 1 戶 就 能 選擇 自主 居家 隔離 不 一定 要 去 住 防疫 旅館 陳麗娜 質疑 市府 強迫 符合 居家 隔離 者 也 要 住 防疫 旅館 是否 有 適 法 性 的 問題 其次 市府 對 防疫 旅館 有 補助 卻 不 給 隔離 者 補助 造成 隔離 者 每天 要 繳 住宿 費用 而 防疫 旅館 卻 可以 同時 收 政府 補助 及 被 隔離 者 住宿費 的 現象 讓 被 隔離 者 感到 十分 不 公平 針對 居家 隔離 者 入住 防疫 旅館 補助 黃志中 指出 市府 會 代為 向 中央 申請 每人每天 1000 元 補助 如果 實在 付 不 錢來 會 轉 介 社會局 協助 至於 采 檢 費用 也 是 由 公家 出 部分 醫療 院所 會 先 收取 掛號費 等 事 後會 再 退費 黃志中 解釋 依據 防疫 會議 決議 後 確實 要求 居家 隔離 者 需 入住 防疫 旅館 已經 實施 好幾 個 月 原因 是 英國 變種 傳染性 非常 高 現在 疫情 狀況 不能 與 去年 金 芭 黎 等 事件 時期 相比 市府 必須 全盤 考量 防堵 疫情 擴散 過程 或許 有些 雜音 及 不滿 但 謝謝 市民 配合 及 體諒</t>
  </si>
  <si>
    <t>新冠肺炎 全球 大 流行 桃園 地 檢 署 整合 防疫 處理 小組 及 查緝 民生 犯罪 聯繫 平臺 嚴辦 假 訊息 包括 楊男 稱 桃園 疑似病例 至少 60 起 住宿 某 賓館 彭男 看到 sng 車 就 說 該 醫院 有 新冠肺炎 患者 就 連楊 男 回 覆 案 34 醫院 疑 在 林口 的 新聞 稱 封院 就 該 公佈 都 吃上官司 被 檢 方 要求 在 社 群 網站 張貼 澄清 訊息 以正視聽 24 歲 楊性 男子 2 月 21 日 晚上 在 社 群 網路 論壇 上 散播 桃園 疑似病例 約 有 60 起 至少 尤其 以 中壢 平鎮 一帶 居多 該 名 患者 在 全家 隔壁 的 賓館 住宿 及 逛過 附近 很多 店家 包括 用餐 請 近期 到 過 中壢 車站 的 密切注意 一下 身體健康 等 不實 訊息 43 歲 彭姓 男子 2 月 23 日 晚上 見 桃園 某 醫院 前 有 sng 車 及 穿 防護衣 者 未經 查證 即 在 網路 社 群 臉書上 發文 稱 剛 在 醫院 看到 有 武漢 病人 送 到 這 還有 一 堆 穿 隔離 衣 的 不實 訊息 28 歲 楊性 男子 2 月 29 日 下午 在 網站 yahoo 新聞標題 談 案 34 醫院 群 聚 事件 陳時中 意外 說出 地點 在 林口 的 下方 公開 留言 都 有 封 病院 的 新聞 了 為什麼 不能 直接 說 哪邊 有 問題 桃園 地 檢 署 依 高檢 署 指示 整合 防疫 處理 小組 及 查緝 民生 犯罪 聯繫 平臺 針對 散播 嚴重 特殊 傳染性 肺炎 不實 訊息 者 依法嚴辦 速 偵 速 結 檢 方 認為 3 男 都 涉 犯 散播 不實 訊息 足以 損害 公眾 對於 疫情 認知 的 正確性 且 28 歲 的 楊男 涉案 時 嚴重 特殊 傳染性 肺炎 防治 及 紓困 振興 特別 條例 已 實施 但 檢 方 考量 3 人 都 坦承 不諱 深切 悔悟 並 依 指示 在 網路 張貼 澄清 及 道歉 訊息 均 獲 緩 起訴 處分 桃園 地 檢 署 強調 流行 疫情 或 防治 措施 等 相關 資訊 均 由 中央流行疫情指揮中心 統一 對 外公 佈 民眾 接 獲 來源不明 或 未經 證實 的 疫情 資訊 時 可撥打 防疫 專線 1922 查證 或 向 各地 衛生 單位 洽 詢 千萬 不要 道聼塗説 隨意 散播 假 訊息 尤其 2 月 27 日 起 正式 施行 嚴重 特殊 傳染性 肺炎 防治 及 紓困 振興 特別 條例 民眾 散播 疫情 謠言 或 不實 訊息 已 提高 刑責 將 可 處 3 年 以下 有 徒刑 拘役 或 科 或 並 科 300萬 元 以下 罰金 呼籲 國人 切莫 以身試法</t>
  </si>
  <si>
    <t>疫苗 預約 系統 昨 啟動 今 明兩天 預計 共 174萬 劑 az 疫苗 抵 台 但 由於 先前 猝死 消息 頻 傳 導致 長者 不敢 或 不 想 打 az 對此 台中 榮 總 呼吸 加 護 病房 主任 傅 彬 貴 發文 呼籲 開放 爽約 劑 施打 畢竟 醫護 全副武裝 出動 也 是 成本 把 機會 讓給 苦苦 等候 的 中年人 儘早 將 疫苗 覆蓋率 提升 到 30 感覺 比 施行 殘 劑 預約 更 實在 傅 彬 貴 日前 在 臉書 發文 表示 開放 爽約 劑 施打 讓 養家活口 的 中年人 可以 提早 打到 疫苗 比 搞 殘 劑 預約 還要 實在 畢竟 每次 大批 的 醫護人員 全副武裝 出動 也 是 社會 成本 如果 預約 接種 疫苗 的 人 爽約 那 就 視同 放棄 把 機會 讓給 苦苦 等候 施打 的 50 歲 以上 成人 儘快 將 疫苗 施打 率 提升 至 30 你 不 想 打 就 讓給 別人 打 貼 文 引起 討論 不少 網友 留言 支持 不 想 打 就 別 占 著名 額 支持 讓 想 打 的 人 打 不 想 打的 別 占 著名 額 把 疫苗 的 施打 順序 趕快往後 延 不 打 就 跳過去 讓 後面 想 打的 趕快 打 這樣 施打 率 反而 能 提高 還有 預約 率 不 到 六 成 隔 天 就 開放 下 一個 類別 施打 地方 可以 每天 公開 滾 動 修正 同意 並 支持 爽約 放棄 今天 將 有 61萬 劑 政府 自 購 的 az 疫苗 抵 台 明天 則 有 113萬 劑 日本 第二 批 捐贈 的 az 疫苗 送達 但 由於 先前 傳出 多 例 打 az 後 猝死 讓 許多 年長者 害怕 甚至 出現 一 波 緩 打 潮 對此 中央流行疫情指揮中心 指揮官 陳時中 先前 表示 下 一 波 會 馬上 做 意願 調查 看看 哪些 疫苗 真的 沒人 打 如果 有 就 會 拿 出來 往 下 開放</t>
  </si>
  <si>
    <t>中央流行疫情指揮中心 今 5 日 公佈 國內 新增 1 例 境外移入 covid-19 確定 病例 案 1049 為 印尼 籍 20 多 歲 女性 同時 也 是 兩 天 來 第 2 例 印尼 境外 生來 台後 確診 指揮中心 表示 案 1049 為 印尼 籍 20 多 歲 女性 今 2021 年 3 月 21 日 來 台就</t>
  </si>
  <si>
    <t>中央流行疫情指揮中心 今 5 日 公佈 國內 新增 1 例 境外移入 covid-19 確定 病例 案 1049 為 印尼 籍 20 多 歲 女性 同時 也 是 兩 天 來 第 2 例 印尼 境外 生來 台後 確診 指揮中心 表示 案 1049 為 印尼 籍 20 多 歲 女性 今 2021 年 3 月 21 日 來 台 就學 持有 搭 機 前 3 日內 檢驗 陰性 報告 入境 時無 症狀 並 至 集中 檢疫所 進行 檢疫 4 月 3 日 由 衛生 單位 安排 期滿 前 采 檢 於 今日 確診 ct 值 34 次日 采 檢 陰性 igm igg 皆 為 陽性 自述 曾 於 當地 接觸 過 確診 者 因 個案 入境 至今 並 無 症狀 且 檢疫 期間 未 與 他人 接觸 故 無 匡列 接觸 者 指揮中心 統計 截至 目前 國內 累計 191769 例 新型 冠狀病毒 肺炎 相關 通報 含 189901 例 排除 其中 1048 例 確診 分別 為 932 例 境外移入 77 例 本土 病例 36 例 敦睦 艦隊 2 例 航空器 感染 及 1 例 不明 另1 例 案 530 移除 為 空號 確診 個案 中 10 人 死亡 1004 人 解除 隔離 34 人 住院 隔離 中</t>
  </si>
  <si>
    <t>今天 是 大年 初三 國內 新冠肺炎 再度 零 確診 農曆 牛年 以來 今天 已是 連續 2 天 境外 本土 都加零 中央流行疫情指揮中心 指揮官 陳時中 親自 主持 記者會 與 大家 拜年 並 表示 上次 2 天 0 確診 已是 109 天 前 希望 這樣 的 情況 可以 繼續</t>
  </si>
  <si>
    <t>今天 是 大年 初三 國內 新冠肺炎 再度 零 確診 農曆 牛年 以來 今天 已是 連續 2 天 境外 本土 都加零 中央流行疫情指揮中心 指揮官 陳時中 親自 主持 記者會 與 大家 拜年 並 表示 上次 2 天 0 確診 已是 109 天 前 希望 這樣 的 情況 可以 繼續 陳時中 表示 社區 回溯 采 檢 部分 應采 3501 人 已 采 3423 人 其中 3414 人 為 陰性 有 78 人 因為 離境 或 已經 死亡 所以 沒 辦法 采 剩下 9 位 已 安排 采 檢 部 立 桃園 醫院 全體 工作人員 血清 檢查 部分 1759 人 已 采 1758 人 都 是 陰性 僅 第二 階段 血清 抗體 有 一 人 待 采 檢 預計 2 月 16 日 采 檢 以及 第一 階段 血清 抗體 有 1 人 呈 弱 陽性 須二采 將 在 2 月 15 日 采 檢 為何 今日 零 確診 還是 開 了 疫情 記者會 陳時中 表示 其實 這 是 和 大家 有約 原本 指揮中心 說好 要 放假 2 天 怕 今天 爽約 所以 還 是 開 了 記者會 在 今天 的 記者 會後 陳時中 也 特別 給 媒體 送 上 巧克力 祝福 大家 新年快樂 情人節 快樂 截至 目前 國內 共 累計 937 名 新冠肺炎 確診 案例 分別 為 821 例 境外移入 77 例 本土 病例 36 例 敦睦 艦隊 2 例 航空器 感染 及 1 例 比利時 工程師 另 1 例 江蘇 台商 案 530 移除 為 空號 指揮中心 提醒 春節 期間 民眾 走 春 拜年 出入 公共場所 的 機會 增加 由於 許多 場所 具有 不易 保持 社交距離 或 會 近 距離 接觸 不 特定 物件 不 認識 的 人 的 特性 有 較 高 的 感染 與 傳播 風險 因此 提醒 民眾 出入 公共場所 或 無法 與 他人 保持 社交距離 時 請 務必 佩戴 口罩 同時 也 請 落實 勤洗手 咳嗽 禮節 等 個人 衛生習慣 以 降低 感染 風險</t>
  </si>
  <si>
    <t>鴻 海 創辦 人 郭台銘 向 疾 管署 申請 bnt 疫苗 進口 指揮中心 指揮官 陳時中 昨 表示 檔 算 齊全 獨 缺 一 紙 原廠 授權 書 前 國民黨 青年團 總 團長 呂 謦 煒 質疑 藥 事 法 要求 檢 附 的 4 項 資料 中 並 沒有 要求 一定 要 出具 原廠 授權 書 難道 陳時中 說 的 話 能夠 超越 法律 對此 律師 林智群 指出 藥 事 法 要求 檢 附 的 4 項 資料 中 包括 國外 上市 證明 或 各 國醫 藥品 集 收載 影本 關鍵 就 在 上市 證明 全世界 的 covid-19 疫苗 都還沒 取得 完全 核准 都還沒 上市 因此 根本 不可能 提出 證明 呂 謦 煒 指出 根據 藥 事 法 第 48 2 條 規定 因應 緊急 公共 衛生 情事 之 需要 中央 衛生 主管機關 得 專案 核准 特定 藥物 之 製造 或 輸入 不受 第 三十九 條 及第 四十 條 之 限制 而 特定 藥物 專案 核准 製造 及 輸入 辦法 就 是 受 藥 事 法 第 48 2 條 的 授權 因 緊急 公共 衛生 情事 所 需 向衛福 部 申請 輸入 特定 藥品 時 只 需要 檢 附 以下 四 項 資料 1 完整 預防 或 診治 計 畫 書 及 相關 文獻 依據 其 計 畫 書 內容 包括 因應 緊急 公共 衛生 情事 之 申請 目的 及 足 以 顯示 利益 大於 風險 之 資料 2 所 需 藥品 數量 及 計算 依據 3 藥品 之 說明書 4 國外 上市 證明 或 各 國醫 藥品 集 收載 影本 無 法 檢具 者 應檢 附 產品 製造 品質 資料 動物 安全性 試驗報告 人體 使用 資料 及 風險 利益 評估 報告 替代 之 其中 並 沒有 所謂 的 原廠 授權 書 對此 律師 林智群 在 臉書 發文 關鍵字 就是 上市 證明 目前 全世界 的 covid-19 疫苗 都還沒 取得 完全 核准 都還沒 上市 是 經過 緊急 授權 偷 跑 的 哪 來 上市 證明 林 智群 並 自行 解讀 政府 要求 原廠 證明書 其實 是 鬆綁 上 開 法律 的 規定 依據 新冠肺炎 特殊 條例 第 7 條 中央流行疫情指揮中心 指揮官 為 防治 控制 疫情 需要 得 實施 必要 之 應變 處置 或 措施 若 真要 嚴格 遵守 法律 郭董 哪裡 去 生 上市 證明 呢</t>
  </si>
  <si>
    <t>今日 上午 衛福部 桃園 醫院 利用 血液 淨化 技術 治癒 新冠肺炎 重症 病 患 但 中央流行疫情指揮中心 專家 小組 召集人 張上淳 說 這 是 單一 個案 未來 能否 採用 相同 方式 治療 其他 病 患 還 需要 更 多 科學 上 的 證據 才能 確認 張上淳 說</t>
  </si>
  <si>
    <t>今日 上午 衛福部 桃園 醫院 利用 血液 淨化 技術 治癒 新冠肺炎 重症 病 患 但 中央流行疫情指揮中心 專家 小組 召集人 張上淳 說 這 是 單一 個案 未來 能否 採用 相同 方式 治療 其他 病 患 還 需要 更 多 科學 上 的 證據 才能 確認 張上淳 說 在 人體 面臨 嚴重 疾病 時 除 疾病 本身 對 人體 造成 的 傷害 外 還有 細胞 激素 風暴 也 就 是 人體 過度 免疫 反應 造成 的 傷害 張上淳 解釋 血液 淨化 治療 有 兩 種 方式 可以 透過 藥物 壓制 或是 置換 血漿 將 過 高 的 激素 移除 避免 細胞 激素 風暴 造成 的 傷害 張上淳 以 國內 新冠肺炎 患者 為 例 提到 有些 病例 的 介 白質 6 含量 特別 高 可以 用 抗 il- 6 藥物 來 治療 而 桃園 醫院 這次 嘗試 的 結果 是 好 的 但 未來 還 需要 更 多 證據 才能 確認 能否 用 在 其他 案例 治療 上</t>
  </si>
  <si>
    <t>針對 covid-19 公費 疫苗 預約 平臺 第 8 期 預約 民眾 及第 1 劑 az 疫苗 接種 滿 10 周者 金門 再 獲 中央 配發 8600 劑 az 疫苗 預計 今日 到貨 9 15 開 打 至 23 日 請 鄉親 多 加 留意 此次 施 打的 對象 是 依 中央流行疫情指揮中心 於 9 6 公佈 第</t>
  </si>
  <si>
    <t>針對 covid-19 公費 疫苗 預約 平臺 第 8 期 預約 民眾 及第 1 劑 az 疫苗 接種 滿 10 周者 金門 再 獲 中央 配發 8600 劑 az 疫苗 預計 今日 到貨 9 15 開 打 至 23 日 請 鄉親 多 加 留意 此次 施 打的 對象 是 依 中央流行疫情指揮中心 於 9 6 公佈 第 八 期 az 疫苗 預約 者 共有 2 類 第一 類 對象 為 9 10 含 前 符合 az 第 2 劑 接種 間隔 滿 10 周 以上 民眾 接種 第 2 劑 第 2 類 對象 為 7 19 含 前 已 意願 登記 選擇 az 疫苗 之 滿 18 歲 至 22 歲 民眾 接種 第 1 劑 這些 接種 物件 均 應於 9 10 日 至 9 12 完成 預約 縣 衛生局 說明 全縣 第 8 期 符合 物件 有 2911 人 至 9 12 日 平臺 截止 時間 有 2368 人 完成 預約 接種 成功 將 由 部 立 金門 醫院 及 各鄉鎮 衛生所 於 9 月 15 日 至 23 日 施 打 另 在 7 2 含 前 已 接種 1 劑 且 間隔 10 周 以上者 雖 未 於 預約 平臺 預約 仍 可 逕 向 14 家 合約 院所 預約 接種 該局 也 將 視 這些 物件 接種 情形 滾 動式 檢討 疫苗 能量 後 提供 18 歲 以上 尚未 接種 第 1 劑 疫苗 者 施打 該局 為 加速 疫苗 接種 速度 又 增加 2 家 合約 院所 提供 接種 服務 目前 全縣 累計 已 有 14 家 包含 金門 醫院 5 鄉鎮 衛生所 傅仰賢 診所 陳水湖 診所 吾 家 診所 禾心 診所 三大 診所 健康 診所 安仁 診所 及 台大 中心診所</t>
  </si>
  <si>
    <t>接種 新冠 疫苗 常見 副作用 為 注射 部位 紅腫 頭痛 畏 寒及 發燒 等 不過 日本 一 名 女子 接種 完 莫德納 後 竟 開始 不斷 地 掉 發 令 她 崩潰 地 上網 查詢 相關 副作用 但 始終 找 不 到 答案 便 將 其 過程 po 上網 而 現在 她 也 接受 生髮 門診 治療 中 對此 中央流行疫情指揮中心 發言人 莊人祥 表示 目前 仍要 進一步 瞭解 狀況 今 12 日 下午 中央流行疫情指揮中心 召開 記者會 時 有 媒體 關心 打 莫德納 後 副作用 引發 掉 發 一 事 詢問 發言人 莊人祥 則 回應 關於 打 莫德納 造成 掉 發 的 副作用 目前 仍要 進一步 瞭解 狀況 據 瞭解 該 名 女子 日前 於 個人 部落 格 指出 6 月 29 日 接種 施打 莫德納 後 手臂 出現 注射 部位 疼痛 但 並 沒有 發燒 直到 7 月 1 日 早上 起床 發現自己 掉落 的 發 量 比 平常 還 要 多 當時 她 以為 是 季節 交替 所 致 因此 並未 放在 心上 豈 知 7 月 7 日 她 從 鏡 中 發現 頭頂 出現 3 個 圓形 禿 且 持續 掉 發 尤其 是 洗 頭 時 頭髮 更 隨 著 水 沖洗 下 掉落 而 接下來 的 幾 天 女子 的 頭髮 竟 愈來愈少 使 她 心情 大受打擊 進而 影響 到 工作 沒想 到 7 月 31 日 時 女子 的 頭髮 幾近 掉 光 只 剩 些許 的 細毛 從 發 拍攝 的 照 片中 已 可見 大片 頭皮 女子 8 月 10 日 再度 更新 貼 文 表示 去 醫院 看 了 生髮 門診 後 醫師 研 判為 圓形 禿 也 進一步 作 血液 檢查 目前 正等待 檢查報告 不過 醫生 也 建議 她 2 周後 要 再 進行 皮膚 生 檢 並 告知 她 目前 未有 相關 資料 顯示 打 疫苗 會 有 掉 發 的 副作用 目前 最 重要 的 是 治療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海軍 敦睦 艦隊 群 聚 染疫 中央流行疫情指揮中心 昨 宣佈 再 增加 1 人 確診 為 高雄市 磐石 艦隊 官兵 截至 目前 高雄 累計 共 12 例 高 市府 也 公佈 該 名 個案 的 足跡 遍及 鳳 山 左營和 三民 區 新增 5 處 熱點 高市 公佈 第 6 波 染疫 軍人 足跡</t>
  </si>
  <si>
    <t>海軍 敦睦 艦隊 群 聚 染疫 中央流行疫情指揮中心 昨 宣佈 再 增加 1 人 確診 為 高雄市 磐石 艦隊 官兵 截至 目前 高雄 累計 共 12 例 高 市府 也 公佈 該 名 個案 的 足跡 遍及 鳳 山 左營和 三民 區 新增 5 處 熱點 高 市 公佈 第 6 波 染疫 軍人 足跡 去 過 的 地方 包括 蓮池 潭 冰店 及 拖吊 場 鳳 山區 的 五甲 拖吊 場 左營區 的 布魯 商行 高雄 店 左營區 蓮池 潭 左營區 大 碗公 冰 甜品 和 三民 區 捉 遊</t>
  </si>
  <si>
    <t>南 投 縣 新冠肺炎 疫苗 第 2 劑 施打 率 601 略低於 全國 平均值 南 投 縣長 林明溱 13 日 提醒 民眾 踴躍 施打 疫苗 並 指示 衛生局 在 19 日 下午 舉辦 的 名間 鄉親 子 生態 公園 開幕 時 加開 快 打 站 民眾 當天 施打 疫苗 將 贈送 肉鬆 等 禮品 中央流行疫情指揮中心 要求 24 個 特定 場所 工作者 與 6 大類 民眾 應在 明年 元旦 完整 接種 兩劑 新冠肺炎 疫苗 並 期滿 14 天 林明溱 提醒 民眾 如果 17 日前 上述 場所 及 6 類 物件 未 接種 第 2 劑 疫苗 必須 每週 自費 快 篩 或 pcr 檢驗 1 次 目前 南 投 縣 開放 夜間 施打第 2 劑 疫苗 並 有 多 元 疫苗 可以 選擇 希望 未 打 第 2 劑 的 縣民 踴躍 接種 林明溱 並 指出 占地 4 公頃 的 名間 鄉親 子 生態 公園 將 於 19 日 啟用 當天 衛生局 將 在 會場 提供 新冠肺炎 疫苗 接種 服務 民眾 接種 第 2 劑 疫苗 縣府 將 贈送 優質 美味 的 豬肉 松 等 加工 產品 位元 于南 投 縣 農產 運銷 公司 旁 的 親 子 生態 公園 除了 寬闊 的 大 草坪 遊樂 器材 還有 大型 溜滑梯 等 共 融 式 游具 衛生局長 陳 南松 指出 南 投 縣 新冠肺炎 疫苗 接種 涵蓋 率 第 1 劑 達 755 與 全國 接種 率 並駕齊驅 第 2 劑 涵蓋 率 約 601 略低於 全國 的 617 國內 接種 疫苗 進度 似乎 進入 撞 牆 期 尤其 是 第 2 劑 接種 意願 仍 有待 提升 南 投 縣 已 結合 醫療 院所 加強 疫苗 接種 並且 開放 夜間 接種 服務 就是 希望 民眾 重視 趕快 施打第 2 劑 疫苗 林明溱 指出 現在 打 疫苗 非常 方便 為了 大家 的 健康 與 防疫 安全 希望 鄉親 不要 猶豫 儘快 施打新冠 疫苗 疫苗 以免 造成 明年 元旦 後 工作 或 進出 特定 場所 不便</t>
  </si>
  <si>
    <t>佛光山 近 期 發文 給 中央流行疫情指揮中心 提及 將 購買 20萬 至 50萬 劑 嬌 生 疫苗 捐贈 給 我國 政府 但 昨天 嬌 生 聲明 提及 只 與 政府 協商 對此 國際 佛 光會 中華 總會 總 會長 趙怡 表示 經 與 海外 代表 聯絡 得知 嬌 生 公司 已 與 我 政府 對</t>
  </si>
  <si>
    <t>佛光山 近 期 發文 給 中央流行疫情指揮中心 提及 將 購買 20萬 至 50萬 劑 嬌 生 疫苗 捐贈 給 我國 政府 但 昨天 嬌 生 聲明 提及 只 與 政府 協商 對此 國際 佛 光會 中華 總會 總 會長 趙怡 表示 經 與 海外 代表 聯絡 得知 嬌 生 公司 已 與 我 政府 對 接上 多 了 一 絲 希望 趙怡 說 後續 只要 指揮中心 與 廠商 協調 好 佛光山 要 做 的 就 是 負責 付款</t>
  </si>
  <si>
    <t>中央流行疫情指揮中心 今 11 日 公佈 國內 新增 4 例 境外移入 covid-19 確定 病例 案 1204 至 案 1207 均 自 印度 入境 指揮中心 指出 案 1204 至 案 1206 為 50 多 歲 男性 40 多 歲 女性 及 20 多 歲 男性 皆 為 本 國籍 分別 於 2019 年 12 月 今 20</t>
  </si>
  <si>
    <t>中央流行疫情指揮中心 今 11 日 公佈 國內 新增 4 例 境外移入 covid-19 確定 病例 案 1204 至 案 1207 均 自 印度 入境 指揮中心 指出 案 1204 至 案 1206 為 50 多 歲 男性 40 多 歲 女性 及 20 多 歲 男性 皆 為 本 國籍 分別 於 2019 年 12 月 今 2021 年 3 月 及 2 月 至 印度 工作 其中 案 1204 無 症狀 案 1205 於 4 月 24 日 至 4 月 26 日 陸續 出現 咳嗽 鼻 塞 發燒 及 嗅 味覺 異常 等 症狀 案 1206 於 5 月 3 日 出現 咳嗽 胸 悶 及 胸 痛 等 症狀 指揮中心 表示 案 1204 至 案 1206 於 5 月 8 日 搭乘 同一 班機 返台 皆 持有 搭 機 前 3 日內 檢驗 陰性 報告 案 1204 入境 後 至 集中 檢疫所 檢疫 並於 5 月 9 日 接受 采 檢 案 1205 及 案 1206 則 於 入境 時 主動 通報 曾有 症狀 於 機場 采 檢 3 人 皆 於 今日 確診 案 1204 ct 值 29 案 1205 ct 值 30 案 1206 ct 值 29 3 人 皆 為 昨 10 日 公佈 案 1192 及 案 1193 之 同 班機 旅客 該 班機 截至 目前 共計 5 人 確診 全機 旅客 71 人 皆 已於 昨日 列為 居家 隔離 對象 指揮中心 指出 案 1207 為 印度籍 20 多 歲 女性 長期 在 台 工作 今年 4 月 22 日 返回 印度 處理 私事 並於 5 月 9 日 來 台 持有 搭 機 前 3 日內 檢驗 陰性 報告 入境 後 至 集中 檢疫所 檢疫 5 月 10 日 接受 采 檢 於 今日 確診 ct 值 30 個案 在 台 期間 並 無 症狀 已 掌握 同 班機 接觸 者 1 人 列 居家 隔離 中央流行疫情指揮中心 指揮官 陳時中 表示 今天 新增 的 確診 個案 120412051206 都 是 於 5 月 8 日 搭乘 同一 班機 返台 加上 先前 的 2 例 確診 該 班機 目前 總計有 5 人 確診</t>
  </si>
  <si>
    <t>新冠肺炎 疫情 延 燒 臺灣 已 出現 數 起 群 聚 1 起 院內 感染 中央流行疫情指揮中心 召集人 張上淳 表示 目前 國內 仍 維持 在 零星 社區 感染 未來 若 懷疑 進入 社區 傳播 將 考慮 對 有 機會 接觸 到 病毒 的 人 不 限 醫護 或 一般 大眾 進行 血</t>
  </si>
  <si>
    <t>新冠肺炎 疫情 延 燒 臺灣 已 出現 數 起 群 聚 1 起 院內 感染 中央流行疫情指揮中心 召集人 張上淳 表示 目前 國內 仍 維持 在 零星 社區 感染 未來 若 懷疑 進入 社區 傳播 將 考慮 對 有 機會 接觸 到 病毒 的 人 不 限 醫護 或 一般 大眾 進行 血液 抗體 檢測 藉 此 得知 整個 社區 的 感染 狀況 對於 國外 針對 醫護人員 進行 普 篩 張上淳 表示 僅 在 社區 感染 嚴峻 的 時候 比較 有意義 目前 國內 還 是 零星 社區 感染 近期 的 幾 例 則 是 境外移入 先前 進入 醫院 才 確診 的 個案 身邊 的 醫護人員 都 已 檢驗 過 除了 先前 確診 的 護理人員 其他 都 沒有 帶病毒 因此 進行 普 篩 並 不 那麼 值得 張上淳 進一步 表示 若 社區 個案 增多 懷疑 疫情 進入 社區 傳播 但 尚未 確認 時 考慮 以 血液 抗體 檢測 的 方式 進行 篩檢 效率 比 pcr 快 一些 不 限 醫護 或 大眾 藉 此 查看 一個 人 過去 一段時間 有 沒有 感染 新冠肺炎 舉例 而言 在 一個 地區 內 針對 一 群 民眾 進行 檢測 推算出 百分之 幾 的 民眾 曾經 染疫</t>
  </si>
  <si>
    <t>國內 今日 新增 16 例 本土 案例 及 1 例 調查 中的 案例 中央流行疫情指揮中心 表示 目前 仍 處於 第 2 級 的 出現 感染 源 不 明 的 本土 個案 階段 還 未 進入 第 3 級 的 單 周 出現 3 件 以上 社區 群 聚 今天 新增 的 有 2 起 群 聚 其他 3 例 是 不</t>
  </si>
  <si>
    <t>國內 今日 新增 16 例 本土 案例 及 1 例 調查 中的 案例 中央流行疫情指揮中心 表示 目前 仍 處於 第 2 級 的 出現 感染 源 不 明 的 本土 個案 階段 還 未 進入 第 3 級 的 單 周 出現 3 件 以上 社區 群 聚 今天 新增 的 有 2 起 群 聚 其他 3 例 是 不明 感染 源 病例 根據 指揮中心 1 月 公佈 的 疫情 警戒 標準 疫情 的 嚴重 程度 共 分為 4 個 階段 分別 是 第 1 級 的 出現 境外移入 導致 的 零星 社區 感染 第 2 級 的 出現 感染 源 不 明 的 本土 個案 第 3 級 的 單 周 出現 3 件 以上 社區 群 聚 或 1 天 確診 10 名 以上 感染 源 不 明 的 本土 個案 以及 第 4 級 的 14 天內 平均 每日 確診 達 100 例 且 一半 以上 找 不 到 感染 源 對於 今日 新增 16 名 本土 案例 是否 已經 進入 第 3 級 的 1 天 確診 10 名 以上 感染 源 不 明 的 本土 個案 發言人 莊人祥 表示 除 了 一 開始 的 蘆洲 百家樂 群 聚後續 的 感染 源 都 很 清楚 雖然 今天 有 出現 幾 起 新 的 不明 感染 源 不過 還 沒有 到 10 人 指揮官 陳時中 表示 目前 還 沒有 進入 第 3 級 如果 能 及時 準備 相關 的 企業 指引 是 在 的 目前 2 起 群 聚 宜蘭 和 新北 今天 的 個案 有 3 起 不明 感染 源 病例 並非 群 聚 對於 是否 會 要求 校園 等 場所 為 升 3 級 做 準備 他 表示 學校 也 在 積極 規劃 相關 的 措施 去年 過 年 後 延後 2 周 開學 的 作業 當時 教育部 也 已經 做 過 完整 對於 國中 會考 將 至 若 有 學生 被 隔離 怎麼辦 陳時中 表示 教育部 已經 有 好幾 次 的 經驗 基本上 安排 是 妥 適 的 對於 居家 檢疫 隔離 自主 健康 管理 的 風險 不同 會 和 一般 考生 區隔 開 每間 教室 以 不 超過 5 個 人 為 原則 當然 也 要 戴 口罩 另 也 設有 補考 規定 至於 民眾 上班 怎麼辦 陳時中 表示 指引 是 軟 性 的 辦公 的 時候 要求 儘量 分流 上班 戴 口罩 免不了 能 不 見面 就避免 見面 能 視 訊 就 視 訊 在 可以 營運 的 前提 下 把 接觸 減 到 最低</t>
  </si>
  <si>
    <t>臺灣 新冠肺炎 疫情 急遽 升溫 國內 今天 再度 新增 26 確診 個案 中央流行疫情指揮中心 指揮官 陳時中 今天 公佈 其中 25 是 境外移入 本土 案例 1 人 這 名 本 吐 案例 是 124 案 研究 機構 內 群 聚 感染 再 擴大 該 群 聚 共 5 人 感染 國內 累積 確</t>
  </si>
  <si>
    <t>臺灣 新冠肺炎 疫情 急遽 升溫 國內 今天 再度 新增 26 確診 個案 中央流行疫情指揮中心 指揮官 陳時中 今天 公佈 其中 25 是 境外移入 本土 案例 1 人 這 名 本 吐 案例 是 124 案 研究 機構 內 群 聚 感染 再 擴大 該 群 聚 共 5 人 感染 國內 累積 確診 個案 達 195 人 陳時中 指出 新增 本土 病例 為 30 多 歲 女性 案 186 為 某 研究 機構 群 聚 個案 案 168 同 住 接觸 者 3 月 17 日 發病 因 案 124 於 3 月 20 日 確診 且 案 168 曾 有 症狀 故 案 186 於 3 月 20 日 自行 就醫 並 采 檢 通報 於 今日 確診 為 該 研究 機構 群 聚 第 5 名 確診 個案 中央流行疫情指揮中心 今 23 日 公佈 國內 新增 26 例 covid-19 病例 其中 25 例 境外移入 1 例 本土 境外移入 個案 為 13 女 12 男 年齡 未 滿 5 歲 至 70 多 歲 入境 日 介於 3 月 15 日 至 21 日 發病 日 介於 2月 22 日 至 3 月 21 日 個案 發病 前 分別 有 美國 西班牙 荷蘭 法國 瑞士 英國 等 國 活動 史 陳時中 表示 今天 確診 的 26 人 中 有 16 人 是 機場 采 檢 的 居家 檢疫 者 11 位 包含 一 名 自行 就醫 的 本土 案例 案 171174 為 職 場 同事 分別 於 1 月 12 日 及 2 月 25 日 至 荷蘭 工作 其中 案 171 的 兩 名 家人 也 就 是 四 歲 多 的 兒子 案 175 與 妻子 178 亦 陪同 前往 4 人 分別 在 3 月 7 日 及 10 日 發病 並於 3 月 20 日 入境 時 由 機場 攔 檢 通報 4 人均 於 今日 確診</t>
  </si>
  <si>
    <t>新冠肺炎 疫情 延 燒 中央流行疫情指揮中心 今 公佈 國內 新增 16 例 新冠肺炎 確診 者 包括 2 例 本土 及 14 例 境外移入 本土 個案 為 50 多 歲 男性 案 268 及 30 多 歲 男性 案 269 兩 人均 無 出 國史 感染 源 不明 境外移入 個案 為 9 女 5 男 年</t>
  </si>
  <si>
    <t>新冠肺炎 疫情 延 燒 中央流行疫情指揮中心 今 公佈 國內 新增 16 例 新冠肺炎 確診 者 包括 2 例 本土 及 14 例 境外移入 本土 個案 為 50 多 歲 男性 案 268 及 30 多 歲 男性 案 269 兩 人均 無 出 國史 感染 源 不明 境外移入 個案 為 9 女 5 男 年齡 10 多 歲 至 60 多 歲 入境 日 介於 3 月 6 日 至 26 日 發病 日 介於 3 月 1 日 至 25 日 發病 前 活動 地 包括 北美洲 美國 加拿大 歐洲 英國 西班牙 瑞士 捷克 愛爾蘭 大洋洲 澳大利亞 及 亞洲 菲律賓 出國 目的 以 就學 或 工作 為主 案 268 於 2 月 28 日 至 3 月 18 日間 陸續 出現 咳嗽 喉嚨 痛 頭痛 發燒 等 症狀 曾多次 就醫 3 月 20 日 因 發燒 肺炎 收治 住院 經 治療 後 症狀 改善 並於 3 月 23 日 出院 但 返家 後 又 出現 發燒 呼吸 急促 及 腹瀉 症狀 3 月 25 日 再次 就醫 經 醫院 采 檢 通報 於 今日 確診 衛生 單位 已 初步 掌握同 住 家人 職 場 及 就醫 接觸 者 等 共 102 人 將 進一步 調查 案 268 發病 前 活動 史及 暴露 史 以 厘 清 感染 源 案 269 於 3 月 23 日 24 日 因 陸續 出現 肌肉 酸痛 腹瀉 及 發燒 症狀 分別 至 診所 及 醫院 就醫 醫院 於 3 月 25 日 采 檢 通報 於 今日 確診 衛生 單位 調查 案 269 平時 活動 地 以 職 場 及 住家 為主 目前 已 掌握 同 住 家人 及 職 場 接觸 者 共 7 人 將 進一步 匡列 就醫 接觸 者 並 持續 調查 個案 發病 前 是否 有 其他 高風險 暴露 史 以 厘 清 感染 源 指揮中心 指出 新增 的 境外移入 個案 中 2 例 與 先前 公佈 國外 校園 群 聚 有關 其中 案 272 與 案 152222 至 225 等 5 人 於 英國 就讀 同 校 案 272 於 3 月 19 日 發病 3 月 25 日 入境 時 由 機場 采 檢 通報 於 今日 確診 截至 目前 該校 相關 群 聚 共 6 人 確診 衛生 單位 調查 6 人 曾於 3 月 14 日 16 日 在 英國 當地 聚餐 研 判 可能 是 引發 群 聚 感染 的 原因 另 一 例 境外移入 校園 群 聚 個案 為 案 276 與 案 586480 及 213 於 西班牙 就讀 同 校 同系 案 276 於 3 月 12 日 返國 後 進行 居家 檢疫 3 月 18 日 發病 由 衛生 單位 安排 就醫 采 檢 於 今日 確診 截至 目前 該校 相關 群 聚 共 5 人 確診</t>
  </si>
  <si>
    <t>各 大學 為 因應 新冠肺炎 紛紛 宣佈 延後 開學 但 近日 爆出 社區 感染 的 消息 即使 中央流行疫情指揮中心 迅速 收回 並以 個案 解釋 仍 引發 在 台 外籍 學生 的 不安 質疑 指揮中心 收回 社區 感染 相關 發言 只 是 企圖 掩蓋 事實 一 名 韓籍 學生 表</t>
  </si>
  <si>
    <t>各 大學 為 因應 新冠肺炎 紛紛 宣佈 延後 開學 但 近日 爆出 社區 感染 的 消息 即使 中央流行疫情指揮中心 迅速 收回 並以 個案 解釋 仍 引發 在 台 外籍 學生 的 不安 質疑 指揮中心 收回 社區 感染 相關 發言 只 是 企圖 掩蓋 事實 一 名 韓 籍 學生 表示 原本 覺得 臺灣 算是 新冠肺炎 的 安全區 域 所以 寒假 並 沒有 回韓 沒想 到 現在 現在 連 臺灣 也 不再 安全 出現 社區 感染 令 他 相當 害怕 頓時 覺得 到 哪裡 都 不能 放心 這 名 學生 表示 目前 韓國有 28 例 確診 有 追蹤 確診 者 足跡 的 網頁 供 民眾 查詢 知道 哪些地方 是 危險區 域 但 臺灣 並 沒有 讓 他 覺得 沒 保障 現在 非常 害怕 開學 後 是否 會 出現 群 聚 感染 此外 對於 昨夜 指揮中心 承認 社區 傳染 後 隨即 收回 的 舉動 該 學生 表示 質疑 可是 事實上 不 就是 已經 有 本土 傳播 了 嗎 收回 去 也 不能 改變 啊 另 一 名 馬來西亞 籍 的 戴姓 學生 則 表示 社區 傳染 發生 後 更 不 知道 人 與 人 之間 應該 如何 保持 距離 才能 避免 自己 受到 感染 宿舍 是 4 人 房 很 害怕 出現 聚集 性感 染 現在 口罩 買不到 外籍 生 在 台又 不易 就醫 開學日 的 到來 令 人 憂心 在 新加坡 交換 的 台大學生 說 原訂 五月 中 學期 才 結束 有些 同學 因 擔心 疫情 變 嚴峻 到時候 可能 回不來 所以 早早 就 先 返台 但 他 自己 仍 會 等到 學期結束 後 再 返回 不過 他 說 因 新加坡 疫情 仍 比 臺灣 還 嚴重 所以 就算 臺灣 出現 社區 感染 不 會 感到 害怕</t>
  </si>
  <si>
    <t>中央流行疫情指揮中心 昨 宣佈 案 39 中 東移入 婦女 結案 接觸 者 均 陰性 但 今日 卻 從 接觸 者 中 發現 新 案例 為 婦女 插花 班 同學 北部 一 名 50 多 歲 女子 該 女子 為 中 東移入 婦女 延 伸出 的 另 一個 案例 研 判為 群 聚 事件 將 針對 婦女 同 住</t>
  </si>
  <si>
    <t>中央流行疫情指揮中心 昨 宣佈 案 39 中 東移入 婦女 結案 接觸 者 均 陰性 但 今日 卻 從 接觸 者 中 發現 新 案例 為 婦女 插花 班 同學 北部 一 名 50 多 歲 女子 該 女子 為 中 東移入 婦女 延 伸出 的 另 一個 案例 研 判為 群 聚 事件 將 針對 婦女 同 住 家 人 進行 采 檢 指揮中心 指揮官 陳時中 今 宣告 案 39 尚未 結案</t>
  </si>
  <si>
    <t>中央流行疫情指揮中心 今 17 日 公佈 國內 新增 10 例 境外移入 covid-19 武漢肺炎 確定 病例 其中 案 68 至 70 及 案 73 為 2 女 2 男 年齡 介於 20 多 歲 至 60 多 歲 分別 居住 北部 及 中部 各 2 例 3 月 4 日 至 13 日 至 土耳其 旅遊 與 案 56 57 及 案 65</t>
  </si>
  <si>
    <t>中央流行疫情指揮中心 今 17 日 公佈 國內 新增 10 例 境外移入 covid-19 武漢肺炎 確定 病例 其中 案 68 至 70 及 案 73 為 2 女 2 男 年齡 介於 20 多 歲 至 60 多 歲 分別 居住 北部 及 中部 各 2 例 3 月 4 日 至 13 日 至 土耳其 旅遊 與 案 5657 及 案 65 至 67 同 團 其中 1 人 無 症狀 由 衛生 單位 安排 就醫 采 檢 其他 3 人 發病 日 介於 3 月 7 日 至 14 日 經 就醫 采 檢 通報 均 於 今日 確診 該 旅行團 截至 目前 共 9 人 確診 已 掌握 接觸 者 共 148 人 將 持續 針對 其他 團員 及 相關 接觸 者 擴大 追蹤 與 采 檢</t>
  </si>
  <si>
    <t>前 副 總統 呂秀蓮 辦公室 今 24 日 天 表示 世界 和平 評審委員會 及 世界 和諧 基金會 昨天 聯名 致函 蔡英文 總統 願意 協助 臺灣 洽 購 3000 到 5000萬 劑 嬌 生 或 輝瑞 疫苗 原廠 包裝 且 交貨 迅速 中央流行疫情指揮中心 指揮官 陳時中</t>
  </si>
  <si>
    <t>前 副 總統 呂秀蓮 辦公室 今 24 日 天 表示 世界 和平 評審委員會 及 世界 和諧 基金會 昨天 聯名 致函 蔡英文 總統 願意 協助 臺灣 洽 購 3000 到 5000萬 劑 嬌 生 或 輝瑞 疫苗 原廠 包裝 且 交貨 迅速 中央流行疫情指揮中心 指揮官 陳時中 表示 目前 還 沒有 接受 到 相關 檔 會 密切注意 同時 媒體 問到 疾 管署 每年 編 列 預算 購買 流感疫苗 同時 接受 地方 政府 委 讬 聯合 購買 同樣 情況 下 花蓮 和 南 投 縣政府 今天 委 讬 藥品 業者 向 食 藥 署 遞 件 申請 來 購買 新冠肺炎 疫苗 指揮中心 是否 同意 陳時中 表示 流感疫苗 是 例行 性 防疫 物資 世界 和 國內 大廠 並未 限制 往來 對象 新 冠 疫苗 因為 在 國際 疫苗 緊縮 下 為了 有效 控制 疫情 所以 各 大 廠 的 態度 只 和 國家 往來 和 流感疫苗 情況 不同 陳時中 說 會 根據 地方 政府 提供 的 相關 資料 來看 但 認為 要 有 明確 知道 是否 真的 能夠 買 得 到 否則 熱心 之後 廠商 還是 不 願意 和 地方 政府 往來 中央流行疫情指揮中心 疫情 監測 組組長 周志浩 補充 流感疫苗 的 情況 是 各國 取得 藥 證 新 冠 疫苗 則 是 取得 緊急 使用 許可 對 藥廠 與 購買者 要 擔負 的 義務 差 得 非常 多 這 也 是 為什麼 才由 國家 來 接洽 此外 目前 國際航空 機組員 尚未 全數 施打 疫苗 但 傳出 航空 公司 有 非 一線 內勤 主管 抽籤 施打 疫苗 的 情形 出現 理由 是 會 和 第一 線 高風險 人員 接觸 的 內勤 主管 所以 施打 疫苗 這些 會 和 第一 線 機組員 接觸 的 主管 屬 於 第 幾 類 接種 對象 醫護 機組員 同 住 家人 是否 歸於 同 一類 施打 對象 陳時中 說 機組員 同 住 家人 目前 沒有 開放 航空 公司 公司 管理人員 基於 常 接觸 第一線 人員 的 話 可以 接種 否則 會 出現 破 口 但 如果 不是 常 接觸 的 其他 人員 就 沒有 必要 這部 分會 再 和 航空 公司 瞭解 醫護人員 的 同 住 家 人 也 會 有 考慮 但 在 身份 訂 定 上有 困難 現在 還 在 研究</t>
  </si>
  <si>
    <t>國內 今 2 日 新增 549 名 本土 案例 12 例 死亡 中央流行疫情指揮中心 指揮官 陳時中 表示 目前 疫情 仍 維持 平穩 不過 話 才說 完 沒多久 竟 連續 咳嗽 咳 到 一度 說不出 話 讓 一旁 的 副 指揮官 陳宗彥 發言人 莊人祥 疫情 監測 組組長</t>
  </si>
  <si>
    <t>國內 今 2 日 新增 549 名 本土 案例 12 例 死亡 中央流行疫情指揮中心 指揮官 陳時中 表示 目前 疫情 仍 維持 平穩 不過 話 才說 完 沒多久 竟 連續 咳嗽 咳 到 一度 說不出 話 讓 一旁 的 副 指揮官 陳宗彥 發言人 莊人祥 疫情 監測 組組長 周志浩 醫療 應變 副 組長 羅一鈞 及 傳染病 防治 諮 詢 會 預防接種 組 召集人 李秉穎 等 5 人 都 嚇到 急 轉頭 關心 中央流行疫情指揮中心 自 去年 開始 每天 向 國人 召開 疫情 記者會 近來 本土 疫情 大 爆發 除了 醫護人員 疲於奔命 指揮中心 也 忙 翻 陳時中 近來 頻頻 被 拍到 滿臉 疲態 滿頭白髮 的 模樣 近日 記者會 中 也 常常 出現 鼻音 咳嗽 不斷 今天 甚至 連 咳 5 聲 到 一度 說不出 話 健康狀況 引起 關注 由於 陳時中 今天下午 在 例行 記者會 中 話 講到 一半 突然 無聲 捂 著 口罩 連續 咳嗽 坐在 一旁 包括 陳宗彥 莊人祥 周志浩 羅一鈞 及 李秉穎 等 5 人 都 馬上 轉頭 投以 關注 眼神 且 這 已經 不是 陳時中 第一 次 在 記者會 中 咳嗽 是否 因 疫情 過 勞 引起 外界 關心 行政院長 蘇貞昌 昨天 在 臉書 指出 多次 到 指揮中心 看到 陳時中 帶領 同仁 每天 從 早上 的 防疫 工作 開始 到 中午 的 全國 記者會 一直 忙 到 深夜 都還 在 分析 疫 調資 料 做 小組討論 蘇貞昌 還 發現 陳時中 近日 因為 以 辦公室 為 家 常常 只 能 在 椅子 上 稍作 休息 沙發 上 還 睡 出 了 一個 頭型 可以 想像 整個 防疫 團隊 是 多麼 辛苦</t>
  </si>
  <si>
    <t>國內 新冠肺炎 疫情 蔓延 新北市衛生局 今 18 日 公佈 新增 確診 人數 為 106 人 中和 單日 暴 增 33 人 中和 民眾 相當 緊張 紛紛 打電話 向 議員 服務處 陳情 市議員 陳錦錠 表示 中和 與 板橋 地緣 相當 近 呼籲 市府 除了 加強 消毒 外 更 應在中 和 等 地 增設 快 篩 站 避免 民眾 恐慌 新北市衛生局 統計 今 18 日 新增 確診 人數 為 106 人 自 4 月 26 日 至 5 月 18 日 全市 總 確診 人數 已 達 465 人 板橋 今 18 日 新增 26 人 中和 今 18 日 新增 33 人 板橋 累計 120 人 中和 累計 74 人 陳錦錠 說 隨 著 疫情 升溫 民眾 都 相當 憂心 當中 和 確診 人數 單日 暴 增 33 人 服務處 更 接 獲 許多 民眾 陳情 盼 市府 除了 在 板橋 增設 快 篩 站 外 中和 也 應該 盡 速成 立 避免 民眾 恐慌 市長 都說 中和 景安 站 確診 足跡 不斷 出現 陳錦錠 說 目前 除了 環境 大 消毒 民眾 做好 防疫 措施 外 他 也 將 積極 向 市府 建議 在 中和 及 其他 熱區 增設 快 篩 站 盡 速 化解 民眾 不安 情緒 陳錦錠 也 呼籲 民眾 勿 轉 傳 網路 不實 資訊 一切 都以 中央流行疫情指揮中心 及 新北市衛生局 訊息 為主 一起 團結 做好 防疫 措施 沒事 不要 外出 移動 留在 家中 防疫 最 安全</t>
  </si>
  <si>
    <t>中央流行疫情指揮中心 宣佈 7 月 27 日 起至 8 月 9 日 全台 降為 二級 警戒 但 民眾 除了 飲食 之外 外出 仍要 全程 戴 口罩 並 落實 實 聯 制 登記 保持 安全 的 社交距離 而 室內 集會 人數 上限 規定 放寬 為 50 人 室外 100 人 另 也 宣佈 各行各業 的</t>
  </si>
  <si>
    <t>中央流行疫情指揮中心 宣佈 7 月 27 日 起至 8 月 9 日 全台 降為 二級 警戒 但 民眾 除了 飲食 之外 外出 仍要 全程 戴 口罩 並 落實 實 聯 制 登記 保持 安全 的 社交距離 而 室內 集會 人數 上限 規定 放寬 為 50 人 室外 100 人 另 也 宣佈 各行各業 的 相關 指引 中 時 新聞網 整理 出 五大 面向 的 常見 問題 供 民眾 參考 餐飲 指引 1 餐廳 開放 內 用 目前 除 了 新北 市 臺北市 與 宜蘭 縣 仍 不 開放 餐廳 內 用 外 其他 的 縣 市 皆 宣佈 只要 遵守 相關 防疫 規則 業者 便 可 以 開放 內 用 2 超 商 賣 場 用餐 區 開放 除了 雙北 之外 的 超 商 與 賣 場 用餐 區皆 已 開放 但 也 有 業者 自行 宣佈 延長 例如 好 市 多 仍 維持 禁止 內 用 試 吃 的 規定 3 能否 邊走邊吃 民眾 在 室外 通風 可 維持 社交距離 的 地方 可以 脫 口罩 飲食 但 夜市 與 傳統 市場 仍舊 不 可以 邊走邊吃 交通 指引 1 搭乘 雙鐵 可 飲食 台 鐵 與 高鐵的 列車 上 車站 大廳 及 候車 區 仍 禁 飲食 且 搭車 全程 須 配戴 口罩 至於 車站 商場 內 的 餐飲 是否 能夠 內 用 則 配合 地方 政府 的 公告 來 辦理 2 能 在 車內 飲食 嗎 車內 的 成員 若 皆 為 同 住 家人 那 就 可以 同時 脫 口罩 飲食 如果 不是 就要 輪流 另外 遊覽車 目前 則 維持 不 開放 飲食 的 規則 3 搭乘 各式 運輸工具 要 戴 口罩 搭 計程車 公車 捷 運 火車 和 高鐵 都 須 全程 配戴 口罩 教育 指引 1 開放 哪些 教育 單位 幼稚園 托 嬰 中心 課 照 中心 補習班 高中 以下 的 暑期 教學活動 有 條件 開放 2 可以 去 圖書館 嗎 圖書館 禁 行 人流 管制 維持 安全 設 交 距離 即可 適度 開放 3 社區 大學 開放 了 嗎 目前 社區 大學 僅 開放 受理 秋季 班 報名 但 實體 課程 暫不 開放 而 樂齡 學習 中心 k 書 中 心 也 同樣 不 開放 休閒 娛樂 1 哪些 場所 還是 不 開放 歌廳 舞廳 夜總會 俱樂部 酒家 酒吧 酒店 廊 錄 影 節目 帶 播映 場所 mtv 視聽 歌唱 場所 ktv 理容院 觀光 理髮 視聽 理容 遊藝 場所 電子遊戲 場 資訊 休閒 場所 休閒 麻將 館 桌 遊 場所 及 其他 類似 場所 2 美容 美體 按摩 開放 了 嗎 空氣流通 的 營業 場所 可 開放 但 禁止 提供 個人 密閉 包廂 室 服務 且 每 張 躺 床 及 座位 至少 間隔 2 公尺 並 在 之間 放置 隔板 屏風 或 布 簾 等 阻隔 物 須要 脫 口罩 的 美容 療程 則 暫不 開放 3 可以 報名 參加 旅行團 旅遊業 開放 50 人 以下 的 旅行團 但 搭乘 遊覽車 的 時候 車上 的 麥 可風 僅限於 導覽 不 可以 唱 歌 4 可以 上山下海 了 嗎 休閒 農場 遊樂 園區 國家 風景區 等 戶外 空間 皆 已 開放 而 潛水 和 衝浪 等 水上 活動 也 開放 但 上岸 後 就 要 戴 上 口罩 5 室內 場館 都 開放 了 嗎 美術館 博物館 開放 民眾 入場 參觀 但 須要 事先 預約 另 也 開放 室內外 的 運動 場館 像是 保齡球館 撞球場 也 都 開放 宗教 活動 1 可以 中 元 普渡 嗎 民眾 可 自行 舉辦 普渡 活動 但 普渡 後 的 福宴 平安 宴 仍 禁止 舉辦 不過 目前 仍 禁止 繞 境 進香 遊行 的 活動 2 能否 舉辦 公祭 民眾 可以 公祭 也 可以 進塔 祭拜 但 仍 須要 維持 室內 最 多 50 人 室外 最 多 100 人 的 防疫 通則 規定</t>
  </si>
  <si>
    <t>新冠肺炎 疫情 趨 緩 澎湖縣 率先 開放 酒店 舞廳 業者 恢復 營運 全台 都 在 看 本島 誰 開 第一 槍 台南 市長 黃偉哲 14 日 下午 視察 北 區 萬象 大 舞廳 業者 做 足 防疫 還 自 加 實 名 制 就 盼 黃偉哲 開金口 允諾 鬆綁 解禁 但 黃 最終 都 沒 鬆口 因應 新冠肺炎 疫情 全台 從 4 月 9 日 起 宣佈 舞廳 酒店 等 有 女 陪 侍 業者 停業 迄今 月 餘 中央流行疫情指揮中心 稱 酒店 與 舞廳 業 只要 符合 個人 防線 能夠 做好 業者 管理 能力 許可 主管 單位 的 監督 跟 執行 能力 都 完善 就 可以 解封 不過 全台 僅 澎湖縣 率先 開放 本島 尚無 縣 市 敢 開 第一 槍 黃偉哲 13 日 先 突擊 ktv 業者 發現 仍 有 違規 店家 即刻 開 罰 14 日 下午 再 到 北 區 萬象 大 舞廳 視察 業者 事前 做 足 準備 包括 店 內 采 梅花座 桌子 加增 隔板 工作人員 戴 口罩 護目鏡 量 體溫 酒精 消毒 等 並 要求 顧客 攜帶 身分 證 采 實 名 制 為 求 官員 信任 還 將 多 餘 桌椅 堆砌 舞池 當中 證明 暫不 開放 跳舞 萬象大 舞廳 曾 姓 業者 表示 每月 租金 就 要 80萬 基本 開銷 旗 下 少爺 小姐 等上 百 位 員工 一時 失去 生計 同業 都 希望 政府 體會 從業人員 苦衷 趕緊 開放 營運 黃偉哲 視察 後 未 鬆口 何時 開放 他 稱 業者 一直 有 複業 的 聲音 視察 後 仍 會 視 業者 防疫 執行 是否 符合 中央 規定 若 經 會 勘 討論 無 虞 未來 就 依 標準 開放</t>
  </si>
  <si>
    <t>桃園 某 醫學 中心 加 護 病房 護理 師 9 日 確診 桃園 市 衛生局長 王文彥 說明 這 名 護理 師 1 周前 返回 臺北 住家 由 姊 姊 的 友人 載 回來 但 友人 7 日 確診 院方 隨即 安排 她 采 檢 也 確診 隨即 疫 調 病人 同事 70 多 人 全部 陰性 因此 研 判 是 院外 感染 也 進行 必要 隔離 處置 院方 9 日 也 說明 已經 全面 對 環境 采 檢 清 消 並 依 中央流行疫情指揮中心 的 指引 將 護理 師 發病 前 3 天 的 接觸 者 全匡列 采 檢 隔離 並 自主 健康 監測</t>
  </si>
  <si>
    <t>鴻 海 土 城 廠 今天 傳出 有 員工 確診 是 靠 創辦 人 郭台銘 所 投資 的 唾液 快 篩 機 揪 出 不過 中央流行疫情指揮中心 今天 表示 個案 經 pcr 采 檢 後 又 變 陰性 因 此 目前 暫時 保留 不予 列 案 會 再多 采 一 次 確認 指揮中心 發言人 莊人祥 今天 表</t>
  </si>
  <si>
    <t>鴻 海 土 城 廠 今天 傳出 有 員工 確診 是 靠 創辦 人 郭台銘 所 投資 的 唾液 快 篩 機 揪 出 不過 中央流行疫情指揮中心 今天 表示 個案 經 pcr 采 檢 後 又 變 陰性 因 此 目前 暫時 保留 不予 列 案 會 再多 采 一 次 確認 指揮中心 發言人 莊人祥 今天 表示 鴻 海 土 城 廠 員工 的 檢 體 今天上午 被 送 到 衛福部 昆陽 實驗室 進行 傳統 的 pcr 檢測 發現 僅 有 單 基因 n 表現 為 陽性 另 一個 指標 基因 e 則 為 陰性 由於 一般 認定 確診 者 都 需要 雙基 因 陽性 因此 此案 將 先 予以 保留 至於 鴻 海 所 採用 的 唾液 快 篩 試劑 莊人祥 表示 根據 瞭解 目前 食 藥 署 還 沒 通過 該 產品 能 供 使用 這 部分 需要 由 食 藥 署 研 判 在 公司 內 使用 的 合法性 該 陽性 員工 目前 經 pcr 檢驗 結果 都只 有 單 基因 陽性 ct 值 大於 30 因此 還 會 再多 采 檢 一 次 確認</t>
  </si>
  <si>
    <t>新冠肺炎 全球 延 燒 中央流行疫情指揮中心 宣佈 將 日 韓 旅遊 提升 為 第二 級 警示 澎 湖 縣長 賴峰偉 22 日 在 防疫 會議 中 表示 目前 正值 防疫 非常 時期 縣府 團隊 每人 都 是 防疫 人員 更 應 上緊 螺絲 全力 投入 防疫 且為 降低 感染 風險</t>
  </si>
  <si>
    <t>新冠肺炎 全球 延 燒 中央流行疫情指揮中心 宣佈 將 日 韓 旅遊 提升 為 第二 級 警示 澎 湖 縣長 賴峰偉 22 日 在 防疫 會議 中 表示 目前 正值 防疫 非常 時期 縣府 團隊 每人 都 是 防疫 人員 更 應 上緊 螺絲 全力 投入 防疫 且為 降低 感染 風險 即日起 同仁 禁止 請假 出國 新冠肺炎 疫情 持續 擴散 各國 日本 確診 數 已 達 740 例 多 例 感染 源 不明 南韓 確診 數 更 是 一 夕 暴 增 142 例 且 有 群 聚 感染 現象 除了 亞洲地區 歐洲 也 無法 倖免 義 大利 1 天 之內 確診 17 例 並 傳出 首 宗 死亡 案例 疫情 在 世界 各國 持續 蔓延 繼 新加坡 之後 中央流行疫情指揮中心 宣佈 日本 與 韓國 旅遊 警示 提升 至 第二 級 警示 目前 中 港澳 及 日本 韓國 新加坡 泰國 皆 被 列為 旅遊 警示 而 上述 都 是 國人 喜愛 旅遊 的 熱門 國家 旅客 非必要 前往 旅遊 或 採取 加強 防護 措施 賴峰偉 表示 新冠肺炎 盛行 期間 出國 旅遊 隨時 都 有 感染 風險 萬一 回 澎 湖 傳染給 家人 擴散 成 社區 傳播 疫情 將 變 得 很 難 控制 賴峰偉 指出 澎 湖 現在 零 確診 個案 防疫 非常 時期 應 超前 部署 提前 防範 縣府 團隊 人員 應 以身作則 做為 縣民 示範 避免 出國 旅遊 即日起 禁止 同仁 請假 出國者 賴峰偉 說 對抗 新冠肺炎 確保 澎 湖 淨土 希望 大家 共 體 時艱 暫緩 出國 計畫 也 呼籲 各鄉 市公所 各 駐 澎 湖 行政 機關 都 能 規範 同仁 比照辦理 守護 澎 湖 鄉親 健康 新冠肺炎 新冠肺炎 ncp 臺灣 澎 湖</t>
  </si>
  <si>
    <t>新北 市 今日 公佈 沒有 確診 案例 不過 卻 在 下午 傳出 染疫 幼稚園 的 負責人 確診 由於 她 先前 身體 不 佳 已 鮮 少 出入 幼稚園 是否 也 是 同一 批 群 聚 案 新北市衛生局 表示 今天 接 獲 通知 一 名 與 幼稚園 相關 個案 采 檢 pcr 陽性 立即 啟動 疫 調 目前 正在 積極 進行 相關 防疫 措施 詳細 訊息 將 在 明天 統一 公佈 說明 據 瞭解 她 今日 出現 喉嚨 不 舒服 等 症狀 到 亞東 醫院 就醫 時采檢 確診 據悉 包括 園 方 人員 與 市府 相關 單位 都 接到 通知 但因 該 名 負責人 近期 因 身體 不適 已 鮮 少 到 幼稚園 是否 為 這 起 幼稚園 群 聚 個案 仍 待 衛生 單位 進一步 厘 清 中央流行疫情指揮中心 晚間 回應 有關 北部 某 幼稚園 案 新 增加 一 名 檢驗 陽性 個案 相關 疫 調 尚在 進行 中 將 於明 16 日 下午 記者會 統一 說明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中央流行疫情指揮中心 專家 諮 詢 小組 成員 台大 感染 科 醫師 李秉穎 日前 爆 料 3 11 政策 沒有 經 專家 小組討論 完全 是 指揮中心 自行決定 指揮官 陳時中 今 重申 自己 會 負 最後 的 責任 但 若要 一 件 一 件 會議 都 公佈 我 實在 是 沒辦</t>
  </si>
  <si>
    <t>中央流行疫情指揮中心 專家 諮 詢 小組 成員 台大 感染 科 醫師 李秉穎 日前 爆 料 3 11 政策 沒有 經 專家 小組討論 完全 是 指揮中心 自行決定 指揮官 陳時中 今 重申 自己 會 負 最後 的 責任 但 若要 一 件 一 件 會議 都 公佈 我 實在 是 沒 辦法 這 一 年 來 每天 要 開 的 會 太 多 要 決定 的 事情 太 多 陳時中 表示 3 11 的 緣由 是從 過年 專案 還有 一些 相關 的 機師 染疫 事件 最後 決定 要 把 它 升級 為的是 確認 所有 管理 是否 合乎 要求 而 機師 也 不是 有 特別 罪過 一定 要 加強 檢疫 規定 因此 當時 我們 針對 外 站 的 管理 是否 落實 決定 加強 管理機制 並 設法 監督 航空 公司 落實 陳時中 說 當時 也 經 大規模 pcr 檢驗 共 6000 多 人 都 是 陰性 因此 考慮 在 管理 上軌道 後 逐步 放鬆 檢疫 措施 但 最後 還是 比 原來 的 方案 嚴格 畢竟 機組員 肩負 國內 經濟 有 貨運 上 的 必要性 工作 上 也 相當 辛苦 陳時中 強調 這些 過程 他 都在立 法院 報告 過 自己 就 是 負 最後 的 責任 但 若要 每 一 場 會議 都 拿 來 檢討 真的 是 沒有 辦法</t>
  </si>
  <si>
    <t>行政院 今 宣佈 7 27 降為 二級 警戒 根據 昨晚 流出 的 二級 指引 顯示 即便 降為 二級 民眾 外出 仍 須 全程 配戴 口罩 對此 一 名 網友 憤怒 地 說 強制 要求 繼續 戴 口罩 根本 就 沒 資格 叫 降級 相關 議題 引發 網友 討論 只見 指引 再度 落 落 長 也 讓 網友 們 忍不住 酸 道 降級 後 規定 又 一 堆 出 個 門還 要 帶 小 抄 不然 不 知道 自己 到底 有 沒有 違法 一 名 網友 昨 在 ptt 上 發文 表示 在 戶外 空間 只要 不是 人潮 擁擠 的 地方 脫下 口罩 運動 野餐 呼吸 一下 新鮮 的 空氣 到底 是 危險 在 什麼 地方 目前 確診 過 的 案例 到底 有 幾 例 是 在 戶外 感染 的 指揮中心 能 說說看 嗎 該 網友 指出 都說 要 降為 二級 警戒 了 開放 內 用 室內 群 聚 卻 不 開放 戶外 不用 戴 口罩 讓 他 覺得 根本 就 沒有 道理 當然 並 不是 說 到 戶外 就 完全 不 用 戴 口罩 也 是 可以 規定 民眾 進 夜市 市場 或 其他人 潮 擁擠 的 地方 必須 要 強制 戴 口罩 但 去 公園 慢 跑 去 爬山 踏青 或 去 海邊 看 海 都說 降 二級 了 還有 什麼 資格 要求 戶外 全程 戴 口罩 該 網友 說 二級 就是 擁擠 無法 維持 社交距離 的 地方 才 要 戴 口罩 三級 是 在 戶外 場所 全程 都 要 戴 口罩 四級 則 是 連 室內 家戶 都 要 全程 配戴 口罩 但 如今 沒有 調整 到 戶外 可 維持 社交距離 就 不用 全程 戴 口罩 就 別 騙人 家 說 降級 了 該 網友 也 崩潰 直 呼 一 想到 明明 降級 了 出去 外面 跑步 散步 買 水和 飲料 也 都得 戴 口罩 無法 邊 走 邊 喝 跟 我 講 這 叫 降級 降 xx 的 垃圾 級 貼 文 引起 熱烈 討論 部分 網友 認為 不 戴 口罩 會 增加 染疫 風險 因此 為了 防疫 大家 還是 再 忍耐 一下 但 也 有 網友 認同 原 po 的話 認為 室內空間 可以 脫 口罩 用餐 但 自己 去 戶外 爬山 踏青 卻 要 戴 口罩 怎麼 想 都怪 而且 降級 後 的 規定 一大 堆 出 個 門還得 要 帶 小 抄 不然 還 真不知道 自己 到底 有 沒有 違法 昨晚 流出 降為 二級 警戒 的 相關 指引 開放 超 商 賣 場內 用 許多 家長 關心 的 托 嬰 與 補習班 也 都可 開放 但 戶外 仍 維持 全程 戴 口罩 的 規定 中央流行疫情指揮中心 發言人 莊人祥 也 證實 該 表格 確實 是 指揮中心 與 地方 開會 的 草案 但 是否 定案 仍 在 討論 中 有 定案 就 會 公佈</t>
  </si>
  <si>
    <t>中央流行疫情指揮中心 今日 表示 我國 今 2020 年 9 月 24 日 起 實施 自 菲律賓 入境 旅客 皆 于 集中 檢疫 場所 完成 檢疫 並於 檢疫 期滿 前 再 采 檢 截至 11 月 3 日 已 採集 1294 位 旅客 檢 體 其中 1268 位 是 沒有 染疫 有 9 名 於 檢疫 期滿 前 采 檢 後</t>
  </si>
  <si>
    <t>中央流行疫情指揮中心 今日 表示 我國 今 2020 年 9 月 24 日 起 實施 自 菲律賓 入境 旅客 皆 于 集中 檢疫 場所 完成 檢疫 並於 檢疫 期滿 前 再 采 檢 截至 11 月 3 日 已 採集 1294 位 旅客 檢 體 其中 1268 位 是 沒有 染疫 有 9 名 於 檢疫 期滿 前 采 檢 後 確診 不過 移 工 和 境外 學生 仍 維持 期滿 采 檢 不 變 指揮中心 表示 依 國際 相關 研究 文獻 及 過往 案例 經驗 無 症狀 感染者 經 14 天 檢疫 後 之 采 檢 結果 即使 為 陽性 其 檢 體 幾 已 無法 培養 出 病毒 顯示 個案 已不 具 傳染 力 但 若為 檢疫 期滿 後 將 至 醫療機構 長 照 機構 等 提供 第一 線 照 護 服務者 仍 須 配合 規定 接受 采 檢 指揮中心 指出 菲律賓 近 1 周 平均 日 增 約 2千 例 確診 截至 目前 累計 確診 387161 例 考量 菲律賓 疫情 於 8 月 達 高峰 後 趨 緩 且 檢驗 陽性率 亦 於 8 月中 旬 起 整體 呈 下降 趨勢 因此 指揮中心 宣佈 自 11 月 9 日 起 自 菲律賓 入境 旅客 之 檢疫 措施 將 比照 自 其他 第 三級 流行 地區 之 入境 旅客 說明 如下 入境 前 14 天內 曾 有 症狀 者 含 已 先 自行 服藥者 應 主動 告知 機場 檢疫 人員 並 配合 采 檢 或 其他 必要 檢疫 措施 無 症狀 者 依 規定 返家 或 至 防疫 旅 宿 完成 14 天 居家 檢疫 於 檢疫 期滿 後 再 自主 健康 管理 7 天 至於 移 工 境外 生 等 專案 物件 依 指揮中心 相關 管理 措施 辦理</t>
  </si>
  <si>
    <t>國內 az 新 冠 疫苗 打氣 低迷 中央流行疫情指揮中心 宣佈 今 起 開放 第 四 類 公費 對象 接種 疫苗 並 從 21 日 起 開放 有 特殊 需求 的 民眾 自費 施打 疫苗 收費 上限 500 600 元 不等 但 能否 刺激 打氣 加速 疫苗 施打 仍 待 觀察 az 疫苗 由 英</t>
  </si>
  <si>
    <t>國內 az 新 冠 疫苗 打氣 低迷 中央流行疫情指揮中心 宣佈 今 起 開放 第 四 類 公費 對象 接種 疫苗 並 從 21 日 起 開放 有 特殊 需求 的 民眾 自費 施打 疫苗 收費 上限 500 600 元 不等 但 能否 刺激 打氣 加速 疫苗 施打 仍 待 觀察 az 疫苗 由 英國牛津大學 與 阿斯特 捷利康 astrazeneca az 共同 研發 臺灣 目前 已 取得 約 31萬 劑 其中 117萬 直接 向廠 商洽 購 疫苗 效期 至 6 月 15 日 另 1992萬 劑 則 經由 covax 平臺 取得 疫苗 效期 只 到 5 月 31 日 然而 國際 屢 傳 民眾 施打 az 疫苗 後 出現 血栓 事件 衝擊 國人 對 該 疫苗 的 信心 加上 國內 疫情 平穩 因此 自 3 月 22 日 疫苗 開 打 以來 經過 3 個 多星期 只 打 了 2萬7000 多 劑 接種 率 僅 近 9 指揮官 陳時中 也 坦言 以 目前 每天 施打 12000 劑 的 速度 要 在 2 個 月 內 打完 這些 疫苗 確實 很 可能 打 不 完 一旦 過了 效期 疫苗 恐怕 只能 作廢 自費 接種 新 冠 疫苗 收費 上限 500 600 元 不等 為 加快 疫苗 接種 速度 及 疫苗 涵蓋 率 今 起 再 開放 第 四 類 公費 對象 接種 疫苗 包括 因 外交 或 公務 需求 必須 出國 代表 國家 出國 的 運動員 選手 等 可以 透過 各縣市 指定 接種 醫療 院所 的 預約 網址 或 專線 預約 接種 考量 目前 公費 接種 對象 僅 開放 醫 事 人員 中央 及 地方 政府 防疫 人員 高 接觸 風險 第一 線 工作人員 及 因 特殊 情形 必要 出國者 恐 有 更 多 不在 優先 公費 施 打的 民眾 也 有 接種 需求 因此 4 月 21 日 起 將 提供 1萬 劑 疫苗 供 有 特殊 需求 的 民眾 自費 施打 包括 有 商務 出國 工作 留學 以及 就醫 等 人道 考量 者 可 至 31 家 設有 旅遊 醫學 門診 的 新 冠 疫苗 接種 專責 醫院 施打 並 采 預約 制 配合 醫院 安排 集中 接種 醫學 中心 區域 醫院 及 地區醫院 的 每 劑 收費 上限 則 分別 為 600 元 550 元及 500元 打過 疫苗 能 縮短 居家 檢疫 天數 嗎 但 為 何不 直接 開放 全民 公費 施打 加快 疫苗 接種 速度 陳時中 回應 一旦 開放 至 65 歲 以上 長者 施打 疫苗 人數 會 非常 龐大 目前 仍 保留 給 有 較 高風險 直接 接觸 病毒 者 讓 他們 想 打 儘量 都能 打得 到 之後 再 逐步 開放 但 不 會 等 太 久 因此 目前 自費 接種 疫苗 只 收取 第一 劑 的 費用 很 可能 8 周後 接種 第二 劑 時 政府 已 擴大 公費 接種 物件 屆時 可能 只 收取 80 150 元 的 掛號費 此外 指揮中心 調整 國籍 航空 人員 的 檢疫 措施 只要 完成 2 劑 疫苗 接種 2 周後 長 程 航班 的 航空員 返國 後 只 要 進行 7 天 自主 健康 管理 結束 當天 核酸 檢驗 陰性 即 解除 自主 管理 短程 航班 則 不須 自主 健康 管理 只要 落實 防疫 新 生活 而 一般 民眾 接種 疫苗 後 能 不能 比照 航空 人員 縮短 返國 後 家 檢疫 的 天數 陳時中 表示 在 疫苗 接種 涵蓋 率 不夠 高 的 情況 下 還是 要有 其他 配套措施 才能 思考 縮短 檢疫 天數 例如 有 可靠 的 抗體 檢驗 測試工具 他 強調 打 疫苗 是 臺灣 的 未來式 臺灣 要 開放 國門 勢必 要 增強 自我 防禦 力 避孕藥 荷爾蒙 治療 停藥 至少 28 天 再 評估 施打 疫苗 指揮中心 提醒 民眾 疫苗 接種 前 應 與 醫師 討論 評估 相關 風險 後 再 接種 接種 後 應在 現場 休息 並 觀察 至少 30 分鐘 確定 狀況 穩定 後 再 離開 此外 服用 避孕藥 與 接受 荷爾蒙 治療 為 引起 血栓 的 危險 因數 如 欲 施打 疫苗 建議 停藥 至少 28 天 接種 疫苗 後 14 天內 如果 出現 呼吸困難 胸 痛 持續 腹痛 四肢 腫脹 或 冰冷 持續 嚴重 頭痛 或 疼痛 加劇 視力 模糊 非 注射 部位 出現 不 尋常 出血點 紫斑 等 症狀 應立即 就醫 告知 疫苗 接種 史 以 厘 清 病因 盡 速 診治</t>
  </si>
  <si>
    <t>中央流行疫情指揮中心 今 公佈 國內 新增 2 例 新冠肺炎 境外移入 病例 分別 為 20 多 歲 女性 案 453 及 40 多 歲 男性 案 454 均 自 菲律賓 返國 國內 目前 累計 454 例 確診 分別 為 363 例 境外移入 55 例 本土 病例 及 36 例 敦睦 艦隊 疫情 中</t>
  </si>
  <si>
    <t>高市驚 傳 第 2 起 居家 檢疫 者 死亡 家住 林 園區 40 多 歲 婦人 從 上海 搭 機 返台 在 自 宅 居家 檢疫 未 料 21 日 居家 檢疫 第 5 天 被 發現 在家 輕生 身亡 22 日經 采 檢 結果 為 陰性 排除 感染 新冠肺炎 檢察官 相 驗 後 也 證實 婦人 為 輕生 高 市 衛生局 指出 該 婦女 平日 在 國外 工作 16 日 從 上海 搭 機 返台 在 林園 住家 進行 居家 檢疫 期間 除 與 家人 有 經常性 聯絡 外 里幹事 也 有 依照 規定 執行 例行 性 訪查 個案 並未 向裡 幹 事主 述 身心 病痛 或 困擾 高雄 市長 陳其邁 表示 高雄 目前 有 2000 多 位 居家 檢疫 民眾 他 指示 衛生局 多 打電話 關懷 讓 居家 檢疫 民眾 更 能 感受 人味 減少 遺憾 發生 機 率 若 人力不足 市府 也 會 設法 增加 這 是 高雄 第二 起 民眾 在 居家 檢疫 期間 死亡 個案 上 一起 是 一 名 8 月 30 日 自大 陸 返台 的 婦女 在 居家 檢疫 期滿 前 一 天 被 家人 發現 在 美濃 住所 身亡 但 采 檢 結果 為 陰性 死因 與 新冠肺炎 無關 中央流行疫情指揮中心 發言人 莊人祥 指出 現在 不管 大 流行 期間 或 不是 流行 期間 只要 有 人 意外 死亡 檢 警 一定 會 看 遺體 再 決定 是否 做 疑似病例 通報 這 是 一定 的 流程 指揮中心 尊重 地 檢 署 法醫 的 權責 不是 每 一 位 居家 檢疫 死亡 的 人 都跟新冠肺炎 有關 必須 先 厘 清 這個 問題 但 因為 還 是 屬於 疫情 期間 因此 還 是 會 采 檢 全國 各縣市 自殺 防治 專線 1925</t>
  </si>
  <si>
    <t>全台 疫情 嚴峻 中央 與 地方 政府 除 公佈 疫 調 足跡 每天 都 有 新 的 規範 籲 民眾 遵守 對此 防疫 專家 中華民國 防疫 學會 理事長 王任賢 直指 規範 的 做 不 到 稽核 就是 口號 偽 三級 防疫 他 呼籲 民眾 近日 少群聚 一 出家 門 就 口罩 戴 好 戴 滿 摸 口 鼻 前 一定 落實 手部 衛生 才能 自保 王 任賢 坦言 近日 確診 人數 不斷 增加 是 正常 的 現象 如以 雙 北 提升 至 三級 防疫 警戒 做為 政府 開始 進行 干預 政策 分界點 之後 因為 廣 篩 可以 將 先前 型 傳播 鏈 的 感染者 找 出來 因而 兩 周內 確診 數 增加 是 正常 的 現象 但 如果 兩 周後 新增 確診 人數 仍未 下降 就 是 政府 的 干預 政策 是 玩 假 的 無效 的 但 如果 是 那樣 臺灣 社會 將 付出 相當 大 的 代價 他 說 檢 視 近日 中央流行疫情指揮中心 以及 各 地方 政府 提出 的 因應 作為 不是 規範 商家 民眾 而 不是 有 具體 強有力 的 稽核 與 落實 作為 疫情 走向 令人擔憂 因而 王任賢 建議 民眾 在 疫情 未 見 趨 緩 前 少群聚 出門 口罩 戴 好 戴 滿 且 無論 在 家 或 出外 進食 摸 口 鼻 前 一定 要 澈底 做好 手部 清潔</t>
  </si>
  <si>
    <t>中央流行疫情指揮中心 發言人 莊人祥 今 7 日 表示 國內 新增 1 例 境外移入 covid-19 新冠肺炎 病例 為 本 國籍 20 多 歲 男性 案 494 今 2020 年 2 月 至 尼泊爾 參加 宗教 活動 9 月 3 日 與 友人 一同 返國 指揮中心 表示 個案 登</t>
  </si>
  <si>
    <t>中央流行疫情指揮中心 發言人 莊人祥 今 7 日 表示 國內 新增 1 例 境外移入 covid-19 新冠肺炎 病例 為 本 國籍 20 多 歲 男性 案 494 今 2020 年 2 月 至 尼泊爾 參加 宗教 活動 9 月 3 日 與 友人 一同 返國 指揮中心 表示 個案 登機 前 3 天 之 檢驗 結果 為 陰性 9 月 3 日 與 友人 返國 入境 時無 症狀 入境 後 返回 居住地 居家 檢疫 個案 9 月 5 日 出現 發燒 流 鼻 水 頭痛 肌肉 酸痛 及 腹瀉 等 症狀 經 通報 衛生 單位 後 安排 就醫 及 采 檢 於 今日 確診 目前 住院 隔離 治療 中 指揮中心 指出 個案 搭 機 期間 及 返國 入境 後 均 全程 佩戴 口罩 衛生 單位 已 掌握 個案 接觸 者 共 25 人 其中 同 班機 前後 二 排座位 旅客 4 人 同行 返國 友人 1 人 及 同 住 家 人 4 人 列為 居家 隔離 對象 同 班機 機組員 16 人 因 全程 有 適當 防護 列為 自主 健康 管理物件 將 持續 密切 追蹤 這些 接觸 者 之 健康情形 指揮中心 統計 國內 截至 目前 累計 88558 例 新型 冠狀病毒 肺炎 相關 通報 含 87453 例 排除 其中 494 例 確診 分別 為 402 例 境外移入 病例 55 例 本土 病例 36 例 敦睦 艦隊 及 1 例 不 明 確診 個案 中 7 人 死亡 475 人 解除 隔離 12 人 住院 隔離 中</t>
  </si>
  <si>
    <t>中央流行疫情指揮中心 莊人祥 covid-19 新冠肺炎 尼泊爾</t>
  </si>
  <si>
    <t>第 六 輪 高端疫苗 今 中午 收 單 截至 昨天 約 587萬 人 預約 接種 預計 下週一 23 日 開 打 但 仍 有 不少 民眾 對於 是否 該 預約 抱 持 著 觀望 的 態度 另 也 有 網友 爆 料 明明 沒有 登記 卻 收到 簡訊 根本 像是 強迫 中獎 消息 引起 眾人 討論 對此 中央流行疫情指揮中心 發言人 莊人祥 表示 有 可能 是 留 錯 電話 了 宅 神 朱學 恒 今 在 臉書 發文 表示 有 沒有 人 明明 沒有 登記 高端 卻 收到 高端 通知 的 啊 這樣 是 不是 太 高端 了 發文 短短 2 小時 就 吸引 6000 多 個 贊 引起 網友 熱烈 討論 不少 網友 留言 表示 我 朋友 就 收到 真的 很 誇張 明明 已經 只 想 登記 az 莫德納 卻 發 訊息 叫 人 家 去 登記 高端 不少 人 反應 啊 根本 強迫 中獎 有 哦 朋友 po 文說 她 沒 勾選 但是 也 是 有 收到 有 同事 的 朋友 說 他 沒有 勾選 可是 卻 傳 簡訊 給 他 強迫 推銷 我 沒有 但 很 多 新 住 民 收到 第 六 輪 高端 原本 只 有 開放 36 歲 以上 的 民眾 預約 但 8 月 18 日 收 單時 僅 419萬 人 預約 接種 因 此 中央流行疫情指揮中心 宣佈 放寬 資格 開放 20 歲 以上 的 民眾 都 可以 預約 打 高端 預計 有 298萬 人 符合 資格 並於 今天 中午 12 時收單 截至 昨天下午 統計 共有 587萬 人 已經 預約 完成 中央流行疫情指揮中心 發言人 莊人祥 表示 沒 登記 卻 收到 簡訊 有 可能 是 民眾 在 預約 平臺 登記 的 時候 留 錯 手機號碼 也 有 可能 是 因為 現在 平臺 設定 自動 勾選 每個 疫苗 而 這次 是 高端 以前 是 莫德納 與 az 因此 可能 有 人 記得 自己 明明 只 勾 選過 莫德納 怎麼 現在 會 收到 高端 的 簡訊</t>
  </si>
  <si>
    <t>中央流行疫情指揮中心 今 26 日 表示 為 利 疫苗 資源 有效 利用 covid-19 公費 疫苗 預約 平臺 https 1922 gov tw 以下 簡稱 預約 平臺 第 12 期 第 2 階段 將 增加 開放 10 月 26 日 中午 12 時前 意願 登記 bnt 疫苗 之 30 歲 以上 民眾</t>
  </si>
  <si>
    <t>中央流行疫情指揮中心 今 26 日 表示 為 利 疫苗 資源 有效 利用 covid-19 公費 疫苗 預約 平臺 https 1922 gov tw 以下 簡稱 預約 平臺 第 12 期 第 2 階段 將 增加 開放 10 月 26 日 中午 12 時前 意願 登記 bnt 疫苗 之 30 歲 以上 民眾 即 1991 年 12 月 31 日 含 前 出生 預約 接種 第一 劑 預約 時程 10 月 26 日 下午 4 時至 10 月 27 日 中午 12 時止 施打 時程 10 月 28 日 至 10 月 31 日 部分 縣 市 至 11 月 3 日 指揮中心 說明 前述 物件 將 於 10 月 26 日 下午 4 時起 開放 預約 後 陸續 收到 提醒 簡訊 請 記得 進行 預約 後續 將 視 疫苗 供應期 程 調整 接種 場次 籲請 民眾 屆時 準時 前往 接種 此外 預約 平臺 已於 10 月 26 日 中午 12 時 暫停 意願 登記 進行 結算 並 視 第 13 期 規劃 期 程 再行 開啟 意願 登記 另 本次 增加 開放 物件 如無 選擇 到 適合 場次 及時 間 指揮中心 亦 將 持續 規劃 透過 預約 平臺 或 合約 醫療 院所 方式 提供 民眾 接種 疫情 指揮中心 發言人 莊人祥 說明 本次 加開 bnt 名額 後 由於 部分 縣 市 原 時段 接種 量 能 已 滿 因此 延長 接種 日期 至 11 月 3 日 另外 疫苗 預約 平臺 今日 起 暫停 意願 登記 莊人祥 表示 將 針對 已 接種 第 1 劑 民眾 的 意願 登記 部分 做 系統 更改 待 13 輪 期 程 確認 後 再度 開啟</t>
  </si>
  <si>
    <t>民眾党 立法委員 賴香伶 今 痛 批 公費 疫苗 預約 系統 又 出 包 多 達 16萬 人 打完 兩劑 疫苗 後 還 是 收到 預約 簡訊 中央流行疫情指揮中心 今天 回應 誤 發 簡訊 原因 在於 系統 的 中文 編碼 與 電信公司 內部 不 一致 最後 共 發 出 三 則 簡訊 進行 更正</t>
  </si>
  <si>
    <t>民眾党 立法委員 賴香伶 今 痛 批 公費 疫苗 預約 系統 又 出 包 多 達 16萬 人 打完 兩劑 疫苗 後 還 是 收到 預約 簡訊 中央流行疫情指揮中心 今天 回應 誤 發 簡訊 原因 在於 系統 的 中文 編碼 與 電信公司 內部 不 一致 最後 共 發 出 三 則 簡訊 進行 更正 影響 人數 達 16萬8000 人 指揮中心 發言人 莊人祥 表示 本次 簡訊 誤 發 原先 是 要 發送 第 13 期 的 預約 簡訊 結果 重複 發到 已 完成 預約 的 第 12 期 對象 第一 次 更正 時 發送 12萬8000 份 結果 又 發生 錯誤 因 此 才會 發送 後續 第二 第 三 封 更正 簡訊 至於 首 波 簡訊 誤 發 的 原因 莊人祥 表示 還 在 厘 清 當中 但 將來 會 避免 再度 出錯 另 今 上午 10 點 第 13 輪 bnt 疫苗 預約 也 開跑 截至 下午 1 點 已 有 64萬5570 人 完成 預約 符合 預約 資格 的 共有 143萬8028 人</t>
  </si>
  <si>
    <t>突破 百 例 大關 國內 今 再 添 23 例 確診 中央流行疫情指揮中心 今 18 日 表示 昨 17 日 國內 新增 884 例 新型 冠狀病毒 肺炎 相關 通報 截至 目前 累計 18812 例 含 17793 例 排除 其中 100 例 確診 今日 新增 案 78 至 100 分別 為 71 例 境外</t>
  </si>
  <si>
    <t>突破 百 例 大關 國內 今 再 添 23 例 確診 中央流行疫情指揮中心 今 18 日 表示 昨 17 日 國內 新增 884 例 新型 冠狀病毒 肺炎 相關 通報 截至 目前 累計 18812 例 含 17793 例 排除 其中 100 例 確診 今日 新增 案 78 至 100 分別 為 71 例 境外移入 及 29 例 本土 病例 確診 個案 中 維持 1 名 死亡 22 名 解除 隔離 其 餘 個案 病況 穩定 持續 住院 隔離 中 美國 入列 美 加 澳 紐 旅遊 警示 升至 3 級 新冠肺炎 確診 首度 破百 臺灣 新冠肺炎 疫情 大 暴 沖 今 新增 23 例 國內 共 達 100 例 中央 疫情 指揮 中 今 18 日 宣佈 對 美國 加拿大 澳洲 紐西蘭 四國 旅遊 疫情 警示 升至 第 三級 警告 非必要 勿 前往 防疫 物資 增 酒精 不當 屯積 可 關 5 年 中央流行疫情指揮中心 今 18 日 正式 對外 公告 酒精 列入 防疫 物資 未來 任何 不當 屯積 酒精 哄抬 價格 等 行為 將 被 處 以 最高 5 年 有期徒刑 得 並 科 500萬 元 罰金 口罩 20 預購 格式 有誤 非 詐騙 今 18 日 中央流行疫情指揮中心 表示 因 發現 口罩 20 網路 預購 有 透過 app 登記 預購 之 民眾 手機 格式 輸入 錯誤 今日 將 寄 發 電子 郵件 通知 民眾 更正</t>
  </si>
  <si>
    <t>中央流行疫情指揮中心 1 日 公佈 國內 新增 8 例 covid-19 境外移入 確定 病例 指揮中心 說明 今日 新增 8 例 境外移入 個案 為 5 例 男性 3 例 女性 年齡 介於 10 多 歲 至 40 多 歲 分別 自 印尼 5 例 案 16713 案 16716 16718 案 16720</t>
  </si>
  <si>
    <t>中央流行疫情指揮中心 1 日 公佈 國內 新增 8 例 covid-19 境外移入 確定 病例 指揮中心 說明 今日 新增 8 例 境外移入 個案 為 5 例 男性 3 例 女性 年齡 介於 10 多 歲 至 40 多 歲 分別 自 印尼 5 例 案 16713 案 16716 16718 案 16720 加拿大 案 16714 美國 案 16715 及 柬埔寨 案 16719 入境 入境 日 介 於今 2021 年 11 月 17 日 至 11 月 29 日 皆 持有 搭 機 前 3 日內 檢驗 陰性 報告 指揮中心 統計 截 截至 目前 國內 累計 4475425 例 新型 冠狀病毒 肺炎 相關 通報 含 4457677 例 排除 其中 16609 例 確診 分別 為 1965 例 境外移入 14590 例 本土 病例 36 例 敦睦 艦隊 3 例 航空器 感染 1 例 不 明及 14 例 調查 中 無 新 增 空號 病例 累計 111 例 移除 為 空號 2020 年 起 累計 848 例 covid-19 死亡 病例 其中 836 例 本土 個案 居住 縣 市 分佈 為 新北 市 412 例 臺北市 321 例 基隆 市 29 例 桃園 市 27 例 彰 化 縣 15 例 新竹 縣 13 例 台中 市 5 例 苗栗縣 3 例 宜蘭 縣 及 花蓮縣 各 2 例 新竹 市 南 投 縣 雲 林縣 台 南市 高雄市 屏 東縣 及 台 東縣 各 1 例 另 12 例 為 境外移入 指揮中心 再次 呼籲 民眾 應 落實 手部 衛生 咳嗽 禮節 及 佩戴 口罩 等 個人 防護 措施 減少 不必要 移動 活動 或 集會 避免 出入 人 多 擁擠 的 場所 或 高 感染 傳播 風險 場 域 並 主動 積極 配合 各項 防疫 措施 共同 嚴守 社區 防線</t>
  </si>
  <si>
    <t>遭 多國 拒絕 入境 的 漂流 郵輪 威士特丹 號 驚 傳 一 美國 乘客 感染 新冠肺炎 由於 該 船 曾 在 2 月 4 日 停靠 高雄 港 中央流行疫情指揮中心 今天 證實 目前 正 在 研 擬 方案 不 排除 比照 鑽石 公主 號 停靠 基隆 港 的 模式 傳送 防疫 簡訊 提醒 高 雄居</t>
  </si>
  <si>
    <t>遭 多國 拒絕 入境 的 漂流 郵輪 威士特丹 號 驚 傳 一 美國 乘客 感染 新冠肺炎 由於 該 船 曾 在 2 月 4 日 停靠 高雄 港 中央流行疫情指揮中心 今天 證實 目前 正 在 研 擬 方案 不 排除 比照 鑽石 公主 號 停靠 基隆 港 的 模式 傳送 防疫 簡訊 提醒 高雄 居民 以及 曾 到達 相關 景點 的 民眾 指揮中心 監測 應變 官 莊人祥 表示 目前 還 在 收集 2 月 4 日 當天 遊客 下船 後 的 路線 並 針對 相關 接觸 者 進行 調查 不 排除 會用 簡訊 通知 的 方式 提醒 曾 出入 相關 場所 的 民眾 在 18 日前 實施 自主 健康 管理 中央 社 報導 馬來西亞 衛生部 發佈 聲明 說 感染 病毒 的 美國 女 乘客 14 日 與其 他 144 名 乘客 一同 飛 抵 馬來西亞 目前 情況 穩定 而 患者 的 丈夫 出現 相關 症狀 但 病毒 檢驗 呈 陰性 這 對 夫妻 是 145 人 中 唯 二 出現 症狀 的 人員</t>
  </si>
  <si>
    <t>教育部 今天 發佈 新 規定 大專院校 100 人 以上 大班 授課 或 教室 難以 保持 防疫 所 需 適當 社交距離 室內 15 公尺 室外 1 公尺 之 課程 應立即 改善 環境 或 調整 授課 方式 採取 全面 配戴 口罩 分 班 上課 或 遠距教學 等 防疫 作為 教育部 今天 公佈 大專 校院 因應 嚴重 特殊 傳染性 肺炎 疫情 停課 複課 及 授課 因應 防疫 調整 演練 注意事項 當 學校 沒有 確診 病例 時 為 因應 疫情 得 調整 授課 方式 或 進行 授課 防疫 演練 而 當 學校 遇有 確診 病例 時 則 立即 啟動 通報 作業 健康 管理 措施 場所 消毒 授課 調整 師生 關懷 等 防疫 應變 措施 並 依 疫 調 結果 與 教育部 停課 標準 啟動 停課 教育部 表示 大專院校 學校 進行 授課 防疫 演練 如 遠距教學 宜 由 小規模 漸進為 之 先 利用 周間 上課 時間 針對 校內 系 所 或 課程 分 批次 間隔 或 輪流 來 進行 授課 方式 調整 無須 報 教育部 倘 進行 全校 或 全院 或 全系 所 之 授課 防疫 演練者 至多 一 周為 原則 超過 3 天 者 應將 授課 防疫 演練 規 畫 先行 通報 教育部 教育部 指出 中央流行疫情指揮中心 如因 應 疫情 發展 而有 大規模 區域 或 全國 停課 之 需要 學校 即 應依 疫 調 結果 與 指揮中心 指示 啟動 停課 並 同步 通報 教育部 各 校 勿 自行 判斷 疫情 逕行 宣佈 停課 教育部 說 目前 已 有 大學 陸續 將 授課 防疫 演練 規 畫 通報 教育部 他們 提出 的 內容 包括 遠 距 課程 采 同步 教學方式 進行 辦理 全校 教師 學習 線 上 教學 軟 體 培訓 與 遠距教學 數位 ta 培訓 使 全校 教師 具備 線 上 教學 之 能力 同時 全校 師生 必須 於線上 平臺 上課 線 上 點名 若 有 缺席 則 當天 通報 學生 事務 處 由 導師 及 任課教師 聯繫 瞭解 並 彙報 學校 另 前 開 課程 均 須 側 錄 上課 內容 以利 學生 複習 及 學校 檢核 教學 成效 教育部 呼籲 學校 因應 指揮中心 指示 確診 病例 之 停課 複課 以及 授課 方式 因應 防疫 之 調整 及 演練應以 防疫 為 優先 並 掌握 師生 動 向 以 保護 社區 避免 造成 防疫 破 口 為 最 重要 原則</t>
  </si>
  <si>
    <t>為了 防堵 新冠肺炎 疫情 國門 全境 封鎖 20 版 目前 除了 限制 外籍 旅客 入 境外 馬上 也 要 禁止 轉機 旅客 桃園 機場 入 出境 人數 在 22 日 單日 已經 不 到 7千 人次 光是 出境 旅客 也 只 剩 2千3百 多 人 航空 業 與 機場 商家 一 片 哀嚎 現在 不只 雪上加霜 只求 能 存活 下來 等待 機會 由於 新冠肺炎 疫情 全球 肆虐 日前 國內 新增 確診 案例 幾乎 是 境外移入 中央流行疫情指揮中心 從 要求 國人 非必要 不要 出國 入境 旅客 一律 居家 檢疫 14 天 到 外籍 旅客 禁止 入境 到 即將 實行 的 轉機 客 也 禁 入 的 全境 封鎖 20 版 桃 機 單日 入 出境 的 旅客 已經 慘跌 不到 平常 的 1 成 甚至 不 到 萬人 在 禁止 轉機 客 後 可能 會 跌 破 5千 人次 在 旅客 幾乎 是 瞬間 減少 是 情況 下 在 機場 的 業者 包括 航空 公司 商家 而言 在 疫情 不知 何時 才能 結束 旅 運 限制 何時 才能 解除 的 情況 下 已經 讓 他們 造成 前途未 蔔 的 恐懼 而 政府 到 現在 為止 有效 的 紓困 方案 何時 才能 施行 也 讓 業者 有 無法 再 撐下去 了 的 恐慌 根據 桃園 機場 公司 統計資料 22 日 桃園 機場 總 出入境 人數 約 6千5百 人 全國 機場 是 7千3百 多 人 入境 人數 22 日 還有 4千2百 多 人 出境 全天 只 有 2千3百 多 人 航空 公司 取消 的 大部 份 的 航班 有 飛機 沒 旅客 飛機 只能 停 在 停機坪 面臨 沒有 現金 流 的 窘境 公司 只能靠 老本 先 苦 撐 航 聯會 主席 王國安 表示 這次 的 疫情 對 航空業者 衝擊 很 大 尤其 長 榮 航空 美國 航線 占六成 很多 外籍 航空 很多 已經 停 飛 加航 及 紐 航 飛到 月底 下 個 月 也 都 不 飛 現階段 只 能 看 情況 先 採取 減 薪 或 放 無 薪 假 來 因應 如果 這樣 都還 不夠 的 話 就 只能 裁員 了 桃 機 的 商家 不管 是 免稅店 和 餐飲店 也 是 度日如年 桃園 國際機場 產業 協會 常務理事 詹 成 吉 表示 入 出境 旅客 越來越少 在 這些 共 體 時艱 的 階段 開會 協調 了 半天 連最 簡單 的 水電費 都 沒有 辦法 提供 紓困 甚至 還有 加收 的 情形 桃 機 公司 根本 是 怪獸 電力 公司 因為 所 繳 的 每 度 電費 比 電力 公司 費率 還要 貴 因為 要 負擔 桃 機 公司 電力 維護 人員 的 費用 根本 就 不合理 詹 成吉 直言 面對 疫情 越來越 嚴峻 旅客 越來越少 我們 業者 的 負擔 也 越來越重 所有 的 員工 來 機場 上班 卻 沒有 旅客 沒有 生意 可 做 部 份 業者 甚至 直接 撤櫃 或是 暫時 停業 負擔 龐大 的 水電費 已經 跟 機場 公司 要求 補助 但 至今 仍 沒有 下文 這些 龐大 的 支出 包含 公共服務 清潔 水電 照明 空調 等等 我們 都 需要 政府 的 幫忙 否則 這樣 很 難 再 撐下去 桃園 機場 公司 表示 目前 桃園 機場 紓困 方案 已經 有 藍圖 就 是 會 依照 簽約 當時 旅客量 最先 從 2 月 開始 如果 低於 去年 平均 旅客量 百分之 50 權利 金 租金 全 免 至於 紓困 補助 桃 機 公司 無法 決定 但 財政部 及 經濟部 已 在 研議 至於 水電 補助 機場 公司 只 是 代收 至於 代收 金額 有 高出 基本 電費 的 金額 是 高 低壓 電 的 維護費用 目前 經濟部 還 在 研議 減免 辦法 待 最後 決議 出爐 桃 機 公司 也 會 在 這 方面 做出 調整 減免</t>
  </si>
  <si>
    <t>中央流行疫情指揮中心 今 22 日 公佈 敦睦 艦隊 磐石 艦 再 增 1 例 新冠肺炎 病例 為 20 多 歲 男性 於敦睦 艦隊 磐石 艦 實習 個案 於 3 月 23 日 起 出現 發燒 咳嗽 味覺 喪失 情形 經服 藥 後 症狀 改善 並 恢復 4 月 18 日 至 集中 檢疫所 隔</t>
  </si>
  <si>
    <t>中央流行疫情指揮中心 今 22 日 公佈 敦睦 艦隊 磐石 艦 再 增 1 例 新冠肺炎 病例 為 20 多 歲 男性 於敦睦 艦隊 磐石 艦 實習 個案 於 3 月 23 日 起 出現 發燒 咳嗽 味覺 喪失 情形 經服 藥 後 症狀 改善 並 恢復 4 月 18 日 至 集中 檢疫所 隔離 采 檢 一 采 結果 陰性 後續 個案 因 出現 鼻 塞 嗅覺 異常 狀況 19 日 由 衛生 單位 安排 就醫 並 二 次 采 檢 於 今日 確診 指揮中心 指出 本 起 群 聚 事件 截至 目前 共 28 人 確診 衛生 單位 現 已 掌握 接觸 者 共 692 人 其中 446 人 為 居家 隔離 對象 246 人 為 自主 健康 管理物件 指揮中心 將 持續 針對 個案 公共場所 活動 足跡 調查 並 公佈 上網 網址 https bit ly 2 xyugs 3 再次 提醒 民眾 若 曾於 相關 時段 及 地點 活動 應 自主 健康 管理 14 天 外出 時 請 佩戴 口罩 若 有 不適 請撥 打 1922 防疫 專線 就醫 時 主動 告知 活動 暴露 史 今 新增案 426 在 3 月 23 日 就 出現 發燒 症狀 昨天 的 案 425 也 在 同日 就 發燒 但 當初 只 說 有 五 例 發燒 這 兩 例 新增 的 發燒 是 通報 有 落差 張上淳 表示 案 426 是 在 3 23 咳嗽 3 26 發燒 是 當初 與 大家 報告 3 位元 抗體 陽性 中的 一 位 也 就 是 當初 的 5 位 中的 一 例</t>
  </si>
  <si>
    <t>今天 臺灣 本土 疫情 新增 107 例 是 三級 警戒 以來 最 少 的 一 次 外界 關心 6 月 28 日 是否 有望 降級 中央流行疫情指揮中心 指揮官 陳時中 表示 現在 大家 看 到 疫情 確實 是 少 漸漸 要 把 相關 縣 市 清 零 原來 有 社區 傳播 的 未來 要 如 何采檢</t>
  </si>
  <si>
    <t>今天 臺灣 本土 疫情 新增 107 例 是 三級 警戒 以來 最 少 的 一 次 外界 關心 6 月 28 日 是否 有望 降級 中央流行疫情指揮中心 指揮官 陳時中 表示 現在 大家 看 到 疫情 確實 是 少 漸漸 要 把 相關 縣 市 清 零 原來 有 社區 傳播 的 未來 要 如 何采檢 並 確實 掌握 疫情 希望 用 最 快 時間 把 它 控制 住 陳時中 說 目前 沒有 要 調整 警戒 程度 如果 一 周 內 想 達到 效果 要 持續 觀察 疫情 變化 現在 降級 的話 擔心 疫情 反彈 所以 一定 要 很 謹慎 打 疫苗 的 數目 涵蓋 率 仍 不足 希望 兩 個 月 後 儘快 有效率 的 來 施打 陳時中 補充 在 一段時間 控制 到 一定 情況 下 必須 確保 戴 口罩 維持 社交距離 目前 沒有 朝 個別 縣 市 解封 的 討論 但 會 思考 就 單項 來說 是不是 有些 場所 能 逐步 開放 陳時中 進一步 解釋 解封 不 會 以 縣 市 別 來 分 會 滾 動式 調整 不會 一下 就 從 三級 回到 二級 目前 討論 方向為 全國 一致 但低 風險 的 區域 某些 要求 的 強度 就 會 比較 低 當 疫苗 涵蓋 率 高時 傳播 鍊 就 不易 形成 若 涵蓋 率 高 三級 警戒 復發 的 可能性 就 比較 低 因為 比較 多 人 打過 疫苗 傳播 會 比較慢 屬於 比較 可以 控制 的 範圍</t>
  </si>
  <si>
    <t>新冠肺炎 疫情 升溫 中央流行疫情指揮中心 上月 宣佈 升級 到 三級 警戒 意 指 所有 民眾 出門 務必 全程 配戴 口罩 也 因此 傳出 部分 民眾 不守 規矩 引來 他人 指正 甚至 發生衝突 藝人 謝忻 昨 1 日 分享 淩晨 出門 慢 跑 路上 看到 有人 沒</t>
  </si>
  <si>
    <t>新冠肺炎 疫情 升溫 中央流行疫情指揮中心 上月 宣佈 升級 到 三級 警戒 意 指 所有 民眾 出門 務必 全程 配戴 口罩 也 因此 傳出 部分 民眾 不守 規矩 引來 他人 指正 甚至 發生衝突 藝人 謝忻 昨 1 日 分享 淩晨 出門 慢 跑 路上 看到 有人 沒 戴 口罩 另 一 人 忍不住 提醒 沒 想到 下 秒 劇情 反 轉 像是 韓劇 發生 謝忻 還 稱讚 該 名 有 正義感 的 男子 是 台 版 馬東石 謝忻 昨 在 ig 限 時 動態 分享 說 淩晨 4 點 時 自己 發瘋 跑 到 南京東路 上 慢 跑 意外 看到 一 件 動人 的 事 一 名 體型 壯碩 的 a 男 突然 向 不 認識 的 b 男 說 為什麼 你 沒有 戴 口罩 b 男 冷回 因為 我 在 抽煙 而且 現在 是 淩晨 4 點 a 男 嗆 我 管 你 幾 點 你 把 口罩 給 我 戴起來 b 男 聽到 後 摸摸 鼻子 熄 了 煙 並 將 口罩 戴 好 見到 這 過程 謝忻 大贊 a 男 是 南京東路 版 的 馬東石 讚揚 a 男 像 因 電影 屍 速 列車 走紅 的 韓國男 星馬 東石 有 男 人味 又 仗義執言 笑 說 馬東石 有點 帥 怎麼辦 他 真是 不折不扣 的 糾察隊 也 謝謝 你們 這麼 自律 為 民眾 的 高素質 感到 驕傲 近來 民眾 為了 防疫 大多 採取 在家 上班 上課 的 方式 不少 藝人 因為 通告 減少 則 分享 起 自己 的 防疫 新 生活 謝忻 也 常 透露 自己 居家 防疫 行程 除了 整理 家 中外 擁有 音樂 專長 的 她 更 常練琴 練 長笛 也 笑 說 每天 生活 正常 吃 飽 睡飽 皮膚 變 好 她 擔心 家中 群 聚 效應 感染 便 離開 基隆 老家 和 父母 自己 到 臺北 居住 等 疫情 緩解 再 跟 家人 相聚 中 時 新聞網 關心 您 吸煙 有害 健康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外傳 石 牌 大型 醫院 將 一 名 新冠肺炎 疑似病例 收治 一般 病房 遭 院方 反駁 為 子虛烏有 中央流行疫情指揮中心社區 防疫 組 副 組長 莊人祥 今 表示 該 疑似病例 已 完成 采 檢 排除 了 感染 新 冠 病毒 的 風險</t>
  </si>
  <si>
    <t>昨天 網路 流傳 一 份 公告 指 台南 某 大樓 出現 一 名 確診 者 引發 住戶 恐慌 中央流行疫情指揮中心 指揮官 陳時中 今天 證實 該 個案 就 是 昨天 確診 的 20 多 歲 菲律賓籍 男性 案 943 由於 案 943 曾 在 自主 健康 管理 期間 外出 開會 從嚴 來 看有</t>
  </si>
  <si>
    <t>昨天 網路 流傳 一 份 公告 指 台南 某 大樓 出現 一 名 確診 者 引發 住戶 恐慌 中央流行疫情指揮中心 指揮官 陳時中 今天 證實 該 個案 就 是 昨天 確診 的 20 多 歲 菲律賓籍 男性 案 943 由於 案 943 曾 在 自主 健康 管理 期間 外出 開會 從嚴 來 看有 觸 法 之 嫌 但 是否 違法 交 由 台南 市 衛生局 認定 台南 某 大樓 張 昨 貼出 一則 公告 指出 有 確診 者 來 過 該 大樓 開會 並 公佈 該 個案 相關 細節 公告 內容 包括 本 大樓 20 f 一 境外 菲 籍 人員 2 月 3 日 來 台 工作 持有 搭 機 前 3 日內 檢驗 陰性 報告 入境 後 至 防疫 旅館 檢疫 並 無 症狀 18 日 檢疫 期滿 應 公司 要求 自費 采 檢 確診 與 個案 接觸 者 26 人 中 15 人 列 居家 隔離 11 人 列 自主 管理 引發 住戶 恐慌 陳時中 今天 證實 公告 中的 確診 者 就 是 昨天 公佈 的 案 943 案 943 居家 檢疫 期滿 後 在 自主 健康 管理 期間 外出 開會 但是 因為 秋冬 方案 加 嚴 的 關係 禁止 自主 健康 管理者 外出 聚餐 聚會 等 以 這個 個案 來說 出入 該 大樓 並 無 問題 但 外出 開會 確實 有 觸 法 之 嫌 另 個案 在 開會 時 是否 有 戴好 口罩 等 都將 交由 由 衛生局 來 判斷 但 相信 這 名 個案 在 社區 的 風險 不 大 中央 流行 指揮中心 發言人 莊人祥 說 這 名 個案 今天 再度 采 檢 pcr 結果 已 轉為 陰性 血清 抗體 igm 陰性 igg 陽性 顯示 個案 是 在 國外 感染 已久 而 有關 大樓 張貼 公告 部分 大樓 對 防疫 措施 公告 都 是 尊重 大樓 管委會 與 地方 政府 機關</t>
  </si>
  <si>
    <t>疫情 嚴峻 民眾 盼 能 盡 速 施 打 疫苗 引發 許多 爭議 話題 基隆 市長 林右昌 表示 疫苗 是 國民 健康 的 公共 財 疫苗 之前 人人平等 希望 不要 因為 疫苗 而 製造 貧富 或 縣 市 對立 林右昌 表示 疫苗 是 國民 健康 的 公共 財 疫苗 之前 人人平等 不論 你是 郭台銘 還是 路邊 的 遊民 生命 是 等 價 的 每個 人 施打 疫苗 的 權利 都 一樣 他 強調 不因 貧富 貴賤 也 不因 大 企業 員工 或是 路邊 攤 洗 碗 的 更 不因 住 在 不同 縣 市 而有 差別 林右昌 指出 最近 有 縣市長 想要 買 疫苗 給 自己 的 縣 市 民眾 施打 有 企業 想買 疫苗 給 自己 員工 或是 買 給 會員 施打 但 大家 靜下心來 想想 這樣 真的 是 對 的 嗎 這樣 真的 好 嗎 林右昌 說 相信 大家 都 是 出自 善意 善心 善 念 但 因為 中央 疫苗 不足 大家 恐慌 希望 疫苗 趕快 進來 反而 製造 貧富 對立 縣 市 間 的 差異 更 撕裂 社會 和諧 林右昌 認為 如果 民間 力量 可以 幫忙 政府 協助 取得 疫苗 這 是 好事 應該 樂觀其成 更 需要 大家 合作 一起 努力 他 進一步 說明 中央流行疫情指揮中心 不 要 讓 大家 誤會 政府 在 刁難 要用 人民 聽得懂 的話 好好 說明 與 釋疑 並 強調 疫苗 是 一個 國民 健康 公共 財 大家 都 有 權利 施打</t>
  </si>
  <si>
    <t>因應 新冠肺炎 疫情 趨於 嚴峻 基於 防疫 考量 中央流行疫情指揮中心 指揮官 陳時中 昨天 宣佈 社交距離 指引 台南 市長 黃偉哲 今天 受訪 指出 希望 全國 市民 朋友 都能 遵守 但 他 也 坦言 徒 法 不足以 自行 再者 嚴刑峻法 也 需要</t>
  </si>
  <si>
    <t>因應 新冠肺炎 疫情 趨於 嚴峻 基於 防疫 考量 中央流行疫情指揮中心 指揮官 陳時中 昨天 宣佈 社交距離 指引 台南 市長 黃偉哲 今天 受訪 指出 希望 全國 市民 朋友 都能 遵守 但 他 也 坦言 徒 法 不足以 自行 再者 嚴刑峻法 也 需要 市民 配合 初期 沒有 罰 則 會 請 防疫 人員 員警 努力 勸導 呼籲 市民 朋友 不要 拿 健康 開玩笑 黃偉哲 今天上午 接連 出席 龍崎 關廟 行銷 鳳梨 記者會 連續 2 場 活動 都 是 在 室內 舉行 他 說 社交 安全 距離 已經 出爐 後續 若 真 的 要 開 罰 1 公尺 多 一點 少 一點 怎麼 才最 適合 而且 一旦 要 開 罰 也 需要 近 距離 接觸 才能 開出 罰 單 目前 尚未 訂 出 罰 則 他 認為 最 重要 的 是 民眾 自覺 積極 配合 防疫 比較 重要 他 說 當前 國外 都 已經 祭出 嚴 令 要 遵守 社交距離 新加坡 德國 等 國都 已經 開 罰 開 罰 主要 目的 是 希望 大家 遵守 社交距離 因為 病毒傳播 往往 容易 超過 一 公尺 以上 民眾 不要 拿自己 健康 開玩笑 臺灣 民眾 有 這麼 高 防疫 意識 應該 也 能 遵守 才是 至於 台南 市政府 針對 社交距離 的 具體 作為 他 說 會 請 防疫 人員 員警 努力 勸導 初期 沒有 罰 則 若 愛惜 生命 也 不 用 等 到 開 罰 才 表達 抗議 他 強調 大家 小時候 都 做 過 早操 雙 手 舉 平 就 是 一個 安全 社交距離 希望 大家 能 遵守</t>
  </si>
  <si>
    <t>清明連 假 各 大 景點 湧入 人潮 讓 醫護人員 憂心 恐 釀成 另 一 波 疫情 中央流行疫情指揮中心 更 針對 11 個 景點 發佈 國家級 警報 不少 企業 也 跟進 要求 到 過 景點 的 員工 居家 辦公 對此 藝人 郭世倫 忍不住 氣 呼 亂七八糟 郭世倫</t>
  </si>
  <si>
    <t>清明連 假 各 大 景點 湧入 人潮 讓 醫護人員 憂心 恐 釀成 另 一 波 疫情 中央流行疫情指揮中心 更 針對 11 個 景點 發佈 國家級 警報 不少 企業 也 跟進 要求 到 過 景點 的 員工 居家 辦公 對此 藝人 郭世倫 忍不住 氣 呼 亂七八糟 郭世倫 退出 演藝圈 後 長期 在 墾 丁 擺攤 做 生意 近來 看到 墾 丁 遭 疑 恐 成 防疫 破 口 氣 得 在 臉書 大罵 媒體 不要 為 了 自己 的 收視率 再次 殘殺 恒 春 半島 試問 這次 全台 這次 有 多少 夜市 多少 景點 比 我們 人 更 多 更具 危險性 對於 去 過墾 丁 要 自我 隔離 14 天 的 說法 郭世倫 更是 看不過去 說 去 其他 爆滿 人潮 景點 夜市 的 就 不必 自我 隔離 嗎 臺北 人口 密集 度 全台 第一 是不是 該 封城 郭世倫 認為 外出 戴 口罩 不 只 是 該 呼籲 的 事 也 是 基本常識 最後 再 憤怒 表示 墾 丁 不是 生 下來 就 要 給 媒體 惡意 消費 導致 人心惶惶 的 恒 春 半島 是 需要 臺灣人 來 愛護 的</t>
  </si>
  <si>
    <t>中央流行疫情指揮中心 指揮官 陳時中 15 日 表示 新冠肺炎 再 增 6 個 確診 案例 這 是 這麼久 以來 最 多 的 單日 確診 案例 新增 6 例 皆 有 國外 旅遊 史 鑒於 境外移入 快速 增加 他 呼籲 國人 沒有 必要 的 旅行 最好 忍 一 忍 可以 不 出國 就 盡</t>
  </si>
  <si>
    <t>中央流行疫情指揮中心 指揮官 陳時中 15 日 表示 新冠肺炎 再 增 6 個 確診 案例 這 是 這麼久 以來 最 多 的 單日 確診 案例 新增 6 例 皆 有 國外 旅遊 史 鑒於 境外移入 快速 增加 他 呼籲 國人 沒有 必要 的 旅行 最好 忍 一 忍 可以 不 出國 就 儘量 別 出國 否則 恐 得不償失 陳時中 指出 加計 15 日 6 個 確診 案例 案 54 案 59 目前 確診 共 59 例 而 新增 的 這 6 例 全數 有 國外 旅遊 史 分別 是 前往 泰國 日本 埃及 土耳其 西班牙 希臘 他 說 從 案 47 到案 59 多 屬 境外移入 境外移入 案例 增加 讓 我們 非常 警惕 尤其 單日 增加 6 個 確診 案例 是 這麼久 以來 最 多 的 單日 新增 確診 案例 上次 比較 多 的 一 次 是 2 月 6 日 也 有 5 例 同樣 是從 歐洲 旅遊 回來 的 境外移入 依據 指揮中心 統計 15 日 國內 新冠肺炎 相關 通報 新增 383 例 累計 通報 16911 例 含 16464 例 排除 其中 確診 59 例 而 確診 案例 中 境外移入 32 例 本土 27 例 陳時中 呼籲 由於 近日 有 快速 的 境外移入 現象 沒有 必要 的 旅行 即使 是 安排 了 很 久 也 要 忍 一 忍 因為 風險 實在 很 高 可以 不 出國 就 儘量 不 要 出國 另外 考量 埃及 近日 疫情 病例 數 快速 增加 指揮中心 15 日 也 宣佈 把 埃及 旅遊 疫情 建議 升至 第 二級 警示 提醒 民眾 至 當地 應 採取 加強 防護 措施 指揮中心 也 呼籲 世界衛生組織 who 已 宣佈 全球 大 流行 提醒 民眾 如果 必須 出國 應 加強 手部 及 呼吸道 衛生 等 防護 措施 返國 入境 後 務必 落實 14 天 居家 檢疫 或 自主 健康 管理 至於 第二 批 武漢 包機 返台 361 人 目前 有 1 人 出現 發燒 症狀 已經 後 送 就醫 采 檢 中 其 餘 健康 情形 良好 持續 于 集中 檢疫所 密切 健康 監測 中</t>
  </si>
  <si>
    <t>臺灣 疫情 持續 延 燒 為 避免 災情 擴大 部分 縣 市 表明 要 自行 購買 疫苗 網路 也 瘋 傳 美國 好 市 多 的 照片 賣 場內 的 藥局 可 打 新 冠 疫苗 而且 有 三 種 疫苗 任君 挑選 引發 網友 譁然 對此 中央流行疫情指揮中心 指揮官 陳時中 表示</t>
  </si>
  <si>
    <t>清明連 假 已 有 多 處 景點 人潮 擁擠 連 假 後 疫情 趨勢 推 估 是否 樂觀 以及 是否 可能 下達 禁 足 令? 中央流行疫情指揮中心 指揮官 陳時中 表示 任何 可能性 都有 看 疫情 發展 到 什麼 情況 陳時中 表示 疫情 會 延續 很 長 若 都 關 起來</t>
  </si>
  <si>
    <t>清明連 假 已 有 多 處 景點 人潮 擁擠 連 假 後 疫情 趨勢 推 估 是否 樂觀 以及 是否 可能 下達 禁 足 令? 中央流行疫情指揮中心 指揮官 陳時中 表示 任何 可能性 都有 看 疫情 發展 到 什麼 情況 陳時中 表示 疫情 會 延續 很 長 若 都關 起來 情緒 也 會 出 問題 表示 防疫 仍要 根據 社會 和 人性 需要 因此 並 不 反對 出遊 但 強調 距離 要 維持 住 人 多 的 地方 請 務必 戴 口罩 而已 公佈 的 一些 人潮 多 的 地方 包括 墾 丁及 阿里山 森林 遊樂區 花蓮東 大門 夜市 嘉義 文化路 台南 關子嶺 虎頭 埤 烏山頭 水庫 及 湖 境 度假 會館 等 埤 塘 風景區 高雄興 達 港 旗 山 老 街 雲林 北 港 朝 天宮 等 也 發佈 了 細胞 廣播 警示 訊息 建議 還 沒去 的 民眾 就 不 要 再 去 人 擠 人 連 假 之後 確診 人數 將 會 增加 台大 醫師 在 臉書 發文 指出 當初 日本 在 三月 連 假 過後 確診 增加 速度 是 之前 的 五 倍 對此 陳時中 回應 目前 指揮中心 判斷 國內 這 波 旅遊 高峰 預估 不 會 像 日本 三月 櫻花季 那樣 如果 會 的話 當初 就 會 禁止 社區 感染 相當零星 案例 多 是 境外移入 且 目前 都 在 居家 檢疫 因此 這 兩 個 理由 所以 才 沒有 做出 大規模 禁 足 行動</t>
  </si>
  <si>
    <t>國內 新冠肺炎 今日 新增 4 死 其中 1 人 為 屏 東 印度 變異 株 delta 群 聚 的 果農 太太 案 14816 中央流行疫情指揮中心 醫療 應變 組 副 組長 羅一鈞 表示 該 太太 的 死因 是 新冠肺炎 和 肺炎 併發症 病程 沒有 和 非 delta 病毒 不同 羅一</t>
  </si>
  <si>
    <t>國內 新冠肺炎 今日 新增 4 死 其中 1 人 為 屏 東 印度 變異 株 delta 群 聚 的 果農 太太 案 14816 中央流行疫情指揮中心 醫療 應變 組 副 組長 羅一鈞 表示 該 太太 的 死因 是 新冠肺炎 和 肺炎 併發症 病程 沒有 和 非 delta 病毒 不同 羅 一 鈞 表示 果農 太太 患有 糖尿病 高血壓 6 月 27 日 開始 腹瀉 由於 家中 有 其他 確診 者 采 檢 陽性 後 在 6 月 27 日 入住 醫院 住院 後 果農 太太 後續 併發 肺炎 呼吸衰竭 最後 不幸 因為 肺炎 嚴重 在 昨日 過世 羅一鈞 表示 果農 太太 的 死亡 主要 原因 是 新冠肺炎 和 肺炎 的 併發症 病程 沒有 和 非 delta 病毒 不同 發言人 莊人祥 表示 果農 太太 為 國內 delta 感染者 死亡 首例</t>
  </si>
  <si>
    <t>屏 東 6 日 新增 1 確診 案 15184 他 曾 與 確診 白 牌 車 司機 案 14298 共同 泡茶 6 月 23 日 已 被 匡列 隔離 3 天 後 轉 往 集中 檢疫所 時 與 案 14905 同 車 二 采 陽無 症狀 確診 而 屏 東 delta 群 聚 案 至今 累計 17 人 染疫 當中 有 2 人 重症 救治 中 屏 縣府 指出 新增 案 15184 是 30 歲 男性 為 果園 雇工 6 月 20 日 與 確診 白 牌 車 司機 案 14298 友人 案 14412 案 14413 一同 泡茶 6 月 23 日 一同 被 匡列 隔離 6 月 26 日 轉 往 集中 檢疫所 時 又 與 案 14905 同 車 感染 途徑 與 5 日 確診 的 案 15163 相同 目前 出現 2 個 可能 感染 源 尚 待 厘 清中 中央流行疫情指揮中心 指出 案 15184 ct 值 307 偏 高 感染 屬 較 近期 對此 屏 縣府 進一步 說明 ct 值 高有 2 個 可能 一 是 感染 時間 已久 另 一 是 剛 感染 如 案 14413 的 ct 值 就 是 由 高變 低 但 他 是 在 隔離 采 檢 當下 發現 染疫 而 ct 值 在 居家 隔離 期間 逐漸 降低 縣長 潘孟安 說 屏 東 delta 群 聚 案 至今 累計 17 人 染疫 境外 2 人 枋山 13 人 枋寮 2 人 當中 重症 有 2 人 而 經 基因 定 序 確定 病毒株 為 印度 delta 變種 的 有 13 人 全案 共 匡列 667 人 目前 pcr 篩檢 都 為 陰性 全數 隔離 至 10 日 但 監測 至 11 日</t>
  </si>
  <si>
    <t>新冠肺炎疫情爆發超過1年半中央流行疫情指揮中心數月前宣佈預採購高端、聯亞各500萬劑疫苗不過至今只有高端疫苗通過緊急使用授權（EUA）。對於年底購得1000萬劑國產疫苗計畫沒達成指揮官陳時中 今表示目前達成率還有50％防疫百分百照計畫走以我們的背景條件做不到。
中央流行疫情指揮中心今年5月28日與高端疫苗生物製劑有限公司、中央流行疫情指揮中心簽訂「國內COVID-19疫苗採購契約」預計採購各500萬劑疫苗並視未來疫情需求後續擴充。不過截至今年下半年僅高端疫苗通過EUA並開打。
陳時中 今接受周玉蔻《新聞放鞭炮》採訪時指出生產疫苗本來就是非常困難的事情從候選3家到2家到1家通過EUA非常不容易食藥署的立場清楚就是要確保符合品質和學術上的要求不想為特定疫苗做太多的辯護這是我們的目標而不是出來說「很好啊」怎麼樣我們在意的是安全和品質。
對於年底1000萬劑國產疫苗的採購計畫未達標陳時中表示達成率有50％若要防疫百分百照計畫走我們的背景條件做不到但是我們有各類的備案目前疫苗的供應還是穩定有人覺得像處在驚濤駭浪之間靠別人送但其實靠別人送也要有基礎大家都不敢鬆懈不敢只靠國產疫苗、只靠自購或別人送。
周玉蔻指出反對黨對國產疫苗扭曲、抹黑、造謠卻看不到食藥署做強力的辯護甚至專家諮詢委員李秉穎都被人格毀滅這樣公平嗎？為何食藥署沒有道德勇氣去辯護且懷疑政府裡面也有人內應打壓國產疫苗。陳時中否認食藥署內應的疑慮並表示是好的東西會經得起考驗疫苗不是一時的事情經得起考驗的疫苗才能替台灣發光發熱。
陳時中 今也自爆太太、二兒子都打高端疫苗除太太覺得肚子怪怪的之外二兒子沒什麼副作用而他和大兒子則是接種AZ疫苗。周玉蔻今也自稱自己為「高端寶寶」。陳時中表示以高端的審查講求科學證據但是很多人不用科學證據來講話用很多的形容詞相信時間會證明一切。
至於聯亞疫苗陳時中表示聯亞的強項在細胞免疫但是他們認為他們的中和抗體可以達標但最後審查時到了「borderline」以那個條件專家無法讓聯亞通過EUA。
對於接下來要如何協助聯亞？陳時中表示不是我們的政策如何調整而是聯亞要提出有利的證據說服我們的專家或許可以重啟臨床試驗。雖然當時的規則對他不利但當時大家是同意以中和抗體做免疫橋接如今歐盟也漸漸承認以中和抗體代表保護力。</t>
  </si>
  <si>
    <t>大陸 全國 抗擊 新冠 疫情 表彰大會 8 日 上午 舉行 中共中央政治局 常委 全國人大 委員長 栗 戰書 宣讀 中共 總書記 國家 主席 習近平 簽署 的 主席令 授予 鍾 南山 共和國 勳章 授予 張伯禮 張定宇 陳薇 人民 英雄 國家 榮譽稱號 由 習近平 在 會 中 親自 頒發 在 這 場 全民 抗 疫 中 一 批 90 後 指 1990 年 之後 出生 者 抗 疫 者 挺身而出 義無反顧 地 扛起 責任 和 擔當 其中 李娟娟 甘如意 塗可藹 三 位 90 後 獲得 全國 抗擊 新冠肺炎 疫情 先進個人 榮譽 另 一 位 獲獎 的 是 疫情 期間 穿梭 武漢 街頭 為 醫護人員 送 餐 的 快遞 小哥 汪勇 頒獎 時 司儀 稱 大陸 防疫 專家 鍾 南山 敢 醫 敢 言 勇於 擔當 提出 的 防控 策略 和 防治 措施 挽救 了 無數 生命 鍾 南山 致詞 時 指出 健康 所 系 性命 相 托 就是 醫務人員 的 初心 保障 人民 群眾 的 身體健康 和 生命安全 是 醫 者 的 使命 他 在 受訪 時 回顧 武漢 戰 疫 最 艱難 的 時刻 說 自己 在 武漢 的 學生 曾 發來 資訊 社區 居民 們 唱 著 國歌 高喊 武漢 加油 說 著 說 著 鍾 南山 紅 了 眼眶 說 這 就 是 中華民族 這 就 是 中國人 什麼 都 壓 不 倒 湖北 衛健 委 副 主任 的 張定宇 作為 漸 凍 症 患者 疫情 期間 衝鋒在前 救死扶傷 為 湖北 保衛 戰 武漢 保衛 戰 作出 重大貢獻 他 搖搖擺擺 艱難 卻 抬頭挺胸 地 走 進 會場 的 影片 感動 網友 中國 工程院 院士 天津 中醫藥 大學 校長 張伯禮 指導 中醫藥 全程 介入 疫情 救治 主持 研究 制定 的 中西醫 結合 療法 成為 中國 方案 的 亮點 張伯禮 說 國有 危難 醫生 即 戰士 甯負 自己 不負 人民 中國工程院 院士 解放軍 軍事科學院 軍事醫學 研究院 生物工程 研究所 所長 陳薇 在 新冠肺炎 疫情爆發 後 她 在 基礎 研究 疫苗 防護 藥物 研發 方面 取得 重大成果</t>
  </si>
  <si>
    <t>新 研究 顯示 高達 86 患者 感染 了 新冠肺炎 卻 沒有 症狀 隨 著 這些 隱形 患者 四處 趴 趴 走 也 助長 了 疫情 大 流行 據 信使 新聞 報 the mercury news 引述 科學 science 期刊 報導 在 大陸 實施 旅遊 禁令 前 約 有 86 病例 並未 通報 而 這 造成 了 病毒 散播 共同 執筆 研究 報告 的 哥倫比亞大學 梅爾曼 公共 衛生學 院 mailman school of public health 沙曼 jeffrey shaman 說 這些 未經 記錄 的 感染 促使 疫情 大 爆發 研究 人員 利用 電腦 模 組 追蹤 武漢 宣佈 旅遊 禁令 前後 的 感染 而 研究 結果顯示 這些 沒有 症狀 或 只 有 輕微 症狀 的 隱形 病例 是 2 3 確診 病例 背後 的 藏 鏡 人 沙曼 指出 他們 可能 不 知道 自己 患病 或 甚至 認為 只是 感冒 而已 由於 他們 沒 咳嗽 或 打噴嚏 因此 傳染 力 大約 只 有 確診 病 患 的 一半 然而 一旦 他們 把 病 傳染給 別人 可能 會 導致 年長者 或 身體狀況 不好 的 人 死亡 這些 研究 果 說明 為 何新冠肺炎 會 跨越 地理 區 迅速 傳播 而要 防控 可能 困難重重 沙曼 說 未來 要 遏制 新冠肺炎 疫情爆發 仍 是 大 挑戰 他 的 團隊 建構 了 數學 模式 類比 375 個 大陸 城市 的 傳播 感染 若 是 把 這 模式 套用 在 美國 人口 上 意味著 感染 人數 將 遠超過 疾病 管制 與 預防 中心 cdc 所 公佈 的 數位 實際 數位 可能 接近 13萬 人 研究 團隊 說 就 全球 而言 這 意味 將 有 近 100萬 人 感染 西雅圖 賀勤森 癌症 研究 中心 fred hutchinson cancer research center 權威 生物學家 哈樂 蘭 betz halloran 說 實際 的 感染 數字 唯有 透過 更 完善 也 更 例行 的 檢測 才能 得 知 此外 研究 顯示 新冠肺炎 比 季節性 流感 更 容易 傳染 1 名 患者 大約 可以 傳染 25 人 若要 這 流行病 消失 就 必須 把 感染 率 降到 1 以下</t>
  </si>
  <si>
    <t>臺灣 本土 新冠肺炎 疫情爆發 確診 數 持續 增加 雙北 地區 更 提升 至 三級 警戒 不少 名人 也 呼籲 大家 戴好 口罩 勤洗手 沒事 就 待在家裡 豪門 媳婦 郁方 也 祈願 疫情 快 散去 並 表示 從今 18 日 開始 要 齋戒 108 天 郁方 透露 去年 在</t>
  </si>
  <si>
    <t>臺灣 本土 新冠肺炎 疫情爆發 確診 數 持續 增加 雙北 地區 更 提升 至 三級 警戒 不少 名人 也 呼籲 大家 戴好 口罩 勤洗手 沒事 就 待在家裡 豪門 媳婦 郁方 也 祈願 疫情 快 散去 並 表示 從今 18 日 開始 要 齋戒 108 天 郁 方 透露 去年 在 疫情 剛起 來時 她 為了 祈求 疫情 快 散去 所以 進行 了 108 天 齋戒 現在 疫情 更 甚 以往 她 也 感謝 粉絲 朋友 的 提議 決定 從 今天 開始 進行 108 天 齋戒 一直 到 9 月 2 日 她 也 喊話 祈禱 天下 無 災 疫情 退 散 國泰民安 風調雨順 啊 另外 她 也 感謝 自家 師兄 吃素 一個 星期 有 願 就 有力 希望 大家 一起 來 粉絲 見狀 也 紛紛 響應 一起 加油 謝謝 你 的 大 愛 美 心 也 美 加油 天 佑 臺灣 郁 方 2006 年 嫁 給 斐儷 珠寶 小開 陳 昱羲 育 有 2 子 1 女 生活 幸福 美滿 婚後 她 不僅 馭 夫 很 有一套 也 用心 經營 婆媳關係 深 得 公婆 喜歡 所以 她 曾說 自己 嫁 的 不是 豪門 而是 好 門 不過 去年 她 到 南部 拍戲 兒子 改到 花 蓮 念書 小開 老公 就 被 媒體 拍到 開始 放飛 自我 一下 與 貼身 女 助理 過從甚密 又 被 拍到 深夜 在 臺北 街頭 喝 茫 趁 醉意 撲 向 豔麗 辣 妹 發現 沒人 理 他 就 這樣 以 大 字型 姿勢 躺 在 騎 樓 醉 到 呼呼大睡 對此 郁方 則 表示 珠寶 業 的 員工 幾乎 都 是 女性 助理 每天 要 處理 很多 事情 這種 小事 不 會 放在 心上 態度 相當 大方</t>
  </si>
  <si>
    <t>隨 著 新冠肺炎 疫情 擴散 美國 企業 開始 要求 員工 在家 上班 導致 筆記型電腦 等 商品 遭到 搶購一空 電腦 製造商 因 中國 大陸 爆發 疫情 波及 供應 鏈 運作 主要 零 組件 仍然 短缺 最終 導致 筆 電 供不應求 美國 連鎖 家電 賣 場 百思 買 best buy 芝加哥 分店 店員 坎 能 matt canon 指出 他們 店裡 的 筆 電 鍵盤 與 視 訊 電纜 幾乎 全 賣 光 至於 電腦 螢 幕 與 小型 電視 則 完全 斷 貨 坎 能 表示 從 來客 數 與 銷售 來看 最近 業績 雖 無法 與 黑色 星期五 相比 但 絕 對比 平常 日 高出 許多 it 產品 經銷商 英邁 ingram micro inc 全球 科技 解決 方案 部門 總裁 保羅 貝 paul bay 表示 受到 肺炎 疫情 影響 越來越 多 美國 企業 要求 員工 在家 遠 距 上班 預估 筆 電 需求 將 持續 攀升 而 手機 裝置 與 電腦配件 擴充 基座 鏡頭 與 顯示器 銷售 也 將 持續 成長 事實上 受到 大陸 爆發 肺炎 疫情 的 影響 電腦 製造商 產品與 零件 供應 鏈 遭到 打斷 迄今 尚未 完全 的 恢復 全球 電腦 製造商 龍頭 惠普 hp inc 表示 工廠 產能 正 逐漸 恢復 當中 同時 警告 本 季 財 測 恐 不如 預期 針對 筆 電 近來 需求 攀升 惠普 並未 正面 回應 是否 能夠 因應 僅 表示 將 密切 關注 消費者 與 商家 需求 另 一家 電腦 製造商 戴爾 dell 已 意識 到 筆 電 訂單 增加 的 事實 目前 正 想方設法 尋找 其他 零件 替代 來源 至於 聯想集團 lenovo 則 表示 最近 筆 電 搭配 耳機 的 套裝 訂單 確實 大幅 增加 但 筆 電 產品 在 美國 地區 並未 出現 供應 短缺 現象 事實上 早 在 疫情爆發 之前 電腦 製造商 早就 面臨 零件 供應 短缺 問題 舉例來說 英特爾 intel 這 一年多來 生產 的 晶 片 數量 根本 不足 連帶 拖累 戴爾 等 電腦 製造商 業績 英特爾 日前 承諾 將 加大 產能</t>
  </si>
  <si>
    <t>疫情 蔓延 死 在 家中 案例 頻 傳 先後 發生 北 投 一家 三 口 陳屍 屋內 被裡 長 通知 破門 才 發現 男子 陳屍萬 華清 茶館 多時 被 房東 聞到 屍 臭 才 發現 臺北市 長 柯文哲 5 日 嚴正 說 叫 大家 躲 在 家裡 不是 說 躲 在 山洞 裡 彼此 一個 電話 問候 或 視 訊 是 必須 的 少 出門 但 不 代表 完全 不 跟 社會 來往 覺得 怪 怪 不對勁 就要 多 交談 社會 局長 周榆 修說 萬華 男子 並 沒有 確診 資料 而 北 投 3 口 都 是 高齡 但 非 弱勢 福利 身分 主要 5 月 疫情爆發 後 住 萬華 的 兒子 搬回 到 北 投 和 父母 住 僅 存 的 妹妹 5 日 確定 陽性 確診 父母 兒子 這 3 名 死者 要 等 相 驗 結果 柯 強調 北 投 這個 案子 是 在 外面 住 的 二 兒子 打到 家裡 發現 沒人接 所以 當地 裡長 才 破門 他 雖然 叫 大家 少 出門 但 不是 完全 不 跟 社會 來往 彼此 要 多 聯絡 鼓勵 用 視 訊 媒體 詢問 有 確診 家屬 反映 2 個 弟弟 都 確診 且 其中 1 人 去世 自己 沒有 被 匡列 沒收 到 隔離 通知書 無法 請領 補助 北市 副 市長 黃珊珊 說 媒體 爆 料 後 她 也 向 媒體 要到 對 方的 連絡 方式 因 至今 在 北市 防疫 旅館 死 的 有 4 人 內容 應都 有 掌握 會 再 瞭解</t>
  </si>
  <si>
    <t>新加坡 地方 媒體 報導 星國 新增 9 起 2019 年 冠狀病毒 疾病 covid-19 武漢肺炎 確診 病例 感染 總 人數 來到 67 例 這次 是 自 疫情爆發 以來 的 最 大 每 日增 額</t>
  </si>
  <si>
    <t>臺灣 醫療 健 保 制度 舉世聞名 尤其 是 現在 新冠肺炎 疫情爆發 之 際 不少 民眾 都 狂 贊 好 險 臺灣 有 健 保 近日 急診 兒科 醫師 吳昌騰 分享 一起 來自 中國 大陸 的 故事 一 名 孕婦 確診 肺炎 後 因為 沒 錢 支付 醫療 費用 決定 拔 葉克 膜 放棄 治</t>
  </si>
  <si>
    <t>臺灣 醫療 健 保 制度 舉世聞名 尤其 是 現在 新冠肺炎 疫情爆發 之 際 不少 民眾 都 狂 贊 好 險 臺灣 有 健 保 近日 急診 兒科 醫師 吳昌騰 分享 一起 來自 中國 大陸 的 故事 一 名 孕婦 確診 肺炎 後 因為 沒 錢 支付 醫療 費用 決定 拔 葉克 膜 放棄 治療 最後 不幸 離開 人間 也 讓 吳昌騰 感歎 生 在 臺灣 真 幸福 吳 昌騰 近日 在 臉書 分享 故事 正值 新冠肺炎 疫情爆發 期 武漢大學中南醫院 接收 到 一 名 確診 肺炎 的 孕婦 由於 病情 十分 嚴重 醫師 及時 為 她 裝上 葉 克 膜 之後 情況 才 慢慢 好轉 起來 但 隨之而來 的 是 龐大 的 醫療 費用 孕婦 在 icu 重症 監護室 住 了 一個 多 禮拜 短短幾天 的 醫療 費用 就 直 逼 20萬 人民幣 約 86萬 新 台幣 由於 她 的 丈夫 是 名 農村 子弟 醫藥費 都 是 找 親戚朋友 湊 的 經濟 狀況 並 不好 最後 在 無力 負擔 钜 額 費用 的 情況 下 孕婦 只好 放棄 治療 最後 不幸身亡 丈夫 與 主治醫師 看到 這心酸 的 一 幕 紛紛 潸然淚下 吳 昌騰 提到 在 中國 大陸 一旦 接上 葉 克 膜 機器 光是 開機 費就 要價 56萬 人民幣 一 整個 療程 下來 醫療 費用 10萬 人民幣 是 跑不掉 的 這 只 是 大概 數字 最後 花費 多少 要 看 實際 使用 天數 但 更 令 家屬 感到 心痛 的 就 是 當 孕婦 放棄 治療 的 隔 天 中國 大陸政府 就 推出 新冠肺炎 病人 由 國家 免費 治療 的 政策 吳 昌騰 表示 若 不是 疫情 的 關係 使用 葉克 膜 治療 一直 都 是 自費 的 療程 看 完 這 個 故事 他 相信 大家 更 能 體會 到 在 臺灣 看病 真的 很 幸福 也 不禁 感歎 我們 生活 在 臺灣 真的 很 幸福 更 多 ctwant 報導</t>
  </si>
  <si>
    <t>一 場 新冠肺炎 疫情 讓 大陸 進入 封城 城市 的 商業活動 被 按 下 暫停 鍵 但 同時 也 為 線 上 新 經濟 蓬勃發展 帶來 新機遇 包括 線 上 教育 線 上 醫療 等 不論是 股價 表現 或是 業務 發展 都 在 這 波 疫情 中 異軍突起 這 場 疫情 打破 人們 原有 的 生產 生活 模式 但 也 直接 帶動 大陸 的 經濟 轉型 再進一步 升級 以 上海市 為 例 在 看 到 人民 生活 模式 改變 所 帶來 的 新 商 機 後 因而 推出 促進 線 上 新 經濟 發展 行動 方案 挑選 在 疫情爆發 期間 業務 呈現 爆發式 成長 且 未來 有 機會 長期 持續 增長 的 行業 進行 分析 研 判 選出 包括 無人 工廠 遠端 辦公 線 上 教育 無 接觸 配送 線 上 醫療 送 等 總共 有 12 個 領域 被 確定 為 發展 重點 新冠肺炎 疫情 帶動 線 上 新 經濟 蓬勃發展 確實 也 令 投資 市場 側 目 有 部分 是 因 疫情 而 催生 出來 的 新 業態 模式 例如 無中生有 的 遠端 辦公 無 接觸 配送 等 有些 則 是 在 疫情 期間 得到 快速 成長 的 例如 無人 工廠 工業 互聯網 線 上 文化娛樂 生鮮 電 商 零售 等 也 有些 是 線下 成熟 的 業態 模式 轉移 到 線 上線 下 相互 融合 的 例如 線 上 展覽 線 上 教育 線 上 醫療 等 從 上述 產業 發展 的 變化 可以 看出 這次 疫情 帶 給 全球 經濟 一個 訊號 就是 互聯網 已經 從 過去 讓 企業 活 得 更 好 的 時代 變成 如今 企業 活 下去 的 基本 要件 簡單 說 就 是 成為 企業 發展 的 新 基礎 建設 許多 企業 的 蓬勃發展 都 離不開 互聯網 的 環境 過去 2003 年 爆發 的 sars 疫情 催生 了 大陸 線 上 教育 龍頭 公司 好 未來 其後 好 未來 在 2010 年 於 紐約 上市 一直 到 2019 年 這 段 期間 連續 九 年 維持 著 四 成 以上 的 高 增長 神話 坐 穩 補 教 機構 第一 市值 寶座 達 十 年 的 時間 在 這 期間 好 未來 不 斷 的 線上 下 成熟 的 業態 模式 上 持續 進行 線 上線 下 相互 融合 的 發展 面對 此刻 的 新冠肺炎 疫情 好 未來 在 穩 坐 線下 補 教 業 第一 的 寶座 的 同時 更是 積極 的 發展 ai 戰略 往 科技 教育領域 發展 例如 在 2018 年 人工智慧 大會 上 好 未來 便 發 佈 wisroom 智慧 課堂 解決 方案 及 魔 鏡 智慧 測評 系統 這 兩 款 產品 主要 是 將 教學 過程 資料 化 透過 ai 和 大 資料 的 方式 還原 學生 的 學習 軌跡 精准 記錄 學生 的 學習 過程 並 在 大 資料 分析 的 基礎 上 瞭 解 學生 的 掌握情況 進而 提升 教學 效率 而 在 此 同時 好 未來 也 積極 發展 b 2 b 的 市場 在 ges 2018 未來 教育 大會 上 推出 了 教育 開放平臺 也 就 是 對 其他 教育 機構 輸出 好 未來 積累 的 技術 和 教學 教研 能力 一家 企業 的 投資 價值 主要 取決於 該 公司 的 中長期 競爭力 是 持續 增強 還 是 會 有所 削弱 從 好 未來 以及 另 家 補 教 業 龍頭 公司 新 東方 的 例子 來看 這 兩 家 領頭羊 在 學生家長 和 行業 中的 口碑 無法 造假 尤其 在 這次 疫情 期間 線 上 商機大 爆發 下 更 凸顯出 龍頭企業 的 競爭 優勢 長期 來看 在 大陸 k 12 課外輔導 市場 持續 提高 集中度 的 情況 下 新 東方 和好 未來 仍 會 是 最 大 的 受益者 2020 年 在 全球 造成 重大 傷害 的 新冠肺炎 疫情 為 人類 帶來 重大 衝擊 很 大程度 的 改變 人們 生活 的 模式 但 也 因此 帶來 新 的 經濟 商機 這些 商機 也許 是 來自 新 業態 模式 的 崛起 例如 無 接觸 配送 也 有 可能 是 為 既 有 的 產業 中 因為 創新 而 帶來 新 的 競爭 優勢 投資人 只要 持 開放 的 心態 理性 的 腦袋 來 看待 人類史上 每 一 次 的 重大事件 往往 也 就 能 挖掘 許多 驚人 的 投資 機會</t>
  </si>
  <si>
    <t>繼 台 美 以 口罩 換 防護衣 原料 後 台 澳 也 達成 相互 採購 口罩 和 酒精 原料 的 共識 外交部 今晚 表示 有 關台澳 防疫 合 作案 我國 與 澳洲 相互 採購 防疫 物資 原料 確保 兩 國 民眾 防疫 需求 外交部 居中 協助 聯繫 協調 本案 樂 見 台 澳 互惠 受益 增進 雙邊 情誼 經濟部 今天 表示 臺灣 與 澳洲 達成 防疫 物資 合作 澳洲 向 臺灣 採購 3 噸 不織布 臺灣 則 向 澳洲 購買 100萬 公升 的 酒精 原料 外交部 發言人 歐 江安 表示 澳洲 長年 自 我國 採購 口罩 相關 材料 同時 也 是 我國 重要 酒精 原料 產地 台 澳 雙方 各 具有 重要 防疫 物資 的 原料 在 當前 世界 各國 對 相關 原料 需求 大 增 下 她 說 為 確保 兩 國 民眾 均 有 充足 防疫 物資 我國 與 澳洲 經由 互相 提供 優惠價格 採購 所 需 原料 共同 攜手 對抗 武漢肺炎 疫情 的 蔓延 歐 江安 指出 澳洲 是 臺灣 重要 的 理念 相近 夥伴 在 印太 地區 同 享 自由民主 法治 人權 等 普世 價值 自 武漢肺炎 疫情爆發 以來 兩 國 一直 維持 密切合作 至 盼 早日 終結 疫情 擴散 繼續 深化 雙邊 全方位 的 夥伴關係 與 貿易 產業 往來</t>
  </si>
  <si>
    <t>電子 大型 權值 股 熄火 外資 鎖定 小 尖兵 衝鋒 摩根士丹利 證券 看好 微控制器 mcu 大陸 在 地 化 商機 初評 新 唐 4919 喊 買 瑞信 證券 科技產業 分析 師 看好 元太 8069 電子 貨架 標籤 esl 業務 調高 股價 預期 到 100 元 野村證券 上調 欣 興 3037 財務 預期 延續 abf 熱度 摩根士丹利 證券 最 早 深入探討 大陸 半 導體 在 地 化 趨勢 過去 二 年 來 多次 針對 cpu 記憶體 射 頻 rf 功率 半導體 雲端 用 半 導體 等 建構 大陸 半 導體 在 地 化 架構 大 摩 最新 直指 2021 年 將 是 大陸 mcu 在 地 化 引爆 元年 當地 供應商 市場 分 額 將 從 2020 年 的 3億 美元 暴 沖到 2025 年 的 20億 美元 換算 年 複合 成長率 高 達 44 新 唐 的 終端 市場 多 集中 在 大陸 透過 完成 並購 ntcj 新 唐 的 高端 產品 可以 滲透 進 工業用 與 車用 領域 且 收購 ntcj 後 新 唐 mcu 產品組合 更 能 與 國際 同業 並駕齊驅 摩根士丹利 證券 看好 在 mcu mosfet 感測器 bmic 推動 下 新 唐 2020 2023 年 營 收 年 複合 成長率 將 達 40 賦予 新 唐 155 元 股價 預期 外資 估算 新 唐 2021 年 每股 純益 較前年 度 逾 倍增 長 至 464 元 2022 年 將 再 大 增 五 成 以上 至 721 元 2023 年 也 有 近 二 成年 增 率 至 8 6 元 瑞 信 指出 元太 esl 業務 進入 內生 成長 organic growth 模式 從新冠肺炎 疫情爆發 以來 歐洲 與 北美 客戶 加速 採用 esl 元太 薄膜 材料 產能 至 2022 年底 至少 翻倍 以 支撐 不斷 提高 的 esl 與 彩色 電子 紙 顯示器 epd 的 需求 根據 瑞信 所 做 通路 調查 並 參照 電子 貨架 標籤 業者 ses-imagotag 產業 後市 觀點 蘇厚 合 認為 美國 與 亞 太 眾多 零售業 者 面臨 工資 上漲 與 社交距離 的 要求 更 願意 採用 esl 以 降低 對 勞動力 的 依賴 研 判 元太 esl 業務 2020 2023 年 營 收 年 複合 成長率 達 30 外資 估計 元太 2021 2023 年 每股 純益 各 是 4315 與 616 元 年增率 維持 在 高檔 的 16 355 之間 abf 三 虎 之一 的 欣興 過去 一段時間 以來 獲得 高盛 摩根 大通 花旗 環球 集體 看俏 野村證券 最新 上調 對 欣興 財務 預期 鎖定 abf 需求 爆 發潮 看好 欣興 營運 長線 能見度 愈來愈 明朗 將 推測 合理 股價 升至 180 元</t>
  </si>
  <si>
    <t>近期 美 股 反彈 科技 股 扮演 主要 推手 尖 牙 股 faang 再度 出頭天 其中 臉書 與 亞馬遜 股價 雙 創新 高 臉書 20 日 股價 收盤 狂 飆 逾 6 報 22997 美元 亞馬遜 股價 勁升 近 2 收在 249794 美元 雙雙 改寫 新高 紀錄 21 日 美 股 早 盤 臉書 股價 大 漲 2 報 23468 美元 亞馬遜 股價 續 漲 08 報 2518 美元 自新冠肺炎 疫情爆發 以來 美 股 輪 動 從 民生 必需品 醫療保健 大型 零售商 再 到 半 導體 類 股 臉書 宣佈 推出 最新 電 商 功能 shops 翌日 股價 便 改寫 新高 紀錄 shops 可讓 使用者 在 商家 的 臉書 與 instagram 頁面 購物 該項 功能 是 臉書 揮軍 電子 商務 領域 最 大 的 行動 摩根士丹利 分析 師 表示 shops 功能 可望 協助 臉書 迎戰 亞馬遜 和 穀歌 在 新冠肺炎 大 流行 期間 電 商 巨擘 亞馬遜 的 表現 優於 大盤 投資人 看好 亞馬遜 的 長期 績效 且 疫情 期間 消費者 轉向 網 購 帶動 亞馬遜 股價 躥 揚 儘管 沃爾 瑪 walmart target 和 家得寶 home depot 等 大型 零售商 的 財 報 顯示 旗 下 電 商 部門 業績 相當 強勁 但 亞馬遜 依舊 是 電 商之王 而且 成長 快速 的 雲端 業務 aws 也 是 亞馬遜 股價 的 重要 推手 科技 股 漲勢 淩厲 推動 那斯 達克 綜合 指數 走 高 那 指 自 3 月 23 日 的 波段 低點 反彈 5 月初 時便 已經 收復 2020 年 的 跌勢 那斯 達克 綜合 指數 目前 只 較 2 月 19 日 的 歷史 新 高 水準 低 了 約 5</t>
  </si>
  <si>
    <t>新冠肺炎 疫情 升溫 全國 三級 警戒 新北 市議員 張維倩 今 20 日 接 獲 民眾 陳情 民眾 由 pcr 篩檢 後 得知 確診 卻 僅 能 等候 安排 她 將 向 市府 建議 市府 應盡 速 建立 整套 的 防疫 sop 讓 市民 知道 確診 後 該 如何 配合 市府 等待 隔離 以及 解 隔離 張維倩 表示 接 獲 民眾 陳情 自己 經由 pcr 篩檢 後 得知 確診 無奈 衛生局 回 覆 只能 等候 安排 不 知道 要 等 到 什麼 時候 才能 去 檢疫所 也 擔心 自己 在 家 會 傳染給 同 住 家人 尤其 家中 又 有 長者 及 幼兒 希望 議員 可以 協助 向 市府 反應 張維倩 表示 臺北市政府 在 昨日 的 防疫 記者會 很 清楚 的 放上 快 篩 陽性 以及 pcr 確診 後 該 有的 流程 讓 民眾 很 清楚 瞭解 中 重度 症狀 患者 會 透過 救護車 送至 專責 醫院 及 emoc 無 症狀 或是 輕 症 患者 會 透過 防疫 巴士 及 救護車 送至 集中 檢疫所 隔離 集中 檢疫所 會 有 專責 人員 做 健康 監測 相反 的 新北 市民只能 在 家 苦苦 等待 不 知道 自己 下 一 步 該 如何 配合 張維倩 表示 市府 應盡 速 建立 整套 的 防疫 sop 讓 市民 知道 確診 後 該 如何 配合 市府 等待 隔離 以及 解 隔離 張維倩 也 批評 針對 新北 市政府 在 疫情 期間 多次 強調 市府 的 防疫 工作 方 方面 皆 超前 部署 可是 針對 防疫 旅館 防疫 物資 防疫 sop 都 沒有 看到 有 超前 部署 的 成效 直到 疫情 嚴重 才 開始 徵用 防疫 旅館 疫情爆發 熱區 也 不 見 市府 加強 快 篩 站 設置 張維倩 質疑 臺北市政府 在 萬華 爆發 感染 源 之後 立即 在 萬華 設置 四 站 的 快 篩 站 反觀 新北 市政府 在 這 幾 天 最 多 例 的 中和 卻 沒有 設置 快 篩 站 如此 的 防疫 作為 要 如 何盡 速 地 找 出 感染 源 截斷 病毒 的 傳播 鏈 呢 張維倩 亦 擔心 中和 區 有 許多 民眾 都會 到 萬華 的 環南 果菜 市場 批發 回來 中和 擺攤 販賣 人潮 擁擠 的 傳統 市場 未 落實 稽查 民眾 戴 口罩 的 情形 導致 近日 的確診 足跡 許多 都 是 出現 在 傳統 市場 亦 未 見 這些 傳統 市場 有 安排 休 市 或是 清 消 的 作業 倘若 市府 沒有 在 第一時間 盡 速 控制 疫情 的 傳播 恐怕 疫情 還 會 越來越 嚴重</t>
  </si>
  <si>
    <t>指揮中心 昨日 公佈 新增 312 例 本土 另外 400 例 是 校正 回歸 將 案例 回 補 到 昨天 以前 的 天數 對此 臺北市立聯合醫院 陽明 院區 胸腔 內科 醫師 蘇一峰 表示 漏 登 400 例 事 小 若 過去 幾 天 沒人 通知 這些 確診 者 進行 隔離 或 匡列 接觸 者 恐 引爆 更 大 傳播 鏈 貼 文 曝光 也 引發 網友 擔憂 更 感歎 原來 臺灣 沒有 擴大 篩檢 的 能量 校正 回歸 一 詞 曝光 不僅 民眾 霧 煞 煞 蘇一峰 昨 22 日 在 臉書 第一時間 也 表示 十分 不解 認為 321 例 本土 病例 再 加上 400 例 怎麼 還 會 是 321 例 顯示 檢驗 能量 不足 才 會 造成 塞車 這 才 是 核心 問題 蘇一峰 表示 如果 只 是 單單 漏 登 400 例 那 就 只 是 小事 但 不 知道 過去 這 幾 天 有 沒有 人 通知 這些 確診 者 或 匡列 相關 人員 進行 隔離 若 沒有 通報 恐 引爆 更 大 的 傳播 鏈 更 認為 雙北 的 檢驗 能量 已 燒 到 極限 論點 曝光 後 引發 網友 熱烈 討論過去 一 年 原來 我們 中央 完全 沒 擴大 篩檢 能量 這些 人 有無 匡列跟 擴大 匡列 令 人 憂心 過去 一 年 真的 過 得 太 安逸 了 疫情爆發 什麼 問題 都 顯露 無 遺 如果 每天 都 驗 不 完 那 不是 每天 都 有 校正 數字 怎 知 高峰 已 過 多麼 脫 線 的 政府 想 甩 鍋 什麼 理由 都 有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臺灣 於 5 月中 旬 新冠肺炎 疫情爆發 外界 將 其 歸咎 於 民進黨立委 範雲 協助 推動 放寬 機組員 檢疫 措施 為 3 11 所 造成 範自 5 月 12 日 起 臉書 均 未 發文 神 隱 83 天 後 3 日 晚間 首度 發文 強調 自己 任內 工作 報告 重點專案 是 守護 主權</t>
  </si>
  <si>
    <t>臺灣 於 5 月中 旬 新冠肺炎 疫情爆發 外界 將 其 歸咎 於 民進黨立委 範雲 協助 推動 放寬 機組員 檢疫 措施 為 3 11 所 造成 範自 5 月 12 日 起 臉書 均 未 發文 神 隱 83 天 後 3 日 晚間 首度 發文 強調 自己 任內 工作 報告 重點專案 是 守護 主權 防範 紅色 滲透 對此 國民黨 青年 部副 主任 詹為 元痛 批 有 你在 根本 不 用 等 紅色 滲透 你 就讓 臺灣 門戶 洞開 了 範雲 在 臉書刊 出 自己 自 2020 年 2 月 至 2021 年 7 月 的 工作 成果 報告 其中 第一 項是 深化 民主 守護 主權 第一 句 話 就 寫 著 守護 主權 防範 紅色 滲透 強調 自己 上任 後 就 積極 處理 中研院 院士 國籍 中研院 外文 名稱 正名 等 問題 詹 為 元 3 日 深夜 在 臉書 發文 抨擊 範雲 不 道歉 就是 不 道歉 有 你在 根本 不 用 等 紅色 滲透 你 就讓 臺灣 門戶 洞開 了 詹 表示 範 消失 了 近 3 個 月 終於 出來 了 竟 仍 無 任何 一 絲 悔 意 與 歉意起 手 式 第 一點 就 在 那邊 防範 紅色 滲透 標準 綠色 共產主義 的 思維 以為 所有 事情 罵 了 中共 就 有人 支持 詹 為 元 直言 我 跟 你 說 有 你在 立法 院 根本 不用 等到 紅色 滲透 你自己 就 幫 臺灣 門戶 洞開 噁 心 死 了 危機 處理 爛 躲 了 這麼久 要是 我 是 你 就 直接 把 臉書 關了 然後 安安靜靜 的 做 完 剩下 任期 詹 質疑 新冠肺炎 截至 3 日 已 累計 789 人 死亡 範雲 怎麼 隻字未提 難道 以為 這樣 世人 就 會 遺忘 嗎 網友 紛紛 在 詹為元 文章 下 留言 太 扯 了 啦 妖孽 鬼扯 瞎 掰 等到 有 選舉 才會 出來 吧 錯誤 的 決策 比 貪污 更 可怕 無形 殺人 也 是 要 償命 的 民進黨 不要 這麼 囂張</t>
  </si>
  <si>
    <t>美國參議院 司法委員會 主席 格雷厄姆 12 日 提交 法案 建議 一旦 大陸 若 未能 如實 交代 新冠肺炎 疫情爆發 的 起因 時 授權 總統 制裁 大陸 大陸 外交部 發言人 趙立堅 13 日 稱 美國 對 中 美 貿易 合作 設 障 只 會 損害 美國 投資者 自身 利益 中</t>
  </si>
  <si>
    <t>美國參議院 司法委員會 主席 格雷厄姆 12 日 提交 法案 建議 一旦 大陸 若 未能 如實 交代 新冠肺炎 疫情爆發 的 起因 時 授權 總統 制裁 大陸 大陸 外交部 發言人 趙立堅 13 日 稱 美國 對 中 美 貿易 合作 設 障 只 會 損害 美國 投資者 自身 利益 中方 對 此 堅決 反對 東 網 報導 該項 新冠肺炎 問 責 法案 要求 總統 在 60 日內 確認 大陸 已向 美國 美國 的 盟友 或 世界衛生組織 等 聯合國 屬下 組織 領導 的 調查 充分 及 全面 交代 新冠肺炎 疫情 此外 又 要求 總統 確認 大陸 關閉 可能 傳播 人 畜 共通 疾病 的 濕貨 街市 法案 授權 總統 在 一旦 未能 確認 上述 各項 時 可以 立即 制裁 大陸 包括 凍結 指定 官員 的 資產 和 向 他們 發出 旅遊 禁令 吊銷 給 大陸 國民 的 簽證 禁止 美國 及 國際金融機構 貸款 予 大陸 企業 禁止 大陸 企業 在 美國 上市 等 有關 法案 獲得 另外 8 名 共和黨 參議員 支持 格雷厄姆 表示 大陸 拒絕 讓 調查 人員 瞭解 新冠肺炎 疫情 如何 爆發 而 自己 則 相信 如果 大陸 沒有 欺騙 的 話 病毒 就 不 會 傳 到 美國 又 指 除非 強迫 大陸 去 做 否則 對 方是 絕不會 配合 認真 的 調查 大陸 外交部 發言人 趙立堅 回應 事件 指 全球化 時代 各國 利益 深度 交融 你中有我 我中有你 中 美 經濟 合作 本質 是 互利 共 贏 但 該 議員 以 所謂 國家 安全 為由 對 美國 投資者 進入 大陸 市場 設 障 甚至 政治化 只 會 損害 美國 投資者 自身 利益 趙立堅 又 表示 美國國會 個別 議員 完全 罔 顧 事實 妄圖 通過 搞 有罪推定 式 的 調查 向 中方 推卸 自身 抗 疫 不力 的 責任 這 極 不道德 中方 對 此 堅決 反對 而 大陸 已經 立法 全面禁止 非法 野生動物 的 獵捕 交易 運輸 和 食用 大陸 根本 沒有 西方 所謂 的 野生動物 濕貨 市場 美 媒 曝光 共和黨 參議院 委員會 對 黨內 競選 陣營 的 備忘錄 中 要求 共和黨 候選人 要 積極 攻擊 大陸 來 應對 本地 的 疫情 趙立堅 指 美國 的 甩 鍋 大戲 已 被 嚴重 劇 透 沒有 再 演 下 的 意義 奉勸 美國 有關 政客 不要 入 戲 太 深 把 心思 和 精力 都 放到 抗 疫 和 維護 美國 人民 生命安全 上去 把 自己 的 事情 做 好 不要 一心 想 著 轉移視線</t>
  </si>
  <si>
    <t>因 新冠肺炎 疫情 擴散 淪為 國際 人 球 的 郵輪 威士特丹 號 今 13 日 終於 停靠 柬埔寨 針對 各國 都 拒收 這 艘 郵輪 柬埔寨 卻 反 國際 趨勢 而 行 柬埔寨 總理 洪森 hun sen 表示 他 此舉 是 想 打破 世界 對 新冠肺炎 的 恐慌 症 載有 1000 多 位 乘客 的 荷 美 公司 旗 下 郵輪 威士特丹 號 westerdam 今日 終於 停靠 柬埔寨 施亞努 港 柬埔寨 英文 媒體 高棉 時 報 khmer times 報導 柬埔寨 總理 洪森 昨 12 日 接受 freshnews 專訪 時 表示 許多 國家 都 禁止 威士特丹 號 停靠 唯獨 柬埔寨 允許 是 希望 消除 世界 各國 對 新冠肺炎 的 恐慌 症 我 之前 說 過 比 病毒 更 可怕 的 是 恐慌 症 而 不是 病毒 本身 他 說 柬埔寨 不會 歧視 任何 民族 只要 有 人 需要 我們 會 積極參與 人道 協助 我們 需要 互相 說明 共同 合作 在 郵輪 上 的 人 需要 救助 柬埔寨 不會 歧視 任何 民族 柬埔寨 不只 和 中國 合作 也 會 和 全世界 所有 國家 合作 他 補充 人道主義 協助 是 無國界 的 我們 需要 説明 那些 需要 説明 的 人 針對 柬埔寨 讓 威士特丹 號 停靠 世界衛生組織 秘書長 譚 德塞 tedros adhanom ghebreyesus 表示感謝 他 在 致函 柬埔寨 的 信件 中 指出 這 是 我們 一直 以來 呼籲 的 國際 合作 的 範例 疫情爆發 會 為 人類 帶來 最好 及 最壞 的 事 侮辱 個人 或是 整個 國家 無濟於事 只 會 帶來 傷害 據 美聯社 報導 威士特丹 號 今日 上午 停靠在 施亞努 港 外海 1 公里 處 當地 一 組 衛生 官員 登 船位 船員 進行 檢疫 柬埔寨 衛生 官員 指出 約 有 20 名 乘客 表示 出現 肚子 痛 發燒 情形 不過 官員 認為 他們 只 是 普通 感冒 症狀 不過 出現 身體 不適 的 乘客 仍 會 先 受到 隔離 如果 他們 最終 被 檢驗 出新冠 病毒 後續 會 為 他們 進行 治療 威士特丹 號 此前 遭 亞洲 太平洋 四國 拒絕 停靠 淪為 海上 人 球 船上 共有 1455 名 乘客 802 名 工作人員荷 美 公司 先前 強調 船上 沒有 人 染 上 新冠 病毒</t>
  </si>
  <si>
    <t>無畏 新冠肺炎 疫情 變化 陸 股 持續 向上 截至 20 日 收盤 滬 深 300 指數 收 漲 23 收 414466 點 創業 板 指數 則 上漲 221 至 218674 點 資金 仍 持續 流入 疫情 蔓延 造成 全球 70 餘 國 對 中國 旅客 下達 禁止 造訪 令 儘管如此 不 影響 市場 陸 股 仍 向上 盤堅 表現 出乎意料 而 隨 著 一線 城市 復工 率 拉高 至 八成 後 對 中國 經濟 影響 降低 陸 股 中長線 看法 偏 樂觀 首先 由於 新冠肺炎 影響 各地 封城 與 延後 復工 確實 造成 經濟 與 交通 上 的 不 便利性 部分 生產線 有 供應 鏈 中斷 的 危機 對外 部分 這 一 階段 因 中國 疫情 嚴重 美國 則 持續 調整 手機 等 晶 片 限制 採購 的 動作 讓 預期 3 至 6 個 月 後 的 第二 階段 中 美 貿易談判 又 多 了 一 層 隱憂 不過 回歸 基本 面 檢 視 中國 經濟 轉型 過程 中 經濟 成長率 合理 下 修 觀察 已 開發 國家 中 並 無 哪個 國家 經濟 成長率 每年 維持 6 不 變 所以 中國 經濟 並非 是 受 重創 而是 來自 於去 杠杆 化 下 讓 中國 的 經濟 轉向 內需 導向 的 消費市場 關係 影響 經濟 成長率 才 會 逐年 下調 再者 去 杠杆 這個 部分 其實 2018 年 的 下半年 就 開始 喊停 所 以 2019 年 整個 為 中 美 貿易談判 過程 的 干擾 貿易戰 影響 持續 到 下半年 以後 但 觀察 無論 中國 的 消費者 物價指數 也好 或者 工業生產 指數 到 去年底 時 公佈 都 優於 市場 預期 第 四季 連續 幾 個 月 都 穩定 向上 2020 年初 遇到 新冠肺炎 疫情爆發 的 非經濟 事件 影響 的確 會 衝擊 中國 經濟 消費市場 甚至 所有 經濟學家 皆 在 1 月 20 日 疫情 尚未 全面 大 爆發 前 紛紛 下 修 gdp 成長率 初 估 平均值 來到 45 5 中間 的 水準 讓 全球 市場 也 覺得 這 是 較 合理 的 狀態 事實上 資料 皆 已 反應 在 近期 股價 行為 之中 所以 投資人 不須 太 過 擔憂 現今 的 中國 確實 是 比較 有效率 的 市場 不僅 股市 如此 透過 網路 消息 傳播 也 很 快速 那 有 很多 人 會 詢問 接下來 要 注意 什麼 若 是 第二 季 疫情 告一段落 後 市場 恢復正常 的 交易 與 消費行為 然後 經濟 成長率 恢復 的話 其實 現在 肯定 會 是 一個 更 好 的 加碼 買點 建議 不妨 逢 低 佈局 總結 以上 筆者 認為 持有 中國 a 股 的 投資人 不 應該 過度 恐慌 目前 儘管 疫情 仍 有 風險 但 中國 對抗 sars 專家 鍾 南山 則 認為 二月 底 可能 是 疫情 高峰 若 沒有 新 一 波 的 拐 點 預計 4 月份 疫情 漸 見 和緩 目前 新增 疑 似 與 確診 人數 也 持續 下降 且 中國 各地 醫療 專家 攜手 已經 研發 六 種 有效 抗 病毒 的 療法 美國 也 宣佈 縮短 研發 疫苗 希望 於 16 周內 生產 因此 中國 a 股 應持 股 續 抱 或 定期 定額 長期 佈局 建議 配置 以 科技 消費 金融 週期 均衡 配置 為主 另外 也 看好 宅 經濟 帶動 互聯網 家庭 娛樂 電 商 及 線 上 教育 軟 體 產業 的 發展 而 港股 投資 價值 浮現 包括科技 消費 週期 類 股 等 估 值 偏 低 具 吸引力 者 此時 應 努力 挖掘 新 機會 或以 共同 基金 定期 定額 投資 方式 進而 佈局 具備 體質 完善 財務 健全 且 相對 便宜 的 產業 掌握 未來 長 線 的 獲利 機會</t>
  </si>
  <si>
    <t>新冠肺炎 疫情 在 全球 肆虐 各國 目前 都 尚未 研發 出 疫苗 部分 國家 甚至 期待 能 透過 群體 免疫 的 方式 來 對 抗 病毒 然而 疫情爆發 至今 已 超過 半 年 刺 胳 針 最新 研究 的 資料 卻 讓 看 過 的 醫師 直言 群體 免疫 之路 依然 遙遠</t>
  </si>
  <si>
    <t>新冠肺炎 疫情 在 全球 肆虐 各國 目前 都 尚未 研發 出 疫苗 部分 國家 甚至 期待 能 透過 群體 免疫 的 方式 來 對 抗 病毒 然而 疫情爆發 至今 已 超過 半 年 刺 胳 針 最新 研究 的 資料 卻 讓 看 過 的 醫師 直言 群體 免疫 之路 依然 遙遠 兒科 急診 重症 醫師 吳昌騰 在 臉書上 透露 7 6 刺 胳 針 發表 的 一 項 西班牙 新冠 病毒 血清 學 調查 研究 報告 顯示 部分 國家 當初 希望 能 群體 免疫 但 這項 目標 至今 仍未 達到 研究 人員 在 4 27 5 11 期間 進行 問卷調查 並 分析 新冠 病毒 抗體 的 血清 學 研究 發現 在 西班牙 全國 範圍 內 有 大約 5 的 人 具有 新冠 病毒 抗體 馬德里 等 疫情 嚴重 的 地方 則 大約 有 10 的 人 具有 抗體 但 這些 資料 都遠 低於 群體 免疫 所 需 的 55 或 82 研究 還 指出 在 抗體 陽性 的 人群 中 有 大約 1 3 未曾 出現 過 症狀 219 358 研究 人員 估算 了 一下 在 西班牙 大概 會 有376萬 1042萬 名 無 症狀 感染者 另外 曾經 出現 過 新冠肺炎 類似 症狀 的 人中 有 169 測 得 抗體 陽性 在 自我 報告 14 天 前 核酸 檢測 陽性 的 人群 中 有 886 901 測 得 抗體 陽性 因此 吳昌騰 直言 目前 若要 實現 群體 免疫 只能靠 有效 的 疫苗 來 做到 像 麻疹 天花 等 疾病 的 群體 免疫 就是 疫苗 做到 的 那些 沒有 建立 群體 免疫 的 傳染病 每年 都 得來 這麼 一 次 比如 流感</t>
  </si>
  <si>
    <t>新冠肺炎 在 台 疫情 趨 緩 也 催 出 報復 性 旅遊 端午 連 假 全台 各 大 景點 全都 塞 爆 指標性 的 墾 丁 大街 更是 恢復 了 多年 前 的 繁榮 人潮 水泄不通 一 名 網友 就 貼出 墾 丁 大街 上 人 擠 人 照片 許多 人 看 了 也 冷汗直流 直 呼 完蛋 了 因為 照片 中的 觀光客 幾乎 都 沒 戴 口罩 男 網友 今天 27 日 在 臉書 爆 廢 公社 po 出 照片 表示 自己 待 在 墾 丁 2 天 了 詢問 有 多少 廢 友也 在 這 只見 照片 中 人潮 爆滿 整 條 墾 丁 大街 都塞滿 了 人潮 彷 佛 回到 45 年 前 陸客 造訪 時 的 榮景 人潮 擠爆 商家 也 不亦樂乎 但 不少 網友 看到 照片 後 卻 冷汗直流 直 呼 完蛋 幾乎 都 沒人 戴 口罩 感覺 過 幾 天 又 要 看到 疫情 新聞 了 社交距離 已經 沒人 在乎 了 這個 人潮 也 太 誇張 完蛋 了 第二 波 疫情爆發 也 不 意外 還好 沒有 去 大家 都 懶得 戴 口罩 了 人 果然 是 健忘 的 一下 就 完全 忘記 病毒 的 存在</t>
  </si>
  <si>
    <t>國內 今天 新增 3 例 新冠肺炎 境外移入 個案 加上 近期 傳出 英國 出現 變種 新冠 病毒 倫敦 20 日 緊急 封城 世界 各國 也 中斷 英國 航班 引發 臺灣 民眾 恐慌 衛福 部長 疫情 中心 指揮官 陳時中 表示 台英 往來 管制 加 嚴 下午 一點 半 記者會 公佈 細節 英國 疫情爆發 甚至 還 被 發現 是 變種 的 新冠肺炎 國民黨 立 委 陳玉珍 今天 在 立院 質詢 衛福 部長 陳時中 對於 臺灣 跟 英國 之間 的 交通 往來 是否 有 評估 陳時中 表示 疫情 指揮中心 還 在 評估 中 不過 大方向 就是 加 嚴 下午 一點 半 會 對外 說明 陳 玉珍 指出 現在 很多 國家 都跟 英國 暫時 停止 航班 往來 臺灣 如何 評估 陳時中 表示 對於 現在 英國 變種 病毒 是否 增加 傳染 力 指揮中心 都 提高 警覺 並 搜集 各國 相關 情報 目前 決定 方向 是 加 嚴 細節 中午 一點 半 會 在 記者會 上 宣佈 大半 方向 定 下來 了 陳 玉珍 說 疫情 期間 往來 的 必要性 也 是 減少 陳時中 說 對 陳玉珍 說 暫時 停止 往來 也 是 必要 方向 陳時中 回答 方向 是 要 加 嚴 可行性 還要 評估</t>
  </si>
  <si>
    <t>新冠肺炎 持續 衝擊 零售 產業 kpmg 安 侯建業 消費 與 零售 產業 主持 會計師 黃柏淑 20 日 表示 如果 上半年 度 疫情爆發 和 消費者 的 信心 下降 沒有 緩和 許多 實體 零售 企業 可能 無法 生存 她 建議 零售業 應 考慮 並購 數位 企業 創造 投資 機</t>
  </si>
  <si>
    <t>新冠肺炎 持續 衝擊 零售 產業 kpmg 安 侯建業 消費 與 零售 產業 主持 會計師 黃柏淑 20 日 表示 如果 上半年 度 疫情爆發 和 消費者 的 信心 下降 沒有 緩和 許多 實體 零售 企業 可能 無法 生存 她 建議 零售業 應 考慮 並購 數位 企業 創造 投資 機會 黃柏淑 表示 近 一個 月 以來 新冠肺炎 疫情 持續 升溫 各國 採取 區域 封閉 管制 導致 全球 航運 海運 等 物流配送 受 影響 零售業 將 面臨 供應 鏈 挑戰 復蘇 速度 將 有待 觀察 應 及早 透過 並購 數位 公司 或是 及早 導入 線 上 行銷 系統 因應 kpmg 全球 20 日 發佈 新冠肺炎 對 零售業 影響 的 產業 報告 指出 近 19 年 中國 大陸 零售 產業 每年 春節 期間 實體 零售商 機 都 在 成長 自 2001 年 041 兆 元 人民幣 逐年 提升 到 2019 年 的 101 兆 元 人民幣 呈現 倍數 成長 但 2020 年 受到 新冠肺炎 影響 零售 產業 實體 店面 飽受 衝擊 但 線 上 零售 則 躍 升到 05 兆 元 人民幣 報告 也 顯示 在 2002 2003 年 中國 大陸 的 消費品 零售總額 成長率 多 在 9 以上 但 在 2003 年 3 月 7 月 因 適逢 sars 期間 成長率 降 至 43 但 半 年 後 隨即 回升 到 83 雖然 疫情 比 sars 影響 層面 更 廣 但 kpmg 報告 認為 按照 過去 經驗 只要 新冠肺炎 疫情 獲得 控制 加上 大陸 電 商 蓬勃發展 長期 來看 零售 消費 仍 有 良好 的 復蘇 力 道 黃柏淑 則 建議 零售業 應從 控管 成本 建立 線 上 行銷 和 數位 零售 功能 等 減緩 衝擊 並 建立 長期 營運 能力 她 舉例 以 控管 成本 而言 企業 應以 靈活 的 管理 方式 來 控制 人力 成本 租金 成本 並 有效 調整 營業時間 降低 成本 讓 現金流量 處於 合理 水位 黃柏淑 也 表示 零售業 要 確保 所有 產品 都 有 兩 個 以上 的 供應商 使 供應 鏈 更加 流暢 避免 過度 依賴 單一 供應商 同時 應 導入 線 上 銷售 系統 投資 機器人 流程 自動化 rpa 以 長期 發展 為 考量降低 人工成本 並 提高效率</t>
  </si>
  <si>
    <t>在 大陸 2020 年 首季 經濟 成長 資料 公佈 之後 主要 負責 大陸 宏觀經濟 政策 方向 的 大陸 國家發改委 提出 了 新 規劃 要 再進一步 推動 車市 及 家電 等 消費 力度 以及 提出 所謂 的 新 基建 概念 藉 由 投資 重振 經濟 伴隨 著 中國人民銀行 財金 部會 密集 出手 維持 市場 流動性 給 企業 強力 奧援 是 其一 但 根據 發 改 委 的 最新 說法 相信 主要 還 是 大陸 期望 在 疫情 稍 緩 的 平穩 趨勢 之下 在 第二 季 保住 經濟 基本 面 這 是 新冠肺炎 疫情爆發 以來 大陸 較為 明確 的 表述 由於 大陸 政府部門 體制 龐大 職掌 分工 極 細 我們 很 難 真正 瞭解 其 政策 運作 上 的 細節 不過 市場 可以 說明 很多 事情 近來 可以 觀察 的 指標 一來 是 各 政策 細 項 公佈 如 免 汽車 購置 稅 等等 後 的 買氣 再來 還 有 一個 改 采 網上 舉辦 的 廣交會 本月 稍 早 大陸 商務部 已 宣佈 第 127 屆 廣交會 於 6 月 15 至 24 日 在 網上 舉辦 在 這 為期 十 天 展 會 中 商務部 表示 因應 疫情 會 提出 不同 做法 更為 順應 客商 交流 全力 幫助 企業 拿 訂單 保 市場 事實上 這 並 非 第一 次 2003 年 sars 疫情 也 震驚 全球 當年 被 視為 大陸 對外 最 重要 商貿 平臺 的 廣交會 正值 第 93 屆 春季 廣交會 籌備 高峰 因 國際 採購 商 人數 較 少 主辦單位 第一 次 以 網上 廣交會 運作 直至 2012 年 中國 對外貿易 中 心 集團 才 籌組 廣交會 電子 商務 公司 成立 廣交會 電子 商務平臺 為什麼 廣交會 對 大陸 商貿 活動 如此 重要 除了 外貿 平臺 作用 之外 主要 是 廣交會 一 年 兩 屆 分 春秋 兩 季 可 藉 由 為 企業 搭建 平臺 創造 人流 還 能 在 期間 為 廣東省 的 旅遊 及 餐飲 等 服 業 帶來 大筆 收益 一直 被 視為 帶動 廣東 內需 的 重要 活動 不過 由於 近 兩 年 受 中 美 貿易 爭端 擴大 影響 加上 進 博會 層級 更 高 其實 廣交會 業績 早已 有 直線 下滑 趨勢 此外 大陸 曾 公佈 一 項 調查 顯示如果 以 客商 交易 而言 資料 顯示 網上 廣交會 僅 占 廣交會 總 成交額 比例 在 1 以下 可以 說 本屆 廣交會 要 突破 的 不止 是 網上交易 冷清 的 問題 還 在於 創造 需求 在 新冠肺炎 疫情 仍未 平息 產業 也 對 市場需求 不足 發出 預警 之下 大陸 要 如 何在 網上交易 突圍 並 擴大 其 效益 並 釋出 那些 刺激 外貿 的 政策措施 市場 高度 關注 自 疫情爆發 以來 大陸 已 提出 諸多 重振 內需 政策 如何 克服 外貿 的 難題 本屆 廣交會 就 是 一個 重要 的 風向 球</t>
  </si>
  <si>
    <t>近日 科學 雜誌 發表 一 項 在 大陸 所 做 的 研究 被 新冠肺炎 感染 的 獼猴 在 28 天內 會 產生 抗體 不 會 再 受 到 2 次 感染 不過 研究 人員 表示 目前 尚不 清楚 抗體 能 在 體內 維持 多久 可能 需要 等到 數 年 後 才能 得知 在 疫情 大 流行 期間 感染者 是否 有 抗體 存在 據 trt world 報導 北京協和醫學院 對 6 只 獼猴 進行 抗體 實驗 他們 將 一定 劑量 的 sars-cov- 2 病毒 注入 獼猴 氣管 中 結果 觀察 到 獼猴 出現 了 輕度 到 中 度 的 症狀 大約 需要 兩 周 時間 才能 恢復 研究 人員 表示 6 只 獼猴 首次 感染 的 第 28 天 後 對 其中 4 只 注射 另 一 劑 病毒 實驗 結果 只 有 體溫 稍 有 升高 沒有 再度 感染 的 跡象 研究 人員 通過 頻繁 採樣 發現 獼猴 被 感染 3 天 後 病毒 載 量 達到 最 高峰 科學家 表示 獼猴 首次 感染 新冠肺炎 後 身體 表現 出 較 強 的 免疫 反應 產生 了 更 多 的 中和 抗體 這些 抗體 可以 保護 它們 在短期內 免 受 感染 不過 研究 人員 指出 需要 有 更 多 實驗 來 觀察 這個 免疫力 能 維持 多久 因為 獼猴 與 人類 相似 因此 北京協和醫學院 對 他們 進行 新冠肺炎 抗體 研究 為了 找 出 它們 對 病毒 是否 有 短期 免疫力 目前 研究 結果 是 獼猴 在 初階 時有 出現 免疫力 不過 尚不 清楚 在 人體 內 的 反應 可能 要 等到 數 年 後 才能 得知 當時 疫情爆發 期間 被 感染 的 人們 是否 有 產生 抗體 不會 再度 被 感染 更 多 ctwant 報導</t>
  </si>
  <si>
    <t>臺灣 疫情 延 燒 目前 部分 縣 市 將 一般 旅館 改 成 加強型 防疫 旅館 不過 大陸 專家 認為 用 一般 旅館 來 收治 可能 的 病 患有 很 明顯 的 缺陷 相較 之下 大陸 方 艙 醫院 能 有效 解決 醫療 資源 擠兌 問題 蓋 之前 是 人 等 床 蓋 了 之後 床 等 人 由 新 國際 理論 與 實踐 中心 發起 的 台 蘇 視 訊 交流 方 艙 醫院 與 防疫 體系 視 訊 座談會 1 日 舉行 邀請 曾赴 武漢 抗 疫 的 江蘇 專家 小組 分享 組建 方 艙 醫院 經驗 台大醫院 名譽教授 高明 見 高雄 民間 防疫 聯盟 發起人 蘇偉碩 都 好奇 大陸 是 何種 標準 才 啟動 方 艙 醫院 方 艙 醫院 和 專責 醫院 之間 病 患 如何 互轉 蓋方 艙 醫院 之前 和 之後 有 何 差異 台籍 建築師 謝英俊 則 認為 篩檢 方 艙 疫苗 是 解決 疫情 的 3 大 要素 其 中方 艙 醫院 把 感染者 全部 集中 起來 是 最 重要 關鍵 南京醫科大學 第一 附屬 醫院 劉波 表示 何時 啟動 方 艙 醫院 並 沒有 一定 標準 但 只要 感到 專責 醫院 即將 發生 醫療 資源 擠兌 需要 分級 收治 或有 多 起 家庭 群 聚 時 就 該 準備 方 艙 醫院 蓋方 艙 醫院 好處 非常 明顯 就是 蓋 之前 是 人 等 床 蓋 之後 變成 床 等 人 大陸 4 個 新冠 病 患 就 有 1 人 是 在 方 艙 醫院 診療 可 見方 艙 醫院 的 重要 大陸 東南大學 建築 研究所 執行 總 建築師 曹偉 去年 2 月 參與 編寫 公共 衛生事件 下 體育館 應急 改造 為 臨時 醫療 中心 設計 指南 把 方 艙 醫院 選址 內部 分區 以及 污水 收集 空調 設置 等 眉 角 全部 寫入 54 頁 指南 中 經過 多方 研究 體育場館 寬敞 通風 交通 便利 是 蓋方 艙 醫院 的 最佳 選擇 且 要 畫 出 三 區 清潔 區 污染區 半 污染區 兩 通道 醫務人員 通道 患者 通道 南京市第一醫院 前 副 院長 馮丁 認為 臺灣 把 一般 旅館 改為 加強型 檢疫 場所 有 很 明顯 的 缺陷 第一 旅館 很 難 區分 清潔 區和 污染區 第二 旅館 欠缺 通風 排水 等 傳染病 防治 需要 的 基本 設施 第三 旅館 房間 各自 分隔 用來 收 輕 症 或 無 症狀 確診 病 患 醫護 效率 太 低 擔任 設計 指南 醫療 顧問 的 馮丁 表示 方 艙 醫院 1 周 之內 就 可以 準備 好 如果 能 在 疫情爆發 時 儘早 準備 從 我們 的 經驗 來 看 是 有用 的</t>
  </si>
  <si>
    <t>福建 疫情爆發 專家 港 府 應 馬上 熔斷 回港 易 機制</t>
  </si>
  <si>
    <t>美國 聯 准會 fed 主席 鮑爾 jerome powell 19 日 出席 參議院 視 訊 聽證會 他 在 事先 準備 好 的 書面 證詞 重申 fed 將 動用 一切 工具 拯救 備受 新冠 疫情 打擊 的 經濟 同時 呼籲 國會 應 盡其所能 協助 紓困 數以百萬計 的 美國 民眾 受 肺炎 疫情 影響 鮑爾 與 美國 財長 穆努欽 steven mnuchin 週二 以 視 訊 方式 參加 參議院銀行委員會 舉辦 的 聽證會 這 是 針對 川普 政府 3 月 時 通過 23 兆 美元 經濟 紓困 方案 所 召開 的 例行 聽證 會議 鮑爾 在 書面 證詞 中 表示 我們 致力 於 運用 手中 各式 工具 希望 在 這個 充滿 挑戰 的 時刻 支撐 經濟 而 這些 行動 僅 是 政府 更 大 規模 應對 舉措 中的 一小 部分 他 在 證詞 中 並未 宣佈 新 的 救 市 舉措 反而 重申 該行 過去 幾 個 月 以來 迅速 採取 史無前例 的 措施 並 表示 該行 計 畫 將 利率 維持 在 接近 零 的 水準 直 到 經濟 重返 正軌 為止 鮑爾 表示 fed 將 會 採取行動 確保 美國 金融體系 穩定 並 提供 貸款 資金 給 企業 與 各 州政府 同時 致力 於 提高 政策 透明度 舉例來說 fed 將 會 每月 揭露 獲得 貸款 的 企業名單 借貸 金額 大小 與 貸款 利率 等 細節 他 表示 國會 賦予 我們 緊急 的 權力 而 我們 必須 努力提高 政策 透明度 鮑爾 也 提到 所有人 都 難 逃 疫情 衝擊 但 受害 最深 的 是 底層 人民 因 此 呼籲 國會 應該 盡 一切 力量 幫助 他們 據 fed 近日 報告 顯示 在 肺炎 疫情爆發 的 第一 個 月 3 月份 近 四 成 家庭 年收入 低於 4萬 美元 的 勞工 失去 工作 換言之 新冠肺炎 對於 低 所得 勞工 帶來 最 大 衝擊 而 穆努欽 在 書面 證詞 中 則 指出 美國財政部 將 持續 觀察 各行各業 狀況 妥善 分配 剩 餘 的 紓困 金額 而 他 個人 預期 美國 經濟 在 今年 下半年 可望 好轉</t>
  </si>
  <si>
    <t>近年 街頭 藝人 表演 興起 全台 各地 人潮 聚集 商圈 捷 運 廣場 或 地下街 知名 遊樂 景點 都 是 申請表 演 的 熱門 地點 甚至 表演 場地 一 位 難 求 但 今年初 爆發 新冠肺炎 疫情 後 許多 室內 表演 場地 暫停 開放 就 連 戶外 地點 也 因 遊客 雪崩 式 銳減 表演 一整天 也 沒人 看 引發 街頭 藝人 失業 潮 不少 人 只好 靠 積蓄 度日 或 改 開 計程車 甚至 被迫 申請 政府 紓困 甚至 向 銀行貸款 苦 撐 在 北市 西門 町 駐 唱 的 視 障 歌手 徐承邦 坦言 3 月 起 新冠 疫情 來勢洶洶 國外 觀光客 驟減 收入 銳 降 7 成 最慘 的 時候 1 天 只 賺 200 元 就 連 視 障 按摩 的 生意 也 很 差 每週 收入 僅 約 23000 元 而已 一整天 最慘 掛 蛋 領有 高雄 市 街頭 藝人 執照 的 許智維 在 高雄市 文化 中心 假日 藝 文 市集 擺攤 賣 手工藝 受到 疫情 衝擊 生意 大不如前 攤 商 還 比 客人 多 以往 1 天 可 賣 23000 元 現在 1000 元 不 到 甚至 掛零 只好 申請 勞工 紓困 3萬 元 暫時 度日 他 說 雖然 疫情 趨 緩 但 民眾 消費 意願 仍 低 短期 內 收入 恐怕 好 不了 33 歲 李彥宏 在 台南 當 街頭 藝人 邁 入 第 8 年 原僅 在 假日 兼職 今年 2 月 辭去 工廠 作業 員 工作 當 全職 街頭 藝人 不料 遇上新冠肺炎 疫情 常 表演 的 百貨公司 觀光 景點 人潮 少 了 大半 零星 遊客 也 站 得 遠遠 觀賞 收入 銳減 8 成 他 直言 簡直 回到 菜 鳥 期 慘 況 現在 只能靠 存款 苦 撐 幾乎 沒 演出 機會 全台 最 年輕 7 段劍玉 師 24 歲 街頭 藝人 小 螺絲 陳益銓 疫情 前 活動 滿檔 每個 月 週末 巡迴 全台 縣 市 演出 去年 還 曾 被 廣告 導演 相中 和 流行 天 後 蔡依林 合拍 廣告 但 2 月 後 受到 疫情 嚴重 衝擊 表演 呈現 停 擺 收入 銳減 剩 不 到 3 分之 1 只 盼 疫情 早點 過去 台中 演唱 雙人 組合 安妮塔克 已 談定 的 春 酒商 演 也 因 疫情 縮水 到 只 剩 2 成 除 靠 積蓄 度日 也 在家 直播 持續 累積 人氣 或 到 偏 鄉 做 公益 桃園 市 身 障 街頭 藝人 劉鉉成 折 造型 氣球 過去 一 場 表演 平均收入 12000 元 疫情爆發 後 沒有 演出 機會 連 教學 工作 都 暫停 只能 申請 政府 的 1萬 元 紓困 開 計程車 補貼 生計 還 得 向 銀行 借貸 20萬 元度 難關</t>
  </si>
  <si>
    <t>名模 林志玲 去年 6 月 與 日本 人氣 男團 放浪 兄弟 成員 akira 閃電結婚 升格 當 人 妻 的 她 把 生活 重心 轉 往 家庭 志 玲 姐姐 也 減少 公開 亮相 網上 發文 而 林志玲 今 31 日 則 難得 更新 po 文 並 喊話 非常 時期 要 好好 照顧 自己 林志玲 婚後 專心 過人 妻 生活 她 最後 一 次 公開 亮相 是 1 月底 陪 akira 出席 全美 音樂 盛事 葛萊美獎 相隔 2 個 月 後 林志玲 難得 在 ig 發文 更新 近況 她 盡責 推廣 代言 的 低 雞 精 而 適逢 疫情 延 燒 林志玲 也 不 忘 喊話 非常 時期 要 好好 照顧 自己 大家 都 要 健 健康 康 香港 的 朋友 有 遇見 我 嗎 去年 的 今天 在 田原香 滴 雞 精 旺 角 moko 門市 和 大家 在 一起 轉眼 已經 是 一 年前 了 你們 都好 嗎 非常 時期 要 好好 照顧 自己 大家 都 要 健 健康 康 希望 很快 再 跟 大家 見面 @tianyuanxianghk 田原香 滴 雞 精 a post shared by 林志玲 chiling @chiling lin on mar 30 2020 at 10 32 pm pdt 其實 暖 心 的 林志玲 在 疫情爆發 時刻 就 曾錄 影片 為 武漢 第一 線 醫護人員 加油打氣 她 表情 嚴肅 地 說 首先 向 第 一線 的 醫務 工作人員 致敬 你們 是 真正 的 英雄 感謝 你們 無私 的 奉獻 希望 你們 都 能 平安 歸來 志 玲 姐姐 暖 心 之舉 更是 被 網 狂 贊</t>
  </si>
  <si>
    <t>美國有線電視新聞網 cnn 13 日 報導 一 名 中國 大陸 官員 透露 作為 調查 新冠 病毒 起源 的 一 環 武漢 將 檢測 數 萬 個 早期 血液 樣本 專家 指出 這些 樣本 將 提供 新冠 病毒 起源 的 關鍵 線索 今年 2 月 世界衛生組織 who 的 調查 小組 確立 了 武漢 約 20萬 個 血液 樣本 可能 能 提供 新冠 病毒 起源 的 關鍵 線索 包括 病毒 何時 何地 開始 傳染給 人類 這些 血液 樣本 目前 保存 在 武漢血液中心 主要 是 2019 年 武漢 捐血者 的 血液 樣本 這些 樣本 有 2 年 的 保存期 期間 若 發生 和 捐 血 有關 的 訴訟 這些 樣本 將 可 派上用場 現階段 多數 專家 認為 新冠 病毒 最初 是 在 2019 年底 傳播 至 人類 社會 隨 著 2019 年 1011 月 採集 的 血液 樣本 保存期 陸續 到期 一 名 中國 國家 衛生 健康 委員會 官員 透露 當局 正在 準備 病毒檢測 工作 一旦 2 年 期滿 就 會 對 這些 血液 樣本 進行 檢測 美國 智庫 外交關係 協會 council on foreign relations 高級 研究員 黃嚴忠 yanzhong huang 表示 這些 血液 樣本 將 是 全球 最 接近 疫情爆發 之 初 的 樣本 將 能 幫助 瞭解 新冠 爆發 的 時間 點 美國哥倫比亞大學 流行病 學家 米勒 maureen miller 指出 這些 樣本 絕對 帶有 重要 線索 不過 她 敦促 中國 大陸 開放 讓 外國專家 赴 現場 觀察 檢測 過程 除非 有 合格 的 觀察員 沒有 人 會 相信 中國 報告 的 任何 結果 中國 國家 衛健 委 疫情 專家 小組 組長 梁萬年 今年 7 月 首度 表示 中國 大陸 將 檢測 這些 樣本 一旦 有 結果 就 會 將 資料 轉給 中國 及 外國專家 小組 他 當時 強調 這些 血液 樣本 都 是從 捐 血袋 中 採集 採集 好 後 密封 保存 中國 專家 也 對 檢測 方法 進行 過 多次 評估 他 說 雖然 武漢 的 第 1 個 病例 發生 在 12 月 8 日 但是 相關 研究 充分 顯示 在 那 之前 可能 已經 有 其他 病例 專家 指出 如果 保存 得當 這些 血液 樣本 可能 包含 人類 最初 對抗 新冠 病毒 產生 的 抗體 等 關鍵 跡象 美國 田納西州 范德比 大學 醫學院 vanderbilt university school of medicin 傳染 疾病 專家 夏夫納 william schaffner 表示 這些 樣本 甚至 能夠 指出 誰 最先 感染 在 哪裡 感染 年紀 職業 等 訊息 不過 他 也 警告 樣本 可能 有 2 個 問題 要 注意 第 1 是 樣本 的 完整性 要 確定 不是 近期 創造 第 2 是 樣本 的 代表性 這些 血液 樣本 多數 可能 來自 于健康 成人 所以 將 代表 無 症狀 病例 正如 我們 在 疫情 中 瞭解 到 的 無 症狀 病例 助長 大 流行</t>
  </si>
  <si>
    <t>新冠肺炎 在 臺灣 延 燒 近日 陸續 傳出 確診 者 在家 猝死 的 消息 各界 專家 紛紛 指出 可能 跟 新冠肺炎 特有 的 快樂 缺氧 happy hypoxia 有關 國泰醫院 心血管 中心 一般 心臟 科 主治醫師 蘇彥伯 提醒 低 血 氧 雖 在 疫情爆發 後 受到 重視</t>
  </si>
  <si>
    <t>新冠肺炎 在 臺灣 延 燒 近日 陸續 傳出 確診 者 在家 猝死 的 消息 各界 專家 紛紛 指出 可能 跟 新冠肺炎 特有 的 快樂 缺氧 happy hypoxia 有關 國泰醫院 心血管 中心 一般 心臟 科 主治醫師 蘇彥伯 提醒 低 血 氧 雖 在 疫情爆發 後 受到 重視 但 其實 平時 有 許多 疾病 也 會 造成 低 血 氧 的 現象 從 沒事 到 猝死 只 需 半天 隱形 殺手 快樂 缺氧 蘇彥伯 醫師 表示 快樂 缺氧 是 一 種 由 低 血 氧 所 導致 的 致命 危機 正如 其 名 患者 在 罹 病 初期 血 氧 的 濃度 其實 已經 隨 著 肺部 的 受傷 而 漸漸 地 降低 但是 當下 並 不 會 覺得 特別 不 舒服 也 不 會 喘 當 病 患 開始 覺得 喘 的 時候 病情 已經 急轉直下 轉為 重症 這時候 血 氧 濃度 已經 低 到 危及 生命 進展 的 速度 甚至 會 讓 病人 還 來不及 救 醫 便 猝死 在 家中 最 主要 的 關鍵在於 新冠肺炎 的 病人 初期 血液 含氧量 不足 造成 的 症狀 並 不 明顯 讓 患者 毫無 察覺 再 加上 情況嚴重 時 病情 會 急速 惡化 從 沒事 到 喪命 往往 不 到 半天 的 時間 為何 確診 者 進入 快樂 缺氧 這麼 快 蘇彥伯 醫師 指出 低 血 氧 對 人體 的 影響 非常 廣泛 當 人體 進入 缺氧 的 狀態 身體 各器官 都 可能 受到 影響 包括 器官 衰竭 最 嚴重 的 就 是 休克 猝死 而 新冠肺炎 的 患者 不只 是因為 肺部 的 發炎 影響 氧氣 的 交換 再來 就 是 這個 病毒 會 造成 身體 各個 器官 的 小 血管 發炎 而 造成 微小 血栓 使得 血 氧 運送 受阻 讓 病況 雪上加霜 以往 像是 肺炎 的 治療 在 血 氧 含量 低 到 90 以下 才 需要 接受 額外 的 氧氣 輔助 治療 新冠肺炎 患者 恐怕 在 94 以下 時 就 需要 積極 的 介入 治療 否則 等到 發現 血 氧量 不足 時 恐怕 為時已晚 低 血 氧 不只 確診 者 才有 4 大 風險 族群 要 注意 蘇彥伯 醫師 解釋 血液 氧氣 飽和 濃度 需 靠 血 氧 濃度計 才 有 辦法 監控 數值 原理 是 利用 紅外線 照射 肢 端 末梢的 微血管 偵 測 光線 的 變化 轉換 為 血 氧 的 濃度 一般 正常 的 情況 下 成人 的 血 氧 數值 正常 為 95 100 之間 隨 年紀 增長 年長者 慢性病 等 族群 血 氧 濃度 就 可能 較 低 不過 還是 約 落 在 95 以上 只要 血液 中的 氧氣 沒有 辦法 順利 輸送到 全身 偵 測 的 血 氧 濃度 就 可以 降低 低 血 氧 的 問題 其實 在生活中 不算 少見 可 粗 分為 急性 低 血 氧 和 慢性 低 血 氧 兩 種 像是 心肌梗塞 造成 休克 或是 肺部 感染 造成 缺氧 新冠肺炎 都 是 屬於 急性 低 血 氧 這種 狀況 往往 都 伴隨 生命 不 穩定 的 症狀 需要 積極 的 介入 治療 才能 挽回 生命 慢性 低 血 氧 則 常 隱藏 在 其他 高風險 慢性病 族群 當中 例如 慢性 氣喘 慢性 阻塞性 肺病 會 因為 肺部 氧氣 的 交換 效率 不 佳 或是 慢性 心臟病 患者 因為 血液 無法 有效率 的 輸送 至 全身 都 會 讓 身體 長期 屬於 慢性 低 血 氧 的 狀態 這樣 的 患者 平常 的 血 氧 濃度 可能就 在 90 上下 雖然 平時 不至於 有 生命危險 但 若 加上 其他 危險 因數 例如 感冒 感染 等 風險 將 會 大幅 提升 日常 防範 低 血 氧 風險 族群 留意 4 症狀 蘇彥伯 醫師 提醒 瞭解 低 血 氧 的 嚴重性 一般 的 民眾 不必 過度 恐慌 或 多 準備 血 氧 濃度計 但 年長者 慢性病 族群 心 肺 功能 不 佳 者 染疫 者 就 建議 最好 考慮 多 做 準備 並且 時時 要 留意 自己 的 呼吸 狀態 是否 正常 若 有 發現自己 的 呼吸 開始 逐漸 變 喘 心跳 加快 呼吸 急促 呼吸困難 等 就 應 提高 警覺 儘早 就醫 以免 憾事 發生</t>
  </si>
  <si>
    <t>面對 一 波 波 持續 不斷 的 新冠肺炎 疫情 美國 烈焰紅唇 the flaming lips 樂團 仍 在 樂迷 簇擁 下 舉行 了 嗨 翻天 的 現場 演唱會 據 cnn 新聞網 18 日 報導 在 別出心裁 的 演唱會 裡 不僅 是 這 群 來自 奧克拉荷馬 市 oklahoma city 的 歌手 把 自己 包在 塑膠 泡 裡 所有 參加 現場 演唱會 的 樂迷 每個 人 都有 一個 專屬 泡泡 烈焰紅唇 the flaming lips 樂團 主 唱 主 唱 兼 吉他 手 韋恩 柯伊 wayne coyne 16 日 告訴 cnn 新冠肺炎 疫情爆發 初期 他 就 有 相關 構想 他 畫 了 些 草圖 2019 年 時 他 是 唯一 在 太空 泡泡 裡 的 人 其他人 都 和 平常 一樣 不過 新冠肺炎 疫情爆發 後 他 又 繪製 了 新 草圖 在 12 日 晚 的 演唱會 中 不 只 是 他 所有 參加 演唱會 的 人 都 在 泡泡 裡 韋恩柯伊 說 原本 他 以為 新冠肺炎 在 這個 構想 落實 前 就 會 消失 他 說 3 月中 時 大家 或許 都 認為 新冠肺炎 可能 12 個 月 內 就 能 控制 住 可 是 8 個 月 後 它 還 流連 不 去 他 表示 最初 他 和 樂團 公開 提出 這個 構想 是 在 5 月 上 荷 伯 報到 the late show with stephen colbert 的 深夜 脫口秀 節目 時 一 開始 他們 是 在 唱 幾 首歌 時 嘗試 讓 大約 30 人 在 泡泡 裡 後來 他 們 開始 想 讓 所有 的 人 都進 泡泡 或許 真的 辦得到 事實上 長久以來 太空 泡泡 一直 都 是 烈焰紅唇 的 舞臺 戲碼 之一 早已 熟悉 相關 作業 為了 這次 大型活動 他們 從 中國 大陸 訂購 了 100 個 塑膠 泡泡 讓 在 新冠 疫情 中 舉行 大型 演唱會 的 夢想成真</t>
  </si>
  <si>
    <t>自從 新冠肺炎 爆發 以來 北 韓 1 月 23 日 宣佈 封鎖 朝鮮 與 大陸 邊境 由於 長 時間 受到 世界 的 經濟制裁 民生 物資 短缺 3 月 時 曾 短暫 開放 邊境 從 大陸 進口 醫療 物資 口罩 等 資源 有 位 北 韓 官員 太 想 吃 辛 拉麵 私下 闖 關 卻 被 海關 攔截 退貨 根據 朝鮮 日報 報導 來自 遼寧 的 貿易 商 派出 一 台 貨車 載 滿 10 箱 辛 拉麵 各種 物資 前往 北 韓 新義州 才剛 抵達 北 韓 邊境 時 海關 認為 南韓 的 物品 可能 暗藏 新冠肺炎 病毒 因此 退回 整車 物品 官員 想 吃 辛 拉麵 只 能 再 等等 了 新冠肺炎 防疫期間 許多 北 韓 官員 會 趁 大陸 運載 物資 時 偷偷 請 貿易 商 攜帶 個人 需要 的 物品 但 北 韓政府 不斷 發出 警告 認為 美國 南韓 可能 會 藉 由 疫情爆發 趁機 讓 物品 沾染 新冠 病毒 例如 鈔票 塑膠瓶 等 散播 入境 危害 北 韓安全 北 韓 實施 邊境 封鎖 後 國內 物價 飆 漲 短短 一個 多 月 豬肉 1 公斤 價格 從1萬 北 韓元 約 台幣 334 元 上 漲 到 1萬8750 北 韓元 約 台幣 626 元 米 1 公斤 4000 北 韓元 約 台幣 133 元 上 漲 到 6875 北 韓元 約 台幣 230 元</t>
  </si>
  <si>
    <t>新冠肺炎 疫情 在 全台 大 爆發 全民 防疫 不能 出門 金融業 力推 數位 金融服務 但 政治 大學 風險管理 與 保險學 系 教授 林建 智 提醒 疫情 造就 兩 大新 弱勢 包括 因 疫情 影響 財務 工作 收入 受到 衝擊 的 人 it 小 白 沒 手機 電腦 不 愛 上網 的 人 也 特別 需要 公平 待客 林建 智 表示 這 波 疫情 下 已 讓 許多 原本 的 中產階級 中小 企業主 因為 財務 工作 收入 受到 衝擊 變 弱勢 族群 他們 可能 比 一般 人 還 較易 受害 甚至 被 限制 金融交易 林建 智 指出 國銀 在 疫情 下 對 弱勢 族群 的 關懷 已 有 若干 良好 實 務 運作 例如 紓困 貸款 主動 降息 貸款 寬緩 卡費 緩繳 保險費 緩繳 保險單 借款 利息 展 延 然而 這些 作為 多半 是 配合 政府 紓困 而為 若 金融機構 能 化 被動 為 主動 積極主動 關懷 弱勢 客戶 尋求 回饋 進而 調整 業務 模式 將 更 能 彰 顯 公平 待客 的 精神 林建 智 舉例 英國 fca 在 2021 年 2 月 就 發佈 關於 在 新冠肺炎 疫情 後 公平 對待 弱勢 客戶 新 的 指導 揭露出 金融機構 需要 改進 的 失誤 其中 就 新冠肺炎 的 衝擊 fca 的 調查 顯示 38 的 受訪者 認為 財務狀況 有 惡化 的 現象 換言之 因 疫情 影響 所 導致 客戶 的 收入 減少 或 就業 困難 進而 造成 其 財務狀況 惡化 甚至 會 質變 成為 弱勢 族群 第二 大 弱勢 族群 則 是 it 小 白 這些 人 不是 財務 弱勢 但 卻是 對 新 科技 應用 的 弱勢 林建 智 指出 隨 著 疫情爆發 客戶 親 赴 臨櫃 的 意願 降低 數位 金融業務 日趨 熱絡 但 對於 數位化 尚未 普及 的 偏 鄉 或 族群 如 銀髮 族 數位 金融 可能 引發 新型 態 的 脆弱性 例如 因 不 熟悉 操作 或 無法 上網 而有 消費 障礙 造成 新型 態 的 弱勢 客戶 而 受有 傷害 因此 金融機構 推動 數位 轉型 時 應 特別 關注 數位 弱勢 族群 的 需求 以免 引發 違反 公平 待客 的 質疑 林建 智 強調 公平 待客 要能 落實 單靠 法規 政策 恐 流於形式 應 拉高 到 董事會 層級 由上而下 讓 各 階層 瞭解 公司 重視 公平 待客 體會 沒 做 好 的 風險 慢慢 內 化為 企業 文化 可 透過 政策 揭露 各 階層 奉行 監測 內化 三 步驟 來 落實</t>
  </si>
  <si>
    <t>新冠肺炎 肆虐 臺灣 連續 2 天 新增 個案 零 確診 除了 有賴 中央 統籌 指揮 外 各縣市 首長 更 扮演 起 防疫 的 關鍵 角色 根據 媒體 最 新民 調 顯示 六都 首長 防疫 措施 新北 市長 侯友宜 以 883 的 超高 滿意度 拿下 第一 獲得 最 多 民眾 支持 黃偉哲 鄭文燦 分居 23 名 肺炎 疫情爆發 各國 加強 防疫 避免 疫情 擴散 遠見 調查 研究 中心 3 月 進行 六都 防疫 滿意度 調查 針對 六都 逾 4000 名 民眾 電話 訪談 侯友宜 滿意度 高達 883 拿 第一 台南 市長 黃偉哲 桃園 市長 鄭文燦 則 緊跟 在後 民 調 顯示 很 滿意 侯友宜 表現 的 比例 為 435 有點 滿意 448 整體 滿意度 高達 883 比 第二 名 黃偉哲 821 高出 62 從 民 調 平均值 來看 六都 滿意 平均值 6567 侯友宜 超過 平均值 2263 不 滿意 平均值 1853 侯 不 滿意度 僅 2 六都 中 最 低 多 次 向 中央 建 言 超前 部署 口罩 之 亂 期間 侯友宜 向 中央 建議 實 名 制 更 率先 呼籲 中央 應先 確保 國內 物資 無 虞 狀況 下 再 開放 進口 另外 規 畫 清 空 計 畫 設立 醫療 人員 防疫 需求 暫住 居所 兵 棋 推演 擴大 管制 演練 等 都讓 民眾 相當 有感 在 所有 防疫 作為 中都 成為 讓 民眾 有 感 的 具體 戰功 針對 民 調 結果 六都 第一 新聞 局長 蔣志薇 表示 得知 民 調 結果 時有 向 市長 報告 但 侯僅 簡短 回應 好好 做事 疫情 還 沒 結束 好好 做好 防疫 工作 仍 持續 關注 疫情 變化 及 防疫 作為 給予 侯友宜 及其 團隊 高度肯定 新北 市議員 金瑞龍 說 新北 市 人口 逾 400萬 防疫 作為 一旦 出現 破 口 恐 會 釀成 嚴重 災情 也 會 危及 到 其他 縣 市 侯 團隊 多次 超前 部署 提出 具體 可行 的 政策 民 調 第一 是 實至名歸</t>
  </si>
  <si>
    <t>路透 獨家 疫情爆發 前 川普 調離 美 駐 陸疾 控 官員</t>
  </si>
  <si>
    <t>近日 美 中 對 新冠 疫情 爭議 愈 見 激烈 外 媒 今日 獨家報導 美 總統 川普 在 大陸 新冠 疫情爆發 前 數 月 調 走 一 名 關鍵 的 駐 陸控 官員 使得 美方 無法 即時 獲知 並 向 華府 報告 在 中國 大陸 發生 的 重大 公共 衛生事件 路透 23 日 發自 華盛頓 的 獨家</t>
  </si>
  <si>
    <t>近日 美 中 對 新冠 疫情 爭議 愈 見 激烈 外 媒 今日 獨家報導 美 總統 川普 在 大陸 新冠 疫情爆發 前 數 月 調 走 一 名 關鍵 的 駐 陸控 官員 使得 美方 無法 即時 獲知 並 向 華府 報告 在 中國 大陸 發生 的 重大 公共 衛生事件 路透 23 日 發自 華盛頓 的 獨家 消息 指出 有 4 位 知情 人士 透露 去年 被 川普 撤銷 職位 的 美國 疾病 專家 是 駐 在 大陸 疾 控 中心 的 一 名 女性 流行病 學家 琳達 奎克 linda quick 她 於 7 月 離任 而 新冠 病毒 首批 病例 最 早 可能 在 11 月 就 已 出現 隨 著 疫情 擴大 川普 政府 在 2 月份 開始 譴責 大陸 隱匿 疫情 同時 還 阻止 美國 專家 進入 大陸 提供 協助 報導 說 曾於 2007 年 至 2011 年 間 擔任 此 一 職務 的 華裔 專家 朱保 平 bao-ping zhu 音譯 表示 琳達 奎克 被 調離 大陸 一 事 令 人 傷心 如果 當時 有 美國 疾 控 專家 在 大陸 全世界 公共 衛生 官員 和 政府 可能 會 提早 行動 消息人士 說 作為 美國疾控中心 雇員 琳達 奎克 原本 處於 很 好 的 位置 可以 充當 美國 瞭解 大陸 訊 息 的 耳目 可能 可以 提前 數 周 警告 美國 可能 面臨 的 嚴重威脅 可惜 的 是 琳達 奎克 於 去年 7 月 離開 後 沒有 替補 的 官員 接手 因此 缺乏 獲得 第一 手 消息 的 機會 對此 美國疾控中心 在 向 路透 發出 的 一 份 聲明 稿 中 表示 取消 這 一 顧問 職位 並 不 妨礙 華盛頓 獲取 資訊 的 能力 此事 與 美國疾控中心 未 提早 獲知 大陸 疫情 完全 沒有 關係 美國疾控中心 表示 關於 在 大陸 不 設置 常駐 顧問 的 決定 早 在 去年 夏天 就 開始 這 是 因為 中國 大陸 已 擁有 傑出 的 技術 能力 和 相關 專案 的 成熟 度 美國疾控中心 與 中國 大陸 疾 控 中心 已經 建立 了 30 年 的 緊密 合作 關係 我們 有 合適 的 工作人員 與 大陸 接觸 如果 對方 提出 要 求 美國 有能力 提供 技術 援助 據 美國 衛生 與 公共 服務部 hhs 秘書 阿紮爾 alex azar 表示 該 部門 於 1 月初 得知 了 新型 冠狀病毒 的 情況 消息人士 認為 美國 領導人 不 應該 依賴 大陸 疾 控 中心 訊息 因為 最初 幾 周 大陸 官員 疫情 輕描淡寫 直到 1 月 20 日 才 承認 人 與 人 之間 傳播 的 證據</t>
  </si>
  <si>
    <t>台中 市長 盧秀燕 在 疫情 指揮中心 記者會 中 表示 台中 今天 確診 新增 1 人 本土 1 人 境外 至於 新 社 48 歲 男子 已 排除 確診 中央 今天 公佈 的 中 市 本土 確診 1 人 就 是 市府 昨天 預告 的 飲料店 男 員 另 新 社區 48 歲 男性 經疾 管署 確認 pcr 及 血清 檢驗 都 是 陰性 已 排除 確診 新 社 民眾 可以 稍 安心 而 新增 境外 案例 為 清水區 36 歲 男性 目前 住院 隔離 治療 中 並 無 台中 市 足跡 盧秀燕 說 中央 疫情 指揮中心 今天 公佈 台中 1 名 本土 確診 案例 即是 市府 昨天 公佈 確診 案 15340 北 區 27 歲 男性 在 飲料店 及 公共 足跡 中友百貨 等 均 已 停業 進行 清 消 另 境外移入 案 15342 為 清水區 36 歲 男性 目前 於 醫院 治療 盧秀燕 指出 台中 市府 接 獲 通報 有 1 例 彰 化 確診 案例 有 台中 足跡 史 7 日 曾 到 台中 新光 三越 市府 接 獲 通知 後 立即 通知 新光 三越 停業 並 進行 內外 清 消 感謝 彰 化 縣 及時 通報 中部 地區 是 共同 生活 圈 從 疫情爆發 以來 中部 各縣市 聯防 打擊 病毒 台中 市 衛生局長 曾 梓 展 則 指出 針對 案 15340 已 匡列 接觸 者 9 人 居家 隔離 包括 職 場 6 人 親友 3 人 9 人 的 pcr 采 檢 均 為 陰性 台中 市府 今天上午 7 時共發 出 668 則 簡訊 請 足跡 重疊 民眾 自我 健康 監測 2 周 如有 疑慮 可 至 台中 醫院 及 中國 附 醫 快 篩 如有 症狀 速 至 急診 就醫 曾 梓 展 表示 境外移入 的 是 案 15342 為 清水區 36 歲 男性 在 6 月 8 日 由 杜拜 返台 入境 采 檢 並 搭乘 防疫 計程車 返回 台中 市 居家 檢疫 替代 所 進行 檢疫 10 日 檢驗 陽性 通報 目前 住院 隔離 治療 無 匡列 接觸 者 也 無 台中 市 足跡</t>
  </si>
  <si>
    <t>臺灣 新冠 死亡率 較 全世界 高 引起 各界 關注 有人 認為 年齡 和 身體狀況 是 原因 也 有人 推測 是 篩檢 數 不足 導致 但 加拿大 英 屬 哥倫比亞大學 教授 山人 幸 琪 發文 表示 臺灣 這 波 疫情爆發 至今 四周 其他 國家 已 超過 16 個 月 兩者</t>
  </si>
  <si>
    <t>臺灣 新冠 死亡率 較 全世界 高 引起 各界 關注 有人 認為 年齡 和 身體狀況 是 原因 也 有人 推測 是 篩檢 數 不足 導致 但 加拿大 英 屬 哥倫比亞大學 教授 山人 幸 琪 發文 表示 臺灣 這 波 疫情爆發 至今 四周 其他 國家 已 超過 16 個 月 兩者 的 死亡率 資料 當然 不能 比較 若 真要 比 應 回溯 英國 被 變異 株 b 117 病毒 主控 期間 的 死亡率 若 臺灣 死亡率 仍 偏 高 那才 是 真正 的 問題 來自 臺灣 的 加拿大 英 屬 哥倫比亞大學 教授 山人 幸 琪 在 臉書 發文 指出 英國 研究 人員 比對 超過 11萬 名 新冠肺炎 確診 者 的 病毒株 發現 感染 英國 變異 株 b 117 比 感染 原本 的 新冠 病毒 或 其他 當時 正 流行 的 變異 株 多 了 64 的 死亡 危險 山人 幸 琪 表示 臺灣 現在 流行 的 病毒 是 b 117 各界 都 關注 為何 死亡 人數 這麼 多 就 資料 上 來看 臺灣 過去 四周 截至 6 6 的 死亡率 是 219 但 隔 了 兩 天 6 8 變成 264 這個 百分比 看起來 死亡率 一直 上 飆 但 很 大 的 原因 是 因為 我們 的 疫情 現在 才 4 個 星期 其他 國家 都 已經 超過 16 個 月 了 山人 幸 琪 指出 確診 死亡率 高 的 原因 疫情 指揮中心 解釋 過 除了 與 個案 的 年紀 與 身體狀況 有無 慢性病 有 關係 醫療 量 能 是否 出現 問題 也 一直 備受 討論 也 有 專家 質疑 確診 者 篩檢 量 恐 不足 但 如果 參考 英國 醫學期刊 bmj 上 發表 的 論文 臺灣 死亡率 偏 高 究竟 是 跟 什麼 國家 什麼 病毒 相比 山人 幸 琪 說 約翰霍普金斯大學 網站 上 的 資料 圖 是從 各國 開始 出現 疫情 後 一直 到 現在 的 病毒 致死 率 如果 人們 手上 有 資料 那 他 建議 用 資料 來 說話 臺灣 目前 流行 的 病毒株 為 b 117 回溯 至 英國 是 在 哪 段 期間 變異 株 病毒 完全 主控 將 該 時間 的 致死 率 算 出來 與 臺灣 進行 比較 如果 臺灣 致死 率 仍舊 偏 高 那 問題 才 成立 醫藥 粉 專 medpartner 美 的 好 朋友 昨 也 在 臉書 發文 表示 臺灣 這 波 疫情 死亡率 這麼 高 是因為 感染者 的 年齡 多 在 60 歲 以上 且 帶有 慢性病 這 類型 的 人 本 就 是 死亡 風險 特高 的 族群 不過 死亡率 高 並非 不能 被 撿 討 可以 檢討 確診 但 沒 被 發現 的 死者 是 啥 原因 也 可以 檢討 送 到 醫院 後 死亡 的 原因 臺灣 確診 死亡率 高 的 原因 也 引發 網友 討論 不少 人 認同 年齡 加 身體狀況 影響 死亡率 的 說法 但 也 有 網友 質疑 死亡率 高 也 可能 代表 著 還有 很多 沒有 被 篩檢 出來 的 無 症狀 者 根本 不 知道 自己 確診 在 社區 趴 趴 走 分母 不夠 多 當然 顯得 死亡率 高</t>
  </si>
  <si>
    <t>日 韓 新冠肺炎 確診 病例 連日 大增 引起 外界 高度 警戒 市場 憂心 原 估 2 月底 可望 見到 疫情 高峰 的 時間 點 恐 再延 後 激勵 防疫 概念 股 重 燃 漲勢 再度 成為 盤面 資金 彙聚 重心 毛寶 熱映 高端疫苗 等 七 檔 同步 亮燈 漲 停 美國 疾病 管制 暨 預防 中心 cdc 將 大陸 及 日 韓 等 亞洲 國家 列入 新冠肺炎 疫情 已 達 社區 傳播 階段 以及 日本 南韓 確診 人數 快速 增加 導致 疫情 擴散 擔憂 情緒 再起 電子 股 續 遭 資金 調節 由 防疫 概念 股 重 掌 盤面 主流 品 豐 大中華 投 顧 總經理 連幹 文 指出 新冠肺炎 病毒 在 海外 擴散 速度 加快 在 疫情 控制 上 的 空間 與 時間 都 是 負面 因素 代表 對 後續 經濟 干擾 程度 可能 擴大 抵銷 近期 美 股 大 漲 的 助攻 力道 同時 匯率 也 出現 較 大 幅度 貶值 部分 資金 轉 進 較 具 避險 性質 的 資產 防疫 概念 股 21 日 齊步 大 漲 吸納 多方 資金 包括 毛寶 熱映 高端疫苗 亞諾法 優盛 合 世 瑞基 等 七 檔 亮燈 在 上市 櫃 16 檔 漲 停 股 占 約 半 數 扮演 盤面 避風港 資深 證券 分析 師林成 蔭 表示 一般 評估 疫情 高峰 有 三 套 劇本 最 樂觀 的 是 2 月底 見 高後 逐漸 好轉 其次 為 根據 復工 檢疫 狀況 可能 延到 3 月 第 三 種 則 要 拖到 第二 季 時間 愈 長 對 經濟 干擾 程度 愈 高 而 目前 雖然 大陸 新增 確診 人數 減少 但 海外 地區 卻 大幅 增加 日 韓兩 大 科技 國皆 爆 社區 感染 也 增添 市場 擔憂 未來 電子 鏈 供需 情況 牽動 資金 回頭 佈局 防疫 概念 股 另 值得一提的是 自新冠肺炎 疫情爆發 以來 防疫 概念 股 交投 量 能 持續 放大 股價 波動 度 高 吸引 不少 當 沖 客 進出 搶帽子 例如 毛寶 自 今年以來 當 沖 張數 由 個 位數 跳 增至 千張 以上 口罩 生產 大廠 康那香 2 月初 當 沖 交易 也 曾 爆出 近 25萬 張 大量 買 盤 短打 心態 濃厚</t>
  </si>
  <si>
    <t>正值 全球 新冠 疫情 尚未 平息 陸 恐 有 新 一 波 疫情 再起 之際 美眾議院 外交委員會 一 篇 內部 關於 新冠 疫情 的 調查報告 中 指出 除了 如同 川普 政府 先前 聲稱 的 在 疫情爆發 初期 陸 確實 有 隱瞞 疫情 世界衛生組織 who 秘書長 譚 德塞 也 必須</t>
  </si>
  <si>
    <t>正值 全球 新冠 疫情 尚未 平息 陸 恐 有 新 一 波 疫情 再起 之際 美眾議院 外交委員會 一 篇 內部 關於 新冠 疫情 的 調查報告 中 指出 除了 如同 川普 政府 先前 聲稱 的 在 疫情爆發 初期 陸 確實 有 隱瞞 疫情 世界衛生組織 who 秘書長 譚 德塞 也 必須 為 讚揚 中共 處理 疫情 透明度 負責 之外 並 在 建議 中 提到 呼籲 美國 與 理念 相同 的 who 成員國 以及 臺灣 一同 調查 中共 早期 階段 隱瞞 疫情 行為 以及 who 失職 這 份 由 共和黨 資深 議員 麥考爾 michael mccaul 領導 的 眾議院 外交委員會 調查報告 主要 是 針對 疫情 早期 也 就 是 疫情爆發 至 who 於 1 月 30 日 宣佈 就 新冠 疫情 發佈 國際 關注 公共 衛生 緊急事件 之間 的 調查 報告 指出 疫情爆發 初期 大陸 每日 都 有 大量 相關 資訊 但 卻 遭 中共 試圖 隱瞞 這 份 報告 即是 藉 由 將 當時 可 在 陸 網路上 取得 的 相關 資訊 但 可 從 中共 企圖 混淆 疫情 資料 向大眾 隱瞞 疫情 資訊 以及 對 吹 哨 者 醫生 們 施壓 藉 此 證明 中共 是 刻意 且 一再 違反 國際 衛生 條例 報告 稱 共 黨內 如 總書記 習近平 等高 階 領導人 在 宣佈 大 流行 數 周 前 早已 知道 疫情 恐 會 大 爆發 若以 透明 且 負責 的 標準 而言 中共 原本 可以 藉 由 向 世界 分享 關於 如何 應對 病毒 的 資訊 藉 此 支持 全球 公衛 應對 以及 挽救 上萬 人 性命 報告 也 指出 who 秘書長 譚 德塞 tedros adhanom ghebreyesus 不僅 忽略 中共 疫情 隱瞞 反 卻 一再 讚揚 其 資訊 透明度 一再 附和 中共 所說 的 觀點 卻 忽略 與 有 衝突 的 資訊 報告 稱 譚 德塞 不僅 費盡 喉舌 捍衛 中共 防疫 反應 對於 中共 修改 過 的 疫情爆發 經歷 竟 完全 認同 而 他 的 決定 對於 國際 公衛 的 防疫 影響 更是 極度 令 人 憂心 的 調查報告 最後 指出 疫情 仍 有 諸多 未 解 之處 並 提出 如 全面 更新 who 領導層 展開 國際 調查 國際 衛生 條例 改革 等 建議 其中 特別 引人 注意 的 是 在 國際 調查 中 特別 呼籲 美國 讓 臺灣 以及 其他 理念 相同 等 who 成員國 一同 調查 中共 對於 疫情 早期 隱瞞 行為 以及 who 的 失職 此類 的 調查 應該 確認 新冠 病毒 起源 出現 在 人體 上 的 病徵 中共 取消 發佈 關於 疫情 的 科學 與 公衛 資訊 等 事蹟 中共 在 who 上 的 隱瞞 行為 who 附和 中共 宣傳 的 影響 以及 中共 隱瞞 對於 全球 應對 的 影響</t>
  </si>
  <si>
    <t>新冠肺炎 疫情 在 全球 延 燒 儘管 防疫 人員 努力 不讓 疫情爆發 但 已 持續 3 個 多 月 的 疫情 依舊 影響 了 整個 社會 尤其 在 這 一個 月 內 國內 就 發生 3 起 隨機 殺人案 專家 指出 壓力 大 易 使 人 產生 負面 情緒 必須 適當 排解 做好 長期抗戰</t>
  </si>
  <si>
    <t>新冠肺炎 疫情 在 全球 延 燒 儘管 防疫 人員 努力 不讓 疫情爆發 但 已 持續 3 個 多 月 的 疫情 依舊 影響 了 整個 社會 尤其 在 這 一個 月 內 國內 就 發生 3 起 隨機 殺人案 專家 指出 壓力 大 易 使 人 產生 負面 情緒 必須 適當 排解 做好 長期抗戰 的 心理準備 日前 一 位 19 歲 上 大夜班 的 青少年 在 上班 途中 因 遇蘇姓 男子 討 錢 不 成而 遭 刺殺 身亡 而 另 一 位 走 在 騎 樓 的 計程車 司機 竟 被 一 名 因 近期 業績 不 佳 心情 不好 的 房仲 隨機 猛 刺 18 刀 除此之外 前 陣子 還有 一 名 年輕 直播 主 因 和 妻子 吵架 就 拿 起 車底 下 的 生魚片 刀 朝 路邊 正等待 接 姐姐 下班 的 路人 冷 刺 一 刀 導致 被害者 傷 重 不治 單單在 一個 月 內 就 發生 3 起 隨機 砍 人 事件 沒 想到 竟 和 新冠肺炎 疫情 息息相關 根據 華視 新聞網 報導 中央 員警 大學 法律 系主任 許福 生分 析 通常 無業 單身 孤立 有 精神疾病 或是 吸毒 的人 的 犯罪 風險 較 高 不過 許福生 指出 近期 許多 人 受到 新冠肺炎 疫情 影響 因此 失業 也 可能 因為 情緒 一時 無法 發洩 無法 從 高風險 族群 中 辨識 出來 報導 指出 在 6 種 隨機 殺人 動機 中 近期 的 案件 多 與 對 自身 境遇 不滿 而 遷怒 社會 有關 許福生 說 根據 犯罪 心理學 一般 緊張 理論 經濟 壓力 容易 讓 人 產生 負面 情緒 此時 若 找 不 到 好 的 紓 解 方式 很 容易 就 有 犯罪行為 發生 另外 精神 科 醫師 楊聰 財 也 呼籲 民眾 面對 新冠肺炎 疫情 最好 要 有 長期抗戰 的 心理準備 隨時 保持 信心 耐心 透過 運動 等 方式 紓 緩 緊張 負面 的 情緒 在 疫情 期間 大家 保持 社交距離 的 同時 也 別 忘 人 與 人 之間 的 關心 也 很 重要</t>
  </si>
  <si>
    <t>嘉義 縣 布袋鎮 新 塭 嘉應 廟 已 有 180 多年 歷史 今年 首次 辦理 南巡 北 狩 奠 安 綏 境 會 香 繞 境 嘉義 至 台南 12 個 鄉鎮 市 主 祀 游天王 九龍 三公 尹府 千歲 于 7 日 清晨 6 時許 起 駕 從 正殿 緩緩 向外 前進 信 眾 雙手 合十 圍繞 在 神 轎 四周 在 隆隆 鞭炮聲 中 展開 6 天 5 夜巡 狩 繞 境 新 塭 嘉應 廟 每年 農曆 3 月 27 日 以 沖 水路 迎 客 王 慶典 吸引 上萬 名 信 眾 參與 去年 慶典 結束 後 廟 方獲 尹府 千歲 降旨 辦理 南巡 北 狩 當時 信 眾 紛紛 詫異 直 到 新冠肺炎 疫情爆發 後 才 瞭解 尹府 千歲 預 知 疫情 即將 發生 要 出巡 保佑 民眾 縣長 翁章梁 立 委 翁重鈞 蔡易 餘 及 布 袋 鎮長 陳鳳梅 等 人 昨日 也 參與 起 駕 儀式 翁章梁 擔任 頒 旨 官 頒 授 玉 旨 帥印 及 尚方寶劍 恭請 主帥 引 府 千歲 上 轎 他 表示 南巡 北 狩 奠 安 綏 境 對 地方 來說 是 大事 祈求 尹府 千歲 庇佑 繞 境 過程 一切 平安 昨日 清晨 6 時一 到 南巡 北 狩 委員會 主委 蘇良山 等 人 點燃 3 發起 馬 炮 後 鳴 炮 敲 鐘哨角 聲 齊響 游天王 九龍 三公 尹府 千歲 神 轎 依 序 起 駕 出發 廟 內 外 信 眾 雙手 合十 虔誠 恭送 神明 啟程 起 駕 後 將 一路 南巡 行程 貫穿 台 南市 嘉 義縣 12 個 鄉鎮 市 48 家 廟宇 今日 會 到達 台南 佳裡 學 甲等 地 晚上 將 駐 駕 鹽水 護庇 宮 預計 8 月 12 日 農曆 6 月 23 日 回鑾安 座 安座 典禮 將 於新 塭 嘉應 廟 舉行</t>
  </si>
  <si>
    <t>臺灣 疫情 升溫 今 12 日 一口氣 新增 16 例 本土 確診 案例 許多 演唱會 大型活動 都 延期 或 停辦 而 電 音 天 後 謝金燕 上周 才豪 曬 露 胸 器 的 海報 報喜 要 唱 進 高雄 巨蛋 不過 因 國內 疫情 嚴峻 謝金燕 稍 早 則 在 網上 忍痛 宣佈 演唱會 門票 延 後 開 賣 姐姐 謝金燕 今年 1 月 在 臺北 小 巨蛋 舉辦 謝金燕 2021 turn 口罩 世界 巡迴 演唱會 謝金燕 大 秀美 腿 和 好身材 一連 換上 5 套 訂制 服裝 飆 唱 經典歌曲 一級 棒 練舞功 叉 燒包 及 情歌 我 要 幸福 等 氣氛 嗨 翻 全場 謝金 燕 緊接著 在 上周 宣佈 10 月 要 唱 進 高雄 巨蛋 是 沒錯 高雄 姐 來 了 碗 都 被 你們 敲破 了 門票 將 在 本 周日 16 日 開 賣 謝金燕 曬 出 她 解放 美 腿 豪 挺胸 器 道具 的 海報 不過 隨 著 本土 疫情爆發 謝金燕 稍 早 則 在 網上 沉痛 發文 謝金燕 2021 turn 口罩 世界 巡迴 演唱會 高雄 站 原訂 5 16 周日 下午 兩 點 開 賣 因近日 新型 冠狀病毒 肺炎 疫情 嚴峻 將 延後 開 賣 開 賣 日 擇期 公佈 最後 謝金燕 不 忘 呼籲 與 大家 攜手 共同 防疫 粉絲 雖然 感到 可惜 但 仍 多數 支持 謝金燕 的 決定 姐姐 我們 會 一直 等 你 大家 戴 口罩 勤洗手 好 哦 共同 放 防 疫 等 疫情 後燈 登 台 我會 乖乖 等 姐 通知 的 a post shared by jeannie hsieh 謝金燕 官方 ig @jeanniehsieh___bbb 其實 不只 謝金 燕 包括 陶晶瑩 戴愛 玲 王心淩 許富凱 已 及 樂團 告 五 人 草 東 沒有 派 對等 演唱會 都 宣佈 延期 活動 將 再 另行 公告 相關 資訊 若 已 購 票 也 會 有 退票 辦法</t>
  </si>
  <si>
    <t>羅大佑 有感於 新冠肺炎 疫情 重創 世界 而 重新 改編 演唱 歌曲 伴侶 希望 以 這 首歌 來 陪伴 鼓舞 大家 平安 正向 面對 疫情 他 特別 帶 著 7 歲 多 的 女兒 一同 入 鏡 mv 中 可見 他 幫 女兒 噴 酒精 牽 女兒 的 手 過 馬路 等 慈父 的 一面 他 透過 臉書 發表 mv 並 寫下 我們 要 把 這 首歌 獻給 所有 的 跟 我們 一起 奮力 渡過 這 由 立春 到 穀雨 的 2020 春天 的 所有人 他 以 歌詞 再一 次日 出 太陽 升起 再一 次 重逢 問候 之 餘 每 一個 握手 將 不再 猶豫 每 一個 生命 將 被 珍惜 如今 的 歲月 將 被 記取 守望 堅持 與 患難 的 伴侶 表達 心聲 更 期待 疫情 早日 結束 每個 家庭 各行各業 皆 能 重 回 正常 生活 羅大佑 是 華語 樂壇 音樂 教父 向來 關懷 社會 他 曾 在 2003 年 sars 疫情 時 寫 下 伴侶 放在 美麗 島 專輯 中 今年 新冠肺炎 疫情爆發 後 他 找 了 知名 製作 人 朱敬然 等 重新 改編 伴侶 這 首歌 並 把 這 段 期間 人人 戴 口罩 防疫 以 碰 手肘 取代 握手 等 生活 影像 記錄 在 mv 中 而 他 和 王治平 黃國 倫 陳子鴻 等 音樂 人 策畫 的 因為 愛 琴 吉他 音樂節 原 訂 5 月 舉行 受 疫情 影響 延至 11 月</t>
  </si>
  <si>
    <t>資料 分析 廠商 sas 與 國際 數位 金融 調查 機構 javelin 攜手 探討 新冠肺炎 前 到 各國 封鎖 重 啟 經濟 活動 期間 全球 商業 詐欺 手法 的 變化 調查 顯示 疫情 確實 加速 數位 詐欺 的 演進 速度 線 上 購買 及 到 店 取 貨 成為 主要 攻擊 目標 手法 包含 竊用 支付 憑證 及 架設 錢 騾 網路 等 詐欺 罪犯 也 善用 社交 工程 如 電子 郵件 文字 訊息 等 通路 的 網路 釣魚 手法 來 規避 詐欺 管制 措施 使 消費者 在 不知情 的 情況 下 參與 詐欺 過程 sas 臺灣 總經理 陳愷新 提出 觀察 指出 詐欺 已 從 單一 通路 轉移 至 全 通路 進行 滲透 產業 應該 多 利用 人工智慧 與 機器 學習 技術 即時 進行 風險 監控 才能 在 數位 時代 中 保持 領先 調查 指出 亞太地區 過往 現金交易 接受度 高 也 因 技術 先進 數位 商務 行為 並行 而 疫情爆發 後 數位 支付 的 接受度 明顯 提升 幾 個 新興 詐欺 手法 例如 在在 新加坡 罪犯 利用 疫情 間 消費者 渴求 加速 取得 資訊 的 心裡 誘使 下載 看似 提供 聯繫 追蹤 但 其實 用於 盜用 帳 戶 的 app 此外 印度 whatsapp 新增 行動 條碼 功能 可 用於 特約商店 及 點 對 點 支付 罪犯 利用 網路 釣魚 文字 訊息 要求 消費者 驗證 pin 碼 時 擷取 行動 條碼 螢 幕 截 圖 傳給 罪犯 使用 隨 著 疫情爆發 行動 條碼 的 手法 還 透過 網路 在 國外 進行 在 日本 疫情 前日 本 已 遭逢 嚴重 數位 詐欺 事件 2018 年底 日本 paypay 電子 支付 推出 20 退現 活動 結果 10 天內 經費 用 罄 因為 罪犯 將 偷 來 的 卡片 憑證 載入 paypay 中 導致 該 活動 高達 9000萬 美元 的 退現 金額 損失 對此 陳愷新 表示 新冠肺炎 讓 世界 更 看 清楚 數位 時代 的 詐欺 風險 詐欺 已 從 單一 通路 轉移 至 全 通路 進行 滲透 現有 的 批次 交易 監控 方式 已不 敷 使用 他 強調 關鍵 是 需要 著 手 將 身份 管理 和 交易 監控 相 結合 利用 人工智慧 和 機器 學習 技術 移 轉至 即時 風險 監控 針對 臺灣 現況 陳愷新 也 建議 金融服務 機構 不該 只 把 詐欺 防制 視為 單純 的 防止 損失 而是 協助 企業 能 大膽 發展 各類 創新 數位 交易 型態 的 即時 詐欺 偵 測 中台 防護 機制 現在 起 對 即時 資料 掌握 度 愈 高 的 組織 將 有 更 多 可 用於 制定 創新 決策 的 籌碼 這 是 能 在 數位 時代 保持 領先 優勢 的 關鍵 該 報告 也 指出 組織 需要 革新 詐欺 管理 生命週期 包括 透過 即時 的 方式 計算 交易 的 詐欺 風險 此外 組織 也 該 建置 共 用 的 智慧 監控 機制 將 所有 支付方 式 的 決策 集中制 定 以 客戶 為 中心 的 角度 審核 所有 客戶 與 銀行 交易 的 通路 管道 報告 建議 組織 該 使用 關聯 分析 識別 詐欺 案件 的 共犯 結構 並 在 詐欺 集團 攻擊 支付 系統 時 確認 找 出 共同點 有助於 確認 個 資 外泄 事件 如何 發生 並 確認 是否 應 重新 核發 支付 方式 同時 也 應 擴大 詐欺 調查 納入 反 洗錢 偵 測</t>
  </si>
  <si>
    <t>新冠肺炎 肆虐 全球 但 回顧歷史 人類 不乏 與 各種 流行病 交戰 特有 生物 研究 保育 中心 助理 研究員 林 大利 攜手 漫畫家 玉子 共同 創作 病毒 不是故意 的 認識 傳染病 大小事 細數 歷史 知名 傳染病 至 新冠肺炎 透過 生態 保育 角度 從中 告訴 大眾 學習 如何 和 病毒 和平相處 將 是 維持 地球 永 續 的 生存之道 林 大利 表示 疫情爆發 後 有人 說 病毒 是 我們 對抗 的 敵人 但 對 野生動物 保育 工作者 而言 其實 病毒 本 就 是 於 生活 中 再 正常 不 過 的 存在 重要 的 是 讓 大家 知道 我們 為什麼 會 遇到 這些 新型 病毒 而 我們 在 甚麼 樣 的 狀況 下 又 增加 了 病毒 傳染 的 機會 如 書 中 便 指出 1975 年 出現 的 萊姆病 病原體 本 住 於 蜱 蟎 體內 人類 若 太 頻繁 親近 野生動物 或是 受 蜱 蟎 叮 咬 萊姆病 病原體 便 會 趁機 進入 身體 內 林 大利 表示 大自然 中 擁有 非常 多 未知 的 病原體 當 人類 與 大自然 間 的 關係 失衡 如 想要濫 捕 野生動物 掠取 太 多 自然資源 就 極 有 可能 引發 下一場 大 流行 林 大利 表示 世界 發生 非常 多 次 傳染病 但 每 一 場 傳染病 也 都 讓 人類學 到 新 的 防疫 方法 如 鼠疫 讓 我們 學會 封城 及 隔離 措施 西班牙 大 流感 讓 我們 學會 戴 上 口罩 病毒 不是故意 的 去年 4 月 著 手 規劃 沒 想到 出版 時 臺灣 再次 陷入 疫情 中 希望 以 書 中 篇章 一邊 防疫 一邊 療 傷 勸勉 彼此 在 防疫 壓力 下 都 辛苦 了 相互 體諒 與 包容 生動 易懂 的 圖像 在 病毒 不是故意 的 中成 文字 大大的 助力 長期 以 繪畫 推廣 動物 保育 的 玉子 過去 就讀 植物病理 系 本 以為 畢業 後 就 能 將 病毒 微生物 等 微觀 所學 拋 諸 腦 後 但因 此次 創作 及 疫情 襲來 又 讓 她 感受 到 這些 小 東西 真 的 存在 於 我們 生活 中 而且 很 重要 玉 子 表示 創作 過程 中 不乏 歷經 重 十 舊 課本 研讀 知識 轉化 為 圖像 的 歷程 對於 幾乎 日日 看 防疫 記者會 的 大眾來說 也許 瞭解 何謂 壓 平 曲線 何謂 全面 普 篩 但 小朋友 未必 能 立刻 理解 期待 藉 由 圖像 式 說明 能 讓 更 多 兒少 族群 理解 與 吸收</t>
  </si>
  <si>
    <t>新冠肺炎 疫情 不減 反 增 行政院長 蘇貞昌 日前 宣佈 中央流行疫情指揮中心 提升 至 一級 開設 並 指示 由 衛福 部長 陳時中 擔任 指揮官 然而 總指揮 並非 由 民進 党 要員 擔任 所有 綠 軍 要 角 都 隱身 幕後 有 評論 認為 相當 的 不 尋常 並 認為 蔡英文 應 有 兩 大考 量 指揮中心 疫情 等級分 為 三級 第 三級 由 疾 管署 署長 擔任 最高 指揮官 第二 級 為 衛福 部長 第一 級 的 指揮官 則 由 行政 院所 指派 指揮中心 監測 應變 官 莊人祥 表示 過去 一級 開設 時 指揮官 多 為 行政院 副 院長 層級 例如 毛治國 張善政 朱立倫 此次 則 是 陳時中 接任 據 中 評 社 報導 蔡英文 這次 抗 疫 讓 民進 党 要員 都 退到 第 二線 應有 兩 大 考量 包括 疫情 升高 風險 加劇 及 兩岸關係 對立 激化 非常 棘手 該 評論 指出 目前 已 出現 院內 感染 且 找 不 到 感染 源 出國 旅遊 被 感染 的 案例 紛紛 出現 出現 社區 感染 前兆 下 周 恐是 疫情 是否 逆轉 關鍵時刻擔任 抗 疫 指揮官 風險 極 高 陳時中 擔任 指揮官 恐 大好 大 壞 若 抗 疫 順利 520 後 人事 改組 前途 光明 若 狀況 轉 壞 他 便 成蔡 政府 防火牆 幫 民進 党 官員 擋 子彈 若 失控 就 由 總指揮 一 肩 扛 至於 兩岸 部分 該 評論 指出 疫情爆發 後 兩岸 對立 節 節 激化 一切 要 從 行政院長 蘇貞昌 宣佈 禁止 口罩 出口 等 一連串 對 大陸 惡言相向 起頭 蔡英文 不讓 民進 党 要員 站 到 抗 疫 第一線 與 大陸 正面 對撞 應有 緩和 兩岸 緊張 之 意</t>
  </si>
  <si>
    <t>新冠肺炎 疫情 蔓延 臺灣 民眾 一 片 恐慌 前 副 總統 呂秀蓮 臉書 直播 節目表 示 蔡英文 總統 為何 不會 公開 鄭重 宣佈 這 場 非 典型 戰爭 授權 有 經驗 的 副 總統 陳建仁 全權負責 帶領 全國 相關 醫療 人員 對抗 這個 疫情 此外 呂秀蓮 還 說 這次 疫情 雖然 中共 再次 透過 who 欺負 臺灣 但是 臺灣 應該 人道 主張 以 臺灣 受 世界 肯定 的 公衛 醫療 去 關心 展現 風範 大家 不要 再 惡言相向 不能 存 報復 心態 不能 以 落井下石 的 心態 要 有 道德 高度 臺灣人 是 良善力 呂秀蓮 在 日前 臉書 直播 節目 指出 當年 sars 疫情 時 臺灣 有 很 多 專業人才 投入 一 位 就 是 當初 抗 煞 有功 就是 現任 副 總統 陳建仁 不但 有 學養 且 有 實際 貢獻 呂說 我 不禁 感歎 蔡英文 總統 817萬 票 當選 很 了不起 也 很 辛苦 轉眼 來 了 這個 兇神惡煞 為何 不會 公開 鄭重 宣佈 這 場 非 典型 戰爭 我 授權 副 總統 陳建仁 全權負責 帶領 全國 相關 醫療 人員 對抗 這個 疫情 她 指出 中國 大陸 領導人 習近平 都 把 個 權力 交給 李克強 當然 外面 的 人 說 這 也 是 不懷好意 因為 這 件 事 沒人 可以 處理 得 好 這 是 要 李克強 承擔 但 臺灣 情形 不 一樣 已經 有 了 sars 的 經驗 全世界 也 肯定 臺灣 公共 醫療衛生 的 素質 她 說 現任 副 總統 過去 四 年 追隨 蔡 總統 無聲無息 任勞任怨 現在 發生 這麼 大 的 事情 蔡 總統 剛 打完 一 場 仗 也 要 就任 並 準備 整個 人事 佈 局 擬訂 新 政策 這次 疫情爆發 如果 當時 就 宣佈 全權 授權 副 總統 陳建仁 督導 相信 不必 慌亂 但是 農曆年 至 今 元宵節 都 過去 了 大家 心中 都還 是 毛毛 的 呂說 這個 疫情 是否 在 臺灣 還 會 繼續 引爆 如果 陳副 總統 全權負責 會 以 自己 的 專業 告 大家 不 需要 緊張 驚慌 政府 會 知道 怎麼 因應 若 這樣 做 就 會 很 漂亮 的 她 還 說 臺灣 也 可以 過去 處理 經驗 對 中國 釋放 一點 善意 而 不是 跟 全世界 站 在 反 中 這樣反而 會 讓 長期以來 在 who 欺負 臺灣 的 中國 覺得 不好意思 她 建議 臺灣 應該 人道 主張 以 受 世界 肯定 的 公衛 醫療 去 關心 中國 展現 風範 大家 不要 再 惡言相向 她 也 呼籲 宗教團體 給 在 驚慌失措 生死 邊緣 的 中國 朋友 一點 安慰 臺灣 國家 比較 小 人口 較 少 但是 吃 過 的 苦 非常 多 受盡 磨難 但 都一一 克服 必須 把 臺灣 變成 一個 最 良善 的 國家 美國 都稱 臺灣 是 一 股 良善 的 力量 若 讓 這 句 話 讓 全 中國 的 朋友 都 同意 都 接受 北京 領導人 若 有 一 天 公開 稱讚 臺灣 是 一 股 良善 的 力量 而 不是 一天到晚 要 併吞 的 小島 的話 對 兩岸人民 才 是 真正 安全 呂秀蓮 說 不管 你 的 祖先 來 台 先後 你 支持 哪個 政黨 1 月 時 你 投票 給 誰 與其 講 兩岸 一家 親 應該 天下一家 親 我 將 發起 一個 運動 大家 跟 臺灣 做 朋友 hello taiwan 她 表示 這次 中共 再次 透過 who 欺負 臺灣 也 看到 很多 國家 凍 未條 不斷 替 臺灣 講話 但 臺灣人 不能 存 報復 心態 以 落井下石 的 心態 要 有 道德 高度 臺灣人 是 良善力 分享 同胞愛 同情心 給 中國 大陸 現在 中國 大陸 也 很 多 人 正 在 開始 渴望 自由民主 臺灣 實在 可以 伸出 援手 用 不 著 在 咬牙切齒 咒駡 她 認為 經過 這次 非 典型 戰爭 希望 給 大家 很多 啟示 包括 習近平 在 經歷 這 場 人神共憤 的 戰役 可以 學著 蔡英文 講 中國 需要 謙卑 謙卑 在 謙卑 臺灣 願意 跟 大家 握手 言好 畢竟 跟 中國 是 遠親 也 是 近鄰 希望 習近平 趕快 下令 軍艦 軍機 這時 還 要 靠近 臺灣 還要 再 威脅</t>
  </si>
  <si>
    <t>彰 化 縣 的 新冠肺炎 確診 者 8 日 新增 2 例 來自 南彰 化 的 大家族 傳播 鏈 該 鏈 橫跨 4 鄉鎮 因 阿嬤 輩 的 姊妹 感情 好 5 月初 常回 溪湖 鎮 娘家 聚會 聚餐 加上 兒孫 都 會 回來 跟 阿公 阿 嬤 吃 晚餐 先前 已 有 9 人 染疫 新增 擔任 護理 師 的 媳婦 和 讀 小學 的 孫子 確診 累計 已 11 人 確診 台中 市 新增 1 名 確診 者 為 立 揚 鞋業 家 族群 聚 案 的 親友 感染 源 待 進一步 厘 清 彰 化 縣 衛生局長 葉 彥 伯 指出 新增 2 例 為 40 幾 歲 護理 師 及其 10 多 歲 兒子 都 在 隔離 中 發病 此為 跨越 4 鄉鎮 的 2 大家 族群 聚 累計 11 人 確診 新北 市 三 重 區 6 旬 婦女 返鄉 7 日 采 檢 確診 但 歸屬 新北 市 案例 收治 住院 時已 重症 正 透過 直 間接 方式 瞭解 其 足跡 及 返鄉 方式 彰 化 已 有 3 村裡 長 1 鄉民代表 染疫 其中 西南 角 鄉鎮 的 60 幾 歲 裡長 夫妻 染疫 主因 裡長 娘 的 娘家 姊妹 感情 好 疫情爆發 前 常會 回 溪湖 娘家 聚餐 又 與 疫情 熱區 湳 底 社區 有 地緣關係 但 感染 源 待 進一步 厘 清 裡長 娘 的 姊妹 分 住 不同 鄉鎮 子女 兒孫 都會 回阿嬤 家 吃晚飯 裡長 娘 20 幾 歲 長孫 率先 出現 症狀 後 主動 就醫 采 檢 1 日 確診 當天 裡長 夫妻 10 幾 歲 孫子 和 1 歲 孫女 皆 采 檢 確診 裡長 娘 妹妹 家 亦 有 4 人 於 3 日 確診 裡長 娘 的 護理 師 媳婦 與 孫子 8 日 確診 後 彰 化 縣 染疫 醫護 再 添 1 人 累計 2 人 她 在 隔離 第 6 天 發病 確診 對 工作 職 場 醫院 無 傳播 之 虞 彰 化 縣長 王 惠美 則 以 水果商 家族 遭 羞辱 騷擾 一 事 強調 夫妻 只是 北上 工作 不知 自己 染疫 更 非故意 傳染 他人 防疫 路上 沒有 人 是 局外人 喊話 縣民 鄉親 要 多 點 同 理 心 呼籲 保持 理性 尊重 彼此 多 關懷 包容 台中 鞋業 群 聚 染疫 1 台中 市 新增 1 例 為 沙鹿區 23 歲 男性 即 立 揚 鞋業 家 族群 聚 中 第 1 位 發病 患者 的 男友 該 傳播 鏈 已 有 12 人 確診 為 防止 端午 連 假 疫情 再 反撲 台中 市長 盧秀燕 呼籲 端午 勿 返鄉 守護 我 故鄉</t>
  </si>
  <si>
    <t>新冠 疫情 全球 大 流行 對 各 地 跨 年 活動 造成 了 毀滅性 的 影響 全球 各 大 城市 都 大幅 緊縮 或 停辦 跨 年 活動 疫情 仍 嚴重 的 國家 更 是 慘 不忍 賭 疫情 最 早 爆發 並 因 封城 而 震驚 全球 的 武漢市 卻 有 大批 民眾 湧上 街頭 慶祝 新年 引發 西方 媒體 廣泛 關注 陸媒 則 驕傲地 宣示 如今 全球 封城 武漢 狂歡 多 維 新聞 報導 說 在 2021 年 新年 鐘聲 敲響 時 武漢 有 大批 民眾 紛紛 走 上 街頭 慶祝 新年 進行 徹夜 狂歡 與 西方 國家 因 疫情 被迫 縮小 慶祝 規模 或 停辦 活動 的 狀況 相比 西方 媒體 紛紛 對 武漢 表達 羡慕 之 情 美國 有線電視 新聞網 cnn 引用 路透 的 標題 在 曾 遭 疫情 重創 的 中國 武漢 人們 湧上 街頭 慶祝 新年 報導 稱 2020 年 12 月 31 日 午夜 大批 人群 湧上 中國 中部 城市 武漢 的 街道 慶祝 新年 到來 而 在 剛過去 的 2020 年 致命 的 新冠肺炎 疫情 在 當地 導致 數 千 人 死亡 武漢 也 在 1 月底 至 4 月初 之間 封鎖 城市 報導 說 雖然 武漢 慶祝 新年 的 活動 現場 有 大量 警力 對 人群 進行 了 嚴格控制 安全 人員 要求 少數 未戴 口罩 的 人 戴 上 口罩 做為 疫情爆發 地 武漢 已 有 好幾 個 月 沒有 當地 確診 病例 最近 也 已 有 特定 人群 開始 接種 疫苗 不過 由於 包括 北京 在內 的 多 個 城市 出現 病例 小幅 上升 也 提醒 武漢人 疫情 尚未 完全 結束 美國 國會山 莊 報 發表 題 為 照片 顯示 曾是 疫情 中心 的 武漢 人山人海 地 慶祝 新年 的 報導 武漢 曾經 是 新冠 病毒 大 流行 的 中心 但 在 2020 最後 一 晚 的 跨 年 活動 中 到處 都 看到 擁擠 的 人群 這 與 世界 上 其他 地方 小 規模 的 慶祝 活動 形成 鮮明對比 報導 稱 而 一 年前 武漢 還 是 爆發 新冠 疫情 的 中心 現在 雖 無 疫情 聚集 的 人群 仍然 戴著 口罩 這種 狀況 與 仍 深 疫情 之 苦 的 紐約 形成 鮮明對比 著名 跨 年 勝地 時代廣場 非常 安靜 所有 的 人 都戴 著 口罩 還 保持 著 一定 的 社交距離 英國 地鐵 報 metro 則 稱 新冠肺炎 疫情爆發 已 一 周年 武漢 街頭 人潮 湧動 而 自 2020 年 5 月 以來 武漢 沒有 報告 過 一 例 本地 傳播 的 新冠肺炎 病例 太陽 報 the sun 以 武漢 笑 了 在 世界 其他 地區 都 在 遭受 新冠肺炎 疫情 封鎖 之際 武漢 市民 湧上 街頭 慶祝 新年 為題 報導 稱 新冠肺炎 疫情 最初 爆發 的 城市 武漢 街道 上 人滿為患 人們 瘋狂 地 慶祝 新年 世界 其他 地區 卻 將 人們 封鎖 在 家裡 英國 每日 郵報 則 在 報導 中 詢問 讀者 你 希望 現在 在 武漢 嗎 他們 的 新年 比 你 過 得 好</t>
  </si>
  <si>
    <t>新冠肺炎 疫情爆發 至今 超過 1 年 半 全球 目前 仍 處於 大 流行 情況 台 大公 衛學院 教授 陳秀熙 團隊 今 分析 疫情 未來 軌跡 走向 有 3 種 可能 1 是 持續 全球 大 流行 2 是 轉變 為 季節性 流行 疾病 3 是 成為 地方 性 疾病 陳秀熙 團隊 為 此 提出 三</t>
  </si>
  <si>
    <t>新冠肺炎 疫情爆發 至今 超過 1 年 半 全球 目前 仍 處於 大 流行 情況 台 大公 衛學院 教授 陳秀熙 團隊 今 分析 疫情 未來 軌跡 走向 有 3 種 可能 1 是 持續 全球 大 流行 2 是 轉變 為 季節性 流行 疾病 3 是 成為 地方 性 疾病 陳秀熙 團隊 為 此 提出 三聯體 防疫 策略 即 讓 疫苗 非 藥物 公 衛 措施 npi 及 檢測 相輔相成 達到 與 病毒 共存 的 目標 陳 秀 熙 團隊 成員 公衛 學者 張維容 表示 針對 新冠肺炎 的 未來 軌跡 走向 科學家 認為 有 3 種 可能 第 1 是 人類 仍 無 法 迅速 控制 疫情 持續 全球 大 流行 這 需要 提升 疫苗 接種 率 利用 準確 快速 檢測工具 進行 流行 監測 第 2 種 可能 是 轉變 為 季節性 流行 疾病 如 流感 需 通過 單株 抗體 等 治療 防止 疾病 的 進展 減低 疾病 負擔 第 3 種 可能 是 轉變成 地方 性 疾病 影響 小 負擔 小 例如 腸病毒 就 屬於 這類 現階段 的 疫情 仍 處在 第 1 種 情況 下 包含 跨 物種 傳播 疫苗 免疫 持續 力及 抗原 漂 變 都 是 影響 未來 的 走向 重要 因素 有鑒於 疫情 的 進展 陳秀熙 團隊 提出 三聯體 防疫 策略 即 讓 疫苗 npi 及 檢測 相輔相成 高施 打 率 國家 推動 第 3 劑 疫苗 施打 低 施打 率 國家 採取 混打 策略 在 無法 達到 群 聚 免疫 之下 透過 檢疫 及 檢測 及早 偵 測出 隱性 感染 個案 並 治療 且 透過 npi 措施 如 隔離 口罩 洗手 社交距離 等 預防 感染 進而 達到 與 病毒 共存 的 目標 公 衛 學者 范僑芯 以 英國 為 例 當地 疫苗 接種 率 高 7 月 就 提倡 與 病毒 共存 並 制定 出 秋冬 防疫 戰略 其 計 畫分為 a b 2 種 優先 實施 a 計 畫 即 針對 50 歲 以上 有 健康 問題 的 的 年輕人 醫護人員 加強 第 3 劑 疫苗 施打 並 提供 12 15 青少年 且 接種 疫苗 鼓勵 打 疫苗 持續 檢測 及 接觸 者 追蹤 並 取消 了 原訂 9 月 要 實施 的 娛樂場所 疫苗 通行證 一旦 醫療 量 能 不足 英國 則 會 開始 實施 b 計 畫 即 依法 要求 民眾 在 室內 公共場所 搭乘 大眾 運輸 時戴 口罩 在家 工作 並 使用 疫苗 護照 綠色 通行證 陳秀熙 解釋 對 英國 來講 防疫 計畫 是 以 疫苗 檢測 為主 npi 為輔 屬於 三聯體 防疫 的 2 1 變化 措施 臺灣 也 可 將 其 做為 參考 至於 鄰近 臺灣 的 日本 公衛 學者 王威淳 表示 當地 疫苗 施打 率 急速 上升 至少 1 劑 的 施打 率 達到 66 完整 接種 則 有 53 日本政府 進一步 開放 第 3 劑 疫苗 原則 不 混打 開放 居家 抗體 雞尾酒 療法 並 著 手 研發 口服藥物 抑制 3 cl 蛋白酶 供 輕 症 的 人 使用 陳秀熙 表示 日本 在 短 時間 內 將 疫苗 施打 率 拉高 加上 藉 由 新 治療 方式 的 開發 嘗試 讓 住院 率 死亡率 減少 對於 三聯體 防疫 來講 是 典型 以 疫苗 治療 搭配 為主 的 策略 值得 擔憂 的 是 相對 於 日本 疫苗 高 施打 東南亞 部分 國家 疫苗 施打 率 仍 低 以致 疫情 持續上升 這 包括 越南 菲律賓 及 泰國 等 然而 受 經濟 壓力 影響 這些 國家 不得不 解封 重 啟 經濟 活動 陳秀熙 表示 在 疫苗 不足 醫療 資源 不 優渥 之下 這些 國家 在 三聯體 防疫 中 唯一 剩下 的 npi 在 經濟 壓力 之下 無法 落實 病毒 變異 的 速度 可能 會 更 快 呼籲 世界衛生組織 who 協助 這些 亞洲 國家 提高 疫苗 覆蓋率 這 是 三聯體 防疫 中 相當 重要 的</t>
  </si>
  <si>
    <t>大陸 知名 的 外 賣 平臺 美 團 點評 30 日 公佈 最新 財 報 顯示 2019 年 營 收 為 人民幣 下同 97529億 元 年 增 4952 淨利潤 為 4657億 元 較 2018 年 同期 扭虧為盈 不過 受 新冠肺炎 疫情 影響 預期 2020 年 第一 季 業績 表現 恐 將 面臨 衰退 綜合 陸媒 報導 美 團 30 日 港股 盤 後 公佈 2019 年 全年 財 報 也 是 2018 年 赴 港 上市 後 的 首份 年度 財 報 受惠 大陸 消費市場 的 強勁 增長 動力 美 團 各項 業務 保持 強勁 增長 2019 年 第 四季 營 收 達到 2816億 元 年 增 422 2019 年 第 四季 淨利潤 為 146億 元 較 2018 年 同期 扭虧為盈 美 團 點評 30 日 股價 還 不及 反映 財 報表 現 收 報 88 港元 跌 146 從 各項 業務 來看 美 團 的 金雞 母 餐飲 外 賣 在 2019 年 的 營 收 達到 548億 元 較 2018 年 同期 暴 增 438 餐飲 外 賣 日均 交易 筆數 增長 364 至 2390萬 筆 不過 由於 訂單 量 暴 增 影響 導致 外 送 員 的 成本 增加 美 團 的 外 賣 銷售 成本 在 2019 年 達到 446億 元 較 2018 年 同期 增加 了 357 在 到 店 酒店 及 旅遊 業務 方面 美 團 在 這 部分 業務 的 營 收在 2019 年 達到 223億 元 年 增 406 共用 單車 網 約 車 等 新 業務 方面 該項 業務 2019 年 的 營 收 為 204億 元 年 增 815 其中 美 團 共用 單車 提高 了 營運 效率 該項 業務 虧損 問題 成功 在 2019 年 收 窄 而 公司 近期 推出 的 網 約 車 服務 也 有助於 改善 新 業務 方面 的 虧損 狀況 美 團 在 財 報 中 表示 新冠肺炎 疫情爆發 以來 已對 大陸 許多 行業 造成 巨大 衝擊 尤其 對 該 公司 的 餐飲 本地 生活 服務 酒店 業務 等 日常 營 造成 嚴重 影響 無論是 在 需求 端 抑或 是 供應 端 方面 均 面臨 重大 挑戰 恐怕 將 對 2020 年 第一 季 業績 表現 產生 壓力 預計 2020 年 第一 季 的 營 收 將 出現 衰退 及 經營 虧損 美 團 稱 由於 疫情 仍 有 高度 不 確定性 目前 無法 確定 是否 會 對 2020 年 全年 的 業績 預期 表現 造成 影響</t>
  </si>
  <si>
    <t>國內 疫情 嚴峻 北市 又 以 萬 華區 最為 嚴重 網路上 不乏 對於 萬華 不 友善 之 指控 有感於 此 一 名 在 萬 華區 土生土長 的 居 酒店 老闆娘 吐露 心聲 眼看 萬華 成為 眾矢之的 十分 無奈 並 表示 萬華 是 北市 對 人 包容 度 最高 的 地方 盼望 大家 能 保有 同 理 心 一 間 位 于萬華 的 居酒 屋 老闆娘 20 日 在 商家 粉絲 專 頁 家 呐 子 臺式 居酒 屋 ka-la h- 發文 娓娓 道 出 萬華 疫情爆發 後 的 心情 老闆娘 自小 在 萬 華區 土生土長 但 不 知道 為什麼 才幾天 的 時間 萬華 即 淪為 眾矢之的 彷 佛 病毒 來自 萬華 好像 萬 華人 身上 都 有 病毒 般 讓 她 好 無奈 老闆娘 解釋 病毒 會 自 萬 華 蔓延 出去 的 理由 是因為 萬 華是 臺北市 最 能 包容 各式各樣 人 的 地方 老闆娘 說 在 萬華 生活 的 人 在 社會 中 擁有 的 資源 相對 少 在 這 生活 能 比較 自在 萬華 地區 也 有 多 社 工 與非 營利 組織 駐 點 更 有 不少 在 地 店家 相當 關注 這類 議題 這群人 共同 向外 發揚 萬華 的 好 這次 卻 被 外界 套 牢 負面 形象 老闆娘 無奈 地 說 在 病毒 面前 人人 都 一樣 萬 華區 的 遊民 只是 因為 沒有 家 因而 容易 被 大家 欺負 與 攻擊 也 感歎 臺灣 實在 不 缺 找 人 怪罪 希望 大家 能 多些 同 理 心 也 少 些 恐慌 老闆娘 也 說 因應 疫情 居酒 屋 這 幾 日 都 未 營業 但 她 徹徹底底 感受 到 萬華 的 溫暖 在 臉書 社團 上 到處 都 可以 看到 網友 在 募集 資源 協助 發送給 各地 的 弱勢團體 與 醫療 資源 大喊 著 我 愛 萬華 我 是 萬 華人 我 超 驕傲 文章 曝光 後 不少 網友 看 了 紛紛 寫下 鼓勵 的 留言 支持 你們 萬華 加油 萬 華 加油 杜絕 帶 風向 攻擊 萬 華人 人情味 的 好 所在 萬 華 沒有 錯 你 永遠 是 我們 天龍 國 不可 缺少 的 一塊 拼圖</t>
  </si>
  <si>
    <t>zu frankreich sterreich und der schweiz deutschland schlie t seine grenzen https t co ljbaucjgmy 新冠肺炎 疫情 蔓延 德國政府 決定 自 3 月 16 日 早 8 時起 關閉 與 法國 瑞士 和 奧地利 的 邊境 這 也 是 自 德國 頒佈 口罩 與 防護 服 禁止 出口 禁令 梅克爾 拋 出有 5800萬 左右 德國 人 可能 感染 新冠肺炎 之 驚人 預測 數字 之後 再次 有 新 的 防疫 政策 德國 上周 因為 醫療 口罩 禁 出口 政策 德國海關 就 在 德 瑞 邊境 扣留 一 輛 貨車 引發 了 與 瑞士 之間 的 摩擦 過 了 數日 德國總理 梅克爾 又 告訴 國會 約 有 60 70 也 就 是 在 8200萬 人 口中 有 5800萬 左右 德國 人 可能 感染 新冠肺炎 她 當時 就 說 德 疫情爆發 數字 的 嚴重性 更 多 活動 和 大型 集會 可能 取消 據 今日 頭條 引述 德國 報紙 bild 15 日 消息 德國 宣佈 了 自 3 月16 日 早 8 時起 關閉 與 法國 瑞士 和 奧地利 的 邊境 越來越 多 的 歐洲 國家 開始 關閉 邊界 並且 開始 停止 民航 運輸 像是 捷克政府 宣佈 從 週一 開始 全面禁止 人員 流動 丹麥 週六 下午 也 關閉 了 邊界 波蘭 周日 也 將 採取 同樣 措施 另外 奧地利 停止 了 與 義 大利 之間 的 鐵路運輸 幾乎 完全 關閉 了 兩 國 邊界 德國 在 與 法國 之間 的 邊界 加強 邊檢 不過 現 加強 為 關閉 邊界</t>
  </si>
  <si>
    <t>前 女 f 4 成員 劉樂 妍 近年 將 事業 重心 與 生活 移 往 中國 大陸 之後 常在社 群 發表 兩岸 相關 意見 與 評論 且 不吝 公開 喊話 熱愛祖國 引發 兩岸 網友 議論 而 自新冠肺炎 爆出 後 劉樂妍 經常 針對 防疫 發表 看法 日前 貼 文 讚歎 大陸 超市 物資 充沛 感恩直 呼 真 慶倖 我 生活 在 這個 國家 劉樂妍 日前 在 臉書 po 文 表示 疫情 蔓延 全球 民眾 都 在 瘋 搶 而 住 在 中國 大陸 的 她 分享 了 進 超市 採買 的 步驟 表示 雖然 要 戴 口罩 量 體溫 並 刷 證件 條碼 才能 入 內 沒 個 5 分鐘 進不來 有點 麻煩 但 走 進 超市 後 馬上 不在乎 這些 劉樂妍 表示 大陸 城市 的 超市 貨架 上 的 食物 應有盡有 且 是 滿滿的 不分 鮮 食 水果 還是 泡 面 等 只有 你 想不到 沒有 你 買不到 讓 她 不僅 感謝 神明 跟 祖上 保佑 最 重要 的 是 嘿嘿 我 現在 也 有 口罩 嘍 劉樂妍 說 疫情爆發 後 一次性 口罩 漲成 天價 但 只要 單 一個 超過 3 元 的 她就 不要 我 全部 都吐 他 口水 就 不 買 而 在 她 的 堅持 與 儘量 不出 門 的 原則 下 省 了 大筆 防疫 財 如今 還 在 超市 買到 口罩 讓 她 再次 疾呼 真 慶倖 我 生活 在 這個 國家</t>
  </si>
  <si>
    <t>中央流行疫情指揮中心 日前 宣佈 全國 進入 第 三級 防疫 警戒 至 5 月 28 日 基隆 市長 林右昌 今 早 表示 目前 有 許多 確診 者 不知去向 感染 源 不明 等 狀況 向 中央 喊話 建議 全國 三級 警戒 延長 2 周 林右昌 指出 主要 有 三 個 不明 兩 大 穩定 的 考量 他 說 現階段 有 許多 確診 者 去向不明 感染 源 不明 加上 首都 圈 外擴散 狀況 不明 另外 是 校園 疫情 需要 穩定 現在 有 許多 學生 確診 若 貿然 倉促 複課 老師 和 家長 都 沒有 辦法 安心 校園 恐怕 會 成為 新 的 壓力 破 口 地方 政府 也 疲於奔命 林右昌 進一步 說明 6 月 12 日 是 端午 連 假 此時 若 民眾 鬆懈 儘管 這 2 周 嚴格 防疫 仍 會 前功盡棄 他 強調 本土 疫情爆發 以來 臺灣 民眾 都 很 自律 中央 地方 政府 大家 也 都 很 努力 但是 目前 真的 沒有 鬆懈 的 本錢 林右昌 說 他 強烈建議 中 央 全國 三級 警戒 再 延長 2 周 但 無論 中央 最後 的 決定 如何 都會 予以 尊重 但 希望 儘早 確定 宣佈 別 讓 大家 措手不及</t>
  </si>
  <si>
    <t>精選 中 時 新聞網 5 件 不可不 知 的 國際 大事 帶 讀者 掌握 今天 4 月 4 日 的 國際 新聞 重點 1 紐約州 確診 破 10萬 人數 直 逼 義 大利 西班牙 紐約州 長 古 莫 3 日 公佈 全州 確診 突破 10萬 例 死亡 例 來到 562 例 創 疫情爆發 以來 新 高 其</t>
  </si>
  <si>
    <t>精選 中 時 新聞網 5 件 不可不 知 的 國際 大事 帶 讀者 掌握 今天 4 月 4 日 的 國際 新聞 重點 1 紐約州 確診 破 10萬 人數 直 逼 義 大利 西班牙 紐約州 長 古 莫 3 日 公佈 全州 確診 突破 10萬 例 死亡 例 來到 562 例 創 疫情爆發 以來 新 高 其中 紐約 確診 人數 也 直 逼 義 大利 西班牙 2 美 防疫 大 轉彎 川普 籲 戴 口罩 全球 新冠肺炎 確診 病例 3 日 突破 100萬 大關 其中 美國 病例 逾 245萬 宗 單日 死亡 人數 亦 首度 破 千 皆 刷新 疫情爆發 以來 全球 最高 紀錄 川普 總統 已 計 畫派 美軍 進入 紐約 協助 抗 疫 同時 證實 公衛 政策 大 轉變 將 推出 佩戴 口罩 的 規定 但 不 會 強制 3 封國 前兆 美國務院 發 推 文 美國 人 快 回來 美國國務院 旅遊 領事 事務 局 今日 在 推特 發表 啟人疑竇 的 推 文 呼籲 在 海外 的 美國 人 儘快 回國 不要 延後 返國 日期 可能 很 快 地 所有 交通 工具 將 會 無法 使用 此 一 訊息顯示 美國 大多數 機場 可能 會 在 近期 停止 對外 航班 往來 滯留 國外 的 美國 民眾 或 因此 無法 返國 4 加碼 贊 台 美國務院 將 臺灣 模式 向 世界 推廣 自 美國 國安會 在 官方 推特 上 感謝 臺灣 人民 慷慨 捐贈 口罩 後 美國務院 接連 公開 挺 台 表示 美國在台協會 以及 國務院 在 3 月 31 日 與 臺灣 經濟 文化 代表處 以及 外交部 高階 官員 召開 虛擬 論壇 討論 如何 擴大 臺灣 在 國際舞臺 的 參與 5 並非 無理 美 艦長 求援 遭 拔 官 海軍 親 解釋 關鍵大 錯 傳出 上百人 確診 新冠 病毒 的 美海軍 羅斯福 號 航空母艦 艦長 克勞齊 上校 因 對外 流出 向 國防部 求援 的 信件 而 遭 美國海軍 拔除 艦長 一 職 美國 代理 海軍 部長 莫德里 透過 公開信 指出 克勞齊 以 不 安全 方式 求援 不僅 造成 不必要 的 混亂 與 恐慌 更 破壞 了 指揮 鏈 結構</t>
  </si>
  <si>
    <t>因應 新冠肺炎 疫情 各國 紛紛 管控 邊境 限制 民間 活動 為 避免 人權 遭 忽視 世界 自由民主聯盟 世盟 一方面 呼籲 疫情 緩和 後 各國 應 使 人民 生活 恢復正常 使 自由 與 人權 獲得 充分 保障 民主 機制 正常 運作 另一方面 更 呼籲 全球 共同 研發 疫苗 藥物 不 可以 政治立場 淩駕 大眾 健康 今年 疫情爆發 後 各國 強制 人民 戴 口罩 居家 隔離 關閉 邊境 封鎖 城市 限制 集會 導致 自由 民主 人權 等 普世 價值 受 衝擊 世盟 也 無法 再 循 往例 召開 國際 論壇 邀請 各國 人士 推動 自由民主 與 人權 因此 轉為 在 今年 6 到 9 月 召開 四 場 視 訊 論壇 繼續 為 自由民主 及 人權 發聲 提出 五 點 總結 建議 與 呼籲 世盟 於 今天 舉行 記者會 說明 建議 理事長 曾永權 指出 首先 我國 能 成為 全球 防疫 模範 生 主因 過去 對抗 sars 所 累積 的 相關 經驗 人民 有 高度 公共 衛生 的 危機意識 其次 研發 疫苗 與 要務 是 全民 公共 財 處理 疫苗 與 藥物 不 可以貿易 保護主義 或 市場經濟 立場 來 決定 價格 更 不可 存有 私心 或以 政治立場 來 淩駕 公共 衛生 或 大眾 健康 第 三 世盟 呼籲 各國 人民 配合 戴 口罩 保持 社交距離 勤洗手 等 防疫 措施 第 四 建議 各國 對 新冠肺炎 感染 受害者 予以 完善 治療 最後 呼籲 疫情 緩和 後 各國 應 使 人民 生活 恢復正常 使 自由 與 人權 獲得 充分 保障 民主 機制 正常 運作 世盟 成立 於 1954 年 每年 一月 二十三 日 都 在 中華民國 召開 世界 自由 日 慶祝大會 八 九月 則 在 相關 會員國 首都 召開 世界 自由民主聯盟 大會 及 世界 自由民主 論壇 邀請 各國 國會議員 政要 學者 專家 以及 愛好 自由 民主人士 參加 1993 年 世盟 正式 成為 聯合國 非政府 組織 成員</t>
  </si>
  <si>
    <t>大 聯盟 球員 有人 在 6 月中 在 佛州 舉辦 慶 生 派對 被 傳言 是 一個 新冠肺炎 病毒 趴 造成 了 疫情 擴散 官網 記者 jon heyman 報導 這 位 球員 還 把 病毒 帶 到 自己 的 球隊 目前 所有 受害者 的 姓名 都 未公開 佛州 是 美國 最新 的 疫情爆發</t>
  </si>
  <si>
    <t>one mid-june mlb player birthday party in florida is believed to have led to infections and become a spreader in a spring clubhouse the question is will this episode be repeated or will it become an important cautionary tale 大 聯盟 球員 有人 在 6 月中 在 佛州 舉辦 慶 生 派對 被 傳言 是 一個 新冠肺炎 病毒 趴 造成 了 疫情 擴散 官網 記者 jon heyman 報導 這 位 球員 還 把 病毒 帶 到 自己 的 球隊 目前 所有 受害者 的 姓名 都 未公開 佛州 是 美國 最新 的 疫情爆發 點 7 月 2 日 當天 新增 10109 人 確診 將近 是 全國 新增 55萬 人 的 五 分之一 創下 美國 疫情 最高 紀錄 佛州 目前 累積 將近 18萬 人 染病 3686 人 死亡 是 全美 第 4 大 疫區 就算 沒有 那個白 目的 慶 生 趴 病毒 也 可能 從 任何 地方 傳入 大 聯盟 的 球隊 休息室 首輪 檢驗 1800 位 球員 有 31 人 染病 至少 5 位 球員 拒絕 參與 複賽 天使 隊 卓 奧特 mike trout 本 週末 也 公開 表示 對 複賽 有 疑慮 我 擔心 即將 出世 的 孩子 還 有 我 的 妻子 我 的 家庭 我 告訴 總管 與 隊友 要 兼顧 防疫 與 比賽 這 季將 會 非常 辛苦 最 重要 的 是 我 不能 把 病 傳染給 我 懷孕 的 妻子 我 很 想 打球 這 是 兩難 的 情況 卓 奧 特有 可能 退 賽 嗎 總 教練 麥登 joe maddon 說 無論如何 他 都 會 支持 卓 奧特 的 決定 他 初為人 父 這 對 他 意義 重大 他 必須 保持 健康</t>
  </si>
  <si>
    <t>本土 疫情爆發 1 名 網友 在 網路上 陳述 他 一家 5 口 有 4 人 確診 的 真實 故事 他 說 家中 最先 染疫 的 是 父親 從 18 日 有 感冒 症狀 到 22 日 送往 急診 時 血 氧 僅剩 60 逝世 接 著 他 的 母親 1 歲 半 的 兒子 也 接連 發高燒 確診 而 他 雖然 快 篩 4 次 皆</t>
  </si>
  <si>
    <t>本土 疫情爆發 1 名 網友 在 網路上 陳述 他 一家 5 口 有 4 人 確診 的 真實 故事 他 說 家中 最先 染疫 的 是 父親 從 18 日 有 感冒 症狀 到 22 日 送往 急診 時 血 氧 僅剩 60 逝世 接 著 他 的 母親 1 歲 半 的 兒子 也 接連 發高燒 確診 而 他 雖然 快 篩 4 次 皆 陰性 但 也 有 確診 症狀 離譜 的 是 直到 父親 病逝 醫療 單位 皆 未 給 他 確診 案 號 以至於 他 每天 只 能 從 cdc 公佈 的 死亡 名單 中 去 猜測 哪 位 是 父親 文章 公佈 引發 外界 譁然 該 網友 在 ptt 發 文說 他 的 父親 在 5 月 18 日 開始 有 輕微 感冒 症狀 21 日 生命 跡象 開始 不 隱 定 無法 自行 下 床 他 詢問 過 大 醫院 急診 無法 再 收人 因此 緊急 帶 父親 到 附近 診所 父親 堅持 不 通報 篩檢 只 拿藥 就 回家 22 日 父親 狀況 急速 惡化 嚴重 發燒 且 意識 模糊 他 叫 了 救護車 送 急診 後 醫院 表示 父親 血 氧 僅剩 60 之後 並 告知父親 確診 他 也 被 要求 做 快 篩 結果 陰性 於是 他 與 家人 先 返家 準備 隔離 該 網友 說 23 日 醫院 打電話 通知 父親 血 氧 過 低 已 無法 醫治 他 與 母親 最後 透過 對講機 和 父親 說 了 最後 幾 句 話 就 天人 永 隔 隔 天 他 的 母親 也 開始 發燒 送至 醫院 後 同樣 確診 之後 開始 有 疫 調 人員 與 他 聯絡 不幸 的 是 他 1 歲 半 的 兒子 也 確診 他 雖然 後續 再 做 了 3 次 快 篩 都 驗 出 陰性 但 陸續 出現 確診 症狀 照 x 光 與 斷層掃描 後 醫師 也 說 他 確實 罹 患 肺炎 28 日 他 的 母親 住 進 負 壓 式 隔離病房 血 氧 從 原本 掉 剩 80 順利 拉回 正常值 而 他 全家 則 陸續 接受 隔離 指引 等 該 網友 痛 批 19221999 疾 管署 衛生局 幾乎 是 獨立 作業 資料 整 合 不 到位 而且 各 有 各 的 說法 以及 一 套 sop 他 當下 接收 家人 確診 時 手足無措 完全 沒有 感受 到 政府 的 幫忙 不過 也 有 網友 質疑 其真實性 要求 原 po 提供 案 號 原 po 則 回 覆 從 沒有 人 給 過 他 編號 他 每天 只 能 追蹤 cdc 公佈 的 的 死亡 名單 日前 才 看到 一個 很 像是 他 父親 的 但 也 無法 確定 身分</t>
  </si>
  <si>
    <t>高端疫苗 6547 總經理 陳燦堅 宣佈 已於 2 16 與 美國 國衛院 nih 完成 合作 合約 簽署 美國 國衛院 將 提供 其 最新 研發 的 新冠肺炎 covid-19 候選 疫苗 與 相關 生物 材料 提供 高端疫苗 在 臺灣 進行 動物 試驗 以 做為 評估 人體 臨床 試驗 及 開發新 一代 疫苗 的 重要依據 目前 高端 已 安排 合乎 生物安全 規範 之 動物 活 體 實驗室 將 開始 執行 動物 試驗 此次 美國 nih 所 開發 的 covid-19 候選 疫苗 系 採用 nih 過去 針對 sars mers-cov 所 建立 的 冠狀病毒 抗原 製備 平臺 基因 重組 棘 蛋白 表達 系統 進行 開發 並 藉 由 過去 mers 疫苗 的 開發 經驗 快速 建立 了 covid-19 疫苗 製備 與 動物 試驗 設計 美國 nih 也 正 在 同步 執行 各項 臨床 前 試驗 以 準備 盡 速 展開 人體 臨床 試驗 美國 nih 評估 本項 產品 有 機會 在 今年 第二 三 季 啟動 人體 臨床 試驗 高端疫苗 將 積極 諮 詢 官方 主管機關 力拼 今年 上半年 完成 動物 試驗 並 規劃 執行 在 臺灣 的 人體 臨床 試驗 以 驗證 covid-19 候選 疫苗 的 安全性 與 療效 高端疫苗 為 美國 nih 在 亞洲地區 的 重要 防疫 與 研發 夥伴 合作項目 包含 登革熱 疫苗 茲 卡 疫苗 等 開發 案 高端疫苗 表示 基於 過去 長期 合作 關係 當 新 疫情爆發 後 雙方 立即 展開 協商 短 時間 內 即 簽訂 合作 合約 以 推動 疫苗 早日 上市 提升 國內 防疫 能力</t>
  </si>
  <si>
    <t>新冠肺炎 疫情 延 燒 不退 衝擊 餐飲業 景氣 低迷 之際 白手起家 的 7 年級 生 鄭 加成 拿出 求學 當 從 打工仔 的 拼勁 勇闖 疫 關 在 嘉義 市 新 開 一家 火鍋 店 他 說 朋友 都說 他 很 有勇氣 他 只 是 相信 一分耕耘一分收穫 危機 也 會 是 轉機 鄭 加成 從小 就 幫忙 父母 經營 早餐 店 養成 他 喜歡 與 人 打交道 的 活潑 個性 也 啟發 他 想 創業 的 念頭 念 虎尾 科技 大學 時打 3 份 工 在 連鎖 麵食 店 工作 幫 房屋 仲 介 業 拿 街頭 看 板 負責 補習班 招生 業務 省吃儉用 存 錢 畢業 後 去 當兵 一 退伍 就 用 所 有 積蓄 創業 鄭加 成說 退伍 後 他 騎 摩托車 回到 打工 的 麵食 店 頂下 老闆 的 店 有 3 名 員工 要 離職 還 嗆 他 你 騎 摩托車 哪 有 錢 發 薪水 給 我們 這 句 話 激勵 他 更加 勤奮 打 拼 麵食 店 生意 漸入佳境 由 虧 轉 盈 結果 3 年 後 離職 的 3 名 員工 回頭 求職 鄭 加成 創業 10 年 陸續 在 雲嘉 地區 開 4 家店 新開幕 的 火鍋 世家 是 第 5 間 店 他 說 這家 連鎖 火鍋 店 在 北部 很 夯 他 首次 引進 嘉義 開 店 嘉義 的 餐飲業 很 競爭 尤其 疫情爆發 之際 開 店 是 有 風險 但 一直 繳 店租 不 營運 也 非 長久之計 相信 努力 總會 有 轉機 鄭加 成說 食 材 採用 頂級 海鮮 及 肉品 還有 嘉義 在 地 蔬果 醬 料 飲料 霜淇淋 都 是 優質 品牌 免費 供應 因應 疫情 有 防疫 措施 宣導 客人 勤洗手 為 客人 帶 位 會 隔 桌 入座 清明連 假 有 開幕 優惠 生意 還算 平穩</t>
  </si>
  <si>
    <t>就 在 美國 面臨 新冠肺炎 疫情 反撲 之際 美國 媒體 報導 白宮 已 開始 對 首席 傳染病 專家 佛 奇 anthony fauci 發動 攻擊 白宮 內部 流傳 一長串 清單 上頭 羅列 佛 奇 對 疫情 的 各項 錯誤判斷 及 評論 民主黨 議員 痛 批 佛 奇 是 說 真話 的 人 卻 遭 川普 邊緣化 白宮 此舉 根本 是 因為 川普 眼紅 佛 奇 的 高 人氣 想要 摧毀 他 美國 國家 過敏 與 傳染病 研究院 niaid 主任 佛 奇 anthony fauci 與 總統 川普 的 關係惡化 佛 奇 飯碗 可能 不 保 綜合 美國有線電視新聞網 cnn 美國國家廣播公司 新聞網 nbc news 報導 白宮 已 開始 針對 佛 奇 展開 攻擊 試圖 降低 他 的 聲譽 11 日 一 名 白宮 官員 透露 好幾 名 白宮 官員 正在 關注 佛 奇 犯 錯 的 次數 這 名 官員 甚至 亮出 一長串 清單 上頭 羅列 疫情爆發 初期 佛 奇 的 評論 以及 過往 相關 訪談 內容 當中 包含 佛 奇 在 1 月 時 曾 表示 新冠 病毒 不是 重大 威脅 無 症狀 感染者 不 會 傳染 以及 3 月 時 佛 奇 指出 民眾 不 需要 戴 口罩 等 語 cnn 形容 白宮 對 佛 奇 發動 的 攻擊 猶如 政治 人物 針對 對手 展開 的 敵情 研究 opposition research 另 一 名 資深 官員 指出 部分 白宮 人士 並 不 信任 川普 他們 認為 佛 奇 的 言論 並 不 符合 川普 的 最 大 利益 一 名 政府 官員 則 指出 儘管 對於 佛 奇 提出 的 防疫 措施 意見分歧 他們 並不 懷疑 佛 奇 的 動機 相信 他 只 關心 公眾 健康 另外 據 紐約 郵報 new york post 報導 美國 首席 病毒檢測 官員 衛生 及 公共 服務部 hhs 助理 部長 賈諾 brett giroir 昨 12 日 接受 nbc 節目 會晤 新聞界 meet the press 專訪 時 明白 指出 儘管 他 個人 相當 尊敬 佛 奇 但 也 認為 佛 奇 並非 百分之百 正確 尤其 對於 佛 奇 暫 緩解 封 的 建議 直言 佛 奇 對 疫情 的 看法 相當 狹隘 只 從 非常 狹隘 的 公衛 角度看 事情 佛 奇 多 次 公開 在 報章雜誌 及 電視 專訪 中 反駁 川普 對 疫情 的 看法 他 曾說 和 其他 國家 相比 美國 真的 不能 說 自己 做 得 很 好 我們 真的 沒有 他 更 打 臉 川普 在 國慶 演說 中 提及 美國 99 的 感染 病例 完全 無害 的 說法 稱 不 曉得 川普 哪 來 的 資訊 直言 川普 的 說法 和 事實 完全 不符 川普 則 在 上周 公開 反擊 批評 佛 奇 是 個 好人 但 犯 了 很多 錯 民主 黨籍 的 美國眾議院情報委員會 house intelligence committee 主席 謝 安達 adam schiff 周日痛 批 白宮 對 佛 奇 的 圍剿 行動 相當 差勁 他 稱 這種 行為 非常 有 川 式 作風 他 川普 沒 辦法 接受 美國 人 信賴 佛 奇 卻 不 信任 他 的 事實 因此 要 摧毀 他 指 佛 奇 謝 安達 說 美國 比 以往 任何 時候 都 需要 一 位元 說 真話 的 人 以便 讓 美國 人 瞭解 到 現在 面臨 的 是 什麼樣 的 疫情 以及 如何 應對 這 就 佛 奇 一直 試圖 在 做 的 事但 卻 遭到 川普 干預 邊緣化</t>
  </si>
  <si>
    <t>長 聖 6712 特 管 辦法 細胞 製備 委 讬 訂單 排到 明年 3 月 今日 股價 開高 後 多空 開始 交戰 股價 在 平盤 附近 遊移 長 聖中特 管 辦法 的 細胞 委 讬 製造 業務 持續 增加 訂單 已 排 程至 明年 3 月 6 月 單月 營 收 3690萬 元 再 創下 新高 年 增加 88453 營 收 大 爆發 上半年 度 自 結 營 收 達 14億 元 已 超越 了 去年 全年度 的 營 收 在 營 收 持續 加溫 之下 今年 營 收 及 獲利 表現 受到 法人 期待 今年 5 月 臺灣 新冠 疫情爆發 時 中國 醫藥 大學 附設 醫院 即 向 衛福 部 申請 對 緊急 重症 新冠 病 患 提供 恩 慈 療法 並 獲 衛福部 核准 使用 以 長 聖 新藥 umsc 01 治療 四 位 病情 非常 嚴重 的 新冠肺炎 的 病 患 現今 其中 3 位 病 患 已 成功 出院 1 位 病 患 肺部 情況 穩定 此 新藥 可望 成為 治療 重症 新冠肺炎 的 明星 藥物 之一 長 聖 目前 在 特 管 辦法 中 專案 件數 核准 件數 收 案 人數 及 合作 醫院 都 領先 同業 在 特 管 辦法 的 療效 中 dc 治療 第 四 期 病 患 可 達 70 腫瘤 控制率 國內 唯一 通過 的 dc-cik 的 細胞 治療 可 達 786 腫瘤 控制率 長 聖 已向 衛福部 申請 其他 特 管 辦法 癌症 部分 不 需要 取 腫瘤 組織 有 gamma-delta t gdt 治療 8 種 癌 dc-cik wt- 1 治療 大腸 直腸癌 與 乳 癌 等 新 的 細胞 療法 項目 另外 在 自體 脂肪 幹細胞 adsc 治療 慢性 傷口 主要 族群 為 糖尿病 的 病 患 公司 也 預計 今年 第 4 季會 通過 這些 產品</t>
  </si>
  <si>
    <t>臺灣 疫情爆發 昨 激增 206 例 本土 病例 加上 前天 增加 180 例 兩 天內 全台 就 增加 386 人 確診 疾 管署 今日 更新 本土 病例 地理 分佈 以 新北 市 217 例 占 最 多 臺北市 193 例 居次 另外 有 3 縣 市 因 確診 人數 增加 警示 燈號 一 夜 變色</t>
  </si>
  <si>
    <t>臺灣 疫情爆發 昨 激增 206 例 本土 病例 加上 前天 增加 180 例 兩 天內 全台 就 增加 386 人 確診 疾 管署 今日 更新 本土 病例 地理 分佈 以 新北 市 217 例 占 最 多 臺北市 193 例 居次 另外 有 3 縣 市 因 確診 人數 增加 警示 燈號 一 夜 變色 包括 基隆 市 台中 市 及 新竹 縣 據 疾 管署 網站 本土 病例 地理 分佈 顯示 今年 截至 5 月 16 日 為止 已 累計 493 人 確診 以 新北 市 217 人 占最多 接 著 依序是 臺北市 193 人 桃園 市 44 人 彰 化 縣 15 人 基隆 市 4 人 台中 市 2 人 高雄市 及 新竹 縣 各 1 人 指揮中心 昨日 公佈 單日 新增 本土 病例 206 例 3 縣 市 也 在 一夜之間 變色 基隆 市 確診 人數 從 2 人 增加 至 4 人 警示 燈號 從 黃色 升至 橘色 台中 市 確診 人數 從 1 人 來 到 2 人 警示 燈號 也 從 淺綠 轉為 黃色 另外 新竹 縣 原本 維持 0 確診 昨日 也 新增 1 人 確診 燈號 從 深綠 轉至 淺綠 不過 昨日 指揮中心 在 記者會 上 表示 新竹 縣 新增 3 人 確診 地理 分佈 資料 並 不 相符 仍 有待 查核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美國 電動車 廠 特斯拉 2019 年 第 四季 公佈 財 報 相當 亮 眼 帶動 股價 一路 大 漲 2 月 4 日 最高 沖 上 968 美元 等於 是 短短 1 個 月 以來 暴漲 逾 112 但 隨 著 新冠肺炎 疫情爆發 特斯拉 股價 劇烈 震盪 27 日 更是 暴跌 近百 美元 4 天 來 股價 大 砍</t>
  </si>
  <si>
    <t>美國 電動車 廠 特斯拉 2019 年 第 四季 公佈 財 報 相當 亮 眼 帶動 股價 一路 大 漲 2 月 4 日 最高 沖 上 968 美元 等於 是 短短 1 個 月 以來 暴漲 逾 112 但 隨 著 新冠肺炎 疫情爆發 特斯拉 股價 劇烈 震盪 27 日 更是 暴跌 近百 美元 4 天 來 股價 大 砍 逾 24 特斯拉 股價 飆 漲 以 被 外界 形容 為 妖 股 有 輪子 的 比 特 幣 不少 分析 師也 紛紛 調高 該 公司 目標價 投資 管理 公司 ark investment 本月 初 更是 發 佈 估 值 模型 預測 到 了 2024 年 特斯拉 股價 會 漲 到 7000 美元 若 美 股 持續 牛市 態勢 甚至 將 達到 15000 美元 特斯拉 受 財 報 及 軋空 效應 帶動 摩根士丹利 分析 師 adam jonas 當時 認為 特斯拉 估 值 將 從 每股 約 650 美元 調至 1200 美元 漲幅 達 80 然而 adam jonas 卻 指出 正式 目標價 只 從 360 美元 提高 到 500 美元 仍 給予 賣出 評級 特斯拉大 空頭 vertical 研究 集團 分析 師 gordon johnson 也 曾 警告 新冠肺炎 將 帶來 災難 拖累 大陸 車市 需求 特斯拉 崛起 只 是 個 泡沫 據 外國 財經 媒體 報導 指出 最新消息 來看 特斯拉 1 月 在 大陸 的 新車 註冊量 較 月 減 46 這 與 特斯拉 上海 超級 工廠 1 月 才 剛 交付 新車 的 景象 形成 強烈 對比 特斯拉 股價 本 周 也 跟 著 美 股 直 直 下墜 從 上週五 收 收盤價 901 美元 至 本 週四 的 收盤價 679 美元 短短 4 日 重 挫 222 美元 或 2463 特斯拉 這 兩 個 月 來 締造 的 華爾街 神話 幾乎 破滅</t>
  </si>
  <si>
    <t>從 1 月中 下旬 新冠肺炎 疫情爆發 原本 欣欣向榮 的 電影 行業 被 按 下 暫停 鍵 據 大陸 啟信寶 資料 顯示 1 月 至今已有 近 12萬 家 影視 類 企業 被 註銷 影院 復工 情形 持續 不 樂觀 進而 轉向 到 影音 平臺 播放 上 也 讓 線 上 放映 成為 新 常態 選</t>
  </si>
  <si>
    <t>從 1 月中 下旬 新冠肺炎 疫情爆發 原本 欣欣向榮 的 電影 行業 被 按 下 暫停 鍵 據 大陸 啟信寶 資料 顯示 1 月 至今已有 近 12萬 家 影視 類 企業 被 註銷 影院 復工 情形 持續 不 樂觀 進而 轉向 到 影音 平臺 播放 上 也 讓 線 上 放映 成為 新 常態 選擇 據 每日 經濟 新聞 報導 今年 1 月 4 月 大陸 市場 和 好萊塢 分別 出現 首 部院 線 電影 轉到 線 上 首發 新片 全球 已 有 超過 10 部 影片 轉到 線 上 進行 放映 從 喜劇 動作 電影 肥 龍過 江 到 動畫電影 魔法 精靈 2 等 例如 5 月 的 文藝 電影 春潮 上線 愛 奇 藝 首 周即 進入 豆瓣 熱門 電影 榜 top 3 獲得 大量 好評 春潮 總 出品 人 製片人 愛美 影視 ceo 李亞平 表示 春潮 相對 大 成本 電影 更 好 調頭 愛 奇 藝 模式 緩解 投資人 的 壓力 團隊 普遍 持 支持 態度 某種程度 上 也 撫慰 了 主創 的 遺憾 而 根據 中國 電影協會 測算 全國 影院 如果 在 8 月 復工 全年 票房 預計為 128億 元 人民幣 下同 年 減 約 80 如果 10 月 復工 全年 票房 預計 在 60億 元 左右 年 減 91 也 讓 大量 片方 不僅 面臨 生存 問題 也 有 後續 上片 的 空間 壓縮 問題</t>
  </si>
  <si>
    <t>新冠 疫情 肆虐 全球 出國 玩 變 得 遙不可及 振興 醫院 急診 重症 醫學 部 主治醫師 蔡賢龍 認為 要 一直 到 2023 年 疫情 過後 才 可以 放心 出國 旅遊 不用 提心吊膽 提防 病毒 日前 日本政府 贈與 的 第二 批 113萬 劑 az 疫苗 8 日 抵達 臺灣 加 上次 送 的 124萬 劑 az 已經 捐 給 臺灣 237萬 劑 疫苗 比 臺灣 自 購 的 疫苗 到貨 數量 還 多 讓 臺灣 有 疫苗 度過 疫情爆發 的 時刻 為了 報答 恩情 許多 人 發 願 要 在 解封 後 玩 爆 日本 蔡賢龍 日前 在 臉書 發文 感謝 日本 捐贈 疫苗 但 他 個人 認為 可以 放心 出國 旅遊 至少 都 要 等 到 2023 年 才 不 用 提心吊膽 處處 提防 有些 朋友 說 要 解封 爆 刷 日本 還是 覺得 減 少 接觸 比較 好 目前 日本 疫情 回升 連日 確診 破 2000 例 12 日 起 將 實施 第 四 次 緊急 事態 宣言 同時 奧運 不 開放 觀眾 入場 與其 等待 遙遙無期 的 出國 玩 來 感謝 日本 蔡賢龍 表示 其實 可 利用 無 接觸 的 醫療 專案 開始 互相 幫忙 像是 從 全球 捐贈 網 global giving 實質 回 饋 日本 相關 新冠肺炎 的 醫療 項目 透過 小額 捐款 馬上 回報 日本 恩情 也 是 不錯 選擇</t>
  </si>
  <si>
    <t>林俊傑 jj 下月 2728 日 將 在 新加坡 舉辦 實體 演唱會 是 他 繼 2019 年 12 月 在 新加坡 國家 體育館 後 相隔 736 天 再 辦 大型 實體 個唱 由於 新加坡 防疫 規範 每場 演唱會 僅 能 容納 1000 位 觀眾 入場 為了 讓 更 多 人 共襄盛舉 jj 這 2 天 演出 將 采 現場 與 線 上 直播 同步進行 門票 等 收益 全數 捐助 慈善 團體 他 日前 錄製 新加坡 節目 受訪 時 坦言 疫情爆發 以來 最 想念 的 就 是 演唱會 當場 請 一同 上 節目 的 新加坡 衛生部長 幫忙 籌辦 演出 對於 臺灣 近來 疫情 趨 緩 大型 演唱會 陸續 開放 jj 明年 上半年 有 機會 來 台 舉辦 實體 演唱會 他 的 經紀人 徐佩雲 25 日 未置可否 表示 目前 都還 沒有 定耶 計畫 趕不上 變化 所以 我們 靜 待 jj 飛返 新加坡 已 3 個 半 月 即便 上個月 已 完成 第二 劑 疫苗 接種 心裡 仍 害怕 新冠肺炎 他 說 身為 創作 人 最怕 沒 靈感 我 很 清楚 自己 的 靈感 來 自 于 自由 狀態 飛到 各 地 工作 生活 點滴 累積 而來 疫情 讓 我 覺得 創作 被 捆綁 住 很怕 這種 感覺 開玩笑 如果 疫情 持續 下去 自己 會 忘 了 怎麼 唱 歌 jj 認為 疫情 重創 各行各業 經濟 生意 不能 做 演唱會 不能 辦 等 雖然 損失慘重 但 另 一個 沒 被 看見 的 層面 是 疫情 對 大眾 身 心靈 的 影響 包括 辛苦 的 醫護人員 也 是 他 籌辦 下 個 月 公益 演唱會 的 原因 之一</t>
  </si>
  <si>
    <t>新冠肺炎 covid-19 疫情 在 全球 擴大 蔓延 疫情 之 毒 與 猛 已 橫掃 全球 金融 工業 及 服務業 市場 與此同時 專家 表示 只 要 做好 嚴防 境外 輸入 作為 新 肺 疫情爆發 中心 的 武漢 可望 在 數 日後 接近 清 零 大陸 在 抗 疫 方面 取得</t>
  </si>
  <si>
    <t>連鎖 餐飲 集團 瓦城 2729 受 新冠肺炎 疫情 衝擊 2020 年 首季 歸屬 母公司 稅 後 淨利 驟 減至 028億 元 新低 每股 盈 餘 eps 125 元 但 營運 仍 維持 獲利 表現 優於 市場 隨 著 疫情 逐漸 趨 緩 5 月 業績 已 見 回溫 曙光 公司 將 續 拼 維持 獲利 對 下半年 逐步 向 上 審慎 樂觀 瓦城 2020 年 首季 合併 營 收 1097億 元 季 減 412 年 減 123 降 至 1 年 低點 毛利率 4987 營益 率 356 分 創 5 年 及 歷史 新低 歸屬 母公司 稅 後 淨利 028億 元 季 減 3819 年 減 7377 亦 創 歷史 新低 每股 盈 餘 eps 125 元 新冠肺炎 疫情 於春節 時期 爆發 3 月 進一步 延 燒 全球 在 疫情 日益 嚴峻 情況 下 消費者 外出 用餐 意願 降低 瓦城 集團 臺灣 門市 自 2 月底 起 開始 受到 疫情 衝擊 而 率先 採取 封城 措施 防疫 的 中國 大陸 門市 至 4 月 才 部 份 復工 使 瓦城 首季 整體 營運 動能 急凍 瓦城 表示 集團 在 疫情爆發 後 即 啟動 危機 應變 小組 擬定 三大 方針 因應 首要 落實 餐飲 細節 管理 保障 員工 安全 及 全面 守護 顧客 強化 品牌 安心 美味 信賴感 其次 為 樽 節 成本 並 積極 創新 開 源 在 三大 方針 救援 下 首季 營運 雖 驟降 但 仍 維持 獲利 表現 瓦城 自 3 月 起 佈局 外 送 外帶 市場 目前 旗 下 全 品牌 已 全面 提供 外帶 外 送 服務 外 送 業績 逐月 成長 展望 後市 隨 著 臺灣 已 超過 1 個 月 無 新 增 本土 確診 病例 疫情 已 見 趨 緩 跡象 配合 政府 鼓勵 逐漸 恢復正常 生活 使 5 月 業績 已 見 回溫 曙光 瓦城 指出 5 月 起來 店 用餐 人數 已 明顯 回溫 母親節 期間 午晚餐 期 皆 客 滿 部 份 分店 的 候位 等待 時間 超過 1 小時 業績 已 逐漸 回穩 集團 將 在 3 大 方針 基礎 持續 挺進 本 季 力拼 維持 獲利 表現 並 對 下半年 營運 動能 逐步 回升 審慎 樂觀 看待</t>
  </si>
  <si>
    <t>金融服務 公司 德維爾 devere group 的 執行長 奈 傑爾·格林 nigel green 週三 表示 新冠肺炎 對 主要 供應 鏈 和 支出 行為 的 打擊 正 將 世界 推向 今年 的 全球 衰退 邊緣 格林 補充 說 週一 和 週二 的 重大 拋售 以及 爆發 帶來 的 長期 經濟 風險 使 投資者 措手不及 格林 警告 說 這種 病毒 的 影響 只 會 加劇 中 美 貿易 緊張局勢 製造業 下滑 以及 主要 經濟體 增長 放緩 的 持久 風險 並 補充 說 投資者 應該 開始 保護 自己 的 財富 格林 說 投資者 對 新冠肺炎 的 嚴重 和 深遠 的 經濟 後果 大為 措手不及 顯然 這 將 打擊 全球 供應 鏈 全球 經濟 甚至 最終 影響 政府 德維爾 預計 隨 著 感染 速度 加快 或 減弱 市場 將 在 未來 幾 周 內 表現 出 緊張不安 cboe 的 vix 指數 衡量 了 廣泛 的 市場 波動 在 週一 和 週二 的 交易 時 段 內 飆 升至 2018 年 12 月 以來 的 最高 水準 10 年 期 和 30 年 期 美國 國債 的 收益率 跌 至 紀錄 低位元 因為 投資者 急於 尋求 拋售 的 擔保 黃金 是 那些 押 注 股票 下跌 的 傳統 避險 和 對沖 押 注 創下 了 七 年 來 的 新 高 格林 說 疫情爆發 的 時機 也 使 其 自身 加劇 了 其他 經濟 風險 在 貿易 障礙 和 製造業 放緩 的 背景 下 已 開發 經濟體 已經 開始 放緩 關鍵 的 衰退 指標 呈 紅色 閃爍 分析 師 開始 質疑 歷史悠久 的 經濟 擴張 是否 即將 結束 格林 說 一旦 加入 了 其他 一系列 下行 風險 該 病毒 可能 成為 牛市 棺材 中的 釘子 格林 說 它們 可以 共同 將 世界 推向 今年 全球 衰退 的 邊緣 儘管 我 有 信心 我們 將 在 2020 年 狹義 地 避免 全球 經濟衰退 但 沒人 能 準確 預測 未來 正如 我們 所 看到 的 新冠肺炎 我們 錯誤 地 認為 市場 主要 限於 大陸</t>
  </si>
  <si>
    <t>新冠肺炎 疫情 延 燒 疫苗 話題 近來 成為 民眾 關注 重點 日前 好 心肝 診所 被 踢 爆 深夜 違規 替 不符 資格 者 施打 az 疫苗 臺北市 9 日 開 罰 200萬 台幣 並 終止 合約 今 11 日 郭子幹 認 了 接種 疫苗 侯 昌明 夫妻 則 一 改 原本 說法 也 承認 打過 疫苗 引來 網上 炮轟 曾 雅蘭 稍 早 發文 滅火 還原 被 診所 通知 有 資格 打 疫苗 的 來龍去脈 好 心肝 診所 最近 爆出 打 疫苗 爭議 身 為 好 心肝 終生 志 工 的 王彩 樺 昨 澄清 自己 在 疫情爆發 前 4 月 就 自費 到 台大 打 了 第一 劑 疫苗 花 了 600 元 預約 本月 21 日 再 到 台大 打 第二 劑 與 好 心肝 診所 事件 無關 她 因 工作 得 出外 四處 忙 坦言 當然 擔心 生病 希望 能 保護 好 自己 才能 保護 家人 小孩 至於 打 第一 劑 的 心得 王彩樺 說 第一 二 天 有點 疲 累 頭痛 但 過 幾 天 便 沒 事 了 至於 郭子幹 稍 早 他 承認 早 在 3 月 就 預約 打 疫苗 因 考量 到 家中 有 洗 腎 高血壓 病史 的 兩 位 長輩 當時 朋友 曾 勸 他 擔心 有 後遺症 但 他 仍 決定 預約 施打 承認 因 思考 不周 引發 紛爭 而 曾 雅蘭 和 侯 昌明 夫妻 稍 早 承認 打 疫苗 後 引來 不少 網友 批評 曾 雅蘭 稍 早 親 上 火線 發文 表示 夫妻倆 以 資深 志 工 在 好 心肝 基金會 工作 20 多年 4 月 就 接 獲 邀 約 今年 7 月 要 在 世界 肝癌 日 與 八月 肝病 防治 基金會 的 年度 大會 上 擔任 主持人 曾 雅蘭 說 夫妻倆 是 臨時 被 通知 可 打 疫苗 當時 兩 人 也 討論 過 順序 資格 符 不 符合 而 診所 衡量 兩 人 有 被 感染 風險 因此 好 心肝 擴大 認定 醫療 相關 人員 的 身分 提前 讓 我們 施打 了 第一 劑 這樣 才 來得及 在 活動 時施 打 第二 劑 產生 保護 力 因此 我們 施打 了 第一 劑 並 表示 很 抱歉 我們 沒有 很 周全 的 把 事情 想 仔細 造成 社會 觀感 不 佳 網友 回 我 的 天 啊 你們 怎麼 可以 大 失望 又 再 填 添 一 樁 曾 雅蘭 回應 真的 很 抱歉 因為 打 疫苗 也 是 被 臨時 通知 所以 我們 真的 沒有 想 那麼 多 如果 再 給 我 一 次 機會 我 也 會 選擇 不 去 打 再次 抱歉 另 有人 說 沒關係 反正 現在 主持 也 無法 去 了 但是 疫苗 都 打 了 不如 去 前線 幫忙 這樣 更 好 把 在 家裡 打高爾夫 烤肉 甚 什 麼 的 時間 拿 來 貢獻 社會 相信 你們 的 神會 保佑 你們 曾 雅蘭 再 表示 如果 有 需要 我們 幫忙 的 我們 一定 會 去 幫忙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臺灣 防疫 有成 在 國際 間 受 矚目 外貿協會 透過 全球 外館 努力 讓 臺灣 精品 於此 同時 在 國際 重要 媒體 獲得 大量 曝光 報導 趁勢 宣傳 優質產品 協助 廠商 爭取 商機 有 日本 買主 看到 獲 臺灣 精品 防疫 物資 額 溫槍 報導 後 立刻 透過 福岡 台 貿 中心 表示 採購 意願 貿 協 表示 4 月 起 開放 出口 後 將 安排 業者 進行 洽談 第一 時刻 抓緊 商機 據 統計 過去 6 周內 密集 不間斷 的 國際 報導 臺灣 精品 獲 國內外 媒體 總 露出 的 中英文 相關 新聞 共 795 篇 觸及 8億0994萬 人 貿 協 指出 包括 馬來西亞 媒體 thesundaily 報導 臺灣 精品 關於 醫療保健 行業 的 專題 引發 當地 醫療 相關 業者 對於 臺灣 精品 廠商 如 明達 醫學 科技 華廣 生 技 真茂 科技 的 產品 及 技術 高度 詢問 而 臺灣 精品 獲獎 產品 luft cube 稻穗 個人 空氣 清淨器 亦 獲 德國 媒體 computerbild 青睞 專文 報導 搭配 防疫 議題 突顯 空氣淨化 的 重要性 讓 業者 產品 知名度 在 歐洲 市場 倍增 新冠肺炎 疫情爆發 引起 全球 產業 停滯 效應 商業活動 趨 緩 對 臺灣 也 造成 衝擊 貿 協 自 2 月 起 即 以 運輸 金屬 運動 居家 智慧 機械 電子 資 通訊 及 醫療 照 護 等 5 大 產業 臺灣 精品 為題 竭力 透過 各式 管道 傳送 防疫 新聞 與 臺灣 產業 臺灣 精品 資訊 包括 把 華新 中衛 康 匠 等 臺灣 口罩 廠 工具機 及 機械業 者 如 哈伯 精密 東台 精 機 臺灣 瀧 澤 東捷 靄 崴 上 銀 臺灣 引 興 普森 精密 協 易 三 鋒 永進 亞 崴 等 臺灣 精品 得獎 及 品牌 企業 一口氣 推舉 至 國際 此外 臺灣 精品 更 籌畫 拍攝 臺灣 工具機 及 紡織 產業 的 國家 形象 宣傳 影片 帶領 觀眾 深入 廠房 認識 這些 推 助 醫療 前線 抗 疫 的 產業 英雄 從 研發 原料 供應 到 製成 口罩 與 醫療 防護衣 經過 升級 系統化 的 操作 彙聚 企業 的 動能 讓 大家 看 到 臺灣 優質 產業 的 實力</t>
  </si>
  <si>
    <t>通用汽車 gm 百事公司 pepsico 等 大型 廣告 客戶 近日 打算 大 砍 電視廣告 支出 藉 此 保留 資金 以 度過 新冠肺炎 危機 業 界 人士 預估 第 三 季 廣告 支出 恐 因此 銳減 10 15億 美元 在 新冠肺炎 疫情爆發 的 前 幾 周 電視廣告 支出</t>
  </si>
  <si>
    <t>通用汽車 gm 百事公司 pepsico 等 大型 廣告 客戶 近日 打算 大 砍 電視廣告 支出 藉 此 保留 資金 以 度過 新冠肺炎 危機 業 界 人士 預估 第 三 季 廣告 支出 恐 因此 銳減 10 15億 美元 在 新冠肺炎 疫情爆發 的 前 幾 周 電視廣告 支出 隨之 下跌 但 之後 降幅 並未 進一步 擴大 原因 在於 全美 高 達 420億 美元 電視廣告 支出 中 絕大部分 都 受到 合約 保障 這些 合約 在 每年 9 月 新 一 季 節目 播出 前 早已 簽訂 完成 根據 合約 規定 廣告 客戶 自 5 月 1 日 起 便 能 削減 未來 廣告 支出 而 這 也 是 他們 在 疫情爆發 後 節省 廣告 支出 的 首次 機會 廣告 客戶 最 多 可 取消 第 三 季 50 的 廣告 支出 據 消息人士 透露 各 大 企業 利 用 此 協議 取消 廣告 的 程度 不一 這些 公司 包括 通用汽車 百事公司 連鎖 餐廳 cracker barrel 食品 大廠 通用 磨坊 general mills 達美 樂 披薩 與 法國 藥廠 賽諾菲 sanofi 廣告 代理商 地平線 傳媒 公司 horizon media 投資 長 坎 柏奈 力 dave campanelli 預估 第 三 季約 有 10 15億 美元 的 廣告 支出 可能 遭到 取消 坎 柏奈 力 表示 這樣 的 跌幅 是 非常 驚人 的 事實上 廣告 客戶 按 合約 規定 擁有 此 權利 已 行 之 多 年 但 他們 很 少 取消 廣告 支出 到 這個 程度 電視 業者 並不 樂見 此 情況 發生 包括 comcast 旗 下 的 nbc 環球 viacomcbs 與 迪士尼 皆 想方設法 避免 廣告 支出 流失 viacomcbs 執行長 巴 基什 bob bakish 上周 召開 財 報 會議 時 表示 當前 環境 確實 不 佳 而 amc 電視臺 則 示 警 第二 季 廣告 營 收 恐 暴跌 30 廣告 客戶 希望 下 一 輪 合約 能 具備 更 多 彈性 好 讓 他們 在 疫情 再度 爆發 之際 能 輕易 地 抽 回 廣告 預算 但 作為 交換 各 大 電視臺 也 會 收取 一 筆 費用</t>
  </si>
  <si>
    <t>一 部 最近 才 上映 的 英國 紀錄片 除了 揭露 武漢 醫生 坦承 在 新冠肺炎 疫情爆發 之 初 大陸 官方 要 官員 噤聲 對外 隱瞞 疫情 外 也 在 片中 大贊 臺灣 的 防疫 表現 指出 信任 以及 政府 為 這 場 疫 戰 準備 了 20 年 是 臺灣 防疫 成功 的 關鍵</t>
  </si>
  <si>
    <t>一 部 最近 才 上映 的 英國 紀錄片 除了 揭露 武漢 醫生 坦承 在 新冠肺炎 疫情爆發 之 初 大陸 官方 要 官員 噤聲 對外 隱瞞 疫情 外 也 在 片中 大贊 臺灣 的 防疫 表現 指出 信任 以及 政府 為 這 場 疫 戰 準備 了 20 年 是 臺灣 防疫 成功 的 關鍵 &amp;quot taiwan has really been the standout success story in the pandemic it has essentially been planning for this pandemic for 20 years at least&amp;quot says professor @martinmckee in @itvhub documentary &amp;apos outbreak the virus that shook the world&amp;apos watch in full https t co vhhdmdec 2 q pic twitter com iaa 3 hvpogd 英國獨立電視臺 itv 19 日 晚間 播映 有 關新冠 疫情 的 紀錄片 大 爆發 震撼 世界 的 病毒 outbreak the virus that shook the world 暫 譯 片中 除了 錄下 武漢 醫生 坦言 在 新冠肺炎 疫情爆發 之 初 就 知曉 毫無疑問 這個 新冠 病毒 會 人 傳人 但 在 醫院 會議 上 被 告知 不要 對外 聲張 省籍 領導 告訴 醫院 不 要 說實話 揭露 大陸 官方 對 世界 隱瞞 疫情 等 證據 片中 也 出現 臺灣 場景 讚賞 臺灣 的 防疫 表現 在 片 尾 最後 一 分鐘 倫敦大學學院 university college london 病毒學家 皮萊 deenan pillay 指出 對抗 新冠 疫情 需要 信任 及 集體 意志 那些 在 抗 疫 方面 做 得 很 好 的 國家 都 是 那些 人民 清楚 知道 該 如何 行動 以 抑制 疫情 的 國家 影片 接 著 出現 臺灣 街頭 場景 指出 臺灣 擁有 2400萬 人口 至今 只 有 7 人 因為 新冠肺炎 喪命 沒有 實施 過 封 城 等 大 規模 限制 措施 2020 年 gdp 成長 預測 為 25 影片 後續 也 出現 倫敦 衛生 暨 熱帶 醫學院 london school of hygiene tropical medicine 教授 麥基 martin mckee 的 談話 他 說 自 2003 年 爆發 sars 嚴重 急性 呼吸道 症候 群 疫情 以來 臺灣 就 建立 由 中央 統籌 的 防疫 中心 因此 能夠 快速 因應 疫情爆發 他 說 臺灣 基本上 已經 為 這 場 新冠 疫 戰 準備 了 至少 20 年</t>
  </si>
  <si>
    <t>全球股市 經歷 十 年 多 頭 行情 之後 市場 年初 的 樂觀 氛圍 被 新冠肺炎 疫情爆發 徹底 瓦解 從 中國 迅速 蔓延 至 歐美亞 各國 加上 沙烏地 阿拉伯 及 俄羅斯 報復 性 壓低 油價 扼殺 美 葉岩 油 商 導致 油價 崩 跌 全球 資本 市場 在 兩 大 事件 夾擊</t>
  </si>
  <si>
    <t>全球股市 經歷 十 年 多 頭 行情 之後 市場 年初 的 樂觀 氛圍 被 新冠肺炎 疫情爆發 徹底 瓦解 從 中國 迅速 蔓延 至 歐美亞 各國 加上 沙烏地 阿拉伯 及 俄羅斯 報復 性 壓低 油價 扼殺 美 葉岩 油 商 導致 油價 崩 跌 全球 資本 市場 在 兩 大 事件 夾擊 下 市況 急轉直下 引發 一連串 股災 我們 可以 從 資本 市場 疫情 實體 經濟 三 個 角度 來 解讀 資本 市場 層面 回顧 歷次 金融危機 的 發生 流動性 風險 是 完美 風暴 的 必要條件 恐慌 蔓延 所 導致 的 賣壓 進一步 引發 信貸 市場 風險 美 股 這次 崩 跌 的 幅度 波動 率 速度 都 是 史無前例 歸根結底 近十年 蓬勃發展 的 被動 投資 顯然 成為 漲跌 放大器 全球 指數 型 資金 etf 規模 在 2019 年底 達到 11 兆 美元 相比 2008 年 的 規模 成長 近 四 倍 同質化 的 程式 交易 造成 大規模 拋售 流動性 枯竭 成為 第一 輪 大 跌 的 主因 然而 美國 聯 准會 隨即 推出 無限量 qe 購 債 計 畫 並 納入 投資級 企業 債 另外 推出 mmlf cpff 等 支應 貨幣 市場 及 商業 票據 的 流動性 政策 力度 之 大 暫時 緩和 了 資本 市場 的 流動性 恐慌 疫情 層面 中國 做為 本次 疫情爆發 的 初始 地 其 發展 路徑 可 做為 各國 參考 姑且 不論 官方 資料 的 準確性 疫情 發展 至今 大致 可 整理 出 以下 結論 首先 針對 疫區 封 城 隔離 模式 是 減緩 病毒 擴散 的 最佳 措施 這 也 是 目前 各國 因應 疫情 的 主要 手段 關閉 出入境 商店 餐廳 娛樂場所 及 各種 集會 暫停 所有 運動 賽事 奧運 也 因而 延期 經濟 活動 停 擺 勢必 產生 巨大 的 副作用 其次 醫療 體系 負荷 是 疫情 落於 可 控 或 失控 的 關鍵 臨界點 目前 全球 新冠肺炎 平均 致死 率 逼近 4 當中 又 以 義 大利 伊朗 中國 湖北 致死 率 遠 高於 此 值 而 台 韓 新加坡 則 有效 控制 在 數值 之下 主要 差異 在於 各地 政府 應對 的 即時性 和 醫療系統 資源 是否 充足 就此 研 判 歐美 一些 國家 的 醫療 體系 或 將 面臨 更 大 壓力 後續 觀察 重點 在於 歐美 疫情 何時 出現 轉捩點 而 大陸 在 全面 復工 之後 是否 出現 境內 二 次 感染 實體 經濟 層面 首當其衝 的 行業 包含 航空 旅遊 餐飲 及 娛樂 等 服務業 由於 經濟 活動 大幅 萎縮 連帶 衍生 停工 減 薪 資 遣 等 就業 問題 將 使 民間 消費 意願 降低 如 汽車 地產 奢侈品 等 進一步 衝擊 相關 製造業 此外 高 杠杆 企業 在 收入 大幅 縮水 情況 下 將 面臨 沉重 的 經營 壓力 雖然 各國 相繼 推出 龐大 的 財政 支持 如 美國 22 兆 美元 日本 15 兆 日圓 但 隨 著 疫情 時間 拉長 公司 債 是否 爆發 違約 潮 則 是 股市 未來 是否 進一步 大幅 修正 的 風險 因數 焦點 拉回 陸 港股 近期 從 多 家 上市 公司 調研 回饋 排除 湖北 省外 各地 商家 復工 率 在 3 月中 旬 多數 已 回升 到 70 80 逐步 好轉 另外 中國 也 持續 推出 政策 刺激 包括 降息 降 准 等 貨幣政策 更 傳出 七 個 省市 合 推 人民幣 下同 25 兆 元 用於 新 基建 投資 不同於 2008 年 的 4 兆元 集中 投放 在 傳統 基建 本次 重點 更 多 強調 于 智慧 電網 5 g 資料 中心 ai 等 新興 領域 相關 方向 值得 關注 投資 層面 由於 短期 市場 波動 劇烈 資產 配置 甚為 關鍵 投資人 應 針對 可 承受 的 風險 偏好 來 調整 現金 及 持 股 部位 個股 選擇 上 看好 逆 週期 政策 兼具 低估 值 的 基建 建材 相關 領域 龍頭</t>
  </si>
  <si>
    <t>口罩 現在 成為 每個 人 的 生活 必需品 但要 美觀 實用 卻 不容易 北科大 教務處 日前 舉辦 創意 北 科 口罩 設計 比賽 鼓勵 學生 發揮 美感 設計 抗 疫 必備 的 口罩 圖樣 並 將 獲選 第 1 名 的 口罩 設計 實際 量 產 近日 送出 6000 片 給 鄰里 及 醫護人員 使用 獲選 第一 名 的 北科大 工業 設計 系 創新 設計 碩士班 同學 呂俊翰 說 他 設計 的 口罩 以北 科大 校徽 為 主題 使用 藍綠漸 層 為主 色調 將 校徽 的 橢圓 造型 衍 伸出 炸裂 無限 宇宙 等 新 元素 還 融入 象徵 生態 校園 的 烏龜 展現 想像力 與 創造力 北科大 將 獲選 第一 名 的 口罩 設計 實際 量 產 近日 由 校長 王錫福 代表 致贈 3千 片 與 學校 附近 的 民 輝 裡 昌隆 裡 朱 園裡 還 由 教務長 楊 士 萱 代表 致贈 3千 片 與 臺北市立 萬芳 醫院 攜手 鄰里 醫護 共同 對抗 疫情 王錫福 指出 自新冠肺炎 疫情爆發 後 學校 師生 與 周邊 鄰里 一心 落實 防疫 工作 共同 守護 社區 在 疫情 關鍵時刻 校園 周邊 的 民 輝 裡 昌隆 裡 朱 園裡 持續 宣導 防疫 措施 環境 清 消 一同 打造 社區 安全網 絡 每 一 片 設計 口罩 都 代表 著 北科大 的 一 片 愛心 希望 幫助 大家 順利 度過 疫情 為 感謝 防疫 前線 的 醫護人員 北科大 也 將 設計 口罩 送 到 臺北市立 萬芳 醫院 由 萬芳 醫院院長 陳 作 孝 代表 受 贈 楊士萱 表示 站 在 第一線 照顧 確診 病 患 的 醫護 付出 與 貢獻 有目共睹 盼 將 學生 的 創意 與 學校 的 敬意 傳達 給 醫護人員 感謝 他們 為 臺灣 醫療 挺身而出 盡心盡力 萬芳 醫院院長 陳 作 孝 表示 此款 兼具 設計 與 活潑 配色 的 口罩 為 醫護 同仁 轉換 風格 並 帶來 愉快 心情 也 十分 肯定 北科大 呂同學 活用 設計 專長 貢獻 一己 之 力 替 醫護人員 加油打氣 的 用心</t>
  </si>
  <si>
    <t>新冠肺炎 疫情 失控 全台 陷入 恐慌 新北 市 市長 侯友宜 率先 在 12 日 疫情爆發 之 初 喊 出 該 封城 就 封城 當時 引發 不小 爭議 但 隨後 續 疫情 不斷 升溫 侯 的 聲勢 也 水漲船高 國民黨中常委 呂學 樟 直言 最近 疫情 嚴峻 歡迎 侯</t>
  </si>
  <si>
    <t>新冠肺炎 疫情 失控 全台 陷入 恐慌 新北 市 市長 侯友宜 率先 在 12 日 疫情爆發 之 初 喊 出 該 封城 就 封城 當時 引發 不小 爭議 但 隨後 續 疫情 不斷 升溫 侯 的 聲勢 也 水漲船高 國民黨中常委 呂學 樟 直言 最近 疫情 嚴峻 歡迎 侯 儘量 表現 若 能 在 防疫期間 表現 卓越 向藍 營 與 全國 人民 展現出 治理 城市 甚至 治國 能力 2024 年 總統大選 推 侯 出來 也 不是 壞事 雙 北 已 提升 至 第 三級 警戒 若 疫情 無法 降溫 國民黨 主席 選舉 是否 延期 引發 關注 呂學 樟 今日 18 接受 香港媒體 中 評 社 訪問 表示 這 是 小事 強調 疫情 可望 讓 國民黨 主席 選舉 更 單純 延期 與否 都 是 小事 民進黨 執政 處理 疫情 荒 腔 走板 不顧 人民 健康 跟不上 國際 抗 疫 腳步 這些 問題 才 大 條 呂學 樟 痛 批 民進黨 政府 對於 疫苗 安排 採購 與 防疫 沒有 任何 積極 作法 人民 只 看 到 民進黨 自私自利 像是 明知 自家 立 委 要求 機師 檢疫 放寬 造成 防疫 破 口 卻 也 沒有 任何 道歉 在 這個 情勢 下 國民黨 主席 選舉 早已 不是 民眾 關心 重點 反而 是 這 場 疫情 讓 民眾 從 侯友宜 身上 看到 國民黨 的 希望 侯 面對 疫情 展現出 過人 的 決斷 力 他 也 歡迎 侯 儘量 表現 若 表現 好 將 能 讓 更 多 人 看到 治理 城市 之 才 甚至 是 治國 的 才能 呂學 樟 坦言 侯友宜 基本上 不 會 選 党 主席 頂多 被 列入 2024 年 總統 熱門 人選 所以 他 歡迎 侯在 疫情 期間 儘量 表現 如 侯真 通過 疫情 考驗 2024 年 總統大選 推 侯 出來 相信 也 不是 壞事 呂更 表示 為何 都 是 檯面 上 這些 人選 呢 並 指出 像 新北 市 前 市長 朱立倫 無論 選 党 主席 或 總統 都 並非 全無 機會 但 現在 就是 欠缺 舞臺 無法 好好 表現 只要 有 好 表現 也 會 有 機會 若 侯 表現 不好 2024 年 的 參選 與 角色 問題 也 不 會 一直 被 拿 來 討論</t>
  </si>
  <si>
    <t>新冠肺炎 疫情 延 燒 不少 演藝圈 名人 紛紛 對 國內外 疫區 伸出 援手 包括 大陸 知名 女星 楊冪 等 人 於 26 日 向 西班牙 馬德里 巴賽 隆 納 捐贈 醫療 物資 包括 10 台 papr 正壓 式 頭 罩 500 件 vg 防護 服 及 500 個 護目鏡 等 今 由 北京 中轉 深圳 送往 當地 兩 家 收治 重症 最 多 的 醫院 愛心 不落人後 楊冪 近期 常在 微博 發文 為 第一 線 醫療 人員 打氣 她 看得出 相當 關心 疫情 據 陸媒 報導 這次 已經 是 楊冪 的 第 六 度 捐贈 物資 在 疫情爆發 後 她 也 曾以 個人 名義 透過 壹 基金 捐款 20萬 人民幣 下同 也 與 謝謝 你 醫生 劇組 一起 捐款 10萬 元 至 韓紅 基金會 此外 又 聯合 公司 名義 捐贈 10萬 個 口罩 990 件 防護 服 以及 消毒水 15 箱 至 疫區 更 多 ctwant 報導</t>
  </si>
  <si>
    <t>臺灣 本土 疫情 大 爆發 截至 24 日 上午 本島 只 剩下 台東 沒有 確診 個案 其 餘 縣 市 均 淪陷 雙北更 先後 破 千 例 成 了 重災區 疫情 指揮中心 宣佈 全國 升級 三級 警戒 後 民眾 非必要 幾乎 都 不 出門 有 網友 提供 高鐵 列車 上 最新 照片 整節 車廂 空蕩蕩 一 片 僅 零星 數 名 乘客 一 列車 載 不 到 100 人 高鐵 通車 14 年 以來 現在 遭遇 的 狀況 最 嚴峻 去年 疫情爆發 的 時候 也 沒有 這麼 誇張 一 名 讀者 向 中 時 新聞網 表示 他因 工作 需求 必須 搭 高鐵 南來北往 已 儘量 避開 人潮 沒 想到 其實 不 需要 避 因為 根本 沒 什麼 人 全國 進入 三級 警戒 後 包括 蔡英文 總統 防疫 指揮官 陳時中 臺北市 長 柯文哲 等 人 都 呼籲 民眾 儘量 待在家裡 尤其 週末 更 不要 出門 民眾 配合 度 高 許多 熱門 景點 都成 了 空 城 路上 一個 人 都 沒有 高 鐵一列 12 節車廂 座 位數 約 990 個 有 員工 私下 表示 雖然 一 列車 載 不滿 100 人運輸 效率 超低 但 看 到 臺灣人 自主 封城 確實 覺得 很 驕傲 希望 疫情 儘快 過去 恢復正常 生活 臺灣 高鐵 宣佈 受 疫情 影響 運量 銳減 經 審慎 評估 自 5 月 21 日 至 6 月 10 日 實施 短期 班 表 原本 一 周 有 1016 班次 減至 845 班次</t>
  </si>
  <si>
    <t>新冠肺炎 疫情 肆虐 全球 讓 各行各業 者 損失慘重 只能 咬牙 苦 撐 但 民以食為天 民眾 不能不 吃飯 許多 民眾 害怕 外出 改 叫外賣 因此 直接 衝擊 到 店面 餐飲業者 彰 化 員林 就 有 餐飲業者 因應 疫情 斥資 近 百萬 店 休 10 天 將 店 內 環境 進行 全面 升級 還 訂制 專用 壓克力板 來 阻隔 民眾 飛 沫 噴濺 傳染 的 風險 也 在 每 桌 位置 上 放置 消毒水 讓 民眾 在 用餐 前後 都可 自行 消毒 員 湘 園 鴨 肉 飯 老闆 藍偉洲 表示 疫情爆發 後 就 看到 許多 店家 設置 類似 的 壓克力 隔離 版 但 當時 國內 疫情 還算 平穩 所以 沒 做 後來 疫情 逐漸 蔓延 全台 他 才 開始 著 手下 去 計畫 也 利用 機會 將 開業 五 年 的 鴨 肉 飯店 進行 全面 的 大 整修 藍 偉洲 說 他 斥資 80 多 萬 元 在 用餐 區 訂制 壓克力 隔離 版 因為 他 要求 比較 高 包括 壓克力 切 角 要 圓弧 以免 刮 傷 客人 更 直接 將 壓克力 鎖 在 木 桌上 相對 牢靠 讓 消費者 可以 安心 用餐 也 在 每 桌 放置 消毒水 讓 客人 可以 在 用餐 前後 自行 消毒 藍 偉洲 說 為了 這次 防疫 工程 1 共 停業 10 天 改造 包含 料理 區 出 餐 區 座位 區 等等 幾乎 打 掉 重 練 也 增加 店 內 排水 設施 避免 因 潮濕 細菌 滋生 另外 除了 每月 固定 的 消毒 外 還 帶 店 內 所 有 員工 去 施打 肺炎 疫苗 雖然 不是 針對 新冠肺炎 但 多少 能 增加 自身 免疫力 員工 就 像 家人 一樣 費用 當然 公司 出 藍 偉洲 還 說 因為 顧客 是 他們 的 資產 今天 如果 在 店 內 發生 感染 不管 對 店家 客人 還有 員工 都 是 一 種 傷害 他 有 責任 要 去 把關 防疫期間 也 沒 辦法 去 算 成本 只 希望 大家 有 一個 安全 無 虞 的 用餐 環境</t>
  </si>
  <si>
    <t>韓國政府 3 日 宣佈 追加 353 兆 韓元 預算 規模 創下 史 上 最 大 紀錄 同時 也 是 2020 年 第 三 度 針對 新冠肺炎 危機 所 提出 振興 經濟 追加預算 韓國政府 為了 緩解 新冠肺炎 對 經濟 的 衝擊 迄今 共 挹注 270 兆 韓元 救 經濟 受 此 消息 激勵 韓國 kospi 指數 3 日 開高 走 高 終場 大 漲 29 收在 2147 點 新冠肺炎 疫情 嚴重 打擊 韓國 經濟 韓國政府 迄今 推出 的 振興 經濟 措施 合計 約 占 國內 生產 毛額 gdp 的 14 第 三輪 追加預算 目的 在 保障 工作 機會 開發新冠肺炎 疫苗 提供 折價券 刺激 消費 同時 對 遭受 疫情 重創 的 中小企業 提供 更 多 貸款 追加預算 需 得到 國會 批准 最新 追加預算 將 提供 239 兆 韓元 財政 挹注 協助 企業 商家 與 家庭 度過 危機 同時 彌補 因 疫情 導致 的 政府 收入 短少 金額 估計 為 114 兆 韓元 疫情 衝擊 商業活動 貿易 和 消費 支出 韓國 財政部長 洪 楠 基 hong nam-ki 日前 表示 政府 致力 支撐 經濟 此刻 沒有 餘 裕 顧慮 負債 占 gdp 比重 第 三輪 追加預算 將 讓 韓國 2020 年 負債 占 gdp 比重 升至 435 反觀 疫情爆發 前 的 負債 比重 不到 gdp 的 40 洪楠基 在 第 三輪 追加預算 公佈 的 數日 前 表示 韓國 正 陷入 經濟危機 我們 別無選擇 只能 推出 更 多 財政 措施 因為 財政政策 是 政府 最後 的 堡壘 韓國 日前 下 修 2020 年 經濟 成長 預測 由 擴張 24 下 修至成 長 01 恐 寫 下 1998 年 亞洲 金融風暴 以來 最差 表現 韓國 2019 年 經濟 成長 2 新冠肺炎 重創 倚重 出口 的 韓國 經濟 除 了 政府 祭出 財政 刺激 韓國央行 自 3 月 以來 兩 度 宣佈 降息 截至 5 月 韓國 出口 已 連續 3 個 月 萎縮 且 經濟 前景 仍 籠罩 陰霾 主要 因為 疫情 肆虐 全球 及 全球 兩 大 經濟體 美國 與 大陸 關係 再度 緊張</t>
  </si>
  <si>
    <t>臺灣 民意 基金會 公佈 的 民 調 顯示 民進黨政 黨 認同度 在 疫情爆發 後 出現 墜 崖 式 崩落 流失 三百萬 的 死忠 支持者 臺灣 民意 基金會 董事長 游盈隆 今 接受 資深 媒體 人 黃暐瀚 採訪 時 表示 民進黨 低估 病毒 高估 自己 結果</t>
  </si>
  <si>
    <t>臺灣 民意 基金會 公佈 的 民 調 顯示 民進黨政 黨 認同度 在 疫情爆發 後 出現 墜 崖 式 崩落 流失 三百萬 的 死忠 支持者 臺灣 民意 基金會 董事長 游盈隆 今 接受 資深 媒體 人 黃暐瀚 採訪 時 表示 民進黨 低估 病毒 高估 自己 結果 就是 重傷 如果 民進黨 無法 扭轉 這 波 的 頹勢 那麼 2022 想要 選 得 好 那是 非常 困難 的 黃暐瀚 今 16 日 在 臉書 發文 表示 因為 疫情 的 關係 臺灣 民意 基金會 六月 最新 的 民 調 民進黨 的 認同 者 狂 掉 了 15 大約 三百萬 人 為什麼 會 流失 三百萬 的 死忠 支持者 游 盈 隆 今 接受 pop 撞 新聞 的 專訪 用 八 個 字 低估 病毒 高估 自己 來 做 總結 黃暐瀚 稱 該 買 疫苗 卻 買 的 不夠 檢 視 過去 一 年 的 疫苗 政策 顯然 政府 只 把 國際 疫苗 的 最 大值 訂 在 2500萬 劑 國產 疫苗 則 擔綱 2000萬 劑 共計 4500萬 劑 問題 是 國產 疫苗 成功 與否 誰 能 保證 不 買 足 國際 疫苗 是 民進黨 所犯 的 第 一個 錯 而 當 五月 疫情 開始 之後 確診 與 死亡 人數 不斷 攀升 民眾 這 才 知道 原來 政府 沒有 它 口中 所說 做 得 真 有 那麼 好 黃暐瀚 直言 不只 一般 民眾 失望 連 民進黨 的 死忠 支持者 都 搖頭 歎氣 三月 時 民進黨 的 強烈 認同 者 還有 131 六月 剩下 87 至於 溫和 認同 者 也 從 30 降為 195 少掉 了 15 的 民進黨 認同 者 等於 跑 掉 了 三百萬 的 死忠 選民 民進黨 低估 病毒 高估 自己 結果 就是 重傷 民進黨 傷 成 這樣 黃暐瀚 觀察 到 國民黨 卻 一點 好處 都 沒有 討到 三月 藍 營 認同 百分比 只 剩 19 六月 居然 更 低 變成 189 雖說 現在 距離 2022 的 縣市長 選舉 還有 一 年 多 的 時間 要 說 勝敗 太 早 了 些 不過 遊盈隆 強調 地方 選舉 與 總統 選舉 完全 不同 總統大選 拋 不開 兩岸 統 獨 議題 但 地方 選舉 則 與 民眾 的 生活 滿意度 直接 相關 如果 民進黨 無法 扭轉 這 波 的 頹勢 那麼2022 想要 選 得 好 那是 非常 困難 的</t>
  </si>
  <si>
    <t>新冠肺炎 covid-19 疫情 肆虐 各國 已 影響 製造業 交通運輸 等 產業 正常 運作 國際貨幣基金組織 imf 總裁 喬治艾娃 kristalina georgieva 認為 現在 要 斷定 疫情 造成 的 經濟損失 仍 為 時尚 早 但 她 認為 這 對 全球 經濟 的 衝擊 應屬 輕微 中國 經濟 亦 可望 看到 v 型 復蘇 美國 財經 媒體 cnbc 報導 喬治艾娃 受訪 時 稱 中國 的 財政 與 貨幣政策 已 針對 疫情 採取 了 即時 有效 的 應對 措施 imf 預期 疫情 將 讓 中國 經濟 活動 出現 急遽 下滑 但 之後 製造商 會 大量 回補 庫存 從而 帶動 這個 世界 第二 大 經濟 出現 迅速 復蘇 形成 v 型 反彈 也就是說 疫情 對 大陸 乃至 於 全球 其他 地區 造成 的 經濟 影響 相對 有限 外界 普遍 用 2003 年 sars 時期 對比 2020 年 的 新冠肺炎 疫情 喬治艾娃 認為 兩者 的 時空 背景 不同 全球 經濟 環境 也 不同 她 坦言 本次 的 疫情 影響 顯然 較 sars 時期 更 甚 但 現在 要 預測 疫情 影響 還 言之過早 在 疫情爆發 前 imf 預測 2020 年 中國 經濟 成長率 為 6 而 2003 年 gdp 增速 則 為 10 除了 imf 正 在 審慎 評估 疫情 的 影響 路透 報導 世界銀行 總裁 瑪律帕斯 david malpass 本月 初 出席 一 場 座談會 時 提出 新冠肺炎 已 奪 走 多 條 人命 並 導致 商家 暫停營業 封城 等 措施 疫情 嚴重性 遠 高 預期 預告 將 會 下 修 全球 經濟 成長 預測 世 銀在 疫情爆發 前 的 1 月 8 日 曾 公佈 報告 隨 著 中 美 貿易戰 局勢 趨 緩 2020 年 全球 經濟 將 加速 擴張 預測 2020 年 全球 gdp 增速 會 從 2019 年 的 24 提高 到 25 另一方面 多 家 投 行 則 對 中國 經濟 相對 悲觀 近日 已 大幅 下 修 中國 經濟 成長率 的 預測 包括 花旗 瑞銀 已 先後 將 中國 第一 季 的 gdp 增速 分別 下調 到 36 和 38 高盛 的 看法 略微 樂觀 預測 中國 第一 季 gdp 成長率 在 4 值得 關注 的 是 g 20 財長 和 央行 行長 會議 即將 在 2 月 2223 日 于沙 烏 地 阿拉伯 首都 利雅德 舉行 包含 喬治艾娃 等 多 位 國際 機構 負責人 也 將 出席 會上 將 重點 討論 肺炎 疫情 對 全球 經濟 的 影響</t>
  </si>
  <si>
    <t>大陸 監獄 新冠肺炎 疫情 大 爆發 據 大陸 司法部監獄管理局 負責人 何平昨 21 日 表示 至 前天 20 日 為止 湖北 山東 浙江 3 省 5 座 監獄 共計 確診 505 例 其中 浙江省 光是 20 日 就 新增 28 例 當中 的 27 例 都 是 來自 同 十 裡 豐 監獄 加上 先前 的 7 例 該 監獄 已 有 34 例 確診 案例 疫情 之所以 失控 都 是 裡面 的 獄警 隱瞞 旅遊 史 上班 6 天才 被 查 到 浙江省 司法 廳 副 廳長 徐曉波 指出 這 名 隱瞞 旅遊 史 的 獄警 1 月 14 日 到 19 日 前往 武漢 旅遊 回到 浙江 後 居然 繼續 上班 直到 1 月 25 日 深夜 才 被 抓到 但 獄中 已 有 多 人 受 感染疫情爆發 後 十 裡 豐 監獄 依照 大陸 國務院 的 防疫 要求 對 監獄 進行 全面 排查 作業 只 要 與 病例 有 密切接觸 就 會 進行 隔離 觀察 徐曉波 說 逮 到 這 名 疫情爆發 獄警 元兇 後 立刻 將 他 送 往 醫院 檢測 果然 在 1 月 29 日 確診 是 新冠肺炎 30 日 依法 公佈 該 名 案例 但因 該 獄警 武漢 回來 後 上班 6 天 接觸 的 人 過多 才 會 造成 多 名 罪犯 感染</t>
  </si>
  <si>
    <t>內蒙古 阿拉善盟 額濟納旗 近日 爆發 本土 疫情 昨 25 日 再 新增 15 例 本土 確診 病例 當地 宣佈 自 當日 淩晨 零 時 起 實施 封 區 要求 當地 居民 和 遊客 足不出戶 嚴禁 聚集 據 瞭解 每年 10 月 是 當地 旅遊 旺季 該 人口 約 只 有 36萬 人 的 小城 目前 約 有 9700 名 外地 遊客 滯留 上 週一 18 日 5 名額 濟 納 旗人 與 外地 遊客 接觸 後 確診 隨即 實施 封閉 管理 48 小時 並 展開 大規模 核酸 檢測 從 22 日 起 額濟納旗 每日 為 滯留 遊客 免費 提供 1 餐 正餐 1 個 醫用 口罩 一 份 泡 面 火腿 和 礦泉水 當地 要求 旅館 及 酒店 於 這 段 期間 實施 價格控制 規定 房租 每天 不 超過 200 元 人民幣 下同 由 市場 監管部門 監督 有 當地 酒店 負責 人稱 疫情 之下 單是 一 日 的 人力 成本 便 損失 7000 元 自 疫情爆發 以來 當地 不少 牧民 紛紛 拿出 家中 的 米麵 製成 油餅 饅頭 等 食物 派 發給 滯留 於 民 宿 的 遊客 一些 牧民 甚至 向 地方 官員 表示 願意 捐 出 駱駝和 羊 額濟納旗 文化 旅遊 廣電局 于 上周 四 21 日 對 滯留 當地 的 遊客 表示 將 為 滯留 遊客 贈送 當地 3 個 景區 門票 1 張 自 2021 年 起 3 年內 可 免費 遊覽</t>
  </si>
  <si>
    <t>臺灣 疫情 持續 緊張 幸好 台股 在 連日 重 挫 後 率先 強 彈 外資 研究 機構 包括 里昂 滙豐 瑞銀 等 全 轉向 高 殖 利率 投資 策略 從 防禦 特質 帶起 反彈 連兩日 佈局 的 國際 資金 收到 極 佳 效果 滙豐 更 把 台股 投資 評等 一口氣 拉升 至 加碼 展現 頂 著 風雨 愛 臺灣 決心 里昂 證券 臺灣區 研究 部 主管 陳鈞寧 提出 防禦 性 投資 觀念 國際 資金 17 日 果斷 優先 回 補 跌 深 高 殖 利率 個股 瑞銀 滙豐 證券 等 同樣 青睞 高 殖 利率 股 摩根 大通 證券 臺灣區 研究 部 主管 哈 戈穀 gokul hariharan 則 認為 台股 電子 股 基本 面 與 需求面 絲毫 沒有 轉 壞 跡象 未來 幾 季 獲利 甚至 持續 高漲 這時 反而 可 趁 過度 回檔 時 承接 如 祥 碩 聯發 科 聯 詠 欣興 玉晶光 信 驊 等 從 中期 觀點 來看 台積電 也 有 一定 吸引力 滙豐 證券 指出 台股 受到 新冠肺炎 本土 疫情爆發 影響 大量 使用 融資 的 一般 投資人 拋售 持 股 導致 股價 修正 大段 然 滙豐 先前 存有 台股 評價 過 高之 疑慮 卻 也 在 大幅 回檔 後 消散 因此 逆勢 將 台股 的 投資 評等 由 減 碼 跳 升至 加碼 升 評 台股 的 理由 除了 因 劇烈 回檔 導致 評價 開始 散發出 吸引力 外 滙豐 證券 亞太 策略 研究 團隊 主管 林傳英 herald van der linde 指出 台股 在 2020 年繳 出 企業 獲利 大 增 27 的 高 水準 後 儘管 基期 已 拉高 市場 共識 是 2021 年 還 會 再 年 增 36 展現 強悍 的 基本 面 也 是 過去 十 年 來 的 最佳 動能 同時 台股 在 亞太 區域 中 向來 也 被 視為 高 現金 殖 利率 市場 是 另 一大 利多 瑞 銀 證券 台股 策略 分析 師陳玟 瑾 提 醒 台股 何時 穩定 取決 於 臺灣 新冠肺炎 疫情 變化 以及 對 外部 對 通 膨 壓力 是否 導致 美國 收縮 資金 的 憂心 高波 動 環境 說不定 會 延續 三 至 四 個 月 在 投資 組合 中 必須 佈局 高 殖 利率 產業 趨勢 正向 以及 回檔 後 散發 投資 價值 的 個股 值得注意 的 是 臺灣 身為 外銷 導向 經濟體 滙豐 認為 內需 狀況 並 沒有 完全 反映 在 股市 表現 上 若 從 本土 疫情 影響 部分 內需 消費 產業 的 情形 來看 萬一 使 當地 經濟 活動 減緩 對 台股 整體 企業 獲利 影響 也 不 大</t>
  </si>
  <si>
    <t>國內 本土 疫情 仍 在 高峰 昨天 又 新增 297 例 本土 確診 及 19 名 死亡 個案 再創 單日 死亡 新高 讓 民眾 出門 買 菜 人心惶惶 怕 把 病毒 帶 回家中 因此 染疫 林口長 庚 兒科 急診 醫師 吳昌騰 表示 最新 研究 顯示 病毒 載 量 極 高 的 患者 有 超過 三 分之一 的 人 是 沒有 症狀 平均年齡 376 歲 可能 是 大量 傳染 的 源頭 呼籲 大家 儘量少 去 市場 超市 若 怕 把 病毒 帶回家 記得 蔬菜 不要 生食 用 專用 盆子 洗 生肉 勤洗手 等 4 大 清洗 食物 關鍵 要 注意 吳 昌騰 27 日 在 臉書 表示 新北 確診 者 足跡 有 70 至 80 都 在 市場 同時 一 篇 發表 於 科學 的 最新 論文 指出 少數 感染者 會 導致 所有 傳播 裡頭 提到 這些 病毒 載 量 極 高 的 患者 有 超過 三 分之一 的 人 是 沒有 症狀 或是 症狀 極輕 看似 健康 的 感染者 平均年齡 是 376 歲 他們 與 確診 的 重症 患者 具有 相同 水準 的 病毒傳播 能力 因此 這些 少數 的 病例可能 是 大量 傳染 的 源頭 觸發 社區 疫情爆發 的 關鍵 吳 昌騰 表示 在 疫情 控制 住 之前 拜 讬 大家 市場 賣 場 超市 還是 儘量少 去 若非 去 不 可 就 必須 保持 社交距離 和 強制 戴 口罩 假如 害怕 病毒 停留 在 食物 上 帶回家 他 過去 也 分享 過 4 大 方法 保證 食物 安全 第一 清洗 食物 科學 的 做法 是 蔬菜水果 要 吃 之前 請 先用 自來水 清洗 這樣 可以 將 附 著 在 表面 的 病毒 過濾 掉 80 至 90 第二 蔬菜 儘量 不 要 生食 而 應 炒 熟 吃 水果 最好 削 皮 因為 新冠 病毒 怕 熱 在 溫度 56 狀態 下 30 分鐘 內 能 被 殺死 而 炒菜 等 溫度 能 達到 100 甚至 更 高 病毒 能 立即 被 殺死 因此 吃 熟食 可 有效 地 防止 被 感染 第 三 清洗 生肉 洗 生肉 的 時候 最好 把 肉 放在 專門 用來 洗 肉 的 盆子 裡 加 水 浸洗 能夠 防止 把 可能 攜帶 的 病毒 或者 其他 致病菌 濺 到 廚房 其他 食物 餐具 上 第 四 勤洗手 在 烹調 處理食物 之前 期間 及 之後 都 要 洗手 當 接觸 過 動物 或者 動物 產品 後 注意 用 肥皂 洗手 避免 沒有 洗手 就 觸摸 眼睛 鼻子 和 嘴巴 處理 熟食 和 生食 之 前 要 注意 洗手 上 完 廁所 吃 飯前 要 注意 洗手 吳 昌騰 表示 新冠 病毒 通過 飛 沫 直接 接觸 傳播 到 蔬菜 肉 和 水果 上 理論 上 能 存活 最 長 不 會 超過 48 小時 但 病毒 只能 藉 助 活 的 細胞 例如 需要 在 人 動物 的 細胞 進行 繁殖 複製 因此 超市 的 蔬菜 肉 和 水果 上 的 病毒 存活 時間 不 會 太長</t>
  </si>
  <si>
    <t>根據 大陸 國家 衛健 委 19 日 公佈 最新 資料 新冠肺炎 疫情爆發 中心 武漢 18 日 新增 確診 病例 清 零 大陸 新 確診 病例 全 為 自 境外 輸入 並 有 持續 增加 之 勢 值得注意 的 是 北京 當天 境外移入 共 21 例 占全國 境外移入 病例 已 逾 6 成</t>
  </si>
  <si>
    <t>根據 大陸 國家 衛健 委 19 日 公佈 最新 資料 新冠肺炎 疫情爆發 中心 武漢 18 日 新增 確診 病例 清 零 大陸 新 確診 病例 全 為 自 境外 輸入 並 有 持續 增加 之 勢 值得注意 的 是 北京 當天 境外移入 共 21 例 占全國 境外移入 病例 已 逾 6 成 北京市疾控中心 表示 境外 輸入 病例 已 成為 北京 疫情 防控 工作 的 主要 挑戰 大陸 國家 衛健 委 表示 近期 大陸 境外 輸入 病例 明顯 增加 北京 上海 廣東 都有 病例 輸入 全 大陸 18 日 新增 病例 34 例 全 為 境外 輸入 北京 廣東 上海 分別 新增 21 例 9 例 2 例 目前 北京 境外 輸入 病例 快速 增加 18 日 新增 21 例 確診 病例 比 2 月 29 日 首次 報告 境外 輸入 病例 增長 10 倍 近 三 周 尤其 是 近 一 周來 呈現 明顯 增長 趨勢 北京市疾控中心 副 主任 龐星火 指出 目前 北京 境外 輸入 病例 居 大陸 之首 截至 18 日 累計 病例 64 例 占全國 境外 輸入 確診 病例 總量 的 34 尤其 是 18 日 當天 新增 境外移入 21 例 占全 大陸 62 龐星火 表示 目前 北京 境外移入 病例 多 以 入境 中轉 旅客 為主 64 例 中 在 北京 有 常住地 的 14 例 占比 22 78 病例 是 中轉 旅客 此外 留學生 居多 64 例 中 留學生 有 27 名 占 病例 總數 42 至於 來源 多 是 歐美國家</t>
  </si>
  <si>
    <t>創源 生 技 4160 去年 擴展 基因 檢測 範疇 帶動 業績 再創 歷年 新高 2019 年 整體 營 收 較 前 一 年 成 長 13 而 在 新冠肺炎 covid-19 衝擊 之下 仍 不畏 威脅 逆勢 增長 2020 年 1 2 月 營 收 又 較 去年同期 成 長 11 表現 亮 眼 執行長 蔡政憲 博士 表示 成長 動能 源自 於兩 主要 原因 其一 基因 檢測 從 流感 易 感性 單項 擴大 為 流感 綜合 評估 3 大 檢測 內容 隨 著 疫情 發展 健康 意識 飆 升 該項 創舉 引起 市場 高度 共鳴 其二 化學 生物 資訊 團隊 長期以來 提供 客戶 研發 動能 在 疫情爆發 第一時間 即時 提出 多 項 幫助 covid-19 新藥 開發 主題 獲 國家級 研究 單位 與 醫學 中心 重用 創源 從 預防 醫學 藥物 研發 到 細胞 治療 針對 疫情 提供 整合性 多元 解決 方案 後勁 發展 備受矚目 2019 年 創源 初步 導入 流感 易 感性 檢測 專案 作為 基因 檢測 發展 主要 目標 之一 在 疫情爆發 後 更 立即 擴張 檢測 範圍 納入 民眾 深度 關切 的 3 大 流感 綜合 評估 內容 包含 流感 病毒 感染力 免疫 反應 與 疫苗 效力 該項 策略 受到 醫 界 大力 支持 並 獲得 市場 廣大 迴響 此外 因應 未來 病毒 威脅 常態 化 創源 在 醫 界 專家 指導 下 進一步 投入 5 年 流感 與 呼吸道 病毒感染 疾病 研究 計畫 持續 擴 增 疾病 感染 防護 能量 涵蓋 從 呼吸道 病毒感染 預防 到 病程 管理 服務 從 核心 落實 防疫 措施 將 大幅 提升 民眾 防禦 力 另一方面 透過 提供 科學 資訊 平臺 創源 在 第一時間 站上 防疫 前線 不僅 幫助 研究 新型 冠狀病毒 sars-cov- 2 對 肺部 組織 感染 途徑 與 傷害 以及 入侵 人體 的 主要 受體 -ace 2 於各 組織 之 基因 表現 判 讀 同時 供應 多種 主題 藥物 應用 開發 平臺 如 ai 藥物 合成 設計 路徑分析 老 藥 新用 和 中草藥 抗 病毒 篩選 流感 病毒 新藥 篩選 等 藉 由 賦 能 平臺 加快 國內 藥物 研究 速度 甚至 偕同 國家級 研究 單位 進行 病毒 新藥應用 研發 輔助 財團法人 醫學 和 研究 單位 共同 深度 對抗 新冠 病毒 後續 發展 不容 小覷 此外 創 源於 2018 年 積極 開創 遠 距 服務 系統 2019 年 將 數位 轉型 列為 企業 主要 經營 計畫 之一 成立 數位 發展 專業 團隊 策略 性 的 升級 服務平臺 規劃 從 采 檢 到 報告 查詢 全程 數位化 適逢 疫情 所 需 數位 轉型 再度 受到 醫療 院所 和 保健 單位 回應 支援 未來 將 進一步 開發 資訊 串接 整合 產業鏈 資源 策劃 集團 一 站 式 服務平臺 為 消費者 建立 完善 的 遠 端 醫療保健 網路 預計 帶動 整體 服務 銷量 再創新高</t>
  </si>
  <si>
    <t>新冠肺炎 疫情爆發 逾 百 日後 中共 總書記 習近平 10 日 上午 抵達 疫情 最 嚴重 的 武漢 視察 香港 經濟日報 引述 觀察 人士 稱 此行 釋放 3 大 政治 訊號 一 是 疫情 已 暫 告 緩和 二 給予 復工 信心 和 鼓勵 三 是 安撫 為 控制 疫情 而 被 封城 的</t>
  </si>
  <si>
    <t>新冠肺炎 疫情爆發 逾 百 日後 中共 總書記 習近平 10 日 上午 抵達 疫情 最 嚴重 的 武漢 視察 香港 經濟日報 引述 觀察 人士 稱 此行 釋放 3 大 政治 訊號 一 是 疫情 已 暫 告 緩和 二 給予 復工 信心 和 鼓勵 三 是 安撫 為 控制 疫情 而 被 封城 的 民眾 新冠肺炎 去年 12 月 爆發 武漢 1 月 23 日 封 城 控制 疫情 外界 此前 已 預期 習近平 很 可能 在 疫情 出現 大約 100 天 後 赴 武漢 考察 習近平 昨天 的 行程 證實 這 一 推斷 觀察 人士 分析 習近平 此行 釋放 三大 重要 政治 訊號 其一 防疫 取得 階段 成果 進入 緩和 期 武漢 是 全陸 疫情 最 嚴重 區域 習 考察 武漢 被 視為 大陸 疫情 是否 階段性 實質 地 好轉 的 一個 重要 觀察 視窗 而 據 大陸 國家 衛健 委 官 網 通報 的 最新 資料 反映 9 日 僅 新增 新冠肺炎 確診 病例 19 例 扣除 湖北省 與 境外 輸入 這 兩 個 來源 其他 省 市 地區 已經 連續 3 天 新增 確診 掛零 分析 指 習近平 此刻 到 武漢 頗 有 宣 告 此前 防疫 措施 取得 成效 疫情 暫 受 控 甚至 有 趨 緩 之 勢 其二 給予 企業 復工 信心 和 鼓勵 儘管 大陸 疫情 數字 趨 緩 但 部分 企業 復工 仍 如履薄冰 憂慮 新冠肺炎 會 隨 復工 出現 群 聚 感染 而 再度 擴散 日前 有 資料 就 顯示 北京 高新 企業 的 復工 率 只 有 4 至 8 成 左右 觀察 者 指出 習近平 親 赴 疫情 最 嚴重 的 武漢 視察 釋出 疫情 暫 受 控 企業 可 放心 復工 的 訊號 有 專家 指出 大陸 復工 率 至 本月底 有 需要 提高 至 90 以上 以 減少 中國 經濟 受損 程度 護航 就業 其三 安撫 受 封城 影響 的 湖北 民眾 武漢 封城 湖北 封城 有助 切斷 新冠肺炎 傳播 鏈 對 陸抗 疫 有貢獻 但 卻 嚴重 影響 當地 居民 生活 政治 觀察 者 指 習 此時 到訪 武漢 便 頗 有 安撫 當地 民眾 的 意味</t>
  </si>
  <si>
    <t>新冠肺炎 疫情 延 燒 期間 電影院 業績 慘 澹 台南 社 大 開始 錄 影 電影 研究社 16 日 卻 準備 在 中西區 正 興街 與 國華 街 黃金地段 舉辦 疫情 以來 首 場 露天 微 電影 13 歲 那年 的 天空 預估 觀眾 達 百 人 社長 林宗 伻 稱 已 做 好 防疫 準備 要 在 臺灣 疫情 好轉 後 號召 民眾 看 一 場 好 電影 台南 社 大 開始 錄 影 電影 研究社 7 年 來 已 拍攝 11 部 微 電影 透過 電影 關注 街 友 女性 同志 獨居 老人 與 親 子 議題 這次 新作 13 歲 那年 的 天空 是 一 部 青少年 為主 的 微 電影 以 闡述 隔 代 教養 適 性教育 為 主題 內容 是 不 愛 念書 的 小 女孩 如何 透過 運動 找到 自己 的 方向 林 宗 伻 表示 影片 拍攝 1 年 之久 後 製作 期 剛好 疫情爆發 組員 在 4 月中 討論 影片 首映 時間 設定 疫情 若 確診 未 超過 500 人 死亡 未 達 10 人 就 照 時間表 上映 全台 院 線 片 受 疫情 影響 電影票房 幾乎 被 打 趴 大 檔影片 紛紛 延後 上映 臺灣 正 展開 防疫 新 生活 台南 社 大 電影 組 評估 選 在 16 日 週末 人潮 容易 聚集 的 正 興 街 采 露天電影 方式 進行 預計 觀眾 100 人 座位 會 保持 安全 距離 現場會 有 噴 酒精 與 量 體溫 的 防疫 程式 這部 13 歲 那年 的 天空 片 長 僅 半 小時 規模 卻 不亞於 院 線 片 是 台南 社 大 電影 社 創 社 以來 投入 最 多 資源 動員 最 多 人 力 的 作品 社會 各項 活動 逐步 解禁 林宗 伻 呼籲 民眾 一同 來 體驗 防疫 以來 台南 首場 露天 微 電影</t>
  </si>
  <si>
    <t>美聯社 5 日 報導 隨 著 印度 變種 病毒株 首次 發現 於 印度 在 中國 大陸 橫流 大陸 代價 高昂 的 封鎖 與 隔離 戰略 正 面臨 嚴峻 的 挑戰 考量 到 2022 年 北京 不但 要 舉辦 冬奧 該 年 年底 領導人 也 面臨 更替 習近平 勢必 希望 能 持續保持 經濟 熱度 過去 中國 大陸 領導人 對於 阻絕 病毒 於 門外 相當 有 自信 而 今日 疫情 或許 正 提醒 北京 另 謀 傷害性 沒有 這麼 大 的 抗 疫 之 道 由於 delta 變種 病毒 的 高度 傳染 力 已 讓 美國 澳洲 與 其他 國家 的 政府 重新 祭出 限制 措施 也 讓 北京 必須 與 2020 年 武漢 高峰期 以來 的 最 嚴重 疫情 搏鬥 北京政府 再度 祭出 封鎖 與 隔離 的 老路 將 擁有 150萬 人口 的 城市 對外 連結 全數 切斷 航班 通通 取消 並 在 部分 地區 展開 大規模 篩檢 透過 零 容忍 政策 隔離 每個 確診 病例 並 阻止 外國 遭 感染 的 人士 入境 大陸 去年 成功 控制 住 疫情 使得 國內 成功 擺脫 病毒 的 困擾 不過 這樣 的 作法 影響 數 百萬 人 的 工作 與 生活 也 提醒 北京政府 應 學會 控制 病毒 而非 反 覆 關閉 經濟 與 社會 生活 疫情 期間 爆 紅 粉絲 人數 高達 300萬 的 大陸 醫師 張文 宏 在 社 群 軟 體 上 寫道 最新 一 波 疫情 的 爆發 顯示 大陸 的 戰略 應該 改變 畢竟 病毒 不 會 消失 世界 需要 學習 如何 與 病毒 共存 考量 到 2022 年 2 月 北京 將 舉辦 冬季 奧運 屆時 上 千 名 運動員 記者 等 前往 首都 勢必 考驗 大陸 的 管制 措施 另一方面 2022 年 年底 領導階層 也 會 面臨 變動 這 也 讓 領導階層 希望 大陸 經濟 情勢 持續 處於 樂觀 階段 2020 年 中國 大陸 封閉 境內 大多數 地區 切斷 擁有 6000萬 人口 城市 的 對外 通道 這種 做法 雖然 被 亞洲 與 美洲 各國 政府 小 規模 的 模仿 與 執行 但 封鎖 與 隔離政策 卻 導致 大陸 經歷 近 五 年 來 最 痛苦 的 經濟 緊縮 也 逼得 北京 不得不 在 2020 年 3 月 恢復 商業 與 國內 旅行 在 大陸 新 一 波 的 疫情 中 許多 確診 病例 的 患者 已 接種 疫苗 疫情 撼動 全球 金融市場 市場 憂心 北京 再度 祭出 隔離 與 封鎖 措施 恐 打亂 製造業 與 產業 供應 鏈 上海 東京 與 香港 股票 指標 3 日 應聲 下跌 所幸 5 日 重新 上漲 耶魯大學 公共 衛生 學院 的 陳希 建議 透過 加速 疫苗 接種 或 加快 確診 病 患 診療 從而 避免 社區 爆發 感染 並 允許 商業 與 旅行 大陸 也 應該 思考 開放 各種 疫苗 包括 德國 biontech 研發 的 疫苗 我 不 認為 零 容忍 的 做法 能夠 持續 下去 即使 你 封鎖 全 中國 大陸 依舊會 有 死亡 人數 出現 甚至 更 多 人 是 因為 饑餓 或 失業 而 死 不過 北京 目前 仍 沒有 放棄 其 作 法 的 跡象 大陸 國家 衛生 健康 委員會 疾病 預防 控制 局 官員 指出 疾病 控制 必須 更 快 更 堅定 更 嚴格 更 廣泛 與 做好 準備 衛生 官員 表示 這 波 2021 年 規模 最 大 的 疫情 可 追溯到 7 月 10 日 南京 俄國 航空 的 機場 清潔 人員 部分 遭 感染 的 旅客 自 南京 飛往 熱門 旅遊勝地 張家界 讓 後者 成為 病毒 傳染 的 大本營 疫情 更 向 北京 等 10 多 個 省市 擴散 張家界 3 日 已 宣佈 任何人 不得 離開 這種 做法 是 模仿 去年 發現 首 起 確診 病例 武漢 的 做法 飛往 南京 與 楊州 的 航班 都 已 暫停 這 兩 大 城市 與 其他 21 個 城市 開 往 北京 的 火車 也 全都 取消 江蘇省 在 高速公路 設立 檢查站 對 駕駛 進行 快 篩 政府 呼籲 北京 與 廣州 民眾 應 盡可能 避免 離開 城市 揚州 大學生 周蕭 蕭 表示 揚州 部分 地區 已 遭到 封鎖 更 傳出 有 兩 間 補習班 僅 因 班上 出現 1 名 同學 篩檢 結果 為 陽性 而 全班 遭到 隔離 由於 預期 封鎖 可能 造成 物資 不足 大批 民眾 跑 去 賣 場 採購 導致 雞蛋 與 部分 食物 短缺 目前 政府 配給 米 給 每戶 食用 蔬菜 價格上漲 對於 經濟 生活 不 太 理想 或是 沒有 收入 的 家庭 恐怕 很 麻煩 雖然 與 印度 美國 每日 新增 確診 數 破 萬 相比 大陸 7 月 中旬 以來 的 感染 數 為 1142 例 多半 為 南京 實屬 小巫見大巫 但 大陸 領導人 卻 深深 遭到 震撼 畢竟 自 2 月 以來 大陸 就 沒有 出現 死亡 案例 環球時報 坦言 這 波 疫情 對 大陸 取得 不易 的 抗 疫 勝利 帶來 嚴峻 挑戰 迄今 大陸 確診 數 約 93萬 例 死亡 人數 達 4636 人 儘管 人們 擔心 大陸 疫苗 保護 作用 不如 其他 疫苗 但 南京 東南大學 醫院 楊毅 表示 南京 的 大部分 確診 者 登 有 接種 疫苗 重症 案例 卻 很 少見 這 意味著 疫苗 的 確有 保護 效用 政府 指控 南京機場 管理人員 與 地方 官員 在 病毒 開始 傳播 的 10 天內 並未 執行 安全 規範 也 沒有 發現 有人 確診 至 到 7 月 20 才因 疫情爆發 而 發現 陳希 認為 大陸 有 必要 學習 在 疫苗 覆蓋率 高 醫療保健 資源 更 豐富 的 地區 容許 病毒 的 存在 大陸 部分 地區 成年人 疫苗 覆蓋 已 達 8 成 我 不 認為 他們 會 對 此 視而不見 指 病毒 的 存在 他們 應該 已經 在 考慮 了</t>
  </si>
  <si>
    <t>面對 美國 川普 政府 一再 指責 陸 隱瞞 疫情 並 揚言 調查 可能 是 病毒 起源 的 武漢 病毒 研究所 陸官媒 連日 反擊 除了 先前 陸 中央電視臺 連 兩 日 指責 美國 國務卿 蓬佩 奧 有 四大 罪 之外 陸 人民日報 也 於 4 月 30 日 晚 發佈 這 10 個 追問 美國 必須 回答 除了 批評 美國 忙 著 造謠 抹黑 甩 鍋 之外 這些 問題 都 指向 美國 可能 早 出現 社區 傳播 懷疑 美國 恐為 真正 的 病毒 起源 以下 是 人民日報 追問 美國 的 十 大 問題 1 禽流感 病毒 改造 去年 突然 重 啟 之後 無聲無息 為什麼 2019 年 2 月 據 美國 科學 雜誌 網站 披露 美國政府 機構 已 悄悄 批准 曾 引發 巨大 爭議 的 禽流感 病毒 改造 實驗 這類 被 認為 危險 的 實驗 在 被禁 多年 後 將 很快 重 啟 相關 實驗 可 將 h 5 n 1 禽流感 病毒 改造 得 易於 在 哺乳動物 間 傳播 被 認為 可能 帶來 人際 傳播 風險 美國 為 何在 相關 實驗 被 暫停 4 年 多 後 重 啟 這類 危險 實驗又 為何 不見 披露 進展 2 美軍 生物 實驗室 一度 關閉 停產 真相 是 什麼 日前 據 全球 生物 防禦 globalbiodefence 網站 報導 位於 馬里蘭州 德 特裡克 堡 的 美國陸軍 傳染病 醫學 研究所 usamriid 已經 全面 恢復 運行 2019 年 7 月 美國疾病控制與預防中心 cdc 正式 向 位於 馬里蘭州 德 特裡克 堡 的 美國陸軍 傳染病 醫學 研究所 usamriid 發出 停產 令 要求 其 停止 進行 特定 生物 製劑 與 毒素 研究 今年 3 月 白宮 請願 網站 出現 一道 特殊 的 請願 帖 要求 美國政府 公佈 去年 7 月 關閉 德 特裡克 堡 生物 實驗室 的 真正 原因 usamriid 神秘 關閉 和 迅速 重 啟 引人關注 針對 白宮 請願 網站 請願 帖 上 的 要求 美國 作何 回應 3 去年 傳染病 演習 情景 今年 真實 上演 真的 只是 巧合 今年 3 月 紐約時報 披露 的 一 份 美國 官方 秘密檔 顯示 2019 年 1 月 至 8 月 16 日 舉行 美國 衛生 與 公共 服務部 hhs 發起組織 了 一 場 代號 為 赤 色 傳染 crimson contagion 的 推演 演習 以 中國 最 早 出現 病毒 為 類比 情景 2019 年 10 月 美國 多 個 機構 又 組織 了 一 次 代號 為 event 201 的 全球 流行病 演習 演練 中的 模型 假設 一 種 名 為 caps 的 冠狀病毒 比 sars 致命 又 如 感冒 輕易 傳播 卻 未 開發 出 疫苗 能 迅速 傳播 促成 全球 大 流行 美國 去年 進行 的 傳染病 演習 的 設定 與 現實 的 吻合 度 如此 之 高 是否 只是 巧合 既然 有 演練 在 前 新冠 疫情 發生 後 美國 為何 沒有 給予 足夠 的 關注 和 重視 宣稱 尚 在 掌握 之中 4 提前 預測 疫情 大 流行 又 無視 警告 情報 為什麼 今年 4 月 據 美國廣播公司 abc 報導 有 內部消息 稱 早 在 2019 年 11 月 下旬 美國 情報 官員 就 曾多次 向 國防 情報局 五角大樓 和 白宮 警告 一 場 傳染病 正 在 席捲 中國 武漢地區 美國 國家 醫學 情報中心 ncmi 去年 11 月出具 了 一 份 詳細 闡述 病毒 大 流行 情況 的 報告 也 就 是 後來 被 確認 的 新型 冠狀病毒 肺炎 covid-19 有 分析 人士 認為 武漢 疫情爆發 可能 會 演變成 一 場 災難性 事件 據 美國 華盛頓郵報 網站 報導 稱 在 年初 的 2 個 多 月 時間 裡 特朗普 獲得 了 美國 情報機構 發出 的 關於 新冠 病毒 的 密集 警告 美國政府 為何 一直 拖到 3 月 13 日 才 宣佈 進入 國家 緊急狀態 5 有 多少 流感 患者 感染 的 其實 是 新冠肺炎 能 不能 說 清楚 今年 2 月 21 日 日本 朝日電視臺 報導 的 美國 14萬 名 因 流感 致死 的 人中 部分 可能 死於 新冠肺炎 掀起 熱 議 美 疾 控 中心 2 月底 發 佈 的 報告 顯示 今冬 流感 季 美國 估計 已 有 至少 3200萬 流感 3 月 11 日 在 美國眾議院 美國疾控中心 主任 雷德菲爾德 robert redfield 親口 承認 在 美國 確實 有 一些 流感 死者 實際 感染 的 可能 是 新冠肺炎 美國 流感 感染者中 到底 有 多少 新冠 病例 美國 有 沒有 借 流感 來 掩蓋 新冠肺炎 的 情況 美國 何時 才能 公開 美國 流感 病毒 樣本 及 基因 序列 資訊 或者 允許 世衛組織 或 聯合國 派遣 專家 採樣 分析 6 新冠 病毒 到底 什麼 時候 在 美國 出現 社區 傳播 是否 早已 開始 今年 4 月 下旬 美國 加州 聖克拉拉 縣政府 公共 衛生部門 公佈 的 最新 檢測 報告 顯示 早 在 2 月 6 日 當地 就 有人 死於 新冠肺炎 這 比 美國 此前 公佈 的 首例 新冠 死亡 病例 出現 時間 提前 了 20 多 天 據 洛杉磯 時報 報導 聖克拉拉 縣 的 衛生 官員 科迪 表示 這些 新 發現 的 死亡 病例 說明 當時 已經 有 相當程度 的 社區 傳播 聖克拉拉 縣 行政長官 史密斯 表示 這 表明 新冠 病毒 早 在 1 月 甚至 更 早就 已經 開始 在 加州 傳播 加州 州長 紐瑟姆 gavin newsom 已 宣佈 將 對 去年 12 月 以來 疑 似 新冠 死亡 病例 進行 屍檢 新冠 病毒 到底 什麼 時候 在 美國 出現美國 新冠 疫情 在 社區 的 傳播 是否 早已 開始 7 全球 首 個 啟動 新冠 疫苗 人體 試驗 這麼 快 是 怎麼 拿到 毒 株 的 據 華爾街日報 報導 美國國立衛生研究院 national institutes of health 3 月 16 日 稱 生物科技 公司 moderna inc mrna 針對 新型 冠狀病毒 的 試驗 性 疫苗 已 開始 首次 人體 測試 對於 全球 首次 針對 新型 冠狀病毒 的 疫苗 人體 試驗 在 美國 啟動 一 事 專家 表示 美國 這 一針 實在太 快 了 除非 很 早 就 開始 進行 試驗 更 早 的 拿 到 了 病毒株 美國 疫苗 人體 試驗 為何 進行 得 如此 之 快 美國 是 什麼 時候 通 過 什麼 方式 獲得 的 毒 株 8 政府 說 疫情 不 嚴重 官員 卻 在 狂 拋 股票 為什麼 據 華盛頓郵報 報導 大約 在 新冠肺炎 疫情 引發 美 股 暴跌 之前 一 周 美國國會參議院 情報 委員會 主席 伯爾 密集 出售 了 自己 和 夫人 持有 的 33 只 股票 估價 在 628萬 美元 到 172萬 美元 之間 為什麼 2 月中 旬 美國政府 對 本國 新冠肺炎 疫情 輕描淡寫 而 參議院 情報 委員會 的 多 位 官員 卻 在 那時 拋售 價值 上 百萬 的 股票 難道 政客 們 竟然 一邊 利用 內幕 交易 售賣 股票 一邊 對 公眾 隱瞞 疫情 9 不許 美國 專家學者 隨意 公開 談論 新冠 病毒 是 想幹什麼 據 美國 紐約時報 報導 在 由 副 總統 邁克·彭斯 領導 美國 防疫 工作 之後 白宮 於 當地 時間 2 月 27 日 開始 加強 了 對 新冠 病毒資訊 發聲 的 控制 包括 美國國立衛生研究院 nih 過敏 和 傳染病 研究所 niaid 主任 美國疾控中心 cdc 頂級 傳染病 專家 福西 anthony s fauci 在內 的 眾多 科學家 和 政府 衛生 官員 被 要求 只有 與 美國 副 總統 辦公室 協調 商議 後 才能 發聲明 或 公開 露面 談論 新冠 病毒 的 相關 話題 為什麼 號稱 言論自由 的 美國 不 允許 專家學者 自由 公開 討論 新冠 病毒 是 想 隱瞞 什麼 還是 在 害怕 什麼 10 海外 生物 實驗室 到底 在 做 什麼 研究 為什麼 從不 向 外界 透露 據 俄羅斯 衛星 通訊社 日前 報導 俄羅斯國家杜馬 國際事務 委員會 副 主席 波 克隆 斯 卡婭 提議 核查 世界各地 美國 生物 實驗室 的 合法性 前不久 俄羅斯外交部 發言人 就 美國 在 前 蘇聯 國家 建立 生物 實驗室 表達 關切 俄羅斯 內政 外交 和 國防 領域專家 特羅菲姆丘克 表示 美國 這些 生物 實驗室 所 從事 的 工作 從不 向 外界 透露 並且 這些 實驗室 引發 了 大量 的 問題 在 實驗室 所在地 就 曾 爆發 過 大 範圍 的 麻疹 等 危險 的 傳染 類 疾病 美國 建立 的 這些 生物 實驗室 到底 在 進行 什麼 研究 美國 為 何對 這些 生物 實驗室 的 功能 用途 安全係數 等 三緘其口</t>
  </si>
  <si>
    <t>新冠肺炎 疫情 擴散 至 歐美地區 全球股市 慘遭 恐慌 拋售 市場 專家 表示 台股 受 股災 影響 的 同時 擁有 籌碼 面 技術 面 優勢 且 2 月 營 收 利多 較 去年 成長 的 個股 展現 十足 抗 疫情 力道 包括 南電 泰鼎 -ky 原相 展旺 等 16 檔 可 做為 投資 參考 新冠肺炎 疫情爆發 至今 超過 兩 個 月 全球 醫療 體系 且 戰且 走 等待 疫苗 的 開發 此時 受 波及 的 經濟 層面 愈來愈 廣 從 航空 旅遊 觀光 餐飲 到 電子業 都 受 影響 尤其 大陸 營 收 占比偏 高 的 上市 櫃 公司 營運 表現 受到 拖累 例如 麗 豐 -ky 的 2 月 營 收 驟降 至 125億 元 年 減 5659 大陸 營 收 占比偏 高且 2 月 營 收 僅 剩下 往年 同期 一半 的 案例 比比皆是 兆 豐 國際 投 顧 董事長 李秀利 表示 上市 櫃 公司 10 日前 陸續 發佈 2 月 營 收 台股 上市 櫃 企業 面對 疫情 產生 的 衝擊 程度 開始 呈現 在 財務資料 上 市場 能否 鎮定 應對 可能 對 中長線 趨勢 造成 影響 就 現階段 而言 2 月 營 收有 能力 繳 出 亮 眼 成績單 的 公司 將 成為 台股 新 一 波 的 投資 熱點 挑選 2 月 合併 營 收 較 去年同期 成長 三大 法人 近 五 個 交易日 買超 且 股價 技術 面 強勁 的 個股 計有 南 電 泰鼎 -ky 原相 展旺 熱映 京城 銀 訊 連 福懋科 中電 台勝科 圓 展 松翰 世豐 台翰 安棋 資訊 宅 配 通 等 16 檔 個股 據 李秀利 觀察 營運 強勁 個股 集中 在 5 g 受惠 pcb 族群 如 南 電 泰鼎 -ky 以及 肺炎 疫情 受惠 股 如 熱映 展旺 松翰 宅 配 通 圓 展 人臉 辨識 題材 的 訊 連及 漲價 概念 股 矽 晶圓廠 台 勝 科 也 有 不錯 表現 肺炎 疫情 導致 全球 額 溫槍 供不應求 ic 設計 廠 松 翰 提供 額 溫槍 的 mcu 晶 片 2 月 營 收 年 增 3617 額 溫槍廠 熱映 2 月 營 收 年 增 更 高 達 20027 至於 抗生素 制程 開發 原料藥 的 展旺 受惠 厄 它 培 南放 量 出 貨 2 月 營 收 年 增 9322 由於 展旺 2019 年 第 四季 轉 虧 為 盈 市場 期待 今年 財務 表現 更上一層樓 永豐 投 顧 總經理 李學詩 表示 疫情 在 海外 快速 散播 死亡 人數 攀 高 市場 多頭 不 願意 冒險 進攻 但 台股 下方 年 線 有 強力 買 盤 支撐 形成 區間 架構 全球 市場 唯一 超大 利多 是 美國 聯 准會 fed 緊急 降息 兩碼 且 國際 油價 低迷 通 膨 威脅 不大 讓 貨幣政策 有 施展 空間 降低 疫情 在 股市 風險</t>
  </si>
  <si>
    <t>新冠肺炎 疫情 延 燒 尋求 相對 穩定 收益 需求 下 及 預期 各國 進一步 寬鬆 亞洲 高 收益 債 持續 受到 資金 青睞 根據 epfr 統計 資金 續 大幅 買超 亞 高收 債 成為 資金 避風港 有利 佈局 亞 高 收 債 基金 掌握 這 波 行情 日盛 亞洲 高 收益 債券 基金 經理 人 鄭易芸 表示 今年以來 亞 高收 債 受 資金 追 捧 指數 大幅 沖高 新冠肺炎 疫情爆發 的 恐慌 影響 反 轉小 跌 但 跌幅 僅 093 隨後 快速 反彈 回升 指數 並 再創新高 全球 主要 央行 貨幣政策 續 偏向 寬鬆 市場 追逐 收益 熱情 不減 亞 高 收 延續 強勁 吸 金力 支撐 亞 高 收 牛市 強勁 宏利 投 信 亞洲 固定 收益 部 首席 投資 總監 彭德 信 認為 亞洲 固定 收益 市場 後續 發展 視 肺炎 疫情 對 大陸 及 亞洲 經濟 影響 近來 美國 公債 殖 利率 下跌 預料 續 維持 窄幅 整 提供 區間 內 短線交易 機會 且 疫情 影響 應 不 會 動搖 利率政策 目前 發展 難 預料 將 持續 多久 但 若 利差 進一步顯著 擴大 將 是 加碼 亞 高收 債 良機 安 本 標準 投 信 認為 新興 亞洲 多元化 程度 具 龐 大 潛力 帶來 分散 投資 效益 並 提供 不少 機會 亞洲 公司 債 具 吸引力 的 風險 報酬 特質 因 相關性 日增 的 低利 時代 可望 在 投資 組合 中 發揮 關鍵作用 帶來 穩健 風險 調整 後 報酬 為 降低 潛 在 匯率 風險 佈局 當地 貨幣 債 時 建議 采 一 籃子 貨幣 並 選擇 預期 與 新興 經濟體 同步 的 歐元 英鎊 和 澳 幣 等 避免 危機 期間 美元 和 日圓 等 避險 貨幣 通常 逆向 走勢 結果 造成 匯 損 群 益全民 成長 樂 退 組合 基 金經理 人 林宗慧 強調 在 新冠肺炎 疫情 干擾 下 金融市場 震盪 加劇 但 全球 主要 央行 接連 采 貨幣 寬鬆 政策 相對 有助 固定 收益 資產 後市 表現 其中 亞洲 國家 企業 體質 穩健 經濟 成長 動能 無 虞 且 政 經 風險 較 低 亞 高 收 債 更 能 吸引 資金 流入 有利 後續 表現</t>
  </si>
  <si>
    <t>臺灣 疫情爆發 目前 臺灣 最 需要 的 是 疫苗 但是 外傳 有人 在 阻擋 購買 國際 大廠 疫苗 甚至 不讓 民間 自 購 是 為了 炒股 如今 衛福部 疾 管署 已 與 高端 及 聯 亞 兩 家 國產 疫苗 廠 簽約 各 採購 500萬 劑 淡江大學 全球 發展 學院院長 包 正 豪</t>
  </si>
  <si>
    <t>臺灣 疫情爆發 目前 臺灣 最 需要 的 是 疫苗 但是 外傳 有人 在 阻擋 購買 國際 大廠 疫苗 甚至 不讓 民間 自 購 是 為了 炒股 如今 衛福部 疾 管署 已 與 高端 及 聯 亞 兩 家 國產 疫苗 廠 簽約 各 採購 500萬 劑 淡江大學 全球 發展 學院院長 包 正 豪 表示 我 ok 你 先 打 他 推測 高端疫苗 解 盲 一定 會 過關 以及 不 需要 做 三期 試驗 並 有 緊急 授權 衛福部 疾 管署 已 在 28 日 與 高端 聯 亞 兩 家 國產 疫苗 廠 簽約 每家 各 採購 500萬 劑 含 開口 合約 最 多 各 採購 1000萬 劑 中央 採購 國產 疫苗 數量 最 多 可 達 2000萬 劑 不過 高端疫苗 目前 僅 完成 二期 臨床 試驗 尚未 取得 臺灣 緊急 使用 授權 eua 高端 預計 6 月初 聯 亞 6 月中 送交 檢 體 最 快 6 月底 提出 申請 緊急 授權 高端 則 表示 依 採購 機關 要 求 合約 其他 細節 不予 公開 包 正 豪 30 日 在 臉書 貼 文 表示 我 ok 你 先 打 根本就是 已經 簽約 要買 了 如果 他 假設 高端疫苗 解 盲 一定 會 過關 以及 不 需要 做 三期 試驗 並 有 緊急 授權 也 是 合理 的 推測 包 正 豪 接 著 表示 政府 對 高端 真好 不 知道 如果 從 現在 開始 監聽 監控 高端 經營 階層 和 大 股東 們 的 通訊 和 相關 金流 最終 我們 會 得到 什麼樣 的 內幕 當然 這時候 政府 肯定 不 會 做 違反 人權 的 事情 有 網友 在 底下 貼 了 一 張 高端 股市 圖 包正豪 回應 網友 說 看起來 現在 追 的話 就 是 被 人 當 韭菜 了 還好 我 窮 也 有 網友 表示 明天 週一 開市 促 轉會 還 不 趕緊 介入 喔</t>
  </si>
  <si>
    <t>眼看 美國 新冠肺炎 疫情 再度 惡化 蘋果 25 日 又 宣佈 佛羅里達州 14 家 先前 恢復 營業 的 門市 再度 關閉 自 上周 以來 重新 關閉 的 美國 門市 已 達 32 家 令 外界 擔心 美國 疫情 惡化 速度 超乎想像 受到 銀行 股 下跌 及 耐 吉 財 報 拖累 美 股 週五 早 盤 下挫 道 瓊 工業 指數 大跌 約 556 點 跌幅 為 217 標 普 500 指數 與 那斯 達克 綜合 指數 跌幅 分別 為 178 與 202 而 隨 著 美洲 疫情 尚未 達 高峰 世界衛生組織 who 預估 全球 新冠肺炎 確診 人數 將 于下周 突破 千萬 人 美國 疫情 經歷 34 月 高峰期 後 稍 有 趨 緩 令 各州 政府 近日 開始 解除 封鎖 沒 想到 各地 確診 病例 再度 爆 增 美國 在 25 日 當天 一口氣 新增 39972 名 確診 病例 創下 單日 最高 紀錄 包括 亞利桑那州 佛州 密西西比州 及 密蘇里州 等 地 都 創下 單日 最 高 新增 病例 日前 率先 解封 的 德州 也 在 25 日 宣佈 暫停 重 啟 經濟 因為 當地 在 22 日 新增 超過 6千 名 確診 病例 且 新冠肺炎 病 患 住院 人數 已 連續 13 天 破 紀錄 蘋果 發言人 在 25 日 表示 蘋果 門市 所在 的 部分 地區 疫情 惡化 因此 我們 決定 暫時 關閉 這些 門市 我們 非常 謹慎 做出 這項 決定 並 將 密切注意 疫情 發展 希望 我們 的 團隊 能 儘快 回 到 工作 岡 位元 服務 顧客 回顧 今年 3 月 美國 疫情爆發 初期 蘋果 便 採取 超前 部署 的 防疫 政策 率先 關閉 全美 271 家門 市 今年 5 月 美國 各州 陸續 解封 後 蘋果 多數 門市 恢復 營業 並 嚴格 實施 為 顧客 量 體溫 及 限制 社交距離 等 防疫 措施 然而 蘋果 在 6 月 19 日 突然 宣佈 亞利桑那州 佛州 北卡羅萊納州 南卡 羅萊 納州 共 11 家 門市 再度 關閉 原因 是 當地 確診 病例 再度 攀升 蘋果 在 24 日 宣佈 德州 關閉 7 家 門市 後 25 日 又 宣佈 橫跨 佛州 6 個 縣 市 共 14 家 門市 自 26 日 起 關閉 這 一連串 的 關店 消息引起 全球 關注 因為 蘋果 門市 大多 開在 大型 購物 中心 一直 被 外界 視為 美國 零售業 復蘇 的 參考 指標 如今 蘋果 在 美國 共有 32 家 門市 再度 關閉 意味著 蘋果 無視 地方 政府 的 解封 計 畫 而是 優先 考量 各地 疫情 最新進展 令 外界 擔心 美國 疫情 惡化 速度 比 政府 預期 還 嚴重</t>
  </si>
  <si>
    <t>新北 市長 侯友宜 預告 一旦 幼稚園 確診 者 是 delta 病毒 將 立即 取消 餐廳 內 用 臺北市 長 柯文哲 7 日 表示 若是 遇到 delta 病毒 會 再 檢 視 一 遍 啟動 警戒 的 標準 與 定義 但 不 用 製造 恐慌 不 要 看到 1 例 delta 病毒 就 地球 毀滅 別 那麼 緊張 柯文哲 今 午 主持 防疫 記者會 指出 北市 因應 疫情 有 訂 出 警戒 表格 每 一級 都有 啟動 的 標準 再 由 各局 處 去 做 管制 措施 若是 遇到 delta 病毒 因為 傳染 力表 較 強 會 再 檢 視 一 遍 啟動 與 降級 標準 要 不 要 改 定義 但 他 也 認為 不用 製造 恐慌 他 表示 像 幼稚園 染疫 來勢洶洶 好多 人 感染 但 經過 今年 5 月 疫情爆發 後 雙 北市 在 疫 調 隔離 的 速度 比 以前 快 太 多 新 常態 就是 把 警戒 表格 訂好 按 sop 該 怎麼 做 就 怎麼 做 也 不 要 事先 就讓 大家 很 緊張 神經線 放大 條 一點 但 會 針對 delta 病毒 重新 檢 視 一下 防疫 管制 表柯文哲 說 外界 關心 中秋節 烤肉 但 2 周 以後 的 事 2 周後 再 問 他 就 好 本來 就 說 下週一 對外 宣佈 但 2 周後 的 事 很 難 預測 不要 在 群眾 當中 製造 恐慌 做 政府 的 有 完整 準備 該 怎麼 做 就 怎麼 做 他 強調 delta 病毒 比 先前 alpha 病毒 強 很多 到底 多 厲害 也 不用 太 恐慌 每次 遇到 問題 千萬 不要 驚慌 上網 讀 一下 資料 國外 論文 報告 想 清楚 再 做 delta 病毒 穿透力 傳染 力 比較 強 但 不 要 看到 1 例 delta 病毒 就 地球 毀滅 別 那麼 緊張 北市 聯合醫院 副 總 院長 璩 大 成 指揮 一個 專業 小組 市府 把 問題 丟 進去 把 全世界 論文 調出 來 整理 後 擬 出 政策 做 政策 還是 要 有 科學 證據</t>
  </si>
  <si>
    <t>臺灣 這 波 疫情爆發 至今 累計 321 人 死亡 其中 35 人 為 到 院前 死亡 占 118 中央流行疫情指揮中心 醫療 應變 組 副 組長 羅一鈞 表示 快樂 缺氧 通常 並 無 前兆 氧氣 濃度 都 很 低 症狀 嚴重 時再 送醫 通常 都 已經 太 遲 另外 林口長 庚</t>
  </si>
  <si>
    <t>臺灣 這 波 疫情爆發 至今 累計 321 人 死亡 其中 35 人 為 到 院前 死亡 占 118 中央流行疫情指揮中心 醫療 應變 組 副 組長 羅一鈞 表示 快樂 缺氧 通常 並 無 前兆 氧氣 濃度 都 很 低 症狀 嚴重 時再 送醫 通常 都 已經 太 遲 另外 林口 長庚醫院 兒科 急診 醫師 吳昌騰 也 分享 4 個 症狀 包括 胸 悶 無法 呼吸 呼吸 急促 達 正常 呼吸 速率 的 3 倍 及 嘴唇 和 手指 發 青 羅 一 鈞 於 昨日 記者會 上 表示 從 5 月 11 日 爆發 至今 總共 有 321 人 死亡 當中 有 35 人 為 到 院前 死亡 占 118 由於 新冠肺炎 的 病程 可以 變化 得 很 快速 有 快樂 缺氧 的 情況 到 院前 死亡 的 案例 不少 特別是在 家中 猝死 的 患者 已 無法 調查 死亡 前 或 病程 開始 後 中間 曾有 出現 什麼 症狀 就 專家 跟 國外 的 研究 仍以 快樂 缺氧 最為 可能 不論 年紀 都有 可能 因 此 死亡 羅 一 鈞 補充 表示 快樂 缺氧 通常 並 無 前兆 氧氣 濃度 都 很 低 但 症狀 很 嚴重 時 再 送醫 都 已經 太 遲 另外 吳昌騰 日前 也 曾 在 臉書 指出 快樂 缺氧 即為 病人 的 血 氧 飽和度 水準 低於 預期 的 飽和度 但 當下 病人 並未 感到 任何 呼吸困難 吳 昌騰 說 快樂 缺氧 的 出現 真的 令 醫師 們 感到 擔憂 原因 在於 快樂 缺氧 最初 不 會 引起 呼吸 短促 但 可能 會 在 患者 內部 造成 快速 損害 且 這類 病 患 通常 就醫 前 2 至 7 天 前 會 出現 一些 症狀 包括 突然 胸 悶 或 無法 呼吸 幾 天 後 呼吸 非常 急促 幾乎 是 正常 呼吸 速率 的 3 倍 嘴唇 和 手指 也 有 發 青 現象 直到 醫師 檢查 了 血 氧 濃度 才 真正 明白 病 患 的 病情 有 多 嚴重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5 月中 新冠肺炎 本土 疫情爆發 後 名 嘴 朱學 恒 送 4 盆 花籃 到 疾病 管制 署 附上 卡片 批評 政府 爾 俸 爾 祿 民膏民脂 等 語 遭 熱心 民眾 告發 涉嫌 侮辱 公署 臺北 地 檢 署 認為 疾 管署 防疫 作為 攸 關 人民 權益 可受 公 評 朱是 告誡 為官 者</t>
  </si>
  <si>
    <t>5 月中 新冠肺炎 本土 疫情爆發 後 名 嘴 朱學 恒 送 4 盆 花籃 到 疾病 管制 署 附上 卡片 批評 政府 爾 俸 爾 祿 民膏民脂 等 語 遭 熱心 民眾 告發 涉嫌 侮辱 公署 臺北 地 檢 署 認為 疾 管署 防疫 作為 攸 關 人民 權益 可受 公 評 朱是 告誡 為官 者 應為 人民 著 想 難 認有 侮辱 之 意 27 日 處分 不 起訴 朱學 恒 昨 得知 不 起訴 隨即 在 臉書 粉 專 表示 可惡 我 明年 想去 土 城 包十倍 券 的 夢想破滅 了 貼 文也 引起 網友 熱烈 迴響 國內 新冠肺炎 疫情 5 月中 爆發 迄今已 累積 833 人 死亡 中央流行疫情指揮中心 宣佈 提升 至 3 級 警戒 不僅 讓 許多 人 民 商家 陷入 困頓 疫苗 不足 的 問題 也 引發 輿論 抨擊 朱學 恒 6 月 1 日 上午 訂購 4 盆 喪禮 花籃 送到 疾 管署 分別 印上 爾 俸 爾 祿 民膏民脂 下民 易 虐 上蒼 難 欺 16 個 字 朱並 在 臉書 批評 朝中 官員 領 人民 血汗錢 卻 坐 視 人民 一個 接 一個 死去 檢 方 不 起訴 指出 花籃 上 的 16 個 字 出自于 戒石銘 白話 翻譯 為 你們 所 領 的 俸祿 都 是 人民 的 血汗 不要 覺得 老百姓 好 欺負 為 惡 的話 騙 不了 老天 的 可見 朱是 因 疫情 造成 多 人 病故 而 對 政府 有所 不滿</t>
  </si>
  <si>
    <t>臺灣 這 波 疫情爆發 至今 不少 人 生計 受 影響 行政院 祭出 紓困 40 針對 有 需要 的 民眾 核發 補助 近日 有 民眾 在 網路 分享 申請 紓困 補助 結果 竟 不符 合 資格 原因 是 申請人 入 監 令 他 傻眼 氣 得 大罵 我 人 還 在 這 好端端 的</t>
  </si>
  <si>
    <t>臺灣 這 波 疫情爆發 至今 不少 人 生計 受 影響 行政院 祭出 紓困 40 針對 有 需要 的 民眾 核發 補助 近日 有 民眾 在 網路 分享 申請 紓困 補助 結果 竟 不符 合 資格 原因 是 申請人 入 監 令 他 傻眼 氣 得 大罵 我 人 還 在 這 好端端 的 啊 貼 文 曝光 吸引 上萬 網友 朝聖 歪 樓 留言 其中 還 有 不少 人 分享 辦理 紓困 結果 該 名 男子 上 週六 26 日 於臉書 社團 爆 怨 2 公社 表示 因應 疫情 嚴峻 日前 也 上網 申請 紓困 補助 好不容易 待 審查 結果 出來 孰料 卻 顯示 經 核定 後 您 不 符合 請領 資格 再往 下 一 看 發現 不符 原因 寫 著 申請人 入 監 令 他 瞬間 傻眼 氣 得 大罵 什麼 東西 啦 入 監 到底 是 什麼 啦 我 人 還 在 這 好端端 的 呀 圖文 曝光 後 吸引 12萬 人 按 贊 不少 人 歪 樓 回應 你 先 申請 假釋 然後 再 申請 看看 好 辛苦 喔 為了 紓困 逃 獄 值得 嗎 你 應該 申請 緩刑 不是 紓困 你是 不是 剛 假釋 出來 沒 幾 天 結果 系統 還 沒有 更新 逃 獄 還 敢 申請 紓困 真敢 啊 沒 錢領 就 算了 還要 被 羞辱 什麼 鬼 原來 現在 在 裡面 還 可以 上網 你 還 不快 跑 員警 快 到 你家 了 事實上 紓困 補助 出 包 不只 一 樁 一 名 網友 聲稱 我 老公 的 同事 申請 後 去 查詢 結果 卻 顯示 您 不 符合 臺灣 人民 國籍 但 他 明明 就 是 臺灣人 且 還有 身分 證 我 怎麼 查都 是 查無 資料 我 都 懷疑 我 是 不是 失蹤人口 另外 還有 一 名 女網友 遭 以 家戶 月 平均收入 逾 當地人 每月 最低 生活費 2 倍 為由 被 打回 票 令 她 感歎 父母 有錢 不 代表 子女 有錢 啊</t>
  </si>
  <si>
    <t>新冠肺炎 疫情 擴散 以來 金融市場 波動 劇烈 美 股 重 挫 觸發 熔斷 機制 油價 單日 崩 跌 也 創下 1991 年 以來 單日 最 大 跌幅 vix 指數 也 隨之 飆 破 50 市場 出現 恐慌性 賣壓 資金 轉 往 公債 避險 美 債 殖 利率 也 持續 下滑 因此 新興 市場 企業債券 與 美 債 信用 利差 擴大 法人 表示 新興 市場 企業債券 利差 擴大 使 長線 投資 價值 浮現 建議 投資人 可 分批 進場 佈局 保 德 信 新興 市場 企業債券 基金 經理 人 張世民 表示 自 1 月 新冠 疫情爆發 以來 市場 開始 出現 風險 趨避 態勢 投資人 擔憂 疫情 擴散 將 使 全球 經濟 放緩 乃至 於 衰退 資金 大量 湧入 公債 避險 美國 債券 殖 利率 大幅 下滑 由於 新興 市場 企業 債 屬於 信用 債券 範疇 也 難免 受到 波及 但 整體而言 新 企 債 今年以來 因 美 債 殖 利率 下滑 仍 有 正 報酬 的 表現 近來 俄羅斯 與 opec 減產 協議 破裂 致 原油價格 暴跌 逼近 2016 年初 水準 由於 能源 產業在 美國 高收 債 和 新興 債 比重 逾 10 倘若 油價 持續 受到 衝擊 料 將 影響 油 商 獲利 導致 高收 與 新興 債 信用 利差 擴大 張世民 表示 新 企 債 受到 影響 信用 利差 擴大 但 其 擴大 幅度 較 小 主要 系 因 新興 市場 能源 企業 多 為 類 政府 或 國有企業 財務 體質 較佳 加上 新興 企業 基本 面 持續 改善 他 認為 新 企 債 信用風險 尚 在 控制 範疇 內 不至於 會 發生 2008 年 般的 金融風暴 中 國信 讬 雄鷹 新興 市場 債券 基金 經理 人 房旼 表示 隨 著 聯 准會 3 月 fomc 會後 還有 可能 降息 新興 市場 債券 利差 大幅 擴大 的 情況 可望 趨 緩 目前 佈局 策略 上 仍以 財務 穩健 營運 狀況 及 體質 佳 之 企業 債 以及 財政 健全 經濟 成長 展望 佳 的 主權 債 為主 房 旼 表示 就 資金 流向 觀察 受 冠狀病毒 影響 近期 新興 市場 債券 的 資金 有 流出 現象 展望 後市 隨 著 聯 准會 暗示 已經 為 必要 的 降息 做好 準備 而 新興 市場 國家在 通 膨 走穩 之下 普遍 仍 有 降 息 的 空間 有利於 新興 市場經濟 回 穩 近期 新興 市場 債券 價格 的 修正 多 為 信用 評等 較 差 的 高 收益 新興 市場 債券 建議 投資人 應 挑選 違約 風險 較 低 基本 面 較佳 的 新興 市場 主權 債 與 投資 等級 債 為主 群 益 全球 新興 收益 債券 基金 經理 人 李忠泰 表示 新冠肺炎 疫情 短期 為 市場 增添 不 確定性 然 在 新興國家 方面 隨 著 經濟 改善 以及 財政 改革 題材 發酵 且 在 當前 低利 環境 之下 新興 市場 債 因 具備 息 收 優勢 加上 新興國家 仍 多 處 在 降息 迴圈 同時 全球 負利率 債券 金額 處於 高檔 有助 吸引 資金 持續 配置 新興 債</t>
  </si>
  <si>
    <t>臺灣 疫情 拉 警報 單日 爆 增 180 例 確診 根據 疾 管署 全國 本土 病例 地理 分佈圖 顯示 去年 疫情爆發 至今 累計 344 例 本土 個案 目前 共 6 縣 市 亮紅燈 分別 是 桃園 市 新北 市 臺北市 宜蘭 縣 台中 市 以及 昨日 由 橙 轉 紅 的 彰</t>
  </si>
  <si>
    <t>臺灣 疫情 拉 警報 單日 爆 增 180 例 確診 根據 疾 管署 全國 本土 病例 地理 分佈圖 顯示 去年 疫情爆發 至今 累計 344 例 本土 個案 目前 共 6 縣 市 亮紅燈 分別 是 桃園 市 新北 市 臺北市 宜蘭 縣 台中 市 以及 昨日 由 橙 轉 紅 的 彰 化 縣 根據 疾 管署 全國 本土 病例 地理 分佈圖 顯示 從 去年 1 月 至 今 國內 累計 344 例 本土 個案 其中 以 新北 市 139 人 最 多 接 著 依序是 臺北市 110 人 桃園 市 57 人 宜蘭 縣 13 人 彰 化 縣 10 人 台中 市 6 人 這 6 縣 市 都 是 紅色警戒 燈號 而 彰 化 縣 昨 增加 6 人 由 橙色 燈號 轉 紅 目前 呈現 橙色 燈號 的 縣 市 分別 是 基隆 市 和 新竹 市 皆 有 3 名 本土 個案 而 淺綠色 燈號 為 南 投 縣 台 南市 和 高雄市 目前 3 縣 市 都 有 1 例 本土 個案 其他 縣 市 目前 沒有 本土 個案 因此 燈號 仍舊 維持 深 綠色 臺灣 昨 暴 增 180 例 本土 個案 是 新冠 疫情爆發 以來 首次 出現 三 位 數 的 本土 確診 數字 其中 臺北市 新增 89 例 新北 市 75 例 彰 化 縣 6 例 宜蘭 縣 及 桃園 市 各 4 例 台中 市 及 基隆 市 各 1 例</t>
  </si>
  <si>
    <t>一 名 確診 者 今 6 日 在 我 是 板橋 人臉書 社團 留 言說 自己 是 一 名 確診 者 因 自己 有 去 萬 華人 與 人 的 連結 害 母親 胞兄 染疫 母親 5 月 19 日 住院治療 於 6 月 1 日 病 歿 是 人生 的 痛 留言 也 吸引 網友 幫 他 加油打氣 但 留言 目前 已 刪除 確診 者 留 言說 首先 要 感謝 全台 第 一線 的 警 消 及 北 市府 的 安排 5 月 12 日 萬 華 疫情爆發 後 自己 有 去 人 與 人 的 連結 回家 後 立刻 告知 家人 及 戴 上 口罩 但 母親 5 月 14 日 一直 咳嗽 因 母親 有 喉嚨 乾咳 的 狀況 就 不在意 一直 叫 她 喝 水 但 隔 幾 天 上午 大哥 因 高燒 前往 臺北市立聯合醫院 快 篩 結果 為 陽性 立刻 被 安排 去 防疫 旅館 下 午時 母親 想 洗 頭 洗澡 洗完 後 母親 很 疲憊 躺 在 床上 二 哥 連忙 帶 她 去 臺北市 就醫 隨即 入住 負 壓 隔離病房 是 自己 第一 次 也 是 最後 一 次 感受 人生 的 痛 母親 從 5 月 19 日 住院6 月 1 日 病 歿 不 到 6 小時 火化 自己 是 5 月 20 日 快 篩 陰性 5 月 24 日 被 通知 pcr 陽性 隔 天 就 被 入住 集中 檢疫所 留言 也 吸引 不少 網友 加油打氣 但 目前 留言 已經 刪除</t>
  </si>
  <si>
    <t>好萊塢 巨星 湯姆可魯斯 tom cruise 正 在 拍攝 知名 系列 動作 電影 不可能 的 任務 最新 第 7 集 該片 不僅 由 阿湯哥 主演 他 還 擔任 監製 製片方 也 投 注 钜 額 資本 因此 讓 他 背負 不小 的 壓力 但 不可能 7 開拍 以來 曲折 不斷 前 些 日子 阿湯哥 才 因 防疫 問題 對 工作人員 大 爆粗 口 如今 又 爆出 離職 潮 阿湯哥 當今 的 態度 也 被 曝光 讓 劇組 人員 心生 倦怠 紛紛表示 只 想 回家 不可能 的 任務 7 自 去年 開拍 就 遇上新冠肺炎 疫情爆發 而 該片 本 就 設定 要到 全球 各國 拍 片 因此 困難重重 數度 中斷 拍攝 去年 10 月 即便 小心翼翼 仍 爆出 有 12 名 工作人員 染疫 又 折騰 快 2 個 月 才 復工 結果 又 被 阿湯哥 看到 有 2 名 劇組 人員 在 片場 不 遵守 防疫 距離 讓 他 理智 斷 線 當場 爆粗 口 再一 次 你 就 他 x 的 給 我 滾 將 工作 看 得 比 生命 還 重 的 他 不 希望 再 發生 任何 差錯 且 堅持 一定 要 拍完 這部 片 如今 不可能 7 進度 稍微 趕上 據 太陽 報 報導 英國 拍攝 的 部分 即將 結束 接下來 將 移師 阿拉伯 取景 但 如今 疫情 又 升溫 英國 方面 已 發佈 禁飛令 表示 他們 這 一 趟 飛出去 可能 疫情 沒 結束 前 都回 不了 家 這個 狀況 對 整個 劇組 于 心理 層面 及 實際 層面 都 產生 了 重大 影響 劇組 知情 人士 透露 他們 覺得 拍 不可能 7 真的 諸事 不順 這 一 整年 折騰 下來 整個 團隊 士氣 很 低落 已 從 過去 的 希望 能 趕快 拍 完 到 現在 已經 變成 希望 暫時 停 拍 等 疫情 結束 再說 但 阿湯哥 卻 不是 這麼 想 的 他 很 堅持 要 趕快 完工 沒人 可以 阻止 他 而 基於 上述 風波 目前 已 有 5 名 劇組 人員 請 辭 接下來 的 拍攝 之路 可能 會 更 辛苦</t>
  </si>
  <si>
    <t>苗栗 立 法院 副 院長 蔡其昌 赴 國家 衛生所 研究 慰勉 新冠肺炎 研究 努力 貢獻 謝明 俊 苗栗 報導 立 法院 副 院長 蔡其昌 11 上午 親自 前往 竹南 國家衛生研究院 對 合成 瑞德西韋 的 研究 團隊 給予 嘉勉 同時 見證 藝術家 黃騰輝 特別 為了 國衛院 繪製 國家衛生研究院 全景 圖 的 畫作 捐贈 簽約 儀式 國 衛 院 為了 協助 政府 因應 新冠肺炎 疫情 防疫 工作 生 技 與 藥物 研究所 研究 團隊 不眠不休 在 短短 19 天內 率先 完成 肺炎 抑制 藥物 瑞德 西 韋公克 級 高純度 合成 並 仍 持續 進一步 的 藥物 研發 及 防疫 策略 為 獎勵 並 感謝 研究 團隊 的 努力 國衛 院長 梁賡義 特別 安排 於 11 日 進行 表揚 立院 副 院長 蔡其昌 為此 特地 前來 給予 鼓勵 與 肯定 對 國衛院 充分利用 多年 累積 的 藥物 研發 技術 與 經驗 展現 國際級 的 亮 眼 成績 安定 國人 對抗 疫情 的 信心 成為 此次 疫情 防疫 工作 上 堅實 的 後盾 先前 國衛院 邀請 華人 首位 作品 登 上國際 visa 卡 並 曾為 英國皇家 御用 品牌設計 英國 威廉 王子大 婚 紀念 瓷器 的 著名 藝術家 黃騰 輝 為 國衛院 繪製 院區 景致 恰 逢新冠肺炎 疫情爆發 黃先生 對於 國衛院 不眠不休 的 努力 與 義不容辭 的 精神 相當 感動 特別 將 畫作 國家衛生研究院 全景 圖 的 著作權 捐贈 給 國衛院 作為 國衛院 歷史 典 藏 及 公開 使用 並 在 蔡副 院長 的 見證 下 完成 授權 簽約 儀式 梁賡義 院長 表示 國衛院 身 為 臺灣 最高 醫藥 研究 機構 醫藥衛生 政策 的 智庫 在 面臨 如此 緊迫 嚴峻 的 疫情 自然 是 第一時間 就 致力 於 可用 藥物 及 疫苗 的 研發 對於 全院 同仁 都 繃緊神經 一體同心 的 共同努力 感到 非常 感動 及 感謝 但 並 不是 就此 止步 快 篩 試劑 疫苗 治療 藥物 的 開發 還 在 持續 流行病 學 的 預測 模型 資料庫 及 研究 網 也 陸續 建構 利用 2003 對抗 sars 與 2005 年 合成 克 流感 之 經驗 結合 國內 醫院 學研 機構 與 業 界 之 力量 望能盡 速 獲得 對抗 新型 冠狀病毒 的 武器 降低 第一 線 醫療 人員 的 壓力 穩固 國人 信心 保護國 人 健康</t>
  </si>
  <si>
    <t>本土 疫情 多 點 爆發 中央流行疫情指揮中心 今 14 日 宣佈 新 增 29 例 本土 確診 其中 16 例 確診 與 萬 華區 茶藝 館 有關 草莓 姐姐 簡皎竹 今日 也 在 臉書 抒發 身 為 一個 母親 且 又 住 在 疫情爆發 的 萬華 的 心情 更 在 看 到 眾多 網友 留言 鼓</t>
  </si>
  <si>
    <t>本土 疫情 多 點 爆發 中央流行疫情指揮中心 今 14 日 宣佈 新 增 29 例 本土 確診 其中 16 例 確診 與 萬 華區 茶藝 館 有關 草莓 姐姐 簡皎竹 今日 也 在 臉書 抒發 身 為 一個 母親 且 又 住 在 疫情爆發 的 萬華 的 心情 更 在 看 到 眾多 網友 留言 鼓勵 時 忍不住 感動 鼻頭 酸 草莓 姐姐 與 香蕉 哥哥 林 掄元 結婚 近 3 年 育 有 1 子 她 今日 在 臉書 有感而發 地 寫下 沒錯 我們 住 在 萬華 一個 疫情爆發 的 地區 雖然 沒有 在 地圖 框框 內 但 也 是 每天 買 東西 吃 東西 坐 車 的 地方 草莓 姐姐 坦言 身為 媽媽 的 她 現在 出門 都 要 花 30 分鐘 思考 做 準備 但 仔細 想想 這些 診 足跡 是 一個 禮拜 前 的 事 現在 再來 躲避 這些 地方 好像 來不及 了 她 表示 最 根本 的 方法 還 是 做好 個人 防疫 正確 面對 疫情 觀念 以及 記得 自己 的 足跡 草莓 姐姐 還 說 電視 上 好多 政府 官員 都 是 醫生 對 他們 有 信心 至少 他們對 疫情 有 正確 觀念 就讓 我們 能 做 的 做好 保持 平常心 提升 免疫力 一起 加油 再次 期待 可以 讓 孩子 安全 旅遊 的 世界 最後 草莓 姐姐 更 不 忘 為 萬 華人 加油 要 彼此 為了 我們 愛 的 人 勤洗手 戴 口罩 互相 加油打氣 比 封 區 更 重要 草莓 姐姐 這 一席話 立刻 吸引 網友 熱烈 留言 鼓勵 也 讓 她 看 了 忍不住 感動 鼻頭 酸 再次 留言 感謝 謝謝 大家 的 鼓勵 大家 一起 防疫 大 作戰</t>
  </si>
  <si>
    <t>新冠肺炎 疫情爆發 後 在 西醫 尚無 專門 針對 這 一 新型 病毒 特效藥 的 背景 下 中醫藥 當時 發揮 了 重要 作用 大陸 國家 主席 習近平 近日 於 考察 時 指出 經過 抗擊 新冠 疫情 等 重大 傳染病 後 對 中醫藥 的 作用 有 了 更 深 的 認識 未來 要 進 一</t>
  </si>
  <si>
    <t>新冠肺炎 疫情爆發 後 在 西醫 尚無 專門 針對 這 一 新型 病毒 特效藥 的 背景 下 中醫藥 當時 發揮 了 重要 作用 大陸 國家 主席 習近平 近日 於 考察 時 指出 經過 抗擊 新冠 疫情 等 重大 傳染病 後 對 中醫藥 的 作用 有 了 更 深 的 認識 未來 要 進一步 發展 中醫藥 走 中西醫 結合 的 道路 習近平 於 12 日 來到 河南省 南陽市 的 醫聖 祠 和 南陽 藥 益寶艾 草 製品 公司 瞭解 中醫藥 發展 和 艾 草 製品 產業 發展 情況 習近平 說 過去 中華民族 幾 千年 都 是 靠 中醫藥 治病救人 特別 是 經過 抗擊 新冠肺炎 疫情 sars 等 重大 傳染病 之後 對 中醫藥 的 作用 有 了 更 深 的 認識 他 指出 要 發展 中醫藥 注重 用 現代科學 解讀 中醫藥 學 原理 走 中西醫 結合 的 道路 去年 6 月 一 場 專家學者 座談會 上 習近平 也 曾 表示 中西醫 結合 中 西藥 並用 是 這次 疫情 防控 的 一大 特點 也 是 中醫藥 傳承 精華 守 正 創新 的 生動 實踐 中國 藥方 還 助力 全球 戰 疫 被 多 個 國家 借鑒 和 使用 新冠 疫情爆發 後 以 清 肺 排 毒 湯 等 三 方三 藥 為 代表 的 多種 中醫藥 防控 救治 手段 被 廣泛 於 中國 運用 新華社 報導 稱 中國國家中醫藥管理局 於 2020 年 1 月 在 河北 山西 黑龍江 陜 西四 省 定點醫院 展開 清 肺 排 毒 湯 臨床 救治 和 療效 觀察 顯示 有效率 達 90 以上 該 方後 被 納入 國家 診療 方案 成為 治療 各型 新冠肺炎 患者 的 通用 方劑 中國工程院 院士 天津 中醫藥大學 校長 張伯禮 曾 說明 中醫藥 在 抗擊 疫情 的 應用 情況 他 表示 中醫藥 在 治療 輕 症 患者 降低 轉 重 率 方面 效果顯著 中藥 針灸 按摩 八段 錦 等 療法 能夠 有效 調節 康復 患者 的 心 肺 功能 和 血 熱 等 症狀 幫助 複 陽 患者 排解 痰 栓 另一方面 近日 大陸 商務部 國家中醫藥管理局 等 7 部門 聯合 印發 關於 支持 國家 中醫藥 服務 出口 基地 高品質 發展 若干 措施 的 通知 支援 基地 開展 境外 投資 和 技術 合作在 國際 醫療保險 業態 融合 等 方面 創新 發展 並 支持 培養 更 多 懂 中醫 懂 外語 的 複合型 人才 完善 人才 激勵 制度</t>
  </si>
  <si>
    <t>東京 奧運 倒數 81 天 由於 新冠肺炎 疫情 仍未 受到 控制 東奧 組委會 要 醫療 院所 派遣 500 位 護理 師 在 東奧 期間 幫忙 此舉 引起 護理人員 不滿 認為 政府 竟然 在 接近 疫情爆發 臨界點 之際 還 無視 國內 防疫 據 瞭解 東京 奧運 需要 1萬 名</t>
  </si>
  <si>
    <t>東京 奧運 倒數 81 天 由於 新冠肺炎 疫情 仍未 受到 控制 東奧 組委會 要 醫療 院所 派遣 500 位 護理 師 在 東奧 期間 幫忙 此舉 引起 護理人員 不滿 認為 政府 竟然 在 接近 疫情爆發 臨界點 之際 還 無視 國內 防疫 據 瞭解 東京 奧運 需要 1萬 名 護理人員 協助 因此 東奧 組委會 希望 有 更 多 護理人員 投入 協助 但 日本 國內 東京 大 阪 兩 大都會 區 都 再度 進入 緊急狀態 增加 了 護理人員 的 負擔 一 位 來自 名古屋 的 護理 師 表示 在 憤怒 之 餘 我 更 震驚 的 是 日本政府 對 新冠肺炎 疫情 的 漠然 展現出 人民性 命 是 可以 這樣 被忽視 日本 醫療 勞動 人員 工會 秘書長 森 田進 指出 現在 應該 要 重視 新冠肺炎 大 流行 的 問題 而 不是 奧運 應該 要 阻止 送 更 多 醫療 志 工 去 幫忙 奧運 的 請願 而是 應該 要 好好 一起 跟 人民 對抗 新冠肺炎 真的 很 生氣 政府 堅決 舉辦 奧運 不顧 病人 護理 師 的 風險 新冠肺炎 目前 在 日本 造成 1萬 人 死亡 加上 變種 病毒 都讓 防疫 工作 更加 困難 醫護人員 也 無法 確定 能否 控制 住 情況 籌辦 賽事 高昂 的 金額 也 增 價 納稅人 負擔 估計 為 了 這次 奧運 日本 估計 要花費 154億 美元 約 4346億 台幣 民 調 顯示 有 八成 民眾 希望 取消 或 延期</t>
  </si>
  <si>
    <t>中國汽車工業協會 簡稱 中 汽 協 4 日 表示 2021 年 1 月 大陸 汽車業 銷量 預計 為 254萬 輛 由於 2020 年初 新冠肺炎 疫情爆發 導致 基數 較 低 加上 與 當前 各家 車 企 積極 促銷 使得 當月 銷量 年 增 大幅 成長至 319 而 2020 年 1 月份 大陸</t>
  </si>
  <si>
    <t>中國汽車工業協會 簡稱 中 汽 協 4 日 表示 2021 年 1 月 大陸 汽車業 銷量 預計 為 254萬 輛 由於 2020 年初 新冠肺炎 疫情爆發 導致 基數 較 低 加上 與 當前 各家 車 企 積極 促銷 使得 當月 銷量 年 增 大幅 成長至 319 而 2020 年 1 月份 大陸 汽車銷量 為 年 減 180 綜合 陸媒 報導 據 中 汽 協 4 日 公佈 資料 顯示 分車 款 來看 2021 年 1 月 大陸 乘用車 銷量 預計 為 207萬 輛 年 增 284 商用 車 銷量 預估 48萬 輛 年 增 501 另 據 大陸 乘用車 市場 資訊 聯席會 3 日 公佈 的 最新 車市 資料 1 月份 大陸 日均 汽車銷量 66萬 輛 年 增 25 但 較 上月 下降 5 走勢 總體 平穩 乘 聯會 表示 雖 因 大陸政府 進一步 強化 防疫 措施 北方 部分 地區 消費者 到 門市 買 車 的 意願 減緩 但 因為 春節 臨近 即使 返鄉 購車 潮 較 弱 但 車市 零售 月底 仍 會 持續 拉升 中 汽 協 近日 表示 2020 年 將 是 大陸 汽車 市場 較 低潮 的 年份 實際 銷量 25311萬 輛 年 減 19 但 降幅 較 上年 已 收 窄 63 個 百分點 預測 2021 年 汽車銷量 有望 超過 2600萬 輛 年 增 4 其中 乘用車 銷量 2170萬 輛 年 增 75 左右 商用 車 銷量 460萬 輛 年 減 10 左右 中國汽車流通協會 則 指出 大陸 汽車業 從 2018 年 至 今 經歷 了 三 年 的 調整期 預計 2021 年 起 將 扭轉 下滑 的 走勢 年增率 逐步 恢復 到 正 增長 的 態勢 特別 是 新 能源 車 表現 更 受到 各方 期待 中 汽 協 總工程師 許海東 表示 預計 2021 年 大陸 新 能源 汽車銷量 達 180萬 輛 年 增 40 大幅 優於 整體 車市 表現 中 汽 協 表示 大陸 透過 多年 來 對 新 能源 汽車 產業鏈 的 培育 各個環節 逐步 成熟 豐富 和 多元化 的 新 能源 汽車 產品 不斷 滿足 市場需求 使用 環境 也 在 逐步 改進 在 此 情況 下 新 能源 汽車 愈來愈 受到 消費者 的 認可 尤其 在 官方 新 能源 汽車產業 發展 規劃 2021 2035 年 大力 推動 下 新 能源 車未來 可望 迎來 快速增長</t>
  </si>
  <si>
    <t>度假 租 屋 網站 airbnb 執行長 切斯基 brian chesky 在 疫情 過後 認清 旅遊 市場 將 從此 改變 也 重新 思考 公司 的 核心 價值 決定 回到 最初 創業 的 根本 那 就 是 全心投入 創造 個人 專屬 的 的 當地 住宿 體驗 今年 2 月 切斯基 剛 從 加州 棕櫚 泉 度假 回來 埋 首 準備 airbnb 首度 公開 發行 ipo 的 申請 文件 並 在 心中 盤算 著 春假 和 大學 老友 來 場 小 旅行 沒 想到 新冠肺炎 爆發 讓 他 的 旅遊 計畫 泡湯 也 打亂 原本 的 ipo 計 畫 近日 他 在 受訪 時 表示 airbnb 並未 放棄 ipo 只 是 現階段 公司 有 更 重大 的 任務 必須 優先 執行 而 ipo 必須 等到 市況 穩定 後 再說 他 口中 的 重大任務 無疑 是 如何 在 疫情 過後 讓 airbnb 重振 業績 因為 今年初 各國 實施 邊境 管制 重創 觀光 旅遊業 迫使 airbnb 裁員 1900 人 相當於 公司 25 人力 airbnb 預期 今年 營 收 只 有 去年 的 一半 但 切斯基 面對 市場前景 依舊 樂觀 他 表示 我 認為 將來 旅遊 會 再次 成為 特別 體驗 因為 我們 不 再 像 從前 一樣 將 旅遊 視為 理所當然 切斯基 坦言 新冠肺炎 確實 徹底改變 全球 消費者 的 旅遊 習慣 且 短期 內 難以 恢復 昔日 光景 他 認為 即便 在 疫情 趨 緩 後 全球 旅客 也 不敢 輕易 搭 飛機 為了 避免 長 時間 處於 密閉空間 增加 群 聚 感染 風險 多數 人 將 傾向 自行 開車 到 鄰近 城鎮 旅遊 切斯基 表示 疫情爆發 前 airbnb 平臺 上 只 有 13 的 房客 計 畫 在 離 家 50 英里 內 的 地區 旅遊 如今 比例 增至 30 他 預期 在 短期 未來 全球 旅客 外出 旅遊 除 了 不敢 跑 太 遠 之外 也 不敢 太 早 訂 房 並 傾向 人口 密集 度 較 低 的 鄉間 旅遊 目前 airbnb 網站 上 最熱 門 的 訂 房 日期 是 一 周 內 入住 或 超過 6 個 月 以後 才 入 住 以 美國 為 例 今年 5 月 25 日 陣亡將士 紀念日 連續 假期 期間 airbnb 在 當地 的 訂 房 量 高過 去年同期 切斯基 表示 大家 可以 預期 一 周 內 世界 發生 什麼 事 所以 能 安心 旅遊 至於 6 個 月 到 1 年 後 大家 也 有 信心 出發 旅遊 了 相較 之下 反而 是 中期 未來 的 訂 房 需求 下滑 今年 38 歲 的 切斯基 是 在 2007 年 移居 三藩市 時 萌生 將 公寓 空房 分 租 給 短期 觀光客 的 念頭 主要 是 為了 替 自己 和 室友 分擔 三藩市 昂貴 的 房租 沒想 到 一個 單純 的 想法 促成 他 在 2008 年 創立 airbnb 今年 5 月 切斯基 在 公司 內部 信件 中 向 全體 員工 表示 當年 他 的 創業 初衷 是 提供 一個 讓 旅客 感受 人際 互動 並 擁有 歸屬感 的 短期 住處 過去 數 年 隨 著 airbnb 用戶量 在 全球 快速 成長 公司 也 發展 出 當地 運輸 及 其他 周邊 服務 但 新冠肺炎 疫情 讓 他 重新 思考 公司 的 核心 價值 決定 回到 最初 創業 的 根本 那 就 是 全心投入 創造 個人 專屬 的 的 當地 住宿 體驗 為此 公司 必須 集中 資源 暫時 放下 其他 周邊 事業 他 在 5 月 宣佈 關閉 運輸 服務 部門 並 公佈 一 套 全新 的 住房 清潔 規範 包括 要求 房東 使用 當地 主管機關 認可 的 個人 防疫 用品 及 消毒 工具 也 規定 上 一 任 房客 退 房後 至少 要 間隔 24 小時 才能 讓 新 房客 入住 以 確保 房東 有 足夠 時間 進行 消毒 面對 近日 美國 種族 爭議 再起 切斯基 也 虛心 檢討 坦言 airbnb 應該 為 種族 平等 貢獻 更 多 例如 讓 公司 董事會 成員 更 多元化 airbnb 董事會 目前 包含 4 名 白人 男性 3 名 白人 女性 1 名 非 裔 男性 及 1 名 亞裔 男性 但 管理 高層 清一色 都 是 白人 切斯基 表示 這 是 矽谷 的 一大 問題 我們 距離 理想 還 很 遙遠 我們 的 基本 原則 是 希望公司 人口 組成 能 與 所在地 的 社會 人口 組成 相 呼應 但 目前 我們 連 這 點 基本 都未 做到 更何況 是 讓 管理 高層 更 多元化</t>
  </si>
  <si>
    <t>臺北市 員 警 臉書 po 文 指 上 月底 處理 一起 在家 死亡 案 因 死者 死 前 發高燒 通知 衛生 單位 遭 甩 鍋 衛生局 不 派員 到場 行政 相 驗 推 給 司法 相 驗 引發 檢 改 團體 劍 青 檢 改 質疑 8 日 呼籲 指揮中心 勿 坐 視 檢察官 司法 相 驗 案件 成為 國內 防疫 破 口 籲請 指揮中心 盡 速 統 合 行政 相 驗 與 司法 相 驗 流程 劍 青 檢 改 表示 當前 疫情 嚴峻 對於 染疫病 死者 應以 最高 規格 防疫 如 系 疑 似 染疫 而 死亡者 防疫 視同 作戰 亦 應以 最高 規格 同等對待 嚴防 逸 脫匡列 導致 病毒 自 遺體 及 遺屬 間 持續 擴散 但 自 5 月 上旬 疫情爆發 以來 全國 各地 衛生局 對 疑 似 染疫 死亡 案件 之 介入 標準 低落 消極 據 統計 目前 除 新北 市政府 台南 市政府 採取 行政 相 驗 優先 原則 外 包括 臺北市政府 在內 之 全國 各縣市 衛生局 對於 非 確診 自然 死 病 死 亡 案件 許多 竟 婉拒 處理 推 由 派出所 員警 分局 偵查 佐 報請 司法 相 驗 最近 新聞 大幅 報導 諸多 確診 案件 其實 均 系由 檢察官 執行 司法 相 驗 尤其 司法 相 驗 下 采 檢 送 核酸 檢測 pcr 時程 較 慢 且 量 能 有限 導致 員警 檢察官 遺屬 殯葬 人員 在 結果 出爐 前 均 暴露 于 高風險 下 儼然 將 形成 防疫 巨大 破 口 各 地 反映 溝通 均 未果 亟待 指揮中心 立即 統一 全國 作法 緊急 應變 目前 警方 受理 死亡 通報 案件 各地 衛生局 介入 程度 差異 極大 且 第一時間 衛生局 更 無 統一 授權 對 遺體 及 遺屬 進行 快 篩 致 各地 員警 做法 不一 且 缺乏 保護 均 形成 防疫 破 口 政府 應盡 速 統一 作法 明令 要求 並 提供 抗原 檢測 快 篩 以 保護 員警 殯葬 人員 遺屬 且 及時 防止 擴散 劍 青 檢 改 建議 指揮中心 協調 以下 作法 一 疫情 期間 行政 相 驗 優先 原則 二 非 病 死 由 司法 相 驗 補充 三 已經 列管 確診 在案 者 如 經 通報 死亡 無論 其 在 防疫 旅館 或 住家 均 應 由 當地 衛生機關 先行 辦理 行政 相 驗 四 疫情 期間 就 行政 相 驗 民眾 所 需 繳納 規費 建議 一律 予以 免除 以免 民眾 為 節省 相關 費用 而 選擇 員警 檢察官 司法 相 驗 逸 脫 快 篩 及 檢驗 而 造成 防疫 破 口 五 自 員警 受理 民眾 通報 死亡 階段 即 能 獲得 衛生局 及 防疫 窗口 專人 立即 到場 協助 先 進行 行政 相 驗 快 篩檢驗 或 司法 相 驗 分流 才能 截 堵 疫情 擴散 於 前線</t>
  </si>
  <si>
    <t>全國 抗擊 新冠肺炎 疫情 表彰大會 今天上午 在 北京人民大會堂 舉行 旺 旺 集團 北京 首席代表 全國 台 企聯 常務副 會長 林天良 表示 很 榮幸 代表 所 有 旺 旺 人 出席 旺 旺 一直 秉 持 著 回 饋 社會 的 理念 參與 兩岸 各項 救援 行動 兩岸 好 臺灣 才會好 今年初 新冠 疫情爆發 後 旺 旺 集團 董事長 蔡衍明 與 首席 營運 官 蔡旺家 等 人 親自 坐 陣 指揮 旺 旺 員工 全體 動員 起來 加速 復工 複產 並 投入 各地 防疫 工作 旺 旺 集團 積極 向 第 一線 的 醫護 軍警 防疫 單位 捐贈 乳 飲食 品 旺 旺 水神 微 酸性 電解 次氯酸 水 生成器 及 各類 噴 瓶 協助 各地 抗 疫 工作 捐贈 物資 價值 超過 人民幣 8000萬 元 旺 旺 人 也 不畏艱難 奮戰 各地 疫情 最 前線 包括 湖南 旺 旺 醫院 派遣 16 人 醫護 團隊 馳援 武漢 金銀潭 醫院 47 天 旺 旺 人 也 趕赴 武漢 綏芬河 北京 新發 地 等 重點 疫區 協助 抗 疫 旺 旺 集團 始終認為 兩岸 好 臺灣 才會好 九二共識 就 是 兩岸 一家 人 的 共識 無論 從 歷史 血緣 文化 臺灣人 就 是 中國人 所以 當然 要 相挺</t>
  </si>
  <si>
    <t>新冠肺炎 疫情 持續 影響 智慧 型 手機 供應 鏈 在 主要 生產 工廠 復工 進度 不 明確 人力 返 崗 比例 偏 低 以及 物流 運輸 中斷 等 因素 下 供應 鏈 恢復 狀況 不如 預期 推 估 影響 時間 將 達 1 至 3 個 月 預計 到 三月 下旬 才 會 回復 到 正常 水準 有鑑於此 全球 市場 研究 機構 trendforce 將 2020 年 第一 季智慧 型 手機 生產量 由 疫情爆發 前 預測 的 307億 支 擴大 下 修至 27億 支 較 2019 年 同期 衰退 133 觀察 第一 季 市場需求 中國 市場 因 春節 銷售 遲滯 影響 通路 承受 極 高 的 庫存 壓力 海外 銷售 則 因 疫情 在 2 月中 下旬 後 大規模 擴散 至 全球 70 餘 國 成為 第二 波 的 疫情 受害者 第二 季 全球 景氣 也 將 受到 牽連 trendforce 對 第二 季 全球 智慧 型 手機 市場 看法 趨於 保守 預估 生產量 約 318億 支 較 2019 年 同期 衰退 約 74 若 在 第二 季 結束 前 疫情 能 獲得 有效控制 下半年 智慧 型 手機 需求 力 道 將 明顯 回升 加上 5 g 手機 以及 多 鏡頭 機種 的 推出 預估 2020 年 全球 智慧 型 手機 生產 總數 將 達 1351億 支 疫情爆發 前 預測 為 141億 支 年 衰退 35 對於 全年 5 g 手機 的 產量 預估 trendforce 也 由 原先 的 25億 支 調整 至 2億 支 占 所有 智慧 型 手機 比例 約 148 更 多 ctwant 報導</t>
  </si>
  <si>
    <t>全球 央行 自 去年 來 積極 降息 有利於 新興 市場 重 展 雄風 儘管 近期 受 疫情 衝擊 出現 短線 整理 然而 新興 市場 具備 價值 面 基本 面 和 資金面 等 三大 優勢 此次 回檔 反而 為 日後 上漲 積蓄 動能 一旦 疫情 緩和 預料 會 成下 一 波 國際 資金 回流 標的 建議 可 透過 佈局 全球 新興 市場 型基金 來 參與 摩根 基金 全方位 新興 市場 基金 產品 經理 劉 奕伶 表示 美 股 近期 屢 創 新高 本 有 帶動 新興 市場 跟 漲 的 機會 無奈 新冠肺炎 疫情爆發 導致 新興 市場 資產 跟風 走 揚 的 步調 受挫 如果 從 估 值 面 來看 目前 美 股 股價 淨值 比 已 較 過去 15 年 的 平均 超過 38 的 溢 價 代表 估 值 已不 便宜 反觀 新興 市場 盤整 多時 便宜 的 投資 價值 正 吸引 資金 目光 估 值 回升 行情 正要 展開 落後 補 漲 行情 值得 期待 最新 1 月 美 銀 美林 調查 也 顯示 全球 基 金經理 人 在 股市 區域 佈局 上 重 新興 市場 勝於 美 股 劉 奕伶 說明 基 金經理 人 對 美 股 的 淨 加碼 比重 下滑 5 個 百分點 至 4 對 新興 股市 的 淨 加碼 比重 卻 上揚 7 個 百分點 至 32 反映 出 新興 股市 價值 面相 當 具有吸引力 為 現階段 全球 經理 人 的 股票 佈局 首選 在 基本 面有 支撐 下 新興 市場 補 漲 有 底氣 劉 奕伶 指出 新興 市場經濟 增長 有望 落 底 回升 且 新興國家 央行 較 成熟 國家 央行 有 較 大 的 政策 彈性 再者 市場 對 新興 市場 2020 年 企業 獲利 預估 也 相對 樂觀 近期 已 見 新興 市場 的 企業 預估 獲利 及 盈 餘 修正 比率 雙雙 回升 有助 帶動 股市 買氣 此刻 正是 投入 新興 市場 的 好 時機 其實 去年 第 四季 以來 已 見 資金 回流 新興 市場 劉 奕伶 說明 新興 企業 獲利 動能 再 展 雄風 投資氣氛 也 大 獲 提 振 進而 吸引 國際 資金 持續 進駐 卡 位 2019 年 第 四季 以來 已 見 資金 回流 新興 市場 然 多 為 etf 資金 後續 來自 主動型 基金 的 資金 動能 仍 可 期待只是 劉 奕伶 也 提醒 疫情 持續 發展 推 升 市場 不 確定性 看好 新興 市場 的 低估 值 和 低 基期 等 雙低 優勢 建議 此時 先 透過 全方位 型 的 新興 市場 基金 參與 要 選 就要 選 最 大 的 投資人 在 選擇 新興 市場 基 金時 也 應 注意 市 占 規模 若 規模 夠 大 才能 更 全方位 參與 到 新興 市場 這 一 波 資金 潮 才能 放大 投資 效率 摩根 基金 全方位 新興 市場 基 金在 目前 臺灣 可 供 銷售 的 環球 新興 市場 股票 基金 當中 的 規模 最 大 達 855億 美元 加上 靈活 操作 和 積極 管理 更 能 發掘 基本 面 良好 投資 標的</t>
  </si>
  <si>
    <t>在 新冠肺炎 疫情 持續 延 燒 的 非常 時期 星展銀行 臺灣 積極 投入 以 實際行動 協助 防疫 除 提供 客戶 多元 數位 金融服務 讓 客戶 免 出門 即可 輕鬆 完成 所 需 交易 外 近來 也 貼心 推出 法定 傳染病 補償 保險金 保障 陪伴 貴賓 客戶 度過 艱難 時刻 針對 星展 內部 員工 的 部分 已 有 縝密 的 因應 計 畫 與 配套措施 確保 大家 的 健康 與 安全 同時 更 開放 員工 使用 彈性 福利 金 購買 防疫 物品 全方位 協助 同仁 對抗 疫情 星展銀行 臺灣 總經理 林鑫川 表示 人才 是 星展 最 重要 的 資產 提供 員工 安全 的 職 場 環境 可說是 我們 最 重要 的 課題 星展銀行 臺灣 在 新冠肺炎 疫情爆發 之 初 即 啟動 營運 持續 管理 因應 計 畫 及 配套措施 包括 部門 異地 備援 在 各 辦公室 配置 消毒 酒精 及 耳 溫槍 加強 消毒 清潔 辦公 環境 提供 口罩 予 需要 接觸 客戶 之 前線 同仁 並 安排 知名 醫師 進行 線 上 講座 解說 新冠 病毒 防疫 衛教 專業 資訊 隨時關心 員工 的 身體 情況 此外 在 廣受 同仁 好評 的 iflex 彈性 福利 金 方面 除了 讓 員工 可 依 個人 需求 選擇 申報 休閒 旅遊 醫療保險 或 教育 學習 等 相關 花費 考量 防疫 為 杜絕 傳染 的 基本 工作 近來 星展銀行 臺灣 特別 將 防疫 用品 納入 申請 專案 範圍 開放 同仁 使用 彈性 福利 金 購買 包含 消毒 用品 防疫 家電 維他命 口罩 等 防疫 相關 產品 針對 因 公務 需求 必須 前往 中央流行疫情指揮中心 公佈 之 旅遊 警示 國家 或 在 出發 前 或 在途 該國 未 列為 第 三級 旅遊 警告 國家 之後 自 第 三級 旅遊 警告 國家 返國 而 需要 居家 隔離 或 居家 檢疫 之 同仁 星展銀行 臺灣 給予 最 優 14 天全 薪 防疫 隔離 假 針對 其 他因 疫情 有 需要 請假 的 同仁 星展銀行 臺灣 亦 提供 在家 辦公 有 薪 14 至 21 天 有 薪 年假 7 天 無 薪 家庭 照顧 假 7 天 無 薪 事假 與 14 天 無 薪 防疫 照顧 假 等 選擇</t>
  </si>
  <si>
    <t>臺灣 本土 疫情爆發 且 在 彭博社 全球 防疫 韌性 排名 中 跌 至 第 44 名 是 全球 參與 評比 國家 的 末 段 對此 國民黨 臺北市議員 王鴻薇 指出 臺灣 防疫 吊 車尾 對比 臺灣 時常 拿 來 做為 對手 比較 的 韓國 卻是 位居 前 10 名 只能</t>
  </si>
  <si>
    <t>臺灣 本土 疫情爆發 且 在 彭博社 全球 防疫 韌性 排名 中 跌 至 第 44 名 是 全球 參與 評比 國家 的 末 段 對此 國民黨 臺北市議員 王鴻薇 指出 臺灣 防疫 吊 車尾 對比 臺灣 時常 拿 來 做為 對手 比較 的 韓國 卻是 位居 前 10 名 只能 大喊 好 想 贏 韓國 國際 媒體 彭博社 6 月 公佈 最新 的 防疫 排名 臺灣 從 去年 11 月 的 第 3 名 到 現在 已經 吊車 尾 排到 了 第 44 名 對此 王鴻薇 今 1 日 在 臉書 發文 表示 對比 臺灣 時常 拿 來 做為 對手 比較 的 韓國 卻是 位居 前 10 名 不管 是 在 疫苗 接種 率 封鎖 嚴重性 等 評分 項目 都遠 勝過 臺灣 實在 是 讓 人 又 想 大喊 好 想 贏 韓國 王 鴻 薇 稱 事實上 韓國 從 今年 2 月 起 開始 施打 疫苗 到 了 現在 全國 已經 有 超過 4 成 的 民眾 接種 完 第一 劑 而 現在 雖然 az 疫苗 到貨 延遲 但 韓國政府 也 已經 決定 從 7 月 開始 將 以 其它 疫苗 混 打的 方式 開始 接種 第二 劑 目標 是 在 11 月底 前 達成 70 的 施打 率 也 就 是 普遍認為 群體 免疫 的 標準 對比 臺灣 到 現在 疫苗 仍然 是 嚴重不足 接種 率 遠遠 落後 有別于 韓國政府 是 大力 鼓勵 民眾 出來 打 疫苗 臺灣 人民 是 搶 著 要 打 疫苗 另一方面 在 殘 劑 施 打的 安排 措施 上 王鴻薇 指出 韓國政府 在 5 月底 就 推出 了 殘 劑 疫苗 地圖 app 讓 符合 資格 的 民眾 可以 透過 該 app 預約 一 有 殘 劑 釋出 即 會 主動 推 播 通知 讓 民眾 盡 速 到 施打 站 接種 王 鴻 薇 直言 而 臺灣 指揮中心 就 一 句 話 開放 18 歲 以上 的 民眾 預約 其 餘 全部 丟 給 地方 政府 處理 導致 各地 殘 劑 預約 各玩 各 的 亂象 頻出 光是在 同 個 縣 市里 有的 院所 可以 網路 預約 有的 一定 要用 傳統 的 電話 預約 而 不 同縣 市 有的 全面 開放 18 歲 以上 的 民眾 預約 而 有的 又 不 開放 還是 要 照 施 打 排序 來 排隊 過去 蔡 政府 一直 自誇 防疫 有成 但 其它 國家 正 在 邁向 解 封 的 現在 臺灣人 卻 正 處於 水深火熱 各行各業 都 苦不堪言 防疫 的 九 局 下 半 臺灣 被 對手 遠遠 超過 王 感歎 真的 好 想 問 政府 到底 在 幹什麼 我們 好 想 贏 韓國 啊</t>
  </si>
  <si>
    <t>新冠肺炎 疫情 蔓延 之 際 歐美 股市 卻 未 受 影響 頻 創 高點 台股 繼續 軋空 並 守 穩 月 線 季線 市場 專家 表示 疫情 未 止 穩 前 股市 表現 強者 愈強 可 注意 元月 營 收 表現 佳 且 兼具 技術 面 與 籌碼 面 優勢 的 個股 計有 技嘉 敦 泰 寶雅 等 15 檔 抗 疫 強勢 股 做為 投資 參考 永豐 投 顧 總經理 李學詩 指出 受惠 於 科技 股 財 報 優於 市場 預期 美 股 的 道 瓊 s&amp;p 500 與 那斯 達克 nasdaq 指數 頻 創 新高 台股 輕鬆 越過 季線 甚至 站上 短 中長期 均線 上 表現 出乎 市場 預料 主力 順勢 圍捕 恐慌 空頭 未來 就 看 空 方 何時 認輸 李 學詩 認為 投資人 過度 反應 新冠 疫情 的 恐慌 情緒 逢 低 介入 的 資金 順 著 美 股 走 強成功 拉 抬 行情 但 須 注意 台股 反彈 之際 成交量 逐漸 萎縮 顯示 多頭 雖 成功 打敗 空頭 卻 有 追 價 謹慎 的 疑慮 短線 投資人 宜將 資金 佈局 在 1 月 營 收 強勢 技術 面 多頭 及 籌碼 穩健 的 個股 上 力抗新冠肺炎 疫情 挑選 今年 1 月 合併 營 收 較 去年同期 成長 技術 面 強勢 外資 近 五 個 交易日 買超 的 個股 計有 技嘉 敦 泰 力成 致 茂 系統 電 華擎 原相 台汽 電 展旺 寶雅 全域 宇峻 富 邦 媒 日 友 太極 等 15 檔 抗 新冠 疫情 強勢 股 台 新 投 顧 副總 黃文清 認為 新冠 疫情 重災區 的 陸 股 已 強勢 反彈 尤其 深圳股市 成功 回補 缺口 反映 投資人 看到 大陸政府 實施 寬鬆 貨幣政策 情緒 樂觀 此時 的 台股 原則 上 以 強勢 股 為主 配合 1 月 合併 營 收 成長 為 優先 佈局 的 對象 15 檔 力 抗 新冠 疫情 強勢 股 中 黃文清 表示 與 當前 台股 最熱 門 的 漲價 概念 股 內需 消費 缺貨 股 等 題材 相關性 最高 其中 寶雅 與 富 邦 媒 為 零售 通路 股 富 邦 媒 受惠 於新冠肺炎 疫情爆發 民眾 不敢 出門 逛 街 及 購物 取而代之 的 是 電視 購物 網路 購物 等 下單 方式 相關 題材 吸引 了 資金 追 捧 市場 預期 富 邦 媒 2 月 營 收 也 將 同步 成長 技嘉 及 宇峻 為 宅 經濟 的 受惠 股 因 疫情 擴散 民眾 在家 時間 增加 電競 筆 電 龍頭 技嘉 前景 看 佳 遊戲 業者 宇 峻 2 月 業績 也 將 隨 著 寒假 延長 兩 周而 成長 李 學詩並 認為 台股 融資 餘 額 大 減 融 券 餘 額 增加 市場 預期 有 軋 空行 情 可期 指數 區間 看 11700 11950 點</t>
  </si>
  <si>
    <t>生 華科 6492 宣佈 新藥 ck 2 抑制 劑 silmitasertib cx- 4945 在 抗 新冠肺炎 的 臨床 進展 有 重大突破 全美 國 最 大 的 醫療 體系 之一 banner health 日前 主動 聯繫 表達 運用 新藥 silmitasertib 在 新冠肺炎 患者 治療 上 之 合作 意願 雙方 已於 6 日 完成 簽訂 合作 備忘錄 生 華科 表示 若 對 新冠 患者 具 正向 療效 生 華科 將 和 美國 fda 討論 爭取 緊急 使用 授權 eua 並 進一步 討論 樞紐 性 試驗 計 畫 加速 藥物 上市 banner health 設立 於 亞利桑那州 的 鳳凰城 是 全美 最 大 的 醫療 體系 之一 橫跨 美國 六大 州 有 三 個 醫學 中心 和 28 家 醫院 共有 超過 5萬 名 醫護 專業人士 和 員工 因 疫情爆發 後 banner health 體系 陸續 收治 大量 新冠肺炎 患者 加 護 病房 icu 超過 八成 都 是 新冠 重症 患者 對 新穎 潛力 藥物 可 治療 新冠肺炎 並 減緩 醫護 資源 負荷 banner health 積極爭取 合作 生 華科 指出 banner health 除 將 盡 速 向 fda 申請 擴大 取得 人體 臨床 試驗 ind 為 個別 單一 患者 進行 治療 同時 也 將 提出 由 研究者 發起 主導 的 iit 臨床 試驗 以 快速 取得 較 具 規模 的 人體 臨床 資料 生 華科 總經理 宋台生 強調 banner health 向 fda 申請 擴大 取得 臨床 試驗 是 病 患 在 面臨 生命 威脅 且 無 其他 現行 治療 方案 選擇 下 緊急 使用 安全性 無 虞 已經 在 臨床 階段 之 研究 藥物 進行 治療 fda 在 收到 申請 後 隨時 可 核准 進入 人體 臨床 這 是 臺灣 第一 家 生 技 公司 的 新藥 最 早 用於 治療 新冠肺炎 患者 對 公司 意義 重大</t>
  </si>
  <si>
    <t>新冠肺炎 疫情 中斷 全球 人員 流動 航空 業 首當其衝 鑒於 疫情 尚未 趨 緩 長 榮 航 面對 一 年高 達 1959億 元 人事 成本 終於 也 扛不住 了 17 日 對內 宣佈 專案 無 薪 事假 與 放寬 留職停薪 申請 規定 長 榮 航 希望 員工 與 公司 攜手 度過 營運 艱 困 時期 長 榮航 2018 年 財 報 顯示 員工 人數 11321 人 一 年 人事 費用 高 達 1959億 元 由於 新冠肺炎 疫情爆發 以來 減班 情況嚴峻 今年 2 月 客運 收入 僅 有 5234億 元 年 減 371 再 加上 尚有 波音 新 飛機 陸續 交 機 以及 保障 最低 飛行 時數 等 財務 壓力 甚 重 長 榮航 17 日 對 內部 發佈 最新 的 鼓勵 休假 措施 即日起 亦 增設 臺灣地區 員工 專案 事假 申請 與 放寬 留職停薪 申請 規定 其中 專案 事假 不 列入 考評 及 服務 年資 繼續 累計 且 不 與 其他 差 假 並 計 也 不 會 影響 相關 福利 權益 員工 可 依 個人 需求 事前 提出 但 每月 不得 超過 14天 留職停薪 部分 則 不 限 事由 均 可 提出 每次 申請 至少 一個 月 以上 長 榮航 強調 專案 事假 及 留職停薪 均 需 由 部門 主管 依 業務 及 人力 狀況 核定 沒有 任何 強迫 性 並 持續 鼓勵 同仁 多 安排 休假</t>
  </si>
  <si>
    <t>新冠肺炎 疫情爆發 近 2 年 民眾 人心惶惶 新北 市 宗教團體 出錢 也 出力 總計 捐助 新北 市府 2億1080萬 元 防疫 基金 並 提供 物資 與 人 力 新北 市長 侯友宜 9 日 頒發 230 面 獎牌 給 96 家 績優 宗教團體 感謝 各 宗教團體 無私 大 愛 侯友宜 致</t>
  </si>
  <si>
    <t>新冠肺炎 疫情爆發 近 2 年 民眾 人心惶惶 新北 市 宗教團體 出錢 也 出力 總計 捐助 新北 市府 2億1080萬 元 防疫 基金 並 提供 物資 與 人 力 新北 市長 侯友宜 9 日 頒發 230 面 獎牌 給 96 家 績優 宗教團體 感謝 各 宗教團體 無私 大 愛 侯友宜 致詞 時 表示 宗教信仰 深 具 撫慰 人心 及 安定 社會 功能 各 宗教團體 也 是 市府 重要 夥伴 協助 各項政策 推動 除了 在 兒少 福利 弱勢 關懷 及 急難 救助 等 公益 事項 傾囊相助 侯友宜 說 宗教團體 疫情 期間 更 捐贈 防疫 基金 及 物資 並 配合 市府 防疫 捐款 金額 高 達 2億1080 多 萬元 其中 板橋 慈惠宮 捐款 更 達 2100 多 萬元 感謝 各 宗教團體 為 新北 市 無私 的 付出 與 奉獻 侯友宜 也 說 佛教 慈濟 基金會 及 鶯歌 永 昌裡 永 福宮 提供 場地 設立 疫苗 接種 站 迄今 辦理 354 場次 施打逾 27萬 劑 疫苗 共同 守護 市民 健康 民政局長 柯慶忠 表示 去年 起 新冠肺炎 疫情 嚴峻 宗教團體 紛紛 慷慨解囊 其中 深 丘福德 宮 新北 市 承天 禪寺 埔 幹 福德 宮 板橋 慈惠宮 板橋 接 雲寺 等 55 家 宗教團體 迄今 捐贈 金額 近 6000萬 元 另 三 重 安北 宮 淡水 清水 巖 八 裡 五 福宮 三峽 普賢寺 等 共 捐贈 6 輛 救護車 市值 近 2000萬 板橋 區 深 丘福德 宮 江子翠 潮 和 宮 新北 市 拱北 殿 樹林鎮 南宮 淡水 義山 集 應廟 等 共 捐贈 14 輛 複 康 巴士 市值 近 2000萬 以及 三 重 先 嗇 宮 樹林 濟 安宮 等 共 捐贈 逾 2萬 件 防護衣 市值 近 1000萬</t>
  </si>
  <si>
    <t>新加坡 商 克雷多生 醫 credo diagnostics biomedical pte ltd 專注 於 傳染性 疾病 定點 照 護 檢測 方案 在 新冠肺炎 疫情爆發 兩 個 月 內 完成 克雷多 微 特 covid-19 檢驗 試劑 vitapcr sars-cov- 2 assay 研發 子公司 泉創 生 醫</t>
  </si>
  <si>
    <t>新加坡 商 克雷多生 醫 credo diagnostics biomedical pte ltd 專注 於 傳染性 疾病 定點 照 護 檢測 方案 在 新冠肺炎 疫情爆發 兩 個 月 內 完成 克雷多 微 特 covid-19 檢驗 試劑 vitapcr sars-cov- 2 assay 研發 子公司 泉 創 生 醫 位於 新北 市 汐止 區 為 主要 生產 製造 基地 克雷多生 醫 副總 高章琦 表示 定點 檢測 對於 防堵 covid-19 疫情 擴散 意義 重大 目前 實驗室 的 核酸 檢測 系統 普遍 最 快 六 小時 能 產出 結果 克雷多 微 特 pcr 分析儀 vitapcr instrument 僅 需 20 分鐘 即 可 完成 大幅 減少 等待 的 時間 高 章琦 說 集團 成立 的 宗旨 是 希望 將 先進 的 醫療 科技 大眾化 至今 布建 到 全球 各地 的 機器 超過 5千 台 試劑 售出 有數 百萬 劑 克雷多生 醫 針對 流感 推出 第 一個 產品 不久 新冠肺炎 疫情 即 爆發 在 王泉仁 董事長 的 召集 下 公司 團隊 迅速 研發 出 全新 產品 克雷多 微 特 pcr 分析儀 快速 準確 輕便 檢測 套 組 內含 具 滅 活 病毒 的 樣本 保存 裂 解 液 可 室溫 保存 的 pcr 反應 試劑 及 系統 包含 資料 管理 功能 等 超高 cp 值 獲得 業 界 高度肯定 高 章琦 認為 一路 走來 團隊 付出 極大 的 努力 品牌 的 成功 絕非 偶然 該 集團 秉 持 助 人為 本 的 初衷 於 今年 5 月 臺灣 疫情爆發 時 與 善心人士 合作 捐贈 慈濟 醫院 桃園 地區醫院 等 共約 2000 劑 以上 的 試劑 克雷多生 醫 於 今年 上半年 完成 產能 擴張 目前 以 發展 歐洲 市場 為 主 美國 fda 認證 規劃 中 也 計畫 探索 日本 臺灣 中國 和 中南美 市場 據悉 未來 將 持續 聚焦 傳染性 疾病 檢測 方案 導入 多種 標的 增加 產品 面向 並 透過 佈 建 更 多 機台 到 世界各地 強化 品牌 認知</t>
  </si>
  <si>
    <t>今年春節 提前 使得 2 月 工作 天數 正常 卻 意外 面臨 新冠肺炎 疫情 攪局 多空 夾擊 中 逆勢 大增 甚至 創下 歷史 新 高 的 個股 短線 易獲 資金 青睞 包括 是 方 6561 勤 凱 4760 熱映 3373 及 鈊 象 3293 等 4 檔 個股 根據 統計 6 日 提前 公佈 營 收 的 391 檔 個股 中 僅 119 檔 個股 年月 雙 增 占比僅 三 成 左右 惟 部分 個股 仍 各 擁 題材 強勢 表現 包括 是 方 勤 凱 熱映 及 鈊 象 等 4 檔 個股 2 月 營 收 均 強勢 創下 歷史 新 高 導電 漿 廠 勤 凱因 產業 景氣 回 穩 及 客戶 回補 庫存 加上 5 g 與 車用 電子 需求 帶動 2 月 營 收 達 8270萬 元 年 增 6383 創下 歷史 新 高 以外 其他 3 檔 個股 營 收 創 新高 主因 均 受 新冠肺炎 疫情 延 燒 所 致 雲端 服務業 者 是 方 不但 延續 去年 idc 機房 及 雲端 應用服務 兩 大 產品 線 發展 外 今年 更 啟動 骨幹網 路 容量 擴大 計畫 加上 疫情爆發 後 無論是 雲端 學習 或 線 上 辦公 都對 是 方 的 相關 產品 系統 及 服務 有 更 大 的 需求 激勵 是 方 2 月 營 收 達到 206億 元 年 增 803 醫 材廠 熱映 同樣 因 新冠肺炎 疫情 導致 體溫 量 測 設備 供不應求 不但 2 月 營 收 月 增 9149 年 增 逾 兩 倍 強勢 創 歷史 新 高 外 股價 更 自 1 月中 旬 起 如 失 速 列車 般 一路 狂 飆 截 自 6 日 的 629 元 收盤價 止 短線 漲幅 已 達 276 倍 以上 至於 遊戲 股王 鈊 象 受惠 五大 網路 遊戲 產品 穩定 發展 加上 春節 過後 碰到 新冠肺炎 疫情 不但 學校 延後 開學 許多 公司 也 要求 自主 隔離 帶動 宅 經濟 商機 發酵 旺季 拉長 下 2 月 營 收 延續 高檔 表現 繳 出 627億 元 的 成績 年 增 9704 日盛 投 顧 總經理 鍾 國 忠 表示 台股 2 月 營 收 陸續 公佈 營 收 好壞 將 左右 個股 3 月中 下旬 走勢 預期 大盤 在 年 線 及 月 線 區間 整理 時 若 有營 收 等 基本 面 護 體 相對 較 能 獲得 資金 青睞 台 新 投 顧 副總 黃文清 同樣 認為 上市 櫃 公司 的 2 月份 營 收 大多 會 受到 疫情 拖累 反觀 防疫 概念 股 可望 出現 大 幅度 的 成長 惟 相關 個股 短線 都 已 飆漲 並不 建議 投資人 進場 追 高</t>
  </si>
  <si>
    <t>桃園 中壢 一家 坐落于 中平 商 圈 的 40 年 老字型大小 建國 自助餐 家常 又 實惠 的 餐 點 風格 是 許多 上班族 學生族 的 共同 回憶 疫情 影響 建國 自助餐 自 5 月 宣佈 暫停營業 後 時隔 2 個 月 5 日 宣佈 複業 16 日 卻 又 宣佈 7 月底 將 關門大吉 讓 不少 民眾 扼腕 不已 建國 自助餐 坐落于 中平 商 圈 不 顯眼 的 一角 自 民國 69 年 來 憑 著 客家 風味 的 口感 家常菜 的 氣氛 以及 實惠 的 價格 成為 眾多 中壢 上班族 學生族 專屬 的 共同 回憶 然 因 疫情 影響 建國 自助餐 自 5 月 宣佈 暫停營業 2 個 月 後 7 月 5 日 宣佈 複業 但 複業 僅 10 餘 天 卻 又 宣佈 7 月底 將 關門大吉 民眾 直 呼 共同 回憶 再也 見 不 到 了 真的 累 了 建國 自助餐 接受 電 訪 表示 收入 的 虧損 不僅 只有 停業 的 2 個 月 實際上 自 去年 疫情爆發 後 中平 路 建國 路 的 人潮 大量 減少 虧損 就 相當嚴重 並 強調 這 2 年 的 收入 僅 能 與 菜 錢 持平 員工 薪資 便當盒 器材 耗損 等等 幾乎 都 無法 支應 入不敷出 更 感慨 表示 老本 已經 虧 完了 只好 關門 疫情 衝擊 之下 許多 老 店 關門大吉 其中 許多 民眾 的 共同 回憶 也 隨之 消失 建國 自助餐 於 臉書 粉絲 團 發佈 結束 營業 消息 之後 許多 網友 直 呼 哭 阿 沒有 50 塊 便當 了 謝謝 建國 陪 我 走過 好多 個 補習 的 夜晚 更 有 網友 表示 結束 營業 前 再 吃 一 波 表示 對 老店 的 支持</t>
  </si>
  <si>
    <t>精選 中 時 新聞網 5 件 不可不 知 的 國際 大事 帶 讀者 掌握 今天 2 月 14 日 的 國際 新聞 重點 1 疫情 忽然 飆 升 全因 武漢 改變 檢測 方法 當 市場 樂觀 認為 新冠肺炎 的 疫情 逐漸 和緩 之際 新增 感染 病例 和 死亡 人數 忽然 間 又 再度 飆 高 本 週三 死亡 人數 高達 242 人 為 疫情爆發 以來 當日 最高 紀錄 而 本 週四 湖北省 的 新增 病例 居然 高達 14840 個 案例 前 一 天才 2千 例 出頭 而已 專家 解釋 事實上 這 並非 因為 疫情 惡化 或是 隱匿 病例 而是 檢測 方式 不同 所 造成 的 統計數字 變化 2 漂流 近 2 周 威士特丹 號 終於 停靠 柬埔寨 在 新冠 病毒 疫情 陰影 下 月初 從 香港 出航 的 郵輪 威士特丹 號 westerdam 一度 淪為 海上 孤兒 先後 遭到 5 個 國家 與 地區 拒絕 停靠 威士特丹 號 在 海上 漂流 將近 2 周 13 日 終於 獲准 停靠 柬埔寨 施亞努 港 3 日 相 緊急會議 逾 1400億 抗 疫 停靠在 日本 橫濱 港 的 鑽石 公主 號 郵輪 13 日 再 添 44 例 新冠肺炎 確診 病例 全船 累計 218 人 確診 日本 厚 勞省 決定 14 日 讓 80 歲 以上 且 有 慢性 疾病 的 旅客 及 同房 者 優先 下船 目前 預計 臺灣 有 2 名 此外 日本 境內 13 日 突然 新增 4 個 確診 病例 其中 還 包括 死亡 首例 4 武漢肺炎 影響 新加坡 餐廳 大陸 旅客 人潮 不 複 見 新加坡 武漢肺炎 病例 續增 新加坡 濱海 灣 烏節路 聖 淘沙 景點 以及 牛車 水 觀光客 消費 餐廳 均 受 影響 人潮 不如 往昔 尤其 大陸 旅客 赴 新加坡 受限 衝擊 零售 與 旅遊業 新加坡 今天 新增 8 起 確診 病例 確診 病例 總數 達 58 起 5 新冠肺炎 陰霾 籠罩 東奧 籌委會 重申 照辦 新冠肺炎 疫情 延 燒 隨 著 日本 確診 案例 持續 增加 對 今年 夏天 登場 的 東京 奧運 是否 能 如期舉行 外界 相當 存疑 不過 東奧 籌委會 主席 前日 本 首相 森喜朗 今天 再度 重申 從未 考慮 延後 或者 取消 奧運會 東奧 籌委會 今天 起 與 國際 奧 會 ioc 在 東京 召開 2 天 協商會議 森喜朗 說 他 希望 說 清楚 講 明白 東奧 不 會 因為 新冠 病毒 疫情 受阻</t>
  </si>
  <si>
    <t>供應 北京 80 農 產 新發 地 爆 疫情 6 月 11 日 以來 北京 發現 的 新增 新冠肺炎 確診 病例 活動 軌跡 均 指向 新發地農產品批發市場 新發 地 市場 是 北京 最 大 世界 交易 規模 居 前 的 專業 農產品 交易市場 根據 其 官 網 2019 年 資料 新發 地 市場 年 交易量 1749萬 噸 交易額 1319億 元 人民幣 固定 攤位 約 2000 個 定點 客戶 4000 多 家 蔬菜 日 輸送量 18萬 噸 果品 2萬 噸 毛豬 3000 多頭 羊 1500 多 只 牛 150 多頭 占地面積 約 1680 畝 相當 於 157 個 足球場 承擔 了 北京 80 的 農產品 供應 被 稱為 北京 的 菜籃子 和 果 盤子 美政府 4 月 赤字 年 增 56 倍 在 稅源 收縮 和 開支 大 漲 的 雙重 擠壓 下 美國聯邦政府 預算 在 4 月 達到 7380億 美元 比 2019 年 同期 增長 560 5 月 財政赤字 規模 約 為 3988億 美元 繼續 維持 高位 年 增 92 其中 聯邦 政府 5 月 收入 1740億 美元 比 去年同期 減少 了 25 開支 5730億 美元 年 增 30 本 財政 年度 至今 聯邦 預算赤字 累計 達到 188 兆 美元 比 2019 財年 前 八 個 月 累計 赤字 高出 155 也 已經 高過 2019 財年 全年 赤字 全球 廣告 支出 縮水 81 新冠肺炎 疫情爆發 無疑 是 2020 年 對 商業活動 造成 最 大 影響 的 事件 疾病 大 流行 導致 主要 產品 部門 的 投資 大幅 削減 第 三 方 研究 機構 資料 顯示 今年 全球 廣告 支出 將 下降 81 至 5630億 美元 不同 行業 中 疫情爆發 前 和 爆發 後 形成 鮮明對比 交通 旅遊 行業 受到 衝擊 最 大 廣告 投入 由 去年 的 年 增 9 大幅 削減 至 如今 的 年 減 312 娛樂業 廣告 投入 轉為 年 減 287 淨 債權 34 兆 美元 日本 蟬聯 第 1 日本 2019 年 淨 外部 資產 達到 34 兆 美元 的 新 高 日本 佔據 最 大 債權國 的 寶座 已 連續 29 年 其 淨 外部 資產 約 是 德國 的 12 倍 是 中國 大陸 的 15 倍 德國 是 全球 第二 大 債權國 2019 年 底 時 淨資產 約 27 兆 美元 前 五大 債權國 經濟體 依序為 日本 德國 中國 大陸 香港 臺灣 美國 ai 人才 27 來自 中國 美國 保爾森 基金會 paulson institute 公佈 調查結果 在 頂級 ai 研究者 資源 方面 美國 大幅 領先於 其他 國家 美國 的 ai 相關 機構 聘用 了 全球 近 60 的 頂級 人才 是 排行 第二 名 中國 大陸 106 的 6 倍 也 是 第 三 名 歐洲 102 的 6 倍 但 在 美 工作 的 人才 來源 頗 值得注意 美國 本土 研究者 只 占約 31 而有 27 的 ai 研究者 來自 中國 大陸 臺灣 cpi 連 跌 4 月 2020 年 臺灣 5 月 消費者 物價指數 cpi 較 上月 跌 01 較 去年同期 跌 119 跌幅 擴大 且為 連續 第 4 個 月 下跌 創 金融 海嘯 以來 最 大 跌幅 根據 國際貨幣基金 定義 cpi 連續 2 季 下跌 在技術上 已 達到 通貨緊縮 標準 但 主 計 總 處 表示 臺灣 物價 並未 全面 走跌 尚無 通 縮 疑慮</t>
  </si>
  <si>
    <t>新冠肺炎 疫情 趨 緩 桃竹 苗 校園 戶外 空間 與 場地 都將 重新 開放 桃園 和 竹縣 6 月 1 日 起 開放 最 晚 宣佈 的 苗栗 提早 至 本 週末 開放 讓 社區 民眾 可以 散步 運動 新冠肺炎 疫情爆發 以來 各縣 市政府 為 維護 學童 健康 安全 全面 暫停</t>
  </si>
  <si>
    <t>新冠肺炎 疫情 趨 緩 桃竹 苗 校園 戶外 空間 與 場地 都將 重新 開放 桃園 和 竹縣 6 月 1 日 起 開放 最 晚 宣佈 的 苗栗 提早 至 本 週末 開放 讓 社區 民眾 可以 散步 運動 新冠肺炎 疫情爆發 以來 各縣 市政府 為 維護 學童 健康 安全 全面 暫停 開放 校園 將 病毒 杜絕 校園 之外 隨 著 疫情 趨 緩 考量 民眾 對於 休閒 運動 的 需求 決議 重新 開放 校園 苗栗 縣長 徐耀昌 表示 臺灣 已 超過 1 個 月 無 本土 案例 昨 宣佈 30 日 起 開放 校園 戶外 空間 及 場地 民眾 可 利用 清晨 傍晚 假日 到 校園 運動 但 校園 室內 場地 仍 暫停 開放 教育處 指出 平日 開放 時間 按照 各 校 在 疫情 前 規定 原則 以 上學 前 放學 後 為 開放 時間 仍要 遵守 校園 門 禁 管理 與 防疫 新 生活 運動 規範 新竹 縣 立國 中小 校園 采 逐步 鬆綁 開放 6 月 1 日 起至 7 月 15 日前 假日 開放 學校 操場 供 民眾 運動 使用 週一 至 週五 考量 學校 防疫 工作 仍 維持 暫停 開放 新竹 市 的 校園 戶外 空間 一直 都 開放 由 各 校 在 學生 放學 後 彈性 開放 供 附近 居民 活動 桃園 市 也 從 6 月 1 日 起 開放 市民 到 戶外 場地 運動 民間 也 能 租借 辦 活動 室內空間 租借 及 教學 游泳池 也 同步 開放 使用 或 營運</t>
  </si>
  <si>
    <t>全球 新冠 疫情 持續 延 燒 據 worldmeter 網站 統計 截至 昨晚 全球 確診 人數 已 突破 2700萬 其中 逾 88萬 人 死亡 美國海軍 雷 根號 航空母艦 二 度 傳出 有 官兵 中 鏢 印度 則 再次 打破紀錄 1 天內 新增 9萬 人 確診 最 快 今天 就 會 超越 巴西 成為 全球 疫情 第 2 慘重 的 國家 美國海軍 第 7 艦隊 發言人 莫姆森 中校 cmdr reann mommsen 5 日 向 美軍 星條旗 報 star stripes 證實 雷 根號 上有 小 部分 船員 于 上月 27 日 確診 新冠肺炎 他們 隨後 立即 下船 接受 治療 沒人 住院 此後 船上 也 沒有 其他人 遭 傳染 據 報導 雷 根號 於 6 月 出海 上月 22 日 至 26 日 停靠 關島 進行 休整 期間 官兵 僅 在 基地 指定 範圍 停留 避免 與 外來人員 接觸 不過 重新 出海 翌日 就 發現 船員 確診 目前 尚 在 調查 具體 感染 途徑 此事 亦 未 影響 雷 根號 的 部署 行動 現在 該 艦 仍 在 菲律賓 附近 巡航 今年 3月 母港 位於 日本 橫須賀 的 雷 根號 也 曾 發現 2 人 確診 在 亞洲地區 據 印度 衛生部門 6 日 上午 公佈 的 資料 過去 24 小時 內 全國 新增 90633 名 病例 累計 已 突破 411萬 例 這 是 印度 再次 打破 單一 國家 單日 新增 病例 紀錄 也 是 世界 上 第 3 個 確診 人數 超過 400萬 的 國家 僅次於 美國 和 巴西 印尼 5 日 則 通報 單日 新增 3128 名 確診 患者 108 人 死亡 累積 總數 達 19萬665 人 確診 7940 人 病 歿 成為 東南亞地區 染疫 死亡 人數 最高 的 國家 目前 美國 仍 是 全球 確診 及 死亡 病例 人數 最 多 的 國家 worldmeter 網站 資料 顯示 美國 累計 確診 人數 超過 643萬 其中 逾 19萬 人 死亡 隨 著 新 學年 揭開序幕 全美 已 有 1500 所 大學 出現 疫情 約 51萬 名 大學生 染疫 由於 抗 疫 需要 大量 資源 及 銀彈 國會 預算處 估計 本 年度 的 累積 負債 將 在 明年 達到 gdp 規模 在 拉美 疫情最 嚴重 的 巴西 則 有 412萬 人 確診 126萬 人 病 歿 歐洲 疫情 也 不容樂觀 法國 5 日 統計 國內 確診 病例 達到 317706 例 較 前日 新增 8550 例 創下 該國 自 疫情爆發 以來 第 2 高 的 紀錄 德國 的 疫情 也 自 7 月底 出現 反彈 單日 新增 確診 人數 多 日 都 保持 在 1000 人 以上 至 6 日 已 累計 251056 人 確診 9401 人 身亡</t>
  </si>
  <si>
    <t>國際 股市 恐慌 賣壓 未 歇 拖累 台股 連 五 日 回檔 波段 下跌 1562 點 法人 指出 隨 著 疫情 持續 升溫 目前 已 有 多國 實施 關閉 實體 店面 市場 擔憂 歐美 感染 人數 爆發 對 終端 消費 影響 將 逐步 顯現 操作 上 建議 聚焦 有 業績 支撐 營運 展望 維持 正向 的 個股 具 任天堂 tws 出 貨 題材 加 持 的 原相 3227 及 可望 受惠 陸5 g 基建 的 泰碩 3338 值得 關注 新冠肺炎 疫情爆發 使得 宅 經濟 消費 大增 switch 遊戲機 熱銷 任天堂 股價 逆勢 大 漲 市場 預期 台系 供應 鏈 可望 沾光 其中 原相 提供 感測器 出 貨 挹注 營運 動能 另 tws 也 是 公司業績 一大 成長 來源 中長線 拉 貨 力 道 可期 首季 營 收 估 將 築 底向上 法人 表示 就 股價 而言 原相 近期 受 新冠肺炎 影響 首季 訂單 與 展望 衝擊 已 有 過度 反應 跡象 超 跌 後 的 投資 價值 浮現 且 在 tws 和 cis 等 產品 皆 有 更進一步 突破 之下 預估 公司 今年營 收 仍 將 維持 雙 位數 成長 原相 17 日 小跌 05 元 收在 1445 元 投 信 連 兩 日 加碼 表現 抗跌 泰 碩 為 中國 大陸 通訊設備 大廠 的 aau 關鍵 散熱 件 主力 供應商 法人 預期 客戶 將 於 今年 大量 建置 基站 雖然 第一 季受新冠肺炎 疫情 衝擊 影響 試 產 進度 不過 先前 中國 政策 會議 上 指出 將 加快 5 g 網路 資料 中心 等 新型 基礎 設施 建設 進度 有利 泰碩 全年 5 g 業務 成長 保持 樂觀 看法</t>
  </si>
  <si>
    <t>基隆 市政府 日前 公佈 3 間 醫院 設置 快 篩 站 但 昨天 又 說 僅 基隆 市立 醫院 進行 快 篩 讓 民眾 霧 煞 煞 對此 衛生局長 吳 澤 誠 親自 說明 基隆 原有 4 個 篩檢 站 皆 可 進行 pcr 檢測 和 快 篩 而 市立 基隆醫院 新 成立 的 篩檢 站 是 專責 快 篩 目前 已 有 334 人 預約 基隆 市 確診 數 持續 攀升 吳澤誠 說 本土 疫情爆發 時 基隆 已 在 三軍 總 醫院 基隆 分院 基隆 礦工 醫院 基隆醫院 基隆 長庚醫院 設置 篩檢 站 皆 提供 pcr 檢測 和 快 篩 為 降低 pcr 量 能 前天 在 基隆 市立 醫院 設 快 篩 站 並 訂為 專門 負責 快 篩 的 院所 吳 澤 誠 指出 若 未來 快 篩 量 過多 導致 基隆 市立 醫院 無法 負荷 時 會 先行 轉給 三軍 總 醫院 基隆 分院 基隆 礦工 醫院 進行 協助 而 目前 快 篩 采 線 上 預約 衛生局 會 提供 qr code 給 民眾 使用 並於 每日 下午 3 時 陸續 通知 隔日 篩檢 時間 及 地點 吳 澤 誠 提及 目前 已 有約 334 人 預約 快 篩 已 約 診 270 人 其中 采 檢 93 人 僅 1 人 陽性 今天 預計 可 以 采 檢 100 人 預估 在 明 後天 所有 預約 民眾 都能 篩檢 完畢 並 會 定時 在 網路上 公佈 結果</t>
  </si>
  <si>
    <t>新冠 病毒 究竟 何時 進入 美國 新 證據 會 說話 加州 檢測 3 具 遺體 發現 早 在 2 月 6 日 就 有 第 1 起 死亡 案例 比 之前 公佈 的 日期 整整 早 3 周 不只 病毒 入境 得 比 預期 更 早 感染 人數 更 多 美國 cdc 也 警告 冬季 還有 一 波 疫情 對 美國 的 防疫 將 產生 什麼 影響 covid-19 新冠肺炎 一 稱 武漢肺炎 在 美 第 1 起 死亡 病例 一直 都 認定 是 2 月 29 日 西雅圖 近郊 的 60 歲 患者 但 加州 矽谷 聖塔克拉拉 郡 santa clara county 公共 衛生 官員 公佈 3 具 遺體 的 驗屍 結果 證實 2 月 6 日 才 是 第一 起 死亡 病例 出現 的 時間 比 2 月 29 日 整整 早上 3 周 這 3 名 死者 死亡 時間 分別 是 2 月 6 日 17 日 以及 3 月 6 日 他們 都 在 自家 過世 當時 檢測 的 試劑 非常 有限 並 限定 只有 具 旅遊 史 有 具體 症狀 的 人才 能 受檢 所 以 3 人 生前 都 不 知道 自己 染病 當地 衛生 官員 推測 由於 新冠肺炎 重症 患者 平均 在 染病 1 個 月 後 死亡 從 2 月 6 日 往 回 推 該 名 死者 可能 1 月初 就 染病 代表 新冠 病毒 恐怕 在 2019 年 12 月 就 已 入境 美國 根據 紐約時報 報導 2 月 6 日 過世 的 這 名 死者 是 一 名 57 歲 女性 在 矽谷 一家 半 導體 製造商 工作 過世 前 並 沒有 出國 紀錄 但 過去 曾 到 各地 出差 包括 德國 奧地利 和 中國 大陸 一 位 友人 則 透露 她 在 2019 年 11 月 曾 到 過 北京 她 工作 的 公司 屬於 國際性 企業 在 全球 各地 都 有 分公司 包括 疫情爆發 中心 的 武漢 仔細 回溯 病情 她 在 2 月 2 日 向 朋友 抱怨 出現 流感 症狀 短短 4 天 後 女兒 回家 發現 她 倒 在 廚房 接 著 不幸 過世 家人 表示 曾 懷疑 她 是 不是 染 上 新冠肺炎 但 礙於 當時 的 限制 而 未能 受檢 直到現在 透過 檢驗 遺體 才 得到 答案 這 起 病例 不但 重寫 美國 疫情 時間 軸 更 如 鐵證 般 進一步 證明 病毒 恐怕 早 在 矽谷 所在 的 三藩市灣區 傳播 灣區 是 美國 和 中國 往來 最 密切 的 地區 在 這 份 檢測 報告 出爐 前 史丹福 大學 在 聖塔克拉拉 郡 的 3 個 灣區 城市 進行 血液 採樣 發現 帶有 新冠 病毒 抗體 反應 的 人數 比 官方 的 確診 病例 要 多 出 50 85 倍 從 12 月 到 2 月 正是 流感 高峰期 有 多少 人 像 2 月 6 日 的 死亡 病例 一樣 被 誤認為 流感 這 突顯 美國 初期 防疫 政策 根本 錯 置 只 著 重 封鎖 邊境 忽略 社區 傳播 的 風險 美國 cdc 直到 3 月 15 日 才 呼籲 不要 舉辦 或 參與 50 人 以上 的 活動 美國 初期 檢測 門檻 嚴格 直到 3 月中 才 放寬 受檢 資格 假使 遺體 檢 結果 持續 出爐 可能 揪 出 更 多 病例 黑 數 每 一起 生前 未 檢測 的 死亡 病例 可能 都只 是 冰山一角 而 我們 不 知道 這 冰山 到底 有 多 大 聖塔克拉拉 郡 公共 衛生 官員 科 帝 sara cody 表示 cdc 預警 第 2 波 疫情 更 嚴重 美 只能 寄 望 抗體 檢測 美國 現 有 近 一半 人 宅 在家 停滯 的 活動 重 擊 各 產業 民眾 和 政府 都 希望 重 啟 經濟 但 如果 貿然 恢復 常態 這麼 多 未 檢測 出 的 病例 隱藏 在 四周 難保 不會 隨時 再 大 爆發 尤其 美國 cdc 已經 警告 冬天 可能 有 第 2 波 疫情 cdc 主任 雷德菲爾德 robert redfield 對 華盛頓郵報 表示 冬天 疫情 可能 更 棘手 因為 流感 和 新冠肺炎 將 在 同一時間 發生 屆時 可能 導致 醫療 體系 大 崩潰 流感 雖然 有 疫苗 但 光是 去年 流感 就 在 美國 造成 3550萬 人 染病 34萬 人 死亡 冬天 來臨 前 美國 能 怎麼 做 在 新冠肺炎 疫苗 問世 前 暫時 只能 透過 大量 篩檢 來 掌握 疫情 美國 過敏 與 傳染病 研究院 主任 也 是 這次 抗 疫 大將佛奇 anthony fauci 打算 推出 大規模 的 抗體 檢測 讓 已 有 抗體 的 人 取得 證明 也 是 各地 能否 重 啟 經濟 的 依據 雷德菲爾德 則 呼籲 民眾 一定 要 接種 流感疫苗 他 說 接種 疫苗 至少 能 防範 自己 不因 流感 而 住院 到時候 至少 能 空 出 床位 給 新冠肺炎 的 病人 因為 染病 的 也 可能 是 你 的 母親 或 祖母</t>
  </si>
  <si>
    <t>為 有效 防範 新型 冠狀病毒 疫情 蔓延 台東 縣政府 今日 正式 函文 通知 各鄉鎮 市公所 建議 轄內 各 原住 民族 部落 今年 度 歲 時 祭 儀 停辦 或 延後 辦理 視 疫情 規劃 辦理 情形 掌握 部落 自發性 的 祭 儀及 活動 並 應訂 定 相關 應變 機制 以 做好 原鄉 部落 防疫 措施 每年 從 6 月底 開始 台東 地區 有 上百 場 的 阿美族 豐年 祭 及 魯凱 族 排灣族 卑南 族 收穫 祭 陸續 登場 一直 到 9 月底 去年 疫情爆發 後 台東 縣政府 原 住 民 行政處 基於 部落 自主 由 部落 自行決定 是否 辦理 有 部落 取消 有 部落 如期舉行 有 部落 則 縮小 規模 往年 原鄉 的 歲 時 祭 儀 即使 是 颱風天 也 照常 辦理 這次 疫情 來得 急 又 猛 台東 縣政府 已 行文 至 鄉鎮 公所 建 請 各 原住 民族 部落 今年 度 歲 時 祭 儀 停辦 或 延後 辦理 並 應訂 定 相關 應變 機制 以 做好 原鄉 防疫 措施 據 瞭解 由 台東市 公所 舉辦 具有 指標 的 馬卡巴 嗨 豐年 祭 活動 決定 取消 這 也 是 第 2 年 取消 另外 每 3 年 1 次 的 全縣 阿美族 聯合 豐年 祭 剛好 今年 舉行 目前 尚未 討論 取消 或是 延期 達魯瑪克 部落 頭目 古昌弘 表示 每年 7 月 第 2 個 星期 舉辦 達魯瑪克 收穫 祭 不 對外 公開 的 祭 儀 照常 舉行 而 最 受 歡迎 的 蕩 鞦韆 視 疫情 變化 再 決定 卑南 族 利嘉 部落 頭目 潘村雲 及 阿美族 馬蘭 部落 少年 階層 長老 羅 福慶 都 說 必須 召開 會議 後 才會 進一步 做 決定 此外 針對 各 部落 自主 成立 防疫站 實施 進入 部 落實 聯 制 等 措施 縣長 饒 慶鈴 給予 肯定 也 感謝 族人 自主 防疫期間 的 辛勞 縣府 將 結合 部落 與 民間 等 各項 管道 一起 努力 抗 疫</t>
  </si>
  <si>
    <t>鑽石 公主 號 郵輪 爆發 聚 感染 當時 與 遊客 接觸 的 基隆 54 名 計程車 司機 被 居家 隔離 另 有 5 名 登 船 4 天 查驗 船上 旅客 身分 的 基隆 港 國境 大隊 移民 官也 終於 平安 解禁 何姓 移民 官 受訪 直 呼 大家 在 疫情爆發 前 一 天 就 下船 真是 太 幸運</t>
  </si>
  <si>
    <t>鑽石 公主 號 郵輪 爆發 聚 感染 當時 與 遊客 接觸 的 基隆 54 名 計程車 司機 被 居家 隔離 另 有 5 名 登 船 4 天 查驗 船上 旅客 身分 的 基隆 港 國境 大隊 移民 官也 終於 平安 解禁 何姓 移民 官 受訪 直 呼 大家 在 疫情爆發 前 一 天 就 下船 真是 太 幸運 鑽石 公主 號 確診 新冠肺炎 突破 500 人 該 船 一月 底 停靠 基隆 後 隔 天 在 沖繩 就 傳出 香港 遊客 染疫 首例 疾 管署 隨即 將 岸上 54 名 巴士 計程車 司機 以及 另外 同船 5 名 移民 官依 傳染病 防治法 進行 居家 隔離 幸無 異狀 傳出 皆 已 在 14 日 平安 出 關 解禁 當天 基隆 市府 送 上 豬腳面線 給 司機 過過 運 其實 同船 還有 5 名 移民署 移民 官 自 1 月 28 日 從 越南 下龍灣 上 船 查驗 乘客 資料 至 31 日 抵達 基隆 有 長達 4 天 與 郵輪 旅客 第一線 接觸 1 日 香港 80 歲 老翁 確診 罹 患 新冠肺炎 政府 連忙 展開 追查 可能 接觸 者 何 姓 男 移民官 回憶 當時 在 船上 就 和 一般 遊客 一樣 當時 有 看到 幾 名 港澳 籍 長者 在 咳嗽 當時 覺得 老家 人 咳嗽 很 正常 並 沒 刻意 去 閃 躲 後來 從 報導 得知 這 艘 郵輪 有 旅客 確診 當場 嚇出 一身 冷汗 隔 天 就 接到 通知 要 居家 隔離 幸好 都 沒人 被 感染 潘姓 女 移民 官女 指出 看到 鑽石 公主 號 郵輪 在 海上 隔離 覺得 船上 的 旅客 很 可憐 被 困 在 被 污染 的 環境 導致 疫情 越來越 嚴重 相比之下 在家 隔離 算 安全多 了 隔離 期間 她 看看書 督促 小孩 課業 想到 就 差一點 可能 就 還 在 隔離 中 讓 她 覺得 很 感恩</t>
  </si>
  <si>
    <t>對 臺灣 民眾 來說 疫情爆發 後 搭 捷 運 和 公車 等 大眾 運輸工具 戴 口罩 早已 成 日常生活 一部分 但 在 英國 顯然 不是 英國 的 英格蘭 地區 直到 今天 才 強制 規定 搭乘 地鐵 巴士 長途 客運 火車 飛機 渡輪 時 臉上 都 必須 遮蔽</t>
  </si>
  <si>
    <t>對 臺灣 民眾 來說 疫情爆發 後 搭 捷 運 和 公車 等 大眾 運輸工具 戴 口罩 早已 成 日常生活 一部分 但 在 英國 顯然 不是 英國 的 英格蘭 地區 直到 今天 才 強制 規定 搭乘 地鐵 巴士 長途 客運 火車 飛機 渡輪 時 臉上 都 必須 遮蔽 戴 口罩 或以 圍巾 及 大 手帕 遮蓋 都 可 儘管 威爾斯 北愛爾蘭 和 蘇格蘭 沒有 類似 規定 不過 三 地 都 建議 民眾 搭乘 大眾 運輸 最好 戴 上 口罩 這項 規定 不 適用於 身 障 身體 有 特殊 狀況 以及 11 歲 以下 學童 如果 違反規定 者 將 被 要求 馬上 戴 上 口罩 若 仍 不 從 將 遭 拒 載 或者 罰款 100 英鎊 約 台幣 3804 元 今天 一早 在 多 個 倫敦 地鐵站 都有志 工 發放 口罩 當局 派出 超過 3千 名 額外 人力 包括 員警 進駐 各 車站 以 確保 所有 乘客 都 遵守 新 規定 一 位 被 派 往 地鐵站 的 倫敦 交通局 官員 表示 大多數 人 到站 時 都已 戴好 口罩</t>
  </si>
  <si>
    <t>新冠肺炎 疫情 持續 升溫 中央流行疫情指揮中心 18 日 宣佈 19 日 零 時 起 美國 加 拿到 澳洲 及 紐西蘭 4 國 旅遊 疫情 建議 提升 至 第 三級 自 第 三級 國家 及 地區 入境者 必須 進行 14 天 居家 檢疫 出身 美國 德州 的 袁詠 琳 cindy 表示 原本 住 在 德州 的 媽媽 4 月 要 搬回 臺灣 現在 因 疫情 關係 計畫得 調整 不過 更 讓 她 憂心 的 是 疫情爆發 後 當地 民眾 瘋 搶 物資 加上 媽媽 一 人 待 在 美國 她 表示 希望 大家 節省 使用 留給 最 需要 的 人 長期 和 母親 分隔 兩地 袁詠琳 說 早 在 一月 份 左右 注意 到 疫情 就 開始 透過 網路 平臺 幫 媽媽 準備 食物 及 濾水器 等 物資 她 憂心 地 說 我 一直 都 很 擔心 她 一個 人 住 也 擔心 如果 遇上 因為 疫情 而 發生 的 緊急狀態 像是 類似 隔離 等 所以 先 幫 媽媽 先 準備 一些 物資 也 比較 不怕 沒有 人 可以 照顧 她 袁詠琳 說 在 美國 擔任 會計師 的 母親 正好 在 今年 2 月底 正式 退休 現階段 都 在 美國 生活 也 有 養 一 只 愛犬 陪伴 左右 自己 則 是 每天 透過 簡訊 視 訊 電話 跟 媽媽 保持聯繫 也 會 在 通話 中 安撫 媽媽 不安 情緒 也 會 跟 在 歐美 的 朋友 聯繫 互相關心 及 祈禱 一切 平安 健康 近期 受到 疫情 影響 不少 工作 延期 她 表示 目前 最 大 的 共識 齊聚 一心 一起 面對 這 次 的 疫情 這 才是 現階段 最 重要 的 事 新冠肺炎 疫情 蔓延 全球 韓國 截至 18 日 全國 新冠肺炎 確診 人數 達 8413 例 身 為 韓國第 三 代 華僑 的 孫盛希 相當 擔心 在 韓國 的 家人 除了 通電話 報 平 安外 家 人 也 格外 小心 因為 集體 感染 擴散 很 嚴重 在 韓國 擔任 中醫師 的 父親 仍然 有 在 看 診 平時 也 有 戴好 口罩 以及 消毒 雖然 生活 並未 受到 太 大 影響 但 坦言 診所 患者 有 減少</t>
  </si>
  <si>
    <t>自從 今年 年初 疫情爆發 後 新冠肺炎 肆虐 全球 目前為止 確診 人數 已經 突破 2300萬 人 死亡 人數 也 突破 80萬 人 根據 法新社 報導 指出 目前 新冠肺炎 在 全球 已經 造成 2300萬3079 人 感染 其中 有 80萬 人 因 此 染病 身亡 而 拉丁 美</t>
  </si>
  <si>
    <t>自從 今年 年初 疫情爆發 後 新冠肺炎 肆虐 全球 目前為止 確診 人數 已經 突破 2300萬 人 死亡 人數 也 突破 80萬 人 根據 法新社 報導 指出 目前 新冠肺炎 在 全球 已經 造成 2300萬3079 人 感染 其中 有 80萬 人 因 此 染病 身亡 而 拉丁美洲 加勒比海 是 受到 疫情 衝擊 最 嚴重 的 地區 其中 有 25萬4897 人 因 染病 去世 因為 新冠肺炎 而 死亡 的 人數 中 大多 來 四 個 國家 分別 是 美國 17萬5416 人 巴西 11萬3358 人 墨西哥 5萬9610 人 印度 5萬5794 人 光 這 四 個 國家 的 總合 就 高達 40萬4178 人 佔據 全球 死亡 人數 的 一半 更 多 ctwant 報導</t>
  </si>
  <si>
    <t>日本 迄 周日 下午 止 確診 達 773 人 死亡 4 例 其中 東京都 確診 達 29 人 位於 東京 的 國際 著名 的 吉蔔力 美術館 就 以 新型 肺炎 疫情爆發 為由 宣佈 從 週二 開始 封 館 直到 3 月 17 日 止 已 購買 2 月 和 3 月 入場券 民眾 將 獲得 退費 這次 封 館 主</t>
  </si>
  <si>
    <t>日本 迄 周日 下午 止 確診 達 773 人 死亡 4 例 其中 東京都 確診 達 29 人 位於 東京 的 國際 著名 的 吉蔔力 美術館 就 以 新型 肺炎 疫情爆發 為由 宣佈 從 週二 開始 封 館 直到 3 月 17 日 止 已 購買 2 月 和 3 月 入場券 民眾 將 獲得 退費 這次 封 館 主要 是 配合 東京都政府 要 取消 或 延後 未來 3 周 大型活動 來 防止 疫情 蔓延</t>
  </si>
  <si>
    <t>新光 三越 臺北 南西 店 周年 慶 今 正式 開跑 上午 9 點 就 聚集 排隊 人潮 11 點 正式 營業 湧入 數 千 名 民眾 新光 三越 表示 南西 店 周年 慶 開 打 首次 遇上 中秋 連 假 首日 民眾 扶老攜幼 不用 擔心 是 上班時間 要 遮遮掩掩 預估 單日 人潮 破 10萬 人 將 刷新 往年 紀錄 首日 業績 挑戰 5億 元 早上 10 點 員工 已 到 櫃 位 準備 迎接 客人 新光 三越 董事長 村上 英 及 新光 三越 百貨 副董事長 兼 總經理 吳昕陽 也 來 各個 櫃 位 前 為 周年 慶 開跑 加油打氣 並 在 接近 11 點 時 走向 2 樓 觀看 首日 人潮 進 出 的 狀況 今年 上半年 新冠肺炎 疫情爆發 吳昕陽 坦言 今年 確實 比較 辛苦 但 數位 提早 佈局 熟客 系統 上線 加上 強壯 的 團隊 周年 慶 落 在 第 4 季 正是 業績 的 收割期 預測 全台 新光 三越 第 4 季能 達到 300億 元 的 目標 吳昕陽 現在 期望 與 去年 相當 達 800億 元 若 達到 這 目標 就 very wonderful 太 完美 新光 三越 臺北 南西 店 周年 慶 長達 18 天 預計 業績 與 去年同期 成 長 1 可 達 21億 元 吳昕陽 表示 團隊 拉長 準備 時間 做 足 周年 慶 商品 數位 等 工作 雖然 團隊 工作 壓力 大 但 透過 執行 力 相信 業績 結果 會 令人滿意 新光 三越 一定 會 成長 吳昕陽 分析 疫情爆發 後 反而 加速 數位 佈局 長達 半 年 的 數位 練兵 新光 三越 給予 補助 有 專業 團隊 教導 前線 的 銷售 人員 如何 運用 燈光 提升 拍照 技巧 並 傳授 數位 文字 的 書寫 方法 吳昕陽 表示 新光 三越 3 年前 積極 改裝 今年 改裝 比較 少 資源 可以 大力 放到 數位 平 臺上 現在 數位 上架 商品 1 天 超過 逾 1萬 件 商品 吳昕陽 認為 實體 百貨 周年 慶 未來 將 與 數位 周年 慶 相輔相成 可因 應 個人 需求 作 對應 周年 慶 不 一定 要 擠 進 百貨公司 宅 在家 也 可以 上網 逛 百貨 周年 慶 點選 購買 增加 客人 多樣化 的 選擇</t>
  </si>
  <si>
    <t>臺灣 疫情 升溫 今 12 日 一口氣 新增 16 例 本土 確診 案例 包括 臺北 新北 宜蘭 基隆 4 縣 市 都 出現 染疫 者 面對 疫情 本土 疫情爆發 女神 徐若瑄 就 在 臉書 感歎 為了 我們 愛 的 人 好好 的 活 著 是 目前 最 重要 的 事 同時 美</t>
  </si>
  <si>
    <t>臺灣 疫情 升溫 今 12 日 一口氣 新增 16 例 本土 確診 案例 包括 臺北 新北 宜蘭 基隆 4 縣 市 都 出現 染疫 者 面對 疫情 本土 疫情爆發 女神 徐若瑄 就 在 臉書 感歎 為了 我們 愛 的 人 好好 的 活 著 是 目前 最 重要 的 事 同時 美 魔 女 何如 芸 也 寫下 口罩 戴起來 不要 怕 臺灣 加油 本土 疫情爆發 昨 新增 7 例 本土 案例 後 今天 則 一口氣 新增 16 例 本土 確診 案例 社會 氣氛 明顯 緊張 對此 美 魔 女 何如 芸 稍 早 則 在 臉書 喊話 口罩 戴起來 不要 怕 臺灣 加油 發文 引發 網 一 片 熱 議 臺灣 加油 大家 一起 配合 政府 防疫 政策 一起 配合 防疫 團結起來 加油 大家 都 要 把 防疫 做好 做 滿 口罩 戴起來 不要 怕 臺灣 加油 女神 徐若瑄 今年春節 在 新加坡 過 年 後 3 月初 回台 工作 拍 新片 徐若瑄 近期 結束 臺灣 工作 並 在 日前 飛 回 新加坡 她 當時 曬 出 與 兒子 合 照 引來 網 質疑 不用 隔離 嗎 徐若瑄 也 親自 回應 從 台灣 來 的 不用 喔 短短 8 字 就 道出 臺灣 在 防疫 獲得 國際 的 認可 早安 疫情 擴散 了 很多 演唱會 活動 也 都 被迫 取消 或 延期 電影院 也 開始 梅花座 了 可以 感受 到 大家 的 失望 也 是 無可奈何 but 安全 第一 為了 我們 愛 的 人 好好 的 活 著 是 目前 最 重要 的 事 v 哥 沒 在 大家 身邊 請 好好 照顧 自己 戴好 口罩 勤洗手 酒精 不離 身 少去 公共場合 多 運動 還要 吃 的 飽 睡 的 好 才有 抵抗力 我們 一起 努力 渡過 這個 難關 天 佑 臺灣 天 佑 新加坡 天 佑 全世界 隨 著 本土 病例 爆發 徐若瑄 今 早 則 沈重 發文 早安 疫情 擴散 了 很多 演唱會 活動 也 都 被迫 取消 或 延期 電影院 也 開始 梅花座 了 可以 感受 到 大家 的 失望 也 是 無可奈何 徐若瑄 認為 安全 第一 為了 我們 愛 的 人 好好 的 活 著 是 目前 最 重要 的 事 v 哥 沒 在 大家 身邊 請 好好 照顧 自己 並 呼籲 戴好 口罩 勤洗手 酒精 不離 身 少去 公共場合 多 運動 還要吃 的 得 飽 睡 的 得 好 才有 抵抗力</t>
  </si>
  <si>
    <t>新冠肺炎 疫情 延 燒 為了 宣導 新冠 病毒 防疫 的 正確 觀念 及 鼓勵 所有 站 在 第一線 防疫 工作人員 社團 法人 台 東縣 南回 健康 促進 關懷 服務 協會 方舟 教室 舉辦 寶貝 你 很 繪 繪畫 比賽 藉 由 繪圖 的 方式 不僅 發揮 小朋友 對於 防疫 情形 的 想像力 同時 也 向 防疫 英雄 們 致敬 新型 冠狀病毒 covid-19 肺炎 疫情 持續 延 燒 臺灣 確診 人數 也 持續上升 全國 人民 從 去年 疫情爆發 後 就 繃緊神經 依照 衛福部 的 政策 指示 全面 防備 與 抗 疫 不敢 有 一絲一毫 的 鬆懈 就 連 小朋友 們 都 要 隨時 注意 疫情 的 發展 台 東縣 南回 健康 促進 關懷 服務 協會 6 間 方舟 教室 小朋友 在 課後 的 陪讀 課程 中 開始 拿 起 畫筆 畫 出 小朋友 們 對於 防疫 的 正確 觀念 並 向 所有 防疫 英雄 來 致意 南回 協會 總 幹事 張小雲 表示 台東 目前 雖然 還 沒 新冠 病毒 的 個案 發生 但是 透過 宣導 防疫 的 措施 讓 小朋友 瞭解 這次 疫情 的 嚴重性 張 小雲 強調 繪畫 比賽 最後 會 選 出 每個 年級 的 前 3 名 除了 公開 表揚 之外 也 會 將 方舟 教室 小朋友 的 得獎 畫作 捐贈 給 大武 達仁 衛生所 以 表達 小朋友 的 感恩之 意 在 疫情 升溫 期間 用 學生 們 的 純真 感動 融化 病毒 讓 病毒 不 要來</t>
  </si>
  <si>
    <t>疫情爆發 後 宅 經濟 熱潮 加溫 加上 政府 好幾 波 的 紓困 助 漲 電 商業 務 美國 裝運 用 紙箱 呈現 供不應求 並 已 連番 漲價 每 噸 報價 已 飆 到 785 美元 的 歷史 新高 4 月份 很 可能 進一步 上漲 根據 美國 紙箱 協會 的 統計 美國 廠商 2020 年 瓦楞</t>
  </si>
  <si>
    <t>疫情爆發 後 宅 經濟 熱潮 加溫 加上 政府 好幾 波 的 紓困 助 漲 電 商業 務 美國 裝運 用 紙箱 呈現 供不應求 並 已 連番 漲價 每 噸 報價 已 飆 到 785 美元 的 歷史 新高 4 月份 很 可能 進一步 上漲 根據 美國 紙箱 協會 的 統計 美國 廠商 2020 年 瓦楞紙 製品 的 總產量 達 近 4070億 平方 英尺 年 增 34 或 477 平方 英里 比 紐約市 都 還要 大 需求 火熱 帶動 廠商 去年 秋天 就 將 紙箱 價格 調升 到 歷史 新高 最近 則 又 出現 一 波 調 漲 這 無疑 進一步 增加 供應 鏈 的 壓力 去年 秋季 廠商 紙箱 每 噸 約 調 漲 50 美元 市場 基準 報價 達 每 噸 765 美元 根據 美國 紙箱 協會 旗 下 的 產業 刊物 ppi 漿紙 週刊 報導 今年 稍 早 廠商 又 啟動 新 一 波 漲價 每 噸 至少 調 漲 60 美元 帶動 基準 報價 飆 至 785 美元 的 歷史 新 高 家 俱 製造商 green forest cabinetry 的 老闆 摩根 john k morgan 表示 公司 紙箱 進貨 成本 比 一 年前 多 了 22 而且 供貨 商 還 一再 通知 未來 價格 會 持續 上漲 去年 爆發 新冠肺炎 疫情 後 紙箱 製造商 對 景氣 前景 轉 趨 保守 並 對 經濟衰退 帶來 的 衝擊 預 作 準備 完全 沒 料到 產業 會 掀起 一 波 景氣 榮 景 美國 瓦楞紙箱 第二 大廠 westrock 去年 5 月 還 宣佈 大 砍 股利 減幅 超過 5 成 keybanc 資本 市場 紙類 與 包裝 產業 分析 師 喬瑟夫森 adam josephson 指出 疫情爆發 後 紙箱 需求 先 跳水 2 個 月 但 6 月份 就 強勢 反彈 當時 經濟 重 啟 政府 又 推出 紓困 措施 民眾 有錢 可以 消費 此外 疫情 期間 房市 景氣 大好 刺激 裝潢 活動 暴 增 進而 帶動 包裝 家電 與 櫥櫃 等 大型 貨品 的 瓦楞紙箱 的 需求 ppi 漿紙 週刊 總編輯 魯德 greg rudder 表示 由於 秋天 才 剛 調 漲價 格 加上 之前 廠商 帳 務 系統 因 遭 勒索 軟 體 攻擊 出現 狀況 導致 最新 一 波 漲價 才 剛剛 反應 出來 預料 基準 報價 4 月份 還 會 再進一步 創新 高</t>
  </si>
  <si>
    <t>新冠肺炎 衝擊 大陸 但 也 催生 宅 經濟 爆發 成長 資料 分析 商 統計 大陸 2 月 前 兩 周 蘋果公司 apple 平臺 的 手機 應用程式 app 周均 下載量 超過 2億 次 較 去年 周 平均值 大幅 成長 40 疫情 也 讓 大陸 遊戲 製造商 的 數量 激增 大陸 最 大 的 手機遊戲 提供商 騰訊 的 股價 創下 20 個 月 以來 新高 市值 現 已 超過 5000億 美元 移動 資料 分析 平臺 app annie 20 日 發佈 大陸 市場 行動 資料 的 月度 資料 顯示 從 2 月 2 日 開始 的 一 周 內 即 新冠肺炎 疫情 大 爆發 之時 中國 在 ios 蘋果 平臺 線 上 商店 的 app 下載量 超過 222億 次 今年 2 月 前 兩 周 中國 ios 的 平均 每週 總 下載量 比 2019 年 全年 周 平均值 增加 40 2 月 前 兩 周 的 周 下載量 平均值 超過 2億 次 與 1 月 相比 增加 10 短 影片 類 西瓜 第一 本月 前 兩 周 遊戲類 最 受 歡迎 下載 次數 最 多 其後 是 教育 工具 娛樂 和 照片 與 影音 類 資料 顯示 1 月 20 日 至 2 月 9 日 即 新冠肺炎 疫情爆發 後 三 周 內 非 遊戲類 下載 排名 前段 均 被 短 影片 佔據 其中 西瓜 視頻 位居 第一 微 視 抖 音 緊隨其後 以 10億 元 拿下 春 晚 獨家 互動 合作 的 快手 在此期間 的 下載量 則 位居 第 四 往常 春節 期間 遊戲 下載量 會 在 春節 結束 後 急劇下降 不過 appannie 分析 師在 報告 中 指出 今年春節 假期 後 的 幾 周 手機 應用 下載量 持續 增加 目前 數 百萬 職員 和 學生 都在利 用 手機 應用 尋找 替代 方式 來 遠端 恢復 日常 活動 市民 生活 消費 改變 此外 北京市委宣傳部 副 部長 趙磊 19 日 在 記者會 上 表示 疫情 對 市民 生活 消費 方式 消費 內容 產生 明顯 影響 催生出 大量 線 上 文化 消費 和 娛樂 新 業態 疫情 期間 網路 遊戲 網路 影片 數位 音樂 網路 教育 知識 付費 等 新興 業態 使用者 規模 有 較 快 增長 網 遊和 教育 數位 音樂 等 廣受 市民 關注成為 文化 消費 新 熱點 他 還 說 下 一 步 將 舉辦 電 競 北京 2020 系列 活動</t>
  </si>
  <si>
    <t>一 項 由 美國國立衛生研究院 nih 主導 的 血液 分析 研究 顯示 早 在 2019 年 耶誕節 美國 可能 就 已經 有 新冠肺炎 病例 比 2020 年 1 月中 旬 美國 通報 首例 確診 的 時間 點 還要 早 了 半 個 月 美國 的 第一 起 新冠肺炎 案例 究竟 始於 何時 目前 美國 官方 通報 的 第一 起 案例 發生 在 2020 年 1 月 21 日 一 名 華盛頓州 居民 從 武漢 返美 後 到 醫院 就醫 確診 不過 愈來愈多 研究 顯示 新冠 病毒 在 美國 出現 的 時間 點 可能 要 再往 前 推 綜合 紐約時報 new york times 美聯社 報導 一 項 由 美國國立衛生研究院 主導 於 15 日 刊登 在 臨床 傳染病 期刊 clinical infectious diseases 的 研究 顯示 2019 年 12 月底 美國 就 可能 已經 有 新冠肺炎 病例 研究 分析 了 2020 年 1 月 2 日 至 3 月 18 日 期間 全美 50 州 民眾 捐 血 的 24萬 個 血液 樣本 當中 9 個 血液 樣本 測出 新冠 病毒 抗體 其中 7 個 樣本 的 捐 血 時間 甚至 早於 所屬 州 通報 的 第一 起 新冠 案例 3 個 樣本 來自 於 伊利諾州 其 餘 樣本 分別 來自 威斯康 辛州 賓州 密西西比州 及 麻州 根據 分析 結果 研究 的 第一 作者 約翰霍普金斯大學 彭博 公共 衛生學 院 johns hopkins bloomberg school of public health 副教授 艾 索夫 keri althoff 指出 伊利諾州 的 其中 一個 案例 顯示 最 早 可能 在 2019 年 12 月 24 日 平安 夜 就 已經 感染 伊利諾州 官方 的 第一 起 病例 發生 在 2020 年 1 月 24 日 這 份 大型 血液 分析 研究 結果 與 另 一 份 由 美國 疾病 管制 暨 預防 中心 cdc 主導 於 2020 年 12 月 公佈 的 血液 分析 研究 一致 cdc 的 研究 顯示 早 在 2019 年 12 月中 美國 就 已經 有 人 感染 病毒 對於 研究 結果 專家 並 不 感到 驚訝 尤其 疫情爆發 初期 各州 病毒檢測 措施尚未 到位 可能 遺漏掉 了 最初 幾 周 的 病例 另外 芝加哥大學 演化 生物學家 珂 比 sarah cobey 表示 從 當時 的 死亡率 與 住院 率 來 推測 專家 們 早就 知道 是 這種 結果 她 說 最新 的 模型 推測 2020 年 3 月 伊利諾州 可能 就 有約 1萬 人 感染 不過 這 份 研究 也 存在 缺陷 讓 部 份 專家 質疑 準確性 主要 問題 在於 專家 難以 分辨 血液 中的 抗體 是 為了 對抗 新冠 病毒 sars-cov- 2 或是 其他 引起 普通 感冒 的 冠狀病毒 產生 的 因 此 研究 人員 在 分析 時 使用 了 2 種 檢測 方法 設法 降低 錯誤 機 率 第一 次 篩檢 出 147 個 樣本 第二 次 再 過濾 出 9 個 樣本 儘管如此 仍 有 專家 擔心 可能 出現 偽 陽性 問題 另 一個 疏漏 是 研究 人員 並未 追蹤 這些 案例 的 旅遊 史 驗 出 的 7 個 案例 也 不在 紐約 或 西雅圖 等 美國 第一 波 疫情 集中 的 區域 對此 團隊 表示 將 會 進一步 追蹤 案例 的 旅遊 史 艾 索夫表示 研究 顯示 新冠 病毒 可能 已 在 美國 多 處 播種</t>
  </si>
  <si>
    <t>新冠肺炎 疫情爆發 至今 新北 宣佈 因 染疫 確診 往 生 者 的 市民 發放 慰問金 10萬 元 給 往 生 者 家屬 多 名 北市議員 力促 市府 跟進 近期 也 傳出 跟進 消息 總計有 247 人 受惠 北市 副 市長 蔡炳坤 證實 昨日 民間 捐款 委員會 已 通過 此 決定</t>
  </si>
  <si>
    <t>新冠肺炎 疫情爆發 至今 新北 宣佈 因 染疫 確診 往 生 者 的 市民 發放 慰問金 10萬 元 給 往 生 者 家屬 多 名 北市議員 力促 市府 跟進 近期 也 傳出 跟進 消息 總計有 247 人 受惠 北市 副 市長 蔡炳坤 證實 昨日 民間 捐款 委員會 已 通過 此 決定 未來 會 由 社會局 主動 發放 針對 是否 發放 家屬 慰問金 柯文哲 態度 轉變 多次 先是 認為 法 要 有 一致性 倘若 因 新冠 死亡 就要 賠償 那 以後 流感 腸病毒 水痘 皰疹 要 不 要 賠 又 因 議員 質疑 北市 募款 已 近 4億 沒理由 不 跟進 慰問金 發放 柯文哲 則 說 有 剩下 就 可以 但要 委員會 討論 近期 北市 社會局 公佈 凡 設 籍 北市 因 新冠肺炎 往 生 者 家屬 將 會 獲得 10萬 慰問金 共計 247 人 包括 去年 5 月 的 2 人 都會 一併 發放 以 繼承人 為 第一 順位 外界 好奇 為何 市府 會 通過 發放 何時 能夠 領到 錢? 對此 北市 副 市長 蔡炳坤 說 每 位 確診 者 家庭 都 需要 市府 關懷 昨日 的 民間 捐款 委員會 也 通過 家屬 慰問金 10萬 的 提案 社會局 會 主動 發放 對 家屬 提供 相關 慰問 和 協助</t>
  </si>
  <si>
    <t>新冠 疫情 衝擊 位 在 海嘯 第一 排 的 旅遊業 哀鴻遍野 今年 國外 旅遊 市場 較 無機 會 發展 業者 轉而 搶攻 國旅 市場 隨 著 疫情 趨 緩 高雄 旅行社 與 航空 公司 飯店 合作 將 人 往 花蓮 澎 湖 送 民眾 詢問 度 高 但 未能 彌補 雪崩 式 的 業績 缺口 為 搶救 國旅 市場 統 茂 旅館 集團 華信 航空 與 捷利 旅行社 聯合 宣佈 2 人 輕鬆 遊花蓮 幸福 專案 平日 2 人 成行 每人 3999 元 另外 華信 航空 也 攜手 旅遊業 推出 高雄 台中 臺北 三 地 飛 航 澎 湖 即日起 至 6 月 推出 超 值 專案 二 天一 夜 平日 出發 每人 1999 起 高 市 旅行 公會 理事長 吳盈良 指出 因 疫情 關係 旅行社 收入 幾乎 是 零 尤以 中大型 旅行社 又 有 龐 大管 銷 等 成本 部分 公司 乾脆 裁員 或 放 無 薪 假 因應 當前 旅行社 只 能 推動 國內 旅遊 但 坦白說 量 體 及 業績 還 是 無法 與 國外 旅遊 相提並論 吳 盈 良 表示 近日 國內 新冠肺炎 持續 0 確診 國旅 的 詢問 度 非常 踴躍 但 尚未 完全 反應 在 訂單 上 顯見 消費者 需要 時間 及 信心 但 國旅 的 復蘇 是 可以 預期 的 目前 非 都會區 的 澎 湖 花蓮 金門 比較 會 受到 民眾 青睞 針對 旅行社 主動出擊 推出 套裝 促銷 方案 吳盈良 表示 不少 客人 都是采 自由 行 而 沒有 透過 旅行社 如此 旅行社 也 無 收入 他 向 政府 喊話 應該 加大力度 在 旅 行業 上 屆時 若 防疫 旅遊 補助 方案 出爐 後 可望 帶動 一 波 國人 出遊 潮 吳 盈 良 認為 目前 不少 客人 還 抱 持 觀望 態度 但 假設 未來 一直 沒有 新 的 疫情爆發 會 催 出 鄰里 長 自強 活動 公司 行號 員工 旅遊 等 屆時 量 體 自然 會 變大 推算 大概 7 月中 旬 會 漸漸 有起色 可望 讓 低靡 的 旅行 業 再現 生機</t>
  </si>
  <si>
    <t>男 住 森林 與世隔絕 8 周後 疫情爆發 彷 佛 陰屍 路 上演</t>
  </si>
  <si>
    <t>新冠肺炎 covid-19 疫情 肆虐 全球 美國 在 第二 波 疫情爆發 後 十分 慘烈 目前 已 有 5萬 多 例 確診 名列 全球 第 3 但 一 名 男子 卻 因為 在 享受 森林 裡 享受 與世隔絕 的 生活 而 完全 不 知道 新冠肺炎 的 存在 甚至 連 nba 傳奇 球星 過世 消</t>
  </si>
  <si>
    <t>新冠肺炎 covid-19 疫情 肆虐 全球 美國 在 第二 波 疫情爆發 後 十分 慘烈 目前 已 有 5萬 多 例 確診 名列 全球 第 3 但 一 名 男子 卻 因為 在 享受 森林 裡 享受 與世隔絕 的 生活 而 完全 不 知道 新冠肺炎 的 存在 甚至 連 nba 傳奇 球星 過世 消息 也 一無所知 直到 員警 上門 才 知道 疫情 的 存在 他 回憶 這 一切 彷 佛 就 像是 陰屍 路 的 場景 上演 一 名 叫做 marcus 的 網友 在 twitter 上 透露 一則 奇人 奇事 表示 他 的 經理 在 今年 1 月 25 日 和 其 妻子 展開 了 為期 8 周 的 度假 在 北 卡 州 north carolina 的 森林 內 的 小 木屋 內 享受 沒有 手機 等 通訊 軟 體 與世隔絕 的 生活 也 因此 在 這 8 周內 經理 對 外頭 所 發生 的 事情 一無所知 甚至 當 他 在 3 月中 結束 度假 後 原 po 和 他 提到 nba 傳奇 球星 柯比 kobe bryant 不幸 過世 的 消息 時 表現 出 難以置信 的 樣子 更 別說 新冠肺炎 疫情 於 3 月初 在 美國 大 爆發 這 位 經理 完全 不 知道 病毒 的 可怕 當 他 得知 這 件 消息 時 是 在 某日 的 淩晨 4 點鐘 有 3 名 帶 著 面罩 員警 正 敲打 他 的 門 那時 他們 正在 對 居民 進行 新冠肺炎 的 檢驗 也 是 在 那 時候 經理 才 得知 小 木屋 的 屋 主 已 被 確診 經理 更 向原 po 透露 最 嚇人 的 是 當 他 回憶 起 當初 踏入 北 卡 州 租借 小 木屋 時 小鎮 內 的 人們 正 快活地 工作 著 但是 當 疫情爆發 後 他 與 妻子 離開 時 的 畫面 讓 他 印象 深刻 彷 佛 見到 了 影集 陰屍 路 裡 的 場景 小鎮 的 生氣 蕩然無存 更 直白 地 說 一個 人影 都 見 不 到 my manager went on a 8 week sabbatical on jan 25 th and him and his wife rented a cabin in the north carolina woods and didn t bring no type of technology with them so they could enjoy each other company nigga finna come back to pure hell he don t even know kobe gone</t>
  </si>
  <si>
    <t>英國首相 強生 確診 感染 新冠肺炎 10 天 後 已 證實 於 5 日 周日 住院 唐甯街 發言人 強調 這 是 預防措施 因 首相 仍 有 持續 症狀 此外 由於 新冠肺炎 疫情爆發 使得 投資人 在 3 月 自 英國 基金 撤離 數 十億 英鎊 失血 規模 遠 超出 近</t>
  </si>
  <si>
    <t>英國首相 強生 確診 感染 新冠肺炎 10 天 後 已 證實 於 5 日 周日 住院 唐甯街 發言人 強調 這 是 預防措施 因 首相 仍 有 持續 症狀 此外 由於 新冠肺炎 疫情爆發 使得 投資人 在 3 月 自 英國 基金 撤離 數 十億 英鎊 失血 規模 遠 超出 近 四 年前 英國 脫歐公 投 的 程度 首相 辦公室 發言人 表示 首相 是 遵循 醫師 建議 住院 檢查 因為 他 仍 有 發燒 等 症狀 但 強調 他 仍 能 視事 發言人 稱 首相 感謝 國民 保健 署 nhs 人員 所 完成 的 所有 傑出 且 艱辛 的 工作 並且 呼籲 持續 遵循 政府 建議 待 在 家中 保護 nhs 同時 保護 生命 現年 55 歲 的 強生 為 全球 首 位 新冠肺炎 確診 的 執政 領袖 他 在 3 月 27 日 確診 後 在 唐甯街 首相 官邸 自行 隔離 當時 提及 自己 有 高燒 和 咳嗽 強生 的 懷孕 未婚妻 席孟斯 carrie symonds 上周 六 在 推特 表示 她 過去 一 周 也 出現 新冠肺炎 的 症狀 但 未曾 篩檢 過 32歲 的 她 並稱 在 自家 休息 七 天 後 感覺 自己 好多 了 且 在 恢復 中 英國女王 伊莉莎白 二 世 周日 則 罕見 地 發佈 電視 演說 呼籲 人民 要以 決心 和 團結 對抗 疫情 英國 目前 確診 人數 突破 4萬 人 包括 現年 71 歲 的 王儲 查理斯 親王 他 兩 周前 宣佈 感染 新冠肺炎 英國 先前 也 因 缺乏 公共 新冠肺炎 篩檢 能力 同樣 確診 的 衛生部長 韓 考克 matt hancock 表示 目標 英國 4 月底 達到 每日 檢測 10萬 人 的 能力 另 據 calastone 資料 顯示 3 月 英國 基金 淨 流出 31億 英鎊 幾乎 是 2016 年 6 月 贖回 規模 的 近 三 倍 上月 股市 因 疫情 而 出現 狂跌 走勢 英國 債券 基金 也 承受 重 擊 calastone 指出 固定 收益 基金 在 3 月 出現 最 大 失血 潮 投資人 資金 淨 流出 37億 英鎊 是 2019 年 1 月 締造 單月 最 大 流出 紀錄 的 13 倍 繳 回 過去 八 個 月 累積 流入 的 資金 固定 收益 基金 大規模 贖回 歸因於 投資人 擔憂 公債 和 企業 債 市場 的 信用 品質</t>
  </si>
  <si>
    <t>指揮中心 指揮官 陳時中 自 從新冠肺炎 疫情爆發 以來 已 有 4 個 多 月 沒 休息 19 日 總統 蔡英文 親自 拜訪 衛福部 並 意外 曝光 陳時 中的 辦公室 沒 想到 不少 網友 看到 後 心疼 表示 看到 這 張 立刻 泛 淚 蔡英文 今 前往 衛福部 送 上</t>
  </si>
  <si>
    <t>指揮中心 指揮官 陳時中 自 從新冠肺炎 疫情爆發 以來 已 有 4 個 多 月 沒 休息 19 日 總統 蔡英文 親自 拜訪 衛福部 並 意外 曝光 陳時 中的 辦公室 沒 想到 不少 網友 看到 後 心疼 表示 看到 這 張 立刻 泛 淚 蔡英文 今 前往 衛福部 送 上 英雄 面 替 所有 防疫 人員 加油打氣 另外 也 拜訪 了 陳時 中的 辦公室 蔡英文 在 臉書上 貼出 照片 並 留言 指出 今天 我 看到 阿中 部長 的 小 窩 真的 很 佩服 也 很 感動 從 照片 中 可以 看見 陳時 中的 辦公桌 後方 還有 一 張 小小 的 床 蔡英文 也 說 指揮中心 的 防疫 夥伴 們 不眠不休 尤其 是 阿中 部長 就算 有 睡 也 睡 得 很 少 或是 直接 在 指揮中心 小 睡 底下 網友 看到 照片 也 忍不住 直 呼 辦公桌 後面 是 張 床 部長 謝謝 您 辛苦 的 付出 也 要 照顧 好 自己 身體 已 眼眶 泛 淚 睡 在 這樣 小小 的 地方 真令人 心疼 也 真的 謝謝 你們 辦公室 居然 有 床 太 辛苦 了 看到 這 張 我 都 要 哭 了</t>
  </si>
  <si>
    <t>新冠肺炎 疫情爆發 過後 全球 近 30 個 城市 展開 血清 抗體 篩檢 彰 化 縣 是 全國 第 一個 大規模 篩檢 縣府 和 台 大公共 衛生學 院 彰 基 等 合作 針對 確診 個案 及 接觸 者 居家 檢疫 防疫 人員 居家 關懷 長 照 據點 長者 及 工作人員 等 展</t>
  </si>
  <si>
    <t>新冠肺炎 疫情爆發 過後 全球 近 30 個 城市 展開 血清 抗體 篩檢 彰 化 縣 是 全國 第 一個 大規模 篩檢 縣府 和 台 大公共 衛生學 院 彰 基 等 合作 針對 確診 個案 及 接觸 者 居家 檢疫 防疫 人員 居家 關懷 長 照 據點 長者 及 工作人員 等 展開 萬 人 調查 作為 研發 疫苗 和 治療 的 參考 台 大公 衛 學院院長 詹 長 權 表示 全球 遭受 新冠肺炎 病毒 危害 時 彰 化 是 臺灣 早先 接觸 到 病毒 在 衛生局 團隊 努力 下 防疫 相當 成功 病毒 何時 來 襲 無法 預測 做 過 大 規模 篩檢 防疫 可 更 精准 彰 化 c 型 肝炎 檢測 是 全台 第一 新冠 病毒檢測 也 跑 第一 彰 化 人為 臺灣人 健康 走 在 前面 把 資料 做出 來 貢獻 給 政府 縣長 王 惠美 表示 篩檢 目的 在 瞭解 社區 新冠肺炎 過去 感染 狀態 評估 不同 暴露 條件 下 感染 風險 能 為 新冠肺炎 疫苗 和 治療 方法 提供 更 精准 的 建議 傳染病 醫療網 中區 指揮官 黃高彬 指出 17 年前 sars 臺灣 死亡率 211 這次 降到 12 仍 需 花 時間 瞭 解 病毒 彰 化 縣 醫師公會 理事長 連哲震 說 彰 化 歷年 都進行 萬 人 健檢 促使 台 大公 衛學院 願意 與 彰 化 縣 合作 希望 讓 臺灣 防疫 檢測 及 疫苗 研發 成功 彰 化 基督教 醫院 長 陳穆寬 說 彰 基 實驗室 及 防護 裝備 都已備 妥 新冠肺炎 病毒 還有 很多 未知數 希望 能用 最好 的 準備 迎接 病毒 無法 預測 的 挑戰 秀 傳 紀念 醫院院長 楊 基 滐 說 期許 透過 血清 抗體 研究 調查 更 瞭 解 疾病 面貌 讓 民眾 面臨 疫情 不再 恐懼 彰 化 縣 衛生局 簡報 這次 計畫由 臺灣大學 公 衛學院 提供 瑞士 國際 大 藥廠 的 試劑 已於 美國 英國 新加坡 等 國家 大規模 使用 檢驗 原理 為 電化學 發光 免疫 分析 與 早期 elisa 類似 透過 冷光 呈 色 較 elisa 靈敏度 高 經 廠商 研究 測試 該 試劑 特 異性 為 9981 于 患者 pcr 確認 陽性 後 14 天 靈敏度 為 100 彰 化 縣 衛生局長葉 彥 伯 表示 將 對 符合 此次 受檢 資格 民眾 進行 通知 及 采 檢 說明 確認 采 檢 時間 地點 後 簽署 同意書 並 采 檢 送驗 預計 9 月底 完成</t>
  </si>
  <si>
    <t>台股 多頭 明燈 台 積 電 2330 不但 守 穩 季線 也 即將 收復 30 日 跳 空 缺口 帶動 台股 11 日 大 漲 8997 點 漲幅 078 收在 11664 點 新冠肺炎 最 恐慌 的 衝擊 已經 過去 11 日 共有 219 檔 11 日 股價 已經 超越 20 日 收盤價 跨過 新冠肺炎 缺口 包括 有 友達 2409 國 巨 2327 等 重量級 強者 恒 強 股 美國科技 股 持續 走 揚 消 彌 了 新冠肺炎 的 對 資本 市場 的 恐慌 情緒 加上 大陸 官方 陸續 實施 維 穩 政策 台股 多方 護 盤 的 台積電 僅 差 15 元 將 完全 收復 30 日 跳 空 缺口 11 日 收在 3315 元 上漲 4 元 20 日 豬年 最後 一個 交易日 收在 333 元 康和 證券 投資 總監 廖繼弘 認為 新冠肺炎 疫情爆發 至今 台積電 一直 是 台股 多頭 觀察 的 最 重要 指標 因此 只要 台積電 守 穩 季線 投資人 不必 殺低 持 股 尤其 台積電 即將 補 缺口 台積電 走勢 強 過於 大盤 更 凸顯多 方 的 企圖 心 事實上 11 日 台股 共有 219 檔 個股 的 股價 已經 超越 20 日 收盤價 盤面 交易 熱絡 依據 近期 三大 法人 買超 有 友達 技嘉 穩 懋 原相 國巨 精 材 華 新科 博智 華擎 旭富 宏 捷 科 複 盛 應用 宜鼎 牧德 仲琦 等 個股 台 新 投 顧 副總 黃文清 認為 法人 買進 的 強者 恒 強 股 其 背後 的 產業 基本 面 能見度 高 包括 有 面板 被動 元件 pcb 主機板 等 砷 化 鎵 大廠 穩 懋 1 月 營 收 年 增 6047 月 減 1197 股價 收復 季線 外資 11 日 買超 2688 張 投 信 及 自營商 也 站 在 買超 被動 元件 大廠 國 巨 1 月 營 收 33億 元 年 減 3085 月 增 128 外資 11 日 買超 國 巨 2476 張 投 信 買超 國 巨 力 道 相當 積極 已經 連續 第 八 日 買超 aoi 檢測 設備 大廠 牧德 1 月 營 收 21億 元 年 增 227 月 增 4927 牧德 2019 年 eps 為 2001 元 公司 看好 今年訂單 將 擴 增 產能 興建 廠房 計畫 辦理 現 增 籌措 資金 牧德 技術 面 屬於 強者 恒 強 股 11 日 僅 跌破 5 日 線 守 穩 短 中長期 均線</t>
  </si>
  <si>
    <t>本土 疫情 趨於 嚴峻 生 策 會 21 日 表示 防疫 首 重 阻斷 傳播 鏈 目前 而 所 面臨 的 挑戰 包括 篩檢 量 需求 大幅 增加 及 醫療 體系 面臨 防護 設備 短缺 等 迫切 問題 生 策 會 提出 三大 因應 方向 希望 在 政府 的 高 效率 防疫 政策 及 國人 的 高度 配合 下 能 很快 得到 控制 生 策 會 認為 當前 要務 在 減緩 醫護 壓力 減少 國人 恐慌 三大 因應 方向 建議 為 1 整合 佈 署 準確 快速 和 量 大 的 核酸 檢測 篩檢 站 隨 疫情 擴散 與 確診 驟增 如何 推動 高 效率 篩檢 及 阻斷 傳播 途徑 為 當前 遏止 疫情 擴散 的 首要任務 由於 目前 抗原 與 抗體 快 篩 面臨 偽 陽性 與 偽 陰性 的 問題 最終 仍 需 採用 核酸 檢測 pcr 過程 耗時 增加 醫院 負荷 而 解決 快 篩 困境 的 關鍵 應在 於 第一時間 就 要 導入 精准 快速 且 有效 的 檢驗 核酸 檢測 技術 已 多 有 創新 甚至 導入 ai 並能 在 5 分鐘 內 從 唾液 檢測 病毒 的 存在 目前 國內 已 有 核酸 快速 檢測 科技 與 高通量 量 能 亦 有 數家 取得 緊急 專案 許可 政府 可 快速 整合 國內 ict 和 精密機械 與 生 醫 團隊 既有 產品 技術 籌組 國家隊 建置 可 移動 式 大量 快速 精准 核酸 檢測 pcr 最好 於 1 小時 內 完成 檢測 並 呈現 ct 值 有利 判斷 傳染 力 並 優先 設置 於 疫情 需要 地 和 出入境 除 可 更 有效 精准 掌握 此 波 染疫 族群 外 更 重要 的 是 阻絕 下 一 波 可能 的 境外移入 感染 2 盤點 當前 醫療 最 迫切 與 缺乏 的 物資 公告 與 動員 業 界 配合 供給 讓 產業 協力 醫療 體系 度過 挑戰 針對 醫療 體系 因應 當前 與 下一階段 緊急 應變 所 需 重要 前線 物資 即時 公告 以 讓 產業 各界 掌握 需求 優先 提供 並 加速 產 制 與 供應量 能 目前 各 醫院 迫切 需求 包括 1 篩檢 檢疫站 設施 與 裝備 快 篩 與 pcr 試劑 2 第一線 醫護 防護 裝備 包括 n 95 口罩 護目鏡 防水 防護衣 與 全套 隔離 衣 等 紅區 裝備 3 遠 距 醫療 輕 症 者 在家 遠 距 醫療所 需 之 生理 監測 設備 3 整合 國內 防疫 科技 產品 研發 進度 與 上市 狀況 供 大眾 查詢 自 去年 疫情爆發 以來 國內 各 研究 機構 與 企業 積極 投入 防疫 科技開發 政府 亦 投入 龐 大 經費 補助 加速 研發 步伐 媒體 並 爭相 報導 各種 防疫 研發 成果 國人 隨之 趨之若鶩 甚至 造成 搶購 恐慌 為 避免 大眾 資訊 落差 除 當前 tfda 定期 公告 醫 材 專案 緊急 授權 核准 專案 外 建議 匯 整 相關 防疫 藥品 疫苗 等 研發 進度 與 上市 狀況 以利 大眾 查詢 與 瞭解</t>
  </si>
  <si>
    <t>本土 疫情爆發 每天 動輒 上百人 確診 根據 指揮中心 統計 國內 這 波 流行 的 主要 是 英國 變異 株 然而 近期 在 爆發 的 印度 變異 株 傳染 力 更 甚 一籌 媒體 問到 疫情 指揮中心 是否 在 國內 有 驗 出 印度 變異 株 中央流行疫情指揮中心 發言</t>
  </si>
  <si>
    <t>本土 疫情爆發 每天 動輒 上百人 確診 根據 指揮中心 統計 國內 這 波 流行 的 主要 是 英國 變異 株 然而 近期 在 爆發 的 印度 變異 株 傳染 力 更 甚 一籌 媒體 問到 疫情 指揮中心 是否 在 國內 有 驗 出 印度 變異 株 中央流行疫情指揮中心 發言人 莊人祥 表示 國內 除了 先前 有 驗 出 3 例 印度 變異 株 的 境外移入 個案 本土 目前 還 沒有 驗 出 印度 變異 株 莊 人 祥 表示 除 了 4 到 5 月 有 驗 出 3 例 印度 變異 株 的 境外移入 個案 外 本土 目前 還 沒有 出現 印度 變異 株 的 傳播 目前 社區 流行 的 主要 還 是 英國 變異 株 英國衛生部 在 6 月 11 日 6 月 14 日 公佈 疫苗 對 英國 變異 株 和 印度 變異 株 的 保護 力 比較 az 施打 一 劑 或 兩劑 都 有 保護 作用 住院 保護 力 方面 施打 az 疫苗 一 劑 的 保護 力上 英國 變異 株 為 76 印度 變異 株 為 71 施打 兩劑 的話 英國 變異 株 的 保護 力則 上升 到 86 印度 變異 株 則 為 92 莊 人 祥 指出 英國 在 施打 疫苗 後 覆蓋率 已 達 6 成 曾經 降到 一 天 確診 者 3000 到 4000 近期 微幅 上升 到 1 天 7000 多 例 確診 有 學者 預測 若 英國 疫情 7 月 還 沒有 控制 下來 就 可能 還 會 有 另 一 波 疫情爆發 是否 因為 這樣 英國 規劃 要 縮短 施打 第二 劑 的 間隔 讓 人民 儘快 施打 疫苗 會 針對 這個 議題 請 acip 專家 討論 臺灣 也 會 根據 疫苗 進貨量 以及 流行 病毒株 來 做 調整 中央流行疫情指揮中心 指揮官 陳時中 說 英國 施打 第一 批 是 希望 疫苗 含 蓋率 變 高 也 因為 英國 第一 劑 涵蓋 率 已經 到 了 一個 高點 希望 第二 劑 涵蓋 率 也 能 提高 相信 各國 都 會 根據 疫情 以及 人民 反映 來 調整 整體 的 公共 衛生 政策 至於 現在 很多 國家 因為 印度 變種 病毒 導致 疫情 升高 國內 疫苗 覆蓋率 又 不夠 的 情況 下 是否 規劃 入境 14 天 檢疫 期滿 且 一律 采 檢 陰性 才 放行 陳時中 表示 上述 做法 目前 也 在 專家 會議 裡 有 很 大 的 爭辯 我 想 大家 會 提出 相關 科學 證據 做 進一步 驗證 會 尊重 專家 委員會 的 觀點</t>
  </si>
  <si>
    <t>新冠肺炎 疫情 嚴重 衝擊 臺灣 觀光 產業 靜宜 大學 觀光 系 教授 黃 正 聰 指出 新冠肺炎 規模 遠 大於 sars 影響 產值 約 為 sars 的 4 倍 建議 政府 未來 除 擴大 國旅 補助 外 包括 產業 資產 利息 補貼 規費 及 遊覽車 燃料 稅 營 所 稅 等 減免 將 危機 化為 轉機 才能 有效 振興 臺灣 觀光 產業 受到 新冠肺炎 疫情 的 影響 桃園 機場 2 月 起 旅 運量 如 雪崩 式 下滑 由 平均 每天 約 近 13萬 左右 入 出境 人次 含 過境 轉機 掉 到 現今 每日 只 剩 67萬 人次 17 日 更已 掉 到 只 剩 5萬9692 人次 創 10 年 來 新低 18 日 預估 旅 運量 更 只 有 5萬4000 人次 再創 新低 根據 移民署 統計 今年 1 月 至 2 月 15 日 為止 入 出境 旅客 共計 311萬1186 人次 相較 去年同期 719萬9864 人次 大幅 減少 56 顯現 今年 國內外 入 出境 旅客 人數 受到 新冠肺炎 疫情 持續 升高 確實 受到 影響 民航 局 統計 目前 兩岸 及 港澳 航班 取消 都已 超過 7 成 和 去年 12 月 平均值 相比 旅客量 掉 逾 8 成 黃正聰 指出 去年同期 每月 國內 旅遊 高達 1666萬 人次 疫情爆發 後 每月 只 剩 833萬 人次 直接 砍 半 觀光 產值 從 去年同期 每月 333億 元 減少 到 每月 約 167億 元 3 個 月 減少 約 500億 元 旅 宿業 餐飲業 等 全面 受到 衝擊 黃正聰 認為 新冠肺炎 目前 僅 大陸 失控 研 判 疫情 6 月 結束 8 月 各國 逐漸 恢復 來 台 旅遊 陸客限 縮 解禁 政府 應先 擴大 國旅 補助 每月 補助 觀光 產業 10億 元 刺激 消費 帶動 每月 60億 元 產值 持續 半 年 需 60億 元 配合 觀光 發展 基金 挹注 等 多管齊下 方能 重振 臺灣 觀光 產業</t>
  </si>
  <si>
    <t>未來 品牌 指數 futurebrand index 2021 年 全球 最 受 尊崇 企業 排行榜 出爐 荷蘭 半 導體 設備 大廠 艾 司 摩爾 asml 擠下 蘋果 掄元 台積電 躍 升至 第 六 三星電子 大 跌 十 名 降 至 第 13 名 新冠肺炎 疫情爆發 後 全球 企業 排名 大 洗</t>
  </si>
  <si>
    <t>未來 品牌 指數 futurebrand index 2021 年 全球 最 受 尊崇 企業 排行榜 出爐 荷蘭 半 導體 設備 大廠 艾 司 摩爾 asml 擠下 蘋果 掄元 台積電 躍 升至 第 六 三星電子 大 跌 十 名 降 至 第 13 名 新冠肺炎 疫情爆發 後 全球 企業 排名 大 洗 牌 台積電 等 半導體業 者 能源 與 醫療保健 公司 排名 大躍進 三星電子 耐 吉 與 網 飛 的 名次 則 大幅 下滑 最新 報告 顯示 艾司 摩爾 擠下 2020 年 的 龍頭 蘋果 排名 由 2020 年 的 第 八 躍 升至 第一 蘋果 本次 排名 降 至 第二 南非 科技 投資 公司 prosus 名列 第 三 美國 醫療 與 工業 儀器 製造商 丹納赫 集團 danaher 位居 第 四 美國 新紀元 能源公司 nextera energy 排行 第 五 值得一提的是 2021 年 排行榜 由 科技 企業 獨大 前 五 名 有 三 家 企業 來自 科技 業 未來 品牌 指數 以 資 誠 會計師 事務所 pwc 的 全球 百大 市值 企業 為 基礎 邀請 3000位 專家 依據 創新 等 多 項 評選 標準 為 百大 企業 重新 排名 新冠肺炎 疫情 為 全球 掀起 驚 天 巨變 半導體 與 醫療保健 業者 在 2021 年 排行榜 寫下 佳績 台積電 的 排名 一口氣 上升 19 個 名次 居 第 六 名 研發 新冠肺炎 疫苗 的 嬌 生 上升 八 個 位置 至 第 19 名 除了 嬌 生 之外 進入 前 20 名 的 醫療保健 業者 包括 第 四 名 的 丹納赫 集團 第 16 名 的 醫療 設備 公司 美敦力 medtronic 以及 第 17 名 的 製藥 公司 艾伯維 abbvie 2021 年 排行榜 出現 比 往常 更 大 的 變化 部分 全球 知名企業 跌 出 前十名 例如 在 2020 年 名列 前十名 的 耐 吉 與 網 飛 2021 年 各 下滑 27 與 24 名 分別 降 至 第 33 與 第 34 名 此外 消費者 品牌 萊雅 l oreal 與 星 巴克 2020 年 排在 第 20 30 名間 2021 年 皆 跌 出 40 名 外 三星電子 由 2020 年 的 第 三 名 陡 降 至 第 13 名</t>
  </si>
  <si>
    <t>最新 資料 顯示 在 新冠肺炎 疫情爆發 期間 詐騙 份子 反倒 更加 活躍 包括 釣魚 攻擊 等 信用卡 詐欺 案件 大增 這 令 飽受 疫情 重創 的 消費者 與 銀行 面臨 另 一個 虧損 風險 根據 美國 富達 國民 資訊 服務 fidelity national information</t>
  </si>
  <si>
    <t>最新 資料 顯示 在 新冠肺炎 疫情爆發 期間 詐騙 份子 反倒 更加 活躍 包括 釣魚 攻擊 等 信用卡 詐欺 案件 大增 這 令 飽受 疫情 重創 的 消費者 與 銀行 面臨 另 一個 虧損 風險 根據 美國 富達 國民 資訊 服務 fidelity national information services fis 資料 新冠肺炎 使 今年 稍 早 美國 經濟 幾近 停 擺 信用卡 和 簽 帳 金融卡 debit card 的 詐騙 案件 卻 大幅 躍升 4 月 以 美元 為 計 的 試圖 詐欺 交易 規模 比 去年同期 勁揚 35 此 趨勢 顯然 延續 至 5 月 fis 協助 美國 約 3200 家 銀行 監視 詐欺 活動 fis 指出 多數 詐騙 交易 在 持卡 人 帳 號 受到 影響 之前 就 已 被 發覺 但 試圖 詐欺 案件 激增 也 凸顯 消費者 與 銀行 面臨 的 挑戰 過去 兩 個 月 信用卡 購物 縮減 數 百萬 失業 的 持卡者 已 停止 支付 每月 款項 此時 詐騙 成功 案例 躍升 可能 導致 信用卡 發行商 損失 擴大 最終 消費者 面臨 的 成本 也 提高 為 信用卡 發行商 提供 資 安 建議 的 javelin strategy research 支付 部門 主管 泰德 krista tedder 表示 這 勢必 對 所有人 造成 很 大 的 打擊 詐騙 一直 是 銀行 長久 面臨 的 問題 根據 javelin 調查 包括 信用卡 和 簽 帳 金融卡 在內 的 詐騙 案件 對 銀行 商家 持卡 人 造成 的 損失 在 2019 年 上 看 169億 美元 比 前 一 年 多 出 15 同時 創 2013 年 以來 最高 研究 顧問 公司 aite group 指出 銀行業 已 調 升 2020 年 詐騙 損失 預估 值 消息人士 稱 因 旅遊 和 實體 店面 消費 金額 大幅 萎縮 使得 詐騙 行動 多數 轉移 至 網路 尤其 鎖定 富國銀行 美 銀 和 synchrony financial 等 大型 信用卡 髮卡 商 fis 詐欺 研究 部門 副 總裁 克勞斯 表示 詐騙 人士 會 利用 駭 客 竊取 的 信用卡 號碼 購物 也 會 采 網路 釣魚 攻擊 phishing attack 手法 透過 手機電 郵 或 簡訊 誘使 客戶 交出 個 資</t>
  </si>
  <si>
    <t>工商時報 與 南僑集團 及 太田水 素工 坊 生 技 股 公司 暨 歐 立得 科技 有限公司 和 社團 法人 臺灣 醫務 管理學 會 將 於 7 月 24 日 下午 1 30 1 00 入場 在 中華經濟 研究院 國際 廳 隆重 舉辦 新冠肺炎 covid-19 高峰論壇 邀請 衛福部 疾病 管制 署長 周志浩 到場 致詞 即日起 開放 報名 一律 網路 報名 報名 網址 https bit ly 2020 covid-19 本案 活動 分 專題報告 與 座談 二階段 實施 第一 階段 為 專題報告 由 亞洲 川 崎 症 專家 臺灣 氫 分子 醫療 促進 協會 創 會 理事長 郭和 昌 醫師 教授 報告 綜觀 氫氧 應用 於新冠 病毒 防疫 治療 提升 免疫力 與 抗 發炎 範例 歐立德 科技 有限公司 總經理 侯玉 報告 防治 致命 的 空氣 及 改善 室內 與 環境 新鮮空氣 品質 小 粒徑 負離子 座談 由 財團法人 商業 發展 研究院 商業 發展 與 策略 研究 所長 黃兆仁 博士 主持 邀請 前 衛生 署長 楊志良 前 國民 健康 署長 邱淑 媞 國立 陽明 大學醫學院 國際 副 院長 黃心苑 中山醫學 大學 附設 醫院 執行長 李 英雄 歐立德 科技 有限公司 董事長 侯玉 友荃 科技實業 股 公司 董事長 林文章 社團 法人 臺灣 醫務 管理 學會 謝武吉 等 人 擔任 與 談人 討論 主題 為 新冠肺炎 covid-19 事件 對 全球 衛生 健康 的 未來 啟示 與 反思 分別 就 全球 人類 如何 面對 未來 新型 流行病 的 挑戰 與 預防 我國 生 技 及 醫藥產業 如何 發揮 知識 與 技術 能力 發展 出具 國際 競爭力 與 成品 提供 國際 社會 需求 產官學 研 如何 建立 新 平臺 跨 界 跨 域 合作 機制 為 國內外 社會 健康 衛生 與 流行病 治理 做出 最佳 貢獻 及 找 到 最適 合作 模式 一併 做出 討論 受到 新冠 病毒 疾病 疫情 影響 奪 走 最 多 人 關注 的 就 是 氣候變化 和 全球 變 暖 等 環保 議題 自從 疫情爆發 之 後 各國 政府 和 非政府 組織 一股腦 地 投入 了 抗擊 疫情 的 戰鬥 之中 相比之下 沒有 那麼 迫切需要 緊急 應付 的 氣候變化 問題 自然就 受到 人們 的 忽略 了 但是 很多 人 主張 和 氣候變化 相比 新冠 病毒 疫情 其實 更 容易 解決 而且 只 是 時間 問題 而 解決 氣候變化 所 需 的 努力 卻是 無法 估計 無法 確定 的</t>
  </si>
  <si>
    <t>臺灣 本土 疫情爆發 不僅 外出 要 戴 口罩 也 要 落實 個人 衛生 近日 一 名 女 大生 表示 家中 是 開 電器行 爸爸 到 客人 家中 幫忙 裝 冷氣 才 知道 對 方家中 有人 確診 只好 進行 自主 健康 管理 14 天 令 她 氣 得 痛駡 為了 吹冷氣 隱匿 消</t>
  </si>
  <si>
    <t>臺灣 本土 疫情爆發 不僅 外出 要 戴 口罩 也 要 落實 個人 衛生 近日 一 名 女 大生 表示 家中 是 開 電器行 爸爸 到 客人 家中 幫忙 裝 冷氣 才 知道 對 方家中 有人 確診 只好 進行 自主 健康 管理 14 天 令 她 氣 得 痛駡 為了 吹冷氣 隱匿 消息 不 把 他人 的 健康 當一回事 對此 大批 網友 也 表示 真的 太 自私 應向 對 方提告 求償 該 名 女 大生 昨 18 日 於 論壇 dcard 發文 指出 家裡 是 開 電器行 夏天 是 最忙 的 時候 爸爸 近日 到 一個 客人 家裡 修 冷氣 一 上樓 就 看到 一 位 阿公 神情 緊張 的 看 著 他 此時 爸爸 聽 到 對 方的家 人 正 打 電 給 親朋好友 家裡 阿公 確診 了 不要 回來 爸爸 上 樓時 因 口罩 濕 了 所以 全程 沒 佩帶 口罩 在 對方 家裡 修 冷氣 雖然 沒有 跟 確診 的 阿 公有 任何 接觸 為 求 謹慎 他們 打 給 1922 正在 進行 自主 健康 管理 14 天 原 po 痛 批 為了 吹冷氣 隱匿 實情 不 把 他人 的 健康 當一回事真的 很 自私 現在 面臨 隔離 店裡 生意 也 不能 做 了 本來 接到 的 案子 都 只能 往後 順延 貼 文 曝光 後 引發 大批 網友 怒火 這人 也 太 自私 了 真的 是 自己 死 不要 拖 著 其他人 一起 死 啊 這種 家庭 真的 是 有 夠 沒 品 希望 你 健康 這種 人 要 檢舉 啊 可以 提 告 了 要 不 要 舉報 他們 啊 太 自私 了 應該 要 接受 制裁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保護 別人 就是 保護 自己 近 月 以來 因 新冠肺炎 肆虐 造成 全球 疫情 大 爆發 旺 旺 集團 董事長 蔡衍明 及 知名 藝人 蕭敬騰 本 著 共同 防疫 一起 加油 的 互助 精神 在 嚴峻 艱難 之時 貢獻 己 力 將旗 下 防疫 產品 水神 捐贈 給 全球 各地 期望 社會各界 攜手同心 守護 生命 健康 雙 手 是 防疫 的 最後 一道 防線 雨 神 x 水神 防疫 廣告 全球 首播 長期 熱心 公益 關懷 弱勢 族群 的 知名 藝人 蕭敬騰 原來 就 是 水神 的 長期 愛用者 早 在 十 年 前 就 開始 使用 這次 也 擔任 公益 大使 攜手 旺 旺 集團 共同 捐助 防疫 物資 出錢 出力 回 饋 社會 為 水神 拍攝 防疫 公益廣告 病毒 無所不在 提醒 民眾 當心 病毒 從 口 入 在 做 任何 動作 之前 隨時隨地 噴水 神 因為 雙手 就是 防疫 的 最後 一道 防線 此次 記者會 主持人 黃子佼 四月 初 出席 公益活動 親自 探訪 及 贈送 防疫 物資 箱 給 獨居 的 弱勢 長者 讓 他們 能 有 充足 物資 度過 疫 期 而 防疫 物資箱 中 也 特別 放 入水 神 抗 菌 液 維護 長者 健康 不 遺 餘 力 公益 捐助 超前 部署 水神 搭 起 防疫 網 守護 全球 農 層 年前 疫情 初 爆發 第一時間 蔡衍明 董事長 即 宣佈 把 水神 生成 製造機 全數 以 捐助 提供 給 第 一線 的 防疫 人員 一月 中旬 春節 返台 人潮 湧入 機場 全面 警戒 水神 接 獲 需求 並 免費 提供 設備 協助 海關 防疫 守護 家門 年 後 爆發 口罩 荒 酒精 更 是 一 瓶 難 求 水神 隨即 於 二月 四 日 開放 全台 90 家 站 讓 民眾 免費 領取 抗 菌 液 一個 善 念 抛磚引玉 帶動 政府 單位 民間 企業 醫療 機關 學校 村裡 長 共同 投入 防疫 一下子 全台 超過 350 個 水神 補給 據點 讓 臺灣 不至於 因 物資 缺乏 而 產生 防疫 漏洞 自 疫情爆發 至今 水神 已 送出 超過 1萬5千 頓 的 抗 菌 液 相當 于 5000萬 瓶 300 ml 的 酒精 協助 防疫 秉 持 保護 別人 就是 保護 自己 的 初衷 公益 之路 繼續 向 前行 旺 旺 集團 董事長 蔡衍明攜手 蕭敬騰 預計 共同 捐贈 200萬 瓶 600 ml 瓶裝 水神 市值 1億 台幣 給 中低收入 戶 和 弱勢團體 大陸 捐贈 也 同步進行 因為 健康 不是 有 錢 人 的 專利 讓 他們 不 會 因為 防疫 物資 不足 或 不好 取得 而 缺少 保護 水神 會 盡力 協助 供應 他們 對抗 疫情 感謝 這次 受 贈 單位 包含 各縣 市政府 代表 及 慈善 公益 團體 親臨現場 一起 共襄盛舉 國際 疫情 仍然 嚴峻 水神 也 將 持續 送達 美國 日本 新 加 玻 越南 印尼 讓 防疫 物資 更 充足 便利 更 好 取得 期望 在 這 艱難 的 時刻 一起 為 世界 盡心 力 水神 小 百 科 水神 就是 微 酸性 電解 次氯酸 水 2007 年 由 日本 引進技術 制程 以 食 品級 盈 酸 經 電解槽 電解 產生 ph 值 50 65 最近 人體 ph 與 病毒 細菌 作用 後 就 會 還原成 水 日本 北裡 大學 生命科學 研究所 與 環境科學 研究所 實驗 證明 其 完全 不含 鈉 且 溫和 無 刺激 無殘留 所以 非常 環保 對 人體 和 環境 沒有 任何危害</t>
  </si>
  <si>
    <t>汽車產業 關閉 歐洲和 北美 廠房 協助 防止 新冠肺炎 疫情 擴散 專家 指出 若 歐美關 廠 延續 至 4 月底 汽車產業 恐 流失 逾 1000億 美元 營 收 研究 機構 autoanalysis 創辦 人 亨利 ian henry 預測 如果 汽車產業 的 歐洲 與 北美 廠房 停工 至 4 月底 歐洲 市場 的 營 收 可能 減少 660億 歐元 或 260萬 輛 汽車 北美地區 可能 損失 520億 美元 或 200萬 輛 汽車 亨利 指出 歐洲 廠房 停工 多 延一周 汽車業 的 產值 便 多 流失 80億 歐元 北美地區 的 損失 金額 為 75億 美元 汽車 製造商 3 月 宣佈 暫時 關閉 廠房 避免 勞工 染 感 病毒 也 因應 新冠肺炎 疫情 導致 汽車 需求 萎縮 歐美 所有 大型 汽車 組裝廠 目前 皆 暫停 運作 許多 汽車業 者 先前 預期 廠房 可望 在 3 月底 或 4 月 恢復 運作 如今 包括 日產 福特 與 通用 在內 的 汽車廠 皆 表示 歐美 廠房 無限期 關閉 日產 日前 讓 英格蘭 桑德蘭 sunderland 廠房 的6000 名 生產線 員工 放 無 薪 假 亨利 向 媒體 表示 5 月 前 汽車產業 可能 都 無法 復工 英國 汽車產業 在 新冠肺炎 疫情爆發 之前 便 已經 面臨 營 收下 滑 柴油 車 需求 萎縮 以及 英國 脫歐 不 確定性 挑戰 專家 警告 英國 汽車業 可能 無法 從新冠肺炎 危機 中 復原 根據 英國 汽車 製造商 及 貿易 商 協會 smmt 6 日 公佈 英國 3 月 新車 註冊 較 前 一 年 同期 崩 跌 44 摔 幅 慘 過 全球 金融危機 時期 主要 因為 新冠肺炎 導致 展示中心 關閉 導致 銷售 驟降 其他 歐 美 市場 也 面臨 相似 難題 根據 各國 已 公佈 的 資料 顯示 西歐 3 月 汽車 銷售 約 大 跌 三 分之二 而 美國 3 月 汽車 銷售 降 至 10 年 新低 水準 雪上加霜 的 是 越來越 多 民眾 受限於 禁 足 令 經銷商 也 被迫 關門 汽車廠 預期 4 月 汽車 銷售 縮 幅 可能 更 嚴峻</t>
  </si>
  <si>
    <t>中秋節 連 假 迎來 尾聲 不少 民眾 趁 著 4 天 假日 到 外地 出遊 前臺 大 感染 科 醫師 林氏 璧 坦言 被 這 波 傾巢而出 的 人潮 給 嚇到 直 呼 大家 好像 是 不是 都 忘記 還 在 二級 目前 delta 群 聚 看似 匡住 但 仍 沒有 完全 收尾 難保 社區 沒有 任何 隱藏 傳染 鏈 存在 林氏 璧 提醒 大家 出遊 回來 後 要 做好 自主 健康 管理 社區 是否 安全 答案 將 在 連 假 後 14 天內 揭曉 林 氏 璧 在 林氏 璧 孔 醫師 的 新冠 病毒 討論會 表示 中秋節 連 假 大家 紛紛 出遊 自己 也 帶 著 家 人 到 陽明山 古道 踏青 但 卻 也 被 山上 的 人潮 嚇到 車子 停 滿 古道 上 都是人 林氏 璧 坦言 好久沒 看 到 這麼 多 人 有點 頭皮發麻 不只 陽明山 合歡 山 高美 濕地 日月 潭 墾 丁 等 景點 也 在 連 假期 間 出現 報復 性 出遊 人潮 再度 引起 民眾 擔心 假期 後 疫情爆發 的 可能性 國內 是 什麼 狀況 大家 好像 是 不是 都 忘記 了 我們 終究 還 在 第二 級不是 嗎 林 氏 璧 提醒 上周 上 上周 本土 還有 出現 好幾 例 delta 儘管 看似 都有 被 匡住 但 並 沒有 完全 收尾 你 很 確定 社會 上 沒有 delta 你 很 確定 alpha 都 不見 他 坦言 其實 自己 都 不 能夠 確定 但 認為 社區 肯定 還有 隱形 傳播 鏈 存在 真的 那麼 安心 病毒 沒有 進到 社區 針對 今年 中秋節 連 假 出遊 人潮 林氏 璧 認為 不用 過度 擔心 其實 去年 清明連 假 端午 連 假 的 管制 並 沒有 現在 來得 多 何況 國內 現在 還 處於 二級 警戒 不過 他 也 指出 就是 因為 去年 連 假 經過 三 波 前 浮 其後 都 嘉玲 讓 大家 產生 之後 好像 都 沒 有事 的 想法 認為 國內 乾淨 到 不行 最後 又 導致 社區 疫情爆發 林 氏 璧 說 最好 的 情況 是 連 假 14 天 後 沒有 發生 大 爆炸 就算 有 疫情 也 屬於 零星 可 控制 的 階段 那 臺灣 比 想像中 乾淨 很多 儘管 目前 本土 疫情 還 屬於 可 控制 但 面對 delta 還是 小心 為 上 林氏 璧建議 大家 連 假 後 做 好 防疫 措施 做好 自主 健康 管理 去 擔心 也 沒有 用 14 天內 應該 就 可以 揭曉</t>
  </si>
  <si>
    <t>臺灣 近兩天 新增 20 多 例 本土 個案 外界 將 原因 指向 上周 中央流行疫情指揮中心 提出 的 獎勵 采 檢 措施 認為 有 驗 才 有 確診 但 衛福 部長 陳時中 今天 拒絕 將 本土 疫情爆發 與 獎勵 采 檢 畫 上 連結 認為 該 措施 只能 算是 榮譽獎 跟 疫情爆發</t>
  </si>
  <si>
    <t>臺灣 近兩天 新增 20 多 例 本土 個案 外界 將 原因 指向 上周 中央流行疫情指揮中心 提出 的 獎勵 采 檢 措施 認為 有 驗 才 有 確診 但 衛福 部長 陳時中 今天 拒絕 將 本土 疫情爆發 與 獎勵 采 檢 畫 上 連結 認為 該 措施 只能 算是 榮譽獎 跟 疫情爆發 沒有 直接 關聯 指揮中心 上周 頒佈 獎勵 采 檢 新 規定 凡 醫療 院所 轉 檢 采 檢 發現 一 名 確診 者 就 獎勵 一萬 元 沒 想到 這周 就 出現 20 幾 例 本土 個案 對此 陳時中 不 認 去年 臺灣 防疫 蓋 牌 強調 無論是 獎勵 采 檢 或 轉 檢 醫師 這 一萬 元 對 他們 來說 都 是 很 小 的 鼓勵 只能 算是 榮譽獎 盼 讓 采 檢 到 的 醫 事 人員 心理 能夠 平衡 點 陳時中 指出 尤其 今天 驗 出 的 新增 個案 都是經 疫 調 匡列 後 采 檢驗 出 的 結果 但 指標 個案 仍 是 在 宜蘭 由 機警 的 醫師 送 檢 發現 這 部分 我們 也 相當 感謝 他</t>
  </si>
  <si>
    <t>臺灣 民意 基金會 昨天 公佈 最 新民 調 基金會 董事長 游盈隆 指出 去年 5 月 總統 蔡英文 第二 任剛 就職 時 20 到 24 歲 以下 首 投 族 有 9 成 3 力挺 如今 民 調 支持 度 腰斬 只 剩 4 成 7 力挺 對此 民進黨 創 党 元老 台中 市議員 謝明 源 認為 蔡英文 年輕 人民 調 下跌 有 2 個 原因 一 是 青年 族群 無 疫苗 可 打 引發 民怨 二 是 疫情 衝擊 就業 環境 間接 影響 年輕人 觀感 據 港 媒 中 評 網 今 26 日 報導 謝明 源 接受 採訪 時 表示 蔡英文 民 調 之所以 下滑 他 認為 主要 原因 有 2 個 其一 是 新冠 本土 疫情爆發 期間 臺灣 在 疫苗 取得 方面 受到 國際 大環境 影響 導致 許多 年輕 族群 至今 仍 無 法 接種 疫苗 年輕人 無 疫苗 可 打 自然 引發 民怨 其次 謝明 源 指出 疫情 衝擊 就業 環境 加上 政府 紓困 措施 不夠 直接 主力 就業人口 不滿 這 也 是 導致 年輕人 認同感 下滑 的 另 一個 原因 且 近來 國民黨 在 舉辦 黨主席 選舉 對 民進黨 的 攻擊 也 影響 了 年輕 族群 對 蔡 政府 施政 看法 這 也 反映 到 民 調 指標 上 謝明 源 直言 如果 疫苗 能 在 8 月 和 9 月 陸續 到貨 他 相信 那時 年輕人 不滿 的 情緒 應會 降低 蔡 的 年輕 族群 認同感 就 有 可能 再 提升</t>
  </si>
  <si>
    <t>拉美地區 新冠肺炎 疫情 日益 嚴峻 截至 29 日 累計 確診 病例 超過 14萬 例 其中 以 巴西 逾 4000 例 最 多 然而 有 熱帶 版 川普 之 稱 的 巴西 總統 波索納洛 卻 無視 衛生 當局 呼籲 要 保持 社交距離 無 防護 現身 在 首都 巴西利亞 多 區 的 街頭 四處 趴 趴 走 他 還 稱 人 終 須一 死 要 像 個 男人 般 去 面對 新冠 病毒 波索納洛 29 日 在 總統 官邸 外 會見 支持 群眾 並 向 在場 記者 表示 雖然 新冠 病毒 存在 但 我們 必須 要 面對 它 要 像 個 男人 一樣 去 面對 而 不是 像 個 小 男童 般 他 又 指 總有一天 我們 都 會 死 據 報導 波索納洛 還 曾 告訴 巴西 衛生部長 曼 代 塔 若 繼續 呼籲 人們 留在 室內 就要 公開 譴責 他 甚至 要 撤換 他 自 疫情爆發 以來 波索納洛 一直 淡化 病毒 的 風險 曾 形容 新冠肺炎 僅 是 小 流感 他 曾 呼籲 長者 及 高風險 患者 留在 家中 但 其他人 必須 讓 經濟 繼續 運作 不應 全面 停止 商業活動 及 全民 居家 隔離 波索納洛 反對 封城 或 避免 外出 等 限制 措施 並 與 自行 實施 隔離 措施 的 聖保羅州 及 里約熱內盧 州 州長 發生衝突 波索納洛 指 如果 隔離 措施 持續 加上 失業率 一直 增加 巴西 會 出現 非常 嚴重 的 經濟 問題 他 強調 巴西 不能 停頓下來 否則 會 變成 委內瑞拉 巴西 衛生部 29 日 宣佈 新增 新冠肺炎 確診 病例 352 例 累計 達 4256 例 新增 死亡 22 例 累計 死亡 136 例</t>
  </si>
  <si>
    <t>國內 新冠 疫情 擴大 中央流行疫情指揮中心 12 日 指出 臺灣 暴 增 16 例 本土 個案 創下 疫情 以來 單日 本土 案例 最 多 紀錄 其中 五 股 獅子 會前 會長 1 傳 10 現任 會長 日日 向 確診 者 傳 訊息 問好 12 日 時 現任 會長 曾向 成員 表示 要 去 當兵 了 引發 議論 與 猜測 記者 實際 致電 給 現任 會長 他 輕 咳 兩 聲 透露 我 只能 說 我 現在 狀態 很 無聊 訊息 等 2 點 公 佈 再說 吧 案 1203 的 新北 五 股 獅子 會前 會長 傳染 人數 眾多 而 前 會長 足跡 遍佈 蘆洲 的 餐廳 按摩 店 12 日 中央 疫情 中心 指出 前 會長 身邊 已 有 10 人 染疫 現任 會長 在 群 組 內向 成員 致歉 沒 做 好 防疫 據 瞭解 現任 五 股 獅子 會長 從 疫情爆發 以來 日日 向 確診 者 問候 盼 能夠 鼓勵 確診 者 和 獅子 會 會員 然而 昨 12 日 時 有 位 確診 的 成員 接到 現任 會長 的 訊息 要 去 當兵 了 大家 紛紛 揣測 現任 會長 恐怕 也 已 確診 記者 致電 現任 五 股 獅子 會 現任 會長 他 表示 他 確實 每天 都會發 訊息 向 確診 者 會員 給予 鼓勵 記者 提問 因為 爆出 前 獅子 會 會長 蘆洲 與 萬華 的 案例 也 找到 人 與 人 連結 的 關聯 性 會 不 會 覺得 尷尬 他 說 這 是 個人行為 可能 引發 家庭 問題 但 他 不予 評論 是否 已 確診 現任 會長 咳嗽 兩 聲 後 說 等 兩 點 吧 兩 點 會 公佈 我 只 能 透露 我 現在 狀態 很 無聊</t>
  </si>
  <si>
    <t>日本 新冠 疫情 嚴重 東京 又 進入 緊急狀態 也 連帶 影響 到 國內 發達 的 av 產業 許多 人 都 十分 好奇 成人界 現況 對此 av 達人 一 劍 浣 春秋 也 親自 解答 業內 線 在 一 片 混亂 甚至 還有 av 女 優 因為 沒 工作 被迫 轉行 讓 我們 少 了 一些 新鮮 的 肉體 可看 也 讓 一些 本來 還 猶豫 要 不 要 撐下去 的 資深 女 優 直接 不 玩 一 劍 浣 春秋 直言 上次 東京 進入 緊急狀態 整個 av 界 停工 了 一個 月 不但 片商 發片 大亂 活動 也 全面 停 擺 更 有 不少 av 女 優 因為 急需 用錢 只好 轉換 跑道 而 這次 再次 進入 緊急狀態 大家 已經 沒有 那麼 恐慌 有 了 上次 的 經驗 就 知道 絕對 不能 停工 什麼 都 不 做 目前 業內 還是 片子 照 拍 就 暫時 不 用 擔心 之後 會 出現 發片 大亂 的 情況 而 活動 方面 大型活動 一 率 取消 但 女 優 見面會 仍然 在 計畫中 經過 幾 個 月 的 折騰 大家 開始 有 防疫 觀念 就 能 讓 女 優 保持 安全 距離 和 粉絲 互動 整體 來說 和 疫情爆發 前 差異 不 大 一 劍 浣 春秋 表示 上次 的 停工 經驗 讓 大家 知道 這個 方法 不 可行 因此 這次 在 防疫 之 餘 大家 都還 是 儘量 維持 原本 的 工作 模式 甚至 有 許多 事務所 積極 為 女 優 爭取 活動 機會 最後 他 也 感歎 可以 的話 還 是 希望 各地 的 疫情 都 能夠 趕快 平息</t>
  </si>
  <si>
    <t>今年 公費 流感疫苗 10 月 5 日 就要 開 打 由 衛福部 疾 管署 開發 的 疾 管家 對 其 輸入 流感疫苗 詢問 相關 問題 竟然 還 跳出 2019 年 11 月 的 訊息 民眾 質疑 難道 領 防疫 獎 就 不用 顧 流感 了 嗎 疾 管署 螺絲 簡直 掉 滿地 疾 管署 原 強調 表 訂 就 是 今天 才會更 新 上傳 資料 不過 昨天 傍晚 已 緊急 更新 部分 訊息 疾 管署 是 本次 新冠肺炎 防疫 最 大 主力 與 功臣 防疫 成功 事蹟 還 被 拍 成 紀錄片 讓 國際 看見 臺灣 成績 團隊 成員 防疫 五月 天 台 大 副 校長 張上淳 日前 更 從 總統 蔡英文 手中 接下 防疫 獎章 上下 洋溢 慶功 氛圍 疾 管署 自 2017 年 開始 與 deepq 團隊 展開 為期 3 年 的 公益 性質 合作 建置 email protected 疾 管家 民眾 可以 透過 line 搜尋 官方 帳 號 疾 管家 或 @taiwancdc 便 可 加入 疫情爆發 至今 訂閱 人數 已 從 10萬 人 急 增至 118萬 人 除 了 新冠肺炎 相關 資訊 外 疾 管家 也 提供 公費 流感疫苗 接種 等 相關 資訊 流感 季 即將來臨 眼前 公費 流感疫苗 的 接種 一向 都 是 重中之重 但 記者 實測 在 疾 管家 輸入 流感疫苗 竟然 跑 出 2019 年 的 資訊 也 就 是 去年 首度 全面 開 打 四 價 疫苗 且 分為 2 種 a 型 2 種 b 型 的 訊息 不少 人臉 上 三 個 問號 疾 管署 是 只顧 著 領獎 嗎 看來 流感 一點 都 不具 威脅 啊 疾 管署 副 署長 莊人祥 急 回 覆 表示 今天 早上 就 會 更新 對於 10 月 5 日 施 打 9 月 30 日 才 更新 資料 是否 動作 太 慢 不利 宣導 他 說 也 還好 吧 資料 本 就 是 陸續 更新 中 最後 一 次 更新 就 是 今天 不過 昨天 傍晚 六 時許 疾 管署 瘋狂 加班 緊急 在 4 小時 內 部分 更新 流感疫苗 最新 資料</t>
  </si>
  <si>
    <t>臺灣 新冠肺炎 疫情 嚴峻 全台 三級 警戒 持續 並 希望 民眾 減少 不必要 的 外出 且 端午 連 假 將 至 指揮中心 跟 各地 政府 都 繃緊神經 全力 呼籲 眾人 不要 返鄉 以免 因 移動 而 讓 疫情 擴散 藝人 junior 韓宜邦 今 淩晨 po 文 表示 有些 話 考慮 了 很 久 決定 還是 要 說 出來 透露 身邊 仍 有 不少 朋友 會 外出 運動 雖然 他 能 理解 這個 想法 但 其實 很 憂心 也 揭開 一 項 關鍵 作為 表示 如果 能 做到 疫情 降溫 的 速度 絕對 會 快 很多 的 junior 在 臉書 透露 自 疫情爆發 以來 他 還是 有 不少 愛 運動 的 朋友 會 戴著 口罩 去 人 少 相對 安全 的 地方 跑步 他 覺得 能 理解 但 還 是 很 不安 仔細 想想 為什麼 希望 我們 沒事 別 出門 其實 是 種 自我 隔離 覺得 應該 思考 的 方向 不是 不 出門 不 接觸 人 就 不 會 被 感染 而是 把 自己 當 個 染疫 者 他 認為 自我 隔離 是 為了 保護 他人 把 身上 可能 的 病毒 守 在 家裡 你 也許 會 說 我 都趁 沒人 的 時候 或 找 沒人 的 地方 去 跑步 啊 換 個 方向 思考 如果 一個 染疫 的 人 這樣 跟 你 說 你 接受 嗎 junior 自認是 高風險 群 之一 所以 疫情 一 爆發 就 通知 經紀人 非必要 不用 來 帶 他 去 通告 他 涉足 的 危險 是 無可避免 的 但 至少 希望 能 保護 家人 朋友 直言 想 著 12 個 人 不算 群 聚 的 當下 你 應該 思考 的 是 如果 自己 是 染疫 者 你 著實 的 害 了 你 的 朋友 junior 表示 自己 不是 要 譴責 那些 愛 運動 的 朋友 我 瞭 解 不能 做 自己 喜歡 的 事情 的 痛苦 也 表示 口罩 戴 好 當然 還是 能 做 那些 想 做 的 事情 但 他 想 說 的 是 不要 把 自己 當作 未 染疫 者 反過來 把 自己 當 成染疫 者 吧 疫情 降溫 的 速度 絕對 會 快 很多 的 中 時 新聞網 提醒您 防範 新冠肺炎 應 使用 肥皂 勤洗手 搭乘 大眾 運輸 或 無法 保持 社交距離 時 務必 戴 上 口罩 回國 若 身體 不適請 主動 通報 14 天內 出現 疑 似 症狀 請 先 撥 打 防疫 專線 並 戴 上 口罩 盡 速 就醫 務必 告知 醫師 旅遊 史 免 付費 防疫 專線 1922 0800 001922</t>
  </si>
  <si>
    <t>中央流行疫情指揮中心 指揮官 陳時中 昨 在 記者會 上 提到 年輕人 染疫 比例 增加 顯示 年輕人 防疫 鬆懈 提醒 年輕人 要 降低 群 聚 一 名 女網友 發文 痛 批 執政黨 想 甩 鍋 一 名 就讀 台大 的 女網友 則 爆 氣 留言 因為 年輕人 沒 車 沒 房 只能 通勤 上下班 部長 可以 考慮 補助 每人 一 台 車 一 間 套房 這樣 大家 就 不用 冒險 辛苦 出門 賺 錢 了 留言 引發 年輕 世代 共鳴 吸引 3千 多 人 狂 贊 一 名 女網友 昨 在 dcard 上 發文 表示 xxx 的 民進 党 當年 是 我們 把 你們 送 進 總統府 結果 遇到 疫情爆發 就 只 想 甩 鍋 拼命 東西南北 地 甩 鍋 現在 連 我們 都敢 甩 了 引起 網友 熱烈 討論 20 至 39 歲 是 上班 的 主力 要 怎麼 避免 群 聚 年輕人 命苦 要 上班 賺錢 養活 自己 啊 又 不 像 有 房 有 存款 的 中老年人 可以 請 長假 話 說 這 波 疫情 好像 是 中老年 xx 癢 捅出來 的 鍋 不 意外 啦 沒事 政府 好棒 棒 有事 就都 是 人民 的 錯 一 名 台 大 女 學生 看 了 爆 氣 留 言說 年輕人 大部分 只能 通勤 上班 不然 部長 可以 補助 一個 人 一 台 車 或是 一 人 一 間 套房 大家 都 可以 不 用 這麼 辛苦 出門 賺錢 留言 引起 許多 年輕 世代 的 共鳴 吸引 3000 多 位 網友 狂 贊 但 留言處 也 有 網友 認為 陳時中 只 是 看 資料 去 判斷 善意 提醒 大家 要 注意 而已 那是 因為 年輕人 染疫 機 率 增加 所以 才 善意 提醒 若 不是 年輕人 鬆懈 趴 趴 走 染疫 難道 是 病毒 飛去 你 房間 找 你 嗎 這 是 看 資料 去 判斷 現在 顯示 上 年輕人 的 確診 比率 就是 上升 所以 提醒 這 有 什麼 問題</t>
  </si>
  <si>
    <t>今年 73 歲 的 資深 影星 汪明荃 出道 以來 演出 過 許多 經典 戲劇 作品 甚至 開過 演唱會 是 香港 演藝圈 的 大姐 大 地位 無 人 能 取代 她 的 老公 羅家 英 在 圈 內 也 備受 景仰 而 夫妻倆 即使 名利雙收 但 對 社會 仍 相當 關心 近日 她 到 郊外 散心 看見 疫情 期 的 亂象 仗義 直言 直接 公開 照片 開罵 汪明荃 跟 老公 羅家 英 在 演藝事業 上 打下 亮 眼 成績單 但 下 了 戲 他們 喜歡 靜謐 與 大自然 因 此 婚後 定居 在 郊外 的 獨棟豪 宅 每天 睜 眼 就 能 看到 海 還 堅持 在 宅子 旁邊 做 綠化 設計 可以 想見 夫妻倆 對於 天然 環境 的 重視 與 嚮往 如今 適逢 新冠肺炎 疫情 高漲 期間 汪明荃 夫妻 的 豪 宅 地點 跟 設計 恰好 符合 防疫 她 也 非常 關心 香港 民眾 的 安好 因此 在 疫情爆發 的 第一時間 防疫 物資 正 缺乏 時 汪明荃 就 大方 將 大量 口罩 洗手 液 庫存 分送 給 第一 線醫護人員 以及 寺廟 表示 雖然 成 了 防疫 窮人 但 堅持 捨身為人 受到 眾人 讚揚 昨天 12 2 她 趁 著 好 天氣 外出 踏青 本 想 舒緩 嚴峻 疫情 下 的 緊 繃 心情 沒 想到 越 散步 越 火大 po 文 透露 在 香港 清水 灣 附近 看見 滿地 垃圾 她 就 拿 了 樹枝 邊 撿 走 了 不過 1 小時 整 根 樹枝 勾 了 滿滿的 廢棄 口罩 讓 她 氣 到 大罵 有的 人 真是 沒有 公德心 網友 看 了 也 氣 到 不行 跟 著 罵 扔 垃圾 已經 很 過份 了 亂 扔 口罩 更 過份 不 知道 有 沒有 病毒 啊 贊 汪明荃 身體力行 做 人民 的 好榜樣 正是 娛樂 圈 需要 的 藝人</t>
  </si>
  <si>
    <t>新冠肺炎 在 全世界 蔓延 美國 主持人 傑西沃特斯 jesse watters 日前 在 節目 上 開炮 要求 大陸 為 疫情 應該 向 世界各地 道歉 澳門 賭 王 何鴻燊 的 兒子 何猷君 昨 4 日 在 微博 發文 要求 大陸 網友 翻 牆 出征 該 主 播 的 ig 討公道 更 說 要 我們 中國 人 道歉 吃 屎 吧 傑西沃特斯 是 福克斯 新聞頻道 的 新聞評論員 本週一 他 聊到 新冠肺炎 疫情 指出 因 大陸政府 糧食 分配 不足 讓 人民 餓肚子 才會 有 人生 吃 蝙蝠 與 蛇 導致 疫情爆發 此 番 言論 一 出 引發 各界 議論 連 賭 王四房 兒子 何猷君 也 開罵 何 猷 君 曬 出 自己 在 ig 上 標注 傑西沃特斯 的 發文 截 圖 他用 英文 寫下 假如 你 希望 看到 中國 人 講 句 sorry 那麼 你 成功 了 我 在 這裡 代表 我們 國家 對 你 說 我們 希望 對 你 的 父母 說 我們 為 他們 感覺 到 sorry 大 酸 傑西沃特斯 的 父母 花 了 多年 培育 他 他 卻 成為 全世界 最 沒腦子 講話 不動 大腦 沒 常識 沒禮貌 的 傻 x 何 猷 君 火力 全開 說 大陸 人 感到 可惜 但 不是 因為 新冠肺炎 而是 惋惜 傑西沃特斯 的 父母 要 忍受 他 一輩子 最後 還用 英文 爆粗 說 fuxx you 大陸 網友 回應 哈哈哈 何 公子 性情中人 棒 說得好 給 我 進攻 我 翻 不 出去 但是 我 還是 想要 罵 他 全家</t>
  </si>
  <si>
    <t>印度 有 一 名 少年 阿南德 abhigya anand 本身 是 一 名 占 星師 去年 8 月 在 youtube 上傳 了 一傳 影片 竟 成功 預測 到 新冠肺炎 疫情爆發 近日 他 又 再度 上傳 影片 並 提到 另 一 場 更 嚴重 的 災難 將 會 在 2020 年 12 月 20 日 降臨 直到 2021</t>
  </si>
  <si>
    <t>印度 有 一 名 少年 阿南德 abhigya anand 本身 是 一 名 占 星師 去年 8 月 在 youtube 上傳 了 一傳 影片 竟 成功 預測 到 新冠肺炎 疫情爆發 近日 他 又 再度 上傳 影片 並 提到 另 一 場 更 嚴重 的 災難 將 會 在 2020 年 12 月 20 日 降臨 直到 2021 年 的 3 月底 才會 結束 阿南德 去年 8 月 上傳 了 一 段 影片 2019 年 11 月 到 2020 年 4 月 嚴重 的 災難 降臨 世界 引起 了 關注 他 透過 占星術 預言 全球 將 遭遇 重大 危險 且 高峰 會 在 3 到 4 月 在 5 月 29 日後 流行 疾病 會 逐漸 消 緩 然而 疫情 不會 完全 結束 6 月底 前 不 會 有 好 消息 上述 一切 完全符合 現今 的 狀況 接 著 阿南德 又 上傳 了 一 支 新 影片 提到 另 一個 嚴重 災難 會 在 2020 年 12 月 降臨 這次 的 災難 會 比 新冠肺炎 更為嚴重 時間 將 會 持續 到 2021 年 3 月 他 強調 我們 必須 獲得 免疫 才 有 辦法 保護 自己 因此 需要 及早 做 準備 同時 阿南德 也 呼籲 人類 必須 停止 殺害 動物 和 地球 否則 人類 只 會 面臨 地球 給予 的 懲罰</t>
  </si>
  <si>
    <t>新冠肺炎 疫苗 陸續 到貨 台 南市 大新 營區 各 衛生所 經常 湧 進 大批 人潮 施打 疫苗 近日 秋老虎 發 威 每天 氣溫 飆 到 35 以上 但 新營 後壁 區 衛生所 因 室內 腹地 小 民眾 只能 在 戶外 等候 台南 市議員 蔡育輝 不忍心 看 著 民眾 在 烈日 下 排隊 還 搬 來 電風扇 礦泉水 幫 民眾 解 暑氣 呼籲 台南 市政府 應盡 速 改善 施打 環境 蔡育輝 指出 新營 等 地 衛生所 空間 狹小 像 上周 10 月 2 日 那天 一整天 下來 有 上千人 要 施打 疫苗 鄉親 卻 得 在 戶外 悶熱 的 帳篷 下 排隊 等待 而 打完 疫苗 後 也 得 在 戶外 觀察 是否 有 異狀 民眾 熱 到 受不了 他 還 搬 來 6 支 電扇 和 50 箱 礦泉水 讓 民眾 消暑 不過 整體 環境 還 是 太 差 了 蔡育輝 提到 疫情爆發 已久 他 也 曾 提案 要求 市府 改善 但 曾經 是 縣 治 所在 的 新營 卻 受到 二等 市民 待遇 叫 人情 何以 堪 新營 應該 有 許多 具備 空調 的 學校 活動 中心 可 借用 若 遇到 上課 日 會 造成 師生 不便 那也 還 有 民治 市政中心 內 的 南瀛堂 可 供 運用 蔡育輝 說 全球 因為 新冠肺炎 而 病故 的 人數 目前 已 高 達 500萬 人 隨 著 臺灣 向 國外 訂制 的 疫苗 陸續 到貨 未來 打 疫苗 將 成 常態 他 要求 南 市府 應 通盤 檢討 全面 改善 施打 環境 台南 市 副 市長 趙卿惠 回應 這個 月 有 莫德納 bnt az 及 高端 4 種 疫苗 要 打 因此 選擇 施打 疫苗 的 場地 時 得 考量 施 打的 程式 與 時間 以及 人力 調度 安排 等 但 她 允諾 之後 一定 會 盤點 有 沒有 其他 更 適合 的 施打 地點 再來 做 調整</t>
  </si>
  <si>
    <t>新冠肺炎 擴散 全球 6 日 確診 人數 已 突破 十萬 大關 雖然 病 發 地 大陸 疫情 逐漸 轉 緩 但 歐美 與 中東 地區 轉為 嚴峻 對此 醫學 權威 期刊 刺 胳 針 6 日 發表 社論 指出 疫情 對 開發 程度 不同 的 國家 造成 衝擊 除了 點名 非洲 拉丁美洲 與 中東 地區 還 沒 備 妥 防疫 措施 之外 並 引述 世界衛生組織 的 報告 指出 各國 政要 可以 學習 大陸 防疫 經驗 刺 胳 針 the lancet 在 社論 新冠 病毒 太 少 太 晚 covid-19 too little too late 一 文中 指出 雖然 who 尚未 將 新冠 病毒感染 定義 為 全球 大 流行 疾病 但 該 病毒 已 證實 可能 會 傳播 到 全球 大 部分 國家 目前 在 大陸 以外 的 地區 呈現 規模 擴大 的 趨勢 各國 衛生部長 也 倉促 採取 適當 措施 以 延緩 病毒傳播 但 他們 的 行動 仍 不夠 充分 而 現在 真正 的 危險 是 其他 國家 在 遏止 疫情 採取 的 應對 措施 太 少 太 晚 社論 指出 根據 世界衛生組織 中國 聯合 專家 考察 組 的 報告 大陸 的 表現 呈 強烈 對比 並 指出 大陸 在 應對新冠 病毒 疫情 採取 的 公衛 措施 可能 是 歷史 上 最 有 雄心 最 靈活 與 最 積極 的 疾病 控制 工作 雖然 嚴重 影響 了 經濟 但 目前 看起來 已 避免 了 大量 可能 傳染病 例 社論 指出 在 應對 疫情 中 大陸 的 成功 可能 很 大程度 歸於 強大 的 行政 體系 這 一體 系 在 面臨 挑戰 時 擁有 極 強 的 動員 能力 以及 大陸 人民 一致同意 並 願意 遵守 嚴格 的 公衛 程式 儘管 其他 國家 沒有 像 大陸 這樣 對 政治 與 經濟 的 指揮 力度 但 各國 政要 仍 可 從 大陸 的 經驗 學習 但 種種 跡象 顯示 世界 各國 還 並未 從 其中 吸取經驗 社論 也 提到 面對 新冠 病毒 威脅 高 收入 與 低收入 的 國家 面臨 的 挑戰 並 不 同 但 疫情 大規模 爆發 可以 輕易 壓垮 中低收入 國家 的 醫療 體系 更 殘酷 的 現實 是 位於 撒哈拉沙漠 以南 的 非洲 國家 尚未 準備 好 應 對 新冠 病毒 的流行 拉丁美洲 和 中東 的 許多 國家 也 是 如此 社論 最後 指出 有 證據 顯示 大陸政府 巨大 公共 衛生 投入 已 成功 挽救 成千上萬 的 生命 此時 高 收入 國家 正 面臨 各自 國內 疫情爆發 各國 必須 承擔 合理 的 風險 並 採取 更 果斷 的 行動 應對 疫情 限制 公眾 自由 可能 對 大眾 生活 與 社會 經濟 造成 短暫 負面影響 但 各國 都 應該 拋棄 這種 負面影響 的 恐懼 應 堅定 選擇 暫時 限制 公眾 自由 並 將 其 作為 控制 新冠 病毒傳播 的 措施 之一</t>
  </si>
  <si>
    <t>政府 持續 出手 打 炒 房 各部 會 接連 出 招 加上 股市 表現 熱絡 引發 投資 圈 是否 棄 房轉 股 的 討論 安新建 經 表示 目前 自 住 置 產 的 買 盤還 在 房市 剛性 需求 不衰 建議 首 購 族 與 換屋 族 應 持續 關注 市場 維持 敏感度 長期投資 的 消費者 則 不 要 有 太 高 的 杠杆 操作 選擇 區域 時 則 要 跟 著 交通 重大 建設 大型 企業 進駐 三大 指標 走 近來 政府 持續 強打囤 房 族 與 大戶 法人 讓 房市 多頭 氛圍 略為 消散 安新建 經 執行 經理 劉易昌 指出 政策性 調控 主要 是 針對 短期 投機 客 近期 並 沒有 看到 明顯 資金 退潮 主要 是 因為 新冠肺炎 疫情爆發 後 臺灣 投資 市場 體質 健全 政府 又 歡迎 資金 流入 導致 熱 錢 豐沛 也 推 升 新 台幣 持續 升值 投資 市場 資金 充裕 自 住 置 產 的 買 盤仍 在 只要 有 較 優質 的 標的 釋出 詢問 度 還 是 很 高 也 多數 能 順利 成交 劉易昌 建議 如果 是 首 購 族 或 換屋 族 還是 要 持續保持 對 市況 的 關注 畢竟 土地 是 稀缺 性 很 高 的 產品 好 的 物件 原本 就 不容易 覓 得 賣 一 間 少 一 間 也 要 維持 對 價格 的 敏感度 隨時 關注 實價 登錄 與 有 口碑 的 房仲 資訊 才 有 機會 用 實惠 的 價格 買到 好 房 至於 投資 族 則 建議 以 長期投資 為主 不要 有 太 高 的 杠杆 操作 自有 資金 至少 要 有 三 成 而且 要 是 閒錢 為主 劉益昌 強調 雖然 房價 不容易 快速 飆 漲 但 低 利率 的 大環境 不 變 有 租金 投 報 率 的 物件 還是 頗為 吃香 通常 只要 有 3 至 5 的 投 報 率 就 頗受歡迎 在 選擇 區域 時 劉易昌 建議 可以 掌握 三大 指標 第一 是 有 交通 利多 例如 有 捷 運 路線 將 興建 或 在 規劃 中 有 新 的 交流 道 或 快速道路 等等 都會 帶動 周邊 房地產 走勢 第二 要 有 重大 建設 這不 限於 圖書館 公園 學校 等 公共 建設 民間 投資 諸如 商場 大 賣 場 等等 也 算 在 其中 第 三 若 有 大型 企業 進駐 提供 就業機會 帶動 人口 流入 更為 加分 以 桃園 地區 來說 中正 藝 文 特區 青埔 等 區域 就 符合 這些 評估 指標 這 也 是 近期 區內 交易 熱絡 不受 打 炒 房 影響 的 主因</t>
  </si>
  <si>
    <t>根據 洛杉磯 時報 23 日 報導 位居 加州 洛杉磯 的 史坦普 中心 不僅 是 湖 人 快艇 兩 支 nba球隊 主場 也 是 美 式 冰球 聯盟 nhl 國王 隊 的 主場 目前 nba 與 nhl 確診 新冠肺炎 的 16 名 球員 當中 竟 有 8 人 在 美國 疫情爆發 前夕 造訪 過 這 裡</t>
  </si>
  <si>
    <t>根據 洛杉磯 時報 23 日 報導 位居 加州 洛杉磯 的 史坦普 中心 不僅 是 湖 人 快艇 兩 支 nba球隊 主場 也 是 美 式 冰球 聯盟 nhl 國王 隊 的 主場 目前 nba 與 nhl 確診 新冠肺炎 的 16 名 球員 當中 竟 有 8 人 在 美國 疫情爆發 前夕 造訪 過 這裡 在 nba 宣佈 無限期 停賽 前 4 天 8 名 確診 球員 曾在史 坦 普 中心 打過 球 包含 4 名 籃 網球員 其中 1 人 是 杜蘭特 2 名 湖 人 球員 與 2 名 nhl 渥太華 參議員 隊 球員 籃 網 是 在 3 月 11 日 作客 湖 人 主場 參議員 隊 則 在 3 月 12 日 跟 國王 隊 對 決 其實 湖 人 在 3 月 9 日 跟 快艇 進行 本 季 第 3 次 洛杉磯 內 戰時 nba 就 採取 一些 相關 防疫 措施 包含 禁止 進入 休息室 採訪 建議 減少 跟 球迷 接觸 取消 賽前 跟 球迷 擊掌 等等 就算 兩 天 後跟 籃 網 交手 湖 人 也 在 史坦普 中心 採取 同樣 防疫 措施 值得注意 的 是 籃 網 與 參議員 隊 並非 同一天 在 史坦普 中心 比賽 使用 的 硬體 設施 也 不 一樣 兩 隊 交叉 傳染 的 機 率 很 低 也 讓 史坦普 中心 成為 最 被 懷疑 的 對象 更 讓 外界 擔憂 的 是 到 現在 快艇 與 nhl 國王 隊 還 沒有 公佈 他們 的 新冠 病毒檢測 結果</t>
  </si>
  <si>
    <t>中央流行疫情指揮中心 今 14 日 宣佈 無 新冠肺炎 新增 確診 案例 是 自 3 9 以來 睽 違 36 天 的 零 確診 消息 一 出 令 指揮中心 和 民眾 都 相當 振奮 不過 網上 也 出現 不同 聲浪 有 網友 認為 當初 說 清明連 假 後 疫情 會 大 爆發 的 人 根本 可笑 到 了 極點 臺灣 喜迎 久違 零 確診 令人振奮 卻 有 人 因 此 出來 質疑 當初 政府 連 假根 本 是 瞎操心 表示 不要 再 幻想 清明節 會 有 什麼 效應 了 ptt 網友 指出 過去 多少 次 安全 下 莊 了 明明 有 很多 個案 都 比 清明 出去玩 的 人 還 要 緊密 接觸 結果 都 沒事 那些 外出 趴 趴 走 的 人 怎麼 會 有事 另外 還 要 因為 曾去 過 11 個 旅遊景點 而 居家 自主 健康 管理 認為 這 措施 根本 可笑 到 了 極點 該 網友 表示 自己 早就 斷定 疫情 不會 爆發 並 舉例 說 每晚 去 全聯 一 堆 人 你有 聽 過 全聯 爆發 疫情 的 嗎 那些 餐廳 超市 菜市場 等等 打從 疫情 一 開始 到 現在 都 沒事 憑 什麼 清明連 假 會 有事 至於 為什麼 臺灣 能夠 防住 他 認為 只有 口罩 能夠 解釋 了 貼 文一 出 許多 人 贊同 表示 我 跟 你 一直 想 得 一樣 什麼 11 景點 有 夠 好笑 每天 通勤 上班 都 沒 爆發 了 出遊 會 爆發 我 也 是 笑笑 其實 每天 上班 的 群 聚 比 清明 出遊 多 更 多 也 有人 認為 全民 戴 口罩 真 的 發揮 了 很 強 的 防疫 效果 口罩 真的 很 重要 全民 口罩 連 流感 都 被 擊敗 就 知 效果 很 強 許多 專家 預估 清明連 假 後會 有 一 波 疫情 高峰 如今 零 確診 開始 讓 網友 有 自信 地 表示 不用 再 幻想 會 大 爆發 了 現在 根本 沒 幾 只 貓 進來 臺灣 只有 零星 傳染源 流入 也 很快 抓 出 阻隔 傳播 了 不可能 爆發 不過 也 有人 認為 若 不是 超前 佈 署 如果 真的 疫情爆發 了 原 po 說詞 肯定 不 一樣</t>
  </si>
  <si>
    <t>冰島政府 在 疫情爆發 初期 便 超前 部署 成為 全球 新冠肺炎 病毒 篩檢 比例 最高 的 國家 成功 減緩 疫情 並 讓 人民 迅速 回歸 正常 生活 &amp;quot i didn&amp;apos t expect the recovery to be this fast &amp;quot said iceland&amp;apos s chief epidemiologist th</t>
  </si>
  <si>
    <t>冰島 政府 在 疫情爆發 初期 便 超前 部署 成為 全球 新冠肺炎 病毒 篩檢 比例 最高 的 國家 成功 減緩 疫情 並 讓 人民 迅速 回歸 正常 生活 &amp;quot i didn&amp;apos t expect the recovery to be this fast &amp;quot said iceland&amp;apos s chief epidemiologist thorolfur gudnason 今年 5 月初 許多 歐洲 國家 的 新冠肺炎 疫情 尚未 脫離險境 數 百萬 人 仍 被迫 居家 辦公 但 冰島人 已 回歸 家家戶戶 出門 上班 上課 的 日常生活 冰島 衛生局長 兼 首席 流行病 學家 古 納 森 thorolfur gudnason 表示 我 沒 想到 我們 這麼 快 就 能 恢復正常 5 月初 搶先 解封 除了 酒吧 健身房 及 泳池 以外 冰島 各類 商家 及 高中 以上 學校 5 月 4 日 起 恢復正常 營業 民眾 也 能 參與 50 人 以內 的 集會 活動 只 是 人人 之間 須 保持 2 公尺 社交距離 即便 在 5 月 4 日前 的 六 周 封鎖 期間 冰島人 的 生活 也 沒 受到 太 大 限制 因為 國中 以下 學校 照常上課 餐廳 咖啡館 在內 用 人數 低於 20 人 且 保持 社交距離 的 情況 下 也 照樣 營業 截至 5 月 8 日 為止 冰島 新冠肺炎 確診 病例 1801 人 只 有 10 人 死亡 5 月 4 日 冰島 解封 以來 單日 新增 確診 病例 只 有 個 位數 某 幾 日 甚至 單日 零 確診 與 疫情 高峰期 單日 新增 106 例 相比 疫情 大幅 減緩 而 一切 都 要 歸功 於 政府 力行 普 篩 追蹤 隔離 的 三 步驟 防疫 政策 冰島 在 2 月 28 日 通報 國內 首 位 確診 病例 後 便 由 政府 和 民間 生 技 公司 decode genetics 合作 擴大 病毒 篩檢 對象 除了 已 出現 症狀 或 老年人 慢性病 患者 等 高風險 族群 是 由 國立 大學 醫院 負責 檢測 之外 無 症狀 的 一般 民眾 都可 透過 decode genetics 接受 病毒 篩檢 凡是 篩檢 結果 呈 陽性者 皆 強制 隔離 14 天 並 由 防疫 單位 追蹤 接觸 史 再 要求 接觸 者 進行 篩檢 與 隔離 經濟 合作 暨 發展 組織 oecd 在 4 月底 公佈 的 統計 指出 冰島 全國 36萬 人口 當中 已 有 46萬 人 接受 病毒 篩檢 相當於 每千人 中 有 135 人 受檢 比例 位居 oecd 會員國 之 冠 其次 是 盧森堡 平均 每千人 有 645 人 受檢 愛沙尼亞 平均 每千人 有 37 人 受檢 排名 位居 第 三 早 在 今年 3 月 疫情 開始 蔓延 全球 時 世界衛生組織 who 秘書長 譚 德塞 就 呼籲 各國 擴大 篩檢 因為 在 缺乏 普 篩 的 情況 下 各國 政府 等同 是 蒙住 眼睛 救火 然而 許多 國家 因 篩檢 試劑 不足 準確度 偏 低 或 醫療系統 崩潰 等 種種 因素 無法 落實 全民 普 篩 篩檢 資料 全球 最 完整 美國 在 疫情 惡化 後 雖然 擴大 病毒 篩檢 但 醫療 資源 不足 導致 篩檢 比例 有限 資料 統計 網站 worldmeter 依 美國 各州 篩檢 人數 統計 的 結果顯示 美國 平均 每 百萬 人 有 7100 人 受檢 遠 低於 冰島 的 96萬 人 史丹佛 大學 公共 衛生 與 生 醫 資料 科學 教授 艾歐尼 迪斯 john ioannidis 表示 目前 全球 最 完整 篩檢 資料 來自 冰島 且 這 批 資料 含有 許多 值得 各國 注意 細節 資料 顯示 冰島 僅 有 03 至 08 人口 感染 新冠肺炎 病毒 但 這些 感染者 當中 多 達 半 數 在 受檢 時 毫無 症狀 decode genetics 執行長 史蒂文生 kari stephansson 表示 這個 結果 有點 嚇人 因為 這些 無 症狀 者 可能 在 不知情 的 狀況 下 傳播 病毒 但 在 冰島政府 以 疫情 搭配 普 篩 的 政策 操作 下 無 症狀 者 一旦 驗 出 病毒 立刻 隔離 不僅 降低 傳染 風險 也 讓 大多數 民眾 得以 保有 正常 生活 冰島 根據 普 篩 資料 所 做 的 研究 也 發現 848 名 隨機 抽 樣 的 10 歲 以下 受檢者 當中 無 人 呈現 陽性 使 政府 決定 封鎖 期間 16 歲 以下 學童 可 照常 到校 上課 史蒂文生 表示 即便 傳染病 大 流行 情況 下 運用 現代科學 仍 可 有效 減緩 疫情 擴散</t>
  </si>
  <si>
    <t>每個 人 都 知道 老人 感染 新冠 病毒 最 危險 但 這 位 105 歲 的 人瑞 卻 奇跡 似地 擊敗 了 新冠 病毒 她 的 家 人 說 老人家 這 一輩子 凡是 擋 她 路 的 事 沒有 不 被 她 擊退 的 露西亞 迪 克拉克 lucia declerck 住 在 美國 紐澤西 州 一家 安養院 在 她 105 歲 大壽 當天 院方 通知 她 確診 了 新冠肺炎 讓 她 錯愕 的 是 前 一 天 她 才 打完 第 2 劑 新冠 疫苗 到底 露西亞 是 打 疫苗 之前 就 已經 感染 還 是 打 了 疫苗 之後 還 感染 目前 不得而知 安養 院裡 除 了 她 還有 61 名 長者 確診 有 4 人 已經 病逝 剛 打完 2 劑 輝瑞 疫苗 105 歲 人瑞 確診 我們 都 很 操心 已經 做 好 最壞 打算 露西亞 78 歲 的 兒子 說 雖然 母親 症狀 輕微 但 在 疫情 肆虐 的 情況 下 實在 無法 預測 1百 多 歲 的 老人 能否 撐過 新冠 病毒 露西亞 出生 於 1916 年 歷經 兩 次 世界大戰 人類史上 兩 次 嚴重 的 流行 疫病 1918 年 西班牙 流感 和 這 一 次 的 新冠肺炎 她 通通 有份 露西亞 早年 先生 早逝 總共 有 過 3 次 婚姻 生 了 2 個 兒子 她 靠 著 小 雜貨店 養 大 孩子 現在 家族 開 枝 散 葉 總共 有 5 個 孫子 12 個 曾孫 11 個 玄孫 去年 疫情爆發 前 家族 成員 通通 聚 在 安養院 為 她 慶祝 104 歲 大壽 天主 保佑 我 讓 我 又 安然 度過 疫情 露西亞 說 隔離 期間 她 每天 禱告 多少 安撫 她 的 焦慮 心情 院方 指出 露西亞 平常 身體 大致 健康 加上 已經 打過 第 1 劑 新冠 疫苗 已經 有 了 保護 力 病情 不至於 惡化 露西亞 隔離 14 天 之後 已 返回 安養院 法國 養老 中心 確診 率 超過 9 成 117 歲 修女 確診 另 一 名 躲 過 新冠 疫情 的 百 歲 長者 是 法國 高齡 117 歲 的 安德列 修女 sister andr 她 不但 是 歐陸 最 長壽 的 人瑞 同時 也 是 老年學 研究 組織 gerontology research group grg 第 2 名 超級 人瑞 我 沒 感覺 不 舒服 視力 已經 完全 退化 需要 輪椅 代 步 的 安德列 修女 說 確診 前 她 沒有 任何 症狀 她 甚至 告訴 養老院 把 她 的 新冠 疫苗 先排 給 更 需要 的 老人家 施打 她 真的 很 幸運 在 如此 高齡 的 狀況 下 確診 還 能 順利 康復 安德列 修女 居住 的 養老 中心 表示 院內 感染 的 狀況 相當嚴重 全數 88 名 住 民 中 就 有 81 人 確診 確診 率 超過 9 成 其中 11 人 很快 就 病逝 安德列 修女 沒 打 任何 疫苗 在 確診 後 一度 出現 症狀 不過 在 3 周 隔離 治療 期滿 後 就 恢復健康 人瑞 確診 後 仍 治癒 養生 秘方 幫 大忙 百 歲 人瑞 順利 躲 過 新冠肺炎 專家 說 除了 運氣 老人家 的 免疫力 和 生活習慣 也許 幫 了 大 忙 安德列 修女 在 養老 中心 生活 規律 固定 參加 彌撒 與 團體活動 認知 功能 並未 明顯 衰退 飲食 也 相當 簡單 她 喜歡 喝 香檳 紅 酒 也 吃 雞蛋 和培根 紅 肉 105 歲 的 露西亞 在 疫情爆發 前 經常參加 安養院 的 團體活動 兒孫 也 固定 造訪 社交生活 相當 活躍 露西亞 喜歡 自己 手 做 酒釀 白 葡萄乾 將 白 葡萄乾 放 入 空 罐 注入 琴酒 放滿 9 天 後 就 能 吃 每天 早上 露西亞 固定 吃 下 9 顆 酒釀 白 葡萄乾 現在 她 的 子女 和 孫子 都 跟 著 吃 成 了 家族 的 防疫 秘方 資料 來源 new york times bbc health</t>
  </si>
  <si>
    <t>臺灣 自 疫情爆發 後 許多 經濟 能力 許可 的 民眾 紛紛 搶購 機票 赴美 接種 疫苗 台中 市議員 陳文政 3 日 憂心 說 疫苗 能 大幅 降低 感染 率 與 重症 率 但 仍 有 染疫 帶 原 風險 建議 中央 加強 未來 入境 個 離 管制 延長 居家 隔離 時間 衛生局 強</t>
  </si>
  <si>
    <t>臺灣 自 疫情爆發 後 許多 經濟 能力 許可 的 民眾 紛紛 搶購 機票 赴美 接種 疫苗 台中 市議員 陳文政 3 日 憂心 說 疫苗 能 大幅 降低 感染 率 與 重症 率 但 仍 有 染疫 帶 原 風險 建議 中央 加強 未來 入境 個 離 管制 延長 居家 隔離 時間 衛生局 強調 此案 涉及 全國性 政策 後續 依 中央 規定 辦理 市議員 陳文政 說 國內 疫苗 進展 牛步 許多 經濟 能力 較佳 的 民眾 開始 搶購 機票 赴美 接種 免費 的 疫苗 這不 只 是 我國 有 這種 現象 馬來西亞 越南 近日 也 因 疫情 加劇 疫苗 供應 吃緊 許多 富人 也 都搶 機票 赴美 接種 他 聽 聞 國內 有些 孝順 的 子女 為 怕 家中 長輩 染疫 僅 把 同 住 的 長輩 送 去 美國 接種 陳文政 指出 已 有 許多 案例 與 專家 證實 接種 疫苗 不 代表 完全 免疫 最 主要 效果 仍 是 降低 感染 率 與 重症 率 代表 完成 接種 疫苗 者 仍 有 染疫 帶 原 的 風險 美國 全國 6 月 1 日 確診 數 仍 超過 2萬 人 加上 世界 各 疫區 湧入 的 接種 潮 美國 並 不是 一個 安全 的 區域 陳文政 表示 國內 醫療系統 已 瀕臨 崩潰 就 連台 中的 醫療系統 也 開始 支援 雙北 面對 接下來 可能 出現 的 接種 返國 潮 他 向 衛生 單位 提出 兩 個 建議 即 中央 應 加強 未來 的 入境 個 離 管制 延長 居家 隔離 時間 家中 如有 1 人 返國 應該 要 全戶 隔離 不 要 讓 病毒 有機可乘 切莫 再 出現 新 的 疫情 破 口 台中 市 衛生局 強調 此案 涉及 全國性 的 政策 陳文政 議員 所 提 建議案 市府 將 提供 給 中央流行疫情指揮中心 後續 依 中央 規定 辦理</t>
  </si>
  <si>
    <t>新北 市 汐止 區 馨 生 產後 護理 之家 傳 出 1 名 員工 肺結核 確診 經 新北市衛生局 證實 5 月底 接 獲 通知 後 已 匡列 26 個 嬰孩 均 安排 x 光 檢查 及 預防 性 投藥 9 個 月 第 12 個 月 後會 再 安排 1 次 x 光 檢查 產後 護理 之家 今 13 日 發佈 6 點 聲明 針對 這次 肺結核 感染 事件 說明 馨 生 產後 護理 之家 表示 一 中心 自新冠肺炎 疫情爆發 以來 謹 守 防疫 措施 嚴格 管 控 傳染 風險 並且 定期 依 主管機關 規定 健康檢查 均 合乎 規定 二 中心 於 今年 4 月 接 獲 新北 市 衛生 單位 通知 個案 同仁 經 診斷 為 結核病 時 該 同仁 已 請假 休養 在家 未 進 中心 出勤 三 新北市衛生局 於 今年 5 月 請 感染 科 專家 到 中心 評估 現場 環境 及 推斷 可 傳染期 並 匡 列有 長 時間 接觸 史有 需要 追蹤 的 被 照顧 人員 四 結核病 為 細菌 傳播 的 慢性 呼吸道 傳染病 通常 不 經由 衣服 或 食器 傳染 環境 保持 通風 無須 消毒 在 可 傳染期 間 與 結核病 個案 於 密閉空間 長 時間 接觸 則 匡 列為 接觸 者 五 新北市衛生局 認為 今年 5 月 分處 新冠肺炎 疫情 大 爆發 期間 考量 新冠肺炎 危險性 較 高 且 肺結核 具有 非 立即 性 傳染 不易 診斷 特性 決定 暫緩 通知 避免 父母 小孩 在 疫情 期間 至 檢疫所 感染 新冠肺炎 的 可能性 六 中心 秉 持 嚴守 感染 管控 規範 關心 所有 媽媽 與 寶寶 全體同仁 及其 家人 中心 環境 皆 依 規定 進行 清潔 與 消毒 以 確保 中心 所有 住 民 及 護理人員 健康</t>
  </si>
  <si>
    <t>晶圓 專 工大 廠 聯電 8 日 公告 2 月 合併 營 收 14948億 元 為 歷年 同期 新高 法人 預期 3 月 營 收 開始 反映 漲價 效應 可望 創下 單月 營 收 歷史 新高 第一 季 合併 營 收 可望 達成 業績 展望 目標 並 創 歷史 新 高 聯電 同時 宣佈 與 微 感測器 領導 製造商 sensirion 合作 生產 應用 於新冠肺炎 疫苗 運輸 的 溫度 感測器 及 醫療 呼吸器 流量 感測器 由於 晶圓 代 工 產能 供不應求 聯電 2 月 合併 營 收 雖 因 工作 天數 減少 而 月 減 38 但 與 去年同期 相較 則 是 成長 99 並為 歷年 同期 新高 累計 前 二 個 月 合併 營 收 達 30477億 元 較 去年同期 成 長 了 100 聯電 對 第一 季 展望 樂觀 預估 晶圓 出 貨 季 增 2 晶圓 平均 美元 價格 提升 2 3 法人 推 估 3 月 營 收 可望 突破 160億 元 讓 單月 及 第一 季營 收 同創 歷史 新 高 可期 聯電 去年 第 四季 針對 8 吋 晶圓 代 工 急 單及新 增訂 單調 漲價 格 今年 第一 季 全面 調 漲 8 吋 及 12 吋 晶圓 代 工價 格 以 現在 訂單 能見度 已 看 到 下半年 同時 產能 也 將 供不應求 到 年底 情況 下 第二 季 可望 再度 調 漲晶 圓 代 工 價格 法人 預期 聯電 漲價 效應 會 在 3 月 之後 顯 現在 營 收 表現 上 全年 營 收 逐 季 成長 趨勢 明確 聯電 8 日 也 宣佈 與 sensirion 合作 製造 醫療 相關 的 感測器 ic 聯電 將 防疫 列為 最高 優先 考量 以 協助 sensirion 生產 應用 於新冠肺炎 疫苗 運輸 的 溫度 感測器 及 醫療 呼吸器 的 流量 感測器 雙方 攜手 共同 幫助 對抗 新冠肺炎 的 疫情 面對 後 疫情 時代 最 關鍵 的 資源 就 是 疫苗 然而 全世界 疫苗 所 面臨 的 議題 除了 病毒 變種 與 供應 數量 是否 足夠 外 就是 疫苗 在 運送 過程 中 適當 溫度 的 監控 聯 電錶 示 儘管 全球 晶圓 代 工 皆 面臨 短缺 聯電 在 產能 滿載 的 狀況 下 仍 全力 擠出 產能 優先 提供 給 sensirion 生產 應用 於新冠肺炎 疫苗 運輸 的 溫度 感測器 以 確保 疫苗 在 運輸 過程 中 保持 效力 整個 過程 能 更加 順利 而 針對 疫情 出現 大量 醫療 級 呼吸器 的 需求 聯電 也 全力支持 生產 相關 ic 為 全球 對抗 新冠肺炎 疫情 盡 一己 之 力 聯電 歐日 業務 副總 劉士維 指出 自 2020 年初 疫情爆發 以來 聯電 積極 優先 處理 醫療 相關 ic 的 生產 與 支援 這 是 身 為 世界 公民 的 一 員 在 全球 對抗 新冠肺炎 疫情 中 該 有的 企業 社會 責任 聯電 與 sensirion 合作 共同 抗 疫 身為 醫療 相關 ic 供應 鏈 重要 成員 的 聯電 將 持續 在 此 領域 投入 資源 以 確保 醫療 產品 的 穩定 供應</t>
  </si>
  <si>
    <t>受到 新冠肺炎 疫情爆發 影響 汽車 大廠 飛 雅 特 克萊斯勒 位於 大陸 的 工廠 延長 停工 時間 後 近日 將 全面 複產 此外 德國 運動用品 公司 愛迪達 adidas 則 因 大量 門市 停業 造成 大中華 區 業務 重 挫 飛 雅 特 克萊斯勒 發言人 于義 大利</t>
  </si>
  <si>
    <t>受到 新冠肺炎 疫情爆發 影響 汽車 大廠 飛 雅 特 克萊斯勒 位於 大陸 的 工廠 延長 停工 時間 後 近日 將 全面 複產 此外 德國 運動用品 公司 愛迪達 adidas 則 因 大量 門市 停業 造成 大中華 區 業務 重 挫 飛 雅 特 克萊斯勒 發言人 于義 大利 時間 19 日 表示 與 廣州汽車集團 合資 的 中國 大陸 工廠 即 將 全面 複產 此前 該 公司 的 大陸 工廠 因 為 新冠肺炎 疫情 而 延長 停工 時間 發言人 指出 位於 廣州 的 工廠 於 2 月 17 日 復工 位於 長沙 的 工廠 則 將 在 不久 後 復工 另一方面 愛迪達 adidas 於 德國 時間 19 日 表示 因 新冠肺炎 疫情 導致 公司 大量 門市 停業 同時 繼續 營業 的 門市 客流量 大幅 下降 自 1 月 25 日 以來 該 公司 在 大中華 區 業務 較 2019 年 同期 銳減 約 85 愛迪達 補充 表示 在 大中華 以外 地區 的 業務 尚未 受到 重大 影響 又 稱 隨 著 情勢 逐漸 變化 目前 還 無法 確實 量化 2020 年 全年業務 受到 的 整體 影響 程度</t>
  </si>
  <si>
    <t>全球 疫情爆發 名人 相繼 逝世 唐 綺 陽 預測 今年 還有 2 波 重大 變故</t>
  </si>
  <si>
    <t>新冠肺炎 covid-19 疫情 期間 即時通訊 平臺 line 宣佈 為了 協助 臺灣 的 政府 機關 有效 傳遞 正確 的 官方 資訊 將 為 中央政府 一二 三級 機關 與 縣市政府 提供 公共服務 帳 號 讓 政府 機關 在 近期 的 防疫 時期 免費 推 播 防疫 措施 等 相關 宣導 未來 在 緊急 需求 時 line 也 將 放寬 訊息 上限 讓 政府 機關 發佈 攸 關 民生 防災 防疫 等 資訊 方便 臺灣 民眾 掌握 最新 動態 由於 line 正是 在 2011 年 日本 東北 大地 震 之後 誕生 其 創立 目標 就是 要 讓 每個 人 都能 在 重要 的 時刻 與 最 親近 的 親友 快速 有效 的 溝通 確保安全 減少 損失 line 臺灣 董事 總經理 陳立人 表示 為 應對 這次 新型 冠狀病毒 肺炎 疫情 我們 透過 line 平 臺上 的 各種 服務 與 技術 彙聚 政府 各部 會 與 在 地 夥伴 的 資源 一起 做出 各種 努力 我們 希望 做 我們 真正 在行 的 事 並且 把 我們 在行 的 事 做到 最好 才能 發揮 line 的 優勢 讓 我們 的 用戶 受益 因此 除了 開放 公共服務 帳 號 我們 也 採取 一些 舉措 希望 能 協助 臺灣 民眾 掌握 正確 的 資訊 也 希望 幫助 居家 檢疫 者 或 隔離 者 安心 居家 居家 健康 新冠肺炎 疫情 蔓延 期間 衛生 福利 部 疾病 管制 署 便 利用 疾 管家 帳 號 id @taiwancdc 推 播 跟 防疫 相關 的 資訊 讓 將近 200萬 的 臺灣 民眾 掌握 正確 的 官方 宣導 訊息 達到 即時 有效 的 溝通 line 促進 正確 的 訊息 流通 除了 提供 政府 機關 可 申請 line 公共服務 帳 號 傳遞 正確 資訊 外 line 也 積極 優化 旗 下 平臺 來 配合 防疫 自 疫情爆發 以來 line today 協助 中央流行疫情指揮中心 隨時 發 佈 疫情 最新 資訊 對於 重大 的 防疫 資訊 line today 會 以 首 頁 加強 宣導 截至 2020 年 3 月 8 日 止 疫情 新聞 總 流覽量 達 13億 平均 每天 不 重複 的 流覽 人次 達 54萬 人次 此外 line today 在 臺灣 事實 查核 中心 cofacts 真的假 的 mygopen 蘭姆 酒 吐 司 四 家 專業 的 民間 查核 夥伴 的 協助 下 也 利用 防疫 闢謠報 你 知 以及 首 頁 下方 的 謠言 破解 專區 隨時 指正 網路上 的 錯 假 訊息 截至 2020 年 3 月 8 日 止 謠言 破解 專區 累積 超過 126 則 與 新型 冠狀病毒 肺炎 相關 的 闢謠 查核 文 和 澄清 文 總 流覽量 達 300萬 有效 聚合 正確 的 防疫 措施 與 資訊 方便 用戶 傳 散 分享 當 醫療 用 口罩 成為 重要 的 防疫 物資 如何 更 便利 的 買到 口罩 也 成為 用戶 最 迫切 的 需求 因此 臺灣 團隊 從 規劃 到 上線 48 小時 之內 通力協作 於 2020 年 2 月 5 日 在 line spot 中 推出 口罩 地圖 串接 健 保 局 的 公開 資料 讓 全台 用戶 只要 打開 line 都能 根據 所在位置 尋找 就近 的 口罩 販 售 藥局 與 數量 line spot 團隊 也 持續 根據 疫情 發展 新增 各種 防疫 補給 地圖 點 此 流覽 此外 2020 年 3 月 9 日 亦 公告 即日起 line 廣告 平臺 一律 暫停 接受 醫療 口罩 廣告 在 所有 廣告 版 位 中 嚴格 禁止 刊登 醫療 口罩 廣告 提供 線 上 內容 讓 使用者 安心 居家 line 在 臺灣 推出 的 line tv 與 line music 的 線 上 影音 串流 內容 這 兩 種 線 上 服務 14 天 免費 體驗 序號 已 提供 給 新北 市 桃園 市 新竹 市 基隆 市 宜蘭 縣 等 地方 政府 作為 居家 檢疫 包 自 2020 年 3 月 18 日 起 line music 的 體驗 序號 將 全面 開放 給 全台 用戶 作為 居家 的 生活 調劑 另外 line 也 集結 韓國 台港 的 漫畫 創作者 分別 自 2020 年 3 月 10 日 與 2020 年 3 月 17 日 起 在 數位 漫畫 平臺 line webtoon 上 推出 防疫 特輯 以 自發性 的 創作 內容 接力 傳遞 溫暖 的 正 能量 為 讀者 和 社會 打氣</t>
  </si>
  <si>
    <t>國際 機器人 協會 ifr 發佈 最新 報告 指出 全球 工業 機器人 累計 運作 數量 已 達 270萬 台 創 歷史 新 高 法人 指出 在 製造業 現代化 升級 數位 轉型 需求 拉動 下 未來 三 年 新增 安裝 量 將 逐年 成長 為 機器人 產業 醞釀 估 值 再 提升 的 多頭 行情 根據 ifr 報告 去年 雖然 受到 美中 貿易戰 影響 全球 工業 機器人 新增 安裝 量 只 有 373萬 台 低於 40萬 台 水準 但 仍 創 歷年 第 三高 紀錄 而且 累計 運作 數量 已 達 270萬 台 創 歷史 新 高 由於 今年 新冠肺炎 疫情爆發 造成 工廠 停工 加上 美中 衝突 升溫 機器人 新 訂單 增長 不易 不過 隨 著 中國 疫情 已 獲得 控制 歐美地區 也 出現 轉折 預期 明年 新 訂單 即可 重 十 成長 動能 並 在 2022 或 2023 年 重 回 疫情 前 水準 第一 金 全球 ai 機器人 及 自動化 產業 基 金經理 人 陳世傑 表示 過去 五 年 全球 智慧 製造 自動化 生產 發展 迅猛 規模 已 擴 增 85 去年 來 面對 美中 衝突 新冠肺炎 的 考驗 機器人 新 訂單 增長 放緩 但 累計 運作 數量 仍舊 不斷 增加 從 資料 結果顯示 機器人 自動化 趨勢 並 沒有 改變 陳世傑 分析 美中 衝突 疫情 影響 刺激 企業 調整 中國 佈局 策略 加快 了 製造業 現代化 升級 數位 轉型 的 腳步 而 機器人 具備 快速 生產 客 制 化 與 成本 效益 的 三大 優勢 滿足 工廠 轉型 升級 的 相關 需求 尤其 人機 協作 機器人 搭配 ai 人工智慧 軟 體 的 彈性 調整 特色 提供 多元化 的 生產方式 是 去年 唯一 逆勢 成長 的 類別 新增 安裝 量 年成 長 11 美林 證券 預估 未來 五 年 機器人 的 使用量 將 較 目前 倍增 吸引 更 多 投資人 青睞 陳世傑 指出 近 幾 年 機器人 指數 的 本益比 落 在 21 39 倍 區間 股價 淨值 比為 25 33 倍 區間 在 ai 技術 的 幫助 下 機器人 走向 更加 智慧 化 預期 也 會 帶來 估 值 再 提升 的 行情</t>
  </si>
  <si>
    <t>新北 市 幼稚園 老師 打過 疫苗 仍 染疫 外界 認為 採取 定期 快 篩 似乎 更 安全 臺北市 長 柯文哲 7 日 表示 pcr 篩檢 是 黃金 標準 作為 最後 確認 乾脆 以 簡單 有效 直接 的 方式 不 要用 快 篩 猜來猜去 他 強調 還是 主張 打 2 劑 疫苗 後 放寬 管制 讓 生活 儘量 正常 美 英 國家 戰略 是 比較 對 的 柯文哲 今 午 主持 防疫 記者會 指出 在 這次 疫情爆發 前 還 會用 快 篩 以 萬華 疫情爆發 後 的 實戰經驗 來看 一個 地方 的 感染 率 很 高 可以 用 快 篩 感染 率 不 高 做 快 篩 就 沒用 做 完快 篩 還 要以 pcr 確認 臨床經驗 是 有 症狀 的 病例 快 篩 陽性 pcr 幾乎 是 陽性 若 沒 症狀 快 篩 陽性 偽 陽性 機 率 很 高 他 表示 既然 pcr 是 黃金 標準 才能 做 最後 確認 乾脆 直接 做 pcr 在 5 月 萬 華 爆發 疫情 後 北市 7 家 醫院 直接 做 pcr 篩檢 是 簡單 有效 直接 的 方法 不要 猜來猜去 pcr 雖然 比較 貴 但 數量 增加 後 價格 會 下降 柯文哲 說 有 完整 打 2 劑 疫苗 就算 被 感染 傳染給 別人 的 機會 很 低 但有 多 低 還要 研究 身為 醫生 強調 統計學 最 不喜歡 人家 說 萬一一萬 都 不 解決 了 解決 什麼 萬一 打過 完整 疫苗 會 再 傳染給 別人 的 機 率 非常低 的 話 雖然 不能 保證 百分之百 沒有 但 機會 很 低 就 算了 他 強調 如果 從此 每週 都 做 1 次 快 篩 北市 有 幾 萬 名 老師 快 篩 不准 再 做 pcr 天 啊 這 不行 啦 活 在世界上 要 接受 合理 的 風險 而 合理 的 風險 是 有 醫學 統計 基礎 還是 主張 打 2 劑 疫苗 放寬 管制 讓 生活 儘量 正常 美 英 國家 戰略 是 比較 對 的</t>
  </si>
  <si>
    <t>國內 新冠肺炎 疫情 持續 延 燒 不少 餐飲業者 大型 百貨 調整 營業時間 稍 早 林口 三井 outlet 在 臉書 公告 因應 新北 市 疫情 確診 數 不斷 增加 今 起至 25 日 將 自主 停業 3 日 進行 內部 大 清 消 並 表示 此 決定 與 指揮中心 並 無 關係 林 口 三井 outlet 稍 早於 臉書 公告 即日起 至 5 月 25 日 自主 停業 3 日 將 進行 內部 大 清 消 作業 國內 疫情爆發 後 根據 指揮中心 公佈 的 確診 資料 顯示 新北 市 1282 例 為 全台 最 多 為 疫情 重災區 其次 為 臺北市 1007 例 桃園 市 131 例 事實上 林口 三井 outlet 月初 時 就 已 配合 新北 市 全市 大 消毒 當時 也 提早 閉館 進行 清 消 作業 但 連日 以來 新北 市 的 疫情 尚未 趨 緩 經過 開 會後 決定 自主 停業 3 日 進行 內部 大規模 消毒 並 強調 與 指揮中心 沒有 關係 中 時 新聞網 提醒您 因應 新冠肺炎 疫情 疾 管署 持續 加強 疫情 監測 與 邊境 管制措施 如有 疑 似 症狀 請 撥打 1922 專線 或 0800 001922 並 依 指示 配戴 口罩 盡 速 就醫 同時 主動 告知 醫師 旅遊 史及 接觸 史 以利 及時 診斷 及 通報</t>
  </si>
  <si>
    <t>英國 新冠肺炎 疫情 大 爆發 除了 臺灣 留學生 相繼 回國 大批 旅 英 波蘭 人 也 趕忙 搭上 撤 僑 專機 返回 祖國 他們 說 儘管 波蘭 醫療 水準 差 一 截 但是 這次 英國 的 防疫 表現 實在太 慢 太 糟糕 他們 無法 信任 因此 選擇 回國 英國 新冠肺炎 疫情 持續 惡化 先前 強森 政府 的 佛 系 防疫 政策 遭 致 批評 胎死腹中 儘管 首相 強森 boris johnson 已經 於 上月 23 日 宣佈 全國 禁 足 但是 防疫 慢 半 拍 已經 失去 人民 信任 迫使 大批 波蘭 移民 留學生 搶 搭 飛機 返回 祖國 紐約時報 new york times 報導 英國 約 有 超過 80萬 波蘭 移民 疫情爆發 之 初 波蘭政府 就 派出 撤 僑 專機 計畫 進行 的 前 5 天 已經 有 12萬 名 滯 英 波蘭 人 搭上 班機 計畫 施行 的 頭 11 天 波蘭政府 已 在 全球 派出 266 架 撤 僑 專機 當中 1 3 飛往 英國倫敦 另外 部分 專機 飛往 愛丁堡 旅居 英國 8 年 的 bacdorf 表示 他 在和 波蘭 家人 通 電話 後 馬上 開始 打包 行李 數 小時候 人 已經 在 倫敦 城市 機場 london city airport 準備 搭乘 最後 幾 架 航班 返回 波蘭 他 說 對 許多 波蘭 人 來說 英國 的 反應 太 慢 了 對比 波蘭政府 的 嚴肅 態度 英國 簡直 是 個 笑話 就 連 留學 英國 的 波蘭 學生 bartosz zatorski 都 表示 英國政府 反應 慢 了 一個 多 禮拜 針對 新冠 疫情 波蘭政府 的 反應 相當 迅速 3 月 15 日 當局 就 中止 國際航班 火車 運輸 阻止 外國人 入境 並且 禁止 2 人 以上 集會 宗教 活動 及 葬禮 限制 最 多 5 人 參與 設定 搭乘 公車 路面 電車 乘客 上限 同時 間 英國 卻 持續 開放 國際航班 起降 甚至 也 包含 那些 來自 伊朗 等 疫情 重災區 的 班機 降落 除 了 政府 的 防疫 措施 百姓 的 防疫 意識 也 有 很 大 不同 出生 英國 的 波蘭 歷史學家 alina nowobilska 描述 當 她 回到 波蘭 所有人 都 聽從 政府 建議 待 在 家中 但是 英國 人 卻 相當 鬆懈 仍 照常 踢 足球 上 夜 店 nowobilska 坦言 英國 的 醫療 水準 比較 高 有 非常 棒 的 醫生 她 一度 也 相當 猶豫 是不是 要 回去 波蘭 但是 當 她 搭上 撤 僑 專 機時 大部分 的 波蘭 人 都 表示 回去 比較 安全 現在 回到 波蘭 的 她 也 慶倖 自己 做 了 正確 的 選擇 截至 3 日 英國 已 有約 4萬 人 確診 新冠肺炎 反觀 波蘭 僅 約 3千 人 染疫</t>
  </si>
  <si>
    <t>今年以來 全球 主要 股市 皆 因 新冠肺炎 疫情爆發 而 波動 加劇 投資人 的 風險 趨避 情緒 明顯 上升 資金 流入 避險 型 資產 觀察 今年以來 債券 型 商品 的 表現 無論 疫情爆發 前 後 多 為 正 報酬 其中 尤以 美國 長天 期 公債 上漲 1401</t>
  </si>
  <si>
    <t>今年以來 全球 主要 股市 皆 因 新冠肺炎 疫情爆發 而 波動 加劇 投資人 的 風險 趨避 情緒 明顯 上升 資金 流入 避險 型 資產 觀察 今年以來 債券 型 商品 的 表現 無論 疫情爆發 前 後 多 為 正 報酬 其中 尤以 美國 長天 期 公債 上漲 1401 截至 2 月底 最為 亮 眼 富 邦 投 信 量化 及 指數 投資部 主管 粘 瑞 益 認為 美 債 商品 的 抗跌 特性 可 作為 現階段 危機 入市 首選 風險 承受度 較 高 的 投資人 可 選擇 長天 期 的 美 債 etf 風險 承受度 較 低 者 建議 選擇 較 短 天 期 的 美 債 etf 由於 新冠肺炎 疫情 迄今 擴散 狀況 仍未 控制 影響 層面 不僅 是 中國 當地 復工 狀況 甚至 擴 及 全球 產業鏈 方面 美國蘋果公司 也 提出 警告 因為 受到 中國 疫情 的 影響 供貨 與 中國 內需 都 將 下滑 3 月 當 季 的 業績 將 無法 達到 先前 公佈 的 財 測 目標 美 股 應聲 下跌 因為 新冠肺炎 疫情 的 黑 天鵝 事件 資金 流入 避險 型 資產 2 月 12 日 當 周 固定 收益 共同 基金 與 etf 共 進帳 了 236億 美元 是 自從 2001 年 以來 最 大 單 周 流入 金額 其中 投入 美國 債券 基金 的 資金 占 了 154億 美元 當中 包括 103億 美元 的 投資 等級 債券 粘 瑞 益 指出 2019 年 是 股 債 齊 揚 的 一 年 股 債 市場 都 達到 雙位 數 的 表現 儘管 美國 降息 風 暫停 利差 已經 收斂 但是 黑 天鵝 事件 的 發生 仍 為 債券市場 提供 投資 契機 觀察 今年以來 債券 型 商品 的 表現 無論 疫情爆發 前 後 多 為 正 報酬 在 近期 市場 避險 情緒 上升 資金 湧入 避險 型 資產 的 情況 下 粘 瑞 益 建議 可以 採取 不同 天 期 的 美 債 etf 來 分散 風險 由於 長天 期 的 美 債 對 市場 風險 敏感度 較 高 波動 也 較 大 在 短期 市場 擔憂 情緒 未 消散 的 情況 之下 風險 承受度 較 高 的 投資人 可以 選擇 如 富 邦 美 債 20 年 股票 代號 00696 b etf 擇機 進場 佈局 相對 地而 對於 風險 承受度 較 低 的 投資人 則 可以 選擇 較 短 天 期 的 富 邦 美 債 7 10 股票 代號 00695 b etf 不但 可以 參與 債券 價格 上升 的 投資 機會 也 可以 達到 抗 波動 的 效果</t>
  </si>
  <si>
    <t>世界衛生組織 who 組成 的 專家 已 在 大陸 的 北京 廣州 以及 四川 就地 調查 新冠肺炎 疫情 但 未 到訪 爆發 原點 武漢市 引起 外界 懷疑 陸方 是否 有 所 不 願 公開 對此 who 秘書長 譚 德塞 宣佈 正 在 大陸 考察 的 國際 專家 聯合 小組 22 日 將 前往 武漢 在 疫情爆發 中心 展開 工作 增進 瞭解 病毒 與 疾病 的 嚴重性 自大 陸 武漢市 自 2019 年 12 月 起 爆發 2019 年 冠狀病毒 疾病 covid-19 並 擴散 至 各 省 及 世界 各國 而 譚德 賽 先前 表示 世衛 將 組織 派出 國際 專家 聯合 小組 前往 大陸 後 受到 高度 矚目 從 專家 人員 組成 到 考察 地點 都 成為 新聞 焦點 不過 自傳 出 who 專家 參訪 行程 中 包括 了 北京 廣州 與 四川 但 並未 包括 疫情爆發 核心 湖北省 武漢市 引起 外界 懷疑 陸 恐 有所 隱瞞 據 新華社 報導 譚 德塞 宣佈 who 專家 小組 將 前往 武漢 在 疫情 中心 展開 調查 工作 此前 譚 德塞 表示 該 團隊彙集 包括 美國 在內 的 全球 9 個 機構 的 流行病 學 病毒學 臨床 管理 疫情 控制 和 公共 衛生 專家 如 美國 疾病預防控制中心 美國國家衛生研究院 俄羅斯 國家 肺結核 和 傳染病 醫學 研究 中心 德國 科赫 研究所 等 機構 的 專家 而 中國 衛生 政策 與 管理 學會 會長 陳希 先前 也 已 表示 為何 who 原先 參訪 行程 未 經過 武漢市 或 湖北省 主要 原因 應該 是 湖北 當前 處在 防控 疫情 的 關鍵期 接待 能力 有限</t>
  </si>
  <si>
    <t>上海市 衛健 委 今天 指 有 一 名 在 台 工作 的 陸籍 人士 17 日 從 臺灣 出發 入境 上海 在 隔離 期間 出現 症狀 20 日 確診 這 是 上海 第 5 例 從 臺灣 來 的 確診 個案 中央 流行 疫情 中心 發言人 莊人祥 表示 目前 已 連系 對岸 但 對方 尚未 回 覆 並 統計 從 去年 疫情爆發 至今 臺灣 已 輸出 60 例 確診 到 大陸 菲律賓 日本 越南 等 國 上海市 衛健 委 今 早 通報 3 月 20 日 的 4 例 確診 個案 中 其中 一 例 來自 臺灣 為 一 名 大陸 籍 人士 在 臺灣 工作 自 臺灣地區 出發 於 3 月 17 日 抵達 上海浦東國際機場 入 關後 即 被 集中 隔離 觀察 其間 出現 症狀 綜合 流行病 學 史 臨床 症狀 實驗室 檢測 和 影像 學 檢查 結果 等 診斷 為 確診 病例 為 第 5 例 臺灣 輸出 的 上海 確診 病例 對此 莊人祥 表示 今天上午 已 透過 大陸 視窗 希望 取得 這 名 在 上海 確診 案例 的 資料 不過 對方 尚未 回 覆 莊人祥 也 指出 從 去年 到 現在 共有 60 例 臺灣 輸出 的 個案 但 至今 這 60 案 都 沒看 到 對 臺灣 疫情 有 影響</t>
  </si>
  <si>
    <t>新冠肺炎 疫情 持續 蔓延 目前 全球 累計 超過 14萬 確診 病例 死亡 人數 達 5千 多 人 bbc 整理 出 世界衛生組織 who 秘書長 譚 德塞 tedros adhanom ghebreyesus 多 次 公開 發言 內容 網友 看 完 拳頭 都 硬 了 bbc 中文 網 摘錄 出 譚 德塞 發言 在 臉書 表示 新型 冠狀病毒 疫情爆發 以來 世界衛生組織 總 幹事 譚 德塞 都 公開 說 過 什麼 1 月 23 日 譚 德塞 說 中國 分享 疫情 資訊 非常 及時 及時 採取 相應措施 展現出 相當 高 的 透明度 1 月 31 日 世衛 反對 任何 針對 中國 的 旅遊 及 貿易 限制 2 月 11 日 中國 以外 的 疫情 傳播 可能 冰山一角 必須 團結 對抗 病毒 確保 疫情 不會 失控 2 月 12 日 比起 恐怖襲擊 病毒 能 引發 政治經濟 文化 動盪 的 威力 更 大 國際 應該 更 積極 對抗 疫情 把 這項 病毒 視為 頭號 公敵 2 月 21 日 中國 新型 肺炎 新增 病例 持續 減少 趨勢 令人鼓舞 2 月 24 日 現在 使用 大 流行 一 詞 不 符合事實 肯定 會 引起 恐慌 3 月 2 日 世衛組織 再次 表示 2019 冠 狀 病毒 疫情 仍未 構成 全球 大 流行 3 月 11 日 世衛組織 正式 宣佈 2019 新型 冠狀病毒 肺炎 成為 大 流行 疾病 譚 德塞 說詞 反 覆 日前 才 終於 改口 表示 新冠肺炎 全球 大 流行 網友 留言 罵 翻 表示 反 指標 打 臉 總是 來 的 快 除了 說 廢話 他 到底 幹 了 什麼 他 說 什麼 反向 思考 動作 就 對了 他 是否 欠 全世界 一個 道歉</t>
  </si>
  <si>
    <t>主持人 李培禎 12 日 爆出 確診 新冠肺炎 她 透露 5 月中 旬 疫情爆發 後 便 一直 在 家 陪 小孩 3 周內才 出門 3 次 即便 防疫 措施 做到 滴水不漏 卻 依舊 染疫 今 16 日 稍 早 除了 在 臉書 發文 報平安 表示 隔離 滿 一 周 之外 也 不 忘 提醒 大</t>
  </si>
  <si>
    <t>主持人 李培禎 12 日 爆出 確診 新冠肺炎 她 透露 5 月中 旬 疫情爆發 後 便 一直 在 家 陪 小孩 3 周內才 出門 3 次 即便 防疫 措施 做到 滴水不漏 卻 依舊 染疫 今 16 日 稍 早 除了 在 臉書 發文 報平安 表示 隔離 滿 一 周 之外 也 不 忘 提醒 大家 要 保持 運動 習慣 李培禎 至今 隔離 滿 一 周 稍 早 在 臉書 跟 所有人 報平安 透露 這 段 期間 除 了 一 日 三 次 回報 健康狀況 就是 規定 自己 每天 要 運動 三 十分 鐘 以上 接 著 表示 相信 所有人 都 聽 過 快樂 缺氧 也 就 是 身體 在 不 自覺 情況 之下 缺氧 如果 疫情 期間 只是 躺 著 滑 手機 便 不容易 發現 身體 變化 因此 提醒 大家 除了 要 保持 運動 習慣 之外 運動 前後 更 要 觀察 血 氧 變化 更 強調 如果 運動 後 血 氧 反而 降低 就 要 注意 囉 接 著 不 忘 建議 所有 獨處 狀態 的 人 最好 能 找 一個 伴 一起 視 訊 運動 這樣 不但 安全 也 能 激勵 彼此 堅持下去 更 強調 不要 跟 我 說 加油 要 請 你 跟 我 這樣 做 樂觀 面對 病情 的 正面 態度 讓 網友 紛紛 留言 在此之前 我 以為 感染者 都 是 病懨懨 希望 你 趕快 好 起來 辛苦 你 了 祝福 你 未來 會 越來越 好 李培禎 雖然 正 在 防疫 旅館 隔離 但 慶倖 的 是 老公 與 2 個 小孩 都 未感染 也 沒有 症狀 更 不 忘 提醒 所有人 永遠 不 要 低估 新冠肺炎 病毒 就算 很 小心 也 不 代表 不 會 染疫 呼籲 所有人 要 做好 防疫 措施 才能 提升 免疫力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市場 資金 豐沛 僑 外資企業 入手 新北 廠辦 交易 案 頻 傳 今年以來 包括 開發 國內 新冠肺炎 快 篩 試劑 的 僑 外資 醫療 科技 公司 泰 博 科技 定 河 資產 管理 木木子 投資 等 僑 外資 公司 均 購 入 新北 五 股 三 重 等 地 廠辦 廠房 具 自用 收益 價值 的 工業 地產 仍 是 不少 海外 資金 鎖定 入手 的 標的 實價 登錄 顯示 泰博 科技 1 月 以 約 376億 元 買 下 五 股 區 五 工 一路 的 一 層 樓 廠辦 可 做 倉儲 和 試驗 研究 用 3 月 定 河 資產 管理 公司 砸 94億 元 買 下 五 工 三 路整棟 六 層 樓逾 3500 坪 的 廠辦 為 今年 新北 最高 總價 廠辦 交易 目前 各 層 分 租 給 其他 公司 使用 此外 木木子 投資 公司 1 月 也 以 475億 元 買 下 三 重 區 溪尾 街 整 棟 七 層 樓 廠房 臺灣 房屋 新莊 頭 前 旗艦 特許 加盟店 店東 鄭文凱 表示 新北 產業 園區 也 就 是 早期 的 五 股 工業區 已經 發展 20 至 30 年 之久 此次成交 的 兩 件 五 股 整 棟 廠辦 交易 均 位元 在 五 股 和 新莊 的 交界處 近 機場 捷 運 a 3 站 和 國道 一 號 交流 道 交通 便利性 高 鄭文凱 指出 去年 全球 疫情爆發 臺灣 相對 防疫 措施 做得好 陸續 吸引 僑 外資 公司 投資 整 棟 廠辦 及 100 200 坪 的 辦公大樓 買氣 增加 再 加上 新莊 有 不少 新興 重劃 區 開發 原本 舊 工業 廠房 陸續 遷移 至 鄰近 的 樹林 三峽 鶯歌 等 地區 新莊 和 五 股 工業 廠房 廠辦 日趨 稀有 臺灣 房屋 集團 趨勢 中心 執行長 張旭嵐 表示 近年 美中 貿易 和 疫情 因素 台商 陸續 將 重心 轉移 回 臺灣 也 增加 僑 外資 來 台設廠 數量 新北 桃園 等 地區 如 土 城 林口 五 股 及 三 重 區 廠辦 需求 增加 這 類型 廠辦 產權 單純 使用 面積 大 貨車 進出 方便 又 可 做為 倉儲 廠房 倉庫 汽車 修配 等 多 元 行業 使用 租賃 需求 穩定 而 許多 僑 外資 公司 資金 豐沛 買 下 廠辦 置 產 收 租 除了 讓 資金 有 去處</t>
  </si>
  <si>
    <t>日本 第 三 波 疫情爆發 單日 確診 人數 創 新高</t>
  </si>
  <si>
    <t>中共中央 機關報 人民日報 16 日 報導 中共中央政治局 委員 中央 外事 工作委員會辦公室 主任 楊潔篪 應約 同 美國 國務卿 蓬佩 奧 通電話 時 指出 在 全球 抗 疫 大 背景 下 處理 好 陸 美 關係 保持 兩國關係 健康 穩定 發展 至關重要 美國之音 報導 蓬 佩奧 在 對話 時 強調 抗 疫 透明度 與 資訊 共 用 的 重要性 在 通話 中 說 楊潔篪 表示 自 3 月 27 日 習近平 主席 同 川 總統 通話 以來 陸美 雙方 按照 兩 國 元首 重要 共識 就 抗 疫 問題 保持 了 密切 溝通 下 步 中方 願 繼續 同 美方 分享 疫情 防控 資訊 和 經驗 開展 抗 疫 合作 同時 推動 落實 廿 國 集團 領導人 應對新冠肺炎 特別 峰會 各項 共識 保障 全球 供應 鏈 穩定 促進 全球 經濟 金融 穩定 楊潔篪 強調 在 全球 抗 疫 大 背景 下 處理 好 陸 美 關係 保持 兩國關係 健康 穩定 發展 至關重要 希望 美方 同 陸 方相 向 而 行 落實 好 兩 國 元首 重要 共識 聚焦 合作 排除 干擾 推動 陸 美 關係 沿 著 正確軌道 向前 發展 這 符合 兩國人民 的 根本利益 也 是 國際 社會 的 共同 期待 美國之音 報導 美國國務院 發言人 奧塔 格斯 發表 聲明 說 國務卿 蓬佩 奧 今天 與 中共 外事辦公室 主任 楊潔篪 通了 話 國務卿 強調 對抗 2019 新冠 病毒 疫情 並 防範 未來 的 疫情爆發 需要 全面 透明 和 資訊 分享 他 表示 美國 人民 1 月份 向 中國 人民 提供 了 援助 並 將 繼續 提供援助 我們 認為 中國 加快 醫療 物資 出口 以 滿足 美國 的 關鍵 需要 這 點 十分 重要 雙方 確認 致力 於 擊敗 2019 新冠 病毒 疫情 恢復 全球 的 健康 與 繁榮 蓬 佩奧 隨後 在 推特 上 說 我 就 新冠 病毒 疫情 與 楊潔篪 主任 討論 了 美中 援助 及 國際 合作 問題 我 強調 充分 透明 和 資訊 共 用 在 這 場 戰鬥 中的 重要性 我們 將 繼續 共同努力 戰勝 這 一 全球 疾病 大 流行 恢復 全球 健康 和 繁榮</t>
  </si>
  <si>
    <t>臺灣 本土 疫情 死亡率 超過 世界 平均值 前 衛生 署長 楊志良 發起 熄燈 一 分鐘 喚醒 陳時中 活動 邀 民眾 於 6 日 晚上 8 點 一起 熄燈 一 分鐘 國民黨 主席 江啟臣 今 也 響應 此 活動 貼出 熄燈 照片 這 一 分鐘 是 無聲 的 抗議 是 悲痛 的 默哀 也 是 寧靜 的 鼓舞 江 啟臣 表示 這 一 分鐘 是 對 政府 無聲 的 抗議 新冠肺炎 疫情爆發 的 一 年 多 以來 眾人 沒有 吝嗇 給 執政黨 掌聲 全力 配合 防疫 甚至 對 自己 做出 更 高 標準 的 要求 人民 努力 支撐 起 來 的 緩衝期 卻 沒有 看到 政府 做好 各項 的 工作 整備 彷 佛 天真 的 為 只 要 靠 圍堵 就 可以 撐過 病毒 的 威脅 江 啟臣 指出 政府 疏失 造成 的 防疫 破 口 不但 迄今 找 不 到 人 負責 連 會議記錄 都 付之 闕如 疫情爆發 後 從 篩檢 量 能 醫療 量 能 到 疫苗 數量 都 沒有 到位 這 空白 而 浪費 的 一 年 我們 用 無聲 來 抗議 對於 不幸 離 世 的 國人 江啟臣 說 這 一 分鐘 是 無限 的 哀悼 高於 國際 平均值 的 致死 率 每天 兩位數 增加 的 死亡 數字 是 一個 個 家庭 的 沉痛 在 足夠 的 疫苗 到達 前 還要 有 多少 生命 的 逝去 還要 有 多少 悲傷 跟 來不及 說 的 告別 當 執政黨 的 立 委 為了 友邦 贈送 的 疫苗 乾杯 是否 也 將 逝世 國人 無法 完成 的 精彩 人生 還有 家屬 的 眼淚 同時 一飲而盡 了 呢 數 百 位 國人 的 離 世 我們 用 黑暗 來 哀悼 對於 在 第一線 奮戰 的 醫護 這 一 分鐘 也 是 寧靜 的 鼓舞 江啟臣 表示 醫護人員 的 辛苦 是 汗水 是 淚水 更 是 與 家人 的 分隔 與 染疫 風險 的 搏鬥 日以繼夜 的 工作 持續 消耗 的 精力 都 是 為了 守護 我們 共同 的 健康 防疫 對於 醫護人員 來 說 不 只 是 戰爭 更是 負重 前行 的 舉步維艱 我們 希望 所有 國人 同胞 都 能夠 透過 各種 方式 支援 醫護人員 力挺 防疫 工作 在 疫情 艱 困 下 我們 一起 探尋 人性 的 光輝 保留 繼續 奮鬥 的 氣力 守護 我們 家園 的 醫護 我們 用寧靜 來 鼓舞</t>
  </si>
  <si>
    <t>新冠肺炎 疫情 肆虐 全球 何時 能 施打 疫苗 成為 全民 關注 議題 藝人 阿緯 五月 初 自費 申請 施打 第一 劑 az 疫苗 近來 更 成功 施 打完 第二 劑 對此 他 坦言 相當 感謝 醫護人員 的 付出 才能 有效率 施打 疫苗 阿緯 五月 初 和 太太 以 保護 自己 也 保護 家人 的 想法 下 自費 申請 施打 第一 劑 az 疫苗 打完 發燒 到 38 度 左右 但 隔 天 睡醒 就 沒 事 了 至於 太太 則 是 吃 完 退燒藥 後 早早 休息 夫妻倆 因為 施打 後 增加 不少 安全感 隨後 公司 營運 主管 也 前往 接種 疫苗 更 鼓勵 門市 同仁 施 打 如今 疫情爆發 全民 排隊 等 疫苗 的 狀況 下 還 有 機會 打到 第二 劑 讓 他 坦言 相當 珍惜 也 謝謝 醫護人員 辛苦 付出 才能 讓 所有人 有效率 施打 疫苗 阿緯 強調 每支 疫苗 都 有 不同 副作用 跟 保護 力 都 是 依照 個人 體質 不同 有所 變化 只要 接種 疫苗 都 能 有效 降低 重症 及 死亡 風險 如今 delta 病毒傳播 力 道 強 不 好好 戴口罩 又 喜歡 群 聚 的 人 特別 容易 感染 若 沒有 保護 力都 得 特別 小心 總之 排到 疫苗 就 帶 著 感恩 的 心 去 打 保護 自己 也 保護 家人 對此 網友 紛紛 留言 五月 初 沒有 被 洗 腦 az 是 強烈 有 副作用 而 不 去 接種 就 值得 讚賞 了 打完 兩劑 疫苗 更 有 抵抗力 恭喜 了 但 也 有 網友 詢問 新聞 說 有些 人 打 了 結果 死 了 害 我 都 不敢 打 該 怎麼辦 阿緯 則 是 回應 施打前 瞭解 自己 是否 有 慢性 疾病 跟 醫生 確認 後 就 可以 施打 了 死亡 比例 很 少 也 都是高 年齡 者 跟 慢性病 不在 這 範圍 可以 安心 施打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疫情爆發 全台 醫療 量 能 緊 繃 許多 確診 者 隔離 在家 出現 無法 及時 就醫 的 窘迫 情況 1 名 確診 女子 因為 在 家中 陸續 出現 胸 悶 心跳 加速 甚至 氣喘 差點 吸 不到 空氣 等 症狀 撥 打 1922 卻 屢 遭 轉接 等待 最後 才 被 政府 立案 但</t>
  </si>
  <si>
    <t>疫情爆發 全台 醫療 量 能 緊 繃 許多 確診 者 隔離 在家 出現 無法 及時 就醫 的 窘迫 情況 1 名 確診 女子 因為 在 家中 陸續 出現 胸 悶 心跳 加速 甚至 氣喘 差點 吸 不到 空氣 等 症狀 撥 打 1922 卻 屢 遭 轉接 等待 最後 才 被 政府 立案 但 拖延 之下 仍 擔心 自己 等 不 到 就醫 了 無助 之下 只好 在 網路上 求助 護理 師 由 1 名 護理 師 所 經營 的 臉書 粉 專 厭世小 護士 的 美食 日記 日前 在 淩晨 突然 收到 1 名 確診 女子 的 私 訊 該 女子 提及 她 是 名 pcr 陽性 患者 目前 隔離 在家 陸續 出現 胸 悶 呼吸 不順 心跳 加速 等 症狀 我 幾乎 10 個 症狀 中 9 個 但 女子 無奈 地 說 打 去 1922 問 能否 提供 醫療 幫助 對方 卻 不 斷 轉接 電話 而 始終 得 沒有 回應 最後 她 只 能 在 網路上 求助 該 女子 說 她 對於 政府 目前 醫療 sop 很 失望 第一 次 知道 新聞 上 說 的 踢皮球 是 真的 我 越來越 悶 吸 不到 空氣 他們 才說 要 幫 我 立案 但 她 仍 是 擔心 等 不 到 治療 了 臉書 貼 文則 提及 全台 醫療 量 能 不足 已成 事實 但 仍要 建立 起 有 就醫 需求 民眾 的 求救 sop 並 宣導 清楚 的 確診 者 衛教 看 著 她 的 文字 著 急 害怕 求助無門 所以 只能 和 一 位 網路上 的 陌生人 求助 該 粉 專 最後 表示 若 遇到 呼吸 喘 胸 悶 只能 小口 呼吸 等 可怕 的 主訴 建議 可以 直接 撥 打 119 許多 網友 則 留 言說 這種 情況 真的 很 慌亂 能夠 體會 對方 的 無助 全台 醫護人員 雖然 很 辛苦 中央 疫情 的 接線 人員 應該 至少 充足 吧 看 了 好 難過 希望 她 可以 撐過去 中 時 新聞網 關心 您 網路 訊息 無法 確知 真假 如 遇 類似 情況 請 打 119 求助</t>
  </si>
  <si>
    <t>新冠肺炎 疫情爆發 以來 身處 風暴 中心 的 陸 股 反而 較 全球股市 相 對抗 跌 法人 指出 陸 股 擁有 估 值 相對 低 政策 作 多 火力 全開 二 大 優勢 目前 看來 大陸 疫情 流行 高峰 已經 過去 加上 復工 率 逐步 上升 東部 和 南部 地區 多數 省份 工業</t>
  </si>
  <si>
    <t>新冠肺炎 疫情爆發 以來 身處 風暴 中心 的 陸 股 反而 較 全球股市 相 對抗 跌 法人 指出 陸 股 擁有 估 值 相對 低 政策 作 多 火力 全開 二 大 優勢 目前 看來 大陸 疫情 流行 高峰 已經 過去 加上 復工 率 逐步 上升 東部 和 南部 地區 多數 省份 工業 企業 復工 率 已 達 95 以上 一旦 經濟 恢復 動能 陸 股 後市 深 具 爆發力 漲 升 行情 建議 可 開始 逢 低 分批 佈局 法人 表示 現階段 首要 觀察 指標 仍 是 歐美 疫情 再來 緊 盯 大陸公司 的 情況 陸企 2 月 訂單 狀況 並 不 理想 需要 觀察 3 月 之後 是否 能 恢復 包含 部分 科技產業 以及 工業 外銷 為主 產業 若 情況 到 第二 季 依然 持續 不 理想 可能 需要 再 修正 預期 在 正向 因數 上 包括 人行 3 月 16 日 定向 降 准 中期 借貸 便利 mlf 增強 流動性 財政政策 挹注 約 4 %gdp 在 負面 因數 上 大陸 3 月 經濟 資料 較 去年同期 衰退 gdp 再 下 修 的 壓力 歐 美 經濟 停 擺 影響需求 台 新中 證 消費 服務 領先 指數 基 金經理 人 葉宇真 表示 本輪 1 月 4 日 下跌 前 滬 深 300 指數 本益比 約 127 倍 在 近期 大 跌 後 目前 滬 深 300 指數 本益比 為 117 倍 仍 遠 低於 均值 165 倍 反觀 美 股 2 月 20 日 下跌 前 s&amp;p 500 指數 本益比 達 245 倍 近期 重 挫 後 目前 s&amp;p 500 本益比 173 倍 較 陸 股 高出 不少 a 股 相對 美 股 漲幅 較 小 但 gdp 增速 較 高 陸 股 因而 相對 具 吸引力 第一 金 中國 世紀 基 金經理 人 張帆 表示 大陸 宣佈 湖北省 封鎖 解除 預期 武漢市 將 在 4 月 8 日 解除 封城 顯示 肺炎 疫情 已 得到 控制 帶動 陸 股 近期 止 跌 反彈 歐美各國 疫情 發展 進入 高峰期 影響 消費 需求 訂單 遞 延 下 讓 大陸 工廠 復工 仍舊 面臨 考驗 因此 陸 股 整體 反彈 幅度 不 大</t>
  </si>
  <si>
    <t>自 5 月中 旬 疫情爆發 以來 民眾 出入 公共場所 都 須 實施 實 聯 制 國民黨 立 委 蔣 萬安 今日 在 立 法院 質詢 衛福 部長 陳時中 時 指出 11 月 疫情 警戒 可能 會 降到 一級 到時 實 聯 制 是否 還 會 持續 陳時中 表示 實 聯 制 預計 實施 到 明年 中 但</t>
  </si>
  <si>
    <t>自 5 月中 旬 疫情爆發 以來 民眾 出入 公共場所 都 須 實施 實 聯 制 國民黨 立 委 蔣 萬安 今日 在 立 法院 質詢 衛福 部長 陳時中 時 指出 11 月 疫情 警戒 可能 會 降到 一級 到時 實 聯 制 是否 還 會 持續 陳時中 表示 實 聯 制 預計 實施 到 明年 中 但 隨時 都 可 檢討 陳時中 今 20 日 在 立 法院 接受 質詢 蔣 萬安 表示 11 月 疫情 警戒 可能 會 降 至 1 級 若 降級 的話 實 聯 制 是否 還 需要 執行 或 規劃 持續 到 什麼 時候 陳時中 回應 目前 規劃 是 到 明年 中 但 隨時 都 可以 來 檢討 實 聯 制 最 大 效果 是 針對 個別 疫 調 時能 快速 掌握 現在 個案 確實 很 少 要 如何 在 個案 減 少時 減輕 費用 負擔 需要 時又 能 及時 啟動 是 現在 需要 思考 的 問題 目前 還 沒有 很 好 的 解方 但 個案 越來越少 確實 有 討論 必要 蔣 萬安 追問 因 二級 警戒 目前 延長 到 11 月 1 日 若 警戒 再 降級 實 聯 制 還要 持續 嗎 陳時中 說 會 再 持續 一段時間 尤其 在 降級 初期 階段 要 先 挺 住 等到 穩定 的 時候 再 開放 因為 只 要 一 降級 或 改變 疫情 管制 措施 就 有 可能 釀 新 一 波 潛藏 的 傳播 鏈 到時候 再 啟動 相關 措施 恐怕 會 太 慢 所以 每 降級 一 次 就 要 把 量 能 準備 到 最好</t>
  </si>
  <si>
    <t>新冠肺炎 在 美 疫情 重災區 的 紐約市 9 日 共有 518 人 死亡 總數 更 突破 5千 大關 而 據 紐約 郵報 指出 當地 太平間 已 不堪 負重 市政府 不得不 動用 無人 島 在 島上 挖 埋葬 過多 屍體 的 壕 坑 無奈 讓 死者 儘快 下葬 報導 指出 紐約市 長 新聞 秘書 戈德斯坦 freddi goldstein 表示 數 十 年 來 在 布朗克斯區 的 哈特 島 hart island 用來 埋葬 無 家屬 認領 的 屍體 之處 我們 未來 數日 將 繼續 使用 這 座 無 人 島 用來 埋葬 近期 在 新冠 病毒 疫情 中 不幸 過世 但 符合 上述 資格 的 死者 紐約市 醫學 檢驗 官員 也 表示 無 家屬 認領 的 屍體 將 暫時 安放 在 停 屍 間 超過 14 天 就 符合 公墓 安葬 條件 報導 稱 事實上 紐約市 長白 思 豪 bill de blasio 在 本 周 初 曾 表示 紐約市 正 考慮 將 哈特 島 作為 臨時 埋葬 場 但 一再 避免 正式 公佈 然而 紐約 郵報 藉 由 無人機 空 拍 拍到 悚然 一 幕 將近 十 多 位 的 承包商 人員 正 將 一 批 批 棺材 埋葬 在 島上 壕溝 內 根據 空 拍照片 顯示 至少 超過 40 座 棺材 埋 在 剛 挖 的 壕 坑 內 死者 名字 草草 刻 在 棺材 上 此外 以往 在 哈特 島 進行 埋葬 遺體 的 工作 向來皆 由 監獄 囚犯 執行 但因 正值 疫情爆發 期間 紐約 監獄 發言人 表示 為 配合 社會 封鎖 政策 所有 囚犯 的 勞動 服務 已 全面 暫停</t>
  </si>
  <si>
    <t>國內 疫情 雖 趨 緩 但 考量 仍 有 零星 不明 感染 源 之 本土 病例 中央流行疫情指揮中心 宣佈 二級 警戒 延長 至 10 月 4 日 根據 二級 警戒 指引 包括 酒店 ktv 舞廳 及 遊藝場 所 等 2 大 類別 仍 須 關閉 後續 將 視 疫情 發展 做 滾 動式 修訂 原本 到 9 月 20 日 的 二級 警戒 再次 延長 至 10 月 4 日 指揮中心 指揮官 陳時中 今 19 日 在 疫情 記者會 中 表示 這次 疫情 警戒 最 大 變動 為 相關 人流 管制 最 主要 為 室內 80 人 室外 300 人 若 室內空間 很 大 以 樓 地板 面積 225 平方公尺 計算 為 1 人 不過 原來 不 開放 的 場所 依然 維持 不 開放 根據 二級 警戒 完整 指引 仍 須 關閉 的 場所 分為 兩 大 類別 包括 歌廳 舞廳 夜總會 俱樂部 酒家 酒吧 酒店 廊 錄 影 節目 帶 播映 場所 mtv 視聽 歌唱 場所 ktv 理容院 觀光 理髮 視聽 理容 另 一類 為 遊藝 場所 電子遊戲 場 資訊 休閒 場所 麻將 休閒 館 及 其他 類似 場所 仍 持續 關閉 從 本土 疫情爆發 以來 八大 行業 至今 停業 已 超過 4 個 月 有 網友 在 ptt 表示 酒店 小姐 都 要 哭 了 原本 以為 只要 停業 2 個 月 還 可以 靠 吃老本 撐過去 不料 一 停 就 是 4 個 月 媒體 報導 有 酒店 小姐 因 沒有 存款 撐不下去 只好 暫時 轉行 做 外 送 員 結果 沒 想到 並 沒有 想像中 好 做 最慘 曾 一 天 只 賺到 40 元</t>
  </si>
  <si>
    <t>新冠肺炎 肆虐 藝 情 攀升 日本 持續 傳出 相關 病例 旅居 日本 女星 歐陽靖 日前 在 臉書 透露 日本 機場 檢疫 鬆散 從 大陸 抵達 日本 機場 的 旅客 未經 檢測 可 直接 出關 沒 想到 此舉 卻 讓 到 日本 旅遊 的 友人 遭到 網路 霸 淩 讓 她 深感 抱歉 歐陽靖 臉書 po 文 透露 一 名 友人 跟 家人 到 日本 熊本 旅遊 沒 想到 才 po 出 旅遊 照 就 遭 網友 留言 撻 伐 你 怎麼 可以 不 戴 口罩 你 怎麼 敢 出門 玩 你 回 臺灣 小心 被 隔離 對此 該 名 友人 表示 搭 飛機 大眾交通 工具 都 有 戴 口罩 也 有 按 規定 洗手 只不過 拍照 脫 下 口罩 就 被 公審 感到 壓力 非常 大 更 有 網友 引用 歐陽靖 分享 在 臉書 的 日本 疫情 資料 供參考 讓 歐陽靖 感覺 是 自己 煽動 大家 霸 淩 他 對 此 感到 相當 抱歉 歐陽靖 表示 分享 日本 疫情 是 希望 臺灣 民眾 別 掉以輕心 未 料 造成 部分 網友 這麼 大 的 壓力 讓 她 對 受到 波及 的 人 感到 抱歉 也 強調需要 施壓 的 物件 應該 是 身處 疫情爆發 地區 卻 沒 做 好 自我 保護 的 人 至於 一般 民眾 就 請 網友 手下留情 畢竟 製造 恐慌 並非 好 現象 至於 近期 是否 適合 去 日本 她 表示 臺灣 接下來 極 有 可能 提升 日本 旅遊 警戒 去 之後 不 排除 要 被 居家 隔離 14 天 建議 還 是 先 緩緩 比較 好</t>
  </si>
  <si>
    <t>國內 近日 頻 出現 外籍人士 返國 後 確診 包括 日本 女 留學生 泰籍移 工 比利時 工程師 等 人 這些 案例 在 臺灣 及 國外 采 檢 結果 兩 樣 情 引起 民眾 疑慮 但 中央 流行 疫情 指揮官 陳時中 仍 認為 臺灣 不用 普 篩 對此 名 經紀人 夏春湧 忍不住 痛 批 陳時中 真 有種 敢用 恐怖 的 疫情 和 臺灣人 開玩笑 夏 春 湧 在 臉書上 表示 不能不 說 陳時中 有 夠 厲害 一個 人 就 把 臺灣 搞 的 陰盛陽衰 並 質疑 他 到底 是 牙醫師 還是 魔 法師 他 指出 前段時間 曾 寫 過 一 篇文章 分析 並 指 陳時中 就 是 讓 817 頂禮膜拜 的 時 神 夏 春 湧 批評 我 不 知道 支持 他 說 法 的 是不是 腦子 進 水 我 只能 說 他們 的 智商 一定 有 問題 他 分析 一個 讓 全世界 都 束手無策 的 病毒 怎麼 到 了 臺灣 就 陽 光 不 起來 了 難道 臺灣 是 一個 至 陰 之 地 嗎 難道 臺灣人 的 血液 都 是 陰 性 的 嗎 怎麼 所有 老外 一 到 臺灣 都 陰 了 一 離開 就 陽 了 老天 啊 太 神奇 了 夏 春 湧 質疑 已經 有 多少 專家學者 一致 建議 臺灣 必須 進行 一 次 普 篩 而 蔡 政府 和 陳時中 卻 抵 死 不 從 難道 他們 有 神功 護 體 並 直言 我 只 知道 他們 不 願意 讓 蔡 政府 破 功 更 不 想 陳時中 被 確診 用 這麼 恐怖 的 疫情 和 臺灣人 開玩笑 蔡 政府 真敢 陳時中 真 有 種 對於 他們 利用 疫情 製造 假像 和 幻想 升官發財 夏春湧 說 下場 保證 是 一 場 遊戲 一 場 夢 一 場 新冠 一場空 對於 陳時中 和 政府 的 態度 夏春湧 認為 老天 有 眼 病毒 無限 當 第二 波 疫情爆發 的 時候 陳時 中的 陰 謀 就 會 露出馬腳 他 的 陽 謀 就 會 真相大白 到時候 臺灣 就 不 會 是 陰盛陽衰 了 而是 陽 光 照耀 我 眼睛 病毒 照耀 我 心靈 欺騙 的 故事 太 多 只 有 這個 最 陰 時 神 啊 你 就 剉 著 等 吧</t>
  </si>
  <si>
    <t>新冠肺炎 疫情 延 燒 對 交通 觀光業 衝擊 開出 第一 槍 臺灣 高鐵 2633 公佈 3 月 營 收 2377億 元 年 減 4 成 月 減 13 創下 2010 年 10 月 以來 新低 累計 今年 首季 營 收 僅 96億 元 比 去年同期 衰退 1838 單季 營 收 6 年 新低 罕見 跌破 百億 關卡 受到 疫情 影響 國人 出遊 意願 大 減 臺灣 高鐵 載客率 明顯 下滑 成為 宅 經濟 發酵 下 的 受累 族群 3 月 營 收 2377億 元 較 去年同期 減少 4028 也 低於 2 月 的 2733億 元 為 9 年 半 新低 累計 第一 季 來看 臺灣 高鐵 雖然 接連 有 跨 年 春節 及 228 連 假 等 節慶 加 持 原先 市場 看好 營 收有 機會 刷新 單季 新高 但 卻 因 1 月底 新冠肺炎 疫情爆發 商務 返鄉 旅遊 需求 同步 縮減 導致 載運量 逐月 減少 首季 營 收 也 驟降 至 96億 元 比 去年同期 的 11762億 元 減少 1838 為 近 6 年 單季 新低 業績 意外 旺季 不 旺 因應 政府 防疫 政策 臺灣 高鐵 4 月 清明連 假期 間 采 全車 對號 座 據 瞭解 共計 6 天 疏運 期間 共 載運 743萬 人次 旅客 售票 幅度 約達 7 成 且 自 18 日 起 調整 短期 班 表 週末 離 峰 時段 取消 41 班 車次 勞動節 連 假 也 維持 全車 對號 座 車 票販 售</t>
  </si>
  <si>
    <t>新冠肺炎 本土 疫情爆發 後 至 今 不 見 趨 緩 臺灣 花卉 產業 受 重傷 嘉義 縣 新港鄉 是 臺灣 洋 桔梗 主要 產地 之一 每年 11 到 4 月初 出口 到 日本 4 月 後 開始 內銷 原先 價格 穩定 但 本土 疫情爆發 後 需要 花卉 的 活動 停 擺 花市 價格 重 挫</t>
  </si>
  <si>
    <t>新冠肺炎 本土 疫情爆發 後 至 今 不 見 趨 緩 臺灣 花卉 產業 受 重傷 嘉義 縣 新港鄉 是 臺灣 洋 桔梗 主要 產地 之一 每年 11 到 4 月初 出口 到 日本 4 月 後 開始 內銷 原先 價格 穩定 但 本土 疫情爆發 後 需要 花卉 的 活動 停 擺 花市 價格 重 挫 每 把 10 枝 掉 到 230 元 花農 苦不堪言 新 港 的 洋 桔梗 海內外 都 聞名 每年 冬天 日本 無法 生產 洋 桔梗 時 會 從 臺灣 進口 洋 桔梗 其中 新 港 的 洋 桔梗 約 占 出口 2 成 新港鄉 農會 供銷 部 主任 陳銘仁 指出 新港鄉 的 洋 桔梗 外銷 采 定價 契 作 生產 風險 由 貿易 商 承擔 因此 受 疫情 影響 較 少 嘉義 縣 新港鄉 花卉 產銷 班 第 6 班班長 也 是 花農 的 林惠振 說 外銷 部分 4 月 出 就 已 結束 換 內銷 接續 上場 因 國內 所有 活動 幾乎 停 擺 花價 掉 到 每 把 230 元 一 箱 花 約 有 10 至 12 把 將 成本 運費 紙箱 等 扣 一 扣 僅剩 約 50 元 勉強 可以買 一個 便當 林 惠振 種植 約 8 分地 的 洋 桔梗 預計 下 周 要 開始 剪花 有人 問 他 價格 這麼 差 要 不 要 考慮 自己 擺 攤 賣 林惠振 苦笑 大約 20 天 可以 收 1 分地 可 剪 2萬6000 枝 左右 的 花 等於 是 2600 把 這麼 大量 的 花 自己 根本 賣 不了 且 現在 街上 人 也 少 了 還 是 必須 送到 花市 拍賣 洋 桔梗 苗價 相對 較 高 且 需 4 個 月 前 預訂 林惠振 坦言 當初 沒人 料到 本土 疫情 會 大 爆發 產銷 班 現在 約 有 26 個 班員 這個 時節 正 在 剪花 的 有 78 家 大家 都 苦不堪言 對 花農 來說 每 把 花價 要 130 元 以上 才 有 獲利 現在 的 價錢 大家 都 虧損 很多</t>
  </si>
  <si>
    <t>臺灣 本土 疫情爆發 疫苗 成為 全民 熱門 議題 藝人 哈 孝遠 小 哈 的 空服 員 太太 瑄瑄 近日 接種 疫苗 透露 施打 後 的 身體 變化 坦言 疼痛 感 直 逼 剖腹產 的 傷口 痛 哈 孝遠 2018 年 迎娶 漂亮 的 空姐 妻 瑄瑄 夫妻倆 育 有 一 子</t>
  </si>
  <si>
    <t>臺灣 本土 疫情爆發 疫苗 成為 全民 熱門 議題 藝人 哈 孝遠 小 哈 的 空服 員 太太 瑄瑄 近日 接種 疫苗 透露 施打 後 的 身體 變化 坦言 疼痛 感 直 逼 剖腹產 的 傷口 痛 哈 孝遠 2018 年 迎娶 漂亮 的 空姐 妻 瑄瑄 夫妻倆 育 有 一 子 樂於 在 社 群 平臺 分享 家庭 生活 羨 煞 不少 網友 瑄瑄 3 日 po 注射 疫苗 的 心路歷程 接種 的 品牌 為 莫德納 她 表示 已經 打完 一個 禮拜 每天 都 很 專注 的 觀察 自己 有 沒有 任何 症狀 第一 天 低燒 373 度 第二 天 手 超級 痛 她 形容 感覺 很 像 有種 剖腹產 的 傷口 痛 哈 孝遠 還 不 小心 拍到 正 在 疼痛 的 手 讓 瑄瑄 理智 線 險 斷 我 一 秒 腳 差點 往 他 肚子 踹 下去 至於 外界 提到 的 強烈 饑餓感 瑄瑄 沒有 明顯 感受 到 好像 還好 耶 我 頂多 吃 了 六 顆 水 煎 包 文末 她 不 忘 向辛 苦 的 醫護人員 致謝 歲月 靜 好 不過 是 有人 替 你 負重 前行 謝謝 第一線 的 醫護人員 辛苦 了 由於 近期 開放 孕婦 施打 疫苗 瑄瑄 被 網友 猜測 該 不 會 肚皮 再度 有喜 根據 yahoo 新聞 報導 瑄瑄 表示 自己 是 空服 員 在 公司 安排 下 施打 莫德納 疫苗 七月 底 將 再 完成 第二 劑 接種 打完 疫苗 後 瑄瑄 更 覺得 嫁 對 人 了 雖然 哈 孝遠 不慎 打 痛 她 的 手 但 三 天 包辦 所有 家事 及 照顧 小孩 還 幫 她 洗澡 因為 手 痛 到 抬 不 起來 種種 貼心 的 暖 舉 像是 重新認識 丈夫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新冠肺炎 的 疫情 繼續 擴散 特別 是 中國 大陸 以外 地區 感染 人數 呈 跳躍式 增加 上周 美國 疫情 惡化 紐約州 宣佈 進入 緊急狀態 另外 歐洲義 大利 情況 也 更加 嚴峻 已經 大規模 封鎖 疫區 除 中國 以外 目前 全球 受 波及 國家 正好 是 100 國 確診 人數 也 突破 10萬 人 涵蓋 地區 與 感染 人數 遠遠 超過 2003 年 的 sars 成為 本世紀 以來 全球 面臨 的 最 大 挑戰 目前 疫情 仍 在 升溫 尚未 達到 高峰 但 對 全球 經濟 影響 已經 加深 中國 大陸 首當其衝 不但 出口 下滑 消費 減緩 經濟 成長率 不斷 下 修 更 嚴重 的 是 由於 中國 大陸 是 全球 製造 基地 全球 供應 鏈 已經 產生 缺口 並 衝擊 到 其他 國家 新冠肺炎 雖 會 加速 跨國企業 移出 中國 大陸 但 並非 短期 就 可 到位 眼前 如何 彌補 供應 鏈 漏洞 才是 燃眉之急 新冠肺炎 對 全球 經濟 已 產生 重大 影響 原先 預估 今年 全球 經濟 成長率 有 機會 達到 3 以上 但是 在 疫情爆發 之後 成長率 已 下 修至約 25 若 疫情 仍 繼續 蔓延 今年 能否 保住 2 都有很 大 的 不 確定性 新冠肺炎 疫情 也 造成 全球 股 匯市 大幅 震盪 由於 對 經濟 前景 悲觀 美國 聯 准會 上周 在 臨時 會 已經 降 息 05 而 上次 緊急 降息 是 在 2008 年 雷曼 兄弟 破產 未來 預估 仍 會 持續 降息 美國 經濟 雖然 近年 來 表現 不錯 但 由於 受到 疫情 影響 已 出現 一些 警訊 另外 疫情 已 擴散 至 紐約州 未來 若是 波及 到 全球 最 大 金融市場 紐約市 對 全球 的 衝擊 更 難以想像 近年 義 大利 經濟 表現 不 佳 金融 體質 更 差 在 疫情 衝擊 下 更是 雪上加霜 連帶 影響 歐盟 的 成長 目前 歐盟 的 主要 國家 如 德國 及 法國 也 受 疫情 所 困 可能 自顧不暇 未來 歐元區 的 動向 值得 關注 各國 陸續 推出 一些 提 振 經濟 措施 但 似乎 止不住 經濟 下跌 頹勢 各國 方案 大致 分為 以下 四 類 第一 是 防止 疫情 擴散 措施 包括 調度 防疫 用品 以及 穩定 民生物價 第二 是 針對 直接 受 疫情 影響 的 產業 例如 運輸 零售 餐飲 及 旅館 等 提供 短期 直接 類似 現金 的 補助 第 三 則 是 針對 其他 受 衝擊 產業 提供支援 產業 經營 或 促 進出口 等 措施 第 四則 由 降息 及 減稅 等 措施 著 手 以 改善 營運 的 總體 環境 無論 採取 何種 方式 主要 是 提升 消費 及 產業 信心 因為 疫情 減緩 遙遙無期 經濟 成長 下滑 而使 消費者 荷包 縮水 再 加上 擔心 受到 感染 消費 意願 大幅 降低 廠商 則 是 考量 供過於求 不 願意 增加 生產 及 投資 而使 提 振 措施 成效 大打折扣 景氣 提 振 措施 可使 經濟 活動 熱絡 但 疫情 上升 的 風險 也 因而 提高 所以 也 必須 有所 權衡 此 與 以往 因應 金融風暴 可以 放手去做 的 情境 有所不同 惟有 在 疫情 可以 明確 控制 市場 信心 逐漸 恢復 下 全球 經濟 才 有 可能 止跌回升 作者 為 中華經濟 研究院 區域 發展研究中心 主任</t>
  </si>
  <si>
    <t>因應 新冠肺炎 疫情 升高 臺灣 陷入 第二 波 歐美 境外移入 案例 的 危機 彰 化 縣 衛生局 超前 部署 率先 全國 宣佈 19 日 起 全縣 住宿 式 長 照 日間 照 護 身 障 機構 等 102 家 機構 全面禁止 探視 避免 疫病 傳播 風險 提供 視 訊 讓 親友 相見 彰 化 縣 傳染病 防治 流行 疫情 指揮中心 針對 高風險 場所 感染 控制 及 健康 管理 超前 部署 特別 針對 縣 內 各類 住宿 式 長 照 機構 辦理 機構 分 艙 分流 教育 訓練 課程 並 建議 機構 提供 視 訊 方式 供 家屬 或 親友 探視 彰 化 縣 衛生局長 葉 彥 伯 表示 國內 新冠肺炎 病例 已 破百 例 歐美 亞洲 的 疫情 入侵 來勢洶洶 目前 國外 已 傳出 多 起 長 照 機構 群 聚 事件 長 照 機構 的 住 民 多 為 失 能 合併 慢性病 長者 屬 罹 患 重症 或 死亡 之 高風險 族群 必須 嚴防 群 聚 事件 發生 但 若 有 特殊 探視 需求 且 經 機構 評估 確有 需要 需 提供 健 保 卡 身分 證 確認 14 天內 無 國外 旅遊 史 且 無 傳染 風險 之 虞 仍 可 入 內 探視 特殊 需求 評估 後 放行 珍 瑩 老人 養護中心 董事長 林亮暉 指出 疫情爆發 初期 就 限制 每天 最 多 只 受理 2 位 院 民 家屬 親友 申請 預約 探視 最 多 可 2 人 前來 需 全程 戴 口罩 消毒 並 量 測體溫 在 通風 的 公共 區域 會客 時間 30 分鐘 中心 照 服 員 護理 師 都配 有 公務 手機 不論 臥床 或 坐輪椅 院 民 都 很 方便 與 親友 交談 已 提早 宣導 相信 他們 都 能 接受 彰 化 縣 內 住宿 式 長 照 機構 包括 老人 福利 機構 50 家 護理 之家 40 家 衛生 福利 部 及 退輔會 所屬 機構 4 家 及 產後 護理 之家 8 家 共 102 家 工作人員 數 3371 人 及 住 民 6608 人 總計 9979 人</t>
  </si>
  <si>
    <t>新冠肺炎 疫情 延 燒 新北 市 藍色 公路 受到 嚴重 衝擊 整體 運量 銳減 8 成 以上 每天 營業額 不 到 2000 元 臺北 航運公司 不堪 虧損 已向 新北 市府 申請 取消 平日 航班 僅 留 假日 航班 若 疫情 持續 延 燒 恐 引發 骨牌效應 新北 市交通局 表示 將 全力 協助 業者 紓困 新北 淡水 河 藍色 公路 目前 總計有 8 條 路線 由 5 家業 者 經營 以 淡水 地區 航點 最 多 最 密集 但 新冠肺炎 疫情爆發 加上 鑽石 公主 號 郵輪 事件 民眾 出遊 意願 大 減 淡水 老 街 受到 波及 人潮 銳減 連帶 影響 在 淡水 碼頭 漁人碼頭 經營 的 船運 業者 但 為了 航線 營運 權 即使 搭 船 人 少 還是 要 硬 著 頭皮 出航 臺北 航運 副 理 蔡 凱瑞 說 台航 主要 負責 營運 淡水 老 街 到 漁人碼頭 航線 平日 一 小時 一 班 一 天 來回 有 14 班 假日 則 增加 到 每 30 分鐘 一 班 一 天 來回 約 有 26 班 蔡 凱瑞 說 大概 2 月 開始 人潮 就 大幅度 衰退 人數 跟 去年同期 比 約 少 了 8 成 以上 甚至 有時 一 天開 下來 營業額 還 不 到 2000 元 連成 本 都 不夠 真的 快要 撐不下去 蔡 凱瑞 指出 已向 新北 市交通局 申請 暫停 平日 航線 只 留 週五 六 日 等 3 天 雖 停 駛 平日 航線 但 淡水 碼頭 跟 漁人碼頭 的 相關 規費 每個 月 還是 要 10 幾 萬 希望 政府 單位 能夠 協助 減免 或 提供 其他 紓困 方案 新北 市交通局 運輸 管理 科長 林詩欽 指出 上周 收到 臺北 航運 申請 已 同意 業者 申請 若 有 需要 協助 紓困 市府 將 會 全力 協助</t>
  </si>
  <si>
    <t>日本 13 日新冠肺炎 covid-19 單日 確診 數 首度 突破 2萬 例 雅 虎 新聞 yahoo news 報導 東京都 醫師 協會會長 尾崎 治 夫 13 日 表示 日本 許多 醫療 單位 已 陷入 緊 繃 狀態 且 全國 大多數 行政區域 的 疫情 仍 在 升溫 因 此 呼籲 政府 應向 全 日本 統一 發佈 緊急 事態 宣言 尾崎 治 夫 在 13 日 下午 2 時 臺灣 時間 下午 1 時 的 記者會 中 表示 目前 不僅僅 是 以 東京都 為 中心 的 首都 圈 以 大 阪 為 中心 的 近 畿 圈 福岡 北海道 沖繩 等 熱點 疫情 已 擴散 到 日本 全境 47 個 都道 府縣 的 有效 再生 數 effective reproductive number 即 rt 值 幾乎 都 大於 1 代表 疫情 只 會 愈演愈烈 且 日本 醫療 單位 目前 不僅 要 處理 大量 新冠肺炎 或 其他 疾病 的 患者 還 要 繼續 維持 疫苗 接種 等 必要 作業 已 陷入 緊 繃 狀態 因此 尾崎 治 夫 認為 政府 可能 需要 從 全國 的 角度 展開 防疫 對策 有 必要 全面 發佈 緊急 事態 宣言 若無 法 辦到 則 應讓 目前 大量 出現 重症 病 患 的 40 多 歲 和 50 多 歲 民眾 優先 接種 疫苗 並 鼓勵 採用 遠 距離 工作 等 模式 減少 人 與 人 之間 的 接觸 尾崎 治 夫 強調 近期 日本 民眾 對 防疫 政策 的 反應 冷淡 然而 根據 去年 4 月 第一 波 疫情 的 經驗 抑制 人流 對 控制 疫情 來說 是 必要 的 因 此 呼籲 政府 修改 對策 進一步 向 民眾 強調 delta 變種 病毒 的 危險 之處 日本放送協會 nhk 報導 日本 13 日 共有 20293 人 確診 是 疫情爆發 以來 首次 全國 單日 確診 數 突破 2萬 其中 東京都 便 有 5773 人 第二 名 則 是 同屬 首都 圈 的 神奈川縣 有 2281 人 確診</t>
  </si>
  <si>
    <t>新冠肺炎 持續 除了 日本 南韓 境內 也 大 爆發 而 女星 江泳 錡 上月 不畏 被 隔離 風險 冒 死 為 粉絲 批 貨 還 因 體力不支 在 機場 昏倒 返台 後 她 想去 做 按摩 卻 被 老闆 拒絕 對此 她 的 老公 楊煥 心疼 發文 21 日 回國 韓國才 一級 根本 不用 自主 管理 更 不用 說 隔離 14 天 你們 是 在 哈 囉 嗎 江 泳 錡 上月 赴 南韓 批 貨 全程 皆 有 戴 口罩 但 適逢 南韓 境內 疫情爆發 雖 返台 時間 臺灣 對 韓國 是 一級 旅遊 警戒 仍 飽受 外界 關注 她 透露 日前 想要 按摩 卻 被 店家 拒絕 店家 表示 沒有 隔離 14 天 還要 來 想 害 我們 喔 不 要來 我們 同事 說 會 怕 對此 江泳 錡 無奈 地 說 媒體 跟 無知 真的 會 害 死人 相信 比 我 晚 從 日 韓 回來 的 朋友 最 多 也 都 是 戴 口罩 出門 而 我們 比 他們 早 回來 做 的 比 他們 更 足 她 的 老公 楊煥 也 不 舍 愛妻 被 誤會 發文 寫道 你們 工作人員 沒有 知識 21 日 回國 韓國才 1級 跟 本 不 用 自主 管理 臺灣 就 是 有 你們 這些 不 瞭解 政府 防疫 措施 的 人 才 搞 得 人心惶惶 楊 煥 氣憤 指出 到底 誰 害 誰 你們 接觸 的 人才 多 吧 我們 都 沒 說 你們 了 我 真的 打從 心裡 拜 讬 你們 可以 當 個 正常 的 臺灣人 嗎 好好 配合 政府 防疫 政令 宣 導 好 嗎 拜 讬 別 出來 亂 更 多 ctwant 報導</t>
  </si>
  <si>
    <t>醫師 孔繁錦 是 孔子第 74 代 子孫 因 參加 益智 節目 金 頭腦 獲得 總 冠軍 被 封為 全 臺灣 最 聰明 醫師 因為 新冠肺炎 covid-19 疫情爆發 力挺 藝人 范范而 對 時任 行政院長 蘇貞昌 開 嗆 短視 近利 近日 再度 持 一貫 態度 放 話</t>
  </si>
  <si>
    <t>醫師 孔繁錦 是 孔子第 74 代 子孫 因 參加 益智 節目 金 頭腦 獲得 總 冠軍 被 封為 全 臺灣 最 聰明 醫師 因為 新冠肺炎 covid-19 疫情爆發 力挺 藝人 范范而 對 時任 行政院長 蘇貞昌 開 嗆 短視 近利 近日 再度 持 一貫 態度 放 話 讓 兒子 都看 不下 直接 嗆 自己 父 死不認錯 在 新冠肺炎 蔓延 初期 蘇貞昌 率先 下令 口罩 禁 出口 政策 讓 藝人 范瑋琪 忍不住 直 批 狗官 行徑 引起 很 大 爭議 孔繁錦 卻 轉貼 範瑋琪 道歉 新聞 力 挺 表示 時間 會 證明 蘇貞昌 是 短視 政客 認為 範 只是 措辭不當 但 蘇貞昌 是 大錯特錯 如今 新冠肺炎 疫情 可說 愈演愈烈 讓 風向 倒 在 政府 這邊 各國 口罩 一 片 難 求 反倒 是 多國 紛紛 讚賞 臺灣 的 實 名 制 政策 蘇貞昌 當時 的 禁令 成 了 先知 也 讓 ptt 網友 忍不住 開 酸 表示 口罩 禁 出口 也 一個 多 月 了 東南亞 各國 也 開始 紛紛 跟進 我們 孔 醫師 所說 的 時間 會 證明 到底 證明 了 什麼 子彈飛 夠 久 了 嗎 甚至 有 人 留言 證明 他 不夠 聰明 這 讓 沉寂已久 的 孔繁錦 決定 於 6 日 再度 發聲 於 個人 臉書 回應 4 點 管制 口罩 本身 沒有 錯 錯 的 是 說 的 方式 與 時機 由 行政 首長 高調 貼 fb 選 在 武漢 封城 的 那一刻 顯然 這話 沖 著 中國 大陸 司馬昭之心 路人皆知 1 22 說 過 口罩 庫存 才 4500萬1 24 再說 產量 每日 才 244萬 明明 就 不夠 還 信心 喊話 不要 囤 口罩 一定 夠 簡直 在 提醒 大家 要買 趕快 於是 引爆 搶購潮 之後 的 藥局 實 名 刷 卡 配給制 其實 是 在 為 他 的 捅 婁沖 康 善後 聰明 做法 是 先 宣導 民眾 戴布 口罩 就 好 暗自 調度 運作 少 大聲嚷嚷 被 問到 的 時侯 措辭 溫和 審慎 同日 過 沒多久 孔繁錦 再度 在 臉書上 抒發 兒子 問 我 何苦 我 說 你 猜 用 四 個 字 成語 兒子 答 求仁得仁 沽名釣譽 愚公移山 唐吉軻德 孔繁錦 回 草船借箭 沒 想到 兒子 直接 在 底下 留言 死不認錯 四 個 字 也 讓 整篇 文 被 蓋起 高樓 不少 網友 前來 朝聖 這 大義滅親 之舉 而 孔祥瑄 則 回應 說 其他 還 可以 觀望 但 他 孔繁錦 一 挺 範就 被 我們 罵 爆 了 他 現在 假裝 很 深謀遠慮 的 樣子 其實 根本 挺 的 時候 連範 講 了 什麼 都 不 知道</t>
  </si>
  <si>
    <t>新冠肺炎 疫情 趨 緩 苗栗縣 內 國 中小 校園 開放 成 各界 關注 焦點 27 日 苗 栗 縣長 徐耀昌 宣佈 30 日 起 平日 及 假日 重新 開放 校園 戶外 空間 與 場地 讓 社區 民眾 散步 運動 但 務必 遵守 校園 門 禁 管理 與 防疫 新 生活 運動 規範 肺炎 疫情爆發 迄今 苗栗 縣政府 為 維護 學童 健康 安全 全面 暫停 開放 校園 但 考量 民眾 對於 休閒 運動 的 需求 且 疫情 逐漸 緩和 縣府 決議 重新 開放 校園 徐耀昌 表示 臺灣 已 超過 1 個 月 無 本土 案例 經全 方面 考量 下 30 日 開放 校園 戶外 空間 及 場地 民眾 可 利用 清晨 傍晚 假日 到 校園 運動 但 校園 室內 場地 仍 暫停 開放 教育處 指出 平日 開放 時間 將 按照 各 校 在 疫情 前 規定 原則 以 上學 前 放學 後 為 開放 時間 徐耀昌 提醒 因 全國 疫情 持續 延 燒 防疫 不能 鬆懈 民眾 到 校園 運動 務必 遵從 各 校 校園 門 禁 管理 的 規範 及 相關 防疫 公告 內容 並 落實 個人 自主 健康 管理若 有 生病 發燒 等 情形 應 避免 進入 校園 共同 把關 校園 師生 健康 安全</t>
  </si>
  <si>
    <t>新冠肺炎 疫情 今年以來 威脅 全球 而 臺灣 疫情 從 1 月底 開始 升溫 從 勞動部 勞工 保險局 統計 發現 申請 育 嬰 留職停薪 的 人數 也 從 2 月 開始 顯現 特別 是 男性 保險 人 以 30 至 34 歲 的 男性 保險 人 為 例 年 增 58 在 金融業 工作 小孩 不 到 一 歲 的 新手 爸爸 林先生 表示 太太 去年 已經 請 過 育 嬰 留 停 原本 自己 沒有 申請 的 計畫 只是 疫情爆發 後 每天 通勤 工作 時 在 銀行 櫃檯 都 要 遇到 不同 的 民眾 很 擔心 沾染 病毒 回家 讓 寶寶 染病 所以 跟 太太 商量 後 毅然決然 申請 育 嬰 留 停 據 勞保局 統計 今年 2 月 申請 育 嬰 留職停薪 津貼 初次 核 付 的 人數 為 7587 人 與 去年同期 相比 暴 增 4587 而 今年 3 月 申請 的 人數 也 持續 增加 來到 8041 人 雖 較 去年同期 略 減 但 在 出生率 下降 的 年代 是 罕見 的 連續 月 增 從 年齡層 來看 今年 2 月初 次 申請 育 嬰 留 停 津貼 的 勞工 集中 在 30 至 34 歲 總計有 2964 人 其中 男性 有 454 人 女性 有 2510 人 35 至 39 歲 的 區間 中 也 有 417 名 男性 1754 名 女性 勞工 申請 值得注意 的 是 30 至 34 歲 男性 勞工 的 申請 情況 與 去年同期 相比 年 增 5819 35 至 39 歲 也 年 增 3946 30 代 男性 申請 的 比例 明顯 增加 育 嬰 留職停薪 津貼 可以 維持 是 按照 申請 日前 前 6 個 月 平均 月 投保 薪資 60 計算 每 一 子女 合計 最 長髮 給 6 個 月 勞動部 官員 表示 確實 有 些 新手 爸 媽 可能 考慮 到 疫情 因素 前來 申請 育 嬰 留 停 津貼 在 有 6 成 薪資 津貼 的 情況 下 也 能留 在 家中 照顧 幼兒 降低 外出 工作 染病 的 風險</t>
  </si>
  <si>
    <t>109 學年度 jhvl 男子組 冠軍賽 上演 黑馬 傳奇 以 複賽 第 6 名 踏 進 新莊 體育館 決賽圈 的 麥寮 高 中國 中部 不但 先 在 6 強 決賽 先後 擊敗 臺北市 明湖國中 與 雲 林縣 馬 光 國 中 隊 史 首度 闖進 冠軍 賽後 今天 更 展現 強悍 霸氣 以 25 比 2325 比 2325 比 21 扳倒 傳統 勁旅 屏 東縣 新園 國 中 笑納隊 史 第 1 座 jhvl 冠軍 麥寮 高 中國 中部 教練 陳信助 表示 決賽 前夕 全隊 特別 南 下到 新園 國 中 移 地 訓練 並 與 新園 國 中 教練 郭明香 約定 冠軍賽 見 沒想 到 一 語 成 讖 甚至 在 最後 一 戰 甜蜜 復仇 刻 下 隊 史 嶄新 里程碑 陳信助 苦笑 說 真的 很 感謝 新園 國 中 與 郭明香 教練 給 我們 的 刺激 不過 從 他們 手裡 拿走 冠軍 後 我們 下次 恐怕 沒 辦法 再 去 新園 國 中 移 地 訓練 了 吧 麥寮 高 中國 中部 是 本屆 jhvl 男子組 6 強 球隊 中 團隊 平均 身高 最矮 的 一 支 隊伍 早 知道 會 面臨 身材 劣勢 困境 陳信助 在 108 學年度 選擇 轉 往 乙級 賽場 磨練 沒 想到 新冠肺炎 疫情爆發 後 高中 體總 仍 讓 乙級 聯賽 打 好 打 滿 給 了 麥寮 高 中國 中部 滿滿的 成長 養分 陳信助 也 強調 雖然 當時 是 在 乙級 賽場 但 他們 的 訓練 與 要求 都 是 甲級 規格 最後 才在 三 年 磨一劍 的 累積 下 為 麥寮 高 中國 中部 寫下 jhvl 的 嶄 新篇章 這 座 jhvl 冠軍 不但 是 麥寮 高中國 中 部隊 史首冠 也 是 陳信助 生涯 首 座 冠軍 他 透露 我 高中 時期 最好 的 成績 只 拿 過 亞軍 後來 拿 過 大專 銀牌 與 雲 林縣 銀牌 冠軍 還 真是頭 一 遭 這 座 冠軍 給 了 我 很 大 鼓勵 也 有 更 多 動力 繼續 深耕 基層 希望 為 麥寮 高中 培育 更 多 人才 男 女子組 冠軍 都 出爐 後 大會 進行 閉幕典禮 也 公佈 本學年 個人 獎項 男子組 獲獎 名單 如下 最佳 舉 球員 林右廷 新園 國 中 最佳 自由 球員 蔡濬 任 馬光國 中 最佳 邊線 攻擊 球員 王進寶 麥寮 高 中國 中部 最佳 邊線 攻擊 球員 丁柏鈞 馬光國 中 最佳 中間 攔網 球員 謝郾承 新園 國 中 最佳 中間 攔網 球員 紀宇憲 潭秀國 中 最佳 對角 攻擊 球員 張廷翰 潭秀國 中 最佳 潛力 球員 吳育 胺 麥寮 高 中國 中部 最 有價值 球員 王進寶 麥寮 高 中國 中部</t>
  </si>
  <si>
    <t>2020 這 一 年 註定 是 將來 歷史 上 記載 關鍵 變動 的 一 年 面對 剛一 開春 就 爆發 的 新冠肺炎 美國 從 事不關己 坐 看 好戲 到 後來 疫情爆發 不可 收 十 所謂 民主 國家 的 治理 失 能 更 反映 在 不斷 攀 高 的 確診 數字 還有 國內 經濟 的 嚴重 衰</t>
  </si>
  <si>
    <t>2020 這 一 年 註定 是 將來 歷史 上 記載 關鍵 變動 的 一 年 面對 剛一 開春 就 爆發 的 新冠肺炎 美國 從 事不關己 坐 看 好戲 到 後來 疫情爆發 不可 收 十 所謂 民主 國家 的 治理 失 能 更 反映 在 不斷 攀 高 的 確診 數字 還有 國內 經濟 的 嚴重 衰退 陷入 連任 危機 的 川普 卻 只能 用 假新聞 病毒 會 自己 消失 來 硬 拗 因為 對 他 而言 什麼 都 沒有 比 反 中 更 來得 重要 似乎 只要 消滅 中國 當然 這 也 只 是 嘴 炮 一切 就 能 迎刃而解 於是 便 有 了 蓬佩 奧 模仿 昔日 邱吉爾 的 鐵幕 演講 呼喚 老掉牙 的 冷戰 對抗 想 讓 整個 世界 走回頭路 身 為 世界 超強 的 美國 像 極了 上個世紀 二戰 前夕 的 德國 經濟 低迷 民 粹 橫行 種族主義 興起 侵略 殺氣 瀰 漫 在 美國 的 挑撥 下 世界 多 個 熱點 都 成 火藥庫 臺灣 更 被 國際 多 個 機構 認為 是 最 危險 的 地方 80 年代 以來 全球化 浪潮 高漲 人們 開始 習慣 以 和平 與 發展 取代戰爭 與 革命 其中 自由貿易 打破 了 許多 傳統 藩籬 使得 各國 之間 能夠 以 合作 化解 對抗 然而 自從 冷戰 結束 後 美國 愈加 狂妄自大 放縱 不 事 生產 的 資本 遊戲 大行其道 過度 消費 更 造就 泡 抹 經濟 從而 造成 金融危機 美國 優先 的 心態 使 美國 無法 包容 不同 的 政 經 制度 和 文明 價值 製造 世界 無止盡 的 動亂 此外 人類 還 面對 更 大 的 生存 危機 那 就 是 像 氣候異常 生態 變遷 新型 傳染病 等 不斷 增加 的 自然災害 身 為 世界 老大 的 美國 不但 無法 領導 世界 因應 這些 新 挑戰 反而 還 繼續 沉迷 對抗 當今 新 時代 需要 的 是 和而不同 合作 共 榮 就 像 中國 致力 一帶 一路 消滅 貧窮 在 外交 上 遵循 不結盟 不 爭霸 將 研發 防疫 的 成果 作為 人類 公共 財 共用 這 才是新 時代 的 新 思維 臺灣 卡 在 中國 大陸 和 美國 兩 大 強權 之間 過去 利用 中 美 之間 的 戰略 模糊 得以 兩面 逢 源 都 不 得罪 但 美國 隨 著 自身 實力 下降 也 就 愈加 產生 恐懼 進而 毫不 遮掩 地 展現 其 貪婪 霸道 的 一面 無奈 臺灣 從 李登輝 主政 開始 就 走上 去 中國化 的 不 歸路 明明 高度 依賴 大陸 市場 蔡英文 上任 後 對 大陸 貿易 依存度 不降反升 卻 又 和 大陸 在 政治 及 情感 上 高度 對立 從而 只能 在 中 美 衝突 白熱化 的 當下 被 美國 綁架 賠 上 自己 的 發展 命脈 不論是 民進黨 抗 中保 台 或者 是 國民黨 親 美 反共 都 是 舊 時代 的 舊 思維 糾纏 在 上 世紀 國共 統 獨 的 意識形態 新 時代 的 新思維 應該 回歸 到 人民 過 好日子 只 有 這 才 是 真正 的 普世 價值 我們 應該 學 會 尊重 不同 制度 還原 臺灣 硬 被 祖國 是 日本 的 李登輝 去掉 的 中國 本色 儘早 加入 到 中華民族 的 復興 行列 當 大陸 扶助 第三世界 脫貧 北斗 衛星 升空 到位 5 g 通訊 獨步 全球 這些 展現 的 都是新 時代 的 大 格局 不是 臺灣 自吹自擂 的 假 民主 真民 粹 所能 理解 李登輝 雖然 過世 了 他 的 路線 仍牢牢 綁架 臺灣 致使 臺灣人 與 大陸同胞 心靈 撕裂 更 要 承受 認同 與 現實 巨大 落差 的 煎熬 從 當初 的 戒急用忍 再 到 兩 國論 公 投 制憲 李登輝 認為 臺灣 可以 不 理會 與 大陸 政 經 關係 的 本錢 就是 因為 他 和 許多 當時 西方 中國 崩潰 論 的 學者 一樣 都 認為 中共 必 倒臺 大陸 必 分裂 時至今日 大陸 不但 沒有 崩潰 而且 馬上 要 成為 世界 第一 大 經濟體 如果 仍要 堅持 李登輝 路線 就 只 有 準備 好 與 大陸 全面 對抗 別 無 他 途 至於 勝敗 結果 大家 都 要 承擔 即將 到來 的 新 時代 美國 用盡 一切 連演 都 不 演 了 就是 要 對付 中國 中 美 激烈 對抗 的 新 格局 下 統 獨 所能 模糊 的 空間 必然 愈來愈 窄 終至 攤牌 這 將 是 一個 失去 世界 領袖 風範 的 美國 為 保其 霸主 地位 而 無所不用其極 的 時代 這 也 將 是 即 將 全面實現 復興 的 中國 大陸 最後 最 艱險 的 一段路 身 在 臺灣 的 我們 切莫 再 迷失 於 抗 中保 台 的 選舉口號 唯有 人民 過 上 好日子 那才 是 值得 我們 捍衛 的真 民主 至於 靠 抗 中保 台 選上 的 蔡英文 若 再 不 改弦更張 懸崖勒馬 必將 被 舊 時代 的 瓦礫 堆 埋葬 不 願 陪葬 的 我們 更 要 團結 自救 走 出 一 條 親 陸 富 台 強 中的 道路 在 新 時代 的 浪潮 中 掌握 航行 的 方向 登 上 光明 的 坦途 作者 為 新 黨 榮譽 主席</t>
  </si>
  <si>
    <t>新冠肺炎 疫情 凶 猛 17 年前 sars 疫情爆發 時 由 中央 統一 採購 的 負 壓 救護車 因 早已 超過 使用 年限 全部 報廢 因應 隨時 可能 升 溫 的 疫情 宜蘭 縣 消防 局長 徐松奕 表示 已 備 妥 方案 並 與 醫療 器材 供應商 約定 一旦 發生 緊急狀況 必</t>
  </si>
  <si>
    <t>新冠肺炎 疫情 凶 猛 17 年前 sars 疫情爆發 時 由 中央 統一 採購 的 負 壓 救護車 因 早已 超過 使用 年限 全部 報廢 因應 隨時 可能 升 溫 的 疫情 宜蘭 縣 消防 局長 徐松奕 表示 已 備 妥 方案 並 與 醫療 器材 供應商 約定 一旦 發生 緊急狀況 必須 立即 提供 至少 2 套 可 裝設 在 救護 車上 的 負 壓艙 防止 疫情 蔓延 並 保護 救護 人員 安全 自從 17 年 前因 sars 疫情 由 中央 撥 發 的 2 輛 負 壓 救護車 過 了 使用 年限 報廢 後 宜蘭 縣 就 再 也 沒有 負 壓 救護車 裝備 如今 遭逢 新冠肺炎 疫情 消防 局 不敢 掉以輕心 立即 實施 任務 編組 在 溪 南 溪北 兩 個 區域 分別 指定 一 組 專責 救護 人員 專 組 人員 在 執行 載 送 疑 似 新冠肺炎 患者 時 都 必須 穿戴 隔離 衣 手套 面罩 身上 防護衣 物 接縫處 另 以 膠帶 纏繞 避免 救護 人員 執勤 時受 感染 徐松奕 指出 雖然 目前 中央 還 沒有 進一步 明確 指示 但 消防 局 已 鎖定有如 一個 小 帳蓬 並 可 裝設 在 救護 車上 的 負 壓艙 每套 負 壓艙 設備 要價 20 多 萬 元 目前 只有 雲 林縣 購置 以 目前 宜蘭 縣 狀況 雖然 尚未 達到 需要 緊急 添 購 負 壓艙 的 程度 但 消防 局 已向 醫療 器材 供應商 談 妥 一旦 有 需求 至少 能 購得 2 套 負 壓艙 投入 防疫 至於 負 壓 救護車 徐松奕 說 由於 中央 並未 對 負 壓 救護車 訂 出 標準 因此 即使 地方 政府 有意 自行 添 購 或 接受 民間 捐贈 也 沒有 標準 可循 恐 衍生 不必要 的 困擾 建議 還 是 由 中央 統一 執行 較為 適當</t>
  </si>
  <si>
    <t>桃園 市長 鄭文燦 昨 宣佈 固 安計 畫 守 住 移 工 馬其諾 防線 今 起 700 個 宿舍 工廠 5 天內 完成 分 艙 分流 檢查 並 針對 移 工 普 篩 12 個 聯合 快 篩 站 1 站 1 醫院 負責 會 跟 工業區 廠 聯會 合作 另外 141 家 大型 工廠 和 宿舍 則 采 機動 入 廠 篩檢 部分 大 工廠 有 健 檢 合約 醫院 已經 起跑 務必 確保 疫情 下 企業 能 穩定 經營 鄭文燦 說 桃園 是 外籍 移 工 最 大 的 基地 有 116萬 名 外籍 移 工 有 9萬 名 產業 型 移 工 12萬 家 工廠 數 也 冠全國 挑戰 大 因應 竹 苗 外籍 移 工 確診 事件 要 建立 高 科技 帶 的 移 工 防線 推出 固 安計 畫 鄭文燦 說 今 起 針對 700 間 雇用 或 安置 50 人 以上 的 移 工 工廠 和 宿舍 由 勞動部 和 勞動局 5 天 完成 分 艙 分流 檢查 禁止 跨 廠 區 不 轉換 工作 地點 不 跨 生產線 宿舍 共同 生活 區域 停止 不同 工廠 移 工 要 分區 分流 分 時段 用餐 住宿 沐浴和 盥洗 強調 用餐 一定 要 一 人 一 隔板 也 要 確保 移 工 減少 外出 以 防疫 安全 為 唯一 的 考量 桃園 針對 移 工 也 祭出 篩檢 計 畫 鄭文燦 說 桃園 和 12 家 醫院 合作 準備 12 個 快 篩 站 1 醫院 負責 1 站 每 站 每日 篩檢 能量 達 300 至 500 人 都有 設置 醫療 跟 行政 站長 負責 和 工業區 的 廠 聯會 和 各 廠家 協調 若 快 篩 試劑 呈 陽性反應 立刻 執行 pcr 核酸 檢測 確診 者 由 防疫 計程車 送到 防疫 旅館 進行 後續 醫療 141 家 雇用 100 位 以 上移 工 的 工廠 或 大型 移 工 宿舍 市府 也 會 以 機動 篩檢 方式 媒 合 醫院 診所 入 廠 篩檢 鄭文燦 也 說 部分 大型 工廠 有 外勞 健檢 合約 醫院 已 展開 篩檢 工作 他 提到 桃園 外籍 移 工 多 長年 來 已經 有一套 完善 的 管理制度 但 在 疫情 下 要 確保 企業 穩定 經營 一定 要 提高 防疫 標準 每 一個 企業 面對 防疫 面對 災害 面對 環境 的 變遷 展現 韌性 不管 大型 或 中小企業 都 調整 得 很 快 希望 移 工 篩檢 計 畫 儘快 完成 掌握 9萬 移 工 的 染疫 風險 鄭文燦 說 5 月 以來 桃園 有 2 起 移 工 群 聚 感染 事件 包括 16 例 工廠 移 工 2 例 看護 共 18 人 沒有 社區 群 聚 的 現象 都已 掌握 風險 擴大 采 檢 桃園 防線 守 的 辛苦 要 嚴防 雙 北 熱區 不至於 擴散 到 桃園 也 要 建立 桃竹 苗 高科技 帶 的 移 工 防線 他 強調 雙北 疫情爆發 5 周來 桃園 確診 數落 在 10 到 20 個 之間 不容易 沒有 樂觀 的 本錢 希望 確保 每 一 顆 球 不漏 接 持續 守 住 桃園</t>
  </si>
  <si>
    <t>omicron 變異 株 蔓延 世界 各國 國內 也 有 3 例 境外移入 個案 而 英國 即使 疫苗 覆蓋率 高 omicron 感染 數 仍然 突破 3000 人 且 出現 全球 首例 死亡 病例 目前 對於 omicron 的 科學 證據 仍 不足 國內 專家 分析 應該 不至於 變成 大 魔王 程度 尤其 臺灣 多數 人 剛 打完 疫苗 抗體 濃度 高 omicron 的 危害 應該 不 會 比 英國 嚴重 臺灣 科技 媒體 中心 今 15 日 邀請 中興大學 獸醫 病理 生物學 研究所 所長 吳弘 毅 長 庚 大 學新興 病毒感染 研究 中心 主任 施 信 如 召開 線 上 記者會 分析 目前 科學 研究 對 omicron 變異 株 的 最新 狀況 吳 弘毅 指出 變種 病毒 一定 會 持續 產生 但 包括 omicron 在內 應該 不 會 變成 大 魔王 的 程度 因為 病毒 變異 只 是 為了 生存 如果 致病 力 太強 感染者 快速 死亡 對於 病毒傳播 反而 不是 有利 的 目前 已 知 omicron 有 超過 30 個 變異 點 施信如 分析 變異 點越 多 不 代表 免疫 逃脫 情況 越 嚴重 而是 要 看 變異 的 位置 以 omicron 來說 確實 有 幾 個 重要 的 變異 點 而 目前 各國 突破性 感染 情況 增加 但 臺灣 多數 人 剛 打完 疫苗 抗體 濃度 高 應該 不 會 比 英國 嚴重 兩 位 專家 皆 認為 新冠肺炎 未來 將 走向 流 感化 吳弘毅 提出 思考 方向 各國 是否 可以 制定 一個 每年 打 疫苗 的 時機 就 像 流感疫苗 每年 統一 開 打 讓 全世界 的 抗體 趨勢 比較 一致 國內 原 優先 開放 醫護人員 等 高風險 族群 施打第 三 劑 近來 開放 全民 滿 5 個 月 皆 可 追加 接種 施信如 表示 贊同 但 她 提醒 每個 人 對於 疫苗 的 反應 不同 有些 人 抗體 產生 很 高 現在 打 第 三 劑 反而 不好 如果 可以 先 透過 簡單 的 檢測 方式 先 瞭解 每個 人 的 抗體 就 可以 把 疫苗 用 在 需要 的 人 身上 她 也 提到 mrna 疫苗 是 新 的 疫苗 無法 得知 有 哪些 長期 副作用 目前 有 研究 發現 打完 疫苗 後 心肌炎 相關 因數 會 增加 但 是否 導致 疫苗 副作用 目前 尚未 被 證實 未來 一旦 被 證實 代表 有些 人 可能 需要 避開 mrna 疫苗 而 改 成 蛋白質 疫苗 這些 還 需要 全球 科學家 繼續 努力 牛津大學 團隊 最新 發表 的 研究 指出 接種 兩劑 az 疫苗 25 周後 對於 omicron 的 保護 力 幾乎 等於零 bnt 較 高 吳弘毅 認為 不能 說 az 完全 沒有 效果 疫苗 接種 後 25 周是 很 長 的 時間 抗體 本來 就 會 下降 施信如 也 提醒 該 研究 是 在 實驗室 中將 血清 和 omicorn 混合 無法 得知 在 人體 實際 預防 重症 的 效果 針對 有 醫師 指稱 打 兩劑 az 等於 沒 打 施信如 認為 az 在 全球 疫情爆發 時 幫助 很 大 已經 完成 階段性 任務 但 az 產生 的 中和 抗體 比較 低 是 事實 不是 說 az 的 壞話 而是 瞭解 它 有 極限 性 未來 第 三 劑 勢必 要 改 打 別的 疫苗</t>
  </si>
  <si>
    <t>為 即將來臨 的 東京 奧運 做 準備 日本 朝日新聞 今 6 日 報導 日本 擬 於 2021 年 春天 放寬 外國 觀光客 入境 放寬 亞洲地區 新冠肺炎 疫情 控制 較 好 國家 的 小型 觀光團 入境 例如 臺灣 及 中國 路透社 報導 日本 朝日新聞 今日 未 引述 消息來源 指出 日本首相 菅義偉 政府 打算 于 明年 春天 開放 外國 小型 觀光團 入境 日本 開放 對象 主要 為 亞洲 疫情 控制 較 好 的 國家 例如 臺灣 及 中國 在 新 計畫 之下 外國 觀光客 在 入境 前 必須 確定 新冠 病毒檢測 結果 為 陰性 且 繳 交 詳細 的 旅遊 行程 內容 觀光團 必須 全程 搭乘 巴士 行動 每個 旅行團 也 必須 分開 行動 包括 入 住 的 旅館 前往 的 景點 都 必須 分開 此外 觀光客 也 必須 使用 追蹤 app 並且 每日 回報 身體狀況 因應 新冠肺炎 疫情 日本 目前 僅 開放 外國 商務人士 入境 不過 必須 隔離 14 天 由於 新冠 疫情爆發 原定 今年 夏天 舉辦 的 東京 奧運 延至 明年 針對 報導 日本政府 並未 回應 日本 目前 正 遭遇 第 三 波 疫情 共同 社 報導 東京 昨 5 日 通報 584 例 新增 病例 再創新高 東京 一共 有 超過 43萬 人 確診 大 阪 疫情 也 相當 嚴峻 大 阪 的 警戒 狀態 也 在 3 日 首度 亮紅燈</t>
  </si>
  <si>
    <t>疫情爆發 後 習近平 首次 視察 武漢</t>
  </si>
  <si>
    <t>大陸 國家 主席 習近平 10 日 前往 武漢 他 表示 疫情 防控 已 取得 階段性 成果 這 是 他 於 疫情爆發 後 首次 抵達 重災區 的 武漢 考察 分析 指出 這 意味著 中國 大陸 已 控制 住 至今 仍 在 全球 肆虐 的 新冠肺炎 covid-19 疫情 根據 大陸 官</t>
  </si>
  <si>
    <t>大陸 國家 主席 習近平 10 日 前往 武漢 他 表示 疫情 防控 已 取得 階段性 成果 這 是 他 於 疫情爆發 後 首次 抵達 重災區 的 武漢 考察 分析 指出 這 意味著 中國 大陸 已 控制 住 至今 仍 在 全球 肆虐 的 新冠肺炎 covid-19 疫情 根據 大陸 官方 資料 截至 9 日 中國 新增 確診 19 例 死亡 17 例 湖北 新增 病例 創 新低 僅 有 17 例 武漢 14 家 專收 肺炎 輕 症 病 患 的 方 艙 醫院 也 全部 休 艙 此外 根據 潛江市 新型 冠狀病毒 肺炎 疫情 防控 指揮部 會議 決定 自 2 月 27 日 至 3 月 10 日 該市 已 有 13 日 未 出現 新 增 確診 病例 在 做好 疫情 防控 的 前提 下 潛江市 近日 所有 公共交通 將 恢復 企業 將 全面 復工 複產 成為 湖北 首 個 解 封 的 城市 在 疫情爆發 後 習近平 自 1 月底 起數 度 對 疫情 防控 召開 政治局 會議 和 專題會議 啟動 一系列 最 嚴格 的 全國性 封 城 和 隔離 應急 防控 措施 以 遏止 疫情 在 全 中國 的 擴散 途徑 以及 在 武漢 及 其 外部 的 傳播 期間 中國 大陸 調集 全國 醫療 資源 投入 湖北 救治 延長 企業 停工 時間 受 此 衝擊 其 社會 及 經濟 層面 均 付出 沉痛 代價 在 2 月 疫情 最高峰 期間 中國 日均 確診 人數 在 3000 例 以上 2 月 間 一度 單日 確診 人數 高達 15萬 人 湖北 武漢 的 新增 病 患 和 死亡率 均 佔據 全國 最高 比例 由於 疫情 已 造成 中國 大陸 逾 3千 人 死亡 其中 有 多 名 醫護人員 習近平 昨日 視察 期間 也 特別 表達 對於 逝 者 的 哀悼 習近平 昨日 在 視察 首 座 因應 疫情 緊急 設立 的 火 神 山 醫院 以及 民眾 社區 後 強調 湖北 和 武漢 疫情 防控 形勢 已經 取得 階段性 重要 成果 但是 未來 防疫 任務 依然 艱巨 繁重 大陸 中央 將 繼續 支援 湖北 武漢 抗 疫 工作 湖北 11 日 啟動 全省 復工 針對 未來 經濟 情勢 習近平 也 表示 疫情 短期 會 給 湖北 經濟 發展 帶來 陣痛 但 不 影響 長期 看好 的 基本 面 在 加強 防控 的 前提 下 採取 差 異化 策略 有 針對性 的 展開 援助 企業 穩定 就業 擴大 就業 等 工作 幫助 湖北 解決 實際困難 和 具體 問題 早日 全面 步入 正常 軌道</t>
  </si>
  <si>
    <t>美國有線電視新聞網 cnn 主 播 安德森 庫柏 anderson cooper 在 節目 採訪 前 駐 北京 大使 駱家輝 gary locke 時 多次 提到 臺灣 對 新冠 疫情 的 表現 受到 國際 矚目 從 網上 instagram 的 分享 圖片 可以 看到 臺灣 還 能 維持 正常 生活 對 全世界 來說 是 非常 令 人 驚訝 的 成就 但 世衛組織 仍 刻意 忽略 臺灣 的 地位 與 防疫 成果 駱家輝 則 指出 臺灣 早 在 一月 初 就 採取 嚴格 的 防控 措施 對 病例 進行 接觸 追蹤 與 隔離 比 美國 或 很 多 家 來說 早 了 很多 這 是 疫情 受到 控制 很 重要 的 因素 庫柏 在 其 節目 中 訪問 駱家輝 時 首先 提到 大陸 在 新冠 疫情 初期 並 沒有 重視 其 嚴重性 甚至 還 懲罰 了 幾 位元 洩露 消息 的 吹 哨 人 疫情 擴大 之後 對 實際 的 病例 與 死亡 人數 也 有 瞞報 如何 解釋 這種 現象 駱家輝 答 稱 這 是 中國 大陸 官場 很 普遍 報喜 不 報憂 的 現象 不管 是 逮捕 吹 哨 人 或是 壓制 疫情 消息 都 是 為了 官場 前途 因為 升官 與否 是 要 看 其 任上 是 好 消息 多 還 是 壞 消息 多 所以 會 刻意 壓制 壞 消息 與 疫情 的 嚴重性 另一方面 則 誇大 經濟 成長 的 成果 駱家輝 還 說 臺灣 與 大陸 只 有 二百 多 公里 距離 而且 與 大陸 有 大量 人員 與 商業 往來 但 大陸 新冠 疫情爆發 後 至今 臺灣 只 有 3百 多 人 確診 死亡 則 是 個 位數 而且 沒有 採取 影響 人民 生活 與 經濟 的 嚴厲 措施 非常 值得 美國 與 其他 國家 學習 庫柏 指出 也 從 媒體 上 看 到 臺灣 在 防疫 成果 受到 國際 讚揚 在 新冠肺炎 疫情 剛 開始 出現 時 臺灣 對 世衛組織 提出 警告 但 世衛組織 怕 影響 與 中國 大陸 的 關係 而 刻意 忽略 現在 從 instagram 上 分享 的 影片 臺灣人 還 是 會 出門 用餐 生活 似乎 一 如 往常 地 進行 而且 大家 都戴 著 口罩 沒有 口罩 的 人 政府 還 會 發給 他們 口罩 這種 現象 讓 人 非常 訝異 駱家輝 稱 臺灣 用 早期 發現 早期 隔離 並 進行 多次 檢測 與 追蹤 接觸 者 的 方式 但是 美國 沒有 重視 疫情 的 嚴重性 政府 反應 也 太 慢 主要 是 不 願意 影響 民眾 生活 與 經濟 活動 臺灣 早 在 一月 初 就 派 人 前往 武漢 瞭解 疫情 並 很快 採取 嚴格 的 防控 措施 這 做法 與 美國 完全 不同 並 對 病例 進行 接觸 追蹤 與 隔離 比 美國 或 很 多 家 來說 早 了 很多 美國政府 也 忽略 了 來自 疾病 管制 與 預防 中心 cdc 公衛 官員 的 建議 甚至 白宮 貿易 顧問 納瓦洛 peter navarro 在 今年 1 月 發出 的 警告 反而 是 許多 州長 市長 們 當機立斷 開始 實施 嚴格 措施 幸好 現在 開始 展現出 好 的 成果</t>
  </si>
  <si>
    <t>新冠肺炎 蔓延 全球 但 臺灣 的 中醫中藥 複方 的 清 冠一號 在 藥廠 授權 製造 後 已經 熱銷 全世界 14 個 國家 在 使用 總統 蔡英文 今 出席 第 91 屆 國醫 節 大會 時 大贊 自 去年 疫情爆發 以來 臺灣 發展 中西醫 合作 的 模式 受到 世界 矚目 顯</t>
  </si>
  <si>
    <t>新冠肺炎 蔓延 全球 但 臺灣 的 中醫中藥 複方 的 清 冠一號 在 藥廠 授權 製造 後 已經 熱銷 全世界 14 個 國家 在 使用 總統 蔡英文 今 出席 第 91 屆 國醫 節 大會 時 大贊 自 去年 疫情爆發 以來 臺灣 發展 中西醫 合作 的 模式 受到 世界 矚目 顯示 臺灣 的 中 西醫 雙軌 運行 逐漸 成熟 中醫師 則 藉 機 陳情 希望 政府 協助 中醫 核發 更 多 專業人士 證照 中醫師 公會 全 聯會 今 舉行 第 91 屆 國醫 節 總統 蔡英文 及 立法 院長 游錫堃 均 出席 蔡英文 大贊 臺灣 的 中 西醫 雙軌 運行 逐漸 成熟 在 新冠 疫情 延 燒 至今 中醫 更 因為 過去 累積 的 研發 能量 衛福部 國家 中醫藥 研究所 帶領 研發 可 用於 治療 新冠肺炎 的 中藥 複方 清 冠一號 臺灣 藥廠 獲得 授權 製造 後 行銷 歐 美 日 等 14 國 在 世界 熱銷 讓 世界 看 到 臺灣 中華民國 中醫師 公會 全國 聯合會 理事長 柯富揚 也 藉 機 表達 中醫藥 發展 法 雖然 已經 通過 但是 到 現在 為止 西醫 團隊 共有 12 張 醫師 人員 證照 中醫師 卻 只 有 一 位 就是 中醫 沒有 專屬 的 護理 師 等 柯富揚 強調 合法 合理 的 專業 調劑 人員 傷科 輔助 人員 中醫 護理 師 等 都 應該 也 要 核發 合格 證照 好 的 團隊 才能 全面 照顧 人民 西醫 是 巨人 跑 一 步 我們 中醫 還 追 不到 陳情 希望 總統 蔡英文 可以 協助 柯富揚 表示 去年 中醫 發 明清 冠一號 行銷 歐美日 目前 已 有 14 個 國家 使用 且 不少 居家 隔離 患者 透過 視 訊 也 可以 得到 的 中醫 照顧 目前 正常 執行 中醫 居家 照 護 和 居家 醫療 需要 政府 更 多 的 關懷 與 幫忙 蔡英文 致詞 時 表示 臺灣 中醫藥 在 中醫藥 發展 法 制定 後 中醫藥 發展 走向 新 里程碑 中醫 特定 疾病 輔助 醫療 計畫 的 治療 反為 除 原本 的 癌症 孕產 照 護 也 新增 呼吸困難 的 病人 蔡英文 也 表示 仍要 持續 發展 中 醫學 的 訓練 和 中醫 照 護 佈 建 的 工作 並 讓 法規 越來越 完善 在 中藥 品質 方面 不論 查驗 制度 檢驗 標準 製造 品質 和 中醫 藥典 的 編 修 也 都 要 積極 接軌 國際標準 並 在 中醫藥 研發 製造 爭取 新 南向 市場 的 機會</t>
  </si>
  <si>
    <t>即使 陸 官方 一再強調 早已 第一時間 通報 世界衛生組織 疫情 訊息 但 至今 仍 遭 多 個 國家 懷疑 隱瞞 資訊 美方 更 揚言 要 對 可能 是 病毒 起源 的 武漢 病毒 研究所 展開 實地調查 至於 who 是否 會 對 該 研究所 調查 who 駐 陸 代表 高立 gauden galea 表示 至今 我們 仍未 收到 邀請 據 英媒 每日 快 報 報導 高立 gauden galea 在 接受 天空 電視 專訪 時 表示 我們 大陸 正在 進行 全國性 調查 但 現階段 who 仍未 接收 到 相關 邀請 參與 我們 期待 在 近期 能 受 邀 進行 相關 合作 被 問到 是否 受 邀 赴 陸 調查 高立 也 表示 目前為止 沒有 who 正在 向 大陸 國家 衛生 健康 委員會 及 相關 當局 提出 參與 要求 高 立 說 who 無法 從 武漢 病毒 研究所 和 武漢市 衛生 健康 委員會 兩 個 實驗室 取得 研究 日誌 進行 調查 而 這些 實驗室 的 日誌 應 成為 任何 全面 觀察 病源 的 完整 報告 一部分 他 也 強調 沒有 理由 將 who 排除 在 調查 之外 從 我們 的 角度 來看 沒有 理由 這樣 做 對於 1 月 疫情爆發 之 初 武漢 通報 有 41 起 病例 高力 也 懷疑 如此 規模 的 疫情 病例 數 不太可能 停留 在 41 例 不過 還 有 更 多 病例 嗎 這 是 中國 必須 回答 的 問題 高 立 表示 病毒 的 起源 非常 重要 特別 是 動物 與 人類 之間 的 交互作用 更 需要 多 加 研究 現階段 優先 的 是 我 必須 盡可能 瞭解 病毒 以 防止 疫情 再次 爆發</t>
  </si>
  <si>
    <t>美國 影音 串流 平 台網 飛 netflix 製作 的 影集 指定 倖存者 designated survivor 第 2 季 影集 有 一 段 劇情 是 說 南卡 羅 萊州 爆發 不明 流感 地方 隱匿 疫情 由於 南卡 居民 以 黑人 為 多 隱匿 疫情 是 出於 種族歧視 2019 年 播出 的 第 3 季 劇集 則 提及 生化 恐怖分子 人工合成 病毒基因 準備 攻擊 美國 就 是 這麼 神奇 指定 倖存者 這 齣 影集 超前 預言 了 新冠肺炎 疫情爆發 以來 的 兩 個 羅生門 一 是 病毒 究竟 是 不是 人工合成 的 生化武器 二 是 中國 究竟 有 沒有 隱匿 疫情 世衛組織 是否 有 助紂為虐 正 是 有 指定 倖存者 這樣 的 神 預言 無怪 乎 全球 許多 喜愛 追 劇 的 網友 深信 新冠 病毒 是從 病毒 實驗室 意外 洩漏 出來 的 至於 人工合成 的 新冠 病毒 姓 中 還是 姓 美 眾說紛紜 不過 迄今為止 沒有 科學 證據 顯示 新冠 病毒 是 人 造 的 至於 第二 個 羅生門 中國 有無 隱匿 疫情 則 越 演 越 烈 甚且 成了 川普 甩 鍋 卸責 的 重要 藉 口 隱匿 疫情 的 定義 是 什麼 多少 人 感染 了 或是 多少 死亡 病例 發生 了 才 算 疫情爆發 疫情爆發 多久 不 向 國際 通報 才 算 隱匿 疫情 武漢 發現 新型 冠狀病毒 的 蹤跡 在 沒有 確定 病毒 的 種類 和 基因組 排序 可以 貿然 公佈 疫情 嗎 這些 問題 公共 衛生 學術界 和 世衛組織 應該 有 標準答案 不應 淪為 政治 口 水戰 的 標的 那麼 中國 大陸 有無 對 台 隱匿 疫情 呢 12 月 31 日 疾 管署 官 網上 新聞稿 有 一段話 疾病 管制 署 今 31 日 已向 中國 大陸 疾 控 中心 及 世界衛生組織 ihr 視窗 確認 疫情 訊息 陸方 指出 近期 當地 發現 27 例 肺炎 病例 7 例 病情 危重 均 已 進行 隔離 治療 有 2 例 病情 好轉 臨床表現 主要 為 發燒 少數 病人 呼吸困難 呈 雙 肺 浸潤性 病灶 大部分 病例 為 武漢市 江漢區 華南 海鮮城 經營戶 尚未 發現 明顯 人 傳人 現象 及 醫護人員 感染 陸方 表示 若 有 進一步 消息 將 及時通報 我方 陸方 千 算 萬 算 大概 都 算 不 到 他們 回復 臺灣 疾 管署 的 對話 居然 搖身一變 成 了 台美 聯合 指責 中國 隱匿 疫情 痛 批 世衛組織 不 理會 臺灣 警告 的 證據 了 用 常識 性 的 邏輯 來 思考 武漢 人口 1100萬 不明 肺炎 有 27 個 病例 7 個 重症 算不算 疫情爆發 呢 1 月 3 日 中國疾控中心 便 向 美國疾控中心 cdc 通報 了 相關 的 疫情 算是 隱匿 疫情 嗎 1 月 9 日 官煤 央 視 公佈 武漢 的 不明 肺炎 是 一 種 新 的 冠狀病毒 1 月 11 日 中國 對外 公佈 了 病毒 的 基因組 序列 這 也 算是 隱匿 疫情 嗎 事實上 南韓 就 是 根據 中國 公佈 的 基因組 序列 開發 快 篩 試劑 從而 遏止 了 新冠肺炎 的 疫情 從 現有 的 證據 來看 很 難 指責 中國 大陸 隱匿 疫情 臺灣 要 爭取 國際 空間 要緊 的 是 以 禮 待人 以理服人 既 不 應該 指鹿為馬 地 批評 大陸 隱匿 疫情 更 不 應該 任由 網 軍 胡亂 出征 與 世界 為 敵 何況 我們是 防疫 的 優等生 何苦 跟 著 防疫 放牛 班 的 川普 瞎鬧 起鬧 世界 權力 結構 已 由 雙元 變為 多元 美國 不再 是 世界 唯一 的 核心 況且 川普 無 德 若 是 全球 聯手 鳴鼓而攻之 作為 小 跟班 的 臺灣 怕 是 第 一個 遭殃 的 呢 作者 為 資深 媒體 人</t>
  </si>
  <si>
    <t>微控制器 mcu 廠 紘 康 6457 及 松翰 5471 雙雙 公告 3 月 合併 營 收 皆 改寫 單月 歷史 新高 大 啖 額 溫槍 訂單 商 機 法人 表示 目前 兩 大廠 訂單 能見度 已經 看到 今 年中 後續 月 營 收 將 可望 持續 改寫 新高 表現 此外 紘 康 目前 更 開始 著 手 打造 新品 預計 將 導入 type-c 及 藍牙 功能 未來 將 可望 結合 智慧 手機 應用 預計 下半年 開始 問世 搭上 居家 辦 公物聯網 熱潮 紘 康 松翰 3 月 合併 營 收 雙創 新高 其中 紘 康 第一 季營 收 更改 寫 歷史 次高 紘 康 公告 3 月 合併 營 收 達 9609萬 元 月 增 9013 相較 2019 年 同期 成 長 6636 累計 第一 季 合併 營 收 為 189億 元 年成 長 4221 松翰 公告 3 月 合併 營 收 452億 元 月 增 11416 相較 2019 年 同期 上升 7976 推動 第一 季 合併 營 收 年 增 3516 至 834億 元 對於 3 月 合併 營 收 大幅 成長 紘 康及松 翰 皆 表示 因 新冠肺炎 疫情 全球 延 燒 國內外 因應 防疫 所 需 帶動 防疫 相關 ic 出貨量 持續 成長 松翰更 指出 影像 晶 片 出貨量 同步 強勁 法人 表示 目前 新冠肺炎 仍 在 全球 肆虐 現階段 又 以 歐美國家 最為 嚴重 各項 防疫 物資 都 成為 炙手可熱 的 商品 其中 額 溫槍 及 耳 溫槍 更是 檢測 肺炎 的 重要 醫療 裝置 因此 自 中國 疫情爆發 後 紘 康及松 翰 訂單 便 源源不絕 湧入 目前 訂單 能見度 已經 放眼 到 7 月 且 客戶 皆 願意 加價 以 急 單 生產 hot run 方式 生產 使 紘 康及松 翰 營 收 大 增 由於 紘 康 訂單 量 持續 成長 因此 法人 預估 紘 康單 是 3 月 每股 獲利 可能 有 機會 上 看 05 07 元 可望 超越 往年 的 單季 獲利 從 目前 狀況 來看 紘 康 4 月 合併 營 收 將 有 機會 再度 成長 雙 位數 水準 再度 改寫 單月 新高 表現 紘 康 不 評論 法人 預估 財 測 數字 不僅如此 紘 康為 搶攻 居家 隔離 及 防疫 商 機供應 鏈 傳出 紘 康 目前 在 研發 將 額 溫槍 mcu 導入 藍 牙 及 type-c 介面 也 就 代表 以 額 溫槍 量 測體溫 後 可 將 即時 資料 傳送 至 智慧 手機 藉 此 記錄 體溫 資料 搶 食物聯網 防疫 商 機</t>
  </si>
  <si>
    <t>受 新冠肺炎 影響 各地 媽祖 祈福 繞 境 活動 紛紛 暫緩 每年 吸引 數萬人 參加 的 彰 化 媽祖 祈福 文化 節 也 在 媽祖 指示 下 延期 改辦 祈福 法會 28 日 彰 化 萬景 藝苑 董事長 陳蒼興 同為 臺灣 祈福 敦請 五明佛學院 龍 迦 仁波切 主 法 在 園區 內 舉辦 中 陰文武 百 尊 暨 二十 一度 毌 除 疫 息 災 法會 祈求 疫情 早日 遠離 彰 化 萬景 藝苑 因 新冠肺炎 休 園 至 3 月 10 日 28 日 上午 在 萬景 藝苑 董事 陳蒼興 敦請 下 20 位 喇嘛 現身 萬景 藝苑 園 區內 所有 信徒 在 龍迦 仁波切 引 領 下 舉行 中 陰文武 百 尊 超度 法會 虔誠 念經 祈福 希望 臺灣 能 安全 度過 這 波 疫情 萬 景 藝苑 董事長 陳蒼興 說 新冠肺炎 疫情爆發 在 全球 迅速 蔓延 再 加上 季節性 流感 影響 讓 所有 民眾 都 人心惶惶 萬景 藝苑 為 避免 感染 因此 休 園 今天 敦請 喇 榮 開 顯 光明 佛學 會 住持 龍 迦 仁波切 主 法 到 園內 祈福 希望 藉 由 菩薩 的 力量 與 眾人 的 願 力 遣 除 一切 瘟疫 與 疾病</t>
  </si>
  <si>
    <t>疫情 嚴峻 全民 防疫 如今 戶外 都 必須 戴 口罩 運動 也 不 例外 不過 自 疫情 以來 國內外 陸續 傳出 有人 運動 時戴 口罩 昏倒 甚至 猝死 的 案例 到底 戶外運動 戴 口罩 時 需注意 什麼 使用 口罩 支架 會 比較 好 嗎 有 氣閥 的 口罩 能夠 防疫 嗎 受 疫情 影響 不少 有 運動 習慣 的 人 會 戴 口罩 外出 慢 跑 登山 也 有 民眾 騎 腳踏車 通 勤 取代 搭乘 大眾 運輸工具 順便 運動 雖然 運動 可以 增進 免疫力 但要 注意 戴著 口罩 運動 仍 有 一定 風險 存在 戴 口罩 運動 應降 強度 留意 身體狀況 量力而為 戴 口罩 難免會 阻礙 氣流 專家建議 一定 要 留意 運動 強度 及 自身 狀況 輕微 到 中 度 的 運動 都 還好 但 若 是 高 強度 高 耗 氧量 的 運動 戴 口罩 運動 恐怕 就 有 一定 風險 尤其 是 有心 肺 疾病 的 患者 以及 肺部 功能 還 未 發展 成熟 或是 較 差 的 幼童 老人 需要 特別注意 運動 過程 中 若 沒有 得到 足夠 的 氧氣 可能 會 過度 換氣 血 氧 濃度 下降 引發 昏倒 猝死 的 危險 新光 醫院 家 醫科 醫師 柳 朋馳 指出 發表 在 英國 運動 醫學雜誌 bjsm 上 的 一 項 研究 發現 在 跑步 機上 劇烈 奔跑 時 戴 上 口罩 會 減少 運動 時間 及 最 大 攝 氧量 且 受試者 也 表示 戴著 口罩 進行 高 強度 運動 時 出現 呼吸 急促 和 幽 閉 恐懼症 等 狀況 馬里蘭大學 醫學 系統 umms 附屬 內科 醫師 謝 裡安 vivek cherian 指出 當 你 必須 要 戴著 口罩 進行 運動 訓練 時 應該 循序漸進 不要 立即 進入 高強度 的 訓練 中 才能 逐漸 適應 不過 他 也 提醒 需要 透過 訓練 時間 和 次數 的 增加 才 有 辦法 漸漸 習慣 戴 口罩 進行 運動 訓練 並且 若是 戴 口罩 運動 時 應該 讓 自己 擁有 更 長 的 休息時間 如果 出現 頭昏 頭痛 胸 痛 呼吸 急促 或是 已經 感覺 快 昏倒 就 應立即 停止 運動 謝 裡安 說 不過 也 有 網友 分享 自己 近期 天天 戴 口罩 跑步 不 覺得 身體 需要 耗損 很 大 的 體力 去 代 償 氧氣 的不足 但 仍 呼籲 民眾 若 是 想 戴 口罩 運動 需要 多 加 留意 自身 狀況 量力而為 若 有 不適 情形 應 暫停 運動 戴 口罩 運動 2 狀況 恐 難以 有效 防疫 但 戴 口罩 運動 恐怕 另 有 防疫 上 的 問題 柳 朋馳 指出 口罩 基本上 擁有 防水層 若是 出 汗 量 不大 較 不 影響 但 容易 汗如雨下 排 汗 量 較 大 的 民眾 就 得 留意 當 口罩 濕 掉 後 恐怕 會 影響 防疫 效果 另外 有些 民眾 會 透過 口罩 支架 改善 戴 口罩 時 的 不適感 不過 柳 朋馳 提醒 務必 要 確保 使用 口罩 支架 後 口罩 是否 還 能 與 臉部 密合 柳 朋馳 解釋 由於 新冠 病毒 會 透過 飛沫傳染 甚至 是 所謂 的 氣 溶膠 傳染 一旦 口罩 無法 戴好 戴 緊 就 會 影響 到 口罩 的 防護力 是否 合適 得 依 個人 臉型 大小 判斷 若 能 找到 合適 的 口罩 支架 且 口罩 能夠 密合 又 能 增加 舒適度 也 是 一 種 選擇 傳染病 專家 唐納德 鄧福德 donald dumford 也 強調 需 確保 口罩 沒有 縫隙 他 指出 目前 還 沒有 研究 關注 口罩 支架 會 不 會 影響 冠狀病毒 或 其他 傳染源 的 傳播 但 若 是 為了 想要 改善 因 口罩 引起 的 痘痘 皮膚 問題 支架 恐怕 不 會 有 好 效果 因為 支架 仍 會 接觸 到 臉 且 塑膠 或 矽膠 材質 的 支架 可能 也 會 對 皮膚 造成 刺激 感染者 若 戴有 氣閥 口罩 仍 可能 散播 病毒 其實 一直 以來 都有種 運動 訓練 口罩 稱為 高 海拔 訓練 口罩 透過 氣閥 控制 增加 呼吸 阻力 希望 藉 此 能 提高 心 肺 功能 肺活量 不過 至今 還 沒有 明確 研究 結果 證實 有效 美國 運動學 會 做 過 一些 研究 但 並 沒有 看到 能夠 特別 提升 運動 效能 一般 民眾 也 較 少會 使 用到 這類 的 口罩 值得注意 的 是 這類 口罩 通常 不會 針對 抗 病毒 設計 沒有 醫療 級 的 認證 因此 不 建議 民眾 用來 作為 防疫 用途 柳 朋馳 說 杜克大學 duke university 也 曾 做 過 一 項 研究 測試 14 種 不同 材質 和 形式 的 口罩 後 發現醫護人員 所 使用 沒有 氣閥 的 n 95 口罩 防疫 效果 最佳 研究 人員 表示 沒有 氣閥 的 n 95 的 口罩 防疫 效果 遠 勝於 有 氣閥 的 原因 是因為 氣閥 的 目的 是 使 人體 向 外 吐 出 的 氣體 能 迅速 排 出 但 若是 同時 夾帶 有 病毒 的 飛 沫 對 身邊 的 人 反而 造成 感染 風險 氣閥 的 作用 是 降低 防護 口罩 的 呼氣 阻力 提高 配戴者 的 舒適 感 但 醫用 防護 口罩 並不 建議 設 氣閥 因為 開啟 的 氣閥 可能 將 口罩 配戴者 排 出 的 飛 沫 或 細菌 排 出 口罩 所以 如果 配戴 防護 口罩 是 為了 降低 對 空氣 中 含 病原 微生物 飛 沫 的 暴露 濃度 幫助 自己 預防 飛 沫 感染 是 沒有 問題 的 但 如果 懷疑 自己 已 被 感染 就 應 主動 戴 口罩 保護 別人 且 應該 選擇 沒有 氣閥 的 口罩 否則 恐 會 失去 保護 別人 的 目的 美國聯邦疾病防治中心 cdc 公佈 的 指南 也 警告 不要 配戴 有 氣閥 或 通風口 的 口罩 這種 口罩 適合 在 高溫 多 塵 的 施工 環境 下 使用 但 無法 有效 阻止 病毒傳播 正值 疫情爆發 時期 建議 民眾 若 想 運動 還是 選擇 居家 室內運動 其實 運用 一些 道具 如 水桶 彈力 帶 啞鈴 等 仍 能 達到 鍛 鍊 效果 跑 者 們 也 可 進行 針對 跑 者 設計 的 肌 力 訓練 增強 肌 力 養精蓄銳 待 疫情 過後 仍 是 一 條 好漢</t>
  </si>
  <si>
    <t>新冠肺炎 ncp 肆虐 全球 引發 臺灣 出現 口罩 之 亂 政府 近日 更 推行 口罩 實 名 制 的 政策 也 積極 拓展 生產線 近日 有 網友 在 ptt 發文 曝光 德國 口罩 的 驚人 的 價錢 但有 網友 也 透露 天價 背後 的 關鍵 原因 一 名 人 在 德國 的 網友 近日 在 ptt 八卦板 以 標題 德國 口罩 價格 發文 表示 德國 真是 個 市場 自由 的 地方 透過 以 價 制 量 我 真的 覺得 這裡 的 口罩 廠 跟 印 鈔 機關 一樣 有 錢 了 最後 更 po 出 口罩 上面 的 價格 標籤 發現 一個 竟然 要價 295 歐元 等於 一個 將近 要 新 台幣 100 元 左右 文章 曝光 之後 引起 熱 議 不少 人 紛紛 留言 表示 臺灣 覺得 幸福 發大財 了 現在 口罩 生產線 印 鈔 機 這種 價格 應該 有 附 液晶體 顯影 眼鏡 如果 是 疫情爆發 地區 絕對 再 漲 一 倍 怎麼 感覺 很薄 臺灣 現在 能 戴 5 盒 出境 如果 帶去 德國 賣 不 就 能 發 一 筆 小財 但 也 有 內行 網友 透露 德國 和 臺灣的 收入水準 不 一樣 物價 本來 就 會 差 很多 德國 的 物價 換算 臺灣 大概 就 是 一個 台幣 20 元 德國 最 底 時薪 9 歐 1 小時 工資 可以 買 3 個 在 德國 打工 幾 小時 可以 買 iphone 差不多 呀 只是 單位 不 一樣 其實 真的 算 便宜</t>
  </si>
  <si>
    <t>博通 broadcom 週四 表示 第 四季 財 報 可望 優於 預期 原因 在於 使 用 較 貴晶 片 的 蘋果 新機 即將 上市 以及 遠 距 辦公 趨勢 推 升 資料 中心 晶 片 需求 週五 早 盤 股價 上漲 135 蘋果 晶 片 供應商 博通 亦 指出 他們 今年 提高 晶 片 產量 的 時間 可能 較往年 慢 一些 暗示 蘋果 新機 可能 延後 發佈 不 像 以往 都 在 9 月底 發表 博通 表示 今年 晶 片 拉 貨 潮 延遲 要到 最後 一 季 才 會 顯現 較 以往 晚上 一 季 符合 市場 猜測 蘋果 新 一代 手機 可能 延後 發佈 據 資料 顯示 博通 2019 年 營 收 五 分之 一來 自 於蘋果 博通 6 月 時 曾 警告 受 北美 最 大 手機 客戶 延 後 推出 手機 的 影響 該 公司 該 季營 收 可能 低於 預期 市場 當時 推測 此 大 客戶 即為 蘋果 蘋果 供應商 在 每年 秋季 新 iphone 推出 前 通常 會 提高產量 博通 也 不 例外 事實上 新冠肺炎 疫情爆發 後 全球 多國 實施 旅遊 限制 連帶 打亂 蘋果裝置 生產 時程 多數 分析 師 預測 蘋果 萬眾矚目 的 5 g 新機 可能 延至 10 月 發表 但 蘋果 對 此 不 願 多 做 回應 據 博通 預測 本 財年 第 四季 營 收 約 為 64億 美元 正負 誤差 15億 美元 優於 市場 普遍 預期 的 618億 美元 博通 同時 公佈 第 三 季 截至 8 月 2 日 止 財 報 上 季營 收 與 獲利 雙雙 優於 預期 上 季營 收 年 增 56 至 582億 美元 優於 分析 師 預期 的 576億 美元 上 季 淨利 跌 至 614億 美元 或 每股 145 美元 低於 去年同期 的 715億 美元 或 每股 171 美元 至於 排除 特定 項目 後 上 季 每股 獲利 為 54 美元 優於 市場 預期 的 524 美元 與 去年同期 的 516 美元 博通 執行長 兼 總裁 陳福陽 hock tan 表示 第 三 季營 收 符合 我們 預期 理由 在於 雲端 與 電信 顧客 的 需求 攀升 足以 抵銷 無線 業務 低迷</t>
  </si>
  <si>
    <t>新冠肺炎 疫情爆發 後 衝擊 上市 櫃 公司 2 月 營 收 導致 市場 普遍 對 上月 營 收 未 抱 持 太 大 期待 然 當中 卻 不乏 有 逆勢 走 強 的 個股 出列 包括 譜 瑞 -ky 4966 及 立 積 4968 等 創下 歷年 同期 新 高 的 個股 短線 上 更易 獲得 資金 青睞 盡</t>
  </si>
  <si>
    <t>新冠肺炎 疫情爆發 後 衝擊 上市 櫃 公司 2 月 營 收 導致 市場 普遍 對 上月 營 收 未 抱 持 太 大 期待 然 當中 卻 不乏 有 逆勢 走 強 的 個股 出列 包括 譜 瑞 -ky 4966 及 立 積 4968 等 創下 歷年 同期 新 高 的 個股 短線 上 更易 獲得 資金 青睞 儘管 今年春節 提前 原先 市場 皆 預期 2 月 工作 天數 相比 往年 多 的 情況 下 營 收 有望 出現 明顯 增長 卻 不料 新冠肺炎 疫情 突襲 導致 市場 情緒 由 喜 轉 悲 截 自 5 日 止 已 提前 公佈 營 收 的 133 檔 個股 中 呈現 年月 雙 增 的 個股 僅 48 檔 其中 高速 訊號 傳輸 介面 晶 片 廠譜 瑞 -ky 受惠 面板廠 無畏 疫情 持續 拉 貨 2 月 營 收 982億 元 月 增 195 年 增 2808 強勢 創下 歷年 同期 新高 成為 疫情 底下 的 倖存者 帶動 股價 5 日 強勢 大 漲 近 9 譜 瑞 -ky 逾 八成 的 營 收 來源 為 7 17 吋 面板 用 的 edp dp 介面 時序 控制晶 片 及 高速傳輸 介面 晶 片 隨 市場 對於 高 畫質 高 刷新 率 需求 持續 提升 法人 樂觀 預期 第一 季營 收 將 淡季 不 淡 季增約 1 9 此外 譜 瑞 -ky 過去 兩 年 在 高速傳輸 介面 晶 片 領域 受惠 usb-c 的 發展 需求 以 年 增 三 成 的 高速成長 去年 相關 產品 營 收 已 突破 40億 元 今年 更 將 持續 進行 usb 40 的 最新 規格 開發 至於 pcle gen 4 的 訊號 中斷 器 retimer 晶 片 已 獲得 oem 及 odm 廠 的 認證 後續 英特爾 全面 支援 pcle gen 4 的 ice lake 處理器 發表 後 譜 瑞 -ky 的 業績 可望 大幅 成長 除 譜 瑞 -ky 外 射 頻 元件廠 立 積 2 月 營 收 同樣 繳 出 265億 元 的 成績 不但 與 1 月 營 收 近乎 持平 年 增 更 高 達 131 倍 刷新 同期 2 月 營 收 的 新 高 紀錄 立 積 主要 營 收 來自 wi-fi 的 射 頻 前端 元件 其中 多樣化 的 前端 模 組 fem 受惠 大陸去 美化 政策 加上 wi-fi 6 滲透 率 提升 目前 比重 已 超過 五 成 法人 認為 立 積 旗 下 客戶 不但 未 出現 明顯 砍 單 大 客戶 華為 甚至 持續 追 單 預期 3 月 營 收 就 有望 恢復 創新 高 的 表現 全年 可望 呈現 逐 季 創新 高 的 走勢</t>
  </si>
  <si>
    <t>臺灣 新冠 疫苗 荒 出現 民眾 赴美 打 疫苗 現象 也 有 報導 稱 近期 有 不少 民眾 希望 能 赴 大陸 接種 疫苗 大陸 國 台辦 今天 稱 願意 盡 最 大 努力 提供 幫助 對 搭乘 民航 客運 航班 來 大陸 的 臺胞 在 嚴格執行 入境 防疫 規定 自願 和 知情 同意 前提 下 可 在 大陸 接種 疫苗 國 台辦 今天 以 發言人 馬曉光 名義 發出 書面 答記者問 問 題為 據 台媒 報導 因 臺灣 疫苗 嚴重 短缺 近期 有 不少 臺胞 希望 能 赴 大陸 接種 疫苗 請問 大陸 方面 對 此 持 何 態度 馬曉光 先 重申 新冠肺炎 疫情 發生 以來 大陸 在 疫情 防控 疫苗 接種 等 方面 對 在 大陸 臺胞 一視同仁 同等對待 臺灣 5 月初 疫情爆發 後 陸方 從 一 開始 就 表示 願意 盡 最 大 努力 幫助 臺灣同胞 讓 廣大 臺灣同胞 儘快 有 疫苗 可用 他 說 截至 6 月 8 日 大陸 已 接種 新冠 疫苗 超過 8億 劑 次 而 世界衛生組織 已將 中國 國藥 和 中國 科興 兩 種 疫苗 納入 全球 緊急 使用 清單 等 此外 大陸 疫苗 在 90 多 個 國家 和 地區 獲 批 上市 或 緊急 使用 向 全球 供應 超 35億 劑 充分 顯示 大陸 疫苗 具有 良好 安全性 和 保護 力 馬曉光 說 臺灣 疫情 持續 蔓延 儘快 接種 疫苗 是 臺灣同胞 儘早 擺脫 疫情 肆虐 之 苦 有效 的 途徑 我們 十分 理解 臺灣同胞 為 維護 自身 生命 健康 安全 迫切希望 儘早 接種 大陸 疫苗 的 心情 願意 盡 最 大 努力 提供 幫助 馬曉光 指出 對 搭乘 民航 客運 航班 來 大陸 的 臺胞 只要 符合 接種 條件 可 在 嚴格執行 入境 防疫 規定 包括 登機 前 和 抵達 後 自願 和 知情 同意 前提 下 按 有關 政策 在 大陸 接種 疫苗 他 提出 資料 稱 據 不 完全 統計 截至 5 月 31 日 在 大陸 接種 疫苗 的 臺胞 已 達 62萬 人</t>
  </si>
  <si>
    <t>萬華阿 公 店 疫情 持續 升溫 14 日 又 公佈 有 16 例 確診 據 當地 業者 表示 其中 1 名 50 多 歲 的 染疫 女子 是 三 水 街 313 茶藝 館 的 伊 拉客 花名 是 跳 跳 伊 拉客 就是 阿公店 派駐 街頭 嚮往 來 民眾 拉客 的 女子 因 嚴重 影響 市容 加上 發生 多 起 乾洗 竊 盜 案件 警方 多 次 舉辦 專案 取締 據 瞭解 跳 跳 是 原籍 大陸 浙江 的 陸配 來 台 20 多年 已 有 身分 證 在 當地 工作 多年 負責 在 街頭 拉人 也 就 是 俗稱 的 伊 拉客 跳 跳 通常 是 傍晚 入夜後 在 三 水 街 廣州 街 華西街 一帶 走來走去 看到 男性 民眾 便 會 開口 招攬生意 萬 華 疫情爆發 後 不少 店家 的 小姐 員工 都 紛紛 前往 醫院 檢查 跳 跳 因 有 發燒 咳嗽 狀況 後來 被 驗 出 確診 伊 拉客 是 萬華阿 公 店 特有 產物 當初 是 店裡 生意 不好 時 叫 沒 客人 的 小姐 出去 外面 找 客人 但 後來 逐漸 演變成 專責 制 有 不 想 喝酒 坐 台 的 女子 專門 負責到 外面 拉人 但 後來 伊 拉客 開始 變調 有人 鎖定 喝 醉 的 民眾 進 店 之後 隨便 灌 單 漲價 喝 1 小時 竟要 收 1萬 多元 甚至 直接 扒竊 對方 皮包 因此 鬧 出 多 起糾紛 伊 拉客 後來 更 是 明目張膽 到 大街 上 隨意 拉人 鶯鶯燕燕 嚇壞 不少 觀光客 造成 反感 當地 飲酒 協會 甚至 發起 拒用 伊 拉客 的 活動 還 安排 巡邏隊 驅趕 伊 拉客 亂 拉人 有眼不識泰山 還 曾 拉到 員警 當年 萬華 分局長 陳文智 竟 也 被 拉 過 陳 當時 立刻 通知 部屬 將 該 名 白 目 女 逮捕 法辦 警方 指出 伊 拉客 每天 跑來跑去 除了 在 街頭 遊 走 外 也 常常 要 帶 客人 進入 不同 店家 確實 是 高風險 群 但因 伊 拉客 不是 小姐 不 屬於 店家 出事 後 一 鬧 而 散 連帶 造成 疫 調 聯繫 控管 的 難度</t>
  </si>
  <si>
    <t>nfl 例行 賽還 沒開 打 就 有 球員 嚴重 違規 海鷹 隊 菜 鳥 席弗 藍德 kemah siverand 因為 偷 帶 女人 進入 球隊 飯店 直接 被 球 團 宣佈 開除 nfl 球隊 目前 在 訓練營 雖然 他們 例行 賽 不 打算 採用 隔離 式 的 泡泡 來 阻擋 新冠肺炎 他們 仍然 很 重視 防疫 23 歲 的 席弗 藍德 今年 5 月 才 與 海鷹 隊 簽約 nfl 官 網 記者 指出 這 是 殺一儆百 清楚 傳達 了 nfl 對 球員 的 要求 如 果敢 讓 大家 暴露 在 風險 中 這 就 是 你們 的 下場 席 弗 藍德 的 劣跡 都 被 監視器 拍下 他 讓 那 女人 假扮 成海鷹 隊 球員 試圖 溜 進 飯店 但 騙 不過 旁人 的 眼睛 即使 依照 疫情爆發 前 的 規定 球員 也 不 可以 攜帶 外人 進入 球隊 飯店 或 房間 公羊 隊 2016 年 就 以 同樣 理由 開除 了 外 接 員 deon long 有 球迷 質疑 聯盟 只敢 拿 這些 小人物 開刀 如果 是 明星 球員 犯 錯 球 團 絕對 不敢 重罰 無論如何 nfl 下令 球員 每日 檢測 新冠肺炎 一直 到 9 月 5 日 為止 他們 預計 美國 時間 9 月 10 日 開 打 完整 的 例行 賽 由於 他們 每 隊 的 例行 賽只 有 16 場 所以 不 需要 縮短 球季</t>
  </si>
  <si>
    <t>本土 疫情 未 降溫 行政院長 蘇貞昌 承諾 的 第一 季 到貨 2000萬 劑 進口 疫苗 至今 僅 到貨 8766萬 劑 到貨 率 不 到 5 即使 加上 今 4 日 下午 預計 從 日本 運來 的 124萬 劑 az 疫苗 也 僅 達 承諾 的 1 10 立 委 指 政府 的 疫苗 支票 至少 跳 票 50 次 2 成 醫護 還 沒 拿 到 去年 第 4 季 津貼 蘇貞昌 失信於民 是 放羊 的 孩子 5 月 下旬 以來 本土 疫情 燒得 又 快 又 猛 本土 確診 病例 累計 近 萬 例 死亡 累計 166 例 立 委 邱臣遠 表示 蘇貞昌 2 月 至 立 法院 專案 報告 新冠肺炎 篩檢 疫苗 整備 及 百億 養豬 產業 基金 相關 事項 時 提到 臺灣 可 獲得 國外 疫苗 約 2000萬 劑 含 covax 約 476萬 劑 az 疫苗 1000萬 劑 及 莫德納 疫苗 505萬 劑 預計 第 1 季起 陸續 供應 但 衛福部 花 了 370 多 億 採購 疫苗 實際 到貨 僅 8766萬 劑 covax 到貨 率 128 az 到貨 率 117 莫德納297 加上 衛環 委員會 下 的 疫苗 調閱 小組 從 4 月 29 日 成立 到 第 三 會期 最後 一 天 5 月 31 日 都 沒有 開過 會 邱臣遠 表示 最 快下 周 將 要求 蘇揆 赴 立 法院 報告 疫苗 採購 細節 立 委 蔡壁如 強調 有 網友 整理 去年 中 以來 政府 的 疫苗 支票 至少 跳 票 50 次 政府 超前 部署 已 證明 是 落後 倒數 另 根據 第一 線 臨床 醫療 的 預測 圖 covid-19 醫療 壓力 60 日 發展 過程 統計表 疫情爆發 後 的 第 30 天 正好 就 是 未來 一 周 重症 案例 將 增加 政府 應 考慮 盤點 重症 資源 的 公開 建置 資訊 且 熱區 監控 應該 細 到 以 鄰里 為 單位 蔡壁如 表示 仍 有 部分 醫院 第一線 醫護 沒有 拿到 防疫 津貼 甚至 去年 第 4 季 還有 2 成 沒 下來 今年 第 1 季也 還 沒有 完全 撥款 聽說 是 審計部 刁難 第一線 人員 防疫 保險 提供 未來 1 至 7 年 長期 防疫 的 準備 同時 落實 執行 第 五 類 傳染病 防治 工作 致 傷病 或 死亡 補助 辦法 社區 快 篩 站 設置 經費 應 簡審 快速 撥款 不要 輕易 解 封 或 應該 輪流 解封 相關 店家 邱臣遠 說 蘇貞昌 2019 年 就任 至今 重大事故 傷亡 不斷 統計 至 6 月 3 日 死亡 人數 高達 246 人 包含 疫情 重大 交通 事故 國軍 意外事故 等 臺灣 防疫 下 半 場 要 拼 疫苗 接種 率 蘇揆 應 正視 內閣 系統性 失靈 蔡壁如 強調 全民 都 在 等 疫苗 然而 看不到 盡頭 的 隧道 最 令 人 恐慌 政府 必須 要 當 出口 的 那 一道 光 邱臣遠 說 感謝 美 日 捐贈 疫苗 馳援 我國 但 國人 更 關注 疫苗 怎麼 打 可以 選擇 什麼 品牌 蔡壁如 則 要求 指揮中心 應在 最 短 時間 內 公佈 疫苗 施打 時程 與 規劃 讓 大家 知道 什麼 時候 輪到 我 注射 疫苗 包括 各 類別 接種 疫苗 時程 哪些 人 哪個 時間 點 可以 打 哪個 廠 牌 自費 與 公費 接種 辦法 以及 疫苗 接種 受害 救濟 機制 等</t>
  </si>
  <si>
    <t>近期 大陸 因 delta 變異 病毒 導致 疫情 再起 一度 波及 約 一半 省分 包含 南京 揚州 鄭州 張家界 等 地 都 成為 重點 警戒 城市 同時 也 衝擊 大陸 經濟 專家 研 判 雖然 復蘇 趨勢 不 改 但 勢必會 影響 部分 產業 的 短期 表現 這 也 讓 大陸 台商 為 因 應變 局 而 持續 調整 經營策略 像是 廈門 日前 就 與 當地 台辦 機關 溝通 討論 訂單 雖 滿 但 運往 海外 物流 不易 與 企業 申請 周轉金 等 問題 此外 揚州 台 協會 長方 丁玉 也 透露 這 段 期間 也 開設 像是 直播 班 等 課程 幫助 當地 的 台商 同業 可 多 利用 直播 發展 業務 甚至 在 較 軟 性 的 需求 上 也 透過 揚州 台協 舉辦 如 乒乓球 羽毛球 訓練班 日前 又 開設 免費 瑜 珈 課 都 吸引 不少 臺胞 參加 由於 大陸 近期 受到 變異 株 delta 疫情 影響 從 7 月底 開始 就 有 不少 省市 一度 發佈 各種 防控 限制 措施 等 大陸 財 信 證券 首席 經濟學家 伍超明 表示 這 不可避免 會 對 人員 聚集行業 如 消費 服務業 產生 影響 抑制 短期 經濟 表現 同時 在 疫情 衝擊 全球 大環境 未 完整 復蘇 之前 台商 也 得 持續 精 打算盤 思考 怎麼 防 衝擊 擴 發展 廈門台商協會 會長 吳家 瑩 透露 近日 與 廈門市 台辦 官員 就 舉行 座談會 就 疫情 下 所 面對 的 經營 問題 進行 溝通 討論 吳家 瑩 表示 由於 歐美 疫情 因素 廈門 在 體育 用品 衛浴 設備 跟 高 科技 相關 訂單 滿滿 但 卻 面對 海運費 用 變 貴 甚至 沒有 貨櫃 可 運輸 問題 希望 大陸 官方 可 協助 增加 船 運量 與 從 廈門 出發 的 中歐 班列 班次 好 協助 台商 更 多 更 便利 的 將 貨品 出口 到 海外 各國 吳家 瑩 也 指出 另外 像是 餐飲業 等 類型 台商 基於 產業 特性 衝擊 仍 較 嚴重 需要 周轉金 這塊 也 在 座談會 上 向 與會 的 當地 金融監管 官員 反映 有望 加速 幫忙 台企 小額貸款 等 問題 此外 實際 從 去年初 疫情爆發 以來 就 有 很多 台商 台幹 至今 滯留 在 大陸 這 波 疫情 是否 再度 影響 台商 台幹 的 兩岸 移動 對此 吳家 瑩 認為 沒有 太 大 變化 觀察 抵達 廈門 班機 的 臺灣人 沒有 明顯 減少 他 表示 目前 兩岸 對 入境 的 邊境 管制 力道 都 未 放鬆 許多 在 廈門 的 台商 或 台幹 雖然 待 了 很 久 暫時 也 還 沒有 返台 打算 他 坦言 中秋節 回台 人數 大概 也 不 多 只能 期待 明年 過年</t>
  </si>
  <si>
    <t>大陸 在 進口 冷凍 食品包裝 驗 出新冠 病毒 擔憂 為 防疫 漏洞 採取 嚴格 的 檢驗 及 暫停 輸入 作為 但 國內 中央流行疫情指揮中心 卻 僅 嗆 明 不會 比照 大陸 限制 進口 而 邊境 抽驗 強制 消毒 等 防制 對策 至今 仍 是 空中樓閣 時間表 付 之 闕如 老愛 掛 在 嘴邊 的 超前 部署 再 成 笑話 年初 新冠肺炎 疫情爆發 衛福部 和 川普 一 搭 一 唱 痛 批 大陸 隱瞞 疫情 為了 一 封電子郵件 內容 是否 提到 病毒 會 人 傳人 甚至 與 who 各說各話 竭盡所能 嘲笑 對岸 輕忽 疫情 進而 造成 全球 大 災難 結果 大半 年 後 大陸 控制 住 疫情 反觀 美國 累計 破 1000萬 人 感染 新冠肺炎 逾 24萬 人 死亡 連 西方 主流 媒體 也 不 得 不 承認 大陸 透過 嚴格 的 封鎖 與 隔離 措施 這次 抗 疫 表現 確實 比 歐美各國 相對 更 好 最近 大陸 方面 陸續 查出 冷凍 食品 外包裝 夾帶 新冠 病毒 很快 祭出 強制 消毒 禁止 逾 百 家 企業 進口 等 因應 措施 並 提醒 各國 注意 不料 臺灣 最愛 自誇 超前 部署 的 中央流行疫情指揮中心 反而 綁 手 綁腳 應對 速度 牛步 連 何時 開始 要 廠商 強制 消毒 都 說不清 更 誇張 的 是 食 藥 署長 吳秀梅 竟 強調 新冠 病毒 不是 食 媒 性病 毒 其他 國家 都 沒 提 唯獨 大陸 在 發佈 綠 營 執政 縣 市 當然 也 順 時中 幫忙 解釋 冷凍 食品 極 低溫 運送 病毒 存活 機 率 很 低 暗 指 大陸 小題大做 孫子兵法 提到 勿 恃 敵 之 不來 恃 吾 有 以待 之 尤其 針對 醫學界 至今 摸不透 的 新冠 病毒 若無 法 完全 排除 病毒 變異 可能性 當然 得 趕快 做 好 萬 全 準備 一再 袖 手 觀望 難道 要 坐等 臺灣 第一 例 帶病毒 的 冷凍 食品 打開 防疫 破 口 令 人 無奈 的 是 衛福部 竟 畫地自限 不會 比照 大陸 禁止 進口 因為 很多 國家 都說 不 會 透過 食物 傳播 若要 推動 必須 有 進一步 的 理由 若 官員 真站 在 人民 這邊 其實 何必 猶豫 保護國 人 健康 守 住 防疫 成果 就 是 最 正當理由</t>
  </si>
  <si>
    <t>引言 大陸 經濟 快速 成長 彙聚 海內外 人才 助 其 經濟 轉型 並 在 國際 間 佔有 一席之地 不過 近年來 因 中 美 貿易 戰和 新冠肺炎 疫情 衝擊 大陸 在 十四五 期間 面臨 重大 挑戰 之一 就 是 人才 議題 不 突圍 必 難以 戰勝 環境 工商時報 即 起 一連 三 天 以 受訪 專家 的 視角 與 讀者 共同 探索 這 全球 都 在 關注 的 動態 那 就 是 中國 如何 打響 新 時代 的 人才 爭奪戰 2021 年 5 月 28 日 大陸 科技 最高 學術 機構 中國科學院 和 中國工程院 時隔 三 年 後 再次 召開 兩院 院士 大會 中共中央 總書記 習近平 率領 六 位 中央政治局常委 與會 他 宣示 世界 科技 強國 必須 能夠 在 全球 吸引 人才 留住 人才 用 好 人才 這 一席話 意味著 北京 宣 告 新 一 波 人才 爭奪戰 啟動 兩 次 院士 大會 之間 的 三 年 大陸 遭逢 中 美 科技 戰和 新冠 病毒 疫情 兩 大變 局 全球 政 經 情勢 驟變 其中 在 美國科技 圍堵 下 大陸 半 導體 等 領域 遭遇 技術 瓶頸的 卡脖子 窘境 在 最近 一 次 院士 大會 召開 之際 大陸 舉國上下 正 絞盡腦汁 尋求 如何 突破 難題 而 毫無疑問 的 人才 是 解開 這 道 圍牆 的 鑰匙 中華經濟 研究院 大陸 經濟 所 所長 劉孟俊 接受 本報 專訪 時 指出 大陸 人口老化 自 2012 年 起 勞動 人口 從 成長 轉為 萎縮 顯示 人口 紅利 正 在 縮減 大陸 經濟 快速 成長 的 時期 已經 過去 要 維繫 經濟 持續 發展 就要 仰賴 制度 創新 或是 科技進步 創新 有 幾 種 可能性 例如 製造 傳統產業 的 科技化 以及 新興 科技 的 產業化 而要 完成 這些 任務 都 需要 仰賴 高 階 人才 千 人 計畫 獲 明顯 成效 大陸 想 從 製造 大國 邁向 製造 強國 之 林 光靠 豐沛 的 勞動力 遠遠 不夠 各種 產業 要 順利 升級 到 足以 跟 歐美一 較 長短 更 需要 尖端技術 專家 和 管理 人才 因此 早 在 2008 年 大陸 就 提出 千 人 計畫 以 優渥 的 補貼 和 獎勵 金 吸引 海外 高階 人才 協助 大陸 發展 實施 以來 也 獲得 明顯 成效十 多年 吸引 近 八千 位 海外華人 菁英 和 外籍 專家 臺灣 也 是 大陸 引 才 的 重點對象 至少 有 三十 多 位 臺灣 高階 人才 加入 千 人 計畫 對 近年 大陸 產 學 的 快速 發展 發揮 一定 的 作用 積極 啟動 本地 育才 資 策 會 產業 情報研究所 資深 總監 陳子昂 說 臺灣人 才 願不願意 赴 大陸 主要 有 三 個 考量 家庭 因素 公司 前景 和 薪資 條件 現在 仍 有 許多 年輕 的 臺灣人 想 赴 大陸 一 闖 自 中美關係 自 2017 年 交惡 之後 大陸 的 千 人 計畫 被 美國 和 其 西方 盟友 視為 大陸 竊取 各國 智 財權 的 手段 自 學術界 到 科技產業 展開 嚴厲 執法 重 挫 大陸 吸引 海外 菁英 的 這個 計畫 新冠肺炎 疫情爆發 及 蔓延 讓 各國 進入 類似 鎖國 模式 人員 流動 嚴重 受阻 增添 大陸 引進 海外 人才 的 難度 如今 大陸 只能 著 手 積極 培養 本地 高 階 人才 習近平 5 月 在 院士 大會 中的 講話 通篇 未 提 美國 二 字 但 中 美 科技 戰 的 煙硝 味 甚濃 習近平 說 科技 創新 成為 了 國際 戰略 博弈 的 主要 戰場 圍繞 科技 制高點 的 競爭 空前 激烈 他 點 名 科技 突破 要 鎖定 基礎 原材料 高階晶 片 等 核心技術 並 強調 當今世界 的 競爭 說到底 還 是 人才 競爭 教育 競爭 習近平 強調 人才 競爭 習近平 的 一席話 切中 大陸 在 2021 年 3 月 公佈 的 十四五 規劃 和 2035 年 遠景 目標 綱要 重點 專家 指出 十四五 規劃 聚焦 突破 七大 科技領域 又 以 人工智慧 量子 資訊 積體電路 最為 關鍵 其中 對於 歐美尚 在 萌芽 階段 的 量子 技術 十四五 規劃 提出 七 次 之 多 由此可見 大陸 未來 五 年 內 在 科技 發展 上 超 歐趕美 的 企圖 心 在 人才需求 上 相較 於 過去 的 廣納 人才 如今 大陸 更 聚焦 在 吸引 高 科技領域 的 專 才 相較 十三五 規劃 提出 要 建設 的 人才隊伍 十四五 規劃 更 凸顯 大陸 未來 更 需要 的 是 高階 工程師 和 高技能 人才 在 激勵 頂尖 科技人才 方面 十四五 規劃 也 賦予 更 大 的 技術 路線 決定權 及 經費 使用權 劉孟俊 表示 大陸 作為 追趕型 經濟體 過去 是 透過 龐 大 市場 吸引 外商 進駐 再 進行 逆向 工程學 習 模仿 但 由於 積體電路 等高 科技 的 門檻 高 與 新興產業 領域 的 原創性 高 難 循 先前 模式 因此 策略 轉向 挖 角 高階 人才 這 也 是 大陸 經濟 轉型 力爭 跨越 中等 收入 陷阱 的 過程 中 美 衝突 和 新冠 疫情 影響 廣泛 且 深遠 同時 反 全球化 單邊主義 保護主義 思潮 亦 暗流 湧動 大陸 定下 人才 強國 戰略 準備 要 在後 疫情 時代 大展 拳腳 不僅 要 做到 栽下 梧桐樹 引來 金鳳凰 為 人才 營造 良好 的 創新 生態環境 聚 天下 英才 而 用 之 之 野心 亦 從此 可見</t>
  </si>
  <si>
    <t>新冠肺炎 肆虐 全球 的 同時 最 早 爆發 疫情 的 大陸 也 面臨 貓狗 生存 大戰 因 主人 離 家 多時 大量 貓狗 恐怕 已 活活 餓 死 甚至 有 地方 政府 擔心 寵物 會 傳染 病毒 已 下令 對 滯留 在 公共場所 無 人 看管 的 寵物 格殺勿論 美國有線電視新聞網 cnn 報導 動 保 團體 表示 自新冠肺炎 疫情爆發 以來 武漢 已 有 許多 貓狗 跟 著 死亡 或是 瀕臨 死亡 不過 它們 的 死因 並 不是 病毒 而是 被 餓 死 它們 的 主人 趕在 封 城 之前 離家 至今 未 歸 不 只 是 武漢 大陸 其他 大城市 如 北京 大連 西安 等 也 都 有 同樣 情形 國際 人道 對待 動物 協會 humane society international 主任 希金斯 wendy higgins 表示 難以 估算 確切 數字 不過 光是 武漢 動 保 人士 就 已 協助 至少 1000 戶 人家 的 寵物 因此 若以 全 大陸 來看 數字 將 會 非常 可觀 動 保 團體 表示 起初 出 城 人士 以為 只 是 短暫 離開 因此 只為 家中 毛 小孩 留下 幾 天份 的 食物 及 水 沒 想到 疫情 延續 超過 1 個 月 許多 人 至今 尚未 返家 大陸 微 善 愛護動物 協會 vshine animal protection association 估算 光是 湖北省 就 有 成千上萬 只 寵物 被 留在 家裡 許多 飼 主 找 上 他們 幫忙 另外 以 大連 為 例 協會 收到 了 400 通 求救 電話 協會 人員 幫忙 救 出 了 約 380 只 寵物 此外 2 月底 香港 傳出 全球 首例 寵物 狗 確診 新冠肺炎 案例 激起 部分 民眾 恐慌 以為 寵物 會 傳播 新冠 病毒 更 導致 大陸 出現 針對 動物 的 暴力事件 地方 政府 警告 民眾 不 要 讓 狗 外出 一 份 當地 官員 刊出 的 警告 指出 一個 稱為 urban construction administration 的 團體 聲稱 要 撲 殺 所有 在 住家 之外 遊蕩 的 貓狗 以 防止 新冠 病毒傳播 另外 湖南省 洪江市 以及 浙江省 等 也 都 發佈 告示 如果 在 公共場所 看到 寵物 或是 無 人 看管 的 動物 政府 將 全面 撲 殺 絕 無例外</t>
  </si>
  <si>
    <t>臺灣 疫情爆發 疫苗 短缺 一 名 留 美 的 臺灣 學生 表示 校方 通知 若要 返校 就 必須 接種 疫苗 且 必須 施打 校方 認可 的 3 種 疫苗 包括 輝瑞 bnt 嬌 生 及 莫德納 而 az 疫苗 因 未 獲得 美國 fda 的 eua 緊急 使用 授權 因此 不在 認可 名單</t>
  </si>
  <si>
    <t>臺灣 疫情爆發 疫苗 短缺 一 名 留 美 的 臺灣 學生 表示 校方 通知 若要 返校 就 必須 接種 疫苗 且 必須 施打 校方 認可 的 3 種 疫苗 包括 輝瑞 bnt 嬌 生 及 莫德納 而 az 疫苗 因 未 獲得 美國 fda 的 eua 緊急 使用 授權 因此 不在 認可 名單 內 令 他 十分 吃驚 據 聯合報 報導 台中 市 一 名 留美學生 為了 返回 美國 上 秋季 課程 日前 接 獲 校方 通知 表示 若要 返校 需 施打 校方 認可 的 3 種 疫苗 包括 輝瑞 bnt 嬌 生 及 莫德納 名單 中 並未 見到 az 疫苗 但 臺灣 目前 僅 有 az 有 機會 打 極 少數 的 莫德納 僅 供 第一線 醫護 接種 因此 只好 提早 回 美國 施打 疫苗 後 再 返校 據 瞭解 美國 有 愈來愈多 的 大專院校 強制 學生 若要 於 暑期 返校 必須 完成 新冠 疫苗 接種 臺灣 不僅 面臨 疫苗 短缺 窘境 也 沒有 多種 品牌 疫苗 可選 再 加上 預計 下月 開 打的 國產 高端疫苗 同樣 面臨 未獲 美國 eua 緊急 使用 授權 的 問題讓 留美學生 擔心 即使 在 臺灣 打 了 疫苗 也 不算數 得 提前 返美 打完 疫苗 才能 返校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臺灣 雲端 新創 cloudmile 萬 裡 雲 近期 擴大 營運 觸角 創辦 人 暨 執行長 劉永信 表示 有鑒於 新加坡政府 對 ai 和 雲端 運算 的 重視 和 投入 萬里雲 在 新加坡 設立 新 總部 辦公室 15 日 正式 啟用 劉永信 指出 新 據點 成立 將 成為 萬里雲 推動 東南亞 ai 經濟 的 樞紐 也 是 往 國際化 跨 區域 市場 目標 邁進 的 重要 一 步 萬 裡 雲 成立 於 2017 年 主要 提供 雲端 運算 和 ai 的 顧問 諮 詢 及 導入 服務 並 提供 管理 與 應用 的 實際 解決 方案 透過 深度 學習 及 大 資料 分析 協助 企業 進行 商業 預測 與 產業 升級 2021 年 為止 已 服務 海內外 超過 400 家 企業 劉永信 指出 會 選擇 新加坡 作為 新開幕 的 據點 主要 是 基於 萬里雲 未來 在 亞洲 市場 的 戰略 加上 新加坡政府 對於 雲端 運算 ai 等 相當 重視 且 大量 投入 資源 因 此 將 新 據點 設 在 新加坡 也 是 未來 邁向 國際化 跨 區域 市場 的 重要 一 步 目前 萬里雲 在 新加坡 推進 公私 雙 領域 的 數位 轉型 例如 近期 與 新加坡 管理 大學 的 合作 中 萬里雲 藉 由 機器 學習 技術 強化 當地 新創 的 駕駛 引導 服務 dgs 系統 由 新加坡 管理 大學 研究 人員 開發 用於 預測 並 協調 計程車 的 需求 來 改善 其 效率 推動 運輸 產業 轉型 發展 此外 新冠肺炎 疫情爆發 期間 萬里雲 也 幫助 新加坡政府 數位 轉型 例如 其 數位 app 與 機器 學習 服務 在 合約 追蹤 疫苗 接種 計 畫 以及 旅行 安全 管理 上 都對 新加坡政府 發揮 重要 作用 另外 新加坡 當地 食品 外 送 新創 oddle 非 營利 機構 our better world 等 都是萬 裡 雲 的 合作夥伴</t>
  </si>
  <si>
    <t>新冠肺炎 疫情爆發 以來 美國 影視 產業 拍攝 工作 全面 停 擺 造成 大批 失業 人口 在 加州 及 紐約 兩 大 拍 片 重鎮 醞釀 重 啟 拍攝 活動 之際 工會 提出 嚴密 安全 規範 the coronavirus has cast a spotlight on a lack of hygiene on se</t>
  </si>
  <si>
    <t>新冠肺炎 疫情爆發 以來 美國 影視 產業 拍攝 工作 全面 停 擺 造成 大批 失業 人口 在 加州 及 紐約 兩 大 拍 片 重鎮 醞釀 重 啟 拍攝 活動 之際 工會 提出 嚴密 安全 規範 the coronavirus has cast a spotlight on a lack of hygiene on sets with some people recalling situations where there were not enough bathrooms or places to wash their hands 加州 州長 紐森 gavin newsom 在 5 月 20 日 宣佈 州政府 即 將 重新 開放 拍 片 活動 並 表示 合乎 標準 的 縣 市 最 快 一 周 後 就 能 開始 拍 片 但 許多 工會 成員 仍舊 認為 加州 疫情 尚未 脫離險境 草率 開拍 只 會 讓 工作人員 及 演員 處於 險境 自從 疫情爆發 以來 加州 新冠肺炎 確診 人數 已 逼近 12萬 人 至今 單日 新增 病例 約 在 2千 人 左右 6 月 3 日當天 新增 的 死亡 病例 有 54 人 雖 低於 前 一 天 的 100 人 但 距離 疫情 消退 還有 一段時間 專案小組 擬 安全 規範 為了 確保 電影 從業人員 能 在 某種程度 的 安全 環境 下 返回 工作 岡 位 美國 影視 產業 罕見 地 團結一心 由 迪士尼 網 飛 華納 兄弟 nbc 環球 等 產業 巨頭 及 國際 戲劇 舞臺 工作者 聯盟 iatse 美國 電視廣播 演員 工會 sag-aftra 美國 導演 工會 directors guild of america 美國 電影 電視 製作 人 聯盟 alliance of motion picture and television producers 等 眾多 勞工 團體 組成 的 專案小組 共同 規劃 這 段 非常 時期 的 拍 片 安全 規範 上述 名為 影視 產業 勞工 管理 安全 委員會 的 專案小組 在 6 月 1 日 向 加州 及 紐約州 政府 提交 長達 22 頁 的 新冠肺炎 疫情 期間 電影 電視 串流 影片 製作 健康 安全 規範 目的 是 希望 好萊塢 及 紐約 兩 大 影視 重鎮 能 在 安全 環境 下 重 啟 拍 片 活動 根據 這 份 白皮書 日後 演員 及 工作人員 進入 片場 前 都 必須 測量體溫 並 戴 上個 人 防護 裝備 除了 演員 因 拍戲 需求 無法 戴 上 口罩 之外 現場 工作人員 全都 要 戴 口罩 拍戲 劇本 也 應 避免 演員 之間 親密 接觸 必要 時 運用 特效 後 制 取代 實際 肢體 接觸 的 戲份 棚內 錄 影 節目 若 不 得以 非要 觀眾 參與 的話 也 將 要求 觀眾 戴 口罩 此外 一 天 中 參與 同一 部 片 拍攝 工作 的 各組 人馬 應 儘量 分流 依 不同 時段 進場 片場 人員 強制 病毒 篩檢 最 重要 的 是 片場 的 演員 及 工作人員 都 將 強制 進行 新冠肺炎 病毒 篩檢 美國 導演 工會 會長 史 拉姆 thomas schlamme 及 全國 執行 總監 歐 蘭德 russell hollander 強調 病毒 篩檢 是 片場 防疫 安全 規範 的 基礎 且 篩檢 結果 必須 迅速 確實 兩 人 表示 缺乏 篩檢 將 使 演員 及 工作人員 全體 處於 未知 風險 環境 疫情爆發 以來 美國 各 大 片場 的 環境 衛生 引起 外界 關注 因為 不少 工作人員 透露 片場 廁所 不足 也 沒有 洗手台 可 使用 尤其 在 影帝 湯姆 漢克斯 韓裔 演員 金 大賢 等 人 相繼 確診 新冠肺炎 後 演員 更 成為 影視 產業 公認 的 最 高風險 族群 上述 工會 代表 于 白皮書 中 表示 限制 面對面 近 距離 接觸 是 防止 新冠肺炎 病毒傳播 的 最佳 方法 此外 持續 定期 針對 演員 及 工作人員 進行 病毒 篩檢 也 能 降低 感染 風險 這 份 白皮書 除了 送交 紐森 及 紐約 州長 郭謨 andrew cuomo 辦公室 之外 也 交給 縣市政府 主管機關 審議 好萊塢 大型 片場 聚集 的 洛杉磯 縣政府 已 在 6 月 2 日 開會討論 重 啟 拍 片 活動 的 先決條件 但 紐森 及 郭謨 尚未 針對 白皮書 發表 回應 一 名 產業 人士 向 媒體 表示 現在 決定權 掌握 在 政府 手裡</t>
  </si>
  <si>
    <t>北 韓 疫情爆發 當局 公佈 新冠肺炎 緊急 防疫 准 測 標準 更 嚴格</t>
  </si>
  <si>
    <t>大陸 山東省 青島市 日前 出現 突發 新冠肺炎 本土 確診 病例 感染 源 不明 宣佈 針對 全市 近 千萬 人口 全面 核酸 檢測 5 日內 完成 檢測 1089萬9145 個 核酸 樣本 檢測 結果 出爐 無 新 增 陽性 樣本 引發 外界 關注 對此 資深 媒體 人 陳揮文 也 嚇 一 跳 直 呼 展現 強大 實力 陳 揮文 在 政論 節目 飛碟 晚餐 陳 揮文 時間 中 說 青島 5 天普 篩 1089萬 人 這 需要 多 大 的 檢驗 能量 人力 物力 連 美國 媒體 都 嚇 一 跳 畢竟 看看 歐洲 等 國 的 疫情 所以 你 說 青島 料 敵 從寬 對 不對 這 很 難 判斷 陳 揮文 進一步 說 可是 我 要 說 他 青島 展現 強大 實力 所有 青島 朋友 都 配合 5 天 篩 1089萬 人 嚇死人 話鋒一轉 陳揮文 大笑 地 問 而 我們 呢 堅持 不 普 篩 每天 檢測 不 到 一萬 所以 我 說 陳時中 跟 指揮中心 是 顯然 有 問題 陳 揮文 認為 疫情爆發 時 臺灣 檢測 量 約 為 23000 結果 半 年 多 還是 不 到 一萬 疫情控制 好 是 運氣 好 我們 是 島國 大家 戴 口罩 爭取 半 年 時間 結果 檢驗 能量 不 到 一萬 到底 在 幹 嘛 然而 針對 青島 篩檢 結果 衛福 部長 陳時中 17 日語 帶 嘲諷 表示 太 偉大 了 不可能 會 出現 這樣 的 結果</t>
  </si>
  <si>
    <t>距離 原訂 的 三級 防疫 管制 解封 日 還有 一個 星期 雖然 對於 是否 能 如期 解封 還 是 個 未知數 但 民眾 已經 紛紛 提前 自主 解封 甚至 開始 為 解封 後 的 出遊 超前 部署 太平 山莊 七 八月 份 的 訂 房 率 不斷 提高 假日 更 是 一 房 難 求 解封 後 的 出遊 潮 盛況 恐怕 會 相當 驚人 即使 中央 尚未 宣佈 解封 但 憋不住 的 民眾 早已 自己 出門 透透氣 根據 統計 國五 雪 隧 假日 的 車流量 已經 比 前 二 周 爆 增 了 50 而 民眾 真的 是 悶 壞 了 太平 山莊 七月 的 網路 訂 房率 已經 達到 五 成 八月 更 提高 到 七 成 假日 訂 房則 是 全滿 雖然 許多 民眾 已 紛紛 為 解封 後 的 出遊 超前 部署 不過 如果 對照 疫情爆發 之前 目前 的 訂 房 率 還是 少 了 許多 太平 山莊 經理 黃信偉 表示 以往 七 八月 因 正值 暑假 期間 太平 山莊 是 一 房 難 求 今年 以 目前 的 訂 房 率 來看 算是 很 少 了 黃信偉 說 一 但 解封 太平 山上 確實 是 個很 不錯 的 地方 山上 白天 的 氣溫 大約 只 有 22 度 上下 晚上 更 降 至 167 度 是 絕佳 的 避暑 去處 此外 太平 山上 現在 的 紫葉 槭 長 得 正好 紫葉 槭 從 4 月 展 葉期 開始 一直 持續 到 9 月 的 落葉 期 都 能 欣賞 到 楓紅 美景 不 需要 等到 秋天 才能 看到 楓紅 另外 要 提醒 的 是 如果 民眾 想要 上 太 平山 搭乘 蹦蹦車 則 會 大失所望 因為 目前 正 在 施 做 邊坡 工程 依照 預定 進度 要到 11 月初 才會 恢復 營運 因此 在 今年 暑假 將 無法 體驗 搭乘 太 平山 蹦蹦車 的 樂趣</t>
  </si>
  <si>
    <t>新冠肺炎 疫情 全球 發燒 防疫 最 前線 金門 全面 備戰 即日起 包括 本 國籍 漁船 動力 小船 遊艇 在內 若 離開 禁 限制 水域 一定 範圍 或 與 大陸 漁船 接觸 船上 人員 返 金後 一律 要 居家 檢疫 14 天 楊鎮 浯 縣長 強調 全島 建立 複式 防疫 網 目標 是 做到 滴水不漏 楊 鎮 浯 下午 邀集 海 巡 署 金馬澎 分署 副 分 署長 宋子陽 第 12 巡 防區 指揮部 主任 詹 嘉德 金門 岸 巡 隊 副 隊長 王榮 忠 疾病 管制 署 金門 辦事處 主任 吳俊 輝 移民署 金門 國境 事務 隊 副 隊長 朱 事權 與 縣府 業 管 單位 主官 管 針對 超前 部署 妥善 準備 達 成數 項 協力 共識 今天 新增 防疫 措施 重點 是 針對 268 艘 漁船 和 動力 小船 遊艇 做到 1 絕對 嚴防 大陸 漁 工 上岸 2 海巡署 協助 自即日起 本 國籍 漁船 動力 小船 遊艇 如 離開 禁 限制 水域 一定 範圍 或 與 大陸 漁船 接觸 船上 漁民 返 金後 應 採取 14 天 居家 檢疫 措施 3 由 疾 管署 協助 對 違規 船只 人員 開具 居家 檢疫 通知書 另 小 三通 貨船 從業人員 需 專案 列 冊 報 備 充分 掌握 人員 出勤 狀況 及 居住 場所 並 派員 不定期 抽檢 及 進行 健康 關懷 訪視 縣府 說明 目前 貨運 航 商 所屬 非 本地 籍 的 船員 全數 都 住 在 船上 在 金廈泉 3 地 的 高 規格 防疫 標準 下 已將 雙方 接觸 的 可能性 降 至 最低 後續 從業人員 自主 健康 管理 的 措施 也 會 加強 落實 與 抽檢 目前 在 小 三通 貨船 部分 兩岸 原已 協商 取得 多 項 共識 包括 1 我方 小 三通 貨船 停靠 於 廈門 泉州 等 港口 嚴禁 船員 下船 及 與 陸籍 人員 近 距離 接觸 2 陸籍 貨船 停靠 金門 港 期間 禁止 船員 下船 嚴格 落實 船員 防疫 措施 提交 船員 健康 聲明 卡 等 資料 在 船 邊 完成 交接 由 佩戴 防護 設備 人員 拿取 避免 人員 交叉 登 船 或 上岸 3 宣導 船舶 做好 防疫 安全 管控 如有 船員 身體 不適 異常 等 vhf 或 電話 通報 港口 單位 並 由 檢疫 海關 部門 處理 後續防疫 作業 縣政府 的 針對性 具體 作法 則 有 1 比照 航空 公司 空服 員 管理模式 要求 小 三通 貨運 航 商 及其 從業人員 抵 金後 必須 自主 健康 管理 每日 量 測體溫 2 次 人員 如 需 外出 則 應 佩戴 口罩 2 2 月 12 日 召開 之 ciqs 聯檢 會議 已 要求 各 單位 加強 小 三通 貨船 防疫 並 落實 船艙 消毒 清潔 另 港 區 員警 岸 巡 與 移民署 國境 隊 也 已 增派 人力 巡 檢 嚴禁 陸籍 船員 下船 等 具體 作為 楊 鎮 浯 表示 新冠肺炎 疫情爆發 之 後 縣府 採取 超前 防疫 作為 固守 海 空 防疫 前線 目標 就是 將 疫情 阻絕 於 境外 希望 在 中央 與 地方 聯手 進一步 採取 新 作為 的 強化 下 做好 確保 金門 的 整備 工作 協力 打 贏 這 場 防疫 大 作戰</t>
  </si>
  <si>
    <t>疫情 尚未 減緩 蔡英文 總統 今 下午 接受 電臺 連線 將 透過 廣播 跟 地方 鄉親 報告 防疫 工作 這 也 是 蔡 總統 近來 首度 接受 媒體 連線 訪問 蔡 總統 疫情爆發 後 最近 都 採用 直播 方式 對外 說明 相關 防疫 工作 安撫 人心 但 今 下午 首度 透過</t>
  </si>
  <si>
    <t>疫情 尚未 減緩 蔡英文 總統 今 下午 接受 電臺 連線 將 透過 廣播 跟 地方 鄉親 報告 防疫 工作 這 也 是 蔡 總統 近來 首度 接受 媒體 連線 訪問 蔡 總統 疫情爆發 後 最近 都 採用 直播 方式 對外 說明 相關 防疫 工作 安撫 人心 但 今 下午 首度 透過 電臺 連線 跟 鄉親 報告</t>
  </si>
  <si>
    <t>臺灣 何時 能 重 回 疫情爆發 前 的 生活 陳時中 給 答案</t>
  </si>
  <si>
    <t>全球 的 疫情 排名 臺灣 排名 第 167 臺灣 現在 是 486 個 確診 病例 7 人 死亡 美國 最 嚴重 有 570萬 個 病例 一 天 增加 4萬4957 病例 一 天 死亡 1263 人 那 到底 何時 才能 回到 疫情爆發 前 的 生活 中央流行疫情指揮中心 指揮官 陳時 中指</t>
  </si>
  <si>
    <t>全球 的 疫情 排名 臺灣 排名 第 167 臺灣 現在 是 486 個 確診 病例 7 人 死亡 美國 最 嚴重 有 570萬 個 病例 一 天 增加 4萬4957 病例 一 天 死亡 1263 人 那 到底 何時 才能 回到 疫情爆發 前 的 生活 中央流行疫情指揮中心 指揮官 陳時中 指出 恐怕 還 是 要 等到 有 疫苗 時 國產 疫苗 大概 在 明年 第二 季就會 量 產 陳時中 在 政論 節目 鄭 知道 了 被 問到 何時 才能 恢復 以前 沒 發生 新冠肺炎 的 生活 陳時中 在 回說 恐怕 還 是 要 有 疫苗 或是 抗 病毒 的 藥物 產生 的 時候 社區 才會 整個 安全 被 問到 臺灣 何時 可以 注射 疫苗 陳時中 表示 在 年底 當然 會 有 各種 管道 去 做 努力 如果 以 國產 的 疫苗 他 認為 明年 到 第二 季 應該 有 機會 出來 在 年底 或 在 第一 季 的 時候 應該 有 一些 緊急 授權 使用 的 疫苗 也 會 出來 至於 誰 可以 打到 這些 疫苗 陳時中 說 第二 季 的 量 恐怕 就 比較 多 了 那在 年底 或第一 季 的 時候 國產 疫苗 有 機會 比較 有 機會 的 時間 是 大概 在 明年 春天 12 月 時 緊急 授權 的 疫苗 就 會 出來 第二 季量產 那 第二 季 一般 人 施 打得 到 嗎 陳時中 指出 當然 期待 大部分 的 人 能夠 施打 不過 依照 目前 國產 疫苗 的 速度 是 沒 辦法 做 保證 的 這 整個 還 在 臨床 試驗 中 而 第一 期 臨床 試驗 現在 就 可以 開始 做 了 打 一 劑 多少 錢? 以 臺灣 的 疫苗 政策 而言 基本上 是 會 設定 6 到 60 是 公費 使用 也 就 是 臺灣 全 人口 的 60 臺灣 有 1400萬 人 可以 免費 注射</t>
  </si>
  <si>
    <t>自 國內 本土 疫情爆發 全國 進入 三級 防疫 警戒 以來 八大 行業 收入 受到 重創 遲遲 無法 恢復 營業 今 7 日 驚 傳 停業 近 2 個 月 的 臺北 西門 星 聚 點 已 歇業 退 租 內部 設備 已 全部 搬 空 星聚 點 ktv 西門 館 位於 西門 町 鬧區 是 許多 人 的</t>
  </si>
  <si>
    <t>自 國內 本土 疫情爆發 全國 進入 三級 防疫 警戒 以來 八大 行業 收入 受到 重創 遲遲 無法 恢復 營業 今 7 日 驚 傳 停業 近 2 個 月 的 臺北 西門 星 聚 點 已 歇業 退 租 內部 設備 已 全部 搬 空 星 聚 點 ktv 西門 館 位於 西門 町 鬧區 是 許多 人 的 歡唱 聖地 每 到 假日 人聲鼎沸 但 受 疫情 影響 已 從 5 月 15 停業 至 今 近日 有 民眾 在 臉書 社團 我 是 萬 華人 貼出 一 張 照片 詢問 有人 知道 星聚 點 是 裝潢 還是 要 關掉 了 今 有 消息 傳出 業者 已 決定 歇業 退 租 並 將 內部 設備 搬 空 撤出 已 開業 10 年 的 星聚 點 傳出 歇業 消息 讓 許多 民眾 感到 震撼 網友 紛紛表示 天 啊 看看 到 年底 會 倒 多少 店家 賺 10 年 休 兩 個 月 就 倒 小時候 很 常去 qq 政府 疫苗 就 龜 速 全面 解封 遙遙無期 但 也 有人 指出 公司 早 在 疫情 前 就 有 付 薪水 與 縮短 營業時間 問題 根據 業者 官 網 資訊 僅 透露 因應 政府 防疫 政策 5 15 起 各 分館 暫停營業 恢復原 正常 營業時間 將 另行 公告 官方 目前 尚未 正式 發佈 歇業 聲明 但 google 地圖 上 顯示 永久 停業 至於 星聚 點 臺北 旗艦 館 板橋 復興 館 營業 資訊 則 顯示 暫時 關閉</t>
  </si>
  <si>
    <t>大陸 手機 品牌 業者 小米 董事長 雷軍 13 日 在 新機 發表 活動 上 表示 受到 新冠肺炎 疫情 影響 預料 今年 第一 季 大陸 手機 行業 銷量 可能 會 銳減 本 周 稍 早 雷軍並 呼籲 大陸 手機 行業 能 儘早 復工 綜合 陸媒 報導 在 送別 銷售 疲弱 的 2019 年 後 小米 及 華為 等 大陸 手機 廠商 原本 期望 藉 由 推出 更 多 5 g 手機 拉 抬 今年 銷售 但 肺炎 疫情 卻 使 業者 希望 落空 小米 13 日 舉行 新機 發表會 小米 當日 稍 早先 對外 公告 稱 2019 年 公司 全年 總收入 預期 超過 人民幣 下同 2千億 元 研發 費用 預期 約 70億 元 為了 搶 占 5 g 市場 今年 全年 研發 投入 將 超過 100億 元 由於 疫情 之 故 本次 新機 發表會 小米 改為 線 上 發佈 當天 會上 雷軍 宣佈 小米 推出 新款 旗艦 手機 小米 10 和 小米 10 pro 其中 小米 10 手機 售價 為 3999 元 這個 價格 比 2999 元 的 小米 9 手機 高出 1千 元 突顯 小米 在 5 g 時代 欲 切入 高 階 手機 市場 的 企圖 心 東方 財富 網 報導 雷軍 在 接受 媒體 提問 時 對 今年 大陸 手機 行業 做出 預測 他 認為 受到 肺炎 疫情 影響 第一 季 大陸 手機 行業 銷量 可能 會 銳減 但 整個 市場 的 下滑 幅度 沒有 大家 想像 那麼 大 二 季度 三 季度 有望 報復 性 反彈 雷軍 坦言 在 疫情 影響 下 新手機 的 產能 自然 會 受到 一定 影響 很多 工廠 到 2 月 10 日 都 還 不能 恢復 生產 所以 未來 一兩 周 供貨 會 出現 一些 緊張 小米 10 日 復工 後 目前 正 全力 拼 產能 稍 早 有 行業 分析 師 預測 受到 供應 斷 鏈 及 消費者 信心 下滑 影響 大陸 今年 第一 季智慧 手機 出貨量 將 較 去年同期 減少 約 40 在 小米 發表 新款手機 期間 小米 在 港股 的 股價 盤中 一度 飆 升 逾 5 至 1358 港元 最終 收 報 1338 港元 漲 356 新冠肺炎 疫情爆發 後 小米 股價 於 春節 後 1 月 30 日 回檔 至 1150 港元 之後 震盪 上揚 迄今 累 漲 163</t>
  </si>
  <si>
    <t>臺灣 本土 疫情 雖 稍微 趨 緩 連續 4 天 維持 2 位 數 確診 但 疫苗 數量 供不應求 不少 民眾 選擇 飛 出國 打 疫苗 在 台 發展 的 美籍 男 星 賈斯汀 justin caleb cooper 是 節目 請問 今晚 住 誰家 主持人 2 分之一 強 班底 他 近日 透露 不 回 美國 繼續 待 臺灣 的 主要 原因 賈斯汀 最近 在 節目 單身 行不行 被 主持人 邱沁宜 問 怎麼 沒有 在 疫情爆發 時 回 美國 避難 他 表示 2019 年底 新冠 病毒 剛 擴散 時 住 在 美國 的 媽媽 擔心 臺灣 離 大陸 很 近 恐怕 很快 就 會 被 波及 希望 兒子 能 趕快 回家 賈斯汀 左思右想 認為 這個 時候 搭 飛機 感染 風險 更 高 而且 回 美國 沒有 工作 也 沒有 車 更 重要 的 是 美國 沒有 健 保 制度 賈斯汀 直言 美國 的 健 保 貴 到 要命 你 知道 嗎 超級 貴 綜合 三 個 因素 他 決定 繼續 留在 臺灣 賈斯汀 表示 當時 身邊 的 很多 美國 友人 都 選擇 搭機回 家鄉 想 說 躲 一 躲 就 沒事 想不到疫情 擴散 得 如此 嚴重 後來 他們 回去 真 的 有 躲 了 躲 了 兩 年 出不來 了 現在 才 開始 解放 可以 讓 他們 回來 真的 很 誇張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在 nba 無限期 停賽 期間 仍 在 社 群 媒體 相當 活躍 的 湖 人 小 皇帝 詹姆斯 9 日 接受 視 訊 訪問 時 再次 放 話 我 很 樂意 迎接 本 季 的 正式 回歸 我們 的 狀態 能 在 複賽 後 開始 為 了 總 冠軍 而 戰 我 更 希望 能 有 球迷 在 觀眾席 上 的 比賽 但 我 不 知道 能否 成真 詹姆斯 在 這次 美國 新冠 疫情爆發 期間 態度 始終 一 變 再 變 從 一 開始 放 話 拒絕 打 沒 觀眾 比賽 到 了 後來 變成 呼籲 大眾 努力 防疫 就算 停賽 也 沒關係 但他卻 是 本 季 假如 剩 餘 賽季 不 打 損失 最 大 的 nba 球星 之一 因為 只 要 少打 1 場 他 約 損失 40萬 美元 只 是 隨 著 nba 找 不 到 真正 可行 的 複賽 方案 詹姆斯 強調 自己 無論如何 都 會 珍惜 一些 本 季 的 特殊 時刻 假如 我們 沒有 機會 可以 打完 本 季 我 不 覺得 自己 可以 找到 任何 寬慰 追根究底 我們 必須 同意 健康 平安 是 最 重要 的 當 我們 控制 好 這 點 才可 處理 其他 事情 畢竟 湖 人本 季 奪冠 呼聲 很 高 詹姆斯 當然 很 想 趕緊 複賽 我 現在 每週 至少 訓練 4 到 5 次 儘量 保持 最佳 狀態 不管 本 季 何時 恢復 我 都讓 身體 與 頭腦 做好 準備 不過 最 重要 的 還 是 美國 本土 與 全世界 人們 的 安全 要 控制 好 疫情 努力 達到 我們 可以 複賽 的 階段</t>
  </si>
  <si>
    <t>臺灣 本土 疫情爆發 連日 確診 個案 破百 總和 已 超過 千 人 尤其 雙北更 淪為 嚴重 疫區 各 大 醫院 的 醫療 量 能 備受 挑戰 面對 負 壓 隔離 病床 數 吃緊 外界 擔憂 如果 接下來 重症 患者 爆 量 恐怕 無 病床 可用 對此 中華民國 防疫 學會 理事長</t>
  </si>
  <si>
    <t>臺灣 本土 疫情爆發 連日 確診 個案 破百 總和 已 超過 千 人 尤其 雙北更 淪為 嚴重 疫區 各 大 醫院 的 醫療 量 能 備受 挑戰 面對 負 壓 隔離 病床 數 吃緊 外界 擔憂 如果 接下來 重症 患者 爆 量 恐怕 無 病床 可用 對此 中華民國 防疫 學會 理事長 王任賢 喊話 指揮中心 臺灣 需要 方 艙 醫院 並 表示 醫院 是 用 來 收 治病 患 提供 診療 服務 現在 將 確診 病例 安置 在 集中 檢疫所 於 法 不合 痛 批 衛福 部長 陳時中 到 現在 都還 沒有 搞 清楚 方 艙 醫院 的 用途 王 任賢 強調 建構 方 艙 醫院 不僅 能夠 收治 輕 症 與 無 症狀 患者 還 具備 集中 隔離 的 功能 也 是 一個 提升 醫療 量 能 最佳 的 選擇 王 更進一步 指出 新冠肺炎 感染者 有 5 到 8 成是 無 症狀 或 輕 症 感染 在 確診 病例 不斷 增加 的 情況 下 如果 按照 過去 的 處置 模式 將 輕 症 患者 也 都 收治 在 負 壓 隔離病房 會 導致 重症 需要 住院 的 病例 以及 新 住院 需要 評估 的 病例 沒有 辦法 得到 妥善 的 醫療 照 護 因應 疫情 新北 市長 侯友宜 本來 考慮 籌 設 方 艙 醫院 但 臺北市 長 柯文哲 認為 現在 蓋也 來不及 要 直接 徵用 大型 旅館 來 收治 新冠輕 症 患者 王任賢 則 提醒 倘若 縣市政府 想用 大型 收容 場所 或是 防疫 旅館 替代 最好 要 先 通過 衛生局 醫 事 課 的 審核 因為 這些 地方 都 不是 醫院 病 患 住 在 裡面 要是 有 個 三長兩短 他 可以 立刻 向 衛生局 檢舉 因為 不在 醫院 裡 的 醫生 都 叫做 密醫 從事 醫療 行為 也 是 不 合法 的 如果 出現 問題 恐怕 造成 中央 跟 地方 之間 的 衝突</t>
  </si>
  <si>
    <t>新冠肺炎 covid-19 全球 疫情爆發 臺灣 反應速度快 加上 控制 得宜 許多 大陸 香港 民眾 都 希望 可以 來 台 避難 部落 客 艾兒莎 在 臉書 po 文 表示 日前 在 機場 收到 很久沒 聯絡 來自 香港 的 約會 物件 傳 訊息 她 一 句 話 霸氣 回 嗆</t>
  </si>
  <si>
    <t>新冠肺炎 covid-19 全球 疫情爆發 臺灣 反應速度快 加上 控制 得宜 許多 大陸 香港 民眾 都 希望 可以 來 台 避難 部落 客 艾兒莎 在 臉書 po 文 表示 日前 在 機場 收到 很久沒 聯絡 來自 香港 的 約會 物件 傳 訊息 她 一 句 話 霸氣 回 嗆 網友 一面倒 贊 爆 艾 兒莎 日前 在 機場 等待 行李 聽 到 一 名 男子 在 講 電話 口氣 不 佳 似乎 發生爭執 男子 拿 著 手機 說 口罩 現在 寄 不 出去 且 自己 也 不夠 用 了 電話 另 一頭 則 是 一 名 女子 央求 拜 讬 你 了 我們 真 的 需要 幫忙 看 之後 能 不能 用 你 公司 什麼 名義 把 我們 接去 臺灣 男子 爆 氣 嗆 當時 在 交往 不是 嫌 我們 臺灣 封閉 發展 很 差 笑 我 只 願意 待 在 南部 發展 跟 臺灣 一樣 沒有 未來 怎麼 要 躲 就 非得 要 找 我 來 這 躲 原本 想 與 朋友 分享 遇到 的 經歷 拿 起 手機 卻 收到 香港 小開 傳來 訊息 問候 問 她 臺灣 房地產 現在 能 不能 買 艾 兒莎 透露 4年前 與 對 方在 臺灣 約會 時 順便 考察 房市 曾 酸 臺灣 太 封閉 政治 上 選擇 太 笨 了 民主 換來 一 堆房 子 破舊 成 那樣 根本無法 成長 我 才 不 願意 投資 如今 卻 傳 訊問 聽說 你們 那邊 物資 夠 路上 也 很 安穩 臺灣 好像 在 處理 的 狀況 下 很 不錯 可能 帶上 我家 人 過去 臺灣 一陣子 看 完 訊息 艾 兒莎 氣 到 翻白眼 霸氣 嗆 對方 臺灣 的 好 現在 知道 也 不晚 但 真的 不用 你們 這些 人 現在 來 一面倒 最後 艾兒莎 吐 心聲 臺灣 就 是 我們 的 國家 就算 有 缺點 弱勢 也 應當 包容 是 個 可以 給 我們 庇蔭 與 保護 的 地方</t>
  </si>
  <si>
    <t>新冠肺炎 疫情 導致 死亡 人數 攀 高 民眾 懼怕 之 餘 多數 在 家中 抗 疫情 連帶 激勵 電 商 網 購 平臺 防疫 物資 貨運 公司 宅 經濟 的 手 遊 公司 零售 通路 及 食品業者 等 業績 長 紅 如 鈊 象 3293 富 邦 媒 8454 等 臺灣 的 新冠肺炎 疫情 從 過年 到 目前 已經 超過 兩 個 多 月 已 有 5 人 死亡 因 尚未 控制 住 民眾 也 多數 留在 家裡 減少 外出 創造 了 宅 經濟 的 市場 包括 透過 網路 採購 民生 必需品 momo 購物 的 富 邦 媒 遠 百 旗 下 愛 買 以及 貨運 公司 如 嘉裡大 榮 宅 配 通 的 業績 走 強 其 中富 邦 媒 2 月 營 收 495億 元 創 歷史 同期 新高 年 增 399 今 年前 兩 個 月 營 收 988億 元 年 增 263 旗 下 momo 網路 購物 今年 2 月 業績 占 比 繼 去年 11 月 後 再次 突破 九 成 其中 行動 購物 業績 占 比 約達 70 年 增 62 成長率 創 近 一 年 新 高 同時 宅 經濟 相關 的 的 手遊 公司 如 鈊 象 智冠 等 業績 也 從 今年 新冠肺炎 疫情爆發 開始 的 1 月 開始 至今 每月 業績 持續 成長 鈊 象 今年 2 月 營 收 627億 元 月 增 182 年 增 97 連 兩 個 月 改寫 單月 營 收 新 高</t>
  </si>
  <si>
    <t>本 周 起 封鎖 76 天 的 武漢 正式 解除 聯 外交 通 大量 被 封在 外省 的 武漢人 陸續 返回 困 在 武漢 的 外地人 也 趕緊 安排 返鄉 面對 這一來 一往 的 數 百萬 人潮 大陸 官方 繃緊神經 要求 武漢 市民 儘量 不 要 外出 做好 社區 防疫 管理 外地 返回 武漢 的 不要 著 急 避免 把 病毒 帶回 武漢 引發 二 度 疫情 美國之音 指出 武漢 解除 封鎖 後 的 狀況 很 像 錢鍾書 作品 圍城 情境 城裡人 想 出去 城外 人 想 進來 解封 當天 就 有 6萬 多 人 出 城 返 城 的 大軍 也 在 陸續 抵達 互聯網 上 傳播 的 視頻 顯示 通往 武漢 的 高速公路 收費站 大排長龍 全家 在 江西 丈母娘 家 困 了 2 個 多 月 的 武漢 市民 吳志 起 在 網上 發 佈 返回 武漢 的 視頻 被 一些 網 民 罵 頭殼 壞 了 幹 嘛 往 武漢 死路 走 呢 第二 波 疫情 大 爆發 小心 為 上 一 名 返回 武漢 復工 的 市民 則 被 查出 是 無 症狀 感染者 被 要求 隔離 14 天 報導 說 解封 當天 武漢 還 在 江邊 舉行 燈火 秀 慶祝 但是 當地人 很 清楚 現在 還 遠 不是 慶祝 的 時候 他們 擔心 病毒 可能 會 捲土重來 治癒 後 複 陽 的 無 症狀 感染 每個 都 是 疫情 二 度 爆發 的 隱患 昨日 新增 無 症狀 感染 47 例 境外 輸入 14 例 在 醫學觀察 有 1097 例 很多 人 認為 其中 還 有 不少 瞞報 的 成分 主要 是 擔心 影響 復工 一 位 要求 匿名 的 武漢 市民 說 周圍 的 社區 傳出 無 症狀 感染 病例 社區 管控比 以前 更 嚴 沒有 復工 證明 的話 原則 上 一個 人 只 能 出 去 2 小時 有的 社區 沒有 復工 證明 乾脆 不讓 出門 武漢 一 位 網 民 說 沒 復工 證明 不讓 出門 全面 解封 還 不 知道 要 等 到 什麼 時候 繼續 家裡 蹲 大陸 官方 認為 無 症狀 感染者 也 可能 成為 傳染源 但 可能 不是 主要 的 傳播 來源 專家 認為 大陸 不 會 出現 第二 波 疫情爆發 但 某些 地 可能 會 有 小規模 疫情 武漢大學中南醫院 副 院長 章軍 建 還 說 隨 著 患者 減少 他 主持 的 武漢客廳 方 艙 醫院 已經 關閉 但是 短期 內 不 會 被 拆除 顯示 短期 內 武漢 疫情 仍 有 隱憂 報導 指出 現在 更 令人擔心 的 是 廣州 三元里 的 外籍人士 聚集區 以及 中俄 邊界 的 綏芬河 輸入 性 疫情 告急 當地 搶建 的 方 艙 醫院 即將 啟用</t>
  </si>
  <si>
    <t>新冠 疫情爆發 至今 近 2 年 不少 民眾 搶 打 疫苗 盼 能 早日 出國 旅遊 對此 台大前 感染 科 醫師 林氏 璧 表示 日本 東京 昨 僅 9 人 確診 大 阪 也 只 有 7 人 染疫 全 日本 單日 的 確診 數 降 至 雙 位元數 顯示 疫情 趨 緩 如果 能 這樣 一路 控制 不</t>
  </si>
  <si>
    <t>新冠 疫情爆發 至今 近 2 年 不少 民眾 搶 打 疫苗 盼 能 早日 出國 旅遊 對此 台大前 感染 科 醫師 林氏 璧 表示 日本 東京 昨 僅 9 人 確診 大 阪 也 只 有 7 人 染疫 全 日本 單日 的 確診 數 降 至 雙 位元數 顯示 疫情 趨 緩 如果 能 這樣 一路 控制 不 知道 有無 可能 與 臺灣 來 個 帛 琉 模式 的 旅遊 泡泡 呢 引發 網友 熱 議 不少 人 激動 直 呼 好 想去 日本 林 氏 璧 昨 在 臉書 發文 表示 日本 疫情 逐漸 趨 緩 確診 數 下降 至 兩位數 86 例 上次 有 這樣 的 成績 須 回溯 至 2020 年 6 月 27 日 而 東京 與 大 阪 同一天 的 確診 數 也 都 降到 個 位數 東京 七 日 平均 檢查 陽性率 降到 04 日本 各 都道 府縣 都 已 掉 到 12 以下 林 氏 璧 指出 日本 至少 接種 一 劑 者 達到 全 人口 的 77 兩劑 完整 接種 則 是 72 65 歲 以上 高 齢 者 至少 接種 一 劑 者 達到 全 人口 的 916 兩劑 完整 接種 則 是 907 林 氏 璧 接 著 說 若 疫情 真的 一路 控制 下去 不 知道 有無 可能 和 臺灣 來 個 帛 琉 模式 的 旅遊 泡泡 雖不 敢 從 東京 大 阪 北海道 開始 起碼 可以 從 沖繩 或 一些 鄉下 地方 比方說 四國 北 陸 和 東北 等 地 開始 但 文末 林 氏 璧 也 自嘲 好 啦 我 知道 我 在 做夢 人 總 可以 有 夢 吧 貼 文 引發 網友 討論 日本 旅遊 泡泡 絕對 不是 夢 大家 一起 加油 希望 今年 可以 去 日本 跨 年 等到 可以 回 日本 旅遊 的 那天 我 一下 飛機 一定 會 落淚 可以 去 日本 賞楓 是 個 美夢 真的 好 想去 日本 玩 喔 後來 林氏 璧 也 留言 補充 說 日本 宣佈 邊境 鬆綁 縮短 已 打 疫苗 的 商務客 的 居檢 時間 從 原本 的 10 天 縮短 為 3 天 最 快 在 11 月 8 日 開始 實施</t>
  </si>
  <si>
    <t>全球 新冠 確診 人數 突破 80萬 人 大關 世界衛生組織 對 亞洲 發出 預警 指 亞太 各國 各項 防疫 措施 只是 在 為 大規模 社區 傳播 爭取時間 亞洲 新冠 疫情 離 結束 還 很 遠 呼籲 各國 做好 準備 who 並 警告 病例 數 開始 下降 的 國家 千萬 不要 鬆懈 以免 疫情 再度 席捲而來 病例 趨 緩 國家 切 勿 鬆懈 路透社 報導 who 西太平洋 區域 主任 葛西健 昨 在 視 訊 會議 上 表示 亞太地區 新冠肺炎 疫情 現在 還 看不到 終點 亞洲各國 進行 的 防疫 措施 只是 在 為 準備 大規模 社區 傳播 爭取時間 日本 新冠肺炎 疫情 持續 擴大 境內 感染 人數 31 日 單日 達 206 人 總數 已 突破 2千 人 達 2193 人 東京 的 總 感染 人數 超過 500 人 其中 有 16 人 死亡 日 年輕人 返國 疫情 擴散 近來 日本 年輕人 感染 的 病例 也 大增 京都 產業 大學 7 名 赴 西班牙 法國 等 國 畢業 旅行 返國 學生 春假 期間 趴 趴 走 還 返鄉 探親 結果 引起 京都府 和歌 山 滋 賀 石川 富山 岡山 愛媛 香 川 等 9 個 府縣 都 有 學生 感染 加上 3 名 京都府 井 手 町 鄉 公所 的 3 名 男 職員 共有 24 人 感染 許多 疑 似 帶 源 但 沒有 症狀 的 學生 去 和歌 山縣 參加 研討會 使 住 德島縣 的 其他 學校 的 大學生 也 遭到 感染 日本 2 月 以前 的 感染 病例 大多 是 與 大陸 武漢市 有 關的人 鑽石 公主 號 郵輪 感染者 占 712 人 進入 2 月 以後 開始 出現 群 聚 感染 社區 感染 等 案例 隨 著 人員 流動 疫情 也 逐漸 擴大 到 日本 全國 南韓 較 前 一 天 新增 125 例 感染 新冠 病毒 的 確診 病例 累計 確診 9786 例 大 邱 市 一家 醫院 和 首 爾 一家 教會 出現 集體 感染 境外 輸入 性病 例 也 持續 增加 新增 的 125 例 中 60 例 出現 在 大 邱 市 其 餘 分別 是 首 爾市 24 例 京 畿 道 13 例 仁川 市 6 例 大田市 和 廣尚北 道 各 2 例 釜山 市 忠清南道 廣尚南 道 各 1 例 在 入境 檢疫 過程 中 確診 15 例 日 韓星 3 國 出現 群 聚 感染 在 新加坡 新增 47 起 新冠肺炎 病例 其中 31 起 屬 本土 感染 病例 總數 達 926 起 而 隨 著 從 英美 返國 的 人數 自 上周 的 每天 1200 人 減至 目前 的 300 人 輸入 型 病例 也 有 下滑 趨勢 星國 防疫 措施 的 重心 將 轉向 控制 本土 病例 的 傳播 新加坡 傳染病 專家 表示 新加坡 還 不 算 疫情爆發 但 未來 兩 個 星期 是 關鍵 印度 印尼 恐 似 海嘯 爆發 而 在 印度 隨 著 印度 總理 宣佈 封國 21 天 暫停 所有 活動 意外 激起 了 一些 原來 在 大 城市 打工 的 數 以 千萬 計 的 農民工 回鄉 專家 警示 這 反而 有 可能 將 新冠 從 大都市 帶 到 廣大 的 鄉村 在 東南亞 最 大國 印尼 專家 發出 警告 表示 印尼 可能 爆發 疫情 死亡 人數 將 超過 14萬 人 嚴重性 堪 比 2004 年 印尼 大 海嘯 印尼 正 準備 封鎖 首都 雅加達 阻止 疫情 進一步 擴散 目前 印尼 確證 病例 達到 1414例 半數 在 雅加達 698 已經 奪 走 了 122 人 的 生命 who 葛西健 特別強調 只要 此 區域 新冠肺炎 持續 大 流行 亞洲 的 疫情 傳播 風險 仍 不 會 消失</t>
  </si>
  <si>
    <t>疫情 延 燒 不斷 機組員 檢疫 期限 原為 3 天 居家 檢疫 加 11 天 自我 健康 管理 中央流行疫情指揮中心 13 日 宣佈 若 未 施打 疫苗 或 施打 第一 劑 疫苗 但 未 滿兩周 者 需要 接受 7 天 居家 檢疫 及 7 天 加強版 自主 健康 管理 令 機師 大喊 吃不消 直言 沒有 人 不 想 打 是 疫苗 不夠 坦言 事前 公司 對 新 政策 完全 不知情 認為 政府 研 擬 規定 過於 倉促 班表 也 需 重新 修正 機組員 檢疫 期限 3 11 被 視為 這次 本土 疫情爆發 的 防疫 破 口 中央 為了 嚴防 破 口 先前 宣佈 6 月 12 日前 未 接種 疫苗 的 機組人員 檢疫 期限 改 成 5 9 而 某 長 榮 機師 也 說明 5 9 這項 規定 早就 知情 公司 也 依照 這項 規定 擬定 新 的 班表 及 排定 施打 疫苗 的 人員 但 中央 13 日 突然 宣佈 新 的 政策 若 完全 沒有 施打 疫苗 或是 施打 第一 劑 疫苗 但 未 滿兩周 者 檢疫 期限 延長 為 7 7 該 長 榮 機師 表示 先前 公司 按照 班表 排定 了 施打 疫苗 的 順序 目前 接種 率 也 達 8 成 以上 機師 歎 言 其實 大家 都 願意 打 但因 疫苗 短缺 緣故 原有 的 疫苗 被 收 走 讓 有 需要 的 人 先行 施 打 導致 將近 有 2 周 的 時間 機組員 施打 疫苗 程式 停滯 機師 指出 現在 突然 將 檢疫 期限 改 為 7 7 對 某些 施打 第一 劑 但 未 滿兩周 的 機組員 相當 不 公平 因 公司 先前 按照 5 9 的 規定 排定 班 表 及 排定 施打 疫苗 的 順序 突然 更改 讓 機組員 們 措手不及 若 政府 能 將 7 7 的 政策 再多 往後 延 一個 月 讓 先前 已經 施打 疫苗 的 機組員 符合規定 這樣 才 不失 公平性 且 公司 也 較 方便 排定 之後 的 班表 及 接種 疫苗 的 順序 機師 也 說 從 去年 疫情爆發 後 大家 開始 正視 機組員 的 作息 問題 因 此 去年 中 至 去年底 機組員 的 檢疫 期限 一直 都 是 3 11 後來 因 紐 籍 機師 染疫 又 將 檢疫 拉長 至 5 9 近期 只 是 將 檢疫 期限 恢復 成 3 11機師 強調 真的 沒有 要求 更 多 爆發 華航 機師 染疫 事件 後 民眾 把 機組員 當 成箭 靶 攻擊 甚至 把 所有 機組員 當成 這次 本土 疫情爆發 的 主因 令 機師 無奈 的 說 大家 都 很 努力 防疫 沒有 誰 真的 想要 成為 破 口</t>
  </si>
  <si>
    <t>新冠 病毒 肆虐 全球 但 越南 迄今 僅 288 例 確診 無 人 死亡 堪稱 遏制 新冠肺炎 的 模範 生 該國 也 自我 定位 為 安全 的 經商 國度 積極 向 那些 有意 把 供應 鏈 從 大陸 轉移 的 國際 製造商 招手 組裝 工廠 業者 kizuna 聯合 開發 公司 指出 越南 對 疫情 反應 迅速 預期 在 這 場 大 流行病 後 大量 外資 將 湧入 越南 kizuna 正 在 越南 南部 趕 建 一 座 面積 3萬 坪 的 工廠 可望 在 7 月 完工 翌 成 投資 諮 詢 ycp solidiance 合夥人 西伯格 指出 越南 成功 抗 疫 大幅 提升 了 外國 投資者 對 該國 的 信心 越南 計 畫 投資部 表示 他們 已 準備 好 協助 那些 尋覓 新 生產 基地 的 製造商 在 疫情爆發 前 許多 原本 以 大陸 為 根據地 的 外商 為 躲避 大陸 日漸 走 高 的 勞動 成本 以及 陸美 貿易 戰後 座 力 早就 相中 越南 該國 簽署 的 多 項 貿易 協定 諸如 歐盟 越南 自由貿易 協定 evfta 也 成為 資金 進駐 的 推手 美國 baker mckenzie 法律 事務所 董事 總經理 伯克 認為 越南政府 對 這 場 大 流行病 的 因應 表現 讓 在 當地 的 外商 安心 不少 可望 有助於 經濟 回升 反彈 過去 碰上 這類 流行病 時 外籍人士 會 飛奔 回 北美 歐洲 或 東北亞 但 這次 上述 地區 都 出現 高 死亡率 人們 反而 覺得 在 這裡 更加 安全</t>
  </si>
  <si>
    <t>近期 北農 士 林 養護 之家 爆發 群 聚 感染 引發 熱 議 就 連 臺北 車站 的 街 友 在 上周 也 爆出 有 pcr 陽性 確診 臺北市社會局 緊急 對 上百 名 街 友 pcr 采 檢 社會局 指出 萬華 艋 舺 公園 列 冊 街 友 截至 6 月底 前 有 6 名 街 友 陸續 確診 已 匡列 接觸 者 並 安排 入住 防疫 旅館 臺北 車站 街 友 部分 則 有 8 名 街 友 確診 皆 依 中央 疫情 指揮中心 規定 辦理 社會局 說明 自 疫情爆發 至今 萬華為 確診 熱點 區域 針對 臺北 車站 和 艋 舺 公園 積極 防疫 宣 導 萬華 艋 舺 公園 列 冊 街 友有 109 人 而 截至 6 月底 前 有 6 名 街 友 陸續 確診 社會局 已 匡列 相關 接觸 者 並 安排 入住 防疫 旅社 大部分 街 友 已 陸續 隔離 完畢 並 再次 采 檢 為 pcr 陰性 或 ct 值 高於 30 後 解除 隔離 僅剩 1 名 街 友 尚在 住院 隔離 中 社會局 指出 臺北 車站 的 部分 有 3 人 在 6 月中 因 身體 不適 自行 就醫 采 檢 確診 社會局 陸續 分批 安排 臺北 車站 列 冊 街 友 就醫 采 檢 已 列 冊 采 檢 169 名 街 友 及 接觸 者 檢 出 5 名 確診 總計 8 名 街 友 確診 其中 3 人 為 醫院 收治 另外 5 人 則 入住 防疫 旅館 居家 隔離 所有 確診 者 與 接觸 者 皆 依 中央 疫情 指揮中心 規定 辦理 社會局 表示 因 街 友 資訊 及 經濟 弱勢 且 多數 為 高齡 健康狀況 不 佳 基於 街頭 公衛 防疫 考量 除 將 露宿街頭 之 街 友 列入 優先 施打 疫苗 對象 外 也 包含 街 友 中途 之家 的 住 民 將 媒 合 醫療 院所 或 醫師公會 做 疫苗 接種</t>
  </si>
  <si>
    <t>高雄 台鋁 mld 影城 日前 傳出 將 與 交 棒 給 秀 泰 影城 管理 8 日 再 被 爆 料 影城 員工 團隊 已 解散 記者 致電 影城 客服 也 無 人 接聽 詢問 mld 台鋁 生活 商場 客服 人員 對 方僅 表示 商場 部分 仍 維持 由 台鋁 營運 戲院 部分 將 交 棒 給 秀 泰 影城 至於 民眾 最 關心 的 影城 會員 權益 是否 在 轉移 後 仍 可 使用 客服 則 回應 目前 詳細 合作 內容 和 日期 時間 等 公司 確認 後會 發 公告 聲明 詢問 秀 泰 公關 表示 由於 影城 目前 停業 需要 一點 時間 向 主管 確認 早 在 5 月中 新冠肺炎 全台 疫情爆發 初期 在 地 社 群 網站 高雄 點 就 放上 一則 疑 似 內部 流出 的 公告 圖示 上頭 寫道 台鋁 mld 將 與 秀 泰 合作 經營 內部 公告 近期 將 停業 整修 至 秋季 中旬 引起 顧客 熱 議 不少 網友 但 歎 可惜 也 有人 樂觀其成 希望 作為 全台 3 大 影城 的 秀 泰 影城 趕緊 進駐 還有 人 匿名 爆 料 空間 早已 撤 場 完成 順勢 搭上 這 波 疫情 停業 潮 加速 合作 不過 官方 單位 尚未 發佈 消息 導致 外界 眾說紛紜 位 在 高雄 前鎮區 的 台鋁 mld 影城 於 2015 年 7 月 開幕 商場 把 日 治 時期 的 老 舊 廠房 進行 改造 並 結合 餐飲 影城 宴會 書局 等 娛樂 休閒 開幕 時 曾 大排長龍 未來 若是 秀 泰 接手 電影院 經營 將 會 是 秀 泰 進駐 高雄 的 首 作 影城 而 全新 打造 的 商場 秀 泰 生活 岡山 店 影城 則 預計 今年底 開業</t>
  </si>
  <si>
    <t>受 新冠肺炎 疫情 影響 大陸 深圳 鹽田港 缺 櫃 塞 港 情況 持續 惡化 貨物 進出口 時程 遭 嚴重 推遲 有 專家 預估 鹽田港 卡 船 的 狀況 已 超過 2 周 對 全球 航運 影響 超過 長 賜 輪 事件 英國 媒體 the loadstar 報導 大陸 廣東 新冠肺炎 疫情爆發 讓 深圳 鹽田港 被迫 進行 更 嚴格 的 防疫 管制 貨物 進出口 人員 都 必須 篩檢 陰性 原先 預估 船 期 受 延遲 7 至 8 天 時間 但 近期 疫情 並未 趨 緩 多 家 航運 商都 認為 貨物 延誤 時間 已 拉長 至 14 天 以上 航運 分析 機構 vespucci maritime 分析 師 lars jensen 表示 長 賜 輪 事件 僅 延續 6 天 左右 但 鹽田港 擁塞 狀況 已 拉長 至 兩 周 且 接下來 沒有 恢復 時間表 初 估 鹽田港 造成 的 塞 港 效應 對 貿易 影響 已經 比 長 賜 輪 事件 還要 嚴重 丹麥 物流 巨頭 dsv panalpina 執行 副 總裁 henrik nielsen 持 同樣 看法 他 說 大陸 目前 的 狀況 可以 與 3 月 長 賜 輪 事件 相提並論 但 這 次 的 影響 更 巨大 而且 持續 進行 中 物流 公司 kuehne nagel 海運 副總 otto schacht 則 認為 未來 半 年 甚至 9 個 月 以上 鹽田港 事件 都會 對 全球 各行各業 產生 影響 餘 震 將 會 持續 至少 2 季 整體 產業鏈 緊 繃 會 持續 好 一陣子 此外 深圳 不只 鹽田港 受 影響 鄰近 的 南山 港 蛇口港 也 同樣 有 相關 防疫 規定 這 也 讓 全球 航運 衝擊 擴大 鹽田港 為 全球 第 四 大陸 第 三大 港口 資料 顯示 鹽田港 去年 輸送量 達 1334萬 個 20 遲 標準 貨櫃 占 廣東省 超過 1 3 的 進出口 貨 量 及 大陸 對 美國 1 4 的 貨 量 角色 相當 吃重</t>
  </si>
  <si>
    <t>澳洲 維多利亞省 省長 安德魯斯 daniel andrews 週一 宣佈 因 該省 的 新冠肺炎 疫情 升高 與 新南 威爾斯 省 接壤 的 省界 將 於 週二 起 無限期 關閉 這 將 是 澳洲 人口 最 多 的 這 兩 個 省 100 年 來 首度 關閉 邊界 政府 上次 對 兩地 之間 的 人員 流動 採取 封鎖 措施 是 在 1919 年 爆發 西班牙 流感 期間 維多利亞 省長 表示 與 澳洲 總理 莫里森 scott morrison 新南 威爾斯 省 省長 貝爾吉格利安 gladys berejiklian 共同 做出 這個 封閉 省界 的 決定 該 措施 於 當地 時間 週二 晚間 11 時 59 分 生效 除 了 新南 威爾斯 省 之外 維多利亞省 僅 與 南澳 洲 省 毗鄰 兩 省 邊界 已經 關閉 維多利亞省 首府 與 最 大 城市 墨爾本 近幾日 來 的 新冠肺炎 確診 數 激增 促使 政府 在 30 處 郊區 祭出 嚴格 的 社交距離 措施 並 完全 封鎖 9 幢 公共 住宅 大樓 維多利亞省 隔夜 新增 127 個 新冠肺炎 確診 病例 創下 疫情爆發 以來 單日 新高 記錄 該省 亦 新增 1 名 死亡 病例 是 逾 兩 周來 全國 首次 再現 死亡 病例 使 澳洲 累計 死亡 病例 達到 105 人 維多利亞省 與 新南 威爾斯 省 之間 的 邊界 關閉 恐 將 對 澳洲 經濟 復蘇 帶來 打擊 該國 正 走向 近 30 年 來 的 第 一個 經濟衰退</t>
  </si>
  <si>
    <t>新冠肺炎 疫情 持續 蔓延 從 2018 年 中 美 貿易戰 開 打 2019 年 加碼 演出 再 加上 今年 的 新冠肺炎 肆虐 大陸 出現 前所未見 的 封城 封省 景象 世界 產業 供應 鏈 很 可能 斷 鏈 進而 重新 解構 調整 幾乎 勢 不可 免 全球 經濟 板塊 可 預見 將 出現 大 位移 大陸 世界 工廠 地位 將 遭遇 空前 挑戰 成為 世界 主要 市場 的 期待 將 越來越 難以實現 高度 經濟 成長 已成 過眼雲煙 中度 經濟 成長 將 成為 新 常態 加速 探 底 的 可能性 亦 不能 排除 加上 人口 結構 城鄉 差距 與 所得 分配 以及 就業 市場 持續 惡化 大陸 社會 維 穩 需求 與 成本 將 逐漸 升高 情勢 發展 值得 密切 關注 反觀 臺灣 上述 事件 的 短期 衝擊 儘管 難以 完全避免 然而 民主 典範 忠誠 夥伴 與 科技 發展 的 國際 認同 在後 新冠肺炎 時代 世界 供應 鏈 重構 的 新 浪潮 中 有 機會 迎 回 資金 與 人才 重新 彙集 再 加 國際 知名企業 重新 落腳 群 聚 天時 地利 與 人和 齊備再造 臺灣 經濟 奇跡 的 序幕 可能 加速 開啟 把握 產業結構 順利 轉型 升級 的 歷史 機遇 臺灣 經濟 可望 有 至少 30 年 的 好 風光 我 認為 1980 年代 後期 的 泡沫經濟 是 過去 三十 多年 臺灣 經濟 由盛而衰 的 重要 關鍵 按 1980 年代 後期 臺灣 股 匯 與 房市 連袂 狂 飆 特別 是 台股 指數 在 四 年 不 到 的 時間 由 低於 千 點 一路 飆漲 至 1990 年 2 月 12 日 盤中 創下 至今 仍未 突破 的 12682 點 假性 繁榮 的 代價 就是 工資 與 地租 等 生產成本 持續 升高 加上 勞工 抗爭 與 環保 抗爭 層出不窮 產業 外移 與 產業 空洞化 的 序幕 自此 拉開 資金 技術 人才 的 持續 外流 挫傷 了 臺灣 的 經濟 續航力 卻 幫助 大陸 走 出 六四 天安門 的 陰霾 成為 大陸 借 力 順勢 崛起 的 重要 因素 之一 我 認為 2019 年 堪稱 是 海峽兩岸 命運 的 轉捩點 在此之前 大陸 經濟 疲態 漸 露 就 在 這 一 年 中 美 貿易戰 升級 加溫 加上 香港 反 送中 抗爭 事件 進退失據 大陸 政治 思想 價值觀 與 文化 力 在 支撐 大陸 經濟 永續 發展 上 的 局限性 顯露 無 遺 當 舉世 的 大陸 夢 被 大陸 的 強國 夢 敲 醒 大陸 產業 外移 歷史 大戲 註定 隆重 登場 2020 年 才 開始 新冠肺炎 疫情 不可思議 的 失控 蔓延 對 全球 經濟 造成 前所未見 的 嚴重 斷 鏈 威脅 大陸 經濟 難以 意料 的 脆弱性 已 漸 成 普世 認知 在 這種 情況 下 大陸政府 要 如何 在 可忍受 的 時間 內 重建 世界 對 大陸 經濟 的 信心 恐怕 會 是 個 很 大 的 考驗 相對 地 臺灣 在 2019 這 一 年 贏得 了 世界 的 認證 我們 不僅 是 自由 經濟 的 堡壘 民主 的 典範 也 是 值得 長期 合作 的 政治經濟 忠誠 夥伴 這種 奠基 在 臺灣 文化 力 的 信任 溢 酬 不僅 會 吸引 台商 資金 人才 與 技術 的 持續 回流 更 會 吸引 國際 知名企業 積極 投資 臺灣 更 重要 的 是 這 一 波 的 投資 臺灣 浪潮 普遍 具有 高 階 高值 生產 的 共同 性格 國人夢寐以求 的 產業結構 轉型 升級 可望 因而 順利 達成 今年 1 月 11 日 的 臺灣 總統大選 總統 蔡英文 獲得 817萬 張 選票 支援 繼續 連任 國際 社會 立即 給予 極 高 的 評價 與 推崇 證明 讓 臺灣 有 尊嚴 地 贏得 國際 社會 的 認同 這 一 條 發展 路線 無論 國內 或 國外 均 得到 空前 的 肯定 與 期待 我 認為 這次 選舉 向 世界 傳達 一個 鮮明 的 訊息 那 就 是 擺在 臺灣 前面 的 未來 發展 路徑 雖然 仍 有 險阻 但是 臺灣 的 文化 力 與 社會 價值體系 足 以 讓 臺灣 克服 各種 困難 而 不 斷 的 超越 正因如此 我 多次 提醒 同仁 經濟 的 實質 基 底 已經 顯著 改變 從 中央 到 地方 許許多多 的 人 都在為 積極 建設 臺灣 而 努力 所以 不 要用 過去 那副 建立 在 產業 外移 架構 下 的 眼鏡 看臺 灣 過去 30 年 臺灣 產業 只 出 不 進 現在 不僅 海外 台商 回流 美 日 歐 澳 自由 世界 的 資金 人才 與 技術 也 會 持續 流入 臺灣 臺灣 具備 風華 再現 的 各種 條件 綜合 上述 觀察 我 預估 三 年 內 將 看到 臺灣 民眾 的 薪資 往上拉 進而 會 帶動 消費 出口 也 會 隨 這 產業 回流 而 呈現 新 一 波 的 大 爆發 我 早 在 2010 年 馬政府 極力 鼓吹 洽 簽 兩岸 經濟 合作 架構 協定 ecfa 時 就 提醒 國人 經濟 過度 依賴 大陸 的 潛在 風險 上任 後 更 再三 提醒 要求 注意 大陸 曝 險 問題 再 加上 立 法院 許多 委員 持續 關心 過去 3 4 年 間 我國 銀行業 在 大陸 的 曝 險 已 大幅度 地 降低 此外 當 新冠肺炎 疫情爆發 所有 在 大陸 設有 分行 或 子 行 的 我國 銀行 早早 就 已 擬定 緊急 應變計 畫 防疫 口罩 酒精 與 額 溫槍 普遍 都 不是 問題 人員 安置 或 輪班 乃至 身心 平衡 的 輔導 措施 都 有 妥善 的 規劃 儘管如此 我 仍然 祈禱 這 場 新冠肺炎 疫情 能 早日 緩解平息 口述 臺灣 企 銀 董事長 黃博怡 整理 孫彬訓</t>
  </si>
  <si>
    <t>國民黨 立 委 林思銘 今天 表示 他 一早 就 接 獲 基層 員 警 反映 中央 疫情 指揮中心 5 月 15 日 宣佈 暫停 預約 接種 新冠肺炎 疫苗 消防 隊員 明明 要 負責 載 送 確診 病 患 屬 一線 防疫 人員 儘管 名列 公費 接種 對象 第二 順位元 但 跑遍 縣 內 各 醫療 院所 就 是 打 不 到 疫苗 林 思 銘 說 他 不斷 接 獲 地方 反映 各種 亂象 包括 消防 隊員 打 不 到 疫苗 酒精 價格 三 天 飆漲 四 成 孩子 停課 家長 防疫 照顧 假 不敢 放 怒 批 這 像是 做好 準備 的 政府 嗎 林 思 銘 指出 中央 疫情 指揮中心 5 月 15 日 宣佈 暫停 預約 接種 新冠肺炎 疫苗 消防 隊員 負責 載 送 確診 病 患 屬 一線 防疫 人員 雖然 名列 公費 接種 對象 第二 順位元 但 基層人員 跑遍 縣 內 各 醫療 院所 就 是 打 不 到 疫苗 一問之下 才 知道 因 指揮中心 疫苗 配送 出 問題 未能 及時 補充 給 地方 政府 致 防疫 斷 鏈 至於 重要 防疫 物資 酒精 林 思 銘 指出 有 公司 週末 向 廠商 詢問 酒精 價格 20 公升 1400 元 因 六 日 沒 現金 今天 去 買 價格 已經 飆 升到 20 公升 2000 元 上漲 43 而且 還要 等到 星期五 才 有貨 另外 林思銘 也 接到 憂心忡忡 的 家長 的 詢問 電話 他 說 孩子 停課 但因 本身 在 長 照 機構 服務 政府 雖然 說 雇主 不 給 家庭 照顧 假 就 開 罰 但是 雇主 一 句 那是 要 把 老 人家 都 請 家人 帶回去 嗎 讓 這 位 家長 不知 如何是好 林 思 銘 痛 批 臺灣 疫情爆發 時間 比 國際 整整 晚 一 年 多 政府 坐 看 國際 疫情 竟然 一點 警覺 都 沒有 這些 早 該 做 好 盤點 預演 不該 發生 的 問題 現在 都 發生 了 甚至 疫情 趨 嚴 短短 四 天 就 已經 在 喊 檢驗 能量 不足 部分 縣 市 進入 第 三級 警戒 才 三 天 病床 就 出現 短缺 林 思 銘 說 中央 防疫 作為 一團亂 指揮 調度 嚴重 失序 他 除了 擔心 疫情 會 一發不可收 十 外 也 不禁 要 問 這 像是 已經 做好 防疫 應變 準備 的 政府嗎</t>
  </si>
  <si>
    <t>臺灣 疫情爆發 疫苗 短缺 儼然 成 為 危機 奇 美 醫學 中心 加 護 醫學 部 主治醫師 陳志 金表 示 肯定 想要 協助 政府 買 疫苗 的 企業 地方 政府 但 即使 買到 疫苗 施 打到 發揮 效果 仍 需要 一段時間 呼籲 大家 目前 還是 要 做好 個人 防護 避免</t>
  </si>
  <si>
    <t>臺灣 疫情爆發 疫苗 短缺 儼然 成 為 危機 奇 美 醫學 中心 加 護 醫學 部 主治醫師 陳志 金表 示 肯定 想要 協助 政府 買 疫苗 的 企業 地方 政府 但 即使 買到 疫苗 施 打到 發揮 效果 仍 需要 一段時間 呼籲 大家 目前 還是 要 做好 個人 防護 避免 群 聚 陳志金 今 3 日 於 個人 臉書 粉 專 icu 醫生 陳志金 寫下 肯定 想要 協助 購買 疫苗 的 企業 地方 政府 買 得 到 是 一 件 開心 的 事 若 買不到 也 不必 灰心 畢竟 疫苗 原廠 並 不在 臺灣 有的 也 只 願意 與 中央政府 接洽 像是 嬌 生就 表示 在 疫情 緊急狀態 期間 不 跟 第 三 方 或是 透過 第 三 方 合作 陳志金 也 舉 了 南韓 大 邱市 的 例子 大 邱 市政府 透過 管道 自 購 3000萬 劑 輝瑞 bnt 疫苗 但 南韓 cdc 判斷 非循 正規 管道 因此 下令 禁 用 而 輝瑞 也 表示 只 跟 國家政府 提供 疫苗 不 會 以 其他 途徑 供貨 陳志金 說 即便 買到 疫苗 也 開始 接種 了 但 其 發揮 的 效果 還 需要 一 段 不 短 的 時間 這 段 期間 大家 還是 要 做好 個人 防護 避免 群 聚 唯有 團結 一致 才能 共同 度過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全球 新冠肺炎 疫情 仍 緊 繃 出門在外 還 是 必須 戴 口罩 保持 社交距離 不過 自從 疫情爆發 以來 發生 不少 人 對 無辜 民眾 咳嗽 吐 口水 導致 對方 感染 新冠肺炎 而 這次 咳嗽 攻擊 事件 竟然 發生 在 小 嬰兒 身上 一 名 婦人 拉下 口罩</t>
  </si>
  <si>
    <t>全球 新冠肺炎 疫情 仍 緊 繃 出門在外 還 是 必須 戴 口罩 保持 社交距離 不過 自從 疫情爆發 以來 發生 不少 人 對 無辜 民眾 咳嗽 吐 口水 導致 對方 感染 新冠肺炎 而 這次 咳嗽 攻擊 事件 竟然 發生 在 小 嬰兒 身上 一 名 婦人 拉下 口罩 對 嬰兒 狂 咳 最後 遭到 警方 通緝 這 起 攻擊 事件 發生 在 美國 聖 荷西 一 間 餐廳 一 位 叫做 莫拉 mireya mora 的 女子 推 著 嬰兒車 在 排隊 這時 前方 一 名 婦人 不滿 莫拉 沒有 保持 社交距離 兩 人 發生 口角 衝突 接 著 婦人 突然 拉下 口罩 靠近 不 到 1 歲 的 嬰兒 對 著 臉蛋 開始 狂 咳 婦人 行為 讓 莫拉 不可 置信 她 受訪 時 表示 小孩 受到 驚嚇 回家 後 一直 睡 不 安穩 且 還 出現 輕微 發燒 症狀 但 整起 攻擊 事件 莫拉 認為 與 種族歧視 有關 因為 自己 與 奶奶 是 西班牙 裔 原本 排隊 時都 沒事 當 她 開始 說 西語時 婦人 突然 轉身 指控 她 沒有 保持 社交距離 甚至 嗆 你 聽 的懂 我 在 講 什麼 嗎 這 位 白人 婦女 的 行為 遭 網友 撻 伐 警方 也 依 襲擊 罪名 發佈 通緝 根據 公佈 消息 婦人 是 年紀 大約 60 多 歲 的 白人 女性 身分 仍 不明 警方 呼籲 若 知道 與 她 相關 資訊 的 民眾 盡 速 聯繫 聖 荷西 警 局</t>
  </si>
  <si>
    <t>原定 7 月 24 開幕 的 2020 年 東京 奧運會 受到 新冠肺炎 疫情 影響 而 被迫 到 明年 雖然 東京都 在 24 日 當天 放 煙火 祈禱 疫情 能 儘快 過去 但 已 建 蓋 好 的 場館 卻是 異常 冷清 甚至 還 傳出 雜草叢生 讓 外界 不禁 感慨萬分 本 應 是 全球 注目 焦點 的 東京 奧運會 沒 想到 卻 因為 疫情 肆虐 全球 導致 這 場 盛會 會 落 得 如此 下場 眼看 著 世紀 疫情 還 沒有 趨 緩 的 態勢 不少 專家 認為 東京 奧運 恐怕 無法 如期 在 明年 舉辦 就 連 日本 高達 7 成 的 民眾 也 不 看好 根據 日本 媒體 報導 國立 競技場 田徑 在 封 館 的 狀態 下 周邊 人煙稀少 東京體育館 桌 球 代代木 體育館 手球 更是 連 奧運 的 五 環 標誌 都 沒有 掛 上 位於 東京都 江東區 的 有 明 arina 場館 排球 自 今年 2 月 開館 以來 也 只 辦 過 幾 場 音樂會 但 隨 著 疫情爆發 如今 這裡 被 寫 著 安全 第一 的 牌子 包圍 了 起來 外人 根本無法 隨便 出入 至於舉行 bmx 賽車 項目 的 場館 裡 則 是 雜草 長 得 比人 還 高 當前 疫情 籠罩 的 東京都 絲毫 感受 不 到 奧運會 的 氣氛 就 連 銀座 與 東京 火車站 等 人潮 眾多 的 地點 也 看不到 奧運會 相關 宣傳 標語 和 旗幟 1960 年 東京 奧運 讓 日本 成功 復蘇 進而 走向 快速 成長 的 道路 相隔 64 年 東京 再次 取得 舉辦 奧運 的 權利 沒 想到 新冠肺炎 打亂 了 日本 想要 再創 奇跡 的 夢想 還有 可能 一舉 重 挫 日本 經濟 來回 之間 猶如 天壤之別</t>
  </si>
  <si>
    <t>鑒於 新冠肺炎 疫情 快速 蔓延 美國 多 州政府 已 相繼 祭出 居家 避 疫 命令 影響 所及 全美 約 有 三 分之一 人口 遭到 禁 足 面臨 疫情 日益 嚴峻 由 共和黨 主導 的 13 兆 美元 抗 疫 紓困 案 卻 因為 過度 偏重 企業 利益 周日 在 參議院 遭到 封殺 共和黨 居多數 的 參議院 周日 22 日 針對 紓困 案 進行 程式 投票 但 民主黨 認為 該 方案 對 企業 做 得 太 多 對 員工 卻 照顧 不足 最後 表決 以 47 張 同意 票 對 47 張 反對票 沒能 讓 該案 過關 該案 要 獲得 通過 必須 要 達 60 張 同意 票 的 門檻 在 表決 結束 後 共和 民主 兩 黨 雖然 各自 把 造成 該 僵局 的 責任 歸咎 對方 但 也 矢 言 將 持續 協商 希望 能 儘早 針對 該案 達成協議 參議院 少數党 領袖 舒默 chuck schumer 稍後 也 對 該案 可能 過關 釋出 正面 訊息 他 聲稱 未來 24 小時 兩 黨 可望 就 分歧 部分 達成 共識 舒默 發言人 之後 也 補充 兩 黨 與 財政部長 穆努欽 steven mnuchin 的 會談 極具 成果 此外 該 疫情 也 延燒到 國會 共和黨 參議員 保羅 rand paul 證實 確診 罹 患 新冠肺炎 成為 首位 感染 該 肺炎 的 參議員 同時 也 是 第 3 位 確診 的 美國國會 議員 其他 兩 名 曾 與 保羅 互動 密切 的 議員 也 已 在家 進行 檢疫 繼 紐約州 加州 伊利諾州 康乃 迪克 州 與 紐澤西 州 發佈 居家 檢疫 令 後 目前 又 有 俄亥俄州 路易士安納 與 德拉瓦 州 加入 該 行列 使得 美國 發佈 禁 足 令已達 8 州 約 占全美 三 分之一 的 人口 疫情爆發 迄今 美國 確診 人數 已 超過 32萬 人 並 有 逾 415 人 死亡 當中 紐約 是 疫情 最 嚴重 的 地區 確診 人數 高占全 美 三 分之一 死亡數 也 攀升 到 63 人 針對 疫情 一發不可收 十 紐約市 長白 思 豪 bill de blasio 形容 這 波 流行病 是 美國 自 1930 年代 經濟 大 蕭條 以來 所 面臨 的 最 大 危機 並 向 川普 政府 要求 全面 動員 軍隊 以 避免醫療 照 護 系統 負擔過重 他 並 警告 未來 10 天 如果 紐約市 無 法 取得 更 多 呼吸器 恐怕 將 有 更 多 人 因而 枉 死</t>
  </si>
  <si>
    <t>新冠肺炎 疫情 升高 南韓 在 短短幾天 全國 淪陷 被 視為 疫情 源頭 的 新 天地 教會 教主 李萬熙 2 日 首次 下跪 道歉 仍 止不住 民眾 努 火 沒 想到 網上 現 還 流出 一 份 藝人 信徒 名單 掀起 熱 議 新 天地 教會 在 韓國 擁有 逾 20萬 信徒 這 回新冠肺炎 疫情爆發 至少 有 兩千 個 確診 案例 都 與 新 天地 有關 沒 想到 近來 網上 傳出 一些 藝人 也 是 新 天地 教徒 其中 包含 鬼怪 的 陰間 使者 李棟旭 和 女 歌手 ivy 但 兩 人 第一時間 都 跳出 否認 謠言 李棟旭 所 屬 經紀 公司 king kong 今 透過 ig 發聲明 最近 有人 散佈 旗 下 藝人 與 特定 宗教 有關 的 虛假 事實 我社 將 對 散佈 失實 謠言 誹謗 及 損害 名譽 的 行為 採取 強硬 的 法律 行動 並 強調 會 持續 監測 絕不 容忍 損害 藝人 的 行為 kingkong by starship @kkbyss 分享 的 貼 文 於 pst 2020 年 3 月 月 3 日 上午 1 06 張貼 而 ivy 也親自 在 ig 發文 這種 時候 總是 會 有 很多 流言蜚語 令 大家 忘記 本來 的 目的 真的 荒謬 到 笑 不出 聲 請 大家 小心 謠言 在 這個 被 虛假 主導 的 世界 上 看得出 滿滿 無奈</t>
  </si>
  <si>
    <t>國內 疫情 大 爆發 全國 更是 統一 升至 三級 警戒 雙北 疫情 險峻 即便 臺北市 長 柯文哲 再三 呼籲 沒事 乖乖 待在家裡 但 上週末 陽明 山 仍 出現 大批 遊客 及 車潮 眼見 仍 有 許多 不守 規矩 的 民眾 讓 藝人 吳鳳痛 批 疫情 就 是 這樣 擴散 的 更 快 吳 鳳 日前 表示 國內 疫情爆發 一個 星期 相信 大家 心裡 會 有 悶 的 感覺 但 切 勿 忘記 國外 的 人 過 這樣 的 生活 超過 一 年 我們 只 是 剛 開始 而已 不過 卻 有 很多 民眾 認為 去 偏僻 的 地方 就 沒事 結果 週末 陽明山 出現 車潮 導致 塞車 讓 他 無奈 表示 如果 我們 第 一個 禮拜 這樣 那 接下來 的 日子 怎麼辦 接 著 強調 疫情 就 是 這樣 擴散 的 更 快 吳 鳳 表示 臺灣 目前 過 的 日子 不是 在 開玩笑 只能靠 防疫 人員 跟 人民 自律 眼見 站 在 第一線 的 醫護人員 如此 辛苦 若 民眾 還 是 堅持 要 出門 那 這種 行為 根本就是 自私 接 著 再三 呼籲 想要 世界 看見 臺灣 的 團結 跟 優秀 表現就 一起 好好 自律 吧 不然 未來 的 日子 會 有 太 多 後悔 的 回憶 對於 吳鳳 苦口婆心 的 提醒 網友 們 紛紛 留言 想 恢復正常 生活 要 靠 全體 國民 看看 辛苦 為 疫情 付出 的 醫護人員 警 消 人員 真要 有 同 理 心 希望 全 臺灣人 能 跟 您 一樣 有 正 能量 而 不是 只 有 口水 就 是 有人 這麼 不 自愛 疫情 會 擴散 不是 沒理由 非必要 不要 出門 待在家裡 做好 防疫 自律 就 這麼 難 嗎 身 為 臺灣人 更 應該 好好 守護 臺灣 自律 換 自由 同 島 一 命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疫情 延 燒 中 前 國民黨 副 秘書長 蔡正元 上午 在 臉書 發文 指 臺北市政府 最 應在 全台 防疫 工作 發揮 領導 作用 急診 醫師 出身 的 臺北市 長 柯文哲 也 應比 牙醫 出身 的 疫情 指揮中心 指揮官 陳時中 更 懂 如何 準備 卻 連 演練 都 不 做 超前 陪 署 他 呼籲 柯文哲 該 加油 了 吧 蔡正元 說 柯文哲 是 大 牌 醫師 出身 面對 冠狀病毒 疫情 照說 應該 有 突出 的 表現 但是 柯文哲 領導 的 臺北 市府 從 疫情爆發 到 現在 卻 沒有 什麼 特別 的 表現 平常 話 術 很多 的 柯文哲 最近 講起 話 來 也 淡 如 水 是 柯文哲 改變 為 低調 作風 還是 老柯 江郎才盡 他 說 其實 臺北 市府 最 應該 在 防疫 工作 上 發揮 全台 的 領導 作用 而 不是 做 個 平庸 的 角色 特別 在 防疫期間 作為 市長 的 柯文哲 更該 想 到 臺北市 最 多 回台 人口 要 如 何防杜 社區 感染 急診 醫師 出身 的 柯文哲 總該 比 牙醫 出身 的 陳時中 更 懂得 如何 準備 吧 蔡正元說 臺北市 也 最 會 在 地震 上 受傷 現在 既是 防疫期間 也 是 地震 易發 時期 若 同時 發生 臺北市 總 不會 連個 演練 都 不 做 超前 部署 吧 該 做 的 事 很多 柯文哲 該 加點油 了 吧</t>
  </si>
  <si>
    <t>研究 指 寧波 祭 佛 活動 致 67 人 確診 並 進一步 引發 社區 疫情爆發</t>
  </si>
  <si>
    <t>庶民 信心 在 2020 年初 如同 坐 雲霄飛車 般 大起大落 國泰 金控 20 日 公佈 2 月 國民經濟 信心 調查結果 今年 元月 民眾 才因 總統大選 結果 將 出爐 中 美 貿易戰 暫歇 而 對 未來 信心 指數 大 增到 10 創 56 個 月 最 樂觀 但 2 月 馬上 就 有 503 的 受訪 民眾 預期 未來 半 年 景氣 會 惡化 未來 景氣 樂觀 指數 急降 到 279 創 94 個 月 最 大 跌幅 上次 出現 民眾 對 未來 景氣 預期 狂喜 狂 悲 是 在 2012 年 4 月 當時 因為 油 電 雙 漲 民生 物資 喊 漲 及 課 微 證 所 稅 等 三大 利 空 造成 未來 景氣 樂觀 指數 由 28 直接 降到 261 當時 也 有 近 50 的 受訪 民眾 預期 未來 半 年 景氣 要 惡化 國泰 金 分析 雖然 國發 會 最新 公佈 的 12 月 景氣 對策 信號 維持 綠燈 領先 指標 上升 同時 指標 亦 改善 景氣 穩健 但 受到 新冠肺炎 疫情爆發 的 影響 民眾 信心 急凍 未來 景氣 樂觀 指數 未來 就業 樂觀 指數非 耐久 財 消費 意願 指數 都創 15 個 月 新低 雖然 台股 仍 相 對抗 跌 但 民眾 對 未來 台股 的 樂觀 指數 亦 下跌 創 13 個 月 新低 有 521 的 受訪者 預估 未來 半 年 台股 會 走跌 則 是 15 個 月 來 再度 有 逾 半 民眾 看跌 但 也 可能 有 不少 投資人 打算 富貴 險 中 求 即 趁 這 波 疫情 影響 股市 回檔 之際 逢 低 進場 因此 在 將 現金 轉 進 股市 投資 的 風險 偏好 指數 上 2 月 仍 是 維持 正數 達 13 比 元月 的 51 略 降 即 今年 是 連 二月 維持 正數 仍 有 25 的 受訪者 有意 錢 進 股市</t>
  </si>
  <si>
    <t>新冠肺炎 疫情 持續 擴散 衝擊 到 大陸 宏觀經濟 的 表現 多 家 外資 投 行 甚至 預估 今年 首季 大陸 gdp 年 增速 恐怕 連 保 5 都 有 困難 有鑑於此 大陸 官媒 開始 預期 降 准 降息 已經 不遠 新華 社旗 下 的 刊物 中國 證券 報 12 日 就 報導 指出 隨 著 中國人民銀行 大陸 央行 逆 回 購 操作 已 達 高峰 加上 下 周 開始 逆 回 購 到期 資金 較為 集中 屆時 人行 因應 疫情 而 進行 定向 降 准 的 機會 不 低 事實上 新冠肺炎 疫情爆發 以來 多 位 學者 專家 及 投 行 均 探討 過 人行 降息 降 准 的 可能性 瑞銀 投資 研究 部 首席 中國 經濟學家 汪濤 就 預估 為了 確保 大陸 經濟 動 的 順暢 人行 2 月 可能 會 有 一 次 降息 降幅 大約 是 10 個 基點 左右 汪濤並 估計 今年 大陸 約 有 100 個 基點 的 降 准 空間 對 中小銀行 定向 降 准 另外 北京大學 滙豐 金融 研究院 執行 院長 巴曙松 更 在 12 日 指出 如果 本次 疫情 對 大陸 經濟 的影響 進一步 加重 那麼 對於 中小銀行 提供 定向 降 準將 是 可行 的 手段 相對 於 各 機構 熱 議 大陸 官媒 近期 倒是 鮮 少 評論 人行 是否 應該 降 准 降息 不過 中國 證券 報 12 日 刊出 的 一 篇文章 則 是 因為 預估 人行 可能 會 在 下 周 降息 甚至 降 准 而 引起 外界 關注 文 意 指出 從 上周 人行 在 兩 天 之內 就 透過 逆 回 購 操作 釋出 17 兆 元 人民幣 資金 來看 可以 看出 近期 人行 實施 超大規模 流動性 投放 帶有 應急 性質 首要 目的 可能 是 提 振 市場 信心 穩定 金融市場 但 考慮 到 春節 後 現金 回流 推 高 流動性 的 季節性 規律 人行 繼續 超常規 投放 流動性 必要性 下降 貨幣 調控 易松難 緊 不過 由於 下 周 開始 人行 此前 經由 逆 回 購 釋出 的 資金 將 密集 到期 回籠 在 實體 經濟 仍 因 疫情 而 高度 不安 的 情況 下 中國 證券 報 指出 屆時 mlf 操作 利率 下調 進而 牽引 本月 貸款 市場 報價 利率 lpr 下降 將 是 大 概率事件 此外 對 疫情 波及 領域 給予 定向 支持 也 是 人行 接下來 的 另 一 看 點 所在 報導 指出 考慮 到 疫情 令 經濟 開局 形勢 更加 複雜 嚴峻 對於 人行 後續 在 定向 降 准 工具 的 運用 仍 值得 期待 不過 業內人士 認為 人行 大水 漫灌 的 措施 仍 不致於 重現 江湖 但 貨幣 調控 易松難 緊 將 是 確定 的 預計 未來 一兩 個 季度 內 都 難以 明顯 轉向 這 或許 將 引導 市場 利率 有 較為 明顯 的 下降 趨勢</t>
  </si>
  <si>
    <t>基隆 市政府 從 疫情爆發 迄今 累積 22 例 只 有 1 案 感染 源 來自 桃園 其 餘 都 和 萬華群 聚 案 有關 其中 有 一 案 2564 為 一 名 年 約 60 多 歲 男子 平時 在 成功 市場 擺攤 5 月 2 日 10 日前 往 西門 町 紅寶石 歌廳 消費 13 日 不 舒服 但 仍 有 在 市場</t>
  </si>
  <si>
    <t>基隆 市政府 從 疫情爆發 迄今 累積 22 例 只 有 1 案 感染 源 來自 桃園 其 餘 都 和 萬華群 聚 案 有關 其中 有 一 案 2564 為 一 名 年 約 60 多 歲 男子 平時 在 成功 市場 擺攤 5 月 2 日 10 日前 往 西門 町 紅寶石 歌廳 消費 13 日 不 舒服 但 仍 有 在 市場 做 生意 市長 林右昌 緊急 下令 成功 市場 今天 中午 關閉 至 5 月 30 日 零 時 林右昌 表示 案 2564 平時 生活 規律 5 月 1 日 至 16 日 有 7 天 從 早上 7 點 至 10 點 在 成功 市場 擺攤 其中 5 月 2 日 10 日 早上 11 點 搭乘 台鐵 區間車 從 三 坑 至 臺北 下車 後 步行 到 西門 町 紅寶石 歌 聽 直 到 下午 5 點 再 搭 火車 回 基隆 林右昌 說 該 名 長者 5 月 13 日 開始 不 舒服 晚上 7 點 前往 仁愛區 南榮 路 43 號 王 大夫 診所 看 診 醫生 建議 若 有 不 舒服 要到 醫院 篩檢 而 5 月 1516 日 仍 前往 成功 市場 擺攤 爾後 身體仍 不適 直到 今日 確診 林右昌 指出 早上 已 緊急通知 成功 市場 從 今天 中午 12 點 起 到 5 月 30 日 零 時 暫時 休業 並 請 環保局 前往 執行 消毒 作業</t>
  </si>
  <si>
    <t>藝人 蘿 莉塔 從 大學生 了 沒 出道 是 各 大 綜藝節目 邀 約 的 對象 甜美 外 型 加上 直率 性格 圈 了 無數 粉絲 力挺 近日 隨 著 新冠肺炎 疫情 延 燒 所有 工作 不是 取消 就是 延後 不過 她 也 透露 到 超 商 買 食物 時 卻 被 網友 私 訊 提醒 要 囤 貨 不禁 感歎 人 果然 都 是 自私 的 臺灣 新冠肺炎 疫情 延 燒 日前 雙北 宣佈 三級 警戒 時 各 大量 販 店 出現 一 波 搶購 囤 貨 潮 潮 對此 蘿 莉塔 表示 到 超 商 買 一 碗 要 吃 的 泡 面 時 發現 架上 物資 都 很 充足 呼籲 所有人 買 適當 的 量 即可 真 的 不 需要 過度 恐慌 未 料 卻 有 網友 私 訊 她 不 應該 只 買 一 碗 泡 面 而是 要 趕緊 囤 貨 才 對 讓 她 無奈 表示 就 像 荀子 說 的 人性本惡 人 果然 都 是 自私 的 只 要 想 著 自己 就 好 更 怒斥 奸商 跟 黃牛 票 就 是 這樣 養 出來 的 lolita lee 蘿 莉塔 @lolitalee 513 分享 的 貼 文 此外 蘿 莉塔 也 透露 疫情爆發 後 所有 工作 不是 取消 就是 延後 對於 沒有 固定 薪水 的 演藝圈 來說 等於 要 放 兩 個 禮拜 的 無 薪 假 接 著 強調 若 持續 沒有 工作 的 話 已經 不敢想像 下 個 月 該 怎麼 活 了 更 再三 呼籲 真心 希望 大家 好好 配合 所有 防疫 措施 讓 疫情 趕快 過去 讓 三級 真的 能 在 兩 個 禮拜 內 解除 吧 更 透露 身為 工作狂 的 她 真的 好 想念 攝影棚 對此 網友 也 紛紛 回應 沒有 任何事物 比 健康 更 重要 了 同感 做 市場 的 沒出 門 就 沒 錢 賺 希望 大家 加油 遵守 防疫 規定 大家 要 注意 防護 啊 臺灣 加油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起源 引起 美中 外交 系統 發言人 隔 空 交火 美國國務院 發言人 歐塔 加斯 morgan ortagus 推 文 指出 臺灣 去年 12 月 早已 警示 世衛組織 who 並 批評 中國 試圖 掩蓋 疫情 我 外交部 發言人 歐 江安 證實 自 疫情爆發 以來</t>
  </si>
  <si>
    <t>新冠肺炎 起源 引起 美中 外交 系統 發言人 隔 空 交火 美國國務院 發言人 歐塔 加斯 morgan ortagus 推 文 指出 臺灣 去年 12 月 早已 警示 世衛組織 who 並 批評 中國 試圖 掩蓋 疫情 我 外交部 發言人 歐 江安 證實 自 疫情爆發 以來 臺灣 即 與 各方 專家 進行 討論 並 曾 緊急 向 中國 疾病 控制 中心 查證 疫情 狀況 並 同步 透過 國際 衛生 條例 ihr 機制 通報 世界衛生組織 who 歐 江安 說 我國 在 12 月 31 日 立即 針對 從 武漢 直航 入境 班機 進行 登機 檢疫 制度 同日 啟動 邊境 檢疫 應變 措施 強化 入境 旅客 的 發燒 篩檢 我國 的 各項 疫情 防治 措施 一 開始 即是 以 冠狀病毒 會 人 傳人 的 角度 進行 整備 及 超前 部署 歐 江安 指出 臺灣 在 全 政府 指揮 體系 建立 醫療 體系 動員 疫情 調查 醫療 物資 管理 資訊科技 運用 有效 隔離 超前 部署 公衛宣 導 等 防疫 作為 不僅 有效 防堵 武漢肺炎 疫情 的 擴散 也 受到 國際 社會的 高度肯定 我國 政府 感謝 美國 及 其他 理念 相近 國家 支持 臺灣 國際 參與 臺灣 身 為 國際 社會 負 責任 的 一 員 有能力 也 有意 願 與 國際 社會 攜手 合作 共同 防止 武漢肺炎 疫情 擴散 與 國際 社會 成員 共同 為 全 人類 的 健康 與 安全 貢獻 心力 外交部 國組司 司長 陳龍錦 則 表示 我國 疾 管署 當時 透過 ihr 視窗 電 郵 通報 who 對 方僅 回應 收到 了 會 轉給 專家 處理 但 據 我方 瞭解 who 之後 似乎 並未 將 相關 訊息 公佈 在 內部 網站</t>
  </si>
  <si>
    <t>英國首相 強 森 boris johnson 日前 一 席 群體 免疫 說 震撼 全球 也 引來 各界 批評 不過 英國政府 真 的 腦子 進 水? 攝影 藝術家 久 方 武 提出 不同 觀點 他 認為 英國政府 至少 進行 了 3 項神 操作 而 群體 免疫 更 是 用 了 孫子兵法 中的 欲擒故縱 不費 吹灰之力 不動 一兵一卒 就讓 全 英國 人 乖乖 在家 裡面 躲起來 強森 根本 是 政治 天才 久 方 武在 臉書 發文 表示 從新冠 疫情爆發 以來 他 見 過 最 神 操作 的 國家 就 是 英國 英國政府 對於 新冠 疫情 至少 進行 了 3 項 以上 的 神 操作 其中 英國首相 強 森 先是 告訴 英國 民眾 在 這 場 疫情 中 他們 將 失去 不少 親友 大家 先要 有 心理準備 其次 已 在 倫敦 海德公園 規 畫 好 可以 容納 50萬 人 的 公墓 不用 擔心 沒有 地方 埋葬 之後 強森 又 發表演說 表示 經過 英國 科學家 及 醫學 權威人士 的 研究 英國 對付 新冠肺炎 病毒 的 方式 將 採取 群體 免疫 法 結果 當 強森 正式 宣佈 執行 這項 政策 後 整個 倫敦 街頭 雞 鴨 人 狗 貓 瞬間 全部 躲起來 就 好像 回復 到 二次世界大戰 時 英國政府 不費 吹灰之力 不動 一兵一卒 就讓 全 英國 人 乖乖 在家 裡面 躲起來 久 方 武說 曾 幾乎 統治 整個 世界 的 大英帝國 什麼樣 的 刁民 他們 會 沒見 過 呢 英國政府 只用 三 句 嘴 炮 話 術 就 成功 解決 了 所有 英國 的 刁民 問題 讓 英國 民眾 全部 好好 地 待 在家 裡面 不敢 出來 久 方 武 盛讚 強森 只用 嘴 泡 方式 0 成本 就 對付 了 新冠 疫情 真是 執政 高 手中 的 高手 政治 天才 他 表演 了 一 場 非常 精彩 的 孫子兵法 欲擒故縱 戲碼</t>
  </si>
  <si>
    <t>英格蘭 超級 足球聯賽 上周 針對 996 名 球員 及 球隊 工作人員 進行 新冠肺炎 病毒 檢驗 當地 時間 週六 結果 出爐 來自 兩 只 不 同 球隊 的 兩 人 呈 陽性 而 英超 雖然 尚未 確定 複賽 日期 但 計畫 週二 開放 管制 人數 的 團體 訓練 目前 在 聯盟 頂級 隊伍 中 確認 8 人體 內 有 新冠肺炎 病毒 英 超 發出 的 聲明 寫道 聯盟 可以 確認 在 上周 二 及 週四 週五 三 天 對 聯盟 996 位 球員 及 工作人員 進行 新冠肺炎 病毒 檢驗 受測者 中 有 2 人 測驗 結果 是 陽性 這些 人 必須 立刻 進行 自我 隔離 7 天 英 超 表示 不 會 公佈 確診 者 名單 但 透露 第二 波 檢驗 的 人數 比 第一 波 多 上 週二 英 超 表示 第一 波 檢測 人數 為 748 人 病毒 呈 陽性反應 的 有 6 人 落 在 3 支 不同 隊伍 球員 必須 做 過 檢測 才 可以 進行 訓練 每隊 每 兩 周就 要 做 一 次 檢測 下 一 波 檢測 將 在 本週一 到 週二 進行 英國 職業 足球 從 3 月 13 日新冠肺炎 疫情爆發 後 就 停 擺到 現在 不過 疫情 逐漸 趨 緩 英國政府 目前 同意 6 月 1 日 重新 比賽 不過 英超 方面 還 在 思考 複賽 的 詳細 日期 因為 還有 比賽 場館 防疫 措施 積分 計算 等 問題 要 討論 20 支 隊伍 代表 週三 將 開會 決定 何時 恢復 比賽 及 訓練</t>
  </si>
  <si>
    <t>日 媒 14 日 報導 全國 13 日 新增 1705 名 新冠肺炎 再度 創下 單日 新 高 首相 菅義偉 13 日 堅持 專家 認為 我們 還 沒到 需要 再次 頒佈 緊急狀態 的 情況 日本放送協會 nhk 報導 專家 指 日本 已 出現 第 三 波 疫情 自 疫情爆發 以來</t>
  </si>
  <si>
    <t>日 媒 14 日 報導 全國 13 日 新增 1705 名 新冠肺炎 再度 創下 單日 新 高 首相 菅義偉 13 日 堅持 專家 認為 我們 還 沒到 需要 再次 頒佈 緊急狀態 的 情況 日本放送協會 nhk 報導 專家 指 日本 已 出現 第 三 波 疫情 自 疫情爆發 以來 日本 已 累計 逾 116萬 件 病例 近 1900 人 死亡 東京 依然 是 國內 最 大 的 疫情爆發 熱點 當地 連續 3 天 出現 逾 300 名 新 症 報導 引述 東京 1 名 收治 重症 病 患 的 醫師 說法 稱 院內 床位 已 接近 爆滿 日本 於 4 月 首次 針對 疫情 發佈 緊急狀態 5 月 解除 緊急狀態 此後 一直 沒 再 發佈 緊急狀態</t>
  </si>
  <si>
    <t>行政院 今日 召開 擴大 防疫 會議 行政院長 蘇貞昌 表示 臺灣 在 5 月 爆發 疫情 後 在 70 多 天內 就 將 疫情 控制 住 被 外 媒 稱為 第 2 次 奇跡 疫情 指揮中心 指揮官 陳時中 則 表示 國內 仍 有 社區 隱形 傳播 鏈 風險 建議 繼續 維持 二級 警戒 疫情 指揮中心 指出 國內 近 一 周 新增 本土 病例 為 74 例 雖 較 前 一 周 104 例 下降 近 30 但 仍 有 零星 感染 和 群 聚 事件 仍 應 謹慎 面對 而 目前 疫苗 接種 人口 覆蓋率 已 達 3694 劑 次 人口 比 達到 3908 劑 每百人 陳時中 說 國內 仍 有 社區 隱性 傳播 鏈 的 風險 二級 警戒 等 相關 管制 措施 有 繼續 維持 的 必要 雖 各 行業 主管機關 可視 情形 彈性 調整 不過 仍 建議 各部 會 在 研 擬 防疫 應變 計畫 時 能夠 縮短 相關 個案 的 通報 及 反應時間 以 加速 衛生 單位 的 疫 調 及 掌握 時程 陳時中 表示 因 delta 病毒 仍 在 各國 流竄 建議 邊境 管制 仍 需 維持 現有 強度 並 確實 做好 國 內線 及 國際 線 分流 如有 與 他 國 合作 的 旅遊 泡泡 措施 亦 應 確實 做 好 分流 管制 蘇貞昌 指出 臺灣 在 去年 各國 疫情爆發 之 際 仍 能 堅守 防疫 而今 年 臺灣 在 國內 疫情爆發 後 70 多 日 內 就 將 疫情 控制 住 也 被 國外 媒體 記者 稱為 是 第 2 次 的 奇跡 蘇貞昌 說 國內 疫情 逐漸 趨 緩 國人 都 希望 恢復正常 生活 並 逐漸 開始 外出 消費 請 相關 部會 務必 建立 有效 並 可 執行 的 指引 始 能 有利於 國人 遵行 蘇貞昌 表示 自 727 全國 降為 二級 警戒 後 相關 管制 措施 並 已 實施 運作 二 周 請 各部 會 隨時 掌握 各 行業 的 執行 情形 如有 需 改變 或 調整 之處 也 務 必要 讓 整個 團隊 掌握 資訊 並 也 要 向 相關 業者 及 國人 清楚 說明 蘇貞昌 亦 指示 有關 邊境 管制 及 相關 防疫 交通部 內政 部 海委會 及 農委會 必須 要 嚴格 把關 盯緊 每個 環節 既 是 保護 第一 線 執勤 人員 也 是 保護 國人 健康 安全</t>
  </si>
  <si>
    <t>傻眼 疫情爆發 前 特價 也 沒人 買 好 市 多 這 產品 今 被 秒 殺</t>
  </si>
  <si>
    <t>在 新冠肺炎 疫情 火速 延 燒 下 據 約翰霍普金斯大學 johns hopkins university 統計 至今 全球 有 超過 72萬 人 確診 破 34萬 人 喪生 據 cnbc 新聞網 30 日 報導 貝倫 堡 berenberg 分析 師 認為 這次 新冠 疫情爆發 意味著 所有</t>
  </si>
  <si>
    <t>在 新冠肺炎 疫情 火速 延 燒 下 據 約翰霍普金斯大學 johns hopkins university 統計 至今 全球 有 超過 72萬 人 確診 破 34萬 人 喪生 據 cnbc 新聞網 30 日 報導 貝倫 堡 berenberg 分析 師 認為 這次 新冠 疫情爆發 意味著 所有 已 開發 經濟體 今年 都 將 出現 衰退 一 名 分析 師 指出 由於 部 份 空前 的 封城 措施 很 可能 持續 好幾 個 月 全球 各地 經濟體 可能 陷入 深 凍 deep freeze 期 隨 著 這 衛生 危機 變本加厲 意味 世界 各國 實質 上 不得不 封鎖 大大 限制 了 數 十億 人 的 生活 英國 智庫 經濟學 人 資訊社 economist intelligence unit eiu 首席 分析 師 奧克森福德 matthew oxenford 說 目前 的 關鍵在於 要 嘗試 做 些 全世界 都 沒 做 過 的 事 他 指出 那 就 是 把 多數 經濟體 裝上 維生 系統 進入 某種 深 凍 狀態 好 在 3 個 月 更 可能 是 6 個 月 後 再 從 蟄伏 中 蘇醒</t>
  </si>
  <si>
    <t>新冠肺炎 疫情爆發 迄今 南 投 醫院 醫護人員 在 抗 疫 最 前線 守護 縣民 健康 而且 醫療 不分 國界 不論 國人 或 移 工 都 一視同仁 立法委員 馬文君 20 日 號召 科技 公司 與 移 工 仲介 公司 到 南 投 醫院 捐贈 物資 向 醫護人員 致謝 防疫 路</t>
  </si>
  <si>
    <t>新冠肺炎 疫情爆發 迄今 南 投 醫院 醫護人員 在 抗 疫 最 前線 守護 縣民 健康 而且 醫療 不分 國界 不論 國人 或 移 工 都 一視同仁 立法委員 馬文君 20 日 號召 科技 公司 與 移 工 仲介 公司 到 南 投 醫院 捐贈 物資 向 醫護人員 致謝 防疫 路上 感謝 有 您 馬文君 與 鴻 棋 生 技 公司 董事長 曾惠 浙 執行長 謝麟傑 承琳 國際公司 專案 經理 朱秋汝 同時 代表 臺灣 可 林 生化 科技 有限公司 富達 環 宇 公司 董事長 陳進坤 等 公司 提供 多糖 體 養生 液 及 酵素 液 1000 包 抗 菌 液 40 桶 洗手 乳 20 瓶 衛生紙 8 箱 漂白 水 15 瓶 防護衣 15 件 等 保健 抗 疫 產品 為 醫護人員 打氣 為 防疫 盡心 力 馬文君 表示 雖然 國內 疫情 趨 緩 但是 國外 疫情 依然 緊 繃 因此 大家 不可 掉以輕心 也 希望 企業 捐贈 的 物資 讓 醫護人員 防疫 如虎添翼 南 投 醫院院長 洪 弘 昌 表示 南 投 醫院 是 傳染病 應變 醫院 擔負 南 投 縣 防疫 第一線 疫情 期間 努力 守護 南 投 縣民 的 健康 而且 秉 持 公 醫 使命 擔負 著 照顧 弱勢 及 公衛 醫療 照 護 的 責任 不因 病人 的 國籍 身分 或 社 經 地位 等 差異 而 拒絕 診療 守護 民眾 健康 防疫期間 有 非常 多 民眾 與 企業 團體 捐贈 物資 為 醫護人員 加油打氣 大家 都 備感 窩心 南 投 縣 社 勞 處長 林志忠 指出 縣 內 目前 外籍 移 工 人數 約 有 1萬 餘 人 集中 在 鄰近 南 投 醫院 的 南崗 工業區 5 月 24 日 是 開齋節 相當於 華人 的 農曆 過年 請 移 工 們 在 歡慶 節日 同時 仍要 戴 口罩 勤洗手 保持 安全 社交距離 做好 自我 防疫 工作</t>
  </si>
  <si>
    <t>49 歲 的 光 良 3 月 14 日 白色 情人節 當天 將 帶 著 全新 巡演 今夜 我 不 孤獨 二 度 前進 臺北 小 巨蛋 開 唱 並 推出 新 專輯 絕 類 他 今 25 日 上 hit fm 擔任 大 台柱 談到 演唱會 強碰新冠肺炎 表示 已 做 好 萬 全 準備 除了 疫情 的 來臨 一直 都進行 的 很 順利 現在 就是 要 讓 大家 可以 安全 屆時 現場 將 會 做 好 萬 全 的 防護 措施 也 希望 粉絲 配合 測量體溫 等 事宜 去年底 去 了 武漢 兩 天半 光 良 直說 那 時候 還 不 知道 當地 有 疫情 我們 搭 飛機 就 會 戴 口罩 有 聽到 當地 的 同事 說 有 感冒 當時 以為 沒事 到 了 今年 1 月 才 知道 疫情爆發 還 是 過 海關 提醒 才 想起 來自 己 有 去 過 武漢 本來 想 邀 馬來西亞 的 家 人 來 臺灣 看 演唱會 但 擔心 搭 機 過程 有點 危險 目前 還 在 思考 是否 要 不 要 讓 他們 成行 12 年 再 登 小 巨蛋 光 良 透露 現在 嚴格執行 忌口 演唱 會前 特別 不吃 炸 的 辣 的 糖 不要 碰 完全 不能 碰 不 要 吃 食品 要 吃 食物 澱粉 都 不能 吃 奶類 不能 碰 除了 特別 設計 延伸 舞臺 還 加上 煙火 特效 本來 因為 疫情 停工 的 螢 光棒 工廠 上星期 傳來 好 消息 也 已 復工 讓 他 放下 心中 的 大石 頭 附件 區域 更 多 ctwant 報導</t>
  </si>
  <si>
    <t>英國 連日 武漢肺炎 確診 病例 暴 增 今天 累計 至 116 例 且 出現 第一 起 死亡 病例 但 調查 訪問 1618 名 醫護人員 有 99 認為 英國 公立 醫療 體系 國家 醫療保健 服務 nhs 沒 準備 好 英國 的 2019 年 冠狀病毒 疾病 covid-19 武漢肺炎 確診 人數 最近 連續 刷新 24 小時 內 新增 超過 30 例 今天 一舉 暴 增到 116 例 突破 百 人 大關 且 傳出 第一 起 死亡 病例 英國廣播公司 bbc 報導 死亡 病例 是 一 名 70 多 歲 女性 原本 就 因 其他 疾病 而 進進出出 醫院 在 瑞丁 市 reading 皇家 伯克 郡 醫院 royal berkshire hospital 接受 治療 英格蘭 首席 醫療 官惠 提 chris whitty 說 據 信 這 名 病 患 是 在 英國 境內 受到 感染 當局 正 在 追溯 她 的 感染 源 儘管 疫情 這周 急遽 惡化 但 衛 報 the guardian 2 日 報導 國家 醫療保健 服務 1618 名 醫護人員 接受 調查 訪問 時 竟 有 99 的 受訪者 認為 國家 醫療保健 服務 沒有 準備 好 僅 8 人 認為 準備 好 了 調查 顯示 儘管 英國首相 強生 boris johnson 保證 狀況 在 控制 中 但 絕大多數 醫護人員 不 認為 nhs 準備 好 面對 疫情 大 爆發 他們 憂心 nhs 目前 就 已 負擔 沈重 尤其 是 重症 加 護 病房 數量 太 少 進行 這 份 調查 的 英國 醫學會 主席 帕 馬 rinesh parmar 說 強生 說 他 非常 有 信心 國家 醫療保健 服務 能 應付 2019 年 冠狀病毒 疾病 疫情爆發 但 我們 的 調查 卻 顯示 第一線 醫師 不 同意 他 說 真相 是 國家 醫療保健 服務 早已 不堪重負 許多 醫師 憂心 我們 的 醫療 體系 無法 應付 大量 湧入 的 冠狀病毒 病 患 目前 英格蘭 缺 了 約 1萬 名 醫師 與 4萬3000 名 護理人員 國家 醫療保健 服務 現在 要 處理 的 工作 就 已 人手不足 了 帕 馬說 目前 急診室 等候 時間 創下 有史以來 最糟 紀錄 加 護 病房 數量 就 連 提供 最 重症 病人 及等待 癌症 手術 的 病人 都 很 勉強 nhs 醫護人員 也 憂心 部分 醫院 甚至 缺乏 口罩 等 基本 工具 而且 nhs 的 專線電話 有時候 會 指示 有 症狀 的 病人 前往 醫院 急診室 儘管 官員 早已 警告 這麼 做 可能 會 使 新型 冠狀病毒 進一步 傳播</t>
  </si>
  <si>
    <t>連續 56 日 零 確診 後 的 北京市 1112 日 連續 驚 傳 多 起 新冠肺炎 本土 新增 病例 均 與 豐台區 新發地農產品批發市場 有關 隨 著 疫情 擴散 豐台區 13 日 啟動 戰時 機制 北京 也 將 餐飲 防控 等級 調升 至 二級 並 喊停 跨 省 旅遊團 與 足球 等 體育賽事 活動 大陸 國家 衛健 委 並 向 北京 派出 專家組 指導 疫情 防控 工作 雖 逢周休 假日 期間 但 投資者 擔憂 北京 爆 第二 波 疫情 的 念頭 或許 會 動搖 市場 情緒 1 月 大陸 疫情爆發 適 逢 春節前夕 即使 官方 信心 喊話 並 向 市場 注入 流動性 但 2 月 3 日 a 股 開 紅盤 仍 暴跌 8 3 月 23 日 來到 最低點 2660 點 隨 著 大陸 境內 疫情 趨 緩 a 股 緩步 走 揚 12 日 收 報 291974 點 較 低 點 反彈 約 10 市場 人士 表示 15 日 週一 a 股 開盤 將 成 市場 觀察 重點 綜合 陸媒 13 日 報導 北京 零 確診 的 成果 在 11 日 破 功 當日 出現 一起 新增 病例 12 日 更 出現 六 起 經 追查 後 與 交易 規模 號稱 亞洲 最 大 的 豐台區 新發地批發市場 有關 新發 地 市場 13 日 淩晨 緊急 休 市 進行 消毒 上萬 名 市場 人員 接受 病毒檢測 目前 已 發現 46 名 從業人員 的 檢測 呈 陽性反應 疫情 升溫 讓 北京 官員 如臨大敵 12 日 晚 在 北京市委 書記 蔡奇 主持 下 疫情 防控 工作領導小組 召開 會議 強調 要 確實 切斷 疫情 傳播 途徑 外防 輸入 既要 嚴格 入境 進 京 人員 管控 也 要 加強 入境 貨機 管理 和 貨物 檢驗 檢疫 豐台區 代 區長 初 軍威 13 日 表示 已 啟動 戰時 機制 成立 現場 指揮部 對 新發 地 市場 周邊 11 個 社區 實施 封閉 管理 另外 因 疫情 防控 形勢 發生變化 北京 官方 已將 餐飲業 防控 調至 二級 回應 機制 除了 要 求業 者 進一步 加強 對 原材料 採購 和 送貨 人員 的 防疫 管 控 客人 進入 餐廳 前 也 需 檢測 體溫 並 核實 北京 健康 寶 資訊 並 停止 酒席 宴會 等 群 聚 性 聚餐 北京 跨 省 旅遊團 體育賽事 等 亦 再次 暫停 未 返校 上課 的 小學 一 至 三 年級 暫緩 上課 目前 北京 官方 正 全力 追查 疫病 感染 源頭 及 原因 一度 傳出 病毒感染 與 市場 販 售 的 三 文 魚 鮭魚 與 包裝 有關 導致 13 日 大陸 各地 超 商市場 對 三 文 魚 進行 下 架 退貨 與 排查 但 專家 表示 魚蝦 本身 不太可能 作為 病毒 載體 原因 或 在 冷鏈 環節 環境 污染 有待 進一步 調查 更 多 ctwant 報導</t>
  </si>
  <si>
    <t>臺灣 疫情爆發 行政院 推 紓困 40 針對 有 需要 的 民眾 核發 補助 其中 針對 部分 工時 受 雇 勞工 推出 1萬 元 生活 補貼 措施 今 起至 8 月 31 日 開放 受理 預估 有 41萬 人 受惠 即日起 可 上網 登錄 資料 或 至 實體 atm 領取 勞動部 指出 申</t>
  </si>
  <si>
    <t>臺灣 疫情爆發 行政院 推 紓困 40 針對 有 需要 的 民眾 核發 補助 其中 針對 部分 工時 受 雇 勞工 推出 1萬 元 生活 補貼 措施 今 起至 8 月 31 日 開放 受理 預估 有 41萬 人 受惠 即日起 可 上網 登錄 資料 或 至 實體 atm 領取 勞動部 指出 申請者 於 今年 4 月 30 日前 參加 就業 保險 投保 薪資 在 2萬3100 含 元 以下 同時 未 重複 領取 政府 機關 同 性質 紓困 補助 補貼 或 津貼 者 都 具 申請 資格 此次 發放 方式采 從簡 核發 從速 為 原則 並 避免 因 請領 作業 引發 群 聚 采 2 種 方式 方便 勞工 申 領 第一 種 為 專屬 網站 申領 勞動部 部分 工時 受 雇 勞工 生活 補貼 網 於今 28 日 上午 10 時 開放 申請者 可 直接 登 網 也 可 至 勞動部 官 網 前往 符合 資格 的 勞工 上網 登錄 身分 證號 及 金融機構 帳 戶 號碼 等 資料 經 系統 核 驗 資料 正確 後 1萬 元 生活 補貼 將 直接 匯入 申請人 帳 戶 中 考量 申請 初期 人數 眾多 為 讓 民眾 都能 在 網路 平臺 上 快速 完成 登錄 7 月 1 日後 才 開放 查詢 申請 結果 第二 種 為 實體 atm 領取 7 月 1 日 起 符合 資格 的 勞工 可 持 個人 任 一家 金融機構 發行 的 金融 提款卡 至 台新 國際 商業 銀行 中 國信 讬 商業 銀行 及 國泰 世 華 商業 銀行 所 設置 之 實體 atm 插入 提款卡 後 選擇 部分 工時 生活 補貼 輸入 身分 證 字型大小 及 提款卡 密碼 即 可 領取 1萬 元 現金 勞動部 表示 申請者 身邊 若 沒有 提款卡 不便 上網 但 符合 請領 資格 者 可 打電話 至 勞動部 紓困 專線 1955 以 紙本 方式 申請 同時 也 提醒 舉凡 符合 資格 的 41萬 名 勞工 都能 請領 1萬 元 可 申請 時間 為 2 個 月 至 8 月 31 日 止</t>
  </si>
  <si>
    <t>全球 疫情 持續 發酵 各類 組織 紛紛 啟動 遠 距 工作 維持 業務 營運 為 協助 打造 安全 的 遠 距 工作 環境 思科 今 16 日 最新 宣佈 即日起 免費 提供 四 款 資 安 產品 協助 各 企業 與 組織 能 持續 享有 最 安全 的 資 安 防護 讓 業務 與 教育 不因 資 安 危機 受損 或是 停 擺 思科 今日 一口氣 推出 四 款 資 安 產品 打造 安全 的 遠 距 工作 環境 四 款 新品 分別 為 網路 保護傘 cisco umbrella 身份 認證 管理 duo security 遠 距 安全連 線 cisco anyconnect vpn 以及 端點 進 階 惡意 程式 防護 cisco advanced malware protection for endpoints amp 思科 大中華 區 資深 副 總裁 暨 思科 臺灣 總經理 陳志惟 表示 面對 全球 挑戰 思科 及時 運用 科技 協助 各個 機構 執行 遠 距 管理 除了 思科 協作 方案 我們 希望 藉 由 簡捷 安全 的 資 安 解決 方案 讓 各界 在 遠 距 工作 的 同時 免受 資 安 風險 危害 專注 於 維持 業務 的 連續性 攜手 跨越 挑戰 思科 進一步 說明 四 款 資 安 產品 首先 可以 使 員工 能夠 用 公司 筆記型電腦 或 個人 行動 設備 在 任何 地方 工作 啟用 安全 通道 後 就 能 讓 員工 在 遠 端 存取 辦公室 分流 及 分支 到 總部 等 系統資源 就 如同 在 辦公室 工作 一樣 第二 duo security 可 在 非常 時期 中的 工作 狀態 如何 有效率 及 快速 的 管理 使用者 需要 從 使用者 的 帳 號 認證 著 手 duo security 通過 採用 多 因素 認證 技術 以 行動 電話 簡訊 電話 或電子郵件 等 方式 認證 設備 及 驗證 使用者 可以 減少 帳 號 被盜 取 的 機會 與 資 安 攻擊面 進而 降低 風險 第 三 cisco umbrella 可 在 不 需要 安裝 硬體 亦 無需 要 手動 更新 軟 體 持續 管理 非常簡單 只 需將 dns 重定向 到 umbrella 通過 加強 dns 和 ip 層 的 安全性 阻止 對 惡意 軟 體 勒索 軟 體 網路 釣魚和 僵屍 網路 的 請求 最後 端點 進 階 惡意 程式 防護 amp 可以 在 家 工作 之 安全 首要 注意 使用 設備 上 的 安全控制 應 避免 設備 的 入侵 端點 進 階 惡意 程式 防護 可 深入 查看 網路 層級 與 網路 邊緣 的 威脅 活動 並 封鎖 進 階 惡意 程式 思科 認為 遠 距 工作 已經 成為 新 常態 資訊 安全 成為 遠 距 處理 業務 的 必要 關鍵 之一 無論 是 企業 或是 教育界 商業 機密 與 個人 資訊 皆 有 被 嚴密 保護 的 需要 資 安 風險 成 了 業 界 最 大 的 挑戰 思科 指出 近期 持續 收到 不 同 組織 要求 為 它們 日益 增加 的 遠 距 工作者 提供 資 安 協助 數量 是 疫情爆發 前 的 10 倍 另外 自 3 月 10 日 以來 已 增加 超過 1530萬 思科 資 安 解決 方案 用戶 四 款 思科 資 安 解決 方案 包括 cisco umbrella duo security cisco anyconnect vpn 以及 端點 進 階 惡意 程式 防護 amp 的 免費 使用 期限 由 即日起 至 2020 年 7 月 1 日</t>
  </si>
  <si>
    <t>28 歲 港 星 胡 淽 喬 外貌 甜美 2009 年 在 烹飪 遊戲 節目 美女 廚房 擔任 美女 廚 神 走紅 胡 淽 喬和 男友 過年 期間 回 武漢 過年 沒 想到 新冠 疫情爆發 後 武漢 宣佈 封城 胡 淽 喬 為了 陪伴 男友 自願 留在 當地 一個 多 月 來 也 不斷 透過 社</t>
  </si>
  <si>
    <t>28 歲 港 星 胡 淽 喬 外貌 甜美 2009 年 在 烹飪 遊戲 節目 美女 廚房 擔任 美女 廚 神 走紅 胡 淽 喬和 男友 過年 期間 回 武漢 過年 沒 想到 新冠 疫情爆發 後 武漢 宣佈 封城 胡 淽 喬 為了 陪伴 男友 自願 留在 當地 一個 多 月 來 也 不斷 透過 社 群 網站 讓 外界 知道 當地 情況 近日 香港政府 派 專機 接回 滯留 武漢 港人 胡 淽 喬也 被 問到 是否 會 搭 專機 返回 香港 但 她 卻 斷然拒絕 並 曝光 背後 原因 胡 淽 喬就 透露 近來 被 許多 人 詢問 她 是否 會 搭 專機 回港 她 表明 不會 並 坦言 雖然 自己 很 想 回 香港 但 目前 武漢 還 沒有 解除 封城 就算 回到 香港 她 也 要 被 隔離 14 天 胡 淽 喬 認為 還 是 在 當地 自我 隔離 好 了 胡 淽 喬 同時 指出 除了 隔離 問題 之外 她 不 搭 專機 還有 另 一個 原因 因為 她 認為 自己 不是 慢性病 患者 也 不是 要 趕 著 考試 的 學生 基於 沒有 迫切 返 港 的 需求 所以 她 決定 把 座位 讓給 更 需要 的 人 胡 淽 喬 自願 留在 武漢 目前 待 在 郊外 農村 的 她 連日來 透過 社 群 媒體 分享 疫情 現況 卻 無端 被 網友 攻擊 加上 日前 收到 日本 朋友 寄 來 裝 著 口罩 等 各種 防疫 產品 的 包裹 讓 她 很 無奈 日本 人 會 說 武漢 加油 香港 人 卻 惡言相向 落井下石 不 知道 那些 幸災樂禍 的 人 是 生長 在 一個 欠缺 愛 的 家庭 沒有 同 理 心 的 人 如何 教育 下一代 胡 淽 喬 最後 感歎 一 場 疫情 看 盡 了 人 生 百 態 更 多 ctwant 報導</t>
  </si>
  <si>
    <t>近期 印度 疫情 趨 緩 為了 重振 經濟 當局 逐步 解封 但 遭到 公衛 專家 強烈 反對 直指 若 印度 太 早 解除 封鎖 反而 容易 引發 第 三 波 感染 穆迪 分析 的 專家 也 認為 印度政府 如何 有效 控制 疫情 並 提高 疫苗 接種 率 將 成為 印度 經濟 復蘇 的 重要 課題 同時 也 直接 影響 全球 經濟 發展 cnbc 報導 穆迪 分析 公司 moody&amp;apos s analytics 副 總裁兼 高級 分析 師 abhishek tyagi 表示 印度 疫情 出現 的 封鎖 與 民眾 行為 模式 的 改變 正 抑制 經濟 活動 與 金融市場 的 流通性 儘管 經濟 確實 因 疫情 出現 停滯 但 abhishek tyagi 認為 如何 避免 第 三 波 感染 將 是 更 重要 的 課題 由於 疫苗 接種 率 仍然 相對 較 低 因此 存在 持續 感染 的 風險 這 可能 會 促使 政府 再 採取 進一步 的 封鎖 措施 因此 如何 盡 速 控制 疫情 並 提高 疫苗 施打 率 將 成為 印度 復蘇 經濟 的 重要 關鍵 他 說 政府 如何 限制病毒傳播 並 大幅 增加 疫苗 接種 率 將 對 經濟 復蘇 產生 直接 影響 同時 也 牽動 世界 局勢 由於 印度 為 第 六大 經濟體 且 是 全球 經濟 成長 的 主要 貢獻 者 5 月 印度 疫情爆發 後 引來 部分 專家 下 修其 經濟 成長 預測 並 認為 印度 的 疫情 將 左右 全球 經濟 狀況 美國商會 也 曾 警告 多 家 跨國企業 的 後勤 支援 部門 是 由 數 百萬 名 的 印度 勞工 負責 運作 因此 印度 的 疫情 危機 可能 拖累 美國 甚至 對 全球 經濟 帶來 危機</t>
  </si>
  <si>
    <t>一 張 最高 可 投保 千萬 美元 相當 新 台幣 3億410萬 元 的 美元 壽險 保單 在 新冠肺炎 疫情爆發 後 的 詢問 度 也 提高 而且 有 民眾 希望 額度 還 可以 再 提供 新冠肺炎 疫情爆發 讓 許多 人 重新 思考 財務 配置 的 優先 順序 近期 壽險 保單 也 針對</t>
  </si>
  <si>
    <t>一 張 最高 可 投保 千萬 美元 相當 新 台幣 3億410萬 元 的 美元 壽險 保單 在 新冠肺炎 疫情爆發 後 的 詢問 度 也 提高 而且 有 民眾 希望 額度 還 可以 再 提供 新冠肺炎 疫情爆發 讓 許多 人 重新 思考 財務 配置 的 優先 順序 近期 壽險 保單 也 針對 此 提出 比較 靈活 的 設計 像是 保戶 要 保人 可以 指定 多 名 受益 人 及 保險金 分配 順位 同時 還 可以 彈性 變更 保險金 受益 人 身故 保險金 可設 定為 10 年 20 年 的 分期 定期 給付 以及 每 一 位 受益 人 可 領取 的 身故 保險金 的 分配比例 以 近日 新聞媒體 高度 關注 的 鑽石 公主 號 為 例 遊輪 上 已經 有 來自 不同 國籍 超過 600 人 確診 誰 能 預料 原本 讓 人 稱羨 的 郵輪 行程 竟 變成 困境 之 旅 aia 友邦 人壽 總經理 侯文成 表示 誰 都 不 願意 看到 疫情 的 擴張 但 很 多 變故 的 發生 是 沒有 任何 徵兆 病毒 之前 人人平等 所謂 計 畫 趕不上 變化 往往 在 錯失 了 機會 和 時間 後 影響 了 自己 家人 甚至 整個 家族 未來 的 安定 幸福 以及 多 代 子孫 的 隱形 財富 目前 市場 上 的 美元 保單 多 受到 保戶 關切 以 利率 變動 型 終身 壽險 來說 有的 保單 提供 6 年期 10 年 期 較 短 年期 趨向 民眾 偏好 度 之外 職業 等級 1 3 級 最高 投保 金額 可 達 1000萬 美元 若 是 以 1 美元 兌換 新 台幣 3041 元 計算 約 折合 為 3億410萬 元 可 藉 此 確保 所 指定 的 受益 人 在 被保險人 事故 發生 後 的 財務 保障 降低 事故 風險 所 產生 的 衝擊</t>
  </si>
  <si>
    <t>受到 新冠肺炎 疫情 影響 三級 警戒 至今 已經 超過 一個 月 不僅 許多 店家 生意 受到 影響 就 連 藝人 也 因為 工作 喊 卡 導致 收入 銳減 對此 八 點 檔 女星 璟 宣 透露 因為 疫情 關係 詢問 房東 是 能否 調整 房租 沒 想到 卻 得到 讓 她 傻眼 的 答案 立刻 引起 網友 議論     璟 宣 昨 18 日 在 instagram 限 時 動態 發文 透露 因為 新冠肺炎 疫情爆發 導致 這 段 期間 收入 受到 很 大 影響 便 詢問 房東 是否 能 在 房租 上 做 些 調整 沒 想到 對 方回 覆 一 張 紓困 專案 的 圖片 要 她 去 申請 後 就 已 讀 不 回 讓 在 此處 租房 許久 的 她 坦言 收到 這般 回應 相當 難過 但 換 個 角度 想 或許 房東 也 有 自己 的 困難 只能 安慰 自己 退一步 海闊天空 但 也 不禁 感歎 頓時 令 人 想念 南部 的 人情味 此外 璟 宣曬 出 與 疾 管家 的 對話 紀錄 從 內容 得知 已 接種 疫苗 過 了 5 周 她 透露 疾 管家 每週 都會 傳 訊息 關心接種 疫苗 後 的 狀況 不由得 開始 想念起 工作 家人 朋友 以及 能夠 自由 活動 的 日子 更 無奈 表示 我 生病 了 生 了 相思病 看得出來 心情 相當 低潮    璟 宣 之前 傳出 為了 賺錢 養 兩 個 兒子 長年累月 下來 身體 累 出毛病 根據 三 立 新聞網 報導 她 到 婦產科 照 超 音波 時 被 醫生 告知 子宮 萎縮 提早 老化 可能 因 此 不孕 對此 她 也 于 ig 發文 報平安 謝謝 大家 的 關心 關於 報導 內容 提到 我 的 健康 出 了 些 狀況 是 前 兩 年 拍 八 點 檔 時 現在 都 很 好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今年 剛 入選 交通部觀光局 經典 小鎮 的 台 南市 新化 區 防疫期間 民眾 往 郊外 走 部分 民眾 到 中興大學 新化 林場 園區 外 的 造林區 登山 健 行 常因 迷路 或 體力不支 打電話 請 消防 救護 人員 協助 新化 林場 呼籲 遊客 林場 內 步道 維護 完善 購買 門票 入場 安全 較 有 保障 新化 林場 面積 廣達 378 公頃 擁有 臺灣 最 大 的 桃花心木 森林 目前 正值 桃花心木 落 葉 時期 林場 步道 彷 佛 鋪上 一 層 柔軟 地毯 林場 前 山 收費 開放 遊客 入 園 遊 憩 面積 達 90 公頃 有 餐廳 教室 旅 宿 步道 林道 有 工作人員 維護 新冠肺炎 疫情爆發 以來 週末 入 園 人數 較往年 增加 2300 人 新化 林場 後山 還有 上百 公頃 的 造 林地 也 常見 遊客 登山 由於 後山 並 無 專人 維護 步道 而且 山路 複雜 常有 遊客 迷路 或 體力不支 台南 市府 消防 局 新化 分隊 常 接到 救護 任務 民眾 還 搞不清楚 所在 地點 徒 增 救護 人員 困擾 為 協助 民眾 確認 自己 所在 地點 新化 分隊 與 林場 員工 至 後山 各 路線 掛 設 救援 定位點 標誌 方便 民眾 回報 位置 新化 林場 場長 吳佾鴻 呼籲 民眾 林場 前 山 設備 完善 步道 有 專人 維護 安全 有 保障 雖然 入 園 全票 80 元 但 市民 警 消 教師 學生 都有 折扣 門票 還 可以 抵 消費 今年 是 新化 林場 百 周年 目前 推出 森林 野餐 日 活動 拍照 打 卡 請 喝 咖啡 還 有 機會 獲得 百年 慶 紀念品 此外 新化 林場 也 是 台南 3 大 賞 螢 地點 之一 夜間 賞螢 有 專人 導覽 活動 即日起 開放 報名 歡迎 民眾 來 享受 森林浴 呼吸 清新 空氣</t>
  </si>
  <si>
    <t>行政院長 蘇貞昌 今天 再度 赴 立 法院 針對 國籍 航空 機組員 隔離 3 11 決策 過程 進行 專案 報告 根據 送 抵 立院 的 書面報告 蘇貞昌 表示 對於 每 一 條 寶貴 生命 的 消逝 我 都 深感 遺憾 與 抱歉 不過 朝野 協商 時國民 黨團 總 召 費 鴻泰 表示 不 接受 這 份 3 11 補充 報告 國民 黨團 並 佔領 了 議場 根據 書面報告 蘇貞昌 表示 做為 行政院長 要 負 全國 最高 行政 的 責任 我們 確實 看到 有 國人 因 疫情 而 受苦 甚至 死亡 對於 給 國人 的 照顧 沒有 做到 百分之百 好 基於 對 生命 的 尊重 對於 每 一 條 寶貴 生命 的 消逝 我 都 深感 遺憾 與 抱歉 書面報告 指出 疫情 指揮中心 面對 疫情 隨時 變化 即時 作出 妥 適 因應 與 處置 加強版 3 11 的 決策 是 4 月 13 日 向 指揮官 陳時中 面 報 後 拍板 過程 並 不 會 製作 會議 紀錄 行政部門 也 不是 每場 都 有 做成 紀錄 這 是 行政 機關 慣 常 運作 的 模式 並非 沒有 會議 紀錄 就是 疏忽 草率 有關 外界 質疑 指揮中心 將 機組員 檢疫 模式 改為 3 11 是 導致 華航諾 富特 群 聚 案 進而 引發 本土 疫情爆發 的 原因 根據 書面報告 的 解釋 今年 4 月 17 日 爆發 諾 富特 飯店 群 聚 感染 事件 後 相 關機 組員 飯店 員工 及其 同 住 家人 共 1790 人 進行 居家 檢疫 采 檢 結果顯示 並 無職 場 或 家庭 以外 的 社區 接觸 者 確診 因此 沒有 證據 顯示 機師 與 諾 富特 飯店 群 聚 感染 事件 與 後來 發生 的 社區 疫情 有關</t>
  </si>
  <si>
    <t>三級 警戒 期間 死亡 人數 高達 近 800 多 人 面對 不停 歇 的 死因 質疑 聲浪 專家 諮 詢 小組 召集人 張上淳 曾 說 死亡率 高 與 家屬 具 dnr 觀念 不 施行 心 肺 復蘇 術 有關 有 相當 比例 的 病人 是 救 得 回來 的 引發 軒然大波 醫 界 批評 這 是 對 家屬 的 打擊 而 他 也 在 沉寂 幾 天 後 致歉 指揮中心 分析 雙北 死亡 個案 資料 表示 5 月 18 日 至 6 月 24 日間 有 1785 病 患 或 家屬 簽 dnr 不 施行 心 肺 復蘇 術 平均 758 歲 9 成有潛 在 疾病 如 高血壓 糖尿病 癌症 等 而 本報 取得 健 保 署 dnr 統計資料 發現 全台 6575 歲 以上 長者 簽署 比例 是 777 879 而 近 3 年 主 診斷 為 癌症 者 的 比例 為 1055 雙北 確診 死亡 個案 簽署 dnr 比例 甚至 是 長者 的 2 倍 多 對於 指揮中心 一度 將 致死 率 與 dnr 掛鉤 健 保 署長 李伯璋 說 不論是 新冠肺炎 或 癌症 假如 無法 繼續 治療 簽署 dnr 是 好 的 不過 有時 dnr 概念 若 不夠 普及 真 出現 還 沒 治療 就 離開 的 案例 就 會 有 點 可惜 一 位 新冠肺炎 家屬 表示 先生 在 確診 入院 後 其實 狀況 還 在 控制 但 護理人員 一直 跟 他們 談 簽署 dnr 讓 他們 覺得 十分 不解 覺得 觸黴頭 北醫 附 醫 胸腔 內科主任 周 百 謙 則 說 疫情爆發 時 醫療 滿載 大家 悲觀 以 對 醫師 憑 著 有限 的 藥物 設備 去 面對 可能 呼吸衰竭 的 危險 族群 多 會 偏向 家屬 預告 插管 難以 拔 管 的 風險 就 有 可能 去 碰 觸 dnr 但 臺北市 醫師 職業工會 發言人 陳亮甫 說 確診 者 病況 變化 大 疫情 嚴峻 時 陪 病 管制 嚴 若 狀況 危急 家屬 無法 隨時 在 旁 醫師 會 較 積極 詢問 dnr 意願 這 是 趁 家屬 還 在 時讓 家屬 考慮 不 代表 此事 不該 被 談論 北市 聯 醫 整合 醫療 科 主治醫師 姜冠宇 強調 造成 死亡 的 真正 原因 是 醫療 量 能 不足 dnr 只是 必經之路 在 資源 不足 前提 下 即使 不 簽 也 不 保證 能 救回 dnr 應 回歸 單純 倫理 問題</t>
  </si>
  <si>
    <t>赴 大陸 考察 新冠肺炎 疫情 的 世界 衛生 組織 專家 已 結束 在 路 調查 行程 考察 組 外方 組長 世衛組織 總 幹事 高級顧問 艾爾沃德 bruce aylward 表示 大陸 所 採取 的 策略 明顯 影響 了 確診 病例 增加 的 速度 並 已 認識 到 武漢 人民 所 付出 貢獻 世界 欠 你們 一 次 當 疫情 過去 後 希望 有 機會 代表 世界 再一 次 感謝 武漢 人民 據 路透社 報導 艾爾沃德 在 與 大陸 國家 衛健 委 官員 舉行 的 聯合 記者會 上 表示 儘管 最近 幾 周 觀察 到 了 一些 統計 問題 但 多 個 資料 來源 支援 衛健 委 報告 的 新增 病例 數量 總體 下降 的 趨勢 國家 衛健 委 24 日 報告 新增 409 例 新冠 病毒 確診 病例 低於 一 天 前 的 648 例 兩 周 之內 實現 下降 80 而 包括 北京 和 上海 在內 的 20 多 個 省級 行政區 報告 新增 感染者 數量 為 零 為 自 疫情爆發 以來 最佳 資料 艾爾沃德 表示 雖然 疫情 從 武漢市 爆發 後 大陸 採取 如 封 城等 行動 特別 是 武漢 即使 中止 交通 如 汽車 與 手機 零件 等 產品 全球 生產 鏈 也 中斷 但 確實 防止 了 數 十萬 病例 發生 全世界 欠 你們 一 次 希望 場 疫情 過去 有 機會 代表 世界 再一 次 感謝 武漢 人民 並 呼籲 全世界 從 快速反應 中學 到 一 課 而 據 環球時報 報導 艾爾沃德 表示 在 全球 不得不 為 疫情 做 應對 和 準備 的 過程 中 自己 曾經 像 其他人 一樣 對於 非 藥物 干預 措施 是 有 偏見 的 但 大陸 的 方法 被 事實證明 是 成功 的 雖然 全球 社會 尚未 做好 準備 採用 大陸 的 方式 艾爾沃德 進一步 指出 很多 人 都會 說 現在 沒有 藥 現在 沒有 任何 的 疫苗 所以 我們 只能 拍拍手 表示 沒有 辦法 而 大陸 的 做法 是 既然 沒藥 沒 疫苗 那有 什麼 就 用 什麼 能 怎樣 調整 就 怎樣 調整 能 怎樣 適應 就 怎樣 適應 能 怎樣 去 拯救 生命 就 怎樣 去 拯救 生命 不過 華盛頓郵報 北京 分社 社長 弗 菲爾 anna fifield 在 推特 上 質疑 身為 世界 頂尖 的 流行病 學家 為 何才剛 進過 武漢 境內 醫院 的 艾爾沃德 沒有 強制 隔離 檢疫 14 天 就 離開 大陸 對此 艾爾沃德 表示 向 他 表示 他 沒有 去 過 武漢 任何 骯髒 的 區域 dirty areas 而且 已 接受 冠狀病毒 核酸 檢測 為了 趕 飛機 才急著 離開 記者會 i just asked bruce aylward who was in wuhan over the weekend why he was not in quarantine he said he didn t go to any dirty areas in wuhan and that he was tested for coronavirus this morning he hastily left the press conference because he has a plane to catch</t>
  </si>
  <si>
    <t>臺灣 於 5 月中 旬 新冠肺炎 疫情爆發 民眾 將 其 歸咎 于 指揮中心 放寬 機組員 檢疫 措施 為 3 11 而 民進黨 不 分區 立 委 範雲 被 網友 指控 為 向 指揮中心 關心 將 機組員 檢疫 措施 放寬 為 3 11 的 主要 推手 範雲 在 事件 爆發 後 臉書 均 未 發文</t>
  </si>
  <si>
    <t>臺灣 於 5 月中 旬 新冠肺炎 疫情爆發 民眾 將 其 歸咎 于 指揮中心 放寬 機組員 檢疫 措施 為 3 11 而 民進黨 不 分區 立 委 範雲 被 網友 指控 為 向 指揮中心 關心 將 機組員 檢疫 措施 放寬 為 3 11 的 主要 推手 範雲 在 事件 爆發 後 臉書 均 未 發文 自 5 月 12 日 至今 在 沉默 83 後 今晚 首度 又 貼 文 表示 會 盡全力 協助 相關 爭議 厘 清 範雲 指出 自從 五月 份 疫情爆發 以來 因為 3 11 相關 爭議 她 鮮 少 對外 發文 但 對 民眾 的 服務 從來 沒有 停歇 範雲 表示 對於 3 11 的 爭議 如 她 之前 所說 她 為 機組員 開 協調會 出發點 是 擔心 機組員 身心 狀況 導致 飛 安 疑慮 對於 相關 決策 與 疫情 關聯 除了 指揮中心 多次 說明 她 也 相信 行政院 與 監察 院 分別 進行 的 調查 會 厘 清 相關 爭議 她 也 會 盡全力 協助 相關 爭議 厘 清 範雲 也 不 忘 洋洋灑灑 詳列 9 大項 簡要 問 政 報告 最後 說 讓 我們 一起 加油 為 弱勢 為 公益 為 臺灣 繼續 風雨同路</t>
  </si>
  <si>
    <t>據 兩 名 參與 籌備工作 的 人士 表示 中國 大陸 已 暫定 計畫 在 4 月 下旬 或 5 月初 舉行 全國人大 政協會議 這 兩 個 每年 按 例 在 3 月 舉行 的 會議 因 新冠 病毒 而延 後 目前 大陸 新冠 病毒 新增 病例 已 大幅 下降 因而 打算 在 疫情 趨 緩 之際 召開 此 一 年度 大型 政治 集會 據 路透 報導 大陸 全國人大 和 政協會 的 年度 會議 原依 慣例 定於 3 月初 舉行 但 今年 由於 新冠 疫情爆發 而 推遲 至今 未 宣佈 正式 召開 的 日期 報導 認為 這個 參加 人數 高達數 千 人 的 大型 政治性 集會 在 北京人民大會堂 恢復 舉行 將 是 一個 重要 信號 表明 中共 領導 路 階層 認為 疫情 已 經受 控制 政治 活動 將 恢復正常 不過 大陸 國務院新聞辦公室 和 全國人大常委會 新聞 部門 未 回 覆 媒體 置評 的 要求 在 武漢 爆發 並 擴散 至 大陸 全境 與 世界 各國 的 新冠肺炎 在 大陸 已 有 8萬 多 人 感染 導致 3200 人 死亡 對 經濟 生活 造成 嚴重破壞 企業 生產 急劇下降 創下 30 年 來 最 嚴重 的 紀錄 報導 引述 知情 人士 的 話說 全國人大 召開 日期 尚未 最後 確定 參加 人數 可能 會 減少 從 外地 到 北京 參加 會議 的 代表 可能 要 進行 檢疫 措施 每年 的 全國人大 政協會議 召開 時間 大約 為 10 天 左右 是 一年一度 極 重要 的 政治 儀式 人大 會議 期間 會通 過 多 項 立法 並 審議 國務院 總理 的 政治 工作 報告 並 公佈 未來 的 經濟 與 社會 目標 國防 預算 和 其他 重要 的 政策 決定 同時 也 會 有 重大 政策 宣示 與 人事 異 動 報導 說 今年 全國人大 的 重要 議題 除 了 新冠 疫情 防控 之外 還 會 包括 導致 去年 下 半 動盪 的 香港 反 送 中 運動 以及 更 重要 的 如何 恢復 受 疫情 衝擊 的 大陸 經濟 問題</t>
  </si>
  <si>
    <t>臺灣 疫情 居高不下 每天 被 確診 數 與 疫苗 採購 相關 問題 夾擊 而 在 如此 嚴峻 的 情況 下 不但 警 消 物流 人員 身處 險境 在 第一線 的 醫護人員 更 是 首當其衝 近日 還 爆出 確診 者 傷害 護理 師 的 事件 讓 人 心疼 又 著 急 藝人 洪都拉斯 受訪 吐露 兒子 其實 就 是 護理 師 很 有 使命感 每天 努力 工作 下 了 班竟 不敢 回家 擔心 害 家人 染疫 讓 當 爸 的 他 好 心疼 洪都拉斯 接受 聯合報 專訪 吐露 兒子 2 年前 退伍 後 就 投入 了 護理 師 行列 不料 如今 遇上 這 場 比 sars 還 慘烈 的 新冠 疫情 做人 家長 的 他 其實 很 擔心 透露 之前 疫情 還 不 嚴重 時 他 就 問 過 孩子 在 醫院 工作 防護 夠不夠 兒子 說 即使 防護 再好 心裡 還 是 會 不安 他 深知 孩子 熱愛 這 份 工作 因此 身為 家長 即使 內心 很 糾結 但 仍 是 在 背後 默默 給予 支持 而 本土 疫情爆發 後 兒子 工作 更忙 但 這不 是 洪都拉斯 很久沒 看 到 孩子 的 原因 是兒子 擔心 外人 對 護理 師 的 異樣 眼光 會 影響 家人 也 怕 在 第一 線 工作 會 帶 著 病毒 回家 因此 下班 後 連家 都 不敢 回 跟 爸爸 說 自己 儘量 不 要 回家 讓 洪都拉斯 好 心疼 直 跟 兒子 說 沒關係 就算 因為 這樣 染疫 也 甘願 怎麼 可以 放 你自己 在 外面 洪都拉斯 接受 訪問 後 也 在 臉書 po 文 溫情 告白 兒子 天下 的 爸爸媽媽 都 是 一樣 的 我 為 我 兒子 感到 無限 的 驕傲 那是 一 種 崇拜 大家 都 要 平安 許多 星友如 鍾 欣 淩 嚴立婷 楊 麗音 陳美鳳 範瑞君 nono 等 都 感動不已 紛紛 留言 給 父子 倆 打氣 陳仙梅 更 說 看 你 一 句 我 被 染疫 我 也 甘願 我 怎麼 可能 放 你 一個 人 在 外面 天 啊 我 整個 眼眶 都 是 淚 直接 被 逼 哭 洪都拉斯 又 po 文 表示 接收 到 大家 的 關心 很 感謝 眾人 溫馨 給予 信心 這 所有 的 關懷 我會 告訴 兒子 你 不 孤單 大家 都 在 期待 雨過天晴 中 時 新聞網 提醒您 防範 新冠肺炎 應 使用 肥皂 勤洗手 搭乘 大眾 運輸 或 無法 保持 社交距離 時 務必 戴 上 口罩 回國 若 身體 不適 請 主動 通報 14 天內 出現 疑 似 症狀 請 先 撥 打 防疫 專線 並 戴 上 口罩 盡 速 就醫 務必 告知 醫師 旅遊 史 免 付費 防疫 專線 1922 0800 001922</t>
  </si>
  <si>
    <t>新冠肺炎 自 1 月底 爆發 至今 國光 生 技 董事長 詹啟賢 表示 無法 出國 應酬 也 變 少 了 意外 收穫 是 高爾夫球 的 球技 進步 了 詹啟賢 說 因為 大家 都 不 出國 幾 個 朋友 很 容易 約 以前 高爾夫球 久久 打 一 次 現在 一 星期 可以 約 上 2 次 且 這個 戶外活動 能 保持 社交距離 皮膚 曬 黑 但 身體 更 健康 了 現在 還 能 每天 回家 吃 太太 做 的 晚飯 歐 美 疫情 3 月 大 爆發 不僅 停 班 停課 連 公園 運動 場所 也 沒 開放 要到 咖啡 廳 品嘗 咖啡 香 更是 奢侈 的 享受 詹啟賢 認為 隔離 久 了 會 出事 因為 隔離 違反 人性 美國 非裔 男子 遭 白人 員警 不當 執法 致死 引發 全美 示威 暴動 就是 情緒 找 宣洩 出口 美國 之所以 執行 嚴格 的 隔離政策 就是 因為 先前 的 警覺性 不夠 詹啟賢 分析 美國 成功 嚴防 了 中國 大陸 卻 忽略 防堵 歐洲 當 新冠肺炎 病毒 在 社區 流竄 就 很 難 壓抑 下來 鎖國 封城 隔離 是 不得已 的 做法 新冠肺炎不僅 改變 每個 人 的 生活 日常 異地 辦公 視 訊 會議 也 讓 產業 商業模式 面臨 很 大 的 調整 與 挑戰 最 顯著 的 是 全球化 將 不 會 繼續 擴展 取而代之 的 是 在 地 化 區域化 詹啟賢 認為 很多 產業 不能 像 過去 佈局 單純 透過 一個 地方 製造 生產 行銷 到 全世界 現在 必須 分散 在 地 化 生產 雖然 成本 可能 因 此 提高 但 這 是 疫情 過後 大家 得 承受 的 風險 舉例來說 新加坡 原本 有 生產線 在 臺灣 生產 口罩 疫情爆發 後 新加坡 毅然決然 將 生產線 移 回 新加坡 理由 很 簡單 臺灣 禁止 出口 又 擔心 新冠肺炎 疫情 第 2 波 第 3 波 來 襲 雖然 新加坡 生產 口罩 人力 組裝 貴 了 一點 但 就 當 買 保險 詹 啟賢 認為 口罩 只 是 個 簡單 案例 新冠肺炎 的 檢測 試劑 呼吸器 很多 來自 大陸 這 點 讓 美國 急 跳腳 不是 大陸 故意 不 出口 而是 自己 根本 不 夠用 分散 生產線 將 成為 疫情 後 的 主流 趨勢</t>
  </si>
  <si>
    <t>對於 美方 先前 抱怨 其 專家 無法 進入 大陸 瞭解 新冠肺炎 病毒 大陸 外交部 17 日 表示 包括 美方 的 世界衛生組織 專家 將 訪 北京 以及 廣東 與 四川 等 省份 但 疫情爆發 點 武漢市 與 湖北省 不在 行程 內 引起 外界 關注 世衛 專家 是否 確實 能 調</t>
  </si>
  <si>
    <t>對於 美方 先前 抱怨 其 專家 無法 進入 大陸 瞭解 新冠肺炎 病毒 大陸 外交部 17 日 表示 包括 美方 的 世界衛生組織 專家 將 訪 北京 以及 廣東 與 四川 等 省份 但 疫情爆發 點 武漢市 與 湖北省 不在 行程 內 引起 外界 關注 世衛 專家 是否 確實 能 調查 出 病毒傳播 途徑 對此 美國耶魯大學 公共 衛生 學院 助理 教授 陳希 表示 此時 武漢 與 湖北省 各市 仍 處於 對抗 疫情 關鍵時刻 恐 無暇 與 世衛 團隊 合作 世界衛生組織 who 秘書長 譚 德塞 tedros adhanom ghebreyesus 14 日 指出 世衛 專家 團隊 由 共 12 名 國際 衛生 及 世衛 專家 組成 團隊 將 到訪 數 個 省份 瞭解 衛生 體系 及 醫護人員 的 防疫 措施 關注 病毒 的 傳播方式 疾病 嚴重 程度 瞭解 因應 措施 的 影響 以 指導 全球 應 對 工作 不過 他 並未 進一步 說明 考察 省份 等 細節 隨 著 新冠肺炎 持續 在 陸延 燒 截至 18 日 已 有 72530 確診 1870 死 其中 多 為武漢市 病例 對於 大陸 聲稱 歡迎 國際 合作 對抗 疫情 但 美 疾病 控制 與 預防 中心 cdc 先前 曾 抱怨 仍未 收到 北京 邀請 同意 讓 美專家 進入 調查 而 據 南華早報 報導 指出 大陸 外交部 17 日 表示 包含 美國 專家 在內 who 的 代表團 將 赴 陸 調查 而 大陸 國家 衛健 委 也 表示 who 專家 將 與 陸 專家 一同 一同 到 北京 廣東 和 四川 現場 考察 至於 who 專家 調查 行程 中 未 包含 武漢市 與 湖北省 各市 等 疫情爆發 中心 南華早報 引述 人民日報 報導 同時 也 是 中國 衛生 政策 與 管理 學會 會長 陳希 表示 主要 原因 應該 是 湖北 當前 處在 防控 疫情 的 關鍵期 接待 能力 有限 至於 為何 選擇 廣東 與 四川 陳希 表示 除了 要 與 鐘南山 交流 外 廣東 也 是 在 sars 後 大陸 衛生系統 建設 最為 完善 人員配備 最為 齊全 的 地區 他 也 說 專家 考察 組 考慮 四川 或許 與 四川省 省長 尹力 有關 他 在 公共 衛生領域 有 著 豐富 經驗 且 四川省與 美國 公共 衛生 學界 有 著 較 多 交流</t>
  </si>
  <si>
    <t>天氣 轉 涼 也 宣告 泡 溫泉 的 旺季 來臨 交通部觀光局 今年 再度 結合 全台 19 個 溫泉區 舉辦 2021 2022 臺灣 好 湯 活動 今日 舉行 啟動 儀式 民眾 前往 全台 400 多 家 合作 業者 住宿 或 泡湯 使用 振興 五 倍 券 或 國旅 券 消費 滿 200 元 即有 機會 抽中 溫泉 住宿 券 及 iphone 13 觀光局 邀請 國際 知名 設計師 沙布 喇 安德列 針織 女王 潘怡良 與 曾 參與 柏林 時裝周 紐約 時裝周 的 設計師 群 們 為 全 臺灣 19 處 溫泉 區域 的 打造 專屬 時尚 浴衣 展現 獨一無二 的 溫泉暖 時尚 交通部 政務 次長 陳彥伯 表示 交通部觀光局 自 2007 年 起 推動 溫泉 品牌 化 以 臺灣 好 湯 行銷 全台 的 溫泉區 將 臺灣 溫泉 推上 國際 新冠肺炎 疫情爆發 以來 政府 推出 振興 五 倍 券 及 國旅 券 期 能 刺激 國內 消費 及 帶動 經濟 振興 臺灣 好 湯也 加碼 振興 五 倍 券 優惠 抽獎 活動 陳彥伯 說 臺灣 溫泉 是 剛剛 好 的 40 度 c 不 只 是 療 愈 的 暖 度 更是 充滿 人情味 的 暖 度 觀光局 主任 秘書 林佩君 表示 觀光局 以 健康 40 度 c 的 概念 推廣 臺灣 好 湯 品牌 希望 遊客 用 溫度 認識 臺灣 觀光局 整合 超過 400 家 合法 溫泉旅 宿 業者 民眾 只要 于 全台 溫泉 區域 特約 店家 住宿 或 泡湯 使用 振興 五 倍 券 或 國旅 券 消費 滿 200 元 憑 認證 後 的 消費 發票 上網 登錄 即可 抽 住宿 券 及 iphone 13 歡迎 遊客 帶 著 抽中 的 泡湯 券 攜家帶眷 一起 到 全台 各地 泡湯 吃 當 季 美食 活絡 在 地 消費 2021 2022 臺灣 好 湯 活動 即日起 開跑 一直 到 明年 4 月底 止 期待 不只 帶動 臺灣 秋冬 溫泉 旅行 熱潮 更 將 臺灣 溫泉 區域 的 各樣 美好 溫暖 的 感受 傳遞 給 更 多 人 讓 溫泉 真正 撫慰 人心</t>
  </si>
  <si>
    <t>民進黨立委 王 定宇 今日 21 日 於臉書 發文 表示 針對 艦隊 染疫 將 在 明日 22 日 立院 國防委員會 進行 敦睦 艦隊 染疫 專案 報告 並 針對 4 個 部分 來 調查 王 定宇 說 明日 調查 重點 如下 1 決定 進行 敦睦 艦隊 遠 訓 的 決策 是否 必要 涉及 機密 建議 可 采 機密 向 國會 報告 2 敦睦 艦隊 的 防疫 規劃 是否 完整 合宜 3 敦睦 艦隊 執行 防疫 工作 是否 落實 包括 航程 中的 就診 人次 不少 目前 經查 有 已 確認 就診 人數 148 人 226 人次 發燒 5 上呼吸道 10 頭痛 2 腸胃 不適 18 暈船 62 外科 41 皮膚 23 口腔 10 眼科 11 其他 健康諮詢 等 防疫 規劃 為 何? 為什麼 沒有 啟動 防疫 程式 4 疫情爆發 後 海軍 公 佈 的 事項 錯誤 連連 從 是否 全程 戴 口罩 是否 篩檢 到 是否 提早 下船 都 被 抓 包打 臉 螺絲 在 哪裡 出 問題</t>
  </si>
  <si>
    <t>新冠肺炎 自 2019 年 爆發 後 席捲 全球 儘管 疫苗 已 問世 但 強勢 的 變種 病毒株 仍 替 全人類 帶來 威脅 究竟 新 冠 病毒 何時 能 從 世界 上 消失 小兒科 醫師 陳木榮 坦言 歷史 上 只 有 2 種 傳染病 完全 消失 不少 人 因為 當年 的 sars 經驗 產生 錯誤 幻想 以為 新 冠 病毒 會 很快 消失 他 認為 未來 幾 年 人類 都 要 考慮 如何 和 病毒 和平共存 做好 心理準備 柚子 醫師 陳 木榮今 4 日 發文 表示 疫情爆發 兩 年 多 來 常常 有人 問 他 covid-19 這個 病毒 什麼 時候 會 從 世界 上 消失 尤其 在 疫情 初期 很多 人 認為 咬牙 就 能 撐過去 幾 個 月 後 就 能 輕鬆 生活 然而 誰 都 沒 想到 臺灣 在 今年 5 月中 竟會 爆發 大規模 本土 感染 說真的 我 不 知道 covid-19 什麼 時候 會 消失 陳 木榮 指出 目前 歷史 上 已 知 明確 消失 的 傳染 疾病 只 有 2 個 那 就 是 sars 和 天花 其他 傳染 疾病 目前 仍然 存在 世界 上 陳木榮 說 2002 年 sars 誕生 造成 全世界 8千 多 人 染疫 774 人 死亡 但 病毒 一下 就 消失 不見 當年 的 經驗 也 讓 大家 產生 錯誤 的 幻想 認為 新冠肺炎 也 可能 會 快速 消失 至於 天花 則 是 人類 歷史 上 第 一個 使用 疫苗 對抗 的 疾病 也 是 第 一個 從 世界 上 完全 消失 的 傳染 疾病 陳木榮 指出 天花 病毒 早 在 西元前 1157 年 被 發現 散播 到 全世界 並 持續 存 在 3千 多年 直到 疫苗 問世 後 才 完全 根除 有 一 說法 是 自從 有 天花 這個 疾病 之後 全世界 有 十分 之一 的 人 死於 天花 陳 木榮 強調 想要 讓 新冠肺炎 從 世界 上 消失 非常 難 尤其 現在 各種 疫苗 都 有 很多 謠言 這樣 只 會 讓 根除 傳染病 變 得 更加 困難 他 坦言 人類 一直 以 地球 的 主人 自居 事實上 地球 不 應該 專屬 於 任何 一 種 生物 人類 多 年 來 一直 覺得 細菌 病毒 欺負 人類 可是 對 細菌 病毒 而言 人類 也 不是 好 相處 的 鄰居 人類 在 接下來 的 多年 都 要 考慮 和 新冠肺炎 和平共存 陳木榮 最後 呼籲 大家 一定 要 做好 心理準備 用盡 一切 方法 保護 好 自己</t>
  </si>
  <si>
    <t>新冠肺炎 疫情爆發 超過 1 年 半 中央流行疫情指揮中心 數 月 前 宣佈 預 採購 高端 聯 亞 各 500萬 劑 疫苗 不過 至今 只 有 高端疫苗 通過 緊急 使用 授權 eua 對於 年底 購得 1000萬 劑 國產 疫苗 計 畫 沒 達成 指揮官 陳時中 今 表示 目前 達</t>
  </si>
  <si>
    <t>新冠肺炎 疫情爆發 超過 1 年 半 中央流行疫情指揮中心 數 月 前 宣佈 預 採購 高端 聯 亞 各 500萬 劑 疫苗 不過 至今 只 有 高端疫苗 通過 緊急 使用 授權 eua 對於 年底 購得 1000萬 劑 國產 疫苗 計 畫 沒 達成 指揮官 陳時中 今 表示 目前 達成 率 還有 50 防疫 百分百 照 計 畫 走 以 我們 的 背景 條件 做 不 到 中央流行疫情指揮中心 今年 5 月 28 日 與 高端疫苗 生物 製劑 有限公司 聯 亞 生 技 開發 股份有限公司 簽訂 國內 covid-19 疫苗 採購 契約 預計 採購 各 500萬 劑 疫苗 並 視 未來 疫情 需求 後續 擴充 不過 截至 今年 下半年 僅 高端疫苗 通過 eua 並 開 打 陳時中 今 接受 周玉蔻 新聞 放 鞭炮 採訪 時 指出 生產 疫苗 本來 就 是 非常 困難 的 事情 從 候選 3 家 到 2 家 到 1 家 通過 eua 非常 不容易 食 藥 署 的 立場 清楚 就是 要 確保 符合 品質 和 學術 上 的 要求 不 想為 特定 疫苗 做 太多 的 辯護 這 是 我們 的 目標 而 不是 出 來說 很 好 啊 怎麼樣 我們 在意 的 是 安全和 品質 對於 年底 1000萬 劑 國產 疫苗 的 採購 計 畫 未達標 陳時中 表示 達成 率 有 50 若要 防疫 百分百 照 計 畫 走 我們 的 背景 條件 做 不到 但是 我們 有 各類 的 備案 目前 疫苗 的 供應 還 是 穩定 有人 覺得 像 處在 驚濤駭浪 之間 靠 別人 送 但 其實 靠 別人 送 也 要 有 基礎 大家 都 不敢 鬆懈 不敢 只 靠 國產 疫苗 只 靠 自 購 或 別人 送 周玉蔻 指出 反對黨 對 國產 疫苗 扭曲 抹黑 造謠 卻 看不到 食 藥 署 做 強力 的 辯護 甚至 專家 諮 詢 委員 李秉穎 都 被 人格 毀滅 這樣 公平 嗎 為何 食 藥 署 沒有 道德 勇氣 去 辯護 且 懷疑 政府 裡面 也 有人 內應 打 壓 國產 疫苗 陳時中 否認 食 藥 署 內應 的 疑慮 並 表示 是 好 的 東西 會 經得起 考驗 疫苗 不是 一時 的 事情 經得起 考驗 的 疫苗 才能 替 臺灣 發光 發熱 陳時中 今 也 自 爆 太太 二兒子 都打 高端疫苗 除 太太 覺得 肚子 怪怪的 之外 二 兒子 沒什麼 副作用 而 他 和 大兒子 則 是 接種 az 疫苗 周玉蔻 今 也 自稱 自己 為 高端 寶寶 陳時中 表示 以 高端 的 審查 講求 科學 證據 但是 很多 人 不 用 科學 證據 來 講話 用 很多 的 形容詞 相信 時間 會 證明 一切 至於 聯 亞 疫苗 陳時中 表示 聯 亞 的 強項 在 細胞 免疫 但是 他們 認為 他們 的 中和 抗體 可以 達標 但 最後 審查 時 到 了 borderline 以 那個 條件 專家 無法 讓 聯 亞 通過 eua 對於 接下來 要 如何 協助 聯 亞 陳時中 表示 不是 我們 的 政策 如何 調整 而是 聯 亞 要 提出 有利 的 證據 說服 我們 的 專家 或許 可以 重 啟 臨床 試驗 雖然 當時 的 規則 對 他 不利 但 當時 大家 是 同意 以 中和 抗體 做 免疫 橋 接 如今 歐盟 也 漸漸 承認 以 中和 抗體 代表 保護 力</t>
  </si>
  <si>
    <t>台鐵 區間車 站 滿人 他 曝 一 圖 驚 喊 回到 疫情爆發 前 景象</t>
  </si>
  <si>
    <t>臺灣 疫情爆發 全國 三級 警戒 3 度 延長 現在 又 爆出 印度 變種 病毒 delta 進入 屏東社區 引發 民眾 恐慌 不過 今 早 卻 有 民眾 發現 搭乘 台鐵 的 人 變 多 了 甚至 站 滿 整個 車廂 令 他 不解 地 問 是不是 解除 三級 警戒 有望 了 該 民眾 今</t>
  </si>
  <si>
    <t>臺灣 疫情爆發 全國 三級 警戒 3 度 延長 現在 又 爆出 印度 變種 病毒 delta 進入 屏東社區 引發 民眾 恐慌 不過 今 早 卻 有 民眾 發現 搭乘 台鐵 的 人 變 多 了 甚至 站 滿 整個 車廂 令 他 不解 地 問 是不是 解除 三級 警戒 有望 了 該 民眾 今 28 日 於 ptt 八卦板 透露 自己 正 在 台鐵 區間車 上班 途中 三 個 禮拜 前 就 發現 搭 車 人潮 漸漸 變 多 這個 禮拜 與 上周 相比 乘客 更 多 多 到站 滿 整個 車廂 與 疫情爆發 前 的 平日 並無二致 從 他 分享 的 車廂 照 顯示 每個 座位 都 有人 乘客 並肩 而 坐 根本 沒有 保持 社交距離 走道 上 也 站 滿人 令 他 忍不住 問 是不是 三級 警戒 解除 有望 了 真的 期待 7 月 解除 3 級 大家 蜂擁 出門 上班 遊玩 貼 文 曝光 後 引發 不少 鄉民 熱烈 回應 病毒 會 自律 病毒 知道 你們 要 去 上班 不 會 傳染 病毒 會 辨識 上班 不算 群 聚 指揮中心 說 上班 不是 群 聚 疫情 趨 緩 很多 公司 都 結束 居家 辦公 了 越來越 多 公司 取消 在家 上班 了 如果 一個 delta 上車 全車 遭殃 等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疫情 嚴峻 新北 市 中 和 警 分局 5 名 警員 染疫 分局 立即 做 駐地 大 清 消 的 動作 分局長 李建 廣為 避免 再有 同仁 染疫 極力爭取 疫苗 供 第一線 員 警 施 打 市府 調配 100 劑 的 疫苗 今 31 日 優先 提供 給 中和 警 分局 的 同仁 施 打 李 建 廣 表示 以 第一 線 外勤人員 願意 施打 優先 登記 登記 完後 造冊 提供 給 衛生局 施打 人員 並 要求 嚴謹 核對 確實 為 名單 上 的 人員 才可施 打 讓 外勤 同仁 可以 安心 值勤 對於 有 員 警 反映 身為 外勤 單位 人員 在外 執勤 時長 時間 的 接觸 民眾 無法 確認 當下 所 接觸 的 人 是否 為 確診 個案 時常 身 在 險境 之中 卻 遲遲 沒有 被 安排 施打 疫苗 李建廣 表示 其實 在 疫情爆發 前 一直 持續 爭取 疫苗 提供 同仁 施 打 但 因為 當時 同仁 施 打 意願 普遍 不 高 到 第二 波 疫情爆發 後 仍 有 持續 要求 同仁 施 打 疫苗 但 成效 不 彰 李 建 廣 表示 市府 優先 調度 100 劑 疫苗 先 提供 給 第一 線 外勤 同仁 施打 因 中央 配發 第一 批 疫苗 是 優先 提給 防疫 線 上 醫護人員 而 衛生所 亦 表示 下 若 有 多 餘 會 優先 給 外勤 同仁 施打 另 在 警政署 極力爭取 後 第二 批 的 疫苗 提供 給 員警 專用 疫苗 將 於 6 月 1 日 才 會 送達 到時 會 有 衛生局 人員 協助 配合 並 要求 每個 同仁 完成 疫苗 施打</t>
  </si>
  <si>
    <t>中央流行疫情指揮中心 今 公佈 國內 新增 2 例 新冠肺炎 境外移入 病例 分別 為 20 多 歲 女性 案 453 及 40 多 歲 男性 案 454 均 自 菲律賓 返國 國內 目前 累計 454 例 確診 分別 為 363 例 境外移入 55 例 本土 病例 及 36 例 敦睦 艦隊 疫情 中心 發言人 莊人祥 表示 案 453 於 去年 12 月 下旬 至 菲律賓 工作 7 月 14 日 出現 倦怠 喉嚨 痛 咳嗽 有 痰 及 鼻 塞 等 症狀 7 月 15 日 返國 入境 時 主動 告知 有 不適 症狀 由 機場 檢疫 人員 安排 采 檢 後 送至 集中 檢疫所 隔離 於 今日 確診 衛生 單位 已 掌握 接觸 者 共 2 人 其中 1 人 為 案 453 於 菲律賓 當地 的 同 住 室友 預計 今日 返台 入境 後 將 列為 居家 隔離 對象 另 1 人 為 案 453 同 班機 前後 二 排 乘客 列為 居家 隔離 對象 另 針對 6 名 未 入境 之 同 班機 機組員 將 透過 國際 衛生 條例 國家 對口 單位 ihr 通知 相關 國家 另案 454 今年 1 月 下旬 至 菲律賓 工作 分別 於 7 月 11 日 及 13 日 出現 發燒 嗅覺 異常 及 伴隨 感冒 症狀 7 月 15 日 返國 入境 時 主動 告知 有 相關 症狀 由 機場 檢疫 人員 安排 采 檢 後 送至 集中 檢疫所 隔離 於 今日 確診 衛生 單位 已 掌握 接觸 者 共 24 人 其中 12 人 為 同 班機 前後 二 排 乘客 列為 居家 隔離 對象 12 人 為 同 班機 機組員 因 全程 有 適當 防護 列為 自主 健康 管理物件 莊 人 祥 強調 全球 疫情 快速 上升 7 月 16 日 新增 病例 逾 24萬 例 創新 高 鄰近 我國 的 印尼 與 菲律賓 自 疫情爆發 以來 持續上升 但 仍未 達到 高峰 其中 菲律賓 疫情 嚴峻 但 未 重新 實施 較 嚴格 的 管制 措施 此外 近期 日本 澳洲 香港 等 均 因 逐步 鬆綁 限制 措施 致 疫情 於 酒店 校園 大型 聚會 等 具 風險 場 域 爆發 群 聚 大幅 提升 社區 感染 風險 指揮中心 再次 提醒 民眾 應 做好 手部 衛生 與 咳嗽 禮節 外出 若 無法 與 他人 保持 社交距離 請 全程 佩戴 口罩 自 國外 入境 時 如有 發燒 咳嗽 等 不適 症狀 應 主動 通報 機場 及 港口 檢疫 人員 並 配合 防疫 措施</t>
  </si>
  <si>
    <t>桃園 與 臺北市 因 garmin 公司 員工 染疫 事件 隔 空 交火 基隆 市 因 確診 案例 在 北市 上班 未 被 匡列 而 怒 批 疫 調 台中 市長 盧秀燕 11 日 表示 很 感謝 彰 化 縣府 昨晚 漏 夜 通報 有 確診 者 足跡 到 台中 讓 中 市 立即 啟動 應變 她 強調 中部 地區 是 共同 生活 圈 從 疫情爆發 以來 中部 各縣市 首長 共同 合作 互相 通報 聯手 打擊 病毒 守護 中 臺灣 的 民眾 台中 市府 昨天 晚間 接 獲 彰 化 縣 通報 指出 彰 化 1 名 確診 案例 有 台中 足跡 史 曾在 7 月 7 日 下午 3 時至 晚間 7 時 到 台中 新光 三越 百貨公司 台中 市府 接 獲 通報 於 晚間 10 時 緊急通知 百貨公司 停業 並 進行 內部 清 消 百貨公司 漏 夜 緊急 進行 內部 消毒 11 日 再度 配合 休館 進行 清 消 盧秀燕 今天下午 在 流行 疫情 指揮中心 記者會 時 談及 接 獲 彰 化 縣府 通報 確診 案例 足跡 到 台中 市 一 事 特別 表示 市府 接 獲 通知 後 立即 啟動 應變並 通知 新光 三越 停業 並 進行 內外 清 消 盧秀燕 指出 除了 感謝 百貨公司 配合 停業 及 清 消 外 也 感謝 彰 化 縣長 王 惠美 及 衛生局長 葉 彥 伯 的 及時 通報 中部 地區 是 一個 共同 生活 圈 從 疫情爆發 以來 中部 各縣市 首長 共同 合作 互相 通報 聯防 聯手 打擊 病毒 中 市 會 繼續 努力 守護 中 臺灣 的 民眾 盧秀燕 指出 中央 宣佈 微 解封 後 民眾 心理 已 有些 鬆懈 從中 市 今天 還 是 傳出 本土 或 境外移入 確診 個案 來看 台中 市 還 沒有 鬆懈 的 本錢 能 理解 要 提供 一定 的 民生 經濟 但是 疫情 變幻莫測 市民 一定 要 注意安全 避免 外出 務必 做好 防疫 目前 病毒 仍 凶 猛 且 全世界 還 深 以為 苦 仍要 加強 戒備</t>
  </si>
  <si>
    <t>蔡 政府 拿 防疫 當 抗 中 大批 新婚 陸配 陸配之 子 小 明 與 陸生新 舊生 回不來 成功 爭取 武漢 包機 返台 的 台商 徐 正文 21 日 上午 將 召開 記者會 率領 新婚 陸配 小 明 表達 現況 並 向 總統 蔡英文 行政院長 蘇貞昌 喊話 盼 趕緊 開放 相關 大陸 人士 來 台 徐 正文 表示 往常 年均 6000 名 新婚 陸配來 台 但 新冠肺炎 疫情爆發 後 目前 僅 600 名 新婚 陸配 成功 申請 團聚 入 台 目前 尚有 2000 多 對 兩岸 婚配 的 大陸 伴侶 無法 來 台 與 親友 相聚 徐 正文 提到 不只 新婚 陸配來 台 被 下 禁令 另 還有 陸配之 子 小 明 2000 人 以及 5000 多 名 大 批 陸生新 舊生 仍 被 阻絕 在外 並且 讓 人 無法 接受 的 是 政府 的 防疫 戰略 根本 是 逢 中 必 反 大陸 以外 的 其他 國家 配偶 境外 生 甚至 外勞 都 可 來 台 具備 大陸 身分 者 則 是 全 被 擋 在 國門 之外 諸如此類 人倫 之 情 被 拆散 學權 受 戕害 的 案例 近來 不斷 傳出 處境 令人同情 徐 正文 指出 基於 人道 關懷 再度 站 出來 呼籲 政府 盡 速 放行 新婚 陸配 返台 不要 再 讓 新婚 伴侶 在 即將 到來 的 情人節 期間 只 能 當 牛郎織女 隔 著 臺灣海峽 遙望 與 思念 彼此 另 也 呼籲 放行 小 明 與 陸 生來 台 與 父母 家人 相聚 並 順利 接受 高等教育 我們 企盼 政府 能 秉 持 著 結 好 緣 的 心 不要 拆散 夫妻 和 家庭 徐 正文 強調 但 若 社會各界 對 疫情 有所 膽 心 建議 可 比照 湖北 包機 上海 模式 將 班機 旅客 集中 隔離 協助 需要 的 同胞 順利 返回 臺灣 徐正 文說 近來 接 獲 不少 新婚 陸配 的 陳情案 因此 決定 召開 記者會 並於 會 中 呈現 陸配 小 明 與 陸生 所 拍攝 的 影片 以及 將 發給 蔡 總統 和 蘇 院長 的 陳情信 新婚 團聚 陸配 夫妻 檔 也 會 在 現場 透過 網路 視 訊 表達 對 彼此 的 思念 還有 想 對 政府 說 的 話</t>
  </si>
  <si>
    <t>2020 年 上半年 即將 結束 上市 公司 陸續 總結 半 年 的 營運 成績 雖然 正式 的 半 年報 要到 七 八月 才會 陸續 公告 但是 絕大多數 上市 公司 董事會 與 經營 團隊 都 瞭 然 於 心 將要 迎來 顯著 衰退 的 營 收 甚至 是 難堪 的 紅 字 虧損 新冠肺炎 帶 給 人類 經濟 生活 猶如 戰爭 般的 衝擊 把 大 多數 企業 推到 生死存亡 的 臨界點 重大 災難 正是 對 企業 經營 能力 的 終極 考驗 所有 公司 負責人 都會 高喊 永續 經營 不過 永 續 經營 在 承平 的 日子 只是 啦啦隊 一般 鼓舞 員工 的 漂亮 口號 只有 在 新冠肺炎 這樣 重大 的 災難 中 才能 看到 公司 負責人 對於 永 續 經營 承諾 的 真假 在 真實 的 世界 裡 企業 時時刻刻 面臨 著 商業模式 轉型 組織 結構調整 傳統 與 創新 部門 的 汰舊換新 以及 高層 決策 主管 的 更替 等 挑戰 承平 時期 既 有 的 商業模式 貢獻 穩定 的 營 收 要 進行 結構性 的 改革 相對 困難 相反 的 新冠肺炎 這樣 的 重大 災難 雖然 可怕 對於 企業經營者 來說 卻是 天上掉 下來 的 禮物 經營 總體 環境 的 重大 災難 是 企業 改革 的 東風 真正 環抱 永 續 經營 的 企業主 不僅 不畏 災難 更 會 借東風 來 加速 結構性 的 調整 順勢 汰 弱 擇強 完成 從 商業模式 到 一級 主管 更替 的 困難 改革 過去 十 年 臉書 蘋果 亞馬遜 這 幾 家 被 稱為 faang 的 企業 躍居 全球 龍頭 他們 在 新冠肺炎 疫情 衝擊 下 不只 沒有 退縮 反而 雷厲風行 進行 結構性 的 改革 他們 犧牲 短期 利益 加速 投資 未來 的 決心 是 臺灣 企業家 學習 的 典範 蘋果公司 在 6 月 22 日 召開 年度 開發者 大會 wwdc 推出 ios 14 作業系統 等 大 幅度 的 升級 改革方案 從 軟 體 主要 硬體 升級 到 網路 服務 的 推陳出新 視 新 冠 疫情 為 擴大 全球 市 占 率 的 契機 蘋果公司 在 疫情 期間 關閉 營業點 更 大 的 挑戰 是 蘋果 成為 中國 與 美國 角力 的 人質 許多 人 甚至 認為 失去 中國 市場 的 蘋果公司將 一蹶不振 但是 蘋果 手機 手錶 電腦 在 過去 半 年 全 球市 占 率 大增 反而 確保 無可 挑戰 的 龍頭 地位 蘋果 也 趁機 打破 原有 部門 的 山頭 將 音樂 電視 新聞 等 服務 做 了 全面 整合 在 wwdc 還 宣佈 自行 主導 的 運算 晶 片 宣示 擺脫 英特爾 的 重大 結構性 轉變 蘋果公司 面對 疫情 的 快速 調整 獲得 投資人 高度 的 支持 蘋果 的 股價 在 上週五 創下 每股 35656 美元 的 新高 已經 比 疫情爆發 之前 高出 10 總 市值 來到 152 兆 美元 的 歷史 新 高 相較 於 其他 的 競爭者 華為 面臨 重 大 市場 衰退 被迫 裁員 因應 韓國三星 股價 剩下 每股 52900 韓元 距離 疫情 之前 的 62800 韓元 下跌 16 優勝劣敗 的 競逐 已經 分出 勝負 咖啡 連鎖店 星 巴克 的 改革 也 令 人 驚訝 最 具有 代表性 的 是 一度 被 熱烈 討論 號稱 要 挑戰 星 巴克 的 中國 瑞幸 咖啡 爆發 假帳 風暴 而 瞬間 崩潰 星 巴克 屹立不搖 疫情 迫使 星 巴克 必須 關閉 大量 營業點 卻 被 經營 團隊 作為 汰 弱 擇強 的 絕佳 機會 原本 日常 期間 挑戰 甚 高 的 營業點 調整 在 過去 三 個 月 內 迅速 洗 牌 更 令 人 驚訝 的 是 星 巴克 宣佈 關閉 美國 400 多 個 傳統 的 咖啡店 同時 開設 300 間 只 提供 外 送與 現場 取 貨 沒有 座位 的 新 店面 pick-up stores 這 是 星 巴克 面對 消費型 態 轉變 的 重大 轉型 以 更 小 面積 成本 更 低廉 直接 滲透到 小 社區 辦公室 居家 附近 的 商業模式 採取 app 訂單 服務 為 核心 迎接 5 g 世代 的 新 服務 星 巴克 也 跟 蘋果 一樣 藉 著 新 冠 疫情 的 衝擊 拉開 了 與 競爭對手 的 距離 比 蘋果 更 勇猛 的 是 亞馬遜 在 今年 第二 季 為了 因應 新 冠 疫情 亞馬遜 瞬間 增加 了 40億 美元 的 資本 支出 表面 上 出現 了 虧損 但是 卻 將 送貨到 府 的 服務 提升 到 了 之前 無法 想像 的 新高 市 占 率 交易 頻率 全面 提升 的 結果 亞馬遜 的 股價 竟然 比 疫情 之前 飆 升 了 25 總 市值 增加 將近 3千億 美元 達爾文 的 物競天擇 論 不僅 解釋 了 生物 種族 的 演化 更 是 企業 經營 的 最佳 詮釋 大自然 不 會 永遠 平順 每 一 次 重大 的 天然 災難 都 是 生存競爭 的 淘汰賽 最終 勝 出 的 並 不是 最 大 最 強 的 物種 而是 能夠 在 不斷 變動 環境 中 擁抱 改變 的 最適 者 survival of the fittest 重大 災難 對於 決心 永續 經營 的 企業主 帶來 轉型 的 東風 新冠肺炎 疫情 一時三刻 不會 消失 願意 擁抱 改變 抓住機會 汰 弱 擇強 的 企業 將 是 最終 的 勝利者</t>
  </si>
  <si>
    <t>本土 連 8 天 破百 例 守 在 一線 的 醫護人員 忙 翻 一 名醫 師在 臉書 po 出 與 女兒 的 對話 紀錄 只見 他 受 疫情 影響 已 5 天 沒有 回家 女兒 孤零零 待 在家 除了 覺得 寂寞 想 哭 之外 也 很 擔心 爸爸 會 染疫 對此 原 po 只能 溫聲 安慰 女兒 這 就 是 當 醫師 的 天職 萬一 他 怎麼 了 至少 也 是 走 的 盡心盡力 不留 遺憾 讓 不少 網友 看 了 對話 秒 噴 淚 一 名 陳姓 醫師 日前 在 臉書 社團 爆 廢 公社 分享 對話 截 圖 只見 疫情爆發 後 許多 人 都宅 在家 避 疫 但 身為 醫師 的 他 卻 已 忙 到 5 天 沒有 回家 讓 女兒 看 了 既 心疼 又 擔心 深怕 在 爸爸 會 染疫 爸 你 一定 要 這麼 累 嗎 疫情 很 嚴重 你 不能 回家 我 好想哭 別人 可以 全家 躲 在 家裡 看 電視 我們 家 只 剩 我 一個 好想哭 該 醫師 看到 女兒 的 擔心 無助 後 只能 傳 訊息 安慰 說 這 是 身為 醫師 的 天職 平常 沒有 什麼 貢獻 只能 替 患者 開刀 如今 國家 需要 我們 當然 要 盡力去做 人生 呀 做好 該 做 的 事 就 會 很 快樂 並 鼓勵 女兒 要 堅強 萬一 他 不幸 確診 就 替 他 祈福 萬一 他 不在 了 你 也 要 想想 爸爸 走 的 盡心盡力 沒有 遺憾 原 po 的 女兒 看到 這邊 忍不住 落淚 直 呼 你 不要 這樣 說 啦 不過 在 醫師 爸爸 的 安慰 之下 最後 也 努力 振作起來 甚至 還 為了 緩解 氣氛 向 爸爸 開玩笑 說 有 沒有 什麼 密碼 或 藏 錢 的 地方 要 先 寫 下 來 喔 而 爸爸 也 超級 配合 說 對 耶 如果 我 不行 了 一定 會 告訴 你 女兒 最後 也 示 愛 爸爸 並 提醒 忙 工作 之 餘 也 別 忘記 要 休息 吃飯 父女 對話 引起 網友 熱烈 討論 你 說 得 雲淡風輕 我們 看 得 一 把 眼淚 感謝 第一線 醫護人員 辛苦 了 看 著 看 著 都想 哭 了 滿滿 洋蔥 看到 前面 默默 的 鼻酸 起來 結果 密碼 和 塞 錢 的 地方 馬上 破 功</t>
  </si>
  <si>
    <t>國際 能源 署 iea 署長 比羅爾 fatih birol 週二 表示 iea 對 全球 石油 需求 成長 的 預測 已 降 至 10 年 來 最低水準 而且 受 新冠肺炎 疫情 影響 可能 會 進一步 下調 預測 iea 本月 中曾 發表 報告 預測 全球 石油 需求 逾 10 年 以來 首次 下跌 首季 將 減少 每日 435萬 桶 之前 則 估計 每日 增加 80萬 桶 主要 是 新冠肺炎 導致 大陸 經濟 廣泛 停頓 並 指 由於 危機 持續 暫時 難以 準確 評估 影響 比羅爾 在 倫敦 的 一次能源 會議 上 對 媒體 表示 我們 肯定 將 看到 過去 10 年 來 最低 的 石油 需求 增長 可能 需要 再 向 下 調整 預測 iea 本月 在 疫情爆發 後 預測 第一 季 需求 預計 將 減少 435萬 桶 日 這 是 自 金融危機 以來 首次 出現 季度 需求 下降 iea 已將 2020 年 全年 全球 需求 增長 預測 下調 365萬 桶 日 至 825萬 桶 日 國際 油價 星 晚 跌 至 兩 周 低位 紐約 期 油 一度 失守 每桶 50 美元 關口 最新 回升 至 5028 美元 布蘭特 期 油 則 報 5531 美元</t>
  </si>
  <si>
    <t>新冠肺炎 持續 延 燒 月 餘 臺灣 防疫 得當 新竹 縣 市 甚至 仍 是 0 確診 但 已 有 民眾 每天 看 著 相關 新聞 排隊 買 口罩 買 酒精 等 畫面 不 斷 重複 上演 因而 焦慮 上身 只要 咳 個 嗽 就 擔心 的 要死 醫師 呼籲 小心 沒 得到 肺炎 焦慮 症 先 上身 搞 出 心病 來 台大醫院 新竹 分院 精神 醫學 部 醫師 詹仁輝 指出 近日 門診 有 位 泛 焦慮 症 病人 原本 病情 穩定 長期 在 精神 科 就醫 但 新冠肺炎 疫情 出現 後 焦慮 症狀 明顯 惡化 除了 擔心 口罩 及 酒精 不夠 也 購買 拋棄式 手套 以便 出門時 使用 這 名 王 姓 女 病 患 兩 個 月 前 從 日本 旅遊 回來 近日 出現 輕微 咳嗽 擔心 自己 被 感染 了 新冠肺炎 頻頻 來 診 詢問 醫師 是否 需要 做 新型 冠狀病毒 篩檢 明明 沒有 被 感染 但因 心裡 害怕 與 心 疑 生活品質 大 降 焦慮 症 也 再度 發作 詹 仁輝 表示 新冠肺炎 疫情爆發 後 疫情 在 全球 擴散 有關 疫情 的 新聞 幾乎 攻佔 各類 平面 及 電子媒體 的 版面 因其 傳染 力 極 強 部分 患者 若 被 感染 可能 成為 重症 甚至 危及 生命 因此 人人 聞 之 色 變 為了 避免 被 傳染 許多 人 都 取消 了 旅遊 行程 也 減少 了 跟 親友 及 同事 的 聚會 許多 民眾 外出 也 戴 上 口罩 形成 少見 的 景象 加上 各國 政府 及 團體 紛紛 宣佈 各種 防疫 政策 包括 延後 開學 開工 開會 媽祖 繞 境 延期 取消 特定 航線 甚至 奧運 是否 要 如期舉行 也 在 討論 之列 生活 上 產生 了 一些 限制 民眾 的 心理 也 受到 了 一些 影響 若 本來 有 精神 焦慮 者 病況 可能 更加 嚴重 詹 仁輝 呼籲 若 發現自己 出現 焦慮 胸 悶 心悸 等 症狀 可以 先 嘗試 轉移 心情 減少 追蹤 新聞 及 社交 媒體 從事 其他 活動 或 考慮 就醫 詢問 專業 意見</t>
  </si>
  <si>
    <t>高雄昨 一口氣 新增 9 起 案例 高雄 市長 陳其邁 怒 轟 新北 疫 調 缺失 造成 高雄群 聚 感染 新北 市長 侯友宜 今 下午 3 時 主持 防疫 會議 媒體 接連 詢問 新北市衛生局 疫 調 是否 有 缺失 與 落差 當初 匡列 狀況 侯友宜 連 問 3 題 都 避 答 由 新北 市 衛生局長 陳 潤 秋 簡短 回應 有 關恩 主公 醫院 的 問題 院方 昨天 跟 今天 都 已經 有所 回 覆 了 謝謝 高雄 市 仁 武 區 昨 爆發 家族 7 人群 聚 感染 陳其邁 質疑 指標 個案 案 14359 曾在 5 月底 於 新北 市 三峽 恩 主公 醫院 開刀 住院 當時 隔壁 房曾 爆發 群 聚 感染 卻 因 新北 市 疫 調 疏漏 導致 該 個案 沒 被 匡列才 把 疫情 帶回 高雄 但 恩 主公 醫院 反駁 高雄 個案 與 恩 主公 院內 感染 發生 在 不同 病房 且 高雄 在 群 聚 感染 爆發 前 就 已 出院 依據 中央流行疫情指揮中心 規定 並 沒有 匡列 的 必要 指揮中心 今 下午 記者會 則 要求 醫院 改進 新北 市府 今 舉辦 防疫 會議 媒體 提問 階段 媒體 問及 為何 高雄 當初 沒有 被 擴大 匡列 也 沒 被 自主 健康 管理 也 沒有 且 高雄 個案 為何 可以 拒絕 采 檢 對此 新北 市 衛生局長 陳 潤 秋 表示 這 整 件 事情 發生 在 新北 市 疫情 最 嚴峻 的 時候 醫院 從 疫情爆發 後 真的 很 辛苦 到 現在 也 是 一樣 這 整 件 事情 院方 已經 做 最 詳細 的 說明 因此 尊重 醫院 的 說明 謝謝</t>
  </si>
  <si>
    <t>新 冠 變異 株 omicron 入侵 臺灣 學界 傾向 認為 omicron 更具 傳染 力 但 症狀 較 輕 根據 南非 官方 公開 的 資料 近幾周來 因 新 冠 住院 的 患者 中 約 有 30 症狀 嚴重 重症 率 較 當地 先前 幾 波 疫情 少 了 一半 南非 當地 醫生 觀察 到 的 現象 也 是 omicron 的 症狀 較 delta 輕微 距離 南非 專家 11 月底 警告 全球 出現 可能 更具 傳染 力 的 omicron 變異 株 以來 至今 已 逾 2 周 當地 醫生 先前 觀察 到 omicron 更具 傳染 力 但是 患者 症狀 更 輕微 不過 不少 專家 也 警告 目前 都只 是 初步 觀察 病程 要 經過 數 周才會 演變成 重症 美聯社 報導 儘管 需要 蒐 集數 周 的 資料 才能 確認 omicron 的 症狀 更 溫和 不過 至 今 2 周 南非 當地 醫生 仍 不 斷 看到 類似 的 現象 當地 醫生 皮萊 unben pillay 表示 他 平均 每天 為數 十 名 新 冠 患者 看 診 但 至今 未 送 任何人 住院 就醫 這 也是 為什麼 他 同 其他 醫生 一樣 認為 omicron 引發 的 症狀 較 delta 溫和 他 說 這些 患者 都能 在 家中 療養 身體 多數 人 能 在 10 至 14 天 的 隔離 期內 康復 當中 也 包含 年長 患者 以及 本身 有 疾病 的 重症 高 危險 群 美聯社 指出 根據 南非國家 傳染病 研究所 national institute for communicable diseases nicd 公佈 的 資料 近幾周來 因為 新冠肺炎 住院 的 患者 中 約 有 30 病情嚴重 重症 率 較 當地 前 幾 波 疫情 還 少 了 一半 患者 的 平均 住院 天數 也 較 短 前 幾 波 疫情 約 長達 8 天 不過 此次 疫情 約 只 有 28 天 住院 患者 中 只 有 3 死亡 遠 低於 前 幾 波 疫情 的 20 死亡率 南非 非洲 衛生 研究所 africa health research institute 所長 哈尼孔 willem hanekom 表示 現階段 幾乎 所有 一切 都 指向 它 的 症狀 較 輕 不過 他 也 強調 目前 距離 疫情爆發 只 有 2 周 還 需要 更 多 資料 才能 瞭解 omicron 造成 的 住院 率 及 死亡率 南非 人口 最 多 的 豪登省 gauteng 在 12 月 第一 周 新增 病例 激增 400 當中 90 都 是 omicron 變異 株 皮萊 指出 上 一 波 delta 疫情 下 他 的 患者 有 呼吸困難 及 血 氧 濃度 低等 問題 多數 人 在 發病 幾 天內 就 需要 住院 但是 他 現在 治療 的 患者 症狀 較 輕 比較 像是 流感 症狀 包括 身體 疼痛 及 咳嗽 儘管 症狀 較 輕 但是 南非 當地 新 冠 確診 數 仍 暴 增 10 日 南非 新增 19萬 人 確診 這 波 疫情 初期 平均 單日 確診 數 約 為 200 人 過去 一個 月 來 已經 新增 9萬 人 確診 南非 衛生部長 法拉 joe phaahla 表示 omicron 驅動 這 波 疫情 反撲 至今 全國 約 有 70 的 新 病例 為 omicron 目前 南非 當地 的 新 冠 基本 傳染 數 reproduction rate 又 稱 r 值 為 25 是 當地 疫情 以來 最高 南非 公衛 專家 賈 薩特 waasila jassat 指出 南非 病例 激增 前所未見 不過 住院 患者 中 86 未 打 疫苗 患者 也 多 為 年輕人 高達 2 3 未 滿 40 歲</t>
  </si>
  <si>
    <t>陸 疫情爆發 後 首次 出現 零 確診</t>
  </si>
  <si>
    <t>受惠 全球 政府 積極 救 市 的 財政 及 貨幣 寬鬆 政策 隨 各國 陸續 重 啟 經濟 5 月 採購 經理 人 指數 pmi 及 新 訂單 指數 自 穀底 回升 顯示 全球 經濟 已 擺脫 穀底 露出 曙光 激勵 全球 風險性 資產 反彈 但 疫情 改變 全球 經濟 企業 營運 及 民眾 生活型 態 危機 後 的 破壞 式 創新 應運而生 第 三 季 佈局 看好 美國 生 技 及 科技 穩 居 長線 趨勢 主流 佛蘭克林坦伯頓 科技 基 金經理 人 強納 森 柯堤 斯 表示 新冠肺炎 為 數位 轉型 及其 相關 主題 帶來 巨大 機遇 科技 業 成 最 大 受惠 者 未來 疫情 過後 疫情 期間 的 新 數位 服務 及 所 學習 到 的 技能 仍 將 持續 促使 創新者 更 深入 進行 數位 轉型 關注 應用軟體 及 網路股 的 人工智慧 雲端 運算 電子 商務 電子 支付 5 g 通訊 等 主題 掌握 數位 經濟 的 龐大商 機 群 益 美國 新創 亮點 基金 經理 人 徐煒 庠 指出 儘管 市況 前景 不 確定性 猶存 但 美國 大型 科技 股 在 智慧 穿戴 裝置 雲端 技術 電腦 作業系統 等 領域 居 領導 地位 均 是 未來 全球 科技 發展 的 重點 趨勢 疫情 效應 的 居家 辦公 線 上 教育 影音 串流 等 宅 經濟 遠 距 活動 概念 股 美 股 科技 成長性 及 創新能力 俱佳 中長期 前景 仍 可期 台 新 智慧 生活 基 金經理 人 蘇聖峰 認為 肺炎 疫苗 加速 發展 偶 有 好 消息 傳出 激勵 生 技 股 行情 且 美國 生 技 醫療 資金 動能 轉 強 帶動 股價 持 穩 表現 觀察 生 技 股 基本 面 轉 佳 產業 獲利 與 疫情爆發 前 差距 不大 政策 風險 消退 對 股價 也 具 正面 效益 看好 例行 手術 醫 材 個股 及 高 品質 生 技 與 大型 製藥 股 佛蘭克林坦伯頓生 技 領航 基金 經理 人 依凡 麥可羅 強調 未 來生 技 的 政治 攻擊 可望 減少 樂觀 看待 最終 肺炎 將 獲 控制 尤其 人口 發展趨勢 新藥 創新 及 醫學 研究 的 突破 都 將 推動 醫療 需求 增長 續 看好 基因 療法 精准 腫瘤 醫學 孤兒 藥 等 利基 領域</t>
  </si>
  <si>
    <t>新冠肺炎 疫情 毫無 緩解 之 勢 陸 演藝圈 日前 已 宣佈 全面 停止 拍攝 而為 工作 在 國內外 各處 奔波 的 藝人 們 首當其衝 紛紛 自主 隔離 其中 多 年 來 事業 生活 都 在 大陸 的 男 星 趙擎 已 隔離 多時 近日 他 曝光 生活 處境 崩潰 痛 飆 老子 受夠了 這 玩意 人 在 北京 的 男 星 趙擎 近日 在 微博 公開 了 自主 隔離 的 日常 表示 當時 為了 公司 年會 在 兩地 奔波 不 小心 得了 重 感冒 暫緩 了 回台 計 畫 結果 疫情爆發 他 只好 在 北京 開始 了 自主 隔離 生活 而 今年 他 沒 吃 年夜飯 初一 沒 拜年 就 一直 關 在家 不太想 看 新聞 但 逼 著 自己 瞭解 疫情 現況 沒有 早 中晚餐 肚子餓 了 才 吃 沒有 幾 點 睡 幾 點 醒 想 睡 了 就 睡 累 了 繼續 睡 歎 生活節奏 完全 被打亂 趙擎 表示 過去 每週日 要 上 教會 如今 卻 很久沒 看 到 教友 而有 健身 習慣 的 他 聽 著 同好 們 說 擔心 肌肉 沒了 自己 卻 心裡 明白 在 健身房 開 了 我 也 不敢去 呀 連 最 花 時間 的 追 劇 他 都看 了 各國 的 作品 好多 部 而 趙擎 逼 著 自己 煮 東西 吃 清 空 了 冰箱 發現自己 完全 不 適合 做 料理 過 了 這 段 時間 應該 有 一 年 都 不 會 再 碰 速食麵 因為 從 當兵 後 就 沒有 把 速食麵 吃 噁 心 過 大 歎 不知 何時 能 結束 這 場 災難 能 出門 彼此 擁抱 一起 吃飯 健身 然後 一起 把 口罩 丟了 忍不住 爆粗 口 他 x 的 老子 受夠了 這 玩意 直 呼 2020 起 了 個 很 差 的 頭 想 砍 掉 重 練</t>
  </si>
  <si>
    <t>5 月中 旬 新冠肺炎 疫情爆發 新北 市 消防 局 防 第一線 人員 頂 著 高溫 冒著染疫 的 風險 執行 救災 救護 任務 為 紓 解 消防 員職 場 壓力 消防 局 昨 3 日 特別 邀請 消防 同仁 及 眷屬 攜手 參加 親 子 團體 諮 商 快樂 非洲 鼓 紓 壓 營 活動</t>
  </si>
  <si>
    <t>5 月中 旬 新冠肺炎 疫情爆發 新北 市 消防 局 防 第一線 人員 頂 著 高溫 冒著染疫 的 風險 執行 救災 救護 任務 為 紓 解 消防 員職 場 壓力 消防 局 昨 3 日 特別 邀請 消防 同仁 及 眷屬 攜手 參加 親 子 團體 諮 商 快樂 非洲 鼓 紓 壓 營 活動 放鬆 心情 度過 愉快 的 一 天 新北 市 消防 局長 黃德清 表示 消防工作 的 投入 非常 需要 家人 的 認同 與 支持 之前 在 支援 花蓮太 魯閣 火車 出軌 重大 災害 有 隊員 反應 當天 休假 已 和 家人 安排 好 行程 臨時 收到 動員 通知 立即 返回 隊 上 集結 前往 花蓮 常常 面臨 工作 與 家人 無法 兼顧 內心 的 掙扎 黃德清 說 為 預防 同仁 發生 創傷 後 壓力 症候 群 ptsd 啟動 4 梯次 巡迴 諮 商 輔導 並 著 手 規 畫 於 疫情 趨 緩 時 辦理 親 子 快樂 紓 壓 營 活動 邀請 哈哈 滬 非洲 鼓團 團長 胡景文 親自 指導 消防人員 攜家帶眷 一起 學習 非洲 鼓 氣氛 熱鬧 溫馨</t>
  </si>
  <si>
    <t>應廣 6716 於 今日 召開 股東會 會 中 通過 每股 發放 現金 股利 273 元 展望 第二 季隨著 新冠肺炎 疫情 趨 緩 第二 季營 收有 機會 挑戰 單季 歷史 新 高 應廣 表示 由於 新型 冠狀病毒 疫情爆發 並 持續 延 燒 全球 各地 相關 泛 健康 用品 市場</t>
  </si>
  <si>
    <t>應廣 6716 於 今日 召開 股東會 會 中 通過 每股 發放 現金 股利 273 元 展望 第二 季隨著 新冠肺炎 疫情 趨 緩 第二 季營 收有 機會 挑戰 單季 歷史 新 高 應 廣 表示 由於 新型 冠狀病毒 疫情爆發 並 持續 延 燒 全球 各地 相關 泛 健康 用品 市場需求 遽 增 在 方 可擕式 血 氧 測量器 紫外線 消毒器 與 酒精 噴霧機 等等 應用 的 接 單 以及 全球 宅 經濟 增 溫 遠 距 交流 如 線 上 會議 教學 購物 激增 使得 伺服器 pc nb 網通 市場 量 增 帶動 bldc 產品 需求 趨 升 ad 型 mcu 出貨量 相較 去年 q 1 同期 增長 了 1139 整體而言 公司 產品 應用 多元化 相對 營 收 較為 穩定 應 廣 第一 季營 收 為 127億 元 年 增加 42 毛利率 方面 2020 年度 第一 季為 39 較 去年同期 36 增加 稅 後 淨利 為 1300萬 元 年 增加 8858 每股 盈 餘 為 066 元 較 去年同期 036 元 成長 83 應 廣 5 月 營 收 為 6251萬 元 較 去年 同月 成 長 6445 累計 前 5 月 營 收成 長 較 去年同期 成 長 4604 並 創下 單月 歷史 新 高 展望 第二 季 應廣 表示 市場經濟 仍 在 新型 病毒 疫情 影響 之下 短期 終端 消費 審慎 但 上述 產品 相對 穩定 首季 雖 因 疫情 的 發生 使得 出 貨 有些 遲緩 隨 著 疫情 趨 緩 也 漸漸 帶動 出 貨 且 因 5 g 基地 台 應用 佈局 加速 連帶 相關 設備 成長 以及 伺服器 需求 強勁 等等 使得 bldc 產品 在 第二 季 的 表現 成長 樂觀 就 整體而言 公司 產品 應用 多元化 也 擴 及 印度 東南亞 市場 第二 季營 收有 機會 挑戰 單季 歷史 新 高</t>
  </si>
  <si>
    <t>國內 本土 疫情爆發 行政院 日前 公佈 紓困 40 內容 其中 對 海嘯 第一 排 的 觀光業 者 給予 旅 行業 薪資 及 營運 補貼 團體 旅遊 取消 補貼 等 方案 與 業 界 期待 落差 極大 引發 業者 強烈不滿 連日來 抗議 電話 灌 爆 各 大公 協會 旅 行業 品</t>
  </si>
  <si>
    <t>國內 本土 疫情爆發 行政院 日前 公佈 紓困 40 內容 其中 對 海嘯 第一 排 的 觀光業 者 給予 旅 行業 薪資 及 營運 補貼 團體 旅遊 取消 補貼 等 方案 與 業 界 期待 落差 極大 引發 業者 強烈不滿 連日來 抗議 電話 灌 爆 各 大公 協會 旅 行業 品質 保障 協會 理事長 許 禓 哲 表示 今年 環境 更糟 旅 行業 陷入 空前 危機 補助 卻 比 去年 更少 呼籲 政府 傾聽 基層 聲音 根據 日前 公佈 的 紓困 內容 旅 行業 可 領 薪資 及 營運 補貼 每 名 員工 補貼 4萬 元 國內 旅遊團 停止 出 團 每 團 最高 可 補助 1萬 元 每家 旅行社 最 多 8 團 品 保 協會 批評 此次 紓困 方案 與 去年 相比 落差 實在太 大 之前 的 紓困 方案 分為 營運 薪資 因 疫情 無法 出 團 損失 3 方面 包括 營運 補助 每家 旅行社 30萬 元 薪資 補助 4 成 每人 最高 2萬 元 以及 因 疫情 無法 出 團 損失 此次 方案 3 個 月 4萬 元 的 一次性 營運 及 薪資 補助 相當於 每人 每月 補助 為1萬3333 元 金額 不 增 反 減 品 保 協會 發言人 李奇嶽 指出 國內 旅遊團 停止 出 團 的 損失 補貼 是 5 月 15 日 發佈 防疫 3 級 警戒 後 到 6 月 14 日 為期 1 個 月 來 計算 但 6 月 15 日 之後 的 損失 呢 此外 國旅 團 以 承接 公務 機關 及 學校 團體 的 旅行 活動 為主 這些 單位 采 公開 招標 不僅 不 用 訂金 旅 行業 者 反而 要 先 付 一 筆 押 標金 但 觀光局 的 補助 規定 裡頭 卻 要 業者 拿出 訂金 證明 才可 申請 政策 與 實際 面 落差 極大 許 禓 哲 強調 行政院 先前 宣示 紓困 從優 從寬 從速 原則 如今 看 起來 是 與 原則 背道而馳 政府 再不 幫 旅行 業 很多 業者 會 跟 著 停業 與 解散 員工 的 家庭 很快 就 沒有 收入 他 也 呼籲 政府 趕快 搞 定 疫苗 讓 國境 早日 開放 這樣 業者 根本 不用 補助 自己 會 向前 沖</t>
  </si>
  <si>
    <t>臺灣 疫情 持續 延 燒 為 避免 災情 擴大 部分 縣 市 表明 要 自行 購買 疫苗 網路 也 瘋 傳 美國 好 市 多 的 照片 賣 場內 的 藥局 可 打 新 冠 疫苗 而且 有 三 種 疫苗 任君 挑選 引發 網友 譁然 對此 中央流行疫情指揮中心 指揮官 陳時中 表示 有人 叫 我 去 好 市 多 買 疫苗 但 這 又 不是 大拍賣 掃 貨 掃 完用一 架飛機 全部 載 回來 就 可以 國內 疫情爆發 民眾 皆 認為 疫苗 是 救命 丹 日前 更 傳出 南 投 縣政府 想要 自行 採購 疫苗 更 發出 公文 請求 中央 授權 同意 對此 中央流行疫情指揮中心 副 指揮官 陳宗彥 則 回應 不 管 什麼 疫苗 進入 臺灣 一定 要 提出 疫苗 資訊 且 要 申請 藥 證 包含 疫苗 廠 資格 疫苗 品質 安全性 及 有效性 等 且 要 經過 食 藥 署 核 可 才可由 代理商 進口 避免 有 非法 疫苗 進入 最後 產生 不良反應 問題 影響 民眾 施打 意願 陳時中 也 表示 地方 或是 企業 想 自行 購買 疫苗 不要 一直 放 話 要 厘 清 疫苗 授權 狀況 冷鏈 等 問題 強調 疫苗 要 由 中央 統籌 採購 即便 地方 自行 申請 這個 體系 是 由 指揮中心 做 一 統籌 話鋒一轉 陳時中 提到 美國 好 市 多 有 疫苗 一 事 陳時中 說 有人 好像 叫 我 去 好 市 多 去 買 疫苗 絕對 沒有 辦法 在 好 市 多 買 疫苗 不是 這 樣子 去 狂 掃 貨 當 大拍賣 掃 貨 掃 完 明天 就 用 一 架飛機 全部 載 回來 這 裡面 牽涉 很多 技術性 的 資料 查訪 查廠 最 重要 的 是 授權 這 都 要 是 完整 的 若 現在 才 要 開始 這些 程式 我們 疫苗 都 差不多 都 進來 了 那 現在 重要 的 是 我們 已經 到 手 的 疫苗 怎樣 讓 他 快速 施打 是 最 重要 的 任務 中 時 新聞網 提醒您 因應 新冠肺炎 疫情 疾 管署 持續 加強 疫情 監測 與 邊境 管制 措施 如有 疑 似 症狀 請 撥打 1922 專線 或 0800 001922 並 依 指示 配戴 口罩 盡 速 就醫 同時 主動 告知 醫師 旅遊 史及 接觸 史 以利 及時 診斷 及 通報</t>
  </si>
  <si>
    <t>美國眾議院 議長 裴洛西 nancy pelosi 不 只 是 國會 女王 一系列 口罩 穿 搭 驚 豔 眾人 變 身 時尚 女王 相較 於 美國總統 川普 顧慮 像 魯蛇 而 始終 拒 戴 口罩 裴洛西 用 行動 證明 口罩 加 身 不僅 能 展現 強悍 而且 仍舊 是 目光 焦點 新冠</t>
  </si>
  <si>
    <t>美國眾議院 議長 裴洛西 nancy pelosi 不 只 是 國會 女王 一系列 口罩 穿 搭 驚 豔 眾人 變 身 時尚 女王 相較 於 美國總統 川普 顧慮 像 魯蛇 而 始終 拒 戴 口罩 裴洛西 用 行動 證明 口罩 加 身 不僅 能 展現 強悍 而且 仍舊 是 目光 焦點 新冠肺炎 疫情 蔓延 美國 川普 政府 4 月初 建議 全美 民眾 戴起 口罩 不論是 布 口罩 或是 圍巾 都 可以 減緩 疫情 傳播 美國眾議院 議長 裴洛西 以身作則 開始 戴 上 口罩 出入 國會 她 的 口罩 顏色 圖案 多變 有時 是 淡 粉色 有時 是 深藍色 另外 有 些 時候 她 則 以 絲巾 充當 口罩 罩 住口 鼻 口罩 的 樣式 選擇 端 看 當天 整體 服裝 造型 而 定 通常 和 她 的 套裝 為 同色系 leader of the house majority and of mask-to-pantsuit color coordination @speakerpelosi hillary clinton @hillaryclinton 分享 的 貼 文 於 pdt2020 年 5 月 月 13 日 上午 7 21 張貼 裴洛西 的 口罩 穿 搭 很快 就 吸引 時尚 圈 關注 英國 版 時尚雜誌 vogue 時尚雜誌 instyle 哈 潑 時尚 harper&amp;apos s bazaar 等 近期 都 撰寫 專文 報導 裴洛西 的 口罩 穿 搭 風格 vogue 更 頌贊 她 是 顏色 搭配 大師 就 連前 美國 國務卿 希拉 蕊 hillary clinton 也 注意 到 了 這 位 同黨 女強人 的 穿 搭 實力 希拉 蕊 在 個人 instagram 上 放上 一 張裴洛 西 著 粉色 套裝 口罩 的 照片 貼 文 稱讚 裴洛西 不 只 是 眾議院 領袖 還 是 開拓 口罩 套裝 穿 搭 風潮 的 潮流 人士 各家 報導 中 以 instyle 的 評論 最為 犀利 正當 川普 因為 不 想 示弱 淪為 魯蛇 而 持續 忽視 專家建議 不 戴 口罩 甚至 上周 他 下令 所有 白宮 官員 都 要 戴 口罩 後 自己 仍 堅持 不 戴 裴洛西 證明 了 口罩 不是 無聊 單調 的 必需品 它 代表 了 個人風格 在 保障 個人 與 他人 安危 之 餘 還 能夠 讓 人 看 起來 很 強悍 而且 仍舊 是 閃光燈 焦點</t>
  </si>
  <si>
    <t>史上頭 一 遭 新冠肺炎 疫情 嚴峻 確診 人數 逼近 50萬 大關 二十國集團 g 20 領袖 26 日 破天荒 召開 視 訊 特別 峰會 包括 美國總統 川普 俄羅斯 總統 普丁 大陸 國家 主席 習近平 等 各自 說明 疫情 因應 以及 流行病 對 該國 經濟 造</t>
  </si>
  <si>
    <t>史上頭 一 遭 新冠肺炎 疫情 嚴峻 確診 人數 逼近 50萬 大關 二十國集團 g 20 領袖 26 日 破天荒 召開 視 訊 特別 峰會 包括 美國總統 川普 俄羅斯 總統 普丁 大陸 國家 主席 習近平 等 各自 說明 疫情 因應 以及 流行病 對 該國 經濟 造成 的 衝擊 預備會議 美 陸 同意 暫 停火 這 場 會議 由 g 20 輪值 主席 沙烏地 阿拉伯 國王 薩曼 倡議 舉行 薩曼 在 會議 開場 演說 中 呼籲 各國 提高 對 新冠 疫苗 研發 的 資金 挹注 儘快恢復 商品 與 服務 尤其 是 醫療 物資 的 正常 流通 並且 協助 開發 中 國家 克服 這 場 全球性 的 公衛 危機 值得一提的是 據 南華早報 引述 外交 人士 談話 指出 近來 為了 新冠肺炎 誰 該 負責 互 掀 罵 戰 的 美國 與 大陸 在 預備會議 中 同意 暫時 停火 另外 美國 可能 藉 此次 峰會 發起 討論 以 終結 沙 國 與 俄羅斯 近來 的 原油價格 戰 兩 國大 打 價格 戰 加上 疫情 導致 需求 驟降 國際原油 價格 已 跌 至 近 20 年 來 新低 但 俄方 稍 早 表態 不 會 在 會 中 談 到 原油 議題 美 擬 討論 終結 沙俄 油價 戰 新華社 報導 習近平 在 會 中 強調 陸方 願 和 有關 國家 分享 防控 有益 做法 開展 藥物 和 疫苗 聯合 研發 並 向 出現 疫情 擴散 的 國家 提供 力所能及 的 援助 陸方 已經 建立 新冠肺炎 疫情 防控 網上 知識 中心 向 所有 國家 開放 習近平 強調 陸方 支持 世界衛生組織 發揮 領導 作用 盡力 阻止 疫情 跨境 傳播 二十國集團 應 加強 疫情 防控 資訊 共用 推廣 全面 系統 有效 的 防控 指南 適時 舉辦 全球 公共 衛生 安全 高級別 會議 世衛組織 領導 陸 表態 支持 習近平 指出 大陸 將 加大力度 向 國際 市場供應 原料藥 生活 必需品 防疫 物資 等 產品 繼續 實施 積極 的 財政政策 和 穩健 的 貨幣政策 堅定不移 擴大 改革 開放 放寬 市場准入 持續 優化 營商 環境 積極 擴大 進口 擴大 對外 投資 為 世界 經濟 穩定 作出貢獻 習近平 強調 疫情 對 全球 生產 和 需求 造成 全面 衝擊 各國 應該 聯手 加大 宏觀政策 對 衝力 道 防止 世界 經濟 陷入 衰退 要 實施 有力 有效 的 財政 和 貨幣政策 加強 金融監管 協調 共同 維護 全球 產業鏈 供應 鏈 穩定 習近平 呼籲 二十國集團 成員 採取 共同 舉措 減免 關稅 取消 壁壘 暢通 貿易 發出 有力 信號 提 振 世界 經濟 復蘇 士氣</t>
  </si>
  <si>
    <t>今年 一 開 年 中 美 達成 第一 階段 協定 順利 簽署 實質 文本 且 雙方 均 表 認同 儘管 美國總統 川普 表示 原先 已 課 征 的 關稅 不 會 取消 或 降低 此 議題 將 留 至 第二 階段 協定 簽署 後 才有 協調 的 空間 但 市場 仍 樂觀 看待 貿易戰 暫時 落幕</t>
  </si>
  <si>
    <t>今年 一 開 年 中 美 達成 第一 階段 協定 順利 簽署 實質 文本 且 雙方 均 表 認同 儘管 美國總統 川普 表示 原先 已 課 征 的 關稅 不 會 取消 或 降低 此 議題 將 留 至 第二 階段 協定 簽署 後 才有 協調 的 空間 但 市場 仍 樂觀 看待 貿易戰 暫時 落幕 然而 農曆年 過後 中國 爆出 新冠肺炎 資料 顯示 致死 率 不 高 惟 傳染 力 強 且 波及 範圍 廣 引發 市場 及 各國 恐慌 中國 為 遏 阻 疫情 擴散 採取 封城 封省 措施 同時 春節 後 亦 延 後 開工 衝擊 產業 另 以 出口 為主 的 國家 也 受到 中國 疫情 的 影響 澳洲 鐵礦石 需求 下滑 澳 幣 走勢 持續 疲弱 此外 部分 國家 亦 採取 停航 限制 中國 旅客 入境 等 措施 雖 能 抑制 疫情 延 燒 但 仍 對 自身 產業 觀光 及 消費 形成 衝擊 中國人 行 為 平定 民心 於 2 月 3 日 釋出 12 兆 人民幣 進行 公開市場 操作 向 市場 釋放 流動性 穩定 貨幣 市場 人民幣 也 於 同日 再度 貶 破 7 元 水位 不過 全球 因 疫情 而 兵荒馬亂 之際 美 股 短暫 回檔 後 再創新高 美元 指數 亦 持續 翻 揚 2 月 7 日 美國 公佈 非農 就業 資料 非農 就業人數 新增 225萬 人 優於 預期 薪資 年增率 也 走 揚至 31 儘管 失業率 微 增長 然 整體 經濟 表現 仍 驚 豔 市場 激勵 美元 指數 再度 走 高 2 月 11 日 聯 准會 fed 主席 至 國會 進行 聽證 表示 美國 經濟 資料 穩定 且 通 膨 表現 尚稱 緩和 暫無 衰退 疑慮 惟 對於 新冠肺炎 的 影響 聯 准會 將 持續 關注 整體 言論 中性 偏 鴿 美元 指數 略微 下滑 但 考量 美國 基本 面 較 全球 亮 眼 回檔 幅度 應有 限 仍 有 上漲 空間 投資人 可 透過 臺灣期貨交易所 澳 幣 兌 美元 期貨 美國 芝加哥 商業 交易所 澳 幣 匯率 期貨 或 交易 美國洲際交易所 美元 指數 期貨 參與 外匯市場 行情 只是 匯率 期貨價格 易 受 經濟 資料 及 國際 事件 影響 需 善用 停 損 控制 風險 統一 期貨 提供 廖育思 整理</t>
  </si>
  <si>
    <t>美國總統 川普 13 日 在 白宮 舉行 的 記者會 上 回答 提問 時說 他 可能 很 快 接受 新冠 病毒檢測 相關 安排 正 在 計畫中 新華社 報導 上週末 川普 在 位於 佛羅里達州 的 海湖 莊園 接待 了 來訪 的 巴西 總統 博 索納羅 一行 隨行 的 巴西 總統府 社</t>
  </si>
  <si>
    <t>美國總統 川普 13 日 在 白宮 舉行 的 記者會 上 回答 提問 時說 他 可能 很 快 接受 新冠 病毒檢測 相關 安排 正 在 計畫中 新華社 報導 上週末 川普 在 位於 佛羅里達州 的 海湖 莊園 接待 了 來訪 的 巴西 總統 博 索納羅 一行 隨行 的 巴西 總統府 社會 傳播 秘書處 負責人 瓦 金加藤 回國 後 被 確診 感染 新冠 病毒 13 日 博 索納羅 在 社交 媒體 上 宣佈 他 本人 新冠 病毒檢測 結果 呈 陰性 訪 美 期間 瓦 金加藤 曾 與 川普 美國 副 總統 彭斯 合影 川普 13 日 說 他 不 知道 接觸 過 新冠肺炎 確診 病例 也 沒有 出現 任何 感染 病毒 症狀 美國疾病控制和預防中心 最新 資料 顯示 截至 13 日 下午 美國 累計 新冠肺炎 確診 病例 達 1629 例 死亡 41 例 美國 首都 華盛頓 和 46 個 州 出現 確診 病例 其中 華盛頓州 紐約州 和 加州 疫情 較為 嚴重</t>
  </si>
  <si>
    <t>正值 美 陸 因 新冠 病毒 關係 陷入 緊 繃 之際 參眾兩院 的 外交事務 委員會 主席 致信 給 超過 50 個 國家 呼籲 這些 國家 支持 臺灣 參與 世界衛生組織 指出 需要 讓 更 可能 的 廣泛 參與 以 讓 全世界 會員國 共同 對 抗大 流行 路透社 報導 指出 在 大陸 的 反對 下 臺灣 仍 不是 聯合國 成員 也 被 聯合國 旗 下 的 世界衛生組織 who 拒 於 門外 美 議員 在 信 中 表示 在 全球 努力 防範 新冠 病毒 擴散 之際 確保 所有 國家 把 全球 健康 及 安全 置於 政治 之上 顯得 更加 重要 而 臺灣 的 資源 和 專業知識 是 能 造福 全球 抗 疫 的 資產 況且 臺灣 在 2009 年 到 2016 年 都 受 邀 出席 世界衛生 大會 wha 消息人士 透露 這 封信 是 發送給 理念 相同 的 不同 大小 國家 都 被 視為 臺灣 的 盟友 或 站 在 同一 陣線 包括 加拿大 泰國 日本 德國 英國 沙烏地 阿拉伯 及 澳洲 署名 信件 的 包括 眾議院 外交事務 委員會 的 民主 黨籍 主席 恩格爾 eliot engel 及 共和黨 籍 首席 議員 麥考爾 michael mccaul 還有 參議院 外委會 的 共和黨 籍 主席 裡 契 jim risch 及 民主 黨籍 首席 議員 梅南德茲 robert menendez 報導 分析 指出 此時 美國總統 川普 和 其他 美國 官員 近期 大力 在 疫情 蔓延 議題 上 抨擊 中國 由於 新冠 病毒 最 早 在 大陸 武漢市 被 發現 川普 政府 指控 大陸 隱匿 資訊 放任 疫情 惡化 臺灣 一直 尋求 參與 who 的 決策 組織 也 就 是 將 在 本月 舉行 wha 大會 並 受到 華府 與 許多 美國 盟友 支持 不過 在 大陸 一中 政策 下 仍 視 臺灣 為 其 不可 分離 的 一 省 指稱 臺灣 是 出於 政治 動機 而非 公 衛 考量 臺灣 則 反駁 世衛組織 不讓 臺灣 參與 會 在 全球 對抗 疫情 之際 造成 危險 的 缺口</t>
  </si>
  <si>
    <t>因 新 冠狀病毒 危機 終於 出現 放緩 跡象 美國 東北部 7 個 州 與 西岸 3 個 州 各自 敲定 區域 協定 將 聯手 推動 協同 逐步 的 重 啟 經濟 計畫 但 也 強調 必須 採取 預防措施 以免 疫情 再度 爆發 週一 美國 通報 至少 1500 個 新冠肺炎 新增 死亡 病例 但 遠 低於 上周 每 24 小時 就 新增 約 2000 個 死亡 病例 顯示 這 場 危機 似乎 已 出現 到頂 的 跡象 在 美國總統 川普 宣稱 任何 重 啟 美國 經濟 的 決定 都由 他 作主 後 以 紐約州 為首 的 東岸 州政府 團隊 以及 由 加州 奧勒岡 與 華盛頓 等 3 州 組成 的 西岸 團隊 分頭 宣佈 其 聯手 復蘇 計 畫 紐約州 長 古 莫 andrew cuomo 表示 他 將 與 鄰近 的 紐澤西 康乃 狄克 德拉瓦 賓州 與 羅德島 等 合作 研 擬 放寬 防疫 居家 令 的 最佳 策略 麻薩諸塞州 隨後 宣佈 加入 這個 東岸 聯盟 美國 西岸 三 個 州 亦 宣佈 將 遵循 共同 的 解除 社交 疏離計 畫 但 也 表示 大規模 重 啟經濟 的 前提 是 新冠肺炎 的 傳播 速度 放緩 這 10 個 州 的 州長 僅 有 麻州 州長 貝克 charlie baker 是 共和 黨籍 其 餘 全屬 民主黨 他們 並未 提出 結束 社交 封鎖 的 時間表 僅 強調 何時 與 如 何重啟 非必要 商業活動 與 學校 的 決定 將 以 居民 的 健康 為 優先 並 取決 於 科學 而非 政治</t>
  </si>
  <si>
    <t>新冠 疫情 持續 蔓延 美國 洛杉磯 地方法院 26 日 裁定 移民 家庭 拘留所 必須 釋放 100 多 名 移民 兒童 以 避免 他們 感染 新冠肺炎 外 媒 報導 美國 的 3 個 移民 家庭 拘留所 中 有 2 個 已經 出現 確診 病例 目前 在 美國移民 及 海關 執法 局 ice 設施 中 共 收容 124 名 移民 兒童 洛杉磯 地方 法官 下令 ice 在 7 月 17 日 之前 讓 兒童 的 父母 將 他們 領 回 或 經 父母 同意 後 交由 合適 的 擔保人 照顧 美國總統 川普 2018 年 對 非法 移民 實施 零 容忍 政策 當時 海關人員 把 非法 移民 和 子女 強行 分開 做法 引起 不少 爭議 據 美國有線電視新聞網 cnn 報導 目前 ice 設施 內 已 有 超過 2500 人 確診 感染</t>
  </si>
  <si>
    <t>中共中央 外事 工作委員會辦公室 主任 楊潔篪 與 美國 國務卿 蓬佩 奧 16 日 通電話 楊潔篪 痛 批 美國 一些 政客 不斷 詆毀 中國 和 中方 防控 努力 中方 必將 反 制 沒想 到 兩 人 電話 掛 上 後 美國總統 川普 火上澆油 在 推特 發文 酸 新冠肺炎 是</t>
  </si>
  <si>
    <t>中共中央 外事 工作委員會辦公室 主任 楊潔篪 與 美國 國務卿 蓬佩 奧 16 日 通電話 楊潔篪 痛 批 美國 一些 政客 不斷 詆毀 中國 和 中方 防控 努力 中方 必將 反 制 沒想 到 兩 人 電話 掛 上 後 美國總統 川普 火上澆油 在 推特 發文 酸 新冠肺炎 是 中國 病毒 惹 來 中國外交部 再次 痛 批 堅決 反對 在 中 美 最高級別 的 外交官 在 疫情 問題 上 大 打 口水 仗 之前 中 美 雙方 就 新冠 病毒 來源 已 交鋒 過 一 次 中國外交部 發言人 趙立堅 12 日 在 推特 發文 指責 美國政府 隱瞞 疫情 真相 並 暗示 是 美國 軍方 把 病毒 帶 到 中國 武漢 次日 美國國務院 召見 中國 駐 美國 大使 崔天凱 向 他 表達 了 美國政府 在 這個 問題 上 的 嚴正 立場 美國國務院 發言人 辦公室 16 日 發表 聲明 說 蓬 佩奧 在 與 楊潔篪 的 電話 交談 中 向 楊潔篪 表達 了 美國 對 中國 試圖 把 新冠 病毒 的 責任 推 給 美國 的 強烈 反對 蓬 佩奧 強調 現在 不是 散佈 不實 資訊 和 荒誕 謠言 的 時候 而是 各國 團結 抗擊 共同 威脅 的 時候 新華社 報導 楊潔篪 在 電話 中 指出 美國 一些 政客 不斷 詆毀 中國 和 中方 防控 努力 對 中國 進行 汙名 化 激起 中國 人民 強烈 憤慨 中方 對 此 堅決 反對 予以 強烈 譴責 楊潔篪 正告 美方 任何 詆毀 抹黑 中國 的 圖謀 都 不可能 得逞 任何 損害 中國 利益 的 行為 都 必將 遭到 中方 的 堅決 反擊 兩 人 話音剛落 美國總統 川普 16 日 立即 在 社交 媒體 推特 上 發文 公開 把 新冠肺炎 稱為 中國 病毒 對此 大陸 外交部 發言人 耿爽 17 日 在 外交部 例行 記者會 上 表示 近來 美國 一些 政客 把 新冠 病毒 和 中國 相 聯繫 這 是 對 中國 搞 汙名 化 我們 對 此 強烈 憤慨 堅決 反對 耿爽 表示 世界衛生組織 who 和 國際 社會 明確 反對 將 病毒 和 特定 國家 地區 相 聯繫 反對 搞 汙名 化 陸方 敦促 美方 立即 糾正錯誤 並 停止 對 大陸 的 無端指責 當前 新冠肺炎 疫情 在 全球 多 點 暴發 蔓延 當務之急 是 國際 社會 齊心 開展 抗 疫 合作 耿爽 反 批 美國 應當 首先 做 好 自己 的 事 同時 為 抗 疫 國際 合作 維護 全球 公共 衛生 安全 發揮 建設性 作用</t>
  </si>
  <si>
    <t>在 美國總統 川普 宣佈 對 歐洲 實施 嚴格 的 旅行 管制 自 13 日 午夜 起 30 日 暫停 14 日內 曾 在 歐盟 申 根 區內 旅遊 的 外籍 旅客 赴美 隨後 美國務院 也 罕見 對 全球 發出 旅遊 警示 建議 美國 民眾 再三 考慮 再 出國 旅遊 據 美國 有線電視 新</t>
  </si>
  <si>
    <t>在 美國總統 川普 宣佈 對 歐洲 實施 嚴格 的 旅行 管制 自 13 日 午夜 起 30 日 暫停 14 日內 曾 在 歐盟 申 根 區內 旅遊 的 外籍 旅客 赴美 隨後 美國務院 也 罕見 對 全球 發出 旅遊 警示 建議 美國 民眾 再三 考慮 再 出國 旅遊 據 美國有線電視新聞網 報導 川普 11 日 在 白宮 發表 全國 演說 批評 歐洲 面對 外國 病毒 反應 不夠 快 之外 稱 美國 先前 暫停 與 陸 旅行 已 挽救 了 許多 生命 現在 美國 必須 對 歐洲 做出 同樣 決定 美國國土安全部 隨後 表示 根據 總統 川普 宣佈 的 旅行 限制 將 禁止 過去 14 天 曾赴 歐洲申 根區 國家 的 大多數 外籍人士 進入 美國 而 在 川普 宣佈 禁 歐洲 旅行 不久 後 美國國務院 也 更新 國人 赴 全球 旅行 警示 至 第 3 級 建議 美國 民眾 三思而後行 reconsider travel 並 指出 世界 許多 區域 正在 經歷 新型 冠狀病毒 疫情爆發 可能 採取 限制 旅客 行動 的 措施 例如 隔離 及 邊境 管制 聲明 強調 即使 是 目前 尚未 傳出 有 確診 病例 的 國家 及 地區 也 可能 在 無 預先 通知 下 隨即 採取 旅遊 限制 並 建議 美國 民眾 參考 國務院 旅行 網站 上 的 建議 以及 從 駐外 大使館 進 網站 進一步 查詢 的 當地 防疫 管制 措施</t>
  </si>
  <si>
    <t>新冠肺炎 在 美國 累計 64 例 確診 病例 美國總統 川普 痛 批 民主黨 不僅 將 新冠肺炎 政治化 還 利用 新冠 病毒 騙局 來 傷害 他 和 他 的 政府 在 各國 提高 防疫 尋求 解方 之際 川普 仍 熱中 于 選戰 以及 口水 戰 川普 28 日 在 南卡羅來納州</t>
  </si>
  <si>
    <t>新冠肺炎 在 美國 累計 64 例 確診 病例 美國總統 川普 痛 批 民主黨 不僅 將 新冠肺炎 政治化 還 利用 新冠 病毒 騙局 來 傷害 他 和 他 的 政府 在 各國 提高 防疫 尋求 解方 之際 川普 仍 熱中 于 選戰 以及 口水 戰 川普 28 日 在 南卡羅來納州 一 場 競選 集會 上 痛 批 民主黨 利用 通 俄 門 來 打擊 他 但 效果 不太好 接 著 又 用 通 烏門 彈劾 騙局 這次 新冠肺炎 就 是 他們 的 新 騙局 除了 牽 拖 民主黨 川普 也 不 忘 為 自己 政府 美言 稱 美國 防疫 陣線 是 由 世界 上 最 優秀 的 專業 人員 共同 組成 且 美國政府 正在 為 最糟 的 情況 預 做 準備 無論是 正 在 談論 的 病毒 或是 其他 眾多 公衛 威脅 反觀 民主黨 開放 邊境 的 政策 都 直接 威脅 所 有 美國 人 的 健康 和 福祉 至 2 月 28 日 止 美北 加州 俄勒岡州 華盛頓州 共 出現 4 例 感染 源頭 不明 病例 4 人均 無 出國 旅遊 史 也 未 接觸 感染 源頭 專家 憂慮 新冠 病毒 可能 已 在 美 西北部 地區 出現 社區 傳播 2 月 28 日 通報 的 第 4 起 感染 源 不明 確診 病例 為 華盛頓州 一 名 未 滿 18 歲 青少年 目前 在 家中 隔離 其 就讀 的 高 中將 停課 到 3 月 3 日 美 疾病 管制 暨 預防 中心 cdc 2 月 26 日 才 證實 全美 社區 傳播 首例 患者 是 加州 一 名 女性 目前 在 大衛斯 加州大學 醫院 治療 由於 一 開始 她 不符 cdc 公佈 的 檢測 標準 就醫 11 天 後 才 被 確診 且 情況危急 曾 接觸 她 的 124 名 醫護人員 現在 都得 居家 自主 隔離 飽受 抨擊 的 cdc 才 宣佈 更改 篩檢 標準 只要 出現 病徵 即便 沒有 旅遊 史或 接觸 史 仍 可 接受 檢驗 對於 4 例 感染 源頭 不明 病例 加州大學大衛斯分校 傳染病 專家 布隆伯格 dean blumberg 表示 這 表明 病毒 就 在 社區 意味 幾乎 每個 人 都 處於 危險 之中</t>
  </si>
  <si>
    <t>陸美 貿易戰 爆發 以來 雙方 在 關鍵 資源 搶奪 之下 用以 生產 高 科技產業 發展 的 重要 原料 國防 戰略物資 的 稀土 資源 之 爭 就 浮 上 檯面 在 去年 陸美 關稅 戰 正熱 之際 澳洲 稀土 供應商 lynas 與 德州 廠商 blue line corporation 簽署 合作 備忘錄 mou 將 在 美國 擴大 開採 稀土 隨 著 陸美 關係 再度 緊張 美國總統 川普 簽署 行政命令 加快 美國 稀土 開採 速度 大陸 為 全球 最 大 稀土 供應國 稀土 廣泛 運用 在 農 工 消費 軍事 等 產業 像是 電動車 智慧 型 手機 等 消費 電子產品 的 零 元件 也 需要 稀土 作為 原料 製造 從 陸美 貿易戰 爆發 以來 川普 政府 幾 波 關稅 攻勢 下 大陸 進口 稀土 都 沒 被 列入 制裁 專案 從 資料 來看 美國 去年 從 大陸 進口 超過 80 的 稀土 都能 顯見 該 戰略 資源 對於 美國科技 產業 發展 的 重要 地位 川普 在 前往 明尼蘇達州 參加 競選活動 之際 簽署 這項 行政命令 宣佈 美國 礦業 進入 國家 緊急狀態 援引 國防 生產 法 加速 礦區 開發 擴大 美國 稀土 開採 規模 藉 此 降低 對 大陸 依賴性 川普 在 今年 新冠肺炎 疫情爆發 之 際 也 援引 相同 法規 支持 美國 醫療 資源 產業 發展 川普 該行 動 也 與 尋求 該州 鐵嶺 iron range 地區 的 礦工 居民 的 支持 川普 受訪 時 表示 一個 強大 的 美國 不能 依賴 從 外國 進口 的 關鍵 資源 這些 稀土 對於 維持 美國 在 21 世紀 的 經濟 和 軍事實力 愈發 重要 澳洲 稀土 供應商 lynas 為 大陸 以外 最 大 的 稀土 供應商 與其 合作 將 在 德州 建立 稀土 萃 取 分離 廠房 的 blue line corporation 則 是 美國 稀土 供應 鏈 的 領導品牌 彌補 這幾年來 美國 本土 的 稀土 供應 鏈 的 重要一環 鋰 礦 也 是 電動車 電池 重要 原料 來源 之一 與 稀土 用以 生產 電池 所 需 電動車 大廠 特斯拉 本週一 宣佈 與 澳洲 鋰 礦 生產商 piedmont lithium 簽署 5 年 合作 協議 每年 向 特斯拉供應 北卡羅來納州 礦床 53 萬 噸 噸 高純度 鋰 礦石 特斯拉 原本 與 礦 商 cypress 開發 協商 並購 但 最後 認為 從 泥岩 開採 成本 太 高 最終 決定 自己 投入 開採 鋰 礦 行列 有 機會 讓 特斯拉 汽車 的 電池 成本 大 降 一半 馬斯克 在 上月 電池 日 推出 全新 的 46800 電池 有望 電池 成本 將 從 127 美元 每 kwh 下降 14 馬斯克 也 聲稱 25萬 美元 電動車 有 機會 在 3 年內 推出 雖然 特斯拉 執行長 馬斯克 表示 仍 繼續 保持 亞洲 廠商 panasonic lg 化學 以及 寧德 時代 的 電池 供應 但 馬斯克 也 認為 若 不 自行 生產 電池 未來 將 難以 應付 暴 增 的 需求 所以 特斯拉 必須 建立 起 本土 供應 鏈</t>
  </si>
  <si>
    <t>根據 nba 知名 記者 查拉尼亞 報導 指出 雖然 複賽 時間 仍舊 遙遙無期 但 複賽 之後 的 地點 有 可能 會 選擇 在 拉斯維加斯 或是 奧蘭多迪士尼 這 兩 個 地方 至於 30 支 球隊 的 隊 職員 必須 先 隔離 14 天 確定 沒有 人 遭到 感染 之後 才會 開 打 nba 自從 3 月 12 日 宣佈 無限期 停賽 之後 就 因為 新冠肺炎 疫情 在 美國 大 爆發 而 始終 看不到 複賽 曙光 即便 美國總統 川普 不斷 催促 nba 儘快 複賽 但 nba 總裁 席爾佛 不敢 輕易 鬆口 只 點頭 從 9 日 起 開放 部分 球隊 訓練 場館 至於 何時 複賽 依舊 沒有 確定 時程 查拉尼亞 表示 複賽 後 最 有 可能 的 地點 是 拉斯維加斯 賭 城 以及 奧蘭多迪士尼 所有 球隊 最 多 只能 30 40 名 隊 職員 以及 球員 家屬 所有人 抵達 複賽 地點 之後 必須 先 隔離 兩 周 並且 接受 新冠肺炎 篩檢 等到 無人 確診 後 才有 可能 重新 開 打</t>
  </si>
  <si>
    <t>美國總統 拜登 上任 後 便 忙 著 處理 川普 丟 下 的 新冠肺炎 疫情 爛攤子 至今 新冠肺炎 每天 仍 導致 數以千計 美國 人 喪生 78 歲 的 他 在 概述 為 民眾 接種 疫苗 的 計畫 後 便 請 記者 離場 不過 據 太陽 報 the sun 21 日 報導 就 在 拜</t>
  </si>
  <si>
    <t>美國總統 拜登 上任 後 便 忙 著 處理 川普 丟 下 的 新冠肺炎 疫情 爛攤子 至今 新冠肺炎 每天 仍 導致 數以千計 美國 人 喪生 78 歲 的 他 在 概述 為 民眾 接種 疫苗 的 計畫 後 便 請 記者 離場 不過 據 太陽 報 the sun 21 日 報導 就 在 拜登 收 十 東西 準備 離開 時 一 名記者 追問 在 100 天內 準備 1億 劑 疫苗 的 目標 是否 太 低 了 他 高聲 喊 道 那 夠 高 嗎 難道 你 不該 把 那 目標 設得 高 些 嗎 但 這 似乎 激怒 了 拜登 他 沒 理會 對方 的 問題 卻 回說 當 我 宣佈 時 你們 都說 不可能 接 著 他 說 饒 了 我 吧 別 這樣 老兄 雙方 的 摩擦 是 拜登 在 因應 新冠肺炎 簽署 了 10 項 相關 的 總統令 後 爆發 拜登 20 日 就職 時 估計 在 川普 政府 主導 下 每天 約 發放 912497 劑 新冠 疫苗 事實上 這 並 不是 拜登 第一 次 對 記者 動怒 2020 年 6 月 他 在 家鄉 德拉瓦 州 威 明頓 wilmington舉行 造 勢 活動 時 有 記者 提問 他 精神 有 沒有 問題 而 他 當場 發 飆 說 自己 經常 接受 檢測 並 痛駡 你有 張 撒謊 的 狗 臉 此外 在 2020 年 2 月 新罕布夏 州 的 造 勢 活動 中 他 更 罵 一 名 女 大學生 是 撒謊 的 狗 臉 小馬 士兵 而 被 罵 的 21 歲 梅瑟 大學 mercer university 女 學生 摩 兒 madison moor 當時 說 被 前任 副 總統 當 著 全國 電視 罵 說 她 是 騙子 實在 很 丟臉 另一方面 至今 新冠 疫情 仍 在 全美 肆虐 雖然 拜登 政府 上臺 但 美國 新冠肺炎 首席專家 佛 奇 anthony fauci 仍 將 堅守崗位 他 在 新 政府 的 第一 場 新冠 疫情 簡報 會 中 暗 酸 川普 道 拜登 政府 會 對 防控 新冠肺炎 開誠 佈 公 他 並 坦承 美國 新冠肺炎 死亡 人數 稍 早已 突破 40萬 而 遺憾 的 是 這 在歷史上 來說 是 十分 糟糕 的</t>
  </si>
  <si>
    <t>美國總統 拜登 下令 禁止 將 新冠 病毒 加上 中國 或 武漢 等 字眼 國民黨 文傳 會 副 主委 鄭照新 以 行政院長 蘇貞昌 至今 不 願 改口 甚至 在 視察 農 改場 聞 桂花香 時 仍 用 歧視性 字眼 扯 新冠肺炎 讓 他 深感 民進黨 的 民主 愛國</t>
  </si>
  <si>
    <t>美國總統 拜登 下令 禁止 將 新冠 病毒 加上 中國 或 武漢 等 字眼 國民黨 文傳 會 副 主委 鄭照新 以 行政院長 蘇貞昌 至今 不 願 改口 甚至 在 視察 農 改場 聞 桂花香 時 仍 用 歧視性 字眼 扯 新冠肺炎 讓 他 深感 民進黨 的 民主 愛國 只是 排除異己 的 工具 毫無價值 可言 鄭照新 引用 媒體 報導 說 拜登 進一步 指出 透過 政治 領袖 的 行動 或者 以 病毒 起源 的 地理 標籤 作為 病毒 命名 的 參考 這些 行為 反而 強化 了 排外 情緒 聯邦 政府 有 必要 認識 到 自身 在 其中 所 扮演 的 角色 拜登 說 此類 的 言論 不僅 激起 了 毫無根據 的 恐懼 永久 抹黑 了 亞裔 與 太平洋 島國 居民 更 增加 了 對 其 的 霸 淩 騷擾 以及 仇恨 犯罪 他 指出 一個 自由主義 的 民主 政權 不 會 將 排外 的 具有 族群 歧視 或 地域 歧視 的 字眼 不斷 帶頭 強調 鄭照 新說 相較 拜登 我們 的 蘇 院長 一邊 聞著 花香 一邊 武漢肺炎 武漢肺炎 地 叫 再再 讓 他 感受 自由主義 與 反 歧視 等等 民進黨 起家 的 價值 早 被 排外 與 仇恨沙 文所 取代 他 說 他 尊敬 雖然 主張 臺灣 獨立 但 重視 普世 人性尊嚴 的 朋友 他 常常 感覺 若是 黨外 時期 他 的 個性 極 可能 站 在 黨外 這邊 而 不是 當時 的 國民黨 鄭照新 強調 現在 的 執政黨 多 的 只是 趨炎附勢 黨同伐異 之 徒 口喊 民主 卻 只 是 工具 不是 價值 口稱 愛國 卻 只 在 排斥 他人 排除異己 無價值 可言 要 他 如 何站 在 民進黨 這邊</t>
  </si>
  <si>
    <t>美國總統 川 普高 調 宣佈 退出 世界衛生組織 who 已經 超過 半 個 月 但 目前 美國 仍舊 保有 會員 的 身份 而且 還 與 世衛 多 所 合作 世衛 官員 因此 預期 川普 應該 只是 喊 喊 最終 並 不 會 做出 正式 退出 的 具體 動作 川普 在 5 月 29 日 召開 記者</t>
  </si>
  <si>
    <t>美國總統 川 普高 調 宣佈 退出 世界衛生組織 who 已經 超過 半 個 月 但 目前 美國 仍舊 保有 會員 的 身份 而且 還 與 世衛 多 所 合作 世衛 官員 因此 預期 川普 應該 只是 喊 喊 最終 並 不 會 做出 正式 退出 的 具體 動作 川普 在 5 月 29 日 召開 記者會 宣佈 我們 今天 就 將 結束 與 世衛 的 關係 who 隨後 已 收到 美國政府 欲 退出 世衛 的 意向書 白宮 主人 退 群 之舉 讓 世衛 措手不及 世衛 秘書長 譚 德塞 tedros adhanom ghebreyesus 也 是 透過 媒體 得知 此 項 訊息 之 前世 衛 一直 就 川普 要求 在 30 天內 處理 偏袒 大陸 一 事 與 美國 資深 外交 官員 交涉 而 才過 10 天 川普 就 公開 宣佈 退出 世衛 川普 在 期限 前 突然 宣佈 退出 世衛 的 原因 迄今 依舊 不明 但 至少 到 目前為止 美方 並未 採取 正式 退出 的 動作 據 消息人士 透露 世衛 官員 持續 在 美國 的 政府 機關 辦公 而 美國政府 駐 世衛 的 官員 也 在日內瓦 正常 上班 譚 德塞 週一 在 記者會 上 也 證實 是的 美國 目前 仍然 是 世界衛生組織 的 成員國 美方 駐 世衛 官員 最近 也 與 世衛 方面 重 啟 會議 討論 華府 方面 關切 世衛 因應 新冠肺炎 疫情 的 議題 由此 顯示 美國 或許 對於 保留 世衛 會 籍仍持 開放 的 態度 川普 週一 對 此 表示 除非 他們 有 具體 作為 不然 我 不 會 重新考慮 我 不 確定 他們 現在 可以 辦到 美國共和黨 也 呼籲 川普 撤回 退出 世衛 的 決定 眾院 共和黨 黨團 週一 發表 新冠肺炎 疫情 起源 的 研究 報告 除了 抨擊 大陸 還 指責 世衛 在 因應 疫情 失策 的 不當 報告 建議 撤換 秘書長 同時 呼籲 美國 留在 世衛</t>
  </si>
  <si>
    <t>印度 陷入 危機 經濟 出現 破 紀錄 的 衰退 導致 數 百萬 計 百姓 失業 已 脆弱 的 醫療保健 系統 岌岌可危 如今 確診 的 新冠肺炎 病 患 超過 500萬 人 僅次於 病例 近 700萬 的 美國 然而 據 cnn 新聞網 17 日 報導 儘管 像 美國總統 川普 還有</t>
  </si>
  <si>
    <t>印度 陷入 危機 經濟 出現 破 紀錄 的 衰退 導致 數 百萬 計 百姓 失業 已 脆弱 的 醫療保健 系統 岌岌可危 如今 確診 的 新冠肺炎 病 患 超過 500萬 人 僅次於 病例 近 700萬 的 美國 然而 據 cnn 新聞網 17 日 報導 儘管 像 美國總統 川普 還有 英國首相 強 森 boris johnson 等 民粹主義 世界 領袖 都 因為 處理 新冠 疫情 而 被 罵 得 臭頭 但 印度 總理 莫迪 narendra modi 卻 大致 逃 過 了 媒體 與 民 調 的 重炮 攻擊 巴西 極右派 總統 波索納洛 jair bolsonaro 淡化 新冠肺炎 的 威脅 並 嗤之以鼻 把 它 說 成 小 感冒 甚至 後來 連 自己 都 確診 結果 慘遭 圍剿 然而 莫迪 卻 和 波索納洛 不同 他 一 開始 就 嚴肅 看待 新冠肺炎 並 迅速 採取行動 當 他 3 月 24 日 下令 全國 封 城 時 擁有 136億 人 的 印度 只 有 500 多 人 確診 10 人 喪生 當時 莫迪 在 對 全國 直播 的 談話 中 警告 要是 不 適當 因應 這 場 大 流行病 印度 可能 會 倒退 數 十 年 由於 他 趁早 採取 果斷 的 行動 再度 確立 為了 國家 勇於 採取 強硬 行動 的 果敢 領袖 形象 新德里 智庫 政策研究中心 center for policy research 研究員 阿裡 ali 說 在 印度 人 心目 中 莫迪 有如 聖人 他 心存 善意 並 總 是 為了 國家 大利 設想 然而 印度 公共 衛生 專家 卻 有 正反 不同 的 看法 普林斯頓大學 princeton university 高級 研究員 納 斯米里安 ramanan laxminarayan 說 由於 疫情 迅速 蔓延 這麼 做 是 必要 的 並 有助於 減少 疾病 傳播 相對 的 坦米爾那都邦 tamil nadu 維 洛爾 vellore 基督教 醫學院 病毒 系 主任醫師 約翰 t jacob john 則 認為 封城 的 範圍 太 廣也太 早 以致 衝擊 經濟 而 貧民區 也 未獲 充分 的 資源 支援 身為 諾貝爾獎 得主 的 印度 裔 美籍 經濟學家 巴納吉 abhijit banerjee 更 直指 如今 回頭 來看 那 顯然 是 個 錯誤 而 多數 專家 也 贊同 印度 雖然 實施 世上 最 大 規模 也 最 嚴格 的 封城 但 卻 缺乏 足夠 的 通知 或 規劃 事實上 在 宣佈 封城 後 還 不 到 4 小時 就 實施 了 突然 間 貧窮 的 勞工 沒了 工作 許多 人 不得已 只好 返鄉 但 由於 大眾 運輸工具 停止 營運 有些 人 只好 跋涉 好幾 百 英里 然而 分析家 指出 由於 印度 最 大 的 在野黨 國大黨 indian national congress 在 大選 慘敗 後 陷入 分裂 自顧不暇 因此 莫迪 並未 受到 炮 口 一致 的 批評 此外 政治 觀察家 指出 印度 媒體 也 鮮 少 批評 莫迪 縱使 新冠 疫情 迅速 蔓延 衛生 基礎 設施 瀕臨 崩潰 但 好幾 個 星期 以來 當地 收視率 最好 的 電視網 卻 狂 報 寶萊 塢 男 星 遭 豔 星 女友 喂 毒 教唆 輕生 的 八卦 而 對 猖獗 的 疫情 視若無睹 另一方面 莫迪 和 其他 民主 國家 的 領袖 不同 他 鮮 少 召開 記者會 通常 把 和 媒體 互動 的 任務 交給 政府 其他 首長 反之 他 經常 透過 電視 和 廣播電臺 直播 對 大眾 動之以情 懇請 他們 追隨 自己 的 領導 由於 莫迪 不斷 和 普羅 大眾 直接 溝通 因此 有 些 移 工 雖然 因為 封城 丟了 生計 但 卻 不 肯 為了 自身 陷入困境 而 怪罪 他</t>
  </si>
  <si>
    <t>美國總統 川普 確診 新冠肺炎 為 美國 大選 增添 變數 而 世界 其他 國家元首 中 也 有 不少 人 曾 確診 而 英國首相 強 森 的 例子 是否 為 川普 帶來 什麼 啟發 也 引起 各界 熱 議 對此 中山大學 政治學研究所 副教授 王群洋 表示 川普 是否</t>
  </si>
  <si>
    <t>美國總統 川普 確診 新冠肺炎 為 美國 大選 增添 變數 而 世界 其他 國家元首 中 也 有 不少 人 曾 確診 而 英國首相 強 森 的 例子 是否 為 川普 帶來 什麼 啟發 也 引起 各界 熱 議 對此 中山大學 政治學研究所 副教授 王群洋 表示 川普 是否 從 強森 的 例子 中 得到 啟發 不得而知 並 分析 他 是否 會 因 此 敗 選 也 還 言之過早 距 大選 只 剩 不 到 1 個 月 川普 周日 在 醫院 展開 第二 天 而 陷入困境 的 競選 團隊 再次 面臨 挫敗 最新 全美 民 調 顯示 川普 以 14 個 百分點 落後 民主黨 對手 拜登 這 令 川普 的 競選 團隊 心急如焚 拼命 想要 在 11 月 3 日 大選 日前 的 幾 星期 找 到 有效 的 戰略 中 評 社 報導 王群洋 指出 從 外 媒 之前 公佈 的 民 調 來看 這次 疫情 讓 不少 國家元首 的 支持 度 呈現 上升 的 趨勢 雖然 川普 的 防疫 政策 飽受 抨擊 但 他 的 民 調 也 有 上升 的 趨勢 而 他 染疫 後 雖然 能夠 鞏固 支持者 但 對 中間 選民 的 影響 則 呈現 兩極 至於 也 曾染疫 的 英國首相 強 森 康復 後 支持 度 大增 是否 對 川普 有 任何 啟發 王群洋 則 說 不得而知 而 她 也 認為 川普 染疫 應該 是 真 的 並 指出 作為 總統 川普 在 剩下 的 時間 裡 仍 可 以 動用 很多 資源 來 翻轉 這次 大選 關於 民 調 的 部分 王群洋 分析 各 大民 調 公司 都 有 立場 可 若 現在 就 斷言 川普 會 敗 選 可能 也 言之過早</t>
  </si>
  <si>
    <t>全球 生 技 和 製藥 公司 正 卯足 全力 對抗 新冠肺炎 危機 近期 多 家 大型 藥廠 在 新冠肺炎 檢測 治療 和 疫苗 研發 方面 皆 出現 重大進展 瑞士 製藥 大廠 羅 氏 roche 的 新冠肺炎 抗體 檢測 技術 3 日 獲得 美國 食品藥品 管理局 fda 緊急 使用 授權 該項 技術 有助 確認 患者 是否 感染 新冠肺炎 病毒 以及 是否 產生 抗體 羅氏 承諾 自 5 月 起 將 提供 數 千萬 份 試劑 在 治療 方面 吉利 德 科學 gilead sciences 的 新冠肺炎 實驗 藥物 瑞德西韋 remdesivir 亦 獲得 美國 食品藥品 管理局 緊急 使用 授權 該 藥物 將 能 擴大 使用 至 治療 美國 的 新冠肺炎 重症 患者 此外 雷傑納隆 regeneron 與 賽諾菲 sanofi 共同開發 的 風濕性關節炎 藥物 kevzara 亦 是 治療 新冠肺炎 的 潛 在 藥物 之一 初步 資料 顯示 該 藥物 用 來 治療 重症 肺炎 患者 的 效果 較 好 但 對 症狀 較 輕 的 病 患 較 無 顯著 成效 兩 家 公司 決定 停止 在 輕 症 患者 測試 kevzara 打算 對 重症 患者 擴大 測試 測試 結果 將 於 6 月 出爐 在 疫苗 方面 近期 不少 藥廠 宣佈 合作 生產 計畫 美國 生 技 公司 moderna 宣佈 與 瑞士 同業 lonza 簽署 十 年 製造 協定 每年 可望 生產 10億 劑 疫苗 moderna 計畫 在 2020 年 秋季 展開 疫苗 的 第 三 階段 人體 試驗 此外 英國 藥廠 阿斯特 捷利康 astrazeneca 與 牛津大學 締結 疫苗 開發 與 分銷 協定 目標 是 在 2020 年底 前 推出 至多 1億 劑 疫苗 美國總統 川普 日前 表示 他 有 信心 疫苗 能 在 年底 前 問世 不過 羅氏 執行長 施萬 severin schwan 對 此 感到 質疑 稱 年底 前 是 相當 遠大 的 目標 根據 世界衛生組織 who 資料 全球 正在 開發 的 新冠肺炎 疫苗 至少 有 102 種 專家 表示 疫苗 可 安全 上市 大約 要 12 至 18 個 月 時間</t>
  </si>
  <si>
    <t>新冠肺炎 在 美國 肆虐 醫療 設施 和 病床 都 告急 之際 美國海軍 派出 兩 艘 醫療 艦 舒適 號 comfort 前往 紐約 和 仁慈號 mercy 前往 洛杉磯 雖然 都 號稱 有 1000 個 以上 的 病床 床位 都 事實上 兩 艘 醫療 艦 都 只 收納 了 兩位數 的 病人 為什麼 會 這樣 呢 當 舒適 號 進入 紐約 時 人們 暫時 忘卻 社交 隔離 擠 在 曼哈頓 港 觀看 這 艘 象徵 和平 和 寬心 的 白色 醫療 軍艦 希望 它 為 極度 需要 醫療 設施 和 床位 的 紐約 帶來 一 絲 希望 但 現在 這 艘 巨艦 在 曼哈頓 港 邊 空 蕩 地 閒置 反而 激起 市民 的 憤怒 這 就 是 美國總統 川普 的 好大喜功 和 美國海軍 的 官僚 不知 變通 所 致 川普 總統 還 親自 前往 維吉尼亞 州 諾 福克市 親自參加 舒適 號 前往 紐約 的 啟航 儀式 稱 這 將 起到 關鍵作用 是 紐約市 嚴峻 時 期中 為數不多 的 精彩 時刻 之一 可惜 的 是 舒適 號 並 不 接受 感染 新冠 病毒 的 病人 舒適 號 被 派 往 紐約 是 要 透過 治療 新冠 病毒 以外 的 其他 疾病 來 緩解 城市 醫院 的 壓力 但是 紐約 現在 並 沒有 很 多 的 非冠 狀 病毒 的 病 患 由於 大多數 紐約 人 都 已經 將 自己 隔離 在 自己 的 家中 因此 車禍 槍擊 和 其他 意外事故 而 需要 到 急診室 就診 的 受傷 人數 幾乎 很 少 所以 舒適 號 不 接收 新冠 病毒 的 病 患 那它 就 沒有 什麼 病人 難怪 紐約 最 大 的 醫院 系統 負責人 說 如果 我 對 此 直言不諱 舒適 號 就 是 個 笑話 當然 美國 軍方 也 有 它 的 難處 舒適 號 是 為了 在 戰場 條件 下 醫療 傷兵 而 設計 的 船上 醫生 習慣 於 治療 年輕 健康 的 士兵 這些 士兵 大多 是 遭受 槍擊 和 炸彈 爆炸 的 傷害 大多數 染 上 新冠 病毒 的 人 都 年齡 較 大 而且 這 是 一 種 新型 病原體 即使 是 世界 頂級 醫學 研究 人員 也 還 無法 完全 理解 何況 是 艦 上 的 軍方 醫療 人員 這 並 不是 舒適 號 第一 次 出動 2017 年 瑪麗亞 颶風 襲擊波多黎各 之後 舒適 號 也 被 派 去 緩解 當地 醫療 資源 不足 的 情況 但 最終 也 是 每天 只 治療 少數 病人 還 是 因為 舒適 號 上 都 是 狹窄 的 雙層床 而 不是 現代化 的 醫院 病床 因此 不 適合 治療 平民 美國 現在 是 世界 上 新冠 病毒 確認 案例 最 多 的 國家 這 當然 是 川普 領導 的 嚴重 危機 但 川普 的 自戀 個性 讓 這 次 的 危機 處理 跌跌撞撞 即使 對於 新冠 病毒 不 太 瞭解 每次 記者會 川普 還是 親自 上線 顯見 電視 曝光 和 收視率 對 他 非常 重要 但 隨 著 美國 人 持續 因 新冠肺炎 而 死亡 他 的 發言 就 像 美國 這 兩 艘 醫療 軍艦 的 名稱 一樣 既 不 舒適 也 不 仁慈 呀 作者 為 國立 臺北 商業 大學校長</t>
  </si>
  <si>
    <t>美國之音 報導 指出 正在 美國 國會 審議 中的 2021 財年 國防 授權 法 2021 ndaa 草案 其中 就 有 條文 呼籲 美國國防部 讓 海軍 醫療 船 安慰 號 及 仁慈號 停靠 臺灣 以便 延續 美 台 應 對 新冠肺炎 的 協作 草案 還 支持 與 臺灣 進行 現實 的 訓練 和 軍事演習 包括 太平洋 多國 軍 演 rimpac 及 歐文堡 fort irwin 陸軍 國家 訓練 中心 的 聯合 訓練 在 臺灣 旅行 法 之下 增加 美 台 高級 軍事 將領 的 交流 以及 擴大 軍事 醫藥 及 人道 災難 救助 合作 等 一般 認為 2021 財年 國防 授權 法 草案 可望 通過 並且 獲得 美國總統 川普 簽署 然而 如果 美國 具體實施 條文 不但 陸美 關係 將 高度 緊張 兩岸關係 將 會 更加 惡化 美國之音 的 報導 表示 編號 s 4049 的 2021 財年 國防 授權 法 草案 有 兩 個 條款 涉及 臺灣 1258 號 條款 明白 表示 美國 的 政策 明定 臺灣 關係法 及 六 項 保證 是 美 台 關係 的 基礎 臺灣 關係法中 沒有 任何 內容 限制 美國 盡可能 深化 彼此間 的 廣泛 緊密 和 友善 關係 包括 防衛 關係 而且 這個 法律 應該 隨 著 政治 安全 經濟 動態 及 不同 情況 的 轉變 來 實施 和 執行 美國 預期 臺灣 前途 應該 通過 和平 手段 來 決定 任何 以 非 和平 方式 決定 臺灣 前途 的 作為 都 是 對 西太平洋地區 和平 安全 的 威脅 也 是 美國 的 嚴重 關切 貫徹 ndaa 兩岸 更 惡化 美國 支援 臺灣 具備 自我 防衛 能力 規範 各種 強化 美 台 軍事 關係 與 合作 的 專案 表明 美國 支持 臺灣 發展 有能力 有 準備 及 現代化 的 防衛 部隊 這些 專案 包括 美國 支援 臺灣 取得 武器 和 服務 確保 臺灣 提出 的 軍事 需求 能 得到 及時 審議 和 回應 依據 上述 臺灣 關係法 各項規定 美國參議院 意見 認為 美國 國防部長 應該 確保 國防部 完整 執行 條款 中 關於 美 台 防務 關係 的 規定 並且 發佈 關於 執行 這些 規定 必要 的 新 政策 指引 1259 號 條文 表示 美國國會 認為 國防部 應該 執行 安慰 號 及 仁慈號 停靠 臺灣 的 任務 以便 延續 美 台 應 對 新冠肺炎 covid-19 的 協作 包括 檢測 疫苗 與 藥物 的 研發 和 口罩 的 捐助 並且 進一步 改善 美 台 軍事 醫療 及 人道 災難 救助 的 合作 強化 美 台 軍事 關係 另外 讓 美方 人員 得以 從 臺灣 人士 的 專業 獲益 因為 臺灣 應對新冠肺炎 富有成效 以及 延續 安慰 號 與 仁慈號 的 使命 它 展現 了 國防部 在 全球 部署 海上 醫療 能力 的 能量 與 提供 美國 在 重大 危機 時 應變能力 的 價值 安慰 仁慈號 停靠 臺灣 雖然 這不 是 參議院 第一 次 在 國防 授權 法 中 呼籲 讓 美軍 醫療 船 停靠 臺灣 2019 財年 國防 授權 法 也 有 關於 美軍 醫療 船 訪問 臺灣 的 條文 不 過 2021 財年 國防 授權 法 草案 的 相關 條文 凸顯 新冠肺炎 對 草案 內容 的 影響 在 文字 上 也 有 更 明確 的 描述 例如 指明 兩 艘 醫療 船 的 名字 和美台 應對 疫情 的 合作項目 草案 預計 在 未來 幾 星期 完成 修訂 後 送交 院會 表決</t>
  </si>
  <si>
    <t>隨 著 美國總統 拜登 先 後 宣佈 捐贈 8000萬 與 5億 劑 疫苗 以 抑制 新冠肺炎 在 全球 的 大 流行 美 外交政策 11 日 分析 拜登 提供 的 疫苗 中 有 75萬 劑 將 交給 臺灣 而 臺灣 又 一向 為 北京 視為 前院 換言之 原本 已 深陷 美中 大國 競爭 的</t>
  </si>
  <si>
    <t>隨 著 美國總統 拜登 先 後 宣佈 捐贈 8000萬 與 5億 劑 疫苗 以 抑制 新冠肺炎 在 全球 的 大 流行 美 外交政策 11 日 分析 拜登 提供 的 疫苗 中 有 75萬 劑 將 交給 臺灣 而 臺灣 又 一向 為 北京 視為 前院 換言之 原本 已 深陷 美中 大國 競爭 的 臺灣 所 處 的 戰場 會 進一步 擴張 至 疫苗 取得 之上 報導 中 指出 近幾個月 以來 美國 軍事 官員 持續 警告 美方 與其 盟友 可能 正 處於 大陸 武力 犯台 的 轉捩點 而 這 將 決定 亞太地區 未來 幾 十 年 的 命運 儘管 嚴格 來講 為 非官方 訪問 但 日前 美國 議員 走訪 這個 四面楚歌 的 小島 象徵 蔡英文 與 拜登 政府 關係 的 升溫 以及 身處 美中 霸權 爭奪 前線 的 臺灣 不只 成為 傳統 政治 軍事 與 經濟 戰場 更 擴張 至 疫苗 外交 之上 美國聯邦 民主黨 參議員 達克 沃絲 昆斯 以及 共和黨 參議員 蘇利文 組成 兩 黨 臺灣 訪問團 在 與 蔡英文 的 會面時 達克 沃絲 宣佈 美國 將 提供 75萬 劑 疫苗 給 台灣 報導 指出 美國總統 拜登 愈來愈 將 華府 與 北京 的 競爭 視為 西式 民主 對 決 共黨 威權 主義 這次 訪台 行程 恰巧是 個 機會 使 世人 知道 美國 完全 能 在 這 場 角力 中 迎頭趕上 昆斯 表示 去年 美國 的 經歷 指 疫情 大 流行 讓 期盼 全球 擁抱 民主 並 以此 為 治理 模式 的 人 感到 懷疑 但 隨 著 參議院 通過 近 2500億 美元 法案 投資 科學 研發 以 提升 和 中國 大陸 的 競爭力 美國 與 大陸 在 亞洲 的 競爭 可 成為 一 絕佳 機會 展現 民主 如何 發揮 並 因應 此時此刻 的 挑戰 文 中 分析 長期以來 共和黨 與 民主黨 在 公共 衛生 外交 上 表現 都 非常 的 好 甚至 可 追朔 到 小布希 時期 的 愛滋病 緊急 救援 計 畫 繼 美國國務院 宣佈 提供 南韓 110萬 劑 疫苗 後 美方 議員 緊跟 著 在 臺灣 現身 並 宣佈 援助 疫苗 隨 著 大國 在 疫苗 外交 上 的 權力 優勢 逐漸 形成 並 發散 出來 全球 正 掀起 一 波 疫苗 接種 熱 而 臺灣 這 波 的 疫苗 雨 恰好 緊跟 在 這股 潮流 後 降下 先是 在 日本 印度 澳洲 等 國 舉行 的 四國 安全 對話 中 拜登 等 人 宣佈 在 2022 年 年底 前 提供 10億 劑 疫苗 給 東南亞 印太 等 其他 地區 在 七大 工業國 集團 g 7 會議 上 各國 又 允諾 提供 發展中國家 另外 10億 劑 疫苗 其中 美國 承擔 約 一半 的 劑量 然而 就 在 美國 大舉 發動 疫苗 外交 之際 底下 卻 呈現 鴨子 劃水 般的 激烈 辯論 報導 引述 國會 助理 與 美方 前 官員 說法 指出 拜登 政府 內部 機構 彼此 正 激烈 爭辯 主題 圍繞 在 應該 以 盟友 優先 還是 廣泛 地 提供 全球 疫苗 1 名 官員 表示 這 之間 的 差距 在於 像 拿 花生醬 抹 土司 一樣 每 片 只 拿 到 一點 點 還是 分配 給 少數 國家 但 每個 國家 能 拿 到 更 多 疫苗 從而 發揮 更 大 影響力 昆斯 的 助理 更 表示 美國國會 正 激烈 辯論 政府 到底 該 優先 提供 哪些 國家 疫苗 特別 著 重在 疫情 嚴峻 的 國家 報導 指出 雖然 華府 正 激烈辯論 但 官員 與 立法 諸公 都 強調 拜登 政府 疫苗 外交 勢必 要 與 北京 存在 重大 差異 必須 有別於 大陸 以此 作為 政策 杠杆 的 做法 2 名 國會 助理 表示 北京 利用 國藥集團 疫苗 作為 香餌 誘惑 諸 如 巴拉圭 等 在內 的 低收入 國家 放棄 對 臺灣 外交 承認 改為 擁抱 大陸 蔡英文 總統 也 指控 大陸 介入 臺灣 與 輝瑞 洽 購 疫苗 的 過程 臺灣 外長 吳釗燮 在 日前 的 訪 日 行程 中 更 重提 北京 利用 疫苗 加強 對 台 壓力 訪台 議員 蘇利文 痛斥 大陸 此刻 正 將 其 垃圾 疫苗 輸 往 世界 上 如 非洲 等 發展 最低 的 國家 卻 要 其 按 大陸 意思 建立 經濟 聯繫 為了 獲取 疫苗 必須 接受 附帶 的 經濟 條件 我們 將 避免 這種 做法 事實上 訪台 議員團 起初 是 獨立 於 政府 之外 來 規劃 臺灣 行 隨後 才 發現 其 行程 竟 與 白宮 有意 提供 臺灣 疫苗 的 計畫 相符 昆斯 的 助理 披露 早 在 軍機 起飛 前 議員 們 就 在 等 北京 對 這次 參訪 的 反應 事後證明 3 名 議員 乘坐 軍機 抵 台並 與 蔡英文 握 手 的 照片 引發 大陸 媒體 一系列 的 評論 隨後 共 軍 更 在 臺灣 附近 模擬 兩栖 攻擊 議員 們 與 助理 堅稱 此次 訪問 是 美國 回報 過去 臺灣 的 義行 2020 年 美國 遭逢 疫情 嚴重 創傷 當時 臺灣 提供 華府 數 千 口罩 2049 計 畫 協會 研究員 易思安 ian easton 分析 長期以來 北京 持續 阻撓 臺灣 加入 世界衛生組織 口罩 外交 無疑 是 推動 臺灣 非官方 關係 的 另 一 條 道路 這些 都 凸顯 美方 有 必要 發揮 關鍵作用 協助 臺灣 擺脫 北京 封鎖 雖然 這次 訪問 引起 北京 不安 但 美方 議員 們 堅稱 這次 走訪 完全符合 1979 年 簽署 的 臺灣 關係法 如同 美國 安會印 太 事務 協調官 康 貝爾 kurt campbell 5 月 在 公開 評論 中 表示 對於 美軍 是否 保衛 臺灣 免受 北京 的 侵略 威脅 拜登 政府 始終 尊重 臺灣 關係法 創造 的 戰略 模糊 蘇利文 也 強調 在 與 蔡英文 的 會談 中 並 沒有 針對 臺灣 面臨 軍事 威脅 時 美方 是否 會 馳援 進行 討論 隨 著 共 軍 軍機 近乎 天天 走訪 臺灣 防空 識別區 是 兩岸 之間 的 緊張 關係 正 不斷 升溫 而 前者 又 為 臺灣 飛行員 帶來 沉重負擔 美軍 高層 警告 北京 傾向 頻頻 派出 軍機 進行 非官方 訪問 外 結合 不斷 增加 的 軍 演 華府 正 密切 關注 這些 演習 中 是否 讓 共 軍 各 軍種 之間 的 任務 更 形 複雜 比如 海軍 與 火箭 軍 的 角色 更為 吃重 美國 捍衛 民主 基金會 the foundation for defense of democracies 軍事 與 政治 權力 中心 主任 鮑曼 bradley bowman 認為 美國 的 目標 是 讓 臺灣 成為 軍事 豪豬 即 北京 發動 侵略 的 代價 會 過 高 且 臺灣 軍隊 能 支撐 到 美方 增援部隊 抵達 但 即使 像 鮑曼 這樣 主張 美 台 更 密切 連結 更 多 軍售 更 緊密 的 非官方 外交官 關係 以及 更 多 的 聯合 軍 演 也 不 得 不 承認 對 台 展開 援助 會 刺激 北京 並形成 風險 我們 必須 很 謹慎 這不 是 精密 科學 但 北京 對 台 的 計畫 已 昭然若揭</t>
  </si>
  <si>
    <t>美國國防部 傳出 有 37 人 感染 新冠肺炎 為 預防 病毒 擴散 五角大廈 昨 16 日 宣佈 美國 國防部長 艾斯 培 mark esper 及 副 部長 諾 奎斯特 david norquist 已 緊急 隔離 綜合 美 媒 cnbc 美國有線電視新聞網 cnn 報導 美國防部 發言人 霍夫曼 jonathan hoffman 昨日 宣佈 國防部長 艾斯 培 及 副 部長 諾 奎斯特 自 週一 起 將 分開 辦公 兩 人 的 幕僚 今後 也 將 只 透過 視 訊 會議 互動 同時 國防部 也 將 檢測 所有 進出 大樓 的 人員 並且 限制 出入 人數 五角大廈 約 有 22000 名 員工 目前 已 知 一共 有 37 名 員工 確診 新冠肺炎 包括 18 名 現役軍人 3 名 公務員 及 3 名 承包商 等 針對 國防部 已 採取 讓 正 副 部長 分開 辦公 的 預防措施 美國總統 川普 表示 目前 白宮 及 副 總統 彭斯 還 沒有 跟進 這項 措施 的 想法</t>
  </si>
  <si>
    <t>英國首相 強生 感染 新冠肺炎 後 病情惡化 已 在 昨 6 日 住 進 加 護 病房 對此 美國總統 川普 3 度 提到 入住 加 護 病房 代表 病況 很 嚴重 他 已經 派遣 2 支 最 棒 的 藥品 團隊 赴英 協助 強生 的 醫療 團隊 據悉 這 2 支 藥品 團隊 提供 的 解</t>
  </si>
  <si>
    <t>英國首相 強生 感染 新冠肺炎 後 病情惡化 已 在 昨 6 日 住 進 加 護 病房 對此 美國總統 川普 3 度 提到 入住 加 護 病房 代表 病況 很 嚴重 他 已經 派遣 2 支 最 棒 的 藥品 團隊 赴英 協助 強生 的 醫療 團隊 據悉 這 2 支 藥品 團隊 提供 的 解方 應該 是 川普 近期 大力 鼓吹 的 抗 瘧疾 藥物 羥 氯 奎寧 hydroxychloroquine 英國 每日 郵報 daily mail 報導 英國首相 強生 昨日 因 新冠肺炎 病情惡化 住 進 加 護 病房 美國總統 川普 晚間 在 白宮 的 疫情 記者會 上 為 強生 祈禱 他 說 我 要為 我 的 好 朋友 我們 國家 的 朋友 英國首相 強生 獻上 最好 的 祝福 所有 美國 人 都 祈禱 他 康復 川普 更 贊許 強生 是 他 非常 特別 的 朋友 非常 堅強 有 決心 不 辭職 也 不 放棄 不過 川普 話鋒一轉 在 記者會 上 至少 3 度 提及 入住 加 護 病房 代表 病情 很 嚴重 如果 你 住 進 加 護 病房 代表 這個 疾病 已經 非常 非常 嚴重 他 說 已經 要求 2 家 為 美國政府 工作 的 治療 公司 即刻 和 倫敦 聯絡 協助 治療 強生 並且 提到 美國 在 新冠肺炎 的 治療 已經 有 非常 大 的 進展 稱 這 2 間 頂尖 公司 已經 研發 出 治療 方法 而且 成效 卓越 川普 說 這 2 支 團隊 目前 已經 抵達 倫敦 並且 和 強生 的 所有 醫生 聯繫 過 將 提供 倫敦 任何 需要 的 援助 我們 會 看看 我們 是否 能 提供 協助 他們 已經 準備 好 了 當 被 問及 所謂 的 美國 專家 提供 的 療法 時 川普 並未 明確 點出 療法 名稱 僅 回應 是 非常複雜 的 治療 方式 團隊 最近 才 研發 出來 稱 他們 很 有 經驗 不過 報導 推測 川普 口中 的 藥品 應該 就 是 他 近期 大力 鼓吹 稱 會 改變 新冠 疫情 遊戲規則 的 抗 瘧疾 藥物 羥 氯 奎寧 川普 說 團隊 已經 和 強生 的 醫生 開過 會 就 視 最終 會 不 會 採納 這種 療法 此時 他 又 提到 一 次 住 進 加 護 病房 是 件 大事 不過 他 也 希望 強生 最終 不會 用到 它川普 讚揚 強生 是 非常 棒 的 人 溫暖 堅強 聰明 並且 熱愛 國家 為 國家 奮戰 語 畢 他 又 重提 加 護 病房 是 件 大事 英國廣播公司 bbc 報導 在 確診 新冠肺炎 10 天 後 由於 持續 出現 症狀 55 歲 的 強生 於 英國 當地 時間 5 日 晚間 住院 檢查 醫院 起先 在 6 日 下午 對 他 進行 給 氧 治療 之後 送入 加 護 病房 不過 至今 他 還 沒有 戴 上 呼吸器 唐寧街 強調 強生 的 意識 清楚 被 送 進 加 護 病房 是 因為 有 可能 會 使 用到 呼吸器 值得注意 的 是 強生 5 日 還 在 社 群 媒體 上 向 大眾 問好 不 到 2 天 就 入住 加 護 病房 英國 天空 新聞記者 裡格比 beth rigby 表示 這 代表 強生 的 病況 變化 很快 呼吸困難</t>
  </si>
  <si>
    <t>美國總統 川普 公開 表示 新冠肺炎 是 中國 病毒 後 在 美國 出現 排 華 情緒 不時 發生 華人 在 公共場合 被 辱駡 甚至 毆打 事件 一 名 在 紐約 生活 的 大陸 人 tommy 受訪 表示 現在 美國 各地 華人 紛紛 在 微信 組建 互助 群 以 區域 為 單位</t>
  </si>
  <si>
    <t>美國總統 川普 公開 表示 新冠肺炎 是 中國 病毒 後 在 美國 出現 排 華 情緒 不時 發生 華人 在 公共場合 被 辱駡 甚至 毆打 事件 一 名 在 紐約 生活 的 大陸 人 tommy 受訪 表示 現在 美國 各地 華人 紛紛 在 微信 組建 互助 群 以 區域 為 單位 若 發生 緊急情況 可 在 群 裡 通報 所在位置 讓 在 群 裡 的 華人 鄰居 就近 提供 協助 由於 在 美國 擁有 槍枝 合法 甚至 有 員警 鼓勵 華裔 擁 槍 自重 防止 遭 歧視 或 欺負 建 互助 群 通報 馳援 在 紐約 生活 的 大陸 人 tommy 指出 肺炎 疫情 讓 美國 對 華人 出現 種族歧視 尤其 在 川普 的 chinese virus 說法 後 仇華 情緒 加劇 他 的 中國 朋友 就 曾 在 街上 被 路人 挑釁 辱駡 他 也 聽說 有 一些 中國 餐廳 被 砸 店 最近 網上 也 廣傳 中國 人 在 地鐵 上 遭 無端 攻擊 的 影片 大家 看 了 之後 人心惶惶 有鑑於此 現在 美國華人 紛紛 組建 微信 互助 群 以 區域 為 單位 把 同在 一個 區的 華人 拉 在 一個 群 組 若 遇到 緊急狀況 發生 無論是 被 攻擊 或 遭遇 入室 搶劫 等 只要 發送 sos 求救 訊號 再 把 自己 所在位置 發到 群 裡 群 友 就 可以 就近 趕到 協助 tommy 說 如果 報警 可能 十 多 分鐘 員警 才能 趕到 雖然 他 還 沒 發生 過 緊急事件 但 參與 互助 群 心理 上 還是 有 個 保障 他 也 聽說 加州 有些 地方 的 華人 自己 擁有 槍械 所以 組成 自衛隊 防止 被 欺負 現在 美國 人 排 華 海外 中國 人 當然 要 更 團結 tommy 表示 除了 互助 群 現在 眼見 大陸 病例 以 境外 輸入 為主 也 有 不少 在 美國 的 大陸 人 決定 不 回去 好不容易 抗擊 疫情 取得 成果 就 別 給 咱 國家 添亂 員警 鼓勵 擁 槍 自重 此外 香港 南華早報 報導 在 加州 紐約州 和 華盛頓州 這 3 個 美國 新冠肺炎 疫情 高發地 槍枝 銷量 正 大幅 上升 很多 華裔 擔憂 當地 的 歧視 氛圍 會 威脅 人身安全 槍 枝 店 來客 增 10 倍 南加州 中部 一家 槍枝 武器店 的 華裔 老闆 劉大衛 表示 近 幾 周 是 他 開 店 以來 從未 經歷 過 的 銷售 旺季 顧客 數量 猛增 10 倍 而 主要 消費 人群 就 來自 當地 華裔 社區 另 一家 大型 槍械 店 羅蘭槍 店 近期 銷售額 也 上漲 500 在 三藩市市 灣區 好心 的 華裔 警員 甚至 鼓勵 當地 華裔 囤 槍囤 彈藥 稱 一旦 警方 對 局勢 失去 把 控 或許 有 各種 暴亂</t>
  </si>
  <si>
    <t>隨 著 11 月 總統大選 逼近 美國總統 川普 大 打 中國 牌 與 北京 關係緊張 持續 升高 繼 貿易戰 南海 摩擦 新冠肺炎 起源 與 香港 國安法 爭議 後 雙方 又 互 關 總領事館 據 bbc 新聞網 報導 期間 美國 國務卿 蓬佩 奧 mike pompeo 發表 對</t>
  </si>
  <si>
    <t>隨 著 11 月 總統大選 逼近 美國總統 川普 大 打 中國 牌 與 北京 關係緊張 持續 升高 繼 貿易戰 南海 摩擦 新冠肺炎 起源 與 香港 國安法 爭議 後 雙方 又 互 關 總領事館 據 bbc 新聞網 報導 期間 美國 國務卿 蓬佩 奧 mike pompeo 發表 對 北京 強硬 政策 演說 力促 全球 自由 國家 以 不 信任 並要 驗證 distrust and verify 的 原則 面對 中共 以 迫使 中國 大陸 改變 而 這 在 中國 大陸 觀察 專家 間 拋 下 震撼 彈 有人 形容 這 是 新 鐵幕 演說 和 新 冷戰 宣言 等於 宣告 過去 數 十 年 美國 對 陸 接觸 政策 正式 失敗 中國 大陸 獨立 政治 學者 吳強 說 中 美 之間 的 對抗 不 像 冷戰 時期 有 普 世 價值 的 競爭 新 冷戰 的 對抗 是 一個 古老 中 華帝國 和 一個 現代 強國 之間 的 對抗 一個 低 端 全球化 和 一個 沒有 領導 的 新 自由主義 全球化 之間 的 對抗 以及 兩 種 治理 模式 之間 的 對抗 他 認為 北京 在 東海 台海 及 南海 和 其他 國家 發生 矛盾 的 根本 問題 在於 中方 擁抱 傳統 帝國主義 的 心態 不 承認 現 有 國際 規則 這 也 是 中美關係 緊張 的 癥結 此外 他 指出 南海 不 排除 可能 爆發 小規模 武裝 衝突 但 危機 不 會 擴大 他 說 中方 在 南海 的 主要 戰略 利益 是 為 海南島 的 核潛艇 進出 提供 掩護 而 不是 表面 上 所說 的 主權 中國 仍然 存在 與 其他 各國 共同開發 南海 的 集體 意識 吳強 認為 奪下 臺灣 後 才能 解決 海南島 需要 大量 海空 掩護 核潛艇 的 問題 繼而 展開 美中 在 西太平洋 的 對抗 對 北京 來說 只有 奪 下臺 灣 把 臺灣 作為 核潛艇 基地 才能 在 未來 真正 有能力 與 美國 對抗 所以 中美關係 越 緊張 中國 愈 急於 奪下 臺灣 他 強調 真正 的 危險 在 臺灣 由於 中方 以 民族 復興 為 目標 打算 在 國家 主席 習近平 第 3 個 任期 內 完成 兩岸 統一 他 指出 這 也 是 北京 不惜一切 代價 在 香港 否定 一國兩制 推出 國安法 的 重要 原因 另一方面紐約 城市 大學 the city university of new york 政治學 教授 夏明 則 認為 可能 發生 武裝 衝突 的 熱點 將 取決於 哪 一 方 率先 挑起 他 說 要是 美國 先 挑起 可能 會 選擇 南海 而 其中 原因 在於 美國 海 空軍 的 優勢 使 衝突 最 容易 控制 也 最 容易 觸及 中國 的 痛處 同時 在 道義 上 來說 可能 引起 的 平民 傷亡 也 最 少 不過 如果 由 中方 先 挑起 則 最 可能 選擇 台海 其次 是 中印 邊境 夏 明說 他 認為 臺灣 對於 北京 的 一個 中國 政策 來說 最 具 合理性 也 擁有 多年 累積 的 軍事裝備 和 勢力 滲透 而 在 中印 邊境 中方 陸軍 則 可以 發揮優勢 而且 對 北京 來說 這 一方面 有助 強化 國際 安全 戰略 尤其 是 對 西藏 的 控制 另一方面 則 與 一帶 一路 經濟 戰略 相 吻合 熱戰 的 前景 在 增加 而且 熱戰 不會 只 是 中 美 兩 國 的 戰爭 夏 明 強調 一定 是 世界大戰 而 這 是 非常 危險 的</t>
  </si>
  <si>
    <t>新冠肺炎 疫情 蔓延 全球 引發 全球股市 大 地震 美國 聯 准會 今晨 再度 無 預警 降息 4 碼 造成 美 股 道 瓊 期貨 跌 逾 千 點 台股 今 16 日 摜 破 萬 點 關卡 收盤 收在 971777 點 失守 萬點 根據 統計 外資 資金 流向 至 3 月 13 日 新興 亞 股 連續 三 周 全數 失血 最近 一 周 臺灣 與 南韓 仍 為 外資 提款機 分別 流出 525億 美元 與 423億 美元 今年以來 新興 亞 股 遭 外資 賣出 金額 累計 2521億 美元 中 國信 讬 臺灣 活力 基金 經理 人 周俊宏 表示 新冠肺炎 感染 案例 持續 增加 加深 市場 恐慌 情緒 美 股 上周 出現 恐慌 式 爆跌 觸發 熔斷 美國總統 川普 13 日 宣佈 進入 緊急狀態 並 表示 將 釋出 500億 美元 緊急 資金 對抗 疫情 後 一度 曾 激勵 道 瓊 指數 大 漲 1985 點 打破 史上 最 大 漲 幅 然 疫情 再 尚未 獲得 控制 前 對於 經濟 的 影響 仍 不可 小覷 預期 台股 區間 震盪 仍 大 建議 以 個股 操作 為主 周俊宏 表示 隨 著 美國 聯 准會 於 臺灣 時間 週一 16 日 清晨 緊急 宣佈 降息 四 碼 顯見 疫情 對 經濟 的 影響 程度 已經 超乎想像 在 操作 上 建議 挑選 有 長線 需求 的 科技類 股 例如 5 g 相關 題材 伺服器 相關 等 此外 因 居家 隔離 異地 備援 等 措施 將 可能 延伸 出 對 pc 視 訊 會議 與 軟 體 的 需求 可 多 留意 他 也 提醒 受到 疫情 影響 消費 相關 的 科技 商品 可能 相對 受到 影響 例如 5 g 手機 短線 需求 下 修 的 風險 較 高 周俊宏 表示 在 非 科技類 股 上 影響 較 低 的 基礎 建設 類 股 以及 可 提升 免疫能力 的 保健食品 相關 類 股 亦 值得 投資人 關注 長 線 上 要 持續 關注 疫情 發展 若 後續 情況 未獲 改善 不 排除 以 相對 保守 的 策略 因應</t>
  </si>
  <si>
    <t>新冠肺炎 本土 個案 連日 破百 例 國民 黨團 今天 表示 疫情 日益 嚴峻 不只 封城 而已 最終 解決之道 是 施打 疫苗 此時 應讓 疫情 指揮中心 指揮官 陳時中 專注 醫療 資源 拉高 防疫 層級 到 總統府 由 副 總統 賴清德 出任 指揮官 協調 調度 全國 資源 美國總統 拜登 今 說 預定 6 月底 前 釋出 2000萬 劑 疫苗 到 海外 包含 輝瑞 莫德納 與 嬌 生 生產 的 疫苗 國民 黨團 書記長 鄭麗 文說 此次 在 臺灣 蔓延 的 是 英國 變種 病毒株 蔡英文 總統 應 積極 向 美國 搶購 疫苗 再 讓 全民 免費 施打 疫苗 讓 臺灣 在 最 短 時間 內 免 於 病毒 威脅 才是正 辦 國民 黨團 總 召 費 鴻泰 質疑 資深 媒體 人 趙 少康 昨 披露 臺灣 股市 下降 但 高端疫苗 價格 卻 暴漲 其實 在 1 個 月 前 他 就 聽說 有 立 委 跟 公司 要 股票 試問 這 是否是 真的 為何 想要 炒作 高端疫苗 股價 如今 國光 生 技 不 玩 了 聯 亞 生 技 被 技術性 控管 1 個 月 僅 剩下 高端疫苗 是否 有 人 在 炒作 高端 票 發國難財 蔡英文 應 對外 說 清楚 費 鴻泰 指出 臺灣 已 面臨 缺水 缺 電 缺 疫苗 缺 工 缺 適 任 的 指揮官 等 五 缺 誠懇 建議 拉高 防疫 層級 到 總統府 由 具備 公衛 學養 且 閣 揆 曆 練 的 副 總統 賴清德 擔任 全國 防疫 指揮官 國民 黨團 首席 副 書記長 陳 玉珍 也 說 若 面臨 封城 不只 衛福部 協調 調度 資源 甚至 要 動 用到 國 軍 協助 就 需要 拉高 層級 到 總統府 讓 陳時中 專心 處理 醫療 整備 鄭麗文 認為 在 無法 全民 普 篩 之前 起碼 應在雙 北 盡 速 廣 設 快 篩 站 將 重症 輕 症 無 症狀 確診 者 分 艙 分流 降低 醫護 負擔 如今 停止 外國人 入境 集中 檢疫 所有 約 4000 個 床位 可 配合 防疫 需求 陳 玉珍另 呼籲 勞動部 經濟部 應盡 速 擬定 政策 補助 辦法 讓 民眾 實際 拿到 防疫 照顧 假 企業 享有 賦稅 減免 給予 民眾 實際 誘因 減少 人流 移動 避免 疫情 擴散</t>
  </si>
  <si>
    <t>不只 美國總統 川普 即便 新冠肺炎 疫情 劇烈 反撲 部分 美國 男性 仍 堅決 不 戴 口罩 科學家 指出 這些 男性 認為 戴 口罩 猶如 在 臉上 戴 上 保險 套 為了 守護 男子 氣概 及 在 男性 群體 中的 地位 他們 堅持 拒 戴 口罩 如果 突然 戴 上 口罩 等</t>
  </si>
  <si>
    <t>不只 美國總統 川普 即便 新冠肺炎 疫情 劇烈 反撲 部分 美國 男性 仍 堅決 不 戴 口罩 科學家 指出 這些 男性 認為 戴 口罩 猶如 在 臉上 戴 上 保險 套 為了 守護 男子 氣概 及 在 男性 群體 中的 地位 他們 堅持 拒 戴 口罩 如果 突然 戴 上 口罩 等於 是 讓 過去 的 心血 付諸東流 美國總統 川普 11 日 終於 順應 幕僚 心意 在 公開場合 中 戴 上 口罩 此前 他 多次 和 公衛 專家 唱反調 堅決 不 戴 口罩 美國 科學家 兼 記者 葳 靈漢 emily willingham 在 美國 科學 人 雜誌 scientific american 撰文 指出 美國 社會 中 有 一 群 人 堅決 不 戴 口罩 這群人 為數不多 但 聲音 卻 很 大 且 堅定 他們 多數 是 男性 認定 戴 口罩 就是 在 臉上 戴 上 保險 套 必須 拿 掉 這些 人中 最 典型 的 要 屬 川普 的 支持者 葳 靈漢 指出 這種 不 戴 口罩 讓 自己 及 他人 暴露 在 風險 之中 的 行為 和 愛滋病 毒 流行 美國 時 官方 呼籲 戴 保險 套 進行 性行為 有 異曲同工 之 妙 當時 許多 美國 男性 同樣 拒絕 戴 套 科學家 究其原因 發現 主要 和 男性 意識形態 masculine ideology 有關 美國 心理 協會 american psychological association 將 男性 意識形態 和 冒險 風險 暴力 等 概念 做 結合 顯然 在 疫情 大 流行 期間 不 穿戴 防護 措施 就 是 一 種 涉及 冒險 及 風險 的 行為 這類 男性 意識形態 也 經常出現 在 西方 電影 中 例如 阿諾史瓦辛格 arnold schwarzenegger 就 代表 了 西方 的 典型 男子氣 概 這類 電影 角色 即便 配備 各式各樣 武器 在 面對 病毒 時 卻 經常 缺乏 任何 防護 措施 為何 這些 男性 甘冒 染病 死亡 風險 也 不 要 戴 口罩 葳 靈漢 指出 戴 不 戴 口罩 也 是 一 種 表演 會 傳遞 特定 社會 訊息 尤其 要 考量 這些 男性 為了 維持 男性 意識形態 投入 了 多少 心血 及 成本 她 說 現實 社會 中 川普 是 這種 意識 型態 的 最 大 追隨 對象 當 他 拒 戴 口罩 他 的 行為 就 會 被 模仿 他 的 追隨者 做出 了 深刻 的 承諾 甚至 包含 自我 欺騙 就 只 為了 效忠 川普 對於 這些 男性 追隨者 而言 戴 上 口罩 等於 是 讓 先前 的 努力 投入 妥協 等 付諸東流 所以 他們 選擇 不 戴 他們 認為 唯有 這麼 做 他們 才 會 持續 在 男性 群體 中 受到 接納 及 尊重</t>
  </si>
  <si>
    <t>美國總統 川普 表示 支援 強勢 美元 加上 近期 美國 公佈 的 製造業 指數 非 製造業 指數 及 非農 就業 資料 皆 表現 優於 市場 預期 其中 非農 就業人數 減少 2050萬 人 此外 美國 各州 正 逐步推進 復工 進度 經濟 資料 表現 有望 逐步 開</t>
  </si>
  <si>
    <t>美國總統 川普 表示 支援 強勢 美元 加上 近期 美國 公佈 的 製造業 指數 非 製造業 指數 及 非農 就業 資料 皆 表現 優於 市場 預期 其中 非農 就業人數 減少 2050萬 人 此外 美國 各州 正 逐步推進 復工 進度 經濟 資料 表現 有望 逐步 開始 回溫 目前 新興 市場 疫情 仍然 嚴峻 二 次 感染 風險 偏 高 市場 避險 情緒 仍 維持 相對 高檔 之下 有利於 美元 維持 相對 強勢 臺灣 期交所 上市 匯率 期貨 方面 英鎊 兌 美元 期貨 受到 復工 進度 相對 緩慢 英鎊 兌 美元 維持 疲弱 歐元 兌 美元 期貨 部分 美元 指數 維持 相對 強勢 加以 川普 表示 支持 強勢 美元 歐元 兌 美元 期貨 走勢 偏 弱 美元 兌 日圓 部分 海外 市場 二 次 感染 風險 逐步 升溫 市場 避險 情緒 升溫 近期 美元 兌 日圓 走勢 呈現 偏 弱 後市 若 新冠肺炎 疫情 緩解 製造業 補 庫 效應 帶動 下 將 有望 推 升 製造業 活動 回溫 積壓 訂單 將 有望 出 貨 此外 全球 央行 紛紛 降息 因應 新冠肺炎 疫情市場 流動性 轉 趨 充裕 屆時 若 搭配 新冠肺炎 疫情 降溫 將 有利於 資金 回流 風險性 資產 及 新興 市場 國家 在 資金 回流 風險 資產 效應 下 美元 指數 回檔 機 率 將 大幅 上升 加以 歐 日 央行 降息 幅度 相對 偏 低 政策 擴張 幅度 有限 投資人 仍 宜 留意 美元 指數 大幅 回檔 風險 整體而言 製造業 資料 有望 於新冠肺炎 疫情 緩解 後 回升 聯 准會 維持 擴張性 貨幣政策 長 線 上 仍 可 留意 期交所 上市 澳 幣 兌 美元 歐元 兌 美元 期貨 行情 走勢</t>
  </si>
  <si>
    <t>美國 新冠肺炎 疫情 快速 升溫 美國總統 川普 下令 禁止 由 歐洲 入境 30 天 再度 引爆 全球 市場 恐慌 情緒 加上 歐洲央行 ecb 意外 未 宣佈 降息 增添 全球 經濟 急凍 陷入 衰退 的 可能性 全球股市 週四 殺 聲 震天 全面 倒地 歐 股 一度 暴跌</t>
  </si>
  <si>
    <t>美國 新冠肺炎 疫情 快速 升溫 美國總統 川普 下令 禁止 由 歐洲 入境 30 天 再度 引爆 全球 市場 恐慌 情緒 加上 歐洲央行 ecb 意外 未 宣佈 降息 增添 全球 經濟 急凍 陷入 衰退 的 可能性 全球股市 週四 殺 聲 震天 全面 倒地 歐 股 一度 暴跌 逾 10 美 股 開盤 崩 挫 破 7 再次 啟動 熔斷 機制 而 亞 股 則 延續 前 一 日 的 恐慌 日 股 台股 跌 逾 4 全球 主要 股市 全數 摔 入 熊市 美 股 週四 一 開盤 就 躺 平 並 觸及 7 跌幅 的 熔斷 機制 重新 交易 跌勢 又 擴大 道 瓊 工業 指數 暴跌 逾 2000 點 或 8 下 探 21433 點 標 普 5百 與 那斯 達克 指數 均 重 挫 約 70 受到 美 股 週三 又 崩 跌 的 拖累 亞洲 股市 週四 血流成河 泰國 股市 跌 最慘 一度 狂瀉 逾 11 菲律賓 大盤 收盤 也 下 殺 近 10 的 長黑 澳洲 股市 重 挫 74 日本 股市 日經指數 重 挫 44 跟進 其他 主要 國家 股市 跌入 空頭 市場 歐洲央行 ecb召開 例會 雖 祭出 一連串 刺激 方案 但 卻 未 採取 降息 引發 市場 憂心 歐央 利率 工具 已 失效 恐難 阻止 經濟 走下 坡 的 疑慮 更 加重 歐美 股市 跌勢 英國 富 時 100 指數 暴跌 逾 10 德國 大盤 重 挫 近 10 法國 股市 更 跳水 超過 10 stoxx 600 泛歐 股市 指數 重跌 10 美國 新冠肺炎 疫情 升溫 之際 川普 宣佈 對 歐洲 入境 實施 30 天 的 旅遊 禁令 此舉 恐 造成 企業 營運 停 擺 甚至 引發 企業倒閉 潮 的 疑慮 全球 經濟 前景 有 急速 惡化 之 虞 首當其衝 的 航空 公司 如 聯航 美國 航空 盤中 跌 逾 10 以上 brooks macdonald 公司 副 投資 長 派克 edward park 表示 市場 不 清楚 新冠肺炎 疫情 究竟 會 對 經濟 帶來 多 大 的 衝擊 我們 預估 第一 季 與 第二 季 全球 經濟 成長 會 下滑 所有 的 財政 振興 方案 都 無法 扭轉 此 一 頹勢 衡量 市場 恐慌 情緒 的 美 股 波動 率 指數 週四 暴漲 30 來到 6159 點 改寫 2018 年 12 月 以來 新 高 另 一個 投資人 因 恐慌 搶 避險 的 指標 美國 10 年 公債 殖 利率 大跌 逾 15 個 基點 來到 067 投資人 同時 也 對 川普 的 救 市 行動 感到 失望 由於 川普 仍未 公佈 其 經濟 振興 方案 的 具體內容 市場 認為 光靠 fed 降息 還 不夠 經濟 振興 方案 太 晚 出爐 恐 失去 為 經濟 與 市場 止血 的 契機 全球 金融機構 紛紛 調 降 全球 經濟 成長 預測 ihs markit 本 周 將 今年 全球 成長率 下 修至 17 其中 更 預估 歐元區 將 零 成長 日本 陷入 經濟衰退 中國 大陸 全年 成長率 則 僅 43 許多 經濟學家 還 憂心 疫情 短期 若 無法控制 對 全球 經濟 將 帶來 長遠 的 傷害 貝倫 堡 銀行 經濟學家 漢斯 florian hense 指出 衝擊 勢必 巨大 無比 現在 光是 要 提出 一個 具體 的 參考 資料 都 是 一 項 很 艱難 的 挑戰</t>
  </si>
  <si>
    <t>美國總統 川普 27 日 在 白宮 簽署 22 兆 美元 經濟 刺激 法案 以 因應 新冠肺炎 疫情 這 份 美國 歷史 上規模 最 大 的 經濟援助 法案 生效 之際 美國 新冠肺炎 確診 人數 剛 突破 10萬 川普 並 宣佈 美國 將 在 100 天內 製造 10萬 台 呼吸器 川普 簽署</t>
  </si>
  <si>
    <t>美國總統 川普 27 日 在 白宮 簽署 22 兆 美元 經濟 刺激 法案 以 因應 新冠肺炎 疫情 這 份 美國 歷史 上規模 最 大 的 經濟援助 法案 生效 之際 美國 新冠肺炎 確診 人數 剛 突破 10萬 川普 並 宣佈 美國 將 在 100 天內 製造 10萬 台 呼吸器 川普 簽署 的 經濟援助 法案 先前 在 參議院 獲得 一致 通過 27 日 在 眾議院 以 口頭 表決 方式 通 過後 隨即 送交 川普 簽署 生效 根據 這項 紓困 計 畫 美國 將 在 3 周 內向 中低收入 家庭 發放 現金 5000億 美元 用於 幫助 遭受 重創 的 行業 3500億 美元 為 小企業 提供 貸款 並 至少 為 相關 衛生系統 提供 1000億 美元 據 美聯社 報導 自 九 一一 恐 攻 以來 華盛頓 從未 像 現在 這樣 團結 一致 下定決心 採取 緊急行動 阻止 經濟 如 自由落體 般 下滑 22 兆 美元 相當 於 美國 現 有 經濟 規模 的 10 美國 2021 財年 聯邦 政府 預算 總額 的 近 一半 此 一 數字 也 已遠 超 2008 年 金融危機 時期 美國 推出 的 7000 多 億 美元 刺激 計 畫 但 這項 美國 史上 最貴 的 財政 刺激 計 畫 是否 真能 挽救 瀕臨 衰退 的 美國 經濟 和 陷入 混亂 的 金融市場 不少 分析 人士 認為 刺激 計 畫 對 提 振 經濟 是 杯水車薪 如果 短期 內 新冠肺炎 疫情 無法 得到 有效 控制 將 很快 需要 後續 措施 補強 川普 當天 也 宣佈 動用 國防 生產 法 所 授予 總統 的 權力 要求 通用汽車公司 gm 立即 生產 治療 新冠肺炎 重症 患者 所 需 呼吸器 他 同時 任命 白宮 貿易 貿易 顧問 納瓦羅 為 國防 生產 法 政策 協調官 川普 表示 美國 未來 100 天內 擬 透過 製造 或 其他 方式 獲得 10萬 台 呼吸器 這 一 數量 將 是 美國 年均 呼吸 機 分配 量 的 3 倍 多 納瓦羅 則 指出 美國 正在 進行 二戰 以來 最 重要 的 產業 動員 美國 需要 在 短 時間 內 儘快 生產 足夠 的 呼吸器 以 幫助 紐約 等 地 的 重症 患者 呼吸器 可以 說是 人們 的 生命線</t>
  </si>
  <si>
    <t>美國總統 川普 21 日 表示 為了 保障 國人 工作 權 他 將 於 22 日 簽署 暫停 受理 外國人 申請 移民 60 天 的 行政命令 申請 永久 居留 的 綠卡 者 將 暫時 無法 搬 來 美國 但 不 會 影響 短期 申請 入境 的 臨時工 並于 60 天 後 重新 評估 此 一 命令 據 路透</t>
  </si>
  <si>
    <t>美國總統 川普 21 日 表示 為了 保障 國人 工作 權 他 將 於 22 日 簽署 暫停 受理 外國人 申請 移民 60 天 的 行政命令 申請 永久 居留 的 綠卡 者 將 暫時 無法 搬 來 美國 但 不 會 影響 短期 申請 入境 的 臨時工 並于 60 天 後 重新 評估 此 一 命令 據 路透社 報導 川普 在 白宮 疫情 記者會 上 表示 如果 美國 人 因 新冠 疫情 遭 資 遣 原有 職 缺 卻 被 新 的 外國 勞工 所 取代 這 將 是 重大 錯誤 且 對 美國 人民 不公 我們 必須 首先 照顧 美國 工人 不過 他 也 表示 這項 命令 將 有 部分 人士 豁免 且 將 於 60 天 後 再次 檢 視 是否 有 需 延長 報導 指出 這項 行政命令 已 包含 部分 因應 新冠 疫情爆發 而 申請 入境 的 臨時工 例如 農場 員工 或者 其他 確保 美國 糧食 供給 的 臨時工 官方 也 強調 美國 即將 重 啟 經濟 預計 移民 流入 將 大幅 增長 行政部門 希望 確保 雇主 優先 雇用 受 疫情 衝擊 而 遭 開除 的 員工 而非 先 給 較 低 薪資 需求 的 外籍 移民 勞工 美國國務院 2019 年 財政 年度 中 發行 大約 46萬 份 外國 移民 簽證 該 簽證 允許 外國 移民 獲得 合法 永久 居留權 為 外界 通常 所 熟知 的 綠卡 並 允許 獲得 該 簽證 的 外國 人民 可 在 美國 境內 生活 且 工作 並於 5 年 後 即可 申請 公民權 報導 指出 目前 申請 專業性 職業 工作人員 簽證 h- 1 b 的 人 也 必須 更新 相關 證明 向 美政府 表示 不 會 取代 美國 勞工 不過 批評 也 指出 h- 1 b 簽證 早就 由 取代 美國 人 的 人力資源 公司 所 獨佔 他們 多 為 申請 公司 後勤 的 科技類 職 缺</t>
  </si>
  <si>
    <t>自從 cnn 等 各 大 媒體 5 日 稱 美國總統 川普 敗 選 後 他 13 日 首度 在 白宮 玫瑰 花園 公開 發表談話 雖然 川普 仍 不 認輸 但 已 鬆口 暗示 政府 可能 交替 據 cnn 與 bbc 新聞網 報導 川普 在 誓言 他 的 政府 絕不會 下令 進行 新冠 新 封城 之際 隱</t>
  </si>
  <si>
    <t>自從 cnn 等 各 大 媒體 5 日 稱 美國總統 川普 敗 選 後 他 13 日 首度 在 白宮 玫瑰 花園 公開 發表談話 雖然 川普 仍 不 認輸 但 已 鬆口 暗示 政府 可能 交替 據 cnn 與 bbc 新聞網 報導 川普 在 誓言 他 的 政府 絕不會 下令 進行 新冠 新 封城 之際 隱約 透露 1 月 20 日後 他 可能 已不 在 位 我 不 會 這 政府 不 會 封 城 希望 未來 不 管 發生 甚麼 事 誰 知道 會 是 哪個 政府 我 想 時間 會 決定 但 我 能 告訴 你們 這個 政府 不 會 封 城 而 根據 美國 各 大 媒體 最新 預測 民主黨 對手 拜登 贏得 喬治亞州 川普 贏得 北卡羅萊納州 由 拜登 以 306 232 張 選舉人 票 擊敗 川普 雖然 川普 仍 在 質疑 計票 結果 但 他 願意 暗示 明年 可能 有 不同 的 政府 已經 是 能力 所及 的 最 大 極限 而 這 也 是 他 首度 承認 有 些 事 確實 已 改變 bbc 指出 儘管 川普 不肯 認輸 但 隨 著 時間 流逝 這 位 白宮 主人 對 拜登 勝 選 的 法律 挑戰 有 許多 不是 撤訴 就 是 被 法院 駁回 他 在 位 已 逐漸 接近 尾聲 另一方面 川普 強調 雖然 現政府 在 任何 狀況 下 都 不 會 封 城 但 會 十分 警覺 並 非常 小心 同時 他 也 承諾 最 快下 個 月 就 能 提供 全美 民眾 數 百萬 計 疫苗 可是 還是 忍不住 痛 戳 紐約州 長 古 莫 andrew cuomo 說 由於 民主黨 懷疑 疫苗 安全 因此 不 會 提供 給 紐約州 美國 已 連續 10 天 1 天都 出現 超過 10萬 宗 新冠 病例 週四 甚至 超過 153萬 宗 而 有關 專家 說 1 天 新 病例 將 達 20萬 宗 的 預言 或許 很快 就 會 成 真</t>
  </si>
  <si>
    <t>美國 要 從 疫情 中 迎接 光 明瞭 美國總統 特朗普 在 華盛頓 時間 5 日 表示 美國 部分 疫情 熱點 地區 的 新冠肺炎 疫情 趨向 平緩 他 還 稱 美國 人 開始 看到 隧道 盡頭 的 光亮 疫情 最 嚴重 的 紐約州 5 日 公佈 新增 死亡 病例 略低於 4 日</t>
  </si>
  <si>
    <t>美國 要 從 疫情 中 迎接 光 明瞭 美國總統 特朗普 在 華盛頓 時間 5 日 表示 美國 部分 疫情 熱點 地區 的 新冠肺炎 疫情 趨向 平緩 他 還 稱 美國 人 開始 看到 隧道 盡頭 的 光亮 疫情 最 嚴重 的 紐約州 5 日 公佈 新增 死亡 病例 略低於 4 日 這 是 一 周 以來 首次 出現 疫情 轉 好 的 跡象 儘管如此 美國 新增 死亡 人數 仍 將 近 600 例 新增 確診 超過 7300 例 針對 紐約 新增 死亡 病例 略 降 情況 川普 表示 也許 這 是 一個 好 兆頭 我們 開始 看到 隧道 盡頭 的 光亮 美國 疫苗 的 開發 已 有 相當 大 進展 大家 拭目以待 不過 白宮 醫療 專家 預估 即便 全面實施 並且 遵守 居家 令 疫情 仍 可能 導致 10萬 至 24萬 美國 人 死亡 紐約州 州長 郭莫 andrew cuomo 5 日 表示 過去 24 小時 內 新 住院 人數 下降 了 50 但 他 也 警告 目前 尚不 清楚 紐約州 的 危機 是否 已 達到 高峰 紐約州 總共 已 有 4159 人 死亡 超 122萬 個 確診 病例</t>
  </si>
  <si>
    <t>在 美國總統 川普 確診 後首 度 搭 機 離開 白宮 前往 外地 舉辦 大型 造 勢 活動 之際 白宮 醫師 康利 今天 發佈 川普 健康 備忘錄 表示 川普 的 武漢肺炎 檢測 呈現 陰性 已不 具 傳染性 康利 sean conley 在 備忘錄 中 表示 川普 連續 數 天 的 2</t>
  </si>
  <si>
    <t>在 美國總統 川普 確診 後首 度 搭 機 離開 白宮 前往 外地 舉辦 大型 造 勢 活動 之際 白宮 醫師 康利 今天 發佈 川普 健康 備忘錄 表示 川普 的 武漢肺炎 檢測 呈現 陰性 已不 具 傳染性 康利 sean conley 在 備忘錄 中 表示 川普 連續 數 天 的 2019 冠 狀 病毒 疾病 covid-19 武漢肺炎 檢測 均 呈現 陰性 川普 使用 的 是 亞 培 藥廠 abbott laboratories 15 分鐘 快 篩 試劑 binaxnow 不過 備忘錄 並未 說明 川普 何時 接受 檢測 康利 也 在 備忘錄 中 強調 這不 是 唯一 確認 川普 健康狀況 的 檢測 團隊 也 結合 其他 臨床實驗 資料 包括 病毒 含量 核糖核酸 rna 病毒 聚合 酉 每 鏈式反應 pcr 等 都 呈現 缺乏 可 檢測 病毒 複製 狀況 依據 美國 疾病 管制 暨 預防 中心 cdc 指南 團隊 認為 川普 已對 他人 不具 傳染性 這 也 是 川普 確診 後 白宮 首度 證實 川普 檢測 呈現 陰性 川普 2 日 淩晨 透過 推特 宣佈 他 和 第一 夫人 梅蘭妮亞 melania trump 確診 染疫 並 在 當天 傍晚 入住 華特裡 德國 家 軍事醫學 中心 walter reed national military medical center 接受 治療 並於 5 日 傍晚 出院 返回 白宮 川普 10 日 首度 參加 於 白宮 南 草坪 舉辦 的 數 百 人 公開 活動 他 今天 晚間 更 搭 機 前往 佛羅里達州 參加 大型 造 勢 活動 編輯 張佑之 1091013</t>
  </si>
  <si>
    <t>美國總統 川普 一度 公開 表示 自己 正 在 服用 未經 證明 對抗 新冠 病毒 有效 且 有 風險 的 羥 氯 奎寧 引發 喧然 大 波 認為 他 為了 推廣 自己 先前 聲稱 的 神 藥 不惜 親自 當 神 農氏 而 飽受 批評 後 川普 也 自行 宣稱 停 用 不過 白宮 指出</t>
  </si>
  <si>
    <t>美國總統 川普 一度 公開 表示 自己 正 在 服用 未經 證明 對抗 新冠 病毒 有效 且 有 風險 的 羥 氯 奎寧 引發 喧然 大 波 認為 他 為了 推廣 自己 先前 聲稱 的 神 藥 不惜 親自 當 神 農氏 而 飽受 批評 後 川普 也 自行 宣稱 停 用 不過 白宮 指出 川普 服用 奎寧 感覺 太 棒 了 如果 有 必要 還 會 繼續 服用 川普 18 日 在 白宮 自 曝 天天 服用 抗 瘧疾 藥物 羥 氯 奎寧 hydroxychloroquine 以 預防 感染 新冠肺炎 奎寧 類 藥物 至今 尚未 被 美國 疾病 管制 暨 預防 中心 cdc 列為 新冠肺炎 指定 治療 藥物 且 也 有 臨床實驗 顯示 讓 新冠 患者 服用 高 劑量 奎寧 容易 出現 心律不整 等 致命 心臟 疾病 問題 美國 抗 疫 首席專家 佛 奇 anthony faucil 也 表示 27 日 也 在 cnn 上 表示 這種 藥物 並非 有效 的 療法 此外 不僅 醫學期刊 刺 胳 針 the lancet 指出 不論是 羥 氯 奎寧 或 氯 奎寧 chloroquine 都 對 治療 新冠肺炎 沒有 幫助 甚至 增加 死亡 風險 世界衛生組織 who 也 停止 將 奎寧 作為 治療 藥物 的 臨床 試驗 不過 據 美 媒 國會山 莊 報 報導 白宮 發言人 麥克納尼 kayleigh mcenany 28 日 在 記者會 上 表示 川普 在 服用 羥 氯 奎寧 後 感覺 棒極了 服藥 之後 完全 沒 問題 川普 並 向 她 表示 如果 他 認為 可能 感染 新冠 病毒 將 會 繼續 服 藥 麥克納尼 也 表示 但 很 重要 的 是 美國 人民 在 服用 奎寧 前 仍 需 與 醫生 諮 詢 並 強調 此 藥 早已 列為 適應症 外 運用 早已 用 來 治療 其他 疾病 媒體 對於 奎寧 安全 的 報導 是 過度 誇張 已 有 數 百萬 人 長期以來 都安全 地 服用 此 藥</t>
  </si>
  <si>
    <t>高球 球王 麥克羅伊 rory mcilroy 最近 表示 他 對 美國總統 川普 donald trump 的 防疫 政策 非常 失望 跟 他 打球 不 代表 我 同意 他 的 做法 事實上 我 完全 不 認同 的 他 每一項 政策 他 因此 拒絕 再 和 川普 打 小 白球 了 麥克羅伊 在 the</t>
  </si>
  <si>
    <t>高球 球王 麥克羅伊 rory mcilroy 最近 表示 他 對 美國總統 川普 donald trump 的 防疫 政策 非常 失望 跟 他 打球 不 代表 我 同意 他 的 做法 事實上 我 完全 不 認同 的 他 每一項 政策 他 因此 拒絕 再 和 川普 打 小 白球 了 麥克羅伊 在 the mckellar 的 廣播節目 上 說 川普 是 個 很 有 魅力 的 人 但 他 無法 苟同 川普 把 新冠 疫情 當成 政治 工具 他 把 疫情 政治化 做為 自我 宣傳 的 手段 他 吹噓 做 了 世界 最 多 的 新冠肺炎 檢測 搞 得 好像 是 一 種 競賽 對於 川普 強硬 的 手段 麥克羅伊 說 領袖 不該 是 這樣 的 你 需要 一點 交涉 技巧 特別 是 這種 時候 我 在 他 身上 完全 看 不 到 川普 的 爭議 包括 應變 不足 推卸 防疫 責任 鬥爭 世衛 挑動 排 華 還 隨口 建議 大家 施打 消毒劑 麥克羅伊 不是 美國 人 他 也 不 想 和 川普 扯 上 關係 聽到 我 這些 話 之後 我 不 確定 他 是否 還 會 想 跟 我 打球 反正 我 不 會 了 兩 人 前次 打球 是 在 2017 年 川普 之後 多次 跟 職業 運動員 對 杠 他 似乎 樂此不疲 有些 球員 也 以 抵制 他 為 樂 他 當政 至今已有 多 支 冠軍 球隊 拒 訪 白宮</t>
  </si>
  <si>
    <t>美國總統 川普 剛 結束 首場 總統大選 辯論 後 接連 搭 機 趕場 造 勢 行程 不過 他 的 親近 幕僚 希克斯 hope hicks 辯論 後 與 川普 搭上 同 班機 經檢測 已 確診 新冠肺炎 目前 仍 在 等待 檢測 結果 的 川普 也 宣佈 已 開始 進行 隔離 程式 隨後</t>
  </si>
  <si>
    <t>美國總統 川普 剛 結束 首場 總統大選 辯論 後 接連 搭 機 趕場 造 勢 行程 不過 他 的 親近 幕僚 希克斯 hope hicks 辯論 後 與 川普 搭上 同 班機 經檢測 已 確診 新冠肺炎 目前 仍 在 等待 檢測 結果 的 川普 也 宣佈 已 開始 進行 隔離 程式 隨後 川普 在 推特 上 表示 他 與 第一 夫人 皆 已 確診 有 韓 粉 聞訊 直接 回 系 厚 二 字 但 也 有 韓 粉 認為 這 可能 是 川普 為 選舉 所 搞 的 奧 步 據 每日 郵報 指出 根據 一 名 川普 政府 匿名 官員 表示 剛 一同 與 川普 參加 9 月 29 日 辯論 的 希克斯 隔日 仍 與 川普 同 搭 機 赴 造 勢 大會 但 她 已於 1 日 確診 為 川普 身旁 傳出 確診 的 所有 人士 中 最 接近 他 的 一 位 據 美 媒 cnbc 報導 川普 也 證實 希克斯 確診 表示 自己 也 剛 接受 檢測 並 等待 結果 他 表示 希克斯 工作勤奮 並 戴上很 多 次 口罩 依舊 確診 自己 與 第一 夫人 也 都 接受 了 檢測 並 等待 結果 或者 要 隔離 或者 已 確診 我們 不 知道 隨後 他 在 個人 推特 上 表示 自己 與 第一 夫人 已 開始 進行 隔離 程式 川普 確診 消息 一 出 有 韓 粉 直接 回 系 厚 二 字 其他 韓粉 則 紛紛表示 搞不好 是 操作 想用 這種 方法 沒收 大選 這 是 奧 步 嗎 有趣 又 有戲 辯論 那天 口水 亂 噴 拜登 也 要 檢查一下 老人 確診 很 危險 可惜 啊 美國 還 需要 靠 瘋 川 才能 加速 衰敗 還 不 注重 防疫 罪有應得</t>
  </si>
  <si>
    <t>大陸 國家 主席 習近平 首次 公開 和 美國總統 川普 隔 空 較勁 川普 昨日 公開 表示 世界衛生組織 非常 偏袒 大陸 還 稱 許多 人 對 世衛 的 做法 感到 不 高興 覺得 非常 不 公平 後 習近平 發 了 一 封 公開信 給 世衛組織 秘書長 譚 德塞 稱</t>
  </si>
  <si>
    <t>大陸 國家 主席 習近平 首次 公開 和 美國總統 川普 隔 空 較勁 川普 昨日 公開 表示 世界衛生組織 非常 偏袒 大陸 還 稱 許多 人 對 世衛 的 做法 感到 不 高興 覺得 非常 不 公平 後 習近平 發 了 一 封 公開信 給 世衛組織 秘書長 譚 德塞 稱讚 他 積極 推動 抗擊 疫情 國際 合作 得到 國際 社會 廣泛 認可 將 繼續 堅定 支持 譚 德塞 和 世界衛生組織 在 國際 抗 疫 合作 中 發揮 積極 領導 作用 川普 昨天 在 回 覆 佛州 參議員 魯比奧 的 提問 時 表示 在 新冠肺炎 引起 的 危 機上 世衛組織 非常 偏袒 大陸 我 認為 一定 很 多 人 談論 非常 不 公平 我 認為 很多 人 覺得 非常 不 公平 美國國會 議員 斯特比 greg steube 甚至 表示 一旦 全球 疫情 得到 控制 世衛 和 中國 要 面對 後果 而 日本 副 首相 麻生太郎 昨日 也 補 刀 表示 who 應 改 名叫 中國 衛生組織 加拿大人 伊 普 osuka yip 在 網路上 發起 連署 要 譚 德塞 下臺 目前 已 超過 50萬 人 簽署 反 譚 彈 者 希望 能 儘快 達到 100萬 人 的 支持 北京 和 華盛頓 在此之前 早就 進行 了 好幾 輪 角力 先是 雙方 外交 系統 發言人 互相 叫陣 最近 則 集中 在 稱 新冠 病毒 是 中國 病毒 上 在 川普 髮夾 彎 重新 稱 新冠 病毒 後 雙方 在 國際 上 的 較量 並未 停息 美國 國務卿 蓬佩 奧 表示 7 大 工業 國 集團 g 7 成員國 一致 反對 大陸 藉 疫情 從事 假消息 活動 g 7 外長 因應 新型 肺炎 疫情 舉行 視 訊 會議 但 會後 卻 未 發表 聯合 聲明 美國 媒體 披露 國務卿 蓬佩 奧 堅持 于 聯合 聲明 中 加入 武漢 病毒 wuhan virus 一 詞 結果 遭到 其他 七國集團 成員 拒絕 不止 在 g 7 發難 美國國家廣播公司 也 報導 美國 聯合國 官員 在 安理會 討論 國際 社會 如何 共同 防疫 時 美方 提出 安理會 應該 要以 文字 形式 表明 新冠肺炎 源自 武漢 並且 希望 列出 在 當地 傳播 的 確切 時間 大陸 駐 聯合國 代表 當場 被 激怒 要求 在 聲明 中 放 入 大陸 防控 疫情 為 世界 贏得 了 時間 的 文字 最後 因 各 有 堅持 陷入僵局 值得 重視 的 是 國務院 在 日前 發佈 聲明 時 特別 提到 了 臺灣 而 臺北 法案 3 月 12 日 獲得 國會 通過 送交 川普 簽署 但 川普 一直 並未 簽署 一般 預料 川普 如果 在 最後 一刻 高調 簽署 法案 就 代表 有意 向 北京 下馬威 而 如果 是 不 簽署 而 讓 法案 自動 生效 則 顯示 川普 有意 低調 處理</t>
  </si>
  <si>
    <t>知名 美國 饒舌 天 後 卡蒂 b cardi b 個性 嗆 辣 直率 有話直說 面對 疫情 日前 一 句 老娘 好 怕 怕 紅遍 全球 更 被 dj snake 蛇爺 創作 成 新冠 病毒 remix coronavirus remix 登 上 排行榜 她 近日 開 直播 大贊 中國 防疫 做 得 很 好 卡蒂 b 表示 新冠肺炎 在 中國 武漢 確診 人數 之所以 越來越少 是因為 封城 的 時候 大街 上 都 大量 噴灑 酒精 消毒 液 不光 是 這樣 人員 還 會 挨家挨戶 敲門 測量 民眾 的 體溫 只要 發現 有人 感染 新冠肺炎 就 會 要求 他 進行 隔離 反觀 美國 做 了 什麼 卡蒂 b 坦言 我們 在 居家 隔離 的 時候 政府 有 在 大街 上 噴 消毒水 嗎 有 一個 個 測量體溫 嗎 我 現在 都 搞不清楚 自己 有 沒有 染病 因為 今 又 有 確診 的 球星 說 自己 沒有 任何 症狀 那 老娘 到底 該不該 去 檢測 你們 全都 不當 一 回事 請問 在 搞 笑 嗎 卡蒂 b 更 炮轟 美國總統 川普 稱 新冠肺炎 為 中國 肺炎 她 認為 這 是 詆毀 中國 的 行為 人家 強大 的 很 絕對 不是 你 冒犯 的 起 中國 說 一 老娘 不敢 說 二 影片 被 節錄 翻譯成 中文 迅速 登 上 微博 熱 搜 大陸 網友 紛紛 留言 我 的 黨位 留給 你 可以 給 卡 姐 安排 一下 央 視 新聞 嗎 請 提交 黨 申請書 恭喜 卡 姐 即將 在 疫情 後 獲得 在 中國 巡演 120 場 門票 自 2 分 14 秒 開始 更 多 ctwant 報導</t>
  </si>
  <si>
    <t>巴西 總統 波索納洛 jair bolsonaro 發燒 到 38 度 而且 在 新冠 病毒 測試 中 也 呈 陽性 所幸 在 週二 已 退燒 波索納洛 說 他 是 服用 羥 氯喹 才能 迅速 康復 的 然而 這種 抗 瘧疾 藥物 尚未 被 證明 對 covid-19 有效 美聯社 報導 波索納洛 在 週一 發燒 肌肉 酸痛 和 全身 不適 緊急 送 往 醫院 接受 了 x 光 檢查 確定 還 沒有 肺部 重症 但是 新冠 病毒 測試 呈現 陽性 被 視為 是 輕度 感染者 截至 週二 他 的 發燒 已 消退 並且 再次 出席 公開 活動 他 將 病情 好轉 歸因於 服用 羥 氯喹 這 位 65 歲 的 右翼 民粹主義 者 在 疫情爆發 期間 仍然 不 戴 口罩 不 遮掩 臉部 喜歡 與 人群 在 一起 而 聞名 即使 巴西 的 新冠 疫情 持續 嚴重 他 也 依然 如此 終於 在 上周 出現 染病 症狀 在 經過 週六 周日 的 治療 似乎 已 有 好轉 他 說 我 很 好 很 正常 我 甚至 想 出去 散散步 只 是 被 醫療 團隊 反對 而 不能 這樣 做 週二 晚些時候 他 在 臉書上 發佈 了 一 段 影片 談 他 的 感 病 心得 他 說 已 服用 了 第 3 劑 的 羥 氯喹 並 將 病情 好轉 歸因於 這種 藥 他 說 今天 我 感覺 好多 了 我 服用 了 羥 氯喹 治病 我 也 知道 他們 指 醫學 專家 說 羥 氯喹 沒有 治療 新冠肺炎 的 科學 證明 但是 我 真實 的 感覺 有效 所以 我 相信 羥 氯喹 你 呢 他 的 言行 讓 人 聯想 到 美國總統 川普 川普 也 是 堅持 不 戴 口罩 堅持 不 認為 新冠 疫情 嚴重 同時 也 是 力薦 羥 氯喹 可以 治療 與 預防 新冠肺炎 巴西 是 世界 第 六大 國家 擁有 超過 21億 人口 是 新冠 病毒 疫情 最 嚴重 的 國家 之一 超過 65萬 人 死於 新冠 病毒 總 感染 人數 超過 150萬 感染 人數 與 死亡 人數 都 是 世界 第二 高 的 僅次於 美國 由於 缺乏 廣泛 的 病毒 測試 巴西 的 染疫 人數 只 會 更 高 僅 在 星期二 確認 有 1254 人 死亡 里約熱內盧 州立大學 政治學 教授 莫里西奧·桑托羅 maur cio santoro 說 波索納洛 總統 可說是 忽視 新冠 疫情 嚴重性 的 民主 國家元首 這 一 次 他 也 受到 感染 終於 打擊 了 他 的 信譽 希望 這 起 事件 將 可 提醒 大眾 防疫 的 重要 波索納洛 在 疫情 嚴重 時期 仍 頻頻 經常出現 在 公眾 場合 有時 不 戴 口罩 與 支持者 握手 他 曾說 他 過去 曾經 是 運動員 因此 體格 很 好 可以 保護 他 免受 病毒 的 侵害 就算 真的 感染 那 也 不過 是 一 場 小 感冒 即使 許多 意見 提醒 他 巴西 應該 學習 其他 國家 封鎖 城市 降低 經濟 活動 但是 波索納洛 說 他 沒有 辦法 使 70 的 人口 因 新冠 病毒 而 停止 生活 而且 他 認為 地方 當局 關閉 經濟 活動 的 努力 負面影響 會 比 放任 病毒 擴散 還 來 的 更 大 在 4 個 月 前 波索納洛 的 前任 衛生部長 正 因 他 不 聽從 勸告 對 羥 氯喹 的 無條件 相信 效 憤而辭職 之後 是 由 一 位 沒有 公衛 經驗 的 臨時 部長 代理 即使如此 波索納洛 的 支持者 仍然 很多 西拉斯·裡貝羅 silas ribeiro 在 裡約 大街 上 說 他 相信 總統 的 說法 同意 病毒 是 被 誇大 的 他 說 我們 的 總統 是 一個 受 歡迎 的 人 他 表明 自己 不怕 死亡 他 將 保持 健康 並 度過 這種 疾病 世界衛生組織 緊急情況 負責人 邁克 萊恩 michael ryan 博士 說 他 希望 波索納洛 能 早日康復 並且 表示 巴西 總統 的 感染 證明 了 這種 病毒 不 區別 身分 無論是 王子 還是 貧民 都有 可能 感染</t>
  </si>
  <si>
    <t>美國總統 川普 坦言 疫情 初期 為了 避免 恐慌 淡化 疫情 的 嚴重性 對照 大陸 近幾個月 來 陸續 公佈 的 防疫 時間 軸 抗 疫 行動 白皮書 等 都 闡明 對 美方 已 多次 通報 疫情 從 領導人 層級 到 學界 交流 皆 有 僅 從 疫情爆發 後 到 三月 底</t>
  </si>
  <si>
    <t>美國總統 川普 坦言 疫情 初期 為了 避免 恐慌 淡化 疫情 的 嚴重性 對照 大陸 近幾個月 來 陸續 公佈 的 防疫 時間 軸 抗 疫 行動 白皮書 等 都 闡明 對 美方 已 多次 通報 疫情 從 領導人 層級 到 學界 交流 皆 有 僅 從 疫情爆發 後 到 三月 底 陸美 就 有 超過 40 次 的 疫情 溝通 新華社 4 月 6 日 曾 發出 一 篇 3萬 字 的 報導 以 時間 軸 方式 詳 述 從 去年 12 月底 到 3 月底 大陸 的 防疫 進度 和 向 外界 通報 的 情況 其中 對 美國 的 通報 著 墨最多 該 萬言 時間 軸 列舉 了 超過 40 次 與 美 方 的 溝通 層級 從 習近平 與 川普 的 元首 通話 國務委員 王毅 與 美 國務卿 蓬佩 奧 通話 中 美 疾 控 中心 主任 通話 國家 衛健 委 收到 美方 通報 到 大陸 疾 控 中心 接待 哥倫比亞大學 學者 到訪 及 中 美 流行病 學 學界 的 交流 等 全都 詳細 列出 新華社 4 月 26 日 以 美國 疫情 時間 線 須 儘早 厘 清 為題 報導 提到 美國 加州 聖克拉拉 縣政府 公共 衛生部門 日前 發佈 的 通報 顯示 早 在 2 月 6 日 當地 就 有人 死於 新冠肺炎 這 比 美國 此前 公佈 的 首 個 新冠肺炎 死亡 病例 早 了 20 多 天 由於 該 病例 沒有 國外 旅行 史 這 一發 現 意味著 美國 疫情 可能 早 在 1 月初 到 1 月中 旬 就 已經 進入 社區 感染 階段 此外 在 6 月 大陸 發佈 抗擊 新冠肺炎 疫情 的 中國 行動 白皮書 強調 在 武漢 爆發 疫情 後 1 月 4 日 中國疾控中心 負責人 與 美國疾控中心 負責人 通電話 介紹 疫情 有關 情況 雙方同意 就 資訊溝通 和 技術協作 保持 密切 聯繫 1 月 5 日 武漢市 衛生 健康 委 在 官方網站 發佈 關於 不明 原因 的 病毒 性 肺炎 情況通報 共 發現 59 例 不 明 原因 的 病毒 性 肺炎 病例 大陸 向 世界衛生組織 通報 疫情 資訊 世界衛生組織 首次 就 武漢 出現 不明 原因 肺炎 病例 進行 通報</t>
  </si>
  <si>
    <t>美國總統 川普 進 馬里蘭州 裡 德國 家 軍事醫學 中心 walter reed national military medical center 治療 新冠肺炎 才 3 天 週一 就 迫不及待 地 出院 返回 白宮 許多 分析 師說 這 顯示 他 沒 認真 看待 新冠 疫情 可能 引發 強烈 反彈</t>
  </si>
  <si>
    <t>美國總統 川普 進 馬里蘭州 裡 德國 家 軍事醫學 中心 walter reed national military medical center 治療 新冠肺炎 才 3 天 週一 就 迫不及待 地 出院 返回 白宮 許多 分析 師說 這 顯示 他 沒 認真 看待 新冠 疫情 可能 引發 強烈 反彈 據 cnbc 新聞網 6 日 報導 建 銀 國際 證券 ccb international securities 全球 策略師 喬立 mark jolley 指出 川普 的 許多 幕僚 目前 都 在 接受 隔離 檢疫 就算 他 恢復 工作 在 大選 前 幾 個 星期 的 選舉 造 勢 中 也 會 呈現 重殘 severely handicapped 狀態 他 少 了 一些 關鍵 幕僚 喬立 說 有 半 數 競選 幕僚 都會 接受 隔離 自從 川普 上週五 宣佈 他 新冠肺炎 確診 後 政府 內 有 愈來愈多 官員 紛紛 證實 染疫 週一 稍 早 白宮 新聞 秘書 麥肯雅妮 kayleigh mcenany 宣佈 她 和 兩 位 副手 新冠肺炎 確診 如今 白 宮內 和 川普 競選 連任 活動 有關 或 近日 曾 參加 白宮 活動 的 人 至少 有 18 人 確診 喬立 認為 川普 一兩 個 星期 都 無法 參與 競選活動 而 這 意味著 在 選 前 最 關鍵 的 1 個 月 他 會 缺席 兩 周 他 並 強調 就 政治 面 來說 這 對 拜登 是 大大 有利 由於 川普 尚未 康復 白宮 向 美國 民眾 保證 會 採取 一切 必要措施 以 保護 總統 還有 他 的 家 人 與 幕僚 此外 聲明 中 強調 這 位 白宮 主人 將 接受 24 小時 的 醫療 照 護 並說 會 大幅 限制 他 的 肢體 接觸 並 讓 他 身邊 的 人 穿戴 適當 的 防護 裝備 然而 距離 大選 不 到 1 個 月 川普 在 出院 前不久 說 他 打算 立即 投入 選舉 造 勢 活動 馬里蘭州 聖瑪莉 學院 st mary&amp;apos s college 政治學 教授 艾柏利 todd eberly 指出 美國 有 超過 20萬 人 死於 新冠肺炎 要是 川普 這麼 做 真的 很 可能 會 面臨 強烈 反彈 他 認為 川普 較 明智 的 選擇 就是 挺身而出 向美國 大眾 強調 他 真正 瞭解 到 疫情 的 嚴重性 以 贏得 些許 同 理 心</t>
  </si>
  <si>
    <t>美國總統 川普 週四 在 新冠肺炎 簡報 會 中 發火 當 華盛頓郵報 the washington post 記者 駱克 philip rucker 問及 美國國土安全部 u s department of homeland security 科學技術局 代理 局長 布萊恩 william br</t>
  </si>
  <si>
    <t>美國總統 川普 週四 在 新冠肺炎 簡報 會 中 發火 當 華盛頓郵報 the washington post 記者 駱克 philip rucker 問及 美國國土安全部 u s department of homeland security 科學技術局 代理 局長 布萊恩 william bryan 說 新冠肺炎 可 被 濕 與 熱 還有 清潔劑 遏制 時 滿腔 怒火 頓時 大 爆發 據 國會山 莊 報 the hill 與 天空 新聞 sky news 網 報導 川普 在 簡報 會 中 說 專家 可以 進一步 研究 以 注射 清潔劑 和 強光 照射 來 治療 新冠肺炎 引發 廣大 爭議 我 是 總統 而 你是 假新聞 川普 對 駱克 說 那 只 是 來自 優秀 實驗室 來自 十分 十分 聰明 甚至 是 聰明絕頂 人士 的 建議 他 說 的 是 太陽 說 的 是 熱 而 你 也 看到 數字 了 就 是 那樣 我 說 的 就 是 這些 我 只是 在 這兒 秀 人才 提 構想 的 trump to reporter &amp;quot i&amp;apos m the president and you&amp;apos re fake news &amp;quot pic twitter com qctkx 393 l 7 不過 當 川普 轉頭 問 白宮 新冠肺炎 工作 小組 應變 協調員 柏克絲 deborah birx 時 她 卻 回答 不 知道 陽光 能 有效 遏制 任何 病毒 的 事 當 另 一 名 記者 問 川普 他 知不知道 cnn 報導 北 韓 最高 領導人 金正恩 動 了 心臟 手術 病危 的 事 川普 在 回答 前 先 吹捧 自己 的 政府 和 前任 政府 不同 和 金正恩 關係 親密 接 著 就 痛 批 cnn 我 認為 那 報導 不 正確 他 說 我 認為 那 報導 是 由 不 正確 的 新聞網 做 的 我 聽說 他們 用 的 是 舊 文件 我 希望 那是 不 正確 的 報導 當 cnn 記者 問 他 和 金正恩 是否 有 任何 聯繫 時 他 則 拒絕 回答 當 她 還 想 繼續 提問 時 川普 斷然 回答 別 和 我 說話 cnn 是 假新聞</t>
  </si>
  <si>
    <t>展開 新 的 一 天 中 時 新聞網 帶 您 看看 世界 發生 了 哪 5 件 大事 1 北京 爆發 另 一 波 新冠肺炎 疫情 世界衛生組織 who 認為 事關 重大 正在 調查 源頭 2 美中 緊張 關係 似乎 出現 緩和 跡象 美國 已 證實 將 與 大陸 互相 放寬 旅遊 禁令 允許 每週 4 架 客機 互 飛 3 日本 因為 技術 問題 決定 停止 部署 陸基 神 盾 系統 4 美國總統 川普 為了 爭取 連任 卯足 力氣 拼 經濟 竟然 語出驚人 說 要是 不 檢測 美國 就 不 會 有 那麼 多 新冠肺炎 病例 5 由於 臺灣 防疫 有成 日本 執政黨 要 政府 將 臺灣 列入 第 1 波 開放 入境 名單</t>
  </si>
  <si>
    <t>國內 疫情 嚴峻 國人 關注 疫苗 取得 進度 民進黨 立院 黨團 總 召 柯建銘 昨晚 於臉書 表示 5 月 時 自己 和 美國 加州 共和黨 籍 眾議員 金映玉 young kim 聯絡 並 希望 美方 能 提供 疫苗 金映玉 回應 臺灣 應該 被 列為 美國 提供 疫苗 的 優先 名單 內 並 提供 足夠 疫苗 柯建銘 指出 5 月 15 日 雙 北 發佈 三級 警戒 5 月 30 日前 僑務委員 林清吉 harry c lin cpa 來電 表達 僑界 想為 臺灣 做 些 事 請 他 致信 給 金映玉 表達 臺灣 急需 疫苗 的 狀況 也 請 金映玉 代為 向 美國總統 拜登 國務卿 布 林肯 轉達 同時 僑界 也 會 發起 寫信給 美國 各州 參 眾議員 為 臺灣 取得 疫苗 努力 柯建銘 說 6 月 3 日 金 映 玉 回信 提及 感謝 臺灣 過去 贈送 大批 防護 裝備 給 美國 現在 美國 已 超過 半數 成人 打完 疫苗 因此 金映玉 認為 臺灣 應該 被 放在 美國 提供 疫苗 的 優先 名單 之列 並 提供 足夠 疫苗 柯建銘 表示 金映玉 也 提到 已 和 我國 駐 美 代表 蕭美琴 碰面 討論 提供 臺灣 疫苗 也 強調 會 持續 對外 發聲 讓 更 多 人 知道 臺灣 需要 被 説明 taiwan need help</t>
  </si>
  <si>
    <t>近日 新冠肺炎 疫情 延 燒 美國總統 川普 表示 只要 伊朗 開口 求援 美國 已 準備 好 援助 他們 對抗 2019 冠 狀 病毒 疾病 covid-19 外 媒 報導 川普 2 月 29 日 在 華府 附近 召開 的 年度 保守 政治 行動 會議 上 表示 如果 我們 能夠 幫助 伊朗</t>
  </si>
  <si>
    <t>近日 新冠肺炎 疫情 延 燒 美國總統 川普 表示 只要 伊朗 開口 求援 美國 已 準備 好 援助 他們 對抗 2019 冠 狀 病毒 疾病 covid-19 外 媒 報導 川普 2 月 29 日 在 華府 附近 召開 的 年度 保守 政治 行動 會議 上 表示 如果 我們 能夠 幫助 伊朗 人民 對付 這個 問題 我們 當然 樂意 之至 就 等 他們 開口 我們 會派 優秀 的 專業人士 過去 據 統計 伊朗 全國 新冠肺炎 死亡 總數 至今 已 達 43 人 是 除了 大陸 以外 全球 死亡 病例 數最多 的 國家 美國國務院 表示 已 透過 瑞士 傳話 正式 告知 伊朗 美方 有意 提供 協助 不過 並未 詳細 說明 協助 方式 由於 美國 在 伊朗 並 無 正式 外交機構 因此 透過 中立 在 伊朗 設有 使館 的 瑞士 做為 利益 代表 國 美國 於 1980 年 與 伊朗 斷絕 外交關係 2018 年 退出 具 重大意義 的 2015 年 伊朗 核 協議 恢復 對 伊朗 的 癱瘓 性 制裁 措施 並於 今年 1 月 刺殺 伊朗 最 有 權力 的 指揮官 蘇萊曼尼 兩國關係 迄今 仍 處於 緊張狀態</t>
  </si>
  <si>
    <t>美國 新冠 疫情 愈演愈烈 白宮 貿易 顧問 納瓦羅 近日 批評 大陸 用 致命 的 武器化 病毒 攻擊 美國 但 美國 還是 一帆風順 納瓦羅 12 日 接受 福斯 新聞 fox news 採訪 時說 我 不 認為 這 是 巧合 在 大陸 經濟 下滑 的 第一 年 也 就 是 他們 正 以 各種 方式 追趕 我們 的 同一 年 納瓦羅 還 聲稱 美國總統 川普 的 競選 對手 民主 黨籍 前 副 總統 拜登 是 中國共產黨 的 候選人 上月 20 日 川普 在 奧克拉荷馬 州 塔 薩市 tulsa 舉行 競選活動 時 以 功夫 流感 形容 新冠肺炎 對此 大陸 外交部 發言人 趙立堅 在 6 月 22 日 的 例行 記者會 上 回應 世衛組織 who 和 國際 社會 都 明確 反對 將 病毒 與 特定 國家 和 地區 扯 上 關係 的 做法</t>
  </si>
  <si>
    <t>中國 大陸 病毒 專家 石正麗 警告 要是 全球 不 群策群力 預防 可能 的 傳染病 爆發 那 目前 席捲 全球 的 致命 新冠肺炎 病毒 在 人類 很快 就 會 面對 的 傳染病 中 可能 只 是 冰山一角 石 正 麗 告訴 中國 環球 電視網 cgtn 人類 要是 想 避免 受 下 一 次 傳染病 爆發 之 苦 就 必須 先 瞭解 野生動物 身上 的 不 知名 病毒 並 提早 發出 警告 她 在 週一 播出 的 專訪 中 警告 要是 我們 不 研究 可能 會 爆發 另 一 場 疫情 由於 石正麗 以 研究 蝙蝠 聞名 因此 有 蝙蝠 女 bat woman 的 綽號 石 正 麗 說 病毒 研究 需要 科學家 和 政府 保持 透明 合作 而 科學 被 政治化 令人 十分 遺憾 自從 新冠肺炎 疫情 去年底 從 武漢 爆發 以來 如今 在 全球 已有近 550萬 人 確診 將近 35萬 人 死亡 石 正 麗 是 武漢 病毒 研究所 新發 傳染病 研究 中心 主任 自從 新冠肺炎 疫情 蔓延 後 不斷 有 消息 傳出 是 武漢 實驗室 意外 讓 病毒 外傳 此外 許多 國家 也 不斷 指控 北京 說 中方 掩蓋 事實 沒有 趁早 公開 並 因應 疫情 不過 石正麗 否認 武漢 實驗室 和 新冠肺炎 大 流行 有關 並 強調 團隊 研究 的 病毒株 與 造成 疫情 的 病毒株 不同 由於 美國總統 川普 和 國務卿 蓬佩 奧 michael pompeo 不斷 指控 席捲 全球 的 新冠肺炎 病毒 很 可能 和 武漢 實驗室 有關 導致 美 中 關係 日益 緊張 而 石正麗 專訪 的 推出 正值 中國全國人大 和 政協會議 也 就 是 一般 所謂 的 兩會 召開 期間</t>
  </si>
  <si>
    <t>雖然 新冠 疫情 在 美 仍未 有 明顯 下降 趨勢 美國總統 川普 為了 救 經濟 堅持 將 在 近期 重 啟 國門 讓 部分 疫情 已 受 控 的 州 得以 恢復正常 生活 不過 為了 安全重 啟 經濟 美國 疾病 管制 與 預防 中心 cdc 特別 草擬 在 此 階段 的 防疫 方針</t>
  </si>
  <si>
    <t>雖然 新冠 疫情 在 美 仍未 有 明顯 下降 趨勢 美國總統 川普 為了 救 經濟 堅持 將 在 近期 重 啟 國門 讓 部分 疫情 已 受 控 的 州 得以 恢復正常 生活 不過 為了 安全重 啟 經濟 美國 疾病 管制 與 預防 中心 cdc 特別 草擬 在 此 階段 的 防疫 方針 然而 一 名 cdc 官員 透露 川普 政府 不 會 實施 cdc 的 建議 該 方針 恐 永遠 被 埋沒 據 美聯社 報導 這 份 17 頁 的 重 啟 美國 國門 方針 其中 包括 了 對 商業 學校 教會 以及 其他 公共場所 在 疫情 仍 存 的 情況 下 應如何 運作 幫助 地方 官員 安全地 重新 運作 經濟 生活 一 名 匿名 且 未 授權 對外 發言 的 cdc 官員 表示 這 份 方針 原本 預定 將 於 8 日 公佈 但是 cdc 的 科學家 被 告知 該 方針 恐怕 永遠 無法 問世 報導 指出 一 名 接近 白宮 疫情 工作 小組 的 人士 表示 cdc 的 方針 永遠 不 會 由 該 機構 領導人 來 對外 發佈 他 表示 由於 病毒 影響 全美 各地 程度 不一 白宮 早就 不 願 對外 提供 重 啟 國門 特定 環節 的 相關 細節 準則 雖然 川普 本人 在 白宮 疫情 簡報 記者會 上 一向 隨心所欲 演出 但 川普 政府 卻 一直 緊密 掌 控 專家 所 公佈 的 各項 關於 新冠 病毒 以及 防疫 方針 與 資訊 傳統 上 美國 cdc 主要 角色 之一 即是 在 公衛 危機 期間 向 大眾 以及 地方 官員 公佈 相關 方針 以及 科學 資訊 然而 在 新冠 疫情 期間 美 cdc 已經 長達 兩 個 月 沒有 舉行 例行 關於 大 流行 資訊 的 記者會 主任 雷德菲爾德 robert redfield 雖然 是 白宮 防疫 小組 成員 之一 但 很 少 在 大眾 面前 出現 雖然 川普 政府 一再 堅稱 政府 有 責任 處理 新冠 疫情 其 展現 方式 完全 反應 在 川普 的 聲明 上 但 不論是 從 他 先前 聲稱 不 需 對 全國 缺乏 檢測 負起 責任 甚至 在 各州 需求 檢測 劑 之時 稱 聯邦 政府 只是 最後 的 提供者 可謂 要 地方 州政府 要 自立 自強 美聯社 已 取得 cdc 的 防疫 方針 並公佈 於 網路上</t>
  </si>
  <si>
    <t>新冠 病毒 仍 在 美 肆虐 至今 已 確診 破 百萬 並 造成 58萬 人 死亡 超越 越戰 陣亡人數 面對 此 一 資料 美國總統 川普 28 日 卻 樂觀 地 表示 疫情 最 糟糕 的 日子 已 過去 了 暗示 重 啟 全國 經濟 的 時機 即將 來到 據 美 國會山 莊 報報</t>
  </si>
  <si>
    <t>新冠 病毒 仍 在 美 肆虐 至今 已 確診 破 百萬 並 造成 58萬 人 死亡 超越 越戰 陣亡人數 面對 此 一 資料 美國總統 川普 28 日 卻 樂觀 地 表示 疫情 最 糟糕 的 日子 已 過去 了 暗示 重 啟 全國 經濟 的 時機 即將 來到 據 美 國會山 莊 報 報導 川普 在 白宮 接見 受惠 於 緊急 貸款 計 畫 的 小型 企業主 時 對 美國 重 啟 飽受 疫情 衝擊 的 經濟 表達 樂觀 他 表示 我們 的 國家 正 在 對抗 這 可怕 的 禍害 時 政府 持續 幫助 那些 失去 摯愛 悲切 傷痛 的 美國 人民 我們 同舟共濟 終將 戰勝 我們 的 即將 重返 且 變 得 更 強大 在 川普 接見 小企業 主 的 場合 上 與會者 感謝 川普 政府 的 薪資 保障 計畫 paycheck protection program 讓 許多 小企業 得以 在 疫情 中 生存 持續 發放 員工 薪資 一 名 受 邀 上臺演講 的 受 薪 員工 向 川普 政府 表示 你們 真 的 就 是 我 的 家人 其他 受 邀 到場 的 小 企業主 也 對 川普 團隊 讚美有加 正當 白宮 仍 在 尋求 復蘇 全美 經濟 美國 已 有 數 州 宣佈 在 未來 數 周將 放寬 原先 的 居家 防疫 等 限制 政策 而 白宮 防疫 團隊 最高 公衛 專家 佛 奇 anthony s fauci 28 日 也 表示 他 希望 在 5 月底 或 6 月初 時 每 一 位元 需要 檢測 新冠 病毒 的 人民 都 可以 受檢 雖然 川普 一心 想 恢復 經濟 但 紐約時報 先前 取得 美國國土安全部 衛生 及 公共 服務部 相關 檔 報導 根據 檔 預測 顯示 美國 居家 防疫 如實 施 30 天 就 鬆綁 全美 新冠肺炎 感染 人數 將 在 夏季飆 升 恐 奪 走 20萬 條 人命 死亡 人數 只 比 毫無 防疫 作為 少 10萬 人</t>
  </si>
  <si>
    <t>隨 著 美國總統 拜登 宣佈 6 月底 前 將 向 國外 提供 8000萬 劑 新冠肺炎 疫苗 白宮 更 於 3 日 宣佈 將 先 釋出 2500萬 劑 疫苗 而 臺灣 也 在 接受 的 名單 之中 對此 美國在台協會 ait 4 日 發佈 新聞稿 指出 美國 民眾 不 會 忘記 一 開始 身處 新冠 肺</t>
  </si>
  <si>
    <t>隨 著 美國總統 拜登 宣佈 6 月底 前 將 向 國外 提供 8000萬 劑 新冠肺炎 疫苗 白宮 更 於 3 日 宣佈 將 先 釋出 2500萬 劑 疫苗 而 臺灣 也 在 接受 的 名單 之中 對此 美國在台協會 ait 4 日 發佈 新聞稿 指出 美國 民眾 不 會 忘記 一 開始 身處 新冠肺炎 大 流行 時 臺灣 曾慷慨 援助 口罩 與其 他 醫療 緊急 物資 至於 援 台 疫苗 的 具體 細節 之後 會 更進一步 宣佈 新聞稿 指出 對於 臺灣 也 在 接受 疫苗 的 名單 之上 ait 熱切地 歡迎 先前 美國 面臨 新冠肺炎 打擊 時 臺灣 慷慨 地 援助 口罩 與 緊急 物資 美國 民眾 始終 謹記在心 隨 著 新冠 疫情 在 亞太 升高 加上 全球 也 面臨 疫苗 短缺 今天 白宮 的 捐贈 將 協助 臺灣 保護 最 急需 保護 的 民眾 新聞稿 還 表示 就 在 美 台 持續 合作 對抗 新冠肺炎 於 全球 大 流行 的 同時 這 批 捐助 的 疫苗 不只 象徵 雙方 合作 的 一部分 隨 著 臺灣 持續 採購 莫德納 疫苗 以及 日本 捐贈 的 az 疫苗 意味著 臺灣 疫苗 劑量 將 得以 充足 文 中 最後 感性 地 提到 從 美國 卡 崔娜 颶風 臺灣 莫拉克 颱風 到 日本 311 大 地震 美 日 台 民主 政府 將 持續 延續 危難 時期 互助 的 傳統 稍 早 白宮 發言人 莎 琪 jen psaki 在 記者 上 宣佈 部分 疫苗 4 日 就 會 出 貨 至於 輸出 的 疫苗 將 由 美國 食品 藥物 管理局 批准 的 疫苗 庫存 中 撥 出 包括 輝瑞 莫德納 與 嬌 生 疫苗</t>
  </si>
  <si>
    <t>美國總統 川普 急 著 讓 學校 在 秋天 全面 複課 日前 更 語出驚人 指出 孩童 和 父母 被 關在 家裡 悶 出 精神創傷 甚至 快死了 dying 英國 每日 郵報 daily mail 報導 川普 近期 疾呼 讓 學校 在 秋季 複課 不過 全美 第二</t>
  </si>
  <si>
    <t>美國總統 川普 急 著 讓 學校 在 秋天 全面 複課 日前 更 語出驚人 指出 孩童 和 父母 被 關在 家裡 悶 出 精神創傷 甚至 快死了 dying 英國 每日 郵報 daily mail 報導 川普 近期 疾呼 讓 學校 在 秋季 複課 不過 全美 第二 大 的 洛杉磯 聯合 學 區 los angeles unified school district 卻 已 決定 秋季 只 會 進行 網路 授課 對此 川普 14 日 接受 美國哥倫比亞廣播公司 新聞網 cbs news 專訪 時 批評 當地政府 做 了 一個 很 糟糕 的 決定 記者 追問 部分 家長 及 老師 認為 學校 複課 並 不 安全 川普 卻 語出驚人 孩童 及 家長 都快 因為 精神創傷 死 了 他們 快死了 是 因為 他們 不能 做 他們 之前 在 做 的 事 父母親 不能 去 工作 因為 突然 間 他們 必須 待在家裡 看 小孩 川普 強調 不能 讓 小孩 去 學校 上課 對 父母 造成 了 巨大 壓力 我們 必須 讓 學校 開學 不過 川普 並 沒有 許可權 強制 要求 學校 何時 複課 只有 州政府 及 地方 政府 才 有 權力 川普 日前 揚言 要 扣 住 聯邦 政府 給予 學校 的 經費 以 施壓 地方 政府 複課 不過 報導 指出 川普 同樣 無法 撤回 國會 已經 批准 的 資金</t>
  </si>
  <si>
    <t>世界衛生組織 who 5 日 表示 有 報導 稱 法國 在 去年 12 月 就 出現 了 新冠肺炎 病例 比 先前 認為 的 時間 更 早 這不 令 人 意外 並 敦促 各國 調查 其他 早期 疑似病例 世衛 發言人 林德梅耶 在 日內瓦 的 簡報 會上 說 有關 法國 的 報導 改變 了 疫情 的 全貌 他 說 如果 重新 檢測 采 檢 樣本 可能 會 冒 出 其他 更 早 的 病例 法國 一家 醫院 重新 檢測 以前 採集 的 肺炎 患者 樣本 發現 該院 治療 的 一 名 男子 早 在 去年 12 月 27 日 就 感染 新冠肺炎 比 法國政府 證實 的 首批 確診 病例 早 了 近 一個 月 林德梅耶 呼籲 其他 國家 檢測 2019 年 年底 不明 原因 的 肺炎 病例 稱 這 會 讓 全世界 對 疫情 有 新 的 更 清晰 的 認識 據 英國 一 項 最新 研究 新冠 病毒 從 去年底 就 已 開始 在 世界各地 人 傳人 而且 擴散 地 非常 快 倫敦大學學院 基因 研究所 研究員 鮑 盧克斯 表示 其 研究 團隊 對 超過 7600 名 全球 新冠肺炎患者 進行 病毒基因 分析 後 發現 病毒 正 出現 變異 但 暫時 無法 證明 它 變 得 更 易於 傳播 或是 致病 性 更 強 該 研究 團隊 還 發現 新冠 病毒 在 歐洲 和 美國 等 地 的 傳播 時間 要 比 各國 官方 報告 的 首例 病例 發現 時間 1 月 或 2 月 提前 數 周 甚至 數 月 另外 今年 的 世界衛生 大會 預訂 5 月 17 日 到 21 日 舉行 從 5 月 1 日 開始 美國國務院 國際 組織 事務 局 展開 一系列 推 文 加上 了 為 臺灣 發 推 臺灣 模式 的 標籤 美國 駐 聯合國 代表團 也 轉 推 了 相關 推 文 國務院 發言人 奧特加斯 呼籲 世衛 應該 讓 臺灣 有意義 地 參與 和 允許 臺灣 的 觀察員 地位 世界 可以 從 臺灣 因應 新冠肺炎 疫情 的 經驗 中 汲取 很多 教訓 世衛 不 應該 忽視 臺灣 美國總統 川普 3 月 簽署 的 臺北 法案 也 要求 美方 利用 影響力 或 其他 工具 支持 臺灣 成為 不以 主權國家 為 參與 資格 的 國際 組織 會員 並 在 其他 適當 組織 中 取得 觀察員 身分 不過 大陸 對 此 表示 不滿 和 堅決 反對 大陸 外交部 發言人 耿爽 表示 臺灣 事務 屬於 中國 內政 不容 任何 外部 勢力 干涉</t>
  </si>
  <si>
    <t>路透社 報導 美國總統 川普 將 於 美東 時間 晚間 9 點 發表 全國 演說 據 白宮 消息人士 透露 川普 可能 藉 此 宣佈 美國 進入 國家級 災難 以便 加速 籌措 對抗 疫情 所 需 資金 路透社 引述 美 政治 新聞 網站 politico 根據 斯塔 福德</t>
  </si>
  <si>
    <t>路透社 報導 美國總統 川普 將 於 美東 時間 晚間 9 點 發表 全國 演說 據 白宮 消息人士 透露 川普 可能 藉 此 宣佈 美國 進入 國家級 災難 以便 加速 籌措 對抗 疫情 所 需 資金 路透社 引述 美 政治 新聞 網站 politico 根據 斯塔 福德 法案 stafford act 政府 可 釋放 400億 美金 以 及時 援助 美國 疫情 逐漸 惡化 截至 12 日 已 有 1281 人 確診 36 死 雖然 川普 先前 一 在 宣稱 疫情 影響 有限 但 美 股 不 買 單 加上 最 親近 的 兩 名 在 國會 中的 盟友 都 需 自主 隔離 後 讓 川普 指示 行政 團隊 要 準備 更 亮 眼 的 行動 根據 美國有線電視新聞網 cnn 引述 一 名 白宮 資深 官員 表示 川普 9 日 向 他 的 經濟 團隊 表示 我 要 更 重大 的 行動 但 這 也 代表 先前 看輕 疫情 影響 的 川普 也 承認 疫情 衝擊 美國 經濟 需要 即刻 援助 報導 指出 雖然 世界衛生組織 秘書長 譚德 賽 stafford act 已 宣佈 新冠 病毒 全球大 流行 而 川普 稍 早 推 文 表示 他 已 完全 做好 準備 動用 聯邦 政府 所 有 力量 以 因應 目前 我們 面臨 冠狀病毒 的 挑戰 報導 也 稱 雖然 川普 政府 團隊 表示 川普 已 認真 看待 疫情 大 流行 與其 造成 的 連帶 經濟 衝擊 但 他 在 公開場合 上 仍 對 這 場 公共 衛生 危機 輕描淡寫 與 聯邦 衛生 官員 意見 屢次 矛盾</t>
  </si>
  <si>
    <t>雖然 美國總統 川普 防疫期間 一再 搶 盡 鏡頭 加上 集中 火力 炮轟 大陸 但 防疫 成效 有目共睹 至今 不但 確診 與 死亡 人數 皆 排名 全球 首位 更 於 27 日 死亡 人數 突破 10萬 大關 讓 他 的 民 調 與 篤定 代表 民主黨 拜登 民 調 差距 一 截 而 據</t>
  </si>
  <si>
    <t>雖然 美國總統 川普 防疫期間 一再 搶 盡 鏡頭 加上 集中 火力 炮轟 大陸 但 防疫 成效 有目共睹 至今 不但 確診 與 死亡 人數 皆 排名 全球 首位 更 於 27 日 死亡 人數 突破 10萬 大關 讓 他 的 民 調 與 篤定 代表 民主黨 拜登 民 調 差距 一 截 而 據 美國有線電視新聞網 指出 所屬 的 共和黨 黨內 已 出現 聲音 如此 下去 川普 可能 會 在 今年 11 月 的 大選 中 接連 丟掉 總統 與 參議院 多數 報導 指出 3 個 月 前 民主黨 內 才因 初選 陷入僵局 當時 未 受 疫情 威脅 股市 也 升至 高點 川普 贏得 第二 任期 幾乎 是 十拿九穩 讓 共和黨 內 對於 年底 大選 充滿 十足 自信 有望 參議院 繼續 取得 多數 不過 自 疫情爆發 以來 共和黨 內 的 策略 人士 愈來愈 擔心 川普 恐 將 在 11 月 大選 遭 擊敗 報導 指出 7 名 未 與 川普 選舉 陣營 有關 的 共和黨 黨工 表示 川普 對 疫情 的 反應 與 引起 的 經濟 下滑 大幅 危害 了 他 競選 連任 而 此 一 效應 恐 會 更 廣泛 影響 共和黨 選情 這 7 名 共和黨 黨工 透露 根據 內部 民 調 顯示 川普 已 稍微 落後 民主黨 參選人 拜登 不過 此 一 趨勢 恐 在 許多 關鍵州 的 參議員 選舉 發酵 他們 表示 共和黨 已 在 23 個 州 內 保住 參院 席次 已 有 困難 而 在 疫情 尚未 見 底 前 要 守 住 僅 有 3 席 的 些微 優勢 的 任務 更加 艱 困 例如 亞利桑那 以及 北 卡羅 納州 先前 都 是 認為 可以 輕鬆 勝 選 如今 選情 都已 陷入 危機 此外 川普 個人 的 政治 顧問 李望 多斯基 corey lewandowski 與 博 西 david bossie 也 都向 川普 透露 他 的 支持 度 在 某些 搖擺 州 逐漸 下降 共和黨 內 更 蔓延 一 種 恐懼 就是 年底 大選 將 成為 對 川普 對抗 疫情 表現 的 公 投 加上 受 重創 的 經濟 以及 共和黨 支持者 信心 受 打擊 以及 搖擺不定 的 投票 者 種種 因素 只 會 使 上述 影響 更加 惡化 不過 川普 陣營 並不 擔心 黨內 是否 會 出現 西瓜 效應 並 強調 唯有 團結 的 共和黨 才 會 讓 11 月 大選 創造 最 好勝 機 川普 競選 團隊 發言人 裴林 erin perrine 表示 任何 一 位 想要 勝 選 的 共和黨人 都會和 總統 一起 競選 他 是 如此 的 活力 熱情 與 草根 吸引力 如果 你是 候選人 絕對 想 和 他 一起 行動</t>
  </si>
  <si>
    <t>美國總統 川普 14 日 說 將 暫停 金援 世界衛生組織 who 以 進行 60 90 天 的 調查 看 它 究竟 是 如何 因應 新冠肺炎 疫情 大 流行 的 他 指控 who 對 疫情 嚴重 處置 失當 並 隱瞞 了 病毒 的 擴散 甚至 說 人人 都 知道 發生 了 什麼 事 不</t>
  </si>
  <si>
    <t>美國總統 川普 14 日 說 將 暫停 金援 世界衛生組織 who 以 進行 60 90 天 的 調查 看 它 究竟 是 如何 因應 新冠肺炎 疫情 大 流行 的 他 指控 who 對 疫情 嚴重 處置 失當 並 隱瞞 了 病毒 的 擴散 甚至 說 人人 都 知道 發生 了 什麼 事 不過 據 科學 science 雜誌 14 日 報導 全球 獻身 防控 新冠肺炎 疫情 大 流行 的 人 聽到 這 消息 後 都大 感 震驚 愛丁堡大學 university of edinburgh 全球 公衛 教授 施 利達 devi sridhar 說 這 是 對 who 有 災難性 衝擊 的 短視 決定 為了 支援 所有 的 國家 尤其 是 中低收入 國 我們 比 以往 任何 時候 都 更 需要 who 而 華府 智 庫 全球 發展中心 center for global development 高級 政策 研究員 康寧 迪克 jeremy konyndyk 說 這 舉動 適得其反 讓 美國 和 全世界 變 得 更 不 安全 在 歐 巴馬 執政 時期 曾任 美國國際開發總署 u s agency for international development usaid 署長 的 他 甚至 直指 這 擺 明瞭 是 要 轉移 美國政府 自身 失敗 的 責任 川普 上周 威脅 將 停止 資助 who 時 秘書長 譚 德塞 回應 力促 世界 領袖 不要 把 疫情 政治化 並說 如果 大家 不 檢點 眼前 會 出現 許多 屍 袋 而 川普 並未 具體 說明 他 要 凍結 多少 資金 以 2018 19 年 的 who 預算 週期 來看 美國 是 最 大 的 金主 在 who 約 56億 美元 近 1700億 台幣 預算 中 就 占 了 將近 9億 美元 約 270億 台幣 通常 白宮 可以 延遲 支付 國會 為 特定 目的 所 撥 的 款項 但要 徹底 取消 這類 開支 仍 必須 獲得 國會 批准 或許 川普 可以 把 部 份 要 撥給 who 的 資金 改用 在 其他 類似 用途 上 而 不必 獲得 國會 明確 許可 但 白宮 要 索回 已經 給 who 的 款項 很 可能 困難重重 然而 美國喬治城大學 georgetown university 國際 衛生法 教授 高斯丁 lawrence gostin 說 川普 的 行動 將 大大 阻礙 全球 防控 新冠肺炎 疫情 要是 who 陷入 政治 與 資金 危機 根本 就 無法 在 這 人類史上 的 獨特 時機 提供 如此 迫切需要 的 領導 力</t>
  </si>
  <si>
    <t>正逢 美國 總統大選 年 加上 美國 國內 新冠 疫情 仍未 見 明顯 下降 趨勢 讓 總統 川普 一再 抨擊 國內 政敵 與 國際 組織 及 競爭對手 藉 此 轉移 民眾 目光 不過 美 前 國家 安全 顧問 賴斯 表示 雖然 在 選舉 期間 美國總統 候選人 藉 由 大陸 問題 打</t>
  </si>
  <si>
    <t>正逢 美國 總統大選 年 加上 美國 國內 新冠 疫情 仍未 見 明顯 下降 趨勢 讓 總統 川普 一再 抨擊 國內 政敵 與 國際 組織 及 競爭對手 藉 此 轉移 民眾 目光 不過 美 前 國家 安全 顧問 賴斯 表示 雖然 在 選舉 期間 美國總統 候選人 藉 由 大陸 問題 打擊 政敵 早已 司空見慣 但 其實 在 大陸 問題 上 川普 自己 曾 說 過 的 話 就 曾 暴露 很多 恐懼 但 最 可恥 的 是 他 正在 將 這種 軟弱 轉變成 政治 武器 歐 巴馬 時期 的 美國 國家 安全 顧問 萊斯 susan rice 投書 紐約時報 表示 共和黨人 急迫 掩飾 川普 政府 應 對 疫情 失敗 除了 打 中國 牌 之外 沒有 更 好 的 策略 而 對 川普 而言 批評 民主黨 總統 候選人 拜登 joe biden 與 大陸 的 關係 除了 可以 抑制 民主黨 內 民粹主義 的 投票率 轉移 他 在 處理 疫情 上 致命 錯誤 之外 還 可以 將 自己 在 大陸 問題 上 的 明顯 軟弱 變成 政治 武器 萊斯 指出 在 大陸 問題 上 川普 自己 說 過 的 話裡 就 暴露 很多 恐懼 例如 為了 保護 視為 珍寶 的 第一 階段 美 陸 貿易 協定 川普 淡化 新冠 病毒 風險 甚至 在 1 至 2 月 內 讚美 中國 大陸 國家 主席 習近平 高 達 15 次 對抗 新冠 疫情 的 領導 她 表示 儘管 有 充分 的 證據 表明 大陸 在 病毒 應對 中 有 掩蓋 行為 但 川普 先前 堅持 認為 他們 正在 做 的 工作 非常 專業 萊斯 進一步 指出 更 危險 的 是 川普 以 美國 為 代價 助長 大陸 勢力 在 他 領導 下 的 美國 不僅 讓 亞 歐 夥伴 產生 敵意 破壞 限制 大陸 野心 的 聯盟 關係 讓 美國 傳統 盟友 都 對 美國 的 決定 產生 懷疑 同時 帶領 全球 穩定 的 領導人 拱手 讓 給 大陸 而 在 國際 戰略 上 川普 未能 抵抗 大陸 在 南海 的 網路 侵略 和 擴張 甚至 希望 大陸 為 自己 的 政治 利益 服務 在 先前 通 烏門 爆發 後 數 月 呼籲 大陸 也 要 調查 拜登 萊斯 稱 種 自私自利 的 可恥 往 績 還要 指責 拜登 只有 川普 式 的 障眼法 戰術 才 辦得到 川普 試圖 通過 欺騙 把 自己 對 大陸 的 軟弱 投射 到 拜登 身上 為了 贏得 11 月 的 勝利 正 積極 轉移 他 重大 失敗 的 責任 而 他 的 中國 牌 開局 可能 只 是 很 小 的 一部分 之後 川普 還 會 無所不用其極 打 類似 套路</t>
  </si>
  <si>
    <t>新冠肺炎 持續 延 燒 在 行政院長 蘇貞昌 領 軍 下 臺灣 防疫 成果 受到 國際 讚揚 有 網友 預測 蘇貞昌 會 是 2024 民進 党 總統 候選人 ptt 鄉 友 貼 文 指出 看 這個 樣子 2024 總統 是 蘇貞昌 現在 疫情 做 得 這麼 好 國民黨 這樣 下去 要 怎麼 取回 政權 可惡 耶 國民黨 要 爭氣 另 一 位 ptt 網友 也 分析 說 以 年齡 來說 蘇貞昌 72 歲 4 年 後 76 歲 但是 美國總統 參選人 拜登 77 歲 桑德斯 78 歲 連 美國總統 川普 都 73 歲 了 這樣 來 看 年齡 好像 也 還好 最 重要 是 英系 沒人 能 選 總統 行政院 副 院長 陳其邁 一定 回 高雄 選 總統 也 不成氣候 加上 2019 年 蘇 上任 閣 揆 讓 總統 蔡英文 聲望 明顯 上升 與其 看 新 潮流 的 鄭文燦 賴清德 兩 人 互打 英粉 報恩 挺 蘇 不是 不可能 底下 網友 留言 表示 亂世 才能 出 英雄 蘇貞昌 上次 選 總統 就 是 敗 在 臺灣人 日子 過 太 爽 蘇貞昌 才 會 被 埋沒 只 要到 2024 之前 臺灣 維持 住 現在 這種 大環境 行政院 體系 一定 比 縣市長 體系 更 有 機會 郭台銘 都 讚賞 蘇貞昌 的 效率 很 可以 但是 也 有人 表示 不 認同 可是 綠 營 支持者 很多 都 不喜歡 年紀 大 的 人 重點 是 他 也 不 會 出來 當 新 潮流 吃素 一個 行政院長 整天 只 會 吵架 笑死人 上次 輸 幾 票 他 敢 選 就 叫 侯友宜 出來 跟 他 對壘 陳時中 虐 爆 光頭 難 太 老</t>
  </si>
  <si>
    <t>新冠肺炎 肆虐 全球 歐美地區 淪為 重災區 近來 頻 傳 排 華 歧視 亞裔 事件 美國總統 川普 將 新冠 病毒 改稱 為 中國 病毒 chinese virus 更 像是 在 這 波 排外 風潮 上 煽風點火 外交部 昨晚 表示 確實 有 聽 聞 華人 在 海外 遭遇 言語</t>
  </si>
  <si>
    <t>新冠肺炎 肆虐 全球 歐美地區 淪為 重災區 近來 頻 傳 排 華 歧視 亞裔 事件 美國總統 川普 將 新冠 病毒 改稱 為 中國 病毒 chinese virus 更 像是 在 這 波 排外 風潮 上 煽風點火 外交部 昨晚 表示 確實 有 聽 聞 華人 在 海外 遭遇 言語 羞辱 或 人身攻擊 因此 駐外 館 處 已 在 網站 提出 警語 提醒 海外 國人 注意 定居 洛杉磯 超過 10 年 的 臺灣人 elly 說 自己 雖然 沒有 走 在 路上 被 攻擊 的 經驗 但是 最近 這 陣子 身邊 確實 有 一些 友人 遇到 不 舒服 的 經驗 這 也 是 來 美國 這麼久 以來 第一 次 感受 到 針對 亞裔 的 歧視 感 現在 會 儘量避免 一個 人 走 在 街上 的 機會 在 紐約 留學 的 小 陳說 美國 人 認為 戴 口罩 就 等於 生病 加上 近來 聽說 戴 口罩 的 亞裔 走 在 路上 遇到 的 歧視 情形 害 他 每次 出門 對於 要 不 要 戴 口罩 都 是 一番 天人 交戰 在 英國 經營 珍珠 奶茶店 的 jeferry 說 這 陣子 生意 明顯 冷淡 尤其 是 非 亞裔 的 客人 更是 大幅 減少 鄰近 的 亞洲 餐廳 也 有 類似 的 現象 或許 就 是 受到 新冠肺炎 拖累 的 關係 外交部 說 針對 海外華人 遭到 歧視 的 情況 駐外 館 處 皆 有 在 網站 提出 警語 加注 比如 俄羅斯 執法 過 嚴 員警 看到 亞裔 面孔 又 戴 口罩 就 會 直覺 認為 是 生病 直接 抓進 醫院 檢疫 隔離 又 如 義 大利 社會 不斷 傳出 對 亞裔 民眾 的 歧視 案例 包括 在 餐廳 公共場所 或 大眾 運輸工具 等 對 亞裔 民眾 進行 言語 羞辱 甚或 人身攻擊 對 亞裔 旅客 造成 安全 威脅 不利 旅遊</t>
  </si>
  <si>
    <t>由於 多國 紛紛 質疑 中方 提供 的 新冠肺炎 確診 與 死亡 數字 英國政府 已將 中國 大陸 排除 在 新冠肺炎 疫情 的 比較 名單 外 據 每日 郵報 daily mail 25 日 報導 就 在 國際 社會 日益 懷疑 北京 隱瞞 疫情 之際 這 對 中方 無異 是 打 臉 先前 美國總統 川普 已 指控 世界衛生組織 who 和 北京 串通 以 淡化 新冠肺炎 疫情 儘管 中方 說 境內 新冠肺炎 死亡 人數 不 到 5千 但 國際 普遍 存疑 報導 說 武漢人 認為 當地 的 死亡 人數 約 42萬 人 而 不是 中方 所說 的 約 3182 人 連 武漢市 長 在 受訪 時 也 說 中共 領導階層 直到 1 月 20 日 時 才讓 他 對 大眾 發出 疫情 警告 川普 因 不滿 who 為 中方 掩飾 已 中止 美國 金援 而 包括 德國總理 梅克爾 angela merkel 還有 法國 總統 馬克宏 emmanuel macron 等 世界 領袖 在內 也 都 不 贊同 北京 提供 不實 訊息 梅克爾 力促 北京 要 對 新冠肺炎 的起源 還有 最初 的 傳染 提供 透明 的 資訊 另一方面 馬克宏 在 接受 金融時報 financial times 專訪 時 也 說 中方 的 數字 無 法 和 自由 國家 的 數字 相比 我們 不 知道 他 說 顯然 那兒 發生 了 我們 所 不 知道 的 事</t>
  </si>
  <si>
    <t>儘管 紐約州 新冠肺炎 死亡 人數 已 破 萬 但 州長 古莫 andrew cuomo 認為 最糟 的 已經 過去 住院 人數 似乎 進入 高原期 單日 新增 死亡 人數 為 671 名 大約 是 一 周 來 的 最低 數字 據 bbc 新聞網 14 日 報導 美國 東部 6 州 州長 已 開始 著 手 研 擬 計畫 準備 解除 封城 令 新 對外開放 紐約 新澤西 羅德島 康乃 狄克 德拉瓦 與 賓州 都 承諾 會 採取 極為 慎重 的 方式 但 並未 提出 時間表 而 麻州 州長 貝克 charlie baker 稍後 也 宣佈 加入 這 重新 開放 的 行列 另一方面 加州 華盛頓州 與 奧勒 崗 等 西部 3 州 也 宣佈計 畫 將 採用 共同 的 方式 重新 開放 這些 東 西岸 的 州 有 超過 全美 1 4 人口 而 它們 都 在 研議 重新 開放 計畫 不過 美國總統 川普 已 擺 明 州長 無權 重新 開放 各州 他 強調 美國總統 才能 發號施令 據 政治 politico 新聞網 報導 川普 週一 堅稱 唯有 他 才能 宣佈 美國 重新 開放 營業 為了 製造 衝突 和 混亂 有些 製造 假新聞 的 媒體 說 要 不 要 開放 各州 是 由 州長 而 不是 美國總統 和 聯邦 政府 來作 決定 川普 推 文說 大家 要 徹底 瞭解 那 是 不對 的 川普 強調 他 的 政府 會 和 各州 合作 但 直指 身 為 美國總統 的 人 才 擁有 一切 權力 而 所有 的 州長 都 瞭解 這 點 至今 全美 新冠肺炎 病例 已 直 逼 60萬 死亡 人數 也 突破 23萬 人 而 川普 政府 已 發 佈 社交距離 規範 一直 持續 到 4 月 30 日 至於 何時 才 會 解禁 仍 存在 種種 問題 事實上 川普 毫不掩飾 他 想要 放寬 限制 但 衛生 專家 警告 不要 太 早 解除 感染 預防措施 川普 本 周 可望 任命 包括 自己 女兒 伊凡卡 在內 的 專門 委員會 為 美國 重新 開放 提供 建議 白宮 發言人 說 總統 想要 看到 經濟 重新 開放 好 讓 大家 恢復 工作 但 科學 資料 將 會 驅動 那些 決定 的 時間表</t>
  </si>
  <si>
    <t>新冠肺炎 來勢洶洶 美國 確診 數 全球 最高 達 37萬 死亡數 破 11萬 人 美國總統 川普 7 日 推 文 表示 世衛組織 who 防範 新冠肺炎 疫情 有 欠 失當 提供 錯誤 建議 川普 斥責 世衛 真的 搞砸 了 他 也 提出 將 會 檢 視 who 拿 了 大筆</t>
  </si>
  <si>
    <t>新冠肺炎 來勢洶洶 美國 確診 數 全球 最高 達 37萬 死亡數 破 11萬 人 美國總統 川普 7 日 推 文 表示 世衛組織 who 防範 新冠肺炎 疫情 有 欠 失當 提供 錯誤 建議 川普 斥責 世衛 真的 搞砸 了 他 也 提出 將 會 檢 視 who 拿 了 大筆 美國 資金 卻 以 大陸 為 中心 的 作為 新冠肺炎 從 亞洲 到 歐美 至今 已 長達 3 個 月 據 約翰霍普金斯大學 johns hopkins university 統計 截至 美國 時間 7 日 全球 2019 年 新冠肺炎 確診 病例 超過 136萬 例 76420 人 死亡 美國 確診 病例 數 全球 最高 逼近 37萬 例 死亡 人數 達 11018 人 美國 川普 今天 透過 推 文 表示 世衛組織 真的 搞砸 了 基於 某些 因素 who 資金 主要 來自 美國 卻 大幅度 以 大陸 為 中心 美國 將 會 好好 檢 視 幸運 的 是 我 否決 世衛 早期 給予 的 對 大陸 開放 邊境 建議 不知 為什麼 給 我們 美國 這樣 錯誤 的 建議 美國白宮 1 日 曾公佈 新冠肺炎 死亡 人數 預估 值 估計 全美 死於 武漢肺炎 人數 高達 10 24萬 人 直 逼 世界大戰 時 的 死亡 人數 美國總統 川普 當時 也 直言 未來 2 周 非常 非常 痛苦</t>
  </si>
  <si>
    <t>中 時 新聞網 精選 5 件 不可不 知 的 國際 大事 帶 讀者 掌握 今 18 日 的 國際 新聞 重點 1 台 防疫 佳 能否 進 wha 大會 who 給 答案 了 近期 接連 遭受 美國總統 川普 炮轟 的 世界衛生組織 who 18 日 一 改 先前 避 談 臺灣 防疫 成績 首次</t>
  </si>
  <si>
    <t>中 時 新聞網 精選 5 件 不可不 知 的 國際 大事 帶 讀者 掌握 今 18 日 的 國際 新聞 重點 1 台 防疫 佳 能否 進 wha 大會 who 給 答案 了 近期 接連 遭受 美國總統 川普 炮轟 的 世界衛生組織 who 18 日 一 改 先前 避 談 臺灣 防疫 成績 首次 公開 讚揚 台 防疫 成效 不過 關於 臺灣 是否 能 參加 今年 世界衛生 大會 wha 則 說 非其 權責 由 會員國 決定 2 川普 推特 提 臺灣 通報 證據 三 連 嗆 who 川普 在 推特 上 引用 美國 胡佛研究所 研究員 陳仁宜 在 福斯 新聞 臺上 受訪 的 內容 其中 提到 臺灣 早已 通報 who 有 人 傳人 現象 再次 指責 who 失職 這 也 是 川普 首度 公開 以 臺灣 證據 質疑 who 處理不當 3 川普 追擊 指 陸新冠 死 得 遠 比美 還 多 在 武漢 將 新冠肺炎 死亡 人數 上 修達 50 後 美國總統 川普 週五 推 文說 中國 大陸 的 死亡 人數 遠 比 通報 的 高 甚至 超過 美國 中國 剛 宣佈 因 隱形 敵人 致死 的 人數 增加 了 一 倍 但 其實 遠 比 那還高 甚至 遠 比 美國 還 高 差遠了 4 多國 領袖 挺 who 川普 陷 孤立 七大 工業國 集團 g 7 領袖 16 日 召開 視 訊 會議 包括 德國總理 梅克爾 等 多 名 g 7 領袖 都 表態 支持 who 對 川普 中斷 who 金 援 g 7 內部 表達 遺憾 讓 外 媒 形容 川普 唱獨角戲 5 傳 自民黨 切割 安倍 6 月 恐 下臺 安倍 政府 新冠肺炎 疫情 紓困 經濟 對策 朝令夕改 16 日 宣佈 統一 發放 每 位 國民 10萬 日圓 並 重新 調整 2020 年度 修正 預算案 被 在野黨 批 前所未聞 安倍 所為 夠 得 上 內閣 總辭 了 sunday 每日 雜誌 報導 指出 自民黨 內 已 傳出 6 月 要 換 掉 安倍 由 麻生太郎 接替 的 風聲</t>
  </si>
  <si>
    <t>美國總統 川普 6 日 戴著 讓 美國 持續 偉大 的 競選 帽 到 亞特蘭大 視察 疾病 管制 暨 預防 中心 cdc 但 川普 此行 名為 提 振 當局 對 治 新冠肺炎 疫情 的 士氣 與 信心 卻 管不住 自己 的 大炮 嘴 左批 死對頭 美國有線電視新聞網 cnn</t>
  </si>
  <si>
    <t>美國總統 川普 6 日 戴著 讓 美國 持續 偉大 的 競選 帽 到 亞特蘭大 視察 疾病 管制 暨 預防 中心 cdc 但 川普 此行 名為 提 振 當局 對 治 新冠肺炎 疫情 的 士氣 與 信心 卻 管不住 自己 的 大炮 嘴 左批 死對頭 美國有線電視新聞網 cnn 散播 不實 新聞 誤導 觀眾 右 批 重災區 華盛頓州 州長 英斯 利 jay inslee 是 蛇 而且 對於 三藩市 外海 的 至尊 公主 號 乘客 不 假 辭色 稱 既然 已 有 乘客 感染 新冠 病毒 其他 乘客 就 不准 上岸 以免 增加 美國 確診 人數 根據 衛報 報導 川普 對於 防疫 所 傳達 的 訊息 顯然 比 cdc 還 讓 人 不安 害怕 首先 他 對於 至尊 公主 號 已 傳出 21 人 確診 一 事 反應 竟然 是 我 不 需要 就 因為 僅僅 一艘船 就讓 數字 翻倍 那 不是 我們 的 鍋 言下之意 他 憂心 自己 的 政治 前途 更 甚於 新冠 病毒 疫情 此外 另 一個 讓 人 不安 的 是 他 一面 呼籲 朝野 共同 抗 疫 卻 對 5 日 要 見 華盛頓州 州長英斯 利 的 副 總統 彭斯 說 華州 已經 10 幾 人 死於 新冠肺炎 那 傢伙 是 條 蛇 不要 對 他 太 客氣 他 說 老實 告訴 你們 我們 跟 這個 州長 問題 很多 問題 都 是 他 那州 來 的 好不好 彭斯 可能 跟 他 和樂 相處 但 我 不行 好不好 而 他 從 白宮 出發 前往 cdc 之前 一邊 簽署 參院 通過 的 83億 美元 抗 疫 特別 經費 一邊 又 輕 挑 地 向 新聞界 喊話 別 擔心 病毒 會 走 開 的 跟 世界 上 其他 國家 相比 我國 確診 人數 算是 少 的 我國 的 確診 總數 比 幾乎 任何 一 國 都 低 美國 疫情 明明 不斷 在 擴大 但 川普 卻 一再 四兩 撥 千金 地 說 不用 擔心 美國 防疫 工作 一定 做 得 很 好 網友 對 這 總統 不 關心 人民 只在乎 他 的 數字 忍不住 嗆 有史以來 最 爛 的 總統 必須 用 選票 數 讓 他 滾</t>
  </si>
  <si>
    <t>新冠肺炎 疫情 重創 美國 經濟 未來 失業率 恐 直 逼 大 蕭條 水準 讓 各界 擔憂 美國 經濟 是否 走 入 大 蕭條 不過 白宮 貿易 顧問 納瓦洛 peter navarro 昨 11 日 澄清 美國 現階段 狀況 根本 不是 大 蕭條 當時 大 蕭條 歷時 約 10 年 現在 川普 花費 3 年 打 造 的 最 強國家 大陸 60 天 就 用 一個 病毒 將 它 摧毀 this is not the great depression stop the sunday show pity party and realize we have the greatest president in modern history and we will win by bringing our supply chains and manufacturing home https t co gfqkrvj 4 te 美國 4 月 失業率 飆 升至 147 美國 財政部長 梅 努欽 steven mnuchin 10 日 接受 電視節目 專訪 時示 警 未來 美國 失業率 恐 狂 飆 至 25 相當 於 1930 年代 經濟 大 蕭條 水準 美國 經濟 惡化 大 蕭條 恐 重演 的 疑慮 四起 不過 綜合 福斯 新聞 fox news 法國國際廣播電臺 rfi 報導 白宮 貿易 顧問 納瓦洛 昨日 接受 福斯新聞台 福斯 與 朋友 們 fox friends 節目 專訪 時 表示 任何 以為 這 是 大 蕭條 的 人 要不是 不 瞭解 歷史 就是 不 瞭解 經濟 納瓦洛 說 大 蕭條 是 一個 歷經 10 年 的 過程 從 一 次 世界大戰 結束 之後 開始 先後 經歷 通貨膨脹 通貨緊縮 週期 期間 也 伴隨 實施 災難性 貨幣 貿易 財政政策 整體而言 延續 了 非常 非常 久 的 時間 反觀 美國 現在 的 經濟 形勢 納瓦洛 解釋 美國總統 川普 用 3 年 半 時間 打 造 了 最 強 最 漂亮 的 經濟體 然後 中國共產黨 釋放 一個 病毒 60 天內 就 摧毀 了 我們 納瓦洛 表示 美國 現在 要 做 的 事 就 是 專注 在 重 啟 製造業 讓 美國 人 能 重新 開始 製造商 品 如此 美國 經濟 才會 反彈 不過 他 也 坦承 這個 過程 將 會 非常 漫長</t>
  </si>
  <si>
    <t>美國總統 川普 週三 宣佈 資料 顯示 美國 已經 度過 新冠肺炎 疫情 的 高峰期 他 將 在 週四 的 新聞 發佈會 上 宣佈 重 啟 經濟 的 新 準則 川普 表示 我們 已經 度過 新增 病例 的 高峰期 這 非常 令人振奮 美國 疾病 管制 與 預防 中心 cdc</t>
  </si>
  <si>
    <t>美國總統 川普 週三 宣佈 資料 顯示 美國 已經 度過 新冠肺炎 疫情 的 高峰期 他 將 在 週四 的 新聞 發佈會 上 宣佈 重 啟 經濟 的 新 準則 川普 表示 我們 已經 度過 新增 病例 的 高峰期 這 非常 令人振奮 美國 疾病 管制 與 預防 中心 cdc 主任 雷 菲爾德 robert redfield 則 表示 全美 有 20 個 疫情 衝擊 程度較 溫和 的 州 計畫 在 5 月 1 日 重 啟 經濟 cdc 將 為 他們 提供 必要 支援 根據 路透社 統計 週三 美國 新冠肺炎 死亡 病例 突破 3萬 人 一 周 內 就 增加 1 倍 截至 週三 美國 的 新 冠狀病毒感染 病例 達到 63萬6604 人 死亡 病例 達到 3萬885 人 紐約州 州長 古莫 andrew cuomo 日前 表示 該州 已 度過 最壞 的 情況 週三 他 再度 表示 因 紐約州 的 新冠肺炎 住院 人數 連續 第二 天下 降 將 把 呼吸器 分送 給 密西根州 和 馬里蘭州 古 莫 同時 宣佈 重 啟 該州 經濟 的 計畫 大綱 除了 將 優先 啟動 最 重要 的 業務 外 他 並 下令 全州 所有 居民 在 無法 保持 社交距離 規範 的 公共場合 必須 戴 上 口罩 或者 其他 可 掩蓋 口 鼻 的 替代品 以 防止 交互 感染 這項 措施 訂 於 3 天 後 生效 屆時 可能 向未 遵守 規定 的 民眾 祭出 罰款</t>
  </si>
  <si>
    <t>我國 接連 幾 天 染疫 確診 人數 破 百萬 華區 成為 疫情 熱點 甚至 遭 外界 標籤 化 世新大學 社會 心理 系 副教授 詹昭 能 認為 國際 間 已將 covid-19 稱為 新冠 病毒 我 官方 與 部分 媒體 還是 稱之為 武漢肺炎 政府 有意無意 灌輸 民眾 採取 偏見 人格 與 情節 便 出現 遷移 效果 如此 導致 歧視 在 社會 蔓延 這 是 超級 不合理 詹 昭 能 提到 從 社會心理學 角度 來 談 面對 傳染 力 極 高 的 病毒 人們 出現 害怕 恐懼 的 心理 為 人之常情 可以 理解 這 是 自我 保護 的 反應 但 為了 盡可能 消弭 歧視 美國總統 拜登 也 簽署 反 新冠 仇恨 犯罪 法 雖 無法 解除 美國 社會 這 根深蒂固 的 種族歧視 情節 仍 盼 透過 政府 帶動 降低 民眾 因 疫情 而 釀成 居高不下 的 反 亞裔 社會 情緒 反之 觀察 臺灣 詹昭 能 稱 自 疫情爆發 以來 我 官方 始終 稱之為 武漢肺炎 社會 因 此 將 敵視 視為 理所當然 偏見 更 難以 去除 如此 情緒 也 在 國內 擴散 從 歧視 中國 人 開始 擴散 到 加強 對 萬華 或 其他 地區 的 歧視 但 實際上 這 波 境內 疫情 大 爆發 源於 英國 病毒株 現在 卻 把 矛頭 指向 萬華 這 是 超級 不合理 的 情緒 性 反應 疫情 除了 導致 國家 區域 與 種族 不 睦 近期 國內 疫情 大 爆發 也 傳出 多 起 電視臺 記者 感染 案例 社 群 媒體 上 甚至 不 斷 發送 點名 禁止 跟 接受 某 電視臺 記者 採訪 的 訊息 對此 詹昭 能 指出 歧視 現象 已 從 網路 蔓延到 實際 生活 主要 還 是 在 主政者 的 態度 蔡 總統 是否 能 非常 明理 告訴 國人 表態 不要 歧視 與 仇視 但 並 沒有 做到 已 陷入 了 僵局 某種程度 無 解 至於 媒體 不斷 報導 疫情 擴散 新聞 挨批 釀 社會 恐懼 詹昭 能 認為 媒體 是 社會 現實 的 反應 記者 也 是 人 同樣 會 有 不安 與 恐懼 的 心理 這 都 是 可以 理解 的 此時 恐慌 情緒 不斷 蔓延 顯然 是 政府 做 得 不夠 一方面 是 沒有 準備 充足 的 疫苗 甚至 國產 疫苗 也 無法 確定 7 月是否 能 如期 推出 另 則 是 指揮中心 沒有 即時 公佈 疫情 消息 即便 當前情況 已 十分 緊 繃 仍 是 每天 定時 兩 點 召開 記者會 詹 昭 能 進一步 提到 假設 某某 縣 市 有 大樓 被 封 起來 清潔 現在 網路 通訊 發達 消息 當然 會 傳出去 類似 情況 指揮中心 卻 沒有 立刻 說明 恐慌 的 社會 心理 已 在 臺灣 變成 連鎖反應</t>
  </si>
  <si>
    <t>精選 中 時 新聞網 5 件 不可不 知 的 國際 大事 帶 讀者 掌握 今天 3 月 3 日 的 國際 新聞 重點 1 世衛 境外 新增 案例 是 大陸 的 9 倍 集中 在 四大 國 who 總 幹事 譚 德塞 對於 韓國 義 大利 伊朗 日本 這 四 個 國家 最為 憂心 說明 今天 在 大陸 以外 地區 的 新增 案例 比 大陸 的 新增 案例 要 多 了 將近 9 倍 新冠肺炎 的 擴散 正在 全球化 2 美 股 強力 反彈 投資人 看好 央行 刺激 措施 美 股 繼 上周 重 挫 之後 星期一 的 表現 相當 亮 眼 三大 指數 齊漲 可謂 絕地大 反彈 道 瓊 工業 指數 上 漲 了 129681 點 或 51 以 2670617 點 作 收 s&amp;p 500 指數 也 漲 了 1363 點 或 461 以 309052 點 作 收 那斯 達克 綜合 指數 上漲 3848 點 或 449 以 895217 點 作 收 3 日 若 發佈 緊急命令 衝擊 東奧 日本 北海道 因 發生 多 起 新冠 病毒感染 途徑 不 明 的 社區 感染 使 北海道 知事 鈴木 直道 2 月 28 日 發佈 緊急 事態 宣言 要求 學校 停課 民眾 儘量避免 外出 首相 安倍晉 三2 日 已 鬆口 有 考慮 跟進 但 倘若 日本 發佈 緊急 事態 宣言 將 限制 舉辦 集會 活動 官方 民間 舉辦 的 許多 活動 勢必 辦 不了 人員 的 往來 也 受限 對 東京 奧運 的 籌備工作 和 觀光 勢必 造成 影響 4 全球 第一 ceo ge 前 執行長 威爾 許 去世 據 新加坡 聯合早報 網 2 日 報導 奇異 電器 general electric 前 董事長 兼 執行長 傑克 威爾 許 jack welch 去世 享年 84 歲 美國總統 川普 透過 推特向 他 致敬 稱 威爾 許是 一 位 商業 傳奇 5 移民 大軍 挺進 歐洲 奧地利 表明 將 全數 攔阻 土耳其 開放 邊界 讓 移民 有 機會 挺進 歐洲 奧地利 保守派 內政部長 內 哈默 今天 表示 如果 希臘 和 巴爾幹半島 國家 阻止 移民 湧入 的 措施 失敗 奧地利 將 攔住 任何 企圖 闖入 境內 的 移民</t>
  </si>
  <si>
    <t>展開 新 的 一 天 中 時 新聞網 帶 您 看看 世界 發生 了 哪 5 件 大事 1 雖然 死亡 人數 續增 但 美國 多 州 已 迫不及待 解封 放寬 社交距離 限制 而 據 權威 模式 估算 美國 的 死亡 人數 將 倍增 2 由於 新冠肺炎 疫情 肆虐 全球 反 陸 情緒 達 1989 年 天安門事件 以來 最高 而 美國 緊咬 大陸 不放 認為 中方 隱瞞 導致 全球 疫情 一發不可收 十 而 北京 則 加以 駁斥 除 了 新冠 爭議 外 雙方 在 政 經 軍事 上 持續 較勁 緊張 不斷 升高 據 北京 內部 檔 顯示 美中 可能 爆發 武裝 衝突 3 雖然 中國 大陸 受到 新冠肺炎 疫情 衝擊 但 美國總統 川普 仍 堅持 要 北京 履行 向 美國 採購 2000億 美元 近 6 兆 台幣 商品 的 承諾 否則 將 再 打 關稅 戰 4 鑽石 公主 號 郵輪 爆發 群 聚 感染 一度 成為 各方 關注 的 焦點 專家 經過 調查 後 發現 病毒 原來 藏 在 這些 地方 5 前 好萊塢 女星 梅根 和 夫婿 哈利 王子 震撼 脫英 後 依然 是 各方 關注 的 焦點 他們 從 加拿大 遷居 美國 加州 後 動作 不斷 如今 已 訂 8 月 11 日 將 出 王室 內幕 自傳 可能 又 將 掀起 另 一 波 新 話題</t>
  </si>
  <si>
    <t>美國總統 川普 與 世界衛生組織 之間 的 糾葛 逐漸 加深 自 who 秘書長 反 嗆 川普 將 公衛 問題 政治化 後 川普 10 日 再次 重 批 who 以 大陸 為 中心 並 在 下 周對 who 做出 宣佈 暗示 川普 政府 將 大 砍 其 援助 經費 而外 媒 也 透露 除了 砍 經費 之外 川</t>
  </si>
  <si>
    <t>美國總統 川普 與 世界衛生組織 之間 的 糾葛 逐漸 加深 自 who 秘書長 反 嗆 川普 將 公衛 問題 政治化 後 川普 10 日 再次 重 批 who 以 大陸 為 中心 並 在 下 周對 who 做出 宣佈 暗示 川普 政府 將 大 砍 其 援助 經費 而外 媒 也 透露 除了 砍 經費 之外 川普 政府 內部 正 討論 如何 改革 who 其中 包括 扶持 現 有 國際 組織 來 取 之 據 福斯 新聞網 報導 在 白宮 的 防疫 記者會 上 再次 對 who 問題 表示 美國 每年 提供 世衛 約 5億 美元 資金 而 我們 將 在 下 周 討論 這 一 問題 我們 有 很多 話 要 說 的 他 同時 痛 批 who 以 大陸 為 中心 我們 每年 提供 3億 至 5億 美元 但 大陸 每年 提供 4千萬 不到 美國 附 的 比 大陸 還要 高 10 倍 但 who 總 看起來 像是 替 大陸 說 好話 這 我 不喜歡 對 美國 民眾 也 不 公平 並 已向 中國 大陸 國家 主席 習近平 以及 譚 德塞 表達 不滿 關於 將 在 下 周對 who 宣佈 何事 川普 說 將 在 下 周 討論 大量 細節 但 不 想 在 耶穌 受難日 good friday 的 今天 或 復活節 前夕 談論 這 件 事 在 掌握 所有 真相 前 他 也 不 想 討論 此事 另外 據 美 媒 politico 透露 川普 政府 的 官員 們 已 正 草擬 信函 將 宣佈 暫停 美國 對 who 以及 與 其 相關 的 泛美 衛生組織 的 經費 這 封 信函 也 向 國務院 官員 美國國際開發署 以及 其他 機構 官員 表示 必須 將 暫停 who 的 經費 轉移 至 其他 國際 組織 至於 川普 對付 who 的 下 一 步 美 媒 politico 指出 川普 團隊 內 官員 們 正 在 討論 有人 提到 藉 由 先存 的 法律 以及 政治 機制 改革 聯合國 體系 有人 考慮 如何 降低 who 的 作用 該 報導 也 引述 兩 名 知情 人士 指出 有 幕僚 們 討論 在 聯合國 愛滋病 規劃署 unaids 為 基礎 模式 上 取代 who 該 機構 為 1990 年 建立 致力 於 消除 愛滋病 的 聯合國 下 的 國際 組織 不過 報導 也 指出 一旦 美 中斷 who 經費 很 可能 遭到 包括 美國 盟友 的 國際 反擊 並且 反而 增強 了 大陸 在 國際 組織 的 影響力 至於 將 unaids 取代 who 的 想法 報導 也 指出 仍 不 清楚 unaids 內部 組成 為何 會 特別 吸引 川普 政府 幕僚 部分 專家 也 對 此 想法 表示 困惑 美國 知名 智庫 戰略 與 國際研究中心 csis 全球 衛生 專家 莫里斯 stephen morrison 表示 who 在 成立 25 年內 確實 有 些 污點 但 它 仍 是 指導 緊急 應對 以及 建立 規範 與 標準 的 中央 實體 機構</t>
  </si>
  <si>
    <t>新冠肺炎 疫情 在 全球 來勢洶洶 有 潔癖 且 自稱 患有 細菌 恐懼症 的 美國總統 川普 提供 私藏 防疫 秘方 他 說 只 要 像 他 一樣 拼命 洗手 沒事 別碰 扶手 聽到 有人 打噴嚏 就 逃走 就 可 決戰 病毒 於 體 外 他 還 抱怨 外界 過於 誇大 新冠</t>
  </si>
  <si>
    <t>新冠肺炎 疫情 在 全球 來勢洶洶 有 潔癖 且 自稱 患有 細菌 恐懼症 的 美國總統 川普 提供 私藏 防疫 秘方 他 說 只 要 像 他 一樣 拼命 洗手 沒事 別碰 扶手 聽到 有人 打噴嚏 就 逃走 就 可 決戰 病毒 於 體 外 他 還 抱怨 外界 過於 誇大 新冠肺炎 的 可怕 如果 得到 了 把 它 當 流感 就 好 了 綜合 外電報導 疫情 重 擊 美 股 一 片 慘 綠 美東 時間 26 日 川普 率領 有關 官員 舉行 記者會 談及 個人 防疫 他 先 神氣 地 對 記者 說 你們 可能 聽 過 我 常 洗手 記者 笑 成 一 片 他 接 著 表示 洗手 並 保持 乾淨 非必要 不要 抓 扶手 至於 碰到 打噴嚏 的 人 他 會 逃之夭夭 川普 還 分享 親身經驗 他 說 約 一 周 前 有 朋友 拜訪 他 兩 人 許久 不見 相互 問候 並 擁抱 後 朋友 說 得 了 重 感冒 川普 一 聽 大 驚 我 立即 說 請 恕 我 失陪 然後 跑 去 洗手 川普 的 潔癖 舉世聞名 川普 的 潔癖 舉世聞名 美國新聞網站 politico 曾刊文 報導 在 川普 身邊 工作 過 的 人 都 知道 他 有 潔癖 對於 工作 環境 的 衛生 要求 近乎 苛求 參與 群眾 活動 後 川普 上車 的 第一 件 事 就是 叫 助理 把 幹 洗手 液 拿 來 白宮 橢圓型 辦公室 外面 也 放 了 一 瓶 幹 洗手 讓 他 可以 隨時 洗手 曾 有 記者 問 川普 你 一 天 洗 幾 次 手 他 回答 越 多 次 越 好 川普 的 前 保安 也 曾 表示 不能 隨便 握 川普 的 手 否則 他 會 出面 阻止 因為 有 細菌 恐懼症 川普 非常 害怕 碰到 病人 或 不 乾淨 的 人 訪 客 到 白宮 在 進入 橢圓型 辦公室 前 要 先 到 隔壁 的 洗手間 洗手 曾有 一 名 助理 在 空軍一號 上 咳嗽 川普 立即 指示 軍醫 處理 如果 你 咳嗽 或 打噴嚏 或者 看起來 像 生病 川普 會 眉頭 緊 皺 舉手 示意 你 離 遠 點 一 名 川普 競選 團隊 成員 透露 指派 副 總統 負責 防疫 白宮 的 官員 們 現今 也 都 非常 有 經驗 知道 自己 如果 生病 喉嚨 沙啞 或 感冒 就 千萬別 見到 川普 否則 必 有 排頭 吃 白宮 代理 幕僚 長 米克 莫爾瓦尼 mick mulvaney 先前 在 川普 辦公室 開會 只不過 咳嗽 就讓 川普 不滿 他 對 abc news 抱怨 說 莫爾瓦尼 在 回答 他 的 提問 時 咳嗽 他 不喜歡 這 樣 你 知道 如果 你 要 咳嗽 請 先 離開 對於 川普 的 細菌 恐懼症 曾 有 美國 媒體 報導 這 其實 十分 諷刺 對 一 位 這麼 愛 吃 速食 喝 這麼 多 可樂 的 人 來說 唯一 堅持 的 原則 竟然 是 洗手 針對 美國 疫情 川普 在 記者會 上 強調 美國 感染 風險 仍 低 但 疫情 如果 擴散 也 已 準備 好 因應 他 並說 如果 國會 撥款 超過 25億 美元 抗 疫 他 會 接受 他 同時 讚揚 大陸 國家 主席 習近平 非常 努力 對抗 疫情 他 當場 指派 副 總統 彭斯 負責 指揮 防疫 並 直接 向 他 報告 美國 目前 總 確診 人數 達到 60 人 國內 確診 15 起 鑽石 公主 號 返美 確診 42 人 武漢 包機 感染 3 人 控訴 兩 媒體 煽動 恐慌 據 瞭解 美國 疾病 管制 與 預防 中心 cdc 美東 時間 25 日 表示 新冠肺炎 可能 全球 大 流行 在 美國 大 爆發 只 是 時間 問題 讓 美 股 殺 至 當日 低點 美 股 連 跌 兩 天 讓 川普 十分 不滿 認為 cdc 嚇壞 投資人 川普 還 推 文 抱怨 美國全國廣播公司 nbc 分支 msnbc 和 cnn 控訴 這 兩 家 媒體 收視率 低 和 造假 新聞 盡可能 讓 疫情 看來 糟糕 包括 煽動 市場 恐慌 至於 民主黨員 都 是 空談 誤國 無所作為 事實上 美國 狀態 很 好 川 普特 別 在 記者會 上 說 美國 民眾 不必 太 過 恐慌 他 會 加強 美國 的 邊境 與 機場 管制 務必 決戰 病毒 於 境外 把 它 當 流感 就 好</t>
  </si>
  <si>
    <t>2020 年 1 月 15 日 中 美 兩 國 簽署 第一 階段 貿易 協定 讓 雙方 持續 兩 年 的 緊張 關係 獲得 緩和 正當 外界 以為 中美關係 即將 好轉 新冠肺炎 疫情 卻 改變 了 這 一切 港版 國安法 更進一步 讓 中美關係 跌 至 冰點 新 冷戰 儼然 成 形 成為 當前 兩 強 角力 的 代名詞 中 美 是否 已 進入 新 冷戰 學界 尚無 定論 但 中國 外交部長 王毅 近期 在 今年 兩會 人大 政協會議 的 記者會 上 表示 美國 一些 政治勢力 正 將 中美關係 推向 新 冷戰 這 也 是 中國政府 高層 首度 公開 表示 中 美 之 間或 有 新 冷戰 的 苗頭 政治 大學 國際 關係 研究 中心 主任 寇健文 表示 從 當前 國際局勢 來看 新冠肺炎 疫情 加劇 了 中 美 對立 情況 即使 雙方 稍 早 簽署 貿易 協議 並未 對 雙方 合作 帶來 更 多 改變 寇 健文 認為 中 美 雙方 正 爭奪 霸主 地位 在 外交 軍事 經貿 金融 科技 全面 開 打 雙方 的 爭端 不只 局限 於 貿易 問題 一旦 中國 對 美國 這些 領域 的 霸主 地位 造成 威脅 美國 就 會 反 制 自 疫情 蔓延 至 全球 後 供應 鏈 斷 鏈 反 全球化 的 危機 已 漸漸 浮 上 檯面 美國總統 川普 的 退 群 行為 已 逐漸 瓦解 國際 體系 單邊主義 已 竄 起 成為 當前 國際局勢 的 發展 臺灣大學 政治學系 教授 張登 及 認為 美 蘇 冷戰 時期 雙方 在經濟上 並 沒有 往來 但 目前 中 美 經濟 相互依存 若 雙方 要 做 切割 斷 鏈 脫鉤 會 引起 很 多 糾紛 中 美 的 競爭 與 利益 夾雜 在 一起 若 爆發 新 冷戰 問題 會 更加 複雜 不過 中 美 對立 的 局勢 可能 會 因 年底 美國 總統大選 結果 而 出現 變化 政 大國 關 中心 美 歐 研究所 研究員 嚴震 生 指出 如果 川普 在 美國 總統大選 中 勝 選 會 進一步 衝擊 國際 社會 組織 架構 如果 是 拜登 當選 美國 未來 會 比較 注重 多邊 主義 國際 秩序 可能 才 有 辦法 恢復</t>
  </si>
  <si>
    <t>雖然 美國眾議院 議長 裴洛西 上周 與 財長 穆努欽 密集 談判 力爭 新 紓困 案 能 早日 通過 但 鑒於 近來 已 有 三 名 共和黨 參議員 確診 參議院 多數 党 領袖 麥康納 mitch mcconnell 上週末 已 宣佈 參議院 將 暫停 立法 工作 直到 19 日 這 也 意味 新 紓困 案 短期 在 參議院 過關 的 希望 渺茫 隨 著 美國 第一 輪 紓困 案 即將 到期 外界 期盼 國會 能 儘快 通過 第二 輪 紓困 案 以為 復蘇 動能 趨 疲 的 美國 經濟 再 添 新 的 柴火 但 由於 總統 川普 與其 他 三 名 共和黨 參議員 相繼 確診 感染 新冠肺炎 導致 新 紓困 案 再 陷 停 擺 必須 等 到 19 日 參議院 恢復 運作 才能 繼續 討論 由於 新 紓困 案 遲遲 未決 川普 3 日 在 特裡 德國 家 軍事醫學 中心 接受 治療 時 也 疾呼 國會 快點 通過 新 紓困 案 他 推 文說 我們 偉大 的 美國 想要 並且 也 需要 刺激 大家 一起 努力完成 它 裴洛 西周 日 4 日 在 接受 媒體 訪問 時 坦承 儘管 來自 總統 對 紓困 案 的 公開 施壓 不過 目前 與 白宮 的 協商 仍未 達成 共識 眼見 不 到 一個 月 就 是 美國總統 投票日 該案 在 這 之前 通過 的 希望 也 逐漸 渺茫 民主黨 占多數 的 眾議院 已 率先 在 上周 通過 他們 力推 的 22 兆 美元 紓困 案 在 同時 裴洛西 與 穆努欽 也 加緊 對 新 紓困 案 進行 協商 據 瞭解 白宮 與 共和 議員 之所以 不 同意 民主黨 的 提案 除了 擔憂 開支 問題 外 新 紓困 案 規模 過 大 也 令 他們 不 願為 此案 背書 不過 在 上周 獲知 總統 川普 感染 新冠肺炎 後 當時 裴洛西 曾 語 帶 樂觀 認為 這項 發展 可能 改變 整個 談判 氣氛 加快 白宮 與 民主黨 就 新一輪 紓困 達成 共識 的 腳步</t>
  </si>
  <si>
    <t>美國總統 川普 在 美東 時間 5 日 敦促 中國 對 新型 冠狀病毒 的 源頭 保持 透明 並 稱 美國 將 公佈 一 份 詳細 報告 說明 新冠肺炎 病毒 的 來源 中 美 兩 國 近期 就 新冠肺炎 病毒 來源 針鋒相對 川普 更 以此 威脅 中國 揚言 要 對 其 加 征 新一輪 關稅</t>
  </si>
  <si>
    <t>美國總統 川普 在 美東 時間 5 日 敦促 中國 對 新型 冠狀病毒 的 源頭 保持 透明 並 稱 美國 將 公佈 一 份 詳細 報告 說明 新冠肺炎 病毒 的 來源 中 美 兩 國 近期 就 新冠肺炎 病毒 來源 針鋒相對 川普 更 以此 威脅 中國 揚言 要 對 其 加 征 新一輪 關稅 引發 市場 恐慌 美國 國務卿 蓬佩 奧 mike pompeo 表示 有 大量 證據 表明 病毒 來自 中國 的 一個 實驗室 不過 武漢 病毒 研究所 否認 了 這 一 指控 而 其他 美國 官員 則 淡化 了 這 一 說法 屬實 的 可能性 大多數 專家 認為 該 病毒 起源 於 武漢 的 一個 野生動物 市場 從 動物 傳染給 人類 川普 在 白宮 外 對 記者 說 美國 將 公佈 一 份 報告 詳細 說明 這種 新型 冠狀病毒 的 來源 但 沒有 提供 其他 細節 或 時間表 他 稱 我們 將 在 一段時間 內 非常 明確 地 報告</t>
  </si>
  <si>
    <t>在 大陸 於 今年 年初 爆發 新冠肺炎 之時 美國總統 川普 曾 讚揚 習近平 防疫 能力 但 就 在 新冠肺炎 席捲 亞歐大陸 以及 美國 本土 也 相繼 傳出 新冠肺炎 的 病例 與 死亡 個案 後 美國 開始 提高 自身 的 防疫 作為 與 能力 並 批評 大陸 隱瞞 疫情 與 防</t>
  </si>
  <si>
    <t>在 大陸 於 今年 年初 爆發 新冠肺炎 之時 美國總統 川普 曾 讚揚 習近平 防疫 能力 但 就 在 新冠肺炎 席捲 亞歐大陸 以及 美國 本土 也 相繼 傳出 新冠肺炎 的 病例 與 死亡 個案 後 美國 開始 提高 自身 的 防疫 作為 與 能力 並 批評 大陸 隱瞞 疫情 與 防疫 作為 美國 轉移 國內 壓力 川普 一 開始 即 輕忽 新冠 病毒 的 嚴重性 認為 病毒 可能 會 突然 消失 並且 新冠肺炎 較 流感 更 好 處理 等到 疫情 擴大 並 影響 美國 經濟 乃至 於 美國 民眾 的 日常生活 時 才 開始 實施 應變 措施 川普 一方面 宣佈 國家 進入 緊急狀態 為 各州 及 市政府 提供 更 多 援助 並 將 加速 病毒檢測 和 提供 資金 研發 疫苗 另一方面 在 1 月 31 日 對 大陸 實施 旅行 限制 後 3 月 13 日 美國 宣佈 對 歐洲 除 英 國外 實施 旅遊 禁令 美國國務院 也 提高 美國 人 赴 全球 旅行 警示 與此同時 川普 強調 疫情 來自 於 中國 國務卿 蓬佩 奧 與 眾議院 少數党 領袖 麥卡錫等 仍 稱 武漢 病毒 肺炎 而非 新冠 病毒 肺炎 批評 大陸 隱匿 疫情 福斯 新聞網 也 使用 中國 冠狀病毒 播報 新聞 中國外交部 發言人 耿爽 不滿 武漢 病毒 的 說法 並 反駁 川普 的 講法 但是 川普 乃至 於蓬 佩奧 的 言說 乃是 利用 政治 掩蓋 和 分散 注意力 而非 基於 事實 的 公共 衛生 的 危機 處理 這 也 顯示 川普 乃至 於 美國 內部 的 保守派 向來 善於 利用 二元 對立 挑動 美國 內部 情感 掩蓋 自身 所 面臨 的 總統 選情 危機 與 國內 的 股市 震盪 風暴 此種 仇恨 所 引發 的 恐懼 語言 基本上 有 兩 種 意 涵 一 種 為 用於 國內 消費 並 進行 宣傳 用於 包裝 美國 與 中國 的 對立 事件 延續 從 前年 開始 的 美中 貿易戰 另外 一 種 則 是 在 媒體 置 入 挑釁性 的 報導 從而 塑造 仇中 與 恐 中 的 選舉 語言 激起 怨恨 和 敵對 情緒 轉移 內部 壓力 複製 2016 年 時 川普 將 移民 與 有色人種 當作 激化 選情 的 工具 於是 除 中國外交部 的 回應 外 北京 方面 指責 川普 的 種族主義 與 仇 外心 態 使 美國 自身 成為 受害者 並 認為 蓬 佩奧 等 人 正 利用 這 場 疫病 危機 推動 美國 對 大陸 鷹 派 的 政治路線 全球 勢力 重新 洗 牌 其實 從 冷戰 時期 雷根 的 邪惡 帝國 到 小布希 的 邪惡軸心 與 流氓 國家 再 到 美國 前 國務卿 萊斯 的 暴政 前哨 以及 川普 的 全球 四大 惡人 均 可 看到 這類 仇恨 政治 的 言說 邪惡 的 標籤 可以 喚起 特定 的 意象 感覺 和 思想 簡化 歷史 與 安全 問題 並 改變 民眾 的 主觀 意識 如果 存在 威脅 已 被 視為 威脅 的 問題 那麼 對 存在 威脅 的 主張 便 更 有 說服力 例如 如果 民眾 有 著 過往 流行性 疫病 的 記憶 對 新型 流感 病毒 的 恐懼 便 可能 更為 有效 轉為 威脅 這類 仇恨 言說 的 背後 需要 警惕 的 則 是 是否 恐懼 更為 激烈 且 朝向 好戰 的 可能性 政治 語言學 告訴 我們 語言 可以 改變 我們 的 社會 地位 或 我們 與 他人 的 互動 方式 並 影響 思考 與 行為 原本 國際 政治 在 美國 與 中國 簽署 第一 階段 的 貿易協定 後 各方 多 以為 美中 的 許多 問題 將 暫時 休 兵 然而 一 場 新冠肺炎 又 啟動 兩 國 的 交鋒 一 場 以 病毒 為 基礎 的 疫病 戰 正 在 美 中間 蠢蠢欲動 美國 在 這 場 戰 疫 也 有 不能 輸 的 壓力 究竟 華盛頓 防疫 模式 或 北京 防疫 模式 何者 較 能 防堵 新冠肺炎 在 各自 國內 的 擴散 乃至 解決 新冠肺炎 也 將 成為 年底 美國 民眾 評價 川普 的 政績 以及 全球 勢力 的 重新 洗 牌 作者 為 實踐 大學 高雄校 區 博雅 學部 副教授</t>
  </si>
  <si>
    <t>美國總統 川普 欲 藉 由 在 華盛頓 舉行 七大 工業國 g 7 峰會 向 外界 宣示 生活 已經 回歸 正軌 但 德國總理 梅克爾 婉拒 出席 川普 對此 大為 光火 凸顯 雙方 關係 不 睦 angela merkel&amp;apos s refusal to accept donald trump&amp;apos s invitati</t>
  </si>
  <si>
    <t>美國總統 川普 欲 藉 由 在 華盛頓 舉行 七大 工業國 g 7 峰會 向 外界 宣示 生活 已經 回歸 正軌 但 德國總理 梅克爾 婉拒 出席 川普 對此 大為 光火 凸顯 雙方 關係 不 睦 angela merkel&amp;apos s refusal to accept donald trump&amp;apos s invitation is the latest in a long line of examples of the difficult relationship between the two leaders 德國總理 梅克爾 以 新冠肺炎 疫情 仍 在 蔓延 為由 婉拒 出席 6 月底 在 華盛頓 舉行 的 七大 工業國 g 7 峰會 梅克爾 回絕 美國總統 川普 的 邀請 迫使 川普 將 峰會 延 後 到 9 月 以後 是 兩 國 領袖 關係 冷淡 的 最新 案例 德國政府 發言人 賽伯 特 steffen seibert 表示 梅克爾 總理 感謝 川普 總統 的 邀請 然而 考量 整體 疫情 狀況 總理 無法 贊同 到 華盛頓 參加 g 7 峰會 此外 梅克爾 總理 將 持續 監控 疫情 川普 屢屢 批評 德國 2020 年 的 g 7 輪值 主席 川普 亟欲 希望 讓 g 7 峰會 在 華盛頓 召開 藉 此 象徵 生活 已經 從新冠肺炎 危機 回歸 正常 同時 為 年底 的 總統大選 做 宣傳 無奈 梅克爾 婉拒 出席 擾亂 川普 的 計畫 梅克爾 謝絕 川普 的 邀請 再次 凸顯 兩 國 領袖 關係 冷淡 雙方 歧 見 日 深 川普 屢屢 批評 德國 甚至 是 梅克爾 從 德國 的 貿易 盈 餘 再 到 國防 預算 和 對 北約 nato 的 承諾 川普 甚至 揚言 要 對 德國 汽車 加 征 關稅 並 指控 德國 操縱 貨幣 在 此 同時 梅克爾 在 諸多 議題 也 與 川普 意見 相左 像是 氣候變化 以及 伊朗 核 協議 等 據 匿名 的 美國 資深 官員 透露 川普 與 梅克爾 在 5 月底 通話 兩 人 在 多 項 議題 看法 分歧 包括 北約 連接 俄羅斯 與 德國 的 北 溪 天然氣 2 號 管線 nord stream 2 以及 與 中國 的 關係 等 基於 新冠肺炎 疫情 考量 川普 在 3 月 取消 g7 峰會 當時 表示 將 改用 視 訊 會議 取代 不過 川普 5 月底 透露 他 可能 在 9 月 或 之後 重新 舉行 峰會 並 擴大 邀請 俄羅斯 韓國 澳洲 和 印度 參加 但 英國 與 加拿大 均 已 表達 反對 俄羅斯 加入 峰會 川普 希望 g 7 峰會 成為 揮 別 封城 和 旅遊 禁令 的 指標性 時刻 藉 此 宣 告 生活 回歸 正常化 梅克爾 無意 赴 華盛頓 與會 擾亂 川普 的 如意算盤 川普 對此 大為 光火 消息人士 表示 川普 與 法國 總統 馬克宏 通話 時還 帶 著 怒氣 梅克爾 打亂 川普 算盤 科學家 出身 的 梅克爾 認為 新冠肺炎 病毒 還 在 擴散 6 月 舉行 大型 集會 依然 太 早 而且 專家 也 建議 即便 經濟 開始 解封 但 仍 需要 保持 警戒 和 社交距離 熟知 內情 人士 表示 梅克爾 除了 婉謝 g 7 峰會 也 反對 歐盟 領袖 6 月 19 日 親 赴 布魯塞爾 召開 峰會 她 認為 7 月 之前 都 不宜 舉行 實體 會議 歐盟 官員 表示 梅克爾 無意 赴 華盛頓 主要 因 疫情 考量 但 歐洲 的 g7 領袖 也 擔心 川普 可能 只 是 想 在 大選年 創造 與 g 7 領袖 拍照 的 機會 並 向 外界 宣示 生活 已 重返 正軌 而 這 一切 全都 是 他 的 功勞 歐洲 領袖 擔心 出席 可能 變成 為 川普 抬 轎 不是 沒有 原因 的 隨 著 峰會 召開 在即 卻 不見 以往 的 會前 準備 工作 包括 詳細 的 議程 討論 和 協商 正式 結論 等 鑒於 川普 在 諸多 議題 與 世界 領袖 分歧 特別 是 是 貿易 和 氣候變遷 達成 結論 勢必 難上加難 梅克爾 表示 在 其他 國家 和 地區 享有 高速 經濟 成長 和 影響力 增加 的 同時 美國 逐漸 對 歐洲 失去 興趣 歐洲 需要 負起 更 多 責任 解決 歐 美 關係 緊 繃 的 問題</t>
  </si>
  <si>
    <t>美國總統 川普 剛 結束 首場 總統大選 辯論 後 接連 搭 機 趕場 造 勢 行程 不過 他 的 親近 幕僚 希克斯 hope hicks 辯論 後 與 川普 搭上 同 班機 經檢測 已 確診 新冠肺炎 目前 仍 在 等待 檢測 結果 的 川普 也 宣佈 已 開始 進行 隔離 程式 隨後 川普 在 推特 上 表示 他 與 第一 夫人 皆 已 確診 環球時報 總編輯 胡錫進 表示 這 不僅 反映 了 美國 疫情 的 嚴重 程度 川普 一家 更 為 自己 長期 忽視 疫情 防護 不足 付出 了 代價 胡錫進 在 新浪 微博 發文 寫道 特朗普 剛剛 發 推特 說 他 和 夫人 梅拉尼婭 新冠 測試 結果 為 陽性 他們 將 立即 隔離 並 一起 渡過難關 這個 消息 令人遺憾 它 反映 了 美國 新冠 疫情 的 嚴重 程度 胡錫進 指出 特朗普 總統 一直 試圖 淡化 疫情 對 美國 的 衝擊 和 影響 讓 選民 們 忽視 疫情 的 危害 他 自己 也 長期 拒絕 戴 口罩 防護 不足 政治家 這樣 做 在 美國 的 體制 下 或許 有 某種 無奈 但 它 帶 給 美國社會 的 負面影響 是 顯而易見 的 現在 特朗普 總統 本人 和 第一 家庭 也 付出 了 代價 這 肯定 不 能夠 理解 為 總統 與 國民 同甘共苦 的 表現 美國 應該 找到 讓 大家 都 更加 安全 的 辦法 此外 胡錫進 也 強調 美國 總統大選 已經 進入 衝刺 階段 這 件 事 對 特朗普 總統 的 選情 應該 是 一個 負面 因素 無論如何 希望 特朗普 總統 和 他 的 夫人 能夠 平安 渡過 這個 難關 也 祝願 全球 所 有 感染 了 新冠肺炎 的 人 平安</t>
  </si>
  <si>
    <t>美國總統 川普 和 第一 夫人 梅蘭妮亞 確診 得到 新冠肺炎 網友 對此 大 驚 這 真的 是 god bless america 了 還有 網友 大 驚 果然 是 十月 驚奇 據 每日 郵報 指出 根據 一 名 川普 政府 匿名 官員 表示 剛 一同 與 川普 參加 9 月 29 日 辯論 的</t>
  </si>
  <si>
    <t>美國總統 川普 和 第一 夫人 梅蘭妮亞 確診 得到 新冠肺炎 網友 對此 大 驚 這 真的 是 god bless america 了 還有 網友 大 驚 果然 是 十月 驚奇 據 每日 郵報 指出 根據 一 名 川普 政府 匿名 官員 表示 剛 一同 與 川普 參加 9 月 29 日 辯論 的 希克斯 隔日 仍 與 川普 同 搭 機 赴 造 勢 大會 但 她 已於 1 日 確診 為 川普 身旁 傳出 確診 的 所有 人士 中 最 接近 他 的 一 位 隨後 川普 在 推特 上 表示 他 與 第一 夫人 皆 已 確診 對此 宅 神 朱學 恒 也 在 臉書 發文 大 驚 表示 川普 大帝 跟 他 老婆 確診 大家 可以 回家 啦 底下 網友 也 不敢 置信 直言 這 是 假新聞 喝 消毒水 還是 要使 詐 延 後 選舉 難怪 辯論 一直 插嘴 噴 拜登 口水 原來 是 黑暗 兵法 要死 一起 死 原本 還 期待 吃 爆米花 看 第二 場 辯論 來 笑一笑 的 這下 好 怕 看 不 到 了 果然 是 十月 驚奇 恭喜 美國 人 準備 換 一個 比較 正常 的 總統 了 所以拜登 跟 主持人 網友 所謂 十月 驚奇 是 指 隨 著 11 月 大選 逼近 川普 民 調 持續 落後 民主黨 對手 拜登 不斷 有 消息 指出 川普 可能 使出 殺手鐧 製造 10 月 驚奇 轉移 焦點 翻轉 選情</t>
  </si>
  <si>
    <t>一 款 價格 較 低 的 新冠肺炎 疫 苖 亦 宣佈 高達 9 成 防護力 的 好 消息 令 投資人 更加 看好 經濟 將 迅速 復蘇 的 前景 此外 美國 川普 政府 同意 正式 啟動 拜登 上任 前 的 交接 工作 亦 為 市場 帶來 提 振 週二 日經指數 刷新 逾 29 年 來 新 高 週二 日經 225 指數 大 漲 25 為 2616559 點 終止 連續 3 天 的 跌勢 並 創下 1991 年 5 月 來 新 高 東 證 一 部 指數 大 漲 223 為 176591 點 創下 逾 兩 年 新 高 疫 苖 試驗 結果 接連 告捷 對 經濟 情勢 敏感 的 能源 股 地產 股 與 金融 股 漲幅 領先 繼 美國 藥廠 輝瑞 與 莫德納 之後 英國 藥廠 阿斯利康 週一 宣佈 與 牛津大學 共同 研發 的 新冠 候選 疫苗 其 後期 臨床 試驗 結果顯示 平均 防護 率 為 70 而 最高 有效 保護率 可 達到 90 且 此款 疫 苖 的 製造 成本 較 低廉 且 較 容易 配送 激勵 全球股市 大 漲 美國總統 當選 人 拜登 收到 通知 可 正式 展開 入主 白宮 的 交接 工作 以及 拜登 將 指派 聯 准 會前 主席 葉倫 擔任 財政部長 的 消息 都令 市場 信心 大振 東 證 核心 30 指數 中 以 全球 最 大 晶 圓 製造 公司 信 越 化學 漲 498 表現 最 強勁 其次 為 光學 儀器 製造商 hoya 漲 454 kddi corp 跌 125 日本 電信 電話 跌 120 表現 最 疲弱</t>
  </si>
  <si>
    <t>由於 吉利 德 科學 公司 gilead sciences 研發 的 藥物 能 在 治療 新冠肺炎 展現 成效 加上 美國總統 發佈 重 啟 部分 經濟 的 方針 使得 市場 信心 為之一振 激勵 美 股 期指 16 日 週四 晚間 大 漲 道 瓊 工業 指數 期貨 暴 升 903 點 或 39</t>
  </si>
  <si>
    <t>由於 吉利 德 科學 公司 gilead sciences 研發 的 藥物 能 在 治療 新冠肺炎 展現 成效 加上 美國總統 發佈 重 啟 部分 經濟 的 方針 使得 市場 信心 為之一振 激勵 美 股 期指 16 日 週四 晚間 大 漲 道 瓊 工業 指數 期貨 暴 升 903 點 或 39 標 普 500 指數 期貨 躍 升 34 那斯 達克 100 指數 期貨 勁揚 26 吉利 德 科學 股價 在 週四 盤 後 飆漲 14 因 有 媒體 報導 芝加哥 一家 醫院 利用 該 公司 瑞德西韋 remdesivir 藥物 治療 新冠肺炎 病 患 病 患 使用 後 即 迅速 恢復 川普 也 發佈 最新 恢復 部分 經濟 的 指導方針 強調 專家 表示 疫情 曲線 日益 平緩 高峰期 已 過</t>
  </si>
  <si>
    <t>美國總統 川普 3 日 說 他 有 信心 年底 前 就 能 研製 出 新冠肺炎 疫苗 然而 據 cnbc 新聞網 與 國會山 莊 報 the hill 3 日 報導 這 時間表 比 政府 公共 衛生 顧問 的 樂觀 預測 還 快 我們 很 有 信心 年底 前 會 有 疫苗 川普 說</t>
  </si>
  <si>
    <t>美國總統 川普 3 日 說 他 有 信心 年底 前 就 能 研製 出 新冠肺炎 疫苗 然而 據 cnbc 新聞網 與 國會山 莊 報 the hill 3 日 報導 這 時間表 比 政府 公共 衛生 顧問 的 樂觀 預測 還 快 我們 很 有 信心 年底 前 會 有 疫苗 川普 說 我們 認為 我們 今年底 前 會 有 疫苗 我們 正 拼命 快馬加鞭 川普 是 在 華府 林肯紀念堂 lincoln memorial 福斯 新聞 fox news 線 上 市政廳 會議 town hall 直播 節目 中 說 的 然而 公共 衛生 官員 已經 說 過 疫苗 通常 要 花 許多 年 研製 並 分配 而 新冠肺炎 疫苗 或許 要 花 12 18 個 月 研發 川普 說 他們 正在 催促 供應 鏈 雖然 還 沒有 最終版 的 疫苗 不過 他 認為 許多 公司 應該 快 研製 出來 了 他 特別 點名 了 嬌 生 johnson johnson 而 嬌 生 已 和 衛生 及 公共 服務部 department of health and human services 聯手 研製 疫苗並說 希望 2021 年初 能 獲得 批准 川普 政府 正在 推行 神速 行動 operation warp speed 計畫 要 加速 研製 疫苗 把 時間表 提前 好幾 個 月 並 打算 在 明年 1 月 前 準備 好 3億 劑 疫苗 另一方面 牛津大學 oxford university 疫苗 研究 人員 說 要是 證明 有效 他們 的 疫苗 可以 在 9 月 前 推廣 而 世界衛生組織 who 則 說 目前 有數 十 種 新冠肺炎 疫苗 正 在 研發</t>
  </si>
  <si>
    <t>即使 美國總統 川普 試圖 緩解 新型 冠狀病毒 相關 消息 引起 的 恐慌 但 華盛頓郵報 報導 美國 出現 首例 新冠 病毒感染 源 不 明 的 確診 病例 加劇 投資人 對 疫情 傳播 的 擔憂 週三 夜盤 美 股 指數 期貨 走跌 目前 道 瓊 指數 期貨 跌 100 點</t>
  </si>
  <si>
    <t>即使 美國總統 川普 試圖 緩解 新型 冠狀病毒 相關 消息 引起 的 恐慌 但 華盛頓郵報 報導 美國 出現 首例 新冠 病毒感染 源 不 明 的 確診 病例 加劇 投資人 對 疫情 傳播 的 擔憂 週三 夜盤 美 股 指數 期貨 走跌 目前 道 瓊 指數 期貨 跌 100 點 意味著 週四 開盤 將 跌 近 200 點 標 普 500 期貨 跌 038 標 普 500 e-mini 期貨 跌 042 那斯 達克 100 期貨 跌 032 川普 在 記者會 上 表示 對 美國 人 而言 冠狀病毒 的 風險 仍然 非常低 他 並 指派 副 總統 彭斯 負責 應 對 美國 的 冠狀病毒 疫情 川普 表示 美國股市 應該 要 擺脫 近來 的 低迷 不 過 華盛頓郵報 的 報導 加劇 新冠 病毒 將 快速 擴散 的 擔憂 期貨市場 首當其衝</t>
  </si>
  <si>
    <t>新冠 疫情 急 升 美國 四處 搜括 醫療 物資 德國 柏林 警方 傳 訂購 20萬 個 大陸 制 3 m 口罩 但 運至 泰國 曼谷 時 竟 轉運 往 美國 德 官員 批 美方 的 舉動 儼如 現代 海盜 批評 華府 不應 如此 對待 盟友 據 東網 報導 柏林 州 內政部長 蓋澤爾 andreas geisel 表示 即使 在 全球 危機 中 也 不能 採用 西部 狂 野 方式 攔截 醫療 物資 呼籲 美方 遵循 國際貿易 準則 柏林 市長 米勒 則 指 美國總統 川普 不 團結 行為 不負責任 不過 3 m 否認 德國 的 說法 指 沒有 收到 過 柏林 警方 訂購 中國 制 口罩 的 訂單 亦 無證據 顯示 有 口罩 被 沒收 白宮 暫 未 回應 事件 此前 法國 官員 曾 宣稱 一 批 即將 由 中國 付運 給 法方 的 口罩 被 美國 買家 當場 試圖 以 高 3 至 4 倍 的 價錢 買 走 但 華府 官員 否認 指控 強調 沒有 購入 中途 截 劫 物資</t>
  </si>
  <si>
    <t>美國總統 川普 昨 18 日 暗示 新冠肺炎 疫情 大 爆發 可能 是 大陸 蓄意 而為 他 說 美國政府 尚 在 調查 疫情 失控 是 大陸 的 疏失 或是 故意 為 之 如果 北京 負有 知情 責任 那麼 大陸 得 面臨 後果 綜合 路透社 華盛頓 時報</t>
  </si>
  <si>
    <t>美國總統 川普 昨 18 日 暗示 新冠肺炎 疫情 大 爆發 可能 是 大陸 蓄意 而為 他 說 美國政府 尚 在 調查 疫情 失控 是 大陸 的 疏失 或是 故意 為 之 如果 北京 負有 知情 責任 那麼 大陸 得 面臨 後果 綜合 路透社 華盛頓 時報 washington times 報導 美國總統 川普 18 日 在 白宮 記者會 上 提出 新冠 病毒 是 由 大陸 實驗室 外泄 的 可能性 他 說 如果 疫情 失控 是 過失 那 就 是 過失 但是 如果 他們 負有 知情 責任 那麼 肯定 會 面臨 後果 川普 在 記者會 上 提及 福斯 新聞 fox news 上周 有關 武漢 病毒 實驗室 的 一則 報導 該 則 報導 指出 實驗室 很 可能 製造 了 病毒 以 證明 大陸 有能力 辨識 對抗 病毒 川普 說 美國政府 正在 調查 新冠 病毒 是否 就 是 源自 於 大陸 的 實驗室 他 說 現在 的 癥結 點 在於 新冠 病毒 失控 是 疏失 還是 蓄意 為 之 這 兩者 差異 很 大 川普 還 認為 大陸 對 疫情 感到 很 丟臉 我 認為 他們 知道 情況 很 糟 我 認為 他們 感到 丟臉 川普 批評 在 疫情 開始 前 大陸 本 應該 可以 阻止 卻 沒有 阻止 導致 全世界 都 在 受苦 他 坦言 和 北京 的 關係 已成 過去 式 指出 美 陸 過去 保持良好 關係 一直 到 他們 做 了 這 件 事 指 新冠肺炎 疫情爆發 突然 間 你 聽到 了 這 件 事 不過 川普 並未 提到 如果 病毒 確實 是 大陸 蓄意 為 之 北京 將 面臨 何種 後果 他 也 沒有 說明 美國 將 採取 哪些 行動 只 說 不 排除 任何 行動 一切 將 以 調查 事實 為 基礎 川普 在 記者會 上 再度 質疑 大陸 的 死亡 人數 根據 約翰霍普金斯大學 johns hopkins university 的 全球 疫情 統計 美國 至今 仍 是 全球 疫情 最 嚴重 地區 確診 人數 超過 72萬 人 逾 37萬 人 喪命 不過 川普 強調 美國 不是 死亡 人數 第一 高 的 國家 大陸 才是 而且 遙遙領先 和 美國 有 很 大 的 差距</t>
  </si>
  <si>
    <t>美國總統 川普 27 日 說 中國 大陸 原本 可以 趁 新冠肺炎 席捲 全球 前 遏 阻 新冠肺炎 疫情 淡 確 沒 這麼 做 美國政府 要 認真 加以 調查 據 路透 報導 這 是 川普 矛頭 對準 大陸 把 新冠肺炎 疫情 大 爆發 歸咎 於 北京 的 最新 批評 我們 認為</t>
  </si>
  <si>
    <t>美國總統 川普 27 日 說 中國 大陸 原本 可以 趁 新冠肺炎 席捲 全球 前 遏 阻 新冠肺炎 疫情 淡 確 沒 這麼 做 美國政府 要 認真 加以 調查 據 路透 報導 這 是 川普 矛頭 對準 大陸 把 新冠肺炎 疫情 大 爆發 歸咎 於 北京 的 最新 批評 我們 認為 當初 可以 在 源頭 就 遏 阻 原本 能 迅速 阻止 不必 蔓延 全世界 的 美國 國務卿 蓬佩 奧 mike pompeo 上周 說 華府 強烈 認為 北京 沒有 及時 通報 新冠肺炎 疫情 並 掩飾 的 新冠肺炎 的 嚴重性 而 中國 大陸 外交部 發言人 華春瑩 週一 推 文說 蓬 佩奧 應該 停止 玩 政治 遊戲 放 更 多 的 精力 在 拯救 生命 上 如今 全球 有 超過 300萬 人 感染 新冠肺炎 其中 美國 就 占 了 約 1 3 而 全世界 死亡 人數 也 突破 20萬 人 而 美國 便 有約 56萬 人 週一 稍 早 白宮 貿易 顧問 納瓦洛 peter navarro 指控 中方 送 劣等 甚至 仿冒 的 新冠肺炎 病毒 抗體 測試 組 給 美國以 在 疫情 大 流行 期間 從中 牟取暴利 納瓦洛 在 接受 福斯 新聞 fox news 專訪 時說 要 讓 美國 人 結束 封成 重返 工作崗位 對 病毒 和 抗體 進行 更 多 檢測 是 很 重要 的 不過 他 也 強調 美國 不能 容許 中方 提供 那些 造假 和 仿冒 試劑 因為 那將 是 很 有 破壞性 的</t>
  </si>
  <si>
    <t>美國總統 川普 週四 說 他 週五 將 召開 有關 中國 的 記者會 但 並未 提供 任何 細節 而 這 隨即 導致 市場 下跌 據 cnbc 新聞網 28 日 報導 好幾 個 星期 以來 美國政府 指控 中方 新冠肺炎 疫情 初期 掩蓋 事實 不斷 對 北京 加強 施壓 川普</t>
  </si>
  <si>
    <t>美國總統 川普 週四 說 他 週五 將 召開 有關 中國 的 記者會 但 並未 提供 任何 細節 而 這 隨即 導致 市場 下跌 據 cnbc 新聞網 28 日 報導 好幾 個 星期 以來 美國政府 指控 中方 新冠肺炎 疫情 初期 掩蓋 事實 不斷 對 北京 加強 施壓 川普 甚至 為了 新冠 病毒 起源 還 有 美國 嚴重 的 疫情 公開 責怪 北京 而 這 星期 以來 由於 中國 大陸 通過 港版 國安法 美國 更 嚴肅 地 加以 應對 美國 國務卿 蓬佩 奧 mike pompeo 週三 已向 國會 報告 宣佈 香港 不再 有 自治 地位 而 這 意味著 未來 它 也 將 不再 享有 特殊 待遇 以往 川普 和 大陸 打 貿易 戰時 香港 之所以 能 避開 懲罰性 關稅 都拜 這 特殊 地位 之 賜 美國國會 去年底 通過 香港 人 權 與 民主 法 求 華府 制裁 侵犯 香港 基本 自由 與 自治 的 中國 大陸 與 香港 官員 並 要求 國務院 和 其他 美國政府 機構 每年 審查 以 確定 香港 政治 地位 的 變化 是否 有 足 以 改變 美國 與 香港 之間 特有 的 貿易 關係 對 投資人 來說 川普 週五 宣佈 取消 香港 的 特殊 待遇 將 是 最壞 的 結果 至今 川普 始終 不 願 對 北京 採取行動 以免 緊張 的 美中關係 演變成 徹底 對抗 川普 身 為 總統 強烈 意識 到 美中 互相 依賴 大陸 不僅 是 美國 出口 市場 也 是 產品 供應國 他 至今 仍 認為 1 月 美中 簽署 的 第一 階段 貿易協定 是 他 履行 競選 承諾 的 亮點 之一 然而 參院 兩院 都 通過 維吾爾 人權 政策 法案 但 川普 尚未 表示 究竟 會 不 會 將 它 簽署 為 法律 要是 川普 加以 週五 簽署 但 不 正式 取消 香港 的 特殊 地位 將 被 視為 採取 了 較 審慎 的 策略 並 受到 投資人 歡迎 而 另 一個 川普 週五 可能 提出 的 議題 就是 中方 與 印度 的 邊境 爭議 中印 最近 雙雙 在 邊境 增兵 川普 已 表示 願意 斡旋 而 川普 週四 說 他 已 和 印度 總理 莫迪 narendra modi 談過 相關 爭議 但 對方 心情 不好 還有 一個 比 任何 政策 立場 都 重大 的 因素 就 是 美國 人 的 反 中 情緒 而 這 正是 川普 爭取 連任 所要 利用 的 川普 將 大選 的 民主黨 對手 拜登 形容 為 親 中 份子 甚至 想要 把 他 貼 上 北京 拜登 beijing biden 的 標籤 既然 川普 在 爭取 連任 中 想要 把 拜登 塑造成 對 北京 軟弱 的 人 那 他 就 需要 對 中方 展現 強悍 的 態度 可是 到 目前為止 他 主要 只 在 推特 上表 得 很 強硬 而 美國 人 週五 將 拭目以待 看 他 在 對 北京 一陣 狂吠 後 是不是 會 真的 狠狠 咬 下去</t>
  </si>
  <si>
    <t>新冠肺炎 持續 襲卷 美國 全境 至今已有 160萬 確診 96萬 人 死亡 不論 確診 與 死亡 人數 皆 排名 全球 首 位 雖然 美國總統 川普 宣稱 美 檢測 能力 領先 全球 不過 根據 美 媒 國家 公共廣播 電臺 npr 報導 美國 疾病 管制 與 預防</t>
  </si>
  <si>
    <t>新冠肺炎 持續 襲卷 美國 全境 至今已有 160萬 確診 96萬 人 死亡 不論 確診 與 死亡 人數 皆 排名 全球 首 位 雖然 美國總統 川普 宣稱 美 檢測 能力 領先 全球 不過 根據 美 媒 國家 公共廣播 電臺 npr 報導 美國 疾病 管制 與 預防 中心 cdc 在 報告 檢測 資料 時 合併 了 病毒檢測 結果 與 抗體 檢測 結果 專家 擔憂 可能 會 導致 檢測 能力 的 誤判 使 檢測 率 偏 低 而 cdc 也 承認 此 一 錯誤 報導 指出 cdc 檢測 的 報告 中 在 大部分 檢測 是否 確診 的 基因 測試 中 結合 了 聚合 酶 連鎖反應 以及 檢測 血液 中 是否 早已 感染 而有 抗體 的 血清 檢測 美國 霍普金斯大學 流行病 學家 努 佐 jennifer nuzzo 表示 對 檢測 方式 表達 關切 表示 這 兩 種 不同 的 檢測 方式 結合 在 一起 恐怕 留下 資料 上 的 檢測 量 比 實際上 受檢 量 來得 高 的 印象 她 表示 將 這 兩 種 檢測 方式 置於 同一 專案 下 是 不 適當 的 這 兩 種 檢測方式 差異 很 大 它們 有 不同 的 檢測 意義 努 佐 進一步 表示 血清 檢測 並 不能 檢驗 出現 有 確診 數量 的 即時 資訊 結合 基因 檢測 是 有 問題 的 因為 這 將 讓 政府 與 企業 對 疫情 誤認 並 指出 足夠 的 檢測 量 是 檢 視 疫情 是否 受 控 的 關鍵 特別 是 美國 正 準備 重 啟 國門 放寬 社交距離 限制 之際 她 指出 唯有 藉 由 聚合 酶 連鎖反應 才能 測出 誰 才 是 真正 確診 且 並須 列入 病歷 測試 的 目標 就是 要 瞭解 我們 是否 建立 起 足夠 的 檢驗 病例 唯有 實際 檢測 病毒 才 做 得 到 努 佐 說 結合 血清 檢測 可能 會 減少 呈現 陽性 結果 的 檢 測量 降低 整體 檢測 陽性 比率 這 又 是 另 一 項 重要 指標 霍普金斯大學 流行病 學家瑞 物 爾斯 caitlin rivers 甚至 表示 我 懷疑 這 是 刻意 降低 確診 比率 對此 cdc 發言人 坦承 了 報告 中 大部分 的 資料 是 結合 了 病毒檢測 與 血清 抗體 檢測 因為 一些 州 的 檢測 資料 中 已 包含 了 抗體 檢測 不過 發言人 表示 當前 的 資料 可以 説明 掌握 疫情 資訊 但 未來 希望 能 把 這兩項 資料 分開 出來</t>
  </si>
  <si>
    <t>美國總統 川普 18 日 對 世界衛生組織 who 下 最後通牒 要求 who 必須 在 30 日 之內 做出 重大 改革 否則 美國 將 永久 凍結 對 其 金 援 並 考慮 退出 who 不過 國際 頂尖 醫學期刊 刺 胳 針 the lancet 嗆 川普 的 聲明 在 事實上 根本 有</t>
  </si>
  <si>
    <t>美國總統 川普 18 日 對 世界衛生組織 who 下 最後通牒 要求 who 必須 在 30 日 之內 做出 重大 改革 否則 美國 將 永久 凍結 對 其 金 援 並 考慮 退出 who 不過 國際 頂尖 醫學期刊 刺 胳 針 the lancet 嗆 川普 的 聲明 在 事實上 根本 有誤 他 的 聲明 自稱 引用 了 刺 胳 針 去年 12 月份 的 報告 但 實際上 刺 胳 針 尚未 在 當時 公佈 任何 與 新冠 病毒 相關 的 研究 據 美 媒 nbc 報導 川普 在 推特 中 公佈 一 份 致 who 秘書長 譚 德塞 tedros adhanom ghebreyesus 長達 4 頁 的 信件 指出 他 的 團隊 盤點 十 多 個 世衛 的 抗 疫 缺失 包括 世衛 在 疫情爆發 之 初 疏於 調查 未 認真 看待 臺灣 發出 的 病毒 人 傳人 警示 屈服 於 北京 壓力 而 延遲 發佈 全球 公共 衛生 緊急狀態 及 疫情 大 流行 持續 錯誤 稱讚 大陸 的 防疫 表現 公開 透明 發佈 不須 限制 旅行 等 錯誤 指示 漠視 大陸 吹 哨 人 被禁聲 要求 who 立即 改善 否則 美國 永遠 中斷 對 其 金 援 報導 指出 刺 胳 針 發表 聲明 表示 川普 的 信件 中 稱 刺 胳 針 曾在 12 月份 有 新冠 病毒 的 相關 報告 但 實際上 我們 在 去年 12 月 根本 沒有 出版 關於 在 武漢 爆 或者 在 大陸 其他 地方 所 爆發 的 病毒 相關 報告 聲明 指出 刺 胳 針 第一 份 與 新冠 病毒 相關 的 報告 是 在 1 月 24 日 由 武漢 金 銀潭 醫院 等 大陸 醫學 團隊 所 發表 的 感染 2019 新冠 病毒 的 武漢 患者 臨床 特徵 聲明 稱 陸方 團隊 與 我們 合作 才 快速 讓 新 爆發 的 疾病 病症 得以 公佈 相關 資訊 也 可讓 國際 上 的 讀者 自由 閱覽 刺 胳 針 表示 川普 對 who 指控 的 信件 嚴重 損害 國際 上 強化 控制 疫情 的 付出 並 強調 任何 對於 國際 事故 的 檢 視 必須 建立 在 正確 的 事實根據 也 就 是 12 月 至 1 月 到底 發生 了 什麼 事</t>
  </si>
  <si>
    <t>美國 新冠肺炎 疫情 仍 持續 美國總統 川普 對 戴 口罩 態度 反 覆 不過 隨 著 疫情 升溫 川普 戴 上 口罩 並 改口 戴 口罩 是 愛國 表現 沒人 比 我 更 愛國 對此 資深 媒體 人 黃暐瀚 表示 面對 11 月 3 日 即將 到來 的 總統 選舉 只要 能 救 選</t>
  </si>
  <si>
    <t>美國 新冠肺炎 疫情 仍 持續 美國總統 川普 對 戴 口罩 態度 反 覆 不過 隨 著 疫情 升溫 川普 戴 上 口罩 並 改口 戴 口罩 是 愛國 表現 沒人 比 我 更 愛國 對此 資深 媒體 人 黃暐瀚 表示 面對 11 月 3 日 即將 到來 的 總統 選舉 只要 能 救 選情 川普 都 會 去 做 黃 表示 全球 疫情 的 前 半 年 臺灣 恍如 世外桃源 但 這樣 的 與世隔絕 卻 也 可能 令 臺灣 充滿 危機 黃暐瀚 在 臉書 指出 今年 四月 川普 在 白宮 記者會 上 強調 佛 奇 建議 美國 人民 出門 戴 口罩 只 是 個 建議 並 表示 我 覺得 很 好 我 不 會 戴 口罩 然而 隨 著 疫情 增 溫 一個 禮拜 前 川普 在 推特 貼 上 一 張 他 戴 口罩 的 黑白照片 接下來 一 周 他 幾乎 天天 戴 口罩 現在 川普 說 戴 口罩 是 愛國 表現 沒人 比 我 更 愛國 黃 直言 這 就 是 川普 面對 11 月 3 日 即將 到來 的 總統 選舉 不 管 什麼 事 不管 任何 話 只要 能 救 選情 他 都會 去 做 會 去 說黃暐瀚 提及 全球 疫情 的 前 半 年 臺灣 恍如 世外桃源 但 這樣 的 與世隔絕 卻 也 可能 令 臺灣 充滿 危機 臺灣 有 新冠肺炎 抗體 的 人 很 少 臺灣 研發 新冠肺炎 疫苗 的 速度 很 慢 不管 是 英國 或是 美國 誰 先 研發 出 疫苗 該國 需求 都 恐 不夠 會 給 臺灣 分一杯羹 嗎 他 表示 政治 之前 激情 亢奮 政治 之後 面對現實 政治 與 現實 臺灣 得 聰明 面對 別 傻傻 跟 著 某人 某國 一直 沖</t>
  </si>
  <si>
    <t>中 時 新聞網 精選 5 件 不可不 知 的 國際 大事 帶 讀者 掌握 今 13 日 的 國際 新聞 重點 1 白宮 官員 紛紛 戴 上 口罩 這 一 幕 讓 台人 驕傲 了 美國總統 川普 隨 扈 與 副 總統 彭斯 秘書 接連 傳出 確診 連 白宮 特 勤 人員 也 中 鏢 讓 川普</t>
  </si>
  <si>
    <t>中 時 新聞網 精選 5 件 不可不 知 的 國際 大事 帶 讀者 掌握 今 13 日 的 國際 新聞 重點 1 白宮 官員 紛紛 戴 上 口罩 這 一 幕 讓 台人 驕傲 了 美國總統 川普 隨 扈 與 副 總統 彭斯 秘書 接連 傳出 確診 連 白宮 特 勤 人員 也 中 鏢 讓 川普 不得不 下令 白宮 工作人員 皆 須戴 上 口罩 上班 然而 當 白宮 人員 紛紛 戴 上 口罩 時 有 媒體 注意 到 他們 所 戴 的 口罩 是 出於 臺灣 製造 上面 還 印有 made in taiwan 的 標誌 讓 臺灣 能 幫助 的 理念 成真 2 美版 陳時中直 打 臉 川普 缺 一 關鍵 過早 解 封 下場 慘 雖然 美國總統 川普 誓言 近期 就 要 重 啟 國家 經濟 不過 素有 美版 陳時中 的 國家 過敏 與 傳染病 研究院 主任 佛 奇 12 日 透過 視 訊 在 參議院 聽證會 上 表示 當前 美國 追蹤 與 監控 病毒 的 能力 還 不夠 如果 沒有 準備 好 就 重 啟 國門 疫情 復發 的 風險 極 高 屆時 恐 招致 不必要 的 折磨 與 死亡 3 美 議員 推 新冠 究 責 法案 授權 川普 制裁 陸 美國共和黨 聯邦 參議員 葛蘭姆 昨日 提交 新冠 病毒 究 責 法案 該 法案 授權 美國總統 川普 如果 大陸 拒絕 配合 國際 社會 針對 新冠 病毒 起源 的 調查 行動 川普 將 有 權 進行 一系列 制裁 行動 4 怕 了 川普 嚴防 新冠 絕 不讓 死對頭 裴洛西 代總統 就 在 美國 副 總統 彭斯 的 幕僚 新冠肺炎 確診 後 總統 川普 終於 和 副手 彼此 保持 距離 以防 眾議院 議長 裴洛西 代理 總統 一 職 按照 美國 憲法 規定 萬一 正 副 總統 死亡 或 不能 視事 就要 由 眾議院 議長 代理 總統 5 川普 飆 罵 2 女 記者 失控 共謀 對付 他 在 記者會 上 對 女 記者 大 爆 走 要 她 去 問 大陸 後 直接 走人 的 總統 川普 事 後 在 推特 上 指控 這些 濁流 媒體 實在 失控 共謀 對付 他 稱 他們 是 人民 的 敵人 但 他 仍 會 贏得 11 月 的 大選</t>
  </si>
  <si>
    <t>美國總統 川普 和 民主黨 對手 拜登 美東 時間 週二 臺北 時間 9 月 30 日 即將 在 俄亥俄州 克裡夫蘭 cleveland 展開 大選 前 首場 辯論 由於 新冠肺炎 疫情 顧慮 他們 將 省去 握 手 的 客套 也 一併 免除 開場 寒暄 雙方 在 疫情 衝擊 種族 問</t>
  </si>
  <si>
    <t>美國總統 川普 和 民主黨 對手 拜登 美東 時間 週二 臺北 時間 9 月 30 日 即將 在 俄亥俄州 克裡夫蘭 cleveland 展開 大選 前 首場 辯論 由於 新冠肺炎 疫情 顧慮 他們 將 省去 握 手 的 客套 也 一併 免除 開場 寒暄 雙方 在 疫情 衝擊 種族問題 鬧翻天 還有 大法官 任命權 鬥 下 進行 一 場 顛覆 傳統 的 辯論 綜合 外電報導 選戰 策略 家 和 史學家 說 由於 距離 大選 只 剩 1 個 月 多 在 這 場 為時 90 分鐘 分 6 個 主題 的 辯論 中 川普 將 想盡辦法 縮小 和 拜登 在 全國 民 調上 落後 近 7 個 百分點 的 差距 相對 的 拜登 則 會 使出 渾身解數 證明 他 是 比較 理想 的 人選 為了 達到 各自 的 目標 他們 可能 會 在 全國 觀眾 面前 挑選 敏感 議題 如 攻擊 對方 子女 等 下手 共和黨 選戰 策略 家 蘇利 文 terry sullivan 指出 從 一 開始 雙方 就 會 展開 激 辯 而 川普 更 會 設法 刺 痛 拜登 而 共和黨 媒體 顧問 艾佛 哈特 nick everhart 說 屆時 拜登 會 在 保持 風度 下 傾 全力 還擊 他 指出 拜登 打 這 場 選戰 的 主軸 就 是 自己 不 像 川普 魯莽 毛躁 而是 個 既 有能力 又 穩定 的 領導人 就算 拜登 在 辯論 中 重炮 反擊 他 也 會 致力 傳達 自己 比 川普 穩定 可靠 的 重大 訊息 拜登 10 日 說 他 知道 怎麼 對付 惡霸 不過 他 也 強調 會 設法 不要 上鉤 隨 川普 起舞 和 對方 當眾 吵 開 拜登 推測 川普 在 辯論 全程 大吼大叫 不停 打斷 辯論 而 在 辯論 前 川普 已 痛 批 拜登 指控 他 服用 增進 體能 藥物 並 質疑 他 的 心智 狀態 甚至 攻擊 拜登 次子 韓特 hunter biden 從中 俄 獲利 隨 著 最近 民 調 一路 落後 川普 也 加重 對 拜登 的 個人 攻擊 單是 在 9 月 的 競選 造 勢 活動 甚至 白宮 官方 活動 中 就 提 了 72 次 他 幫 拜登 取 的 綽號 愛 困 喬 sleepy joe</t>
  </si>
  <si>
    <t>新冠肺炎 從 今年 元月 間 在 中國 首次 被 檢測 確認 以來 疫情 從 首當其衝 的 武漢地區 快速 蔓延 迄今 將近 百 日 全球 各地 幾乎 無一倖免 而 最 令人矚目 的 是 當初 形同 冷眼旁觀 一 副 事不關己 甚至 幸災樂禍 的 歐美 先進 國家 地區 不旋踵 竟然 也 先後 淪為 重災區 先是 歐盟 地區 的 義 大利 西班牙 等 國 染疫 確診 數 與 死亡 人數 逐日 攀升 超越 中國 緊接著 則 是 美國 呈現 後來居上 的 態勢 不論是 確診 數 或 死亡 人數 都已 躍居 全球 首位 並 遙遙領先 其他 各國 面對 不斷 飆 升 的 疫情 後知後覺 的 各國 政府 自然 只能 繃緊神經 卯足 全力 投入 疫情 管控 和 疫苗 研發 的 工作 然而 各式各樣 的 管控 措施 所 產生 的 連鎖 效應 則 是 讓 眾多 產業 瞬間 淪為 慘 業 並 導致 失業 人口 急速 擴大 經濟 動能 陷入 熔斷 式 衰退 於是 各國 政府 除了 要 防疫 之外 同時 也 要 啟動 各式各樣 的 紓困 振興 措施 然而 這些 紓困 振興 措施 除了 要 面對 是否 緩不濟急 以及 是否 真正 對症下藥 的 績效 檢驗 之外 堪稱 雪上加霜 的 是 邇來 眾多 國際 知名 的 經濟 智庫 或 信 評 單位 紛紛 發佈 經濟 前景 衰退 企業 信 評 調 降 的 負面 訊息 從而 讓 諾貝爾 經濟學家 席勒 robert shiller 也 忍不住 跳出 來 喊話 認為 新冠肺炎 疫情 對 經濟 的 殺傷力 其實 並 沒有 那麼 誇張 反而 是 人們 的 恐懼 心態 才 是 導致 經濟衰退 的 主因 除 了 人們 的 恐懼心理 會 讓 大家 所 擔心 的 經濟衰退 噩夢 成 真 當此 全球 所 陷入 的 亂世 困 局 其實 更 可以 用 來 檢 視 患難見真情 這 句 話 所 蘊含 的 正向 與 負向 意 含 先 從 正向 的 角度 來看 患難見真情 原意 指 的 是 人們 應該 基於 有難同當 的 認知 相互合作 來 面對 疫情 的 嚴峻考驗 甚至 最好 還 能 提升 到 發揮 濟弱扶傾 的 高度 畢竟 各國 所 面對 的 疫情 衝擊 輕重 不一 所能 投入 的 資源 也 有 重大 差異 因而 除了 明哲保身 之外 當此 早已 全球化 的年代 行 有 餘 力 的 濟弱扶傾 不 只 是 體現 兼善天下 的 高度 其實 救人 也 就 是 救 己 然而 令人 感慨 的 是 面對 這 一 波 的 新冠肺炎 疫情 除 了 少數 的 國家 呈現 患難見真情 的 正向 能量 之外 包括 早期 歐美各國 坐 視 中國 首當其衝 冷眼旁觀 甚至 惡言相向 的 言行 表現 之外 最新 的 例證 莫過於 美國 川普 總統 面對 雪崩 式 的 美國 疫情 為了 維護 個人 的 聲望 川普 竟然 將 全球 疫情 惡化 的 過錯 推 給 who 世界衛生組織 認為 who 失職 犧牲 這麼 多 條 人命 進而 落井下石 的 宣 告 將 暫停 美國 每年 向 who 提供 4 至 5億 美元 的 資金 川普 的 這 一番 面對 患難 時 的 真 情 表態 連 微軟 創辦 人 比爾 蓋茲 都 看不下去 第一時間 大力 批評 但 究 其 實 川普 其實 也 不過 只 是 展現 人性 中 爭功諉過 移 轉 焦點 的 制式 反應 及 負向 效應 罷了 比較 起來 川普 以 停止 金援 來 懲罰 who 其實 只能 算是 人性 自私 的 流露 而已 更為 可 議 的 是 川普 同時 也 向 財政部長 穆努欽 steven mnuchin 施壓 要求 國稅局 執行 經 國會 通過 的 2 兆 美元 振興 經濟 方案 中 直接 發放 給 美國 公民 的 經濟 影響 款項 其中 7千 多 萬人 因 沒有 銀行帳戶 而 只 能 以 紙本 支票 寄送 的 紓困 支票 要 在 這些 支票 印上 川普 的 名字 儘管 美國 法律 規定 國稅局 付款 的 支票 為 確保 行政 中立 須由 財政 服務 局 官員 署名 而 總統 並 無權 署名 但 在 川普 的 堅持 下 穆努欽 只能 讓步 同意 將 川普 的 姓名 印在 紓困 支票 左 下 角 的 備註欄 川普 此舉 除了 是 創下 美國總統 史上 首例 並 坐 實 知法犯法 但 他 的 本意 則 是 企圖 藉 由 這個 小動作 來 誤導 選民 將 政府 發 支票 的 功勞 全攬 到 自己 身上 好 為 11 月 的 總統大選 鋪路 即使 最後 把 姓名 放在 備註欄 但 終 歸 難 逃 公器私用 與 鑽 法律 漏洞 遊 走 法律 邊緣 的 質疑 川普 身 為 美國總統 在 疫情 嚴峻 之際竟然 做出 這 種種 具 高度 爭議性 的 行 止 如果 其他 的 掌權 者 也 有樣學樣 形同 又 引爆 出 民主 疫情 並同 新冠 疫情 以及 網路 假 訊息 及 酸 民 橫行 的 網路 疫情 三 種 疫情 交 相 感染 誠 不 知 其 毀滅性 的 力道 將 伊于胡底 了</t>
  </si>
  <si>
    <t>美國總統 川普 感染 新冠肺炎 後 昨 10 日 進行 首 場 公開 活動 並 摘掉 口罩 外界 關注 他 是否 已經 痊癒 不過 白宮 醫療 團隊 始終 不 願 證實 他 的 病毒檢測 結果 是否 已經 由 陽性 轉為 陰性 昨日 公開 的 備忘錄 僅 表示 川普 已不 具備 傳染</t>
  </si>
  <si>
    <t>美國總統 川普 感染 新冠肺炎 後 昨 10 日 進行 首 場 公開 活動 並 摘掉 口罩 外界 關注 他 是否 已經 痊癒 不過 白宮 醫療 團隊 始終 不 願 證實 他 的 病毒檢測 結果 是否 已經 由 陽性 轉為 陰性 昨日 公開 的 備忘錄 僅 表示 川普 已不 具備 傳染 風險 綜合 美國 國會山 莊 報 the hill 路透社 報導 白宮 昨日 公開 川普 御醫 康利 sean conley 針對 川普 最新 身體狀況 的 備忘錄 指出 川普 已經 不 具備 新冠 病毒 傳染 風險 康利 在 備忘錄 中 指出 今晚 我 很 高興地 宣佈 總統 不只 符合 cdc 不 需要 隔離 的 安全 標準 今天 早上 的 新冠 病毒 pcr 聚合 酶 連鎖反應 檢測 也 顯示 按照 目前 的 標準 他 再也不會 被 視為 對 他人 有 傳染 風險 同時 病毒檢測 也 指出 再 也 沒有 證據 顯示 病毒 會 主動 複製 川普 2 日 宣佈 感染 新冠肺炎 住院 4 天 後 返回 白宮 繼續 治療 白宮 醫療 團隊 先前 坦承 川普 染疫 頭 2 天 有 發高燒 血 氧 濃度 下降 等 狀況 團隊 更 讓 他 使用 重症 患者 才會 使用 的 類固醇 藥物 地 塞 米 松 dexamethasone 進行 治療 令 傳染病 專家 擔憂 川普 實際 病況 嚴重 川普 昨日 進行 染疫 後首 場 公開 活動 他 摘掉 口罩 站 在 白宮 陽臺 上 對 台下 數 百 支持 民眾 發表 長 約 17 分鐘 的 演說 引發 外界 關心 他 是否 已經 痊癒 以及 擔憂 這 場 活動 會 否 淪為 新 的 病毒 溫床 不過 白宮 醫療 團隊 昨日 仍舊 未 證實 川普 的 新冠 病毒檢測 是否 陽 轉陰 只 表示 川普 過去 24 小時 已經 沒有 發燒 其他 症狀 也 已經 改善 白宮 醫療 團隊 已經 連續 幾 天 宣佈 川普 沒有 發燒 症狀 除 了 10 日 進行 首 場 公開 活動 外 川普 還 計畫 12 日 在 佛羅里達州 進行 染疫 後首 場 造 勢 活動 目前 尚不 清楚 川普 身上 仍 有 哪些 新冠肺炎 引發 的 症狀 不過 根據 美國 疾病 管制 暨 預防 中心 cdc 官網 公佈 的 指導方針 輕度 至 中度 成人 新冠 患者 如果 已經 24 小時 沒有 發燒 他們 在 首次 出現 症狀 後 10 天才 能 免除 隔離 重症 患者 則 需要 更 長 的 隔離 期</t>
  </si>
  <si>
    <t>新冠肺炎 疫情 持續 延 燒 讓 許多 國家 人心惶惶 深怕 受到 感染 不過 世界衛生組織 who 宣佈 在 三 周 內 將 公佈 新冠肺炎 的 2 項 藥物 臨床 測試 結果 不過 全球 衛生 專家 呼籲 千萬 不要 草率 上市 根據 cnbc 報導 who 秘書長 譚 德塞 在 記者會 上 表示 有 2 種 用 來 治療 愛滋病 的 藥物 結合 後 還有 瑞德西韋 remdesivir 的 抗病 藥物 有 機會 能夠 用 來 治療 新冠肺炎 接下來 將 會 開始 進行 臨床實驗 預計 會 在 3 周後 得知 測試 結果 此外 世界衛生組織 突發事件 管理人 janet diaz 表示 有 消息 指出 有種 抗 瘧疾 的 藥物 也 能夠 用 來 治療 新冠 病毒 不過 目前 還 沒有 獲得 證實 不過 也 有 全球 衛生 專家 表示 研發 疫苗 是 一 件 漫長 複雜 的 工作 更 重要 的 關係 到 人命 所 以 千萬 不要 為 了 求快 就 草率 測試 後 就 直接 上市 而 除了 who 提到 的 2 種 藥物 之外 美國總統 川普 在 2 月初 時 表示美國 目前 也 正在 進行 研發 疫苗 的 工作 而 最 快 在 2 個 月 內 可以 進行 測試 更 多 ctwant 報導</t>
  </si>
  <si>
    <t>美國總統 當選 人 拜登 在 明年 1 月 20 日 即將 舉行 就職典禮 我國 駐 美 代表 蕭美琴 是否 可以 出席 對此 外交部 今天 表示 是否 組團 還 在 密集 跟 美方 聯繫 中 由於 這次 基於 防疫 就職 大典 規模 縮小 外交部 仍 在 爭取 我們 還 沒有 真</t>
  </si>
  <si>
    <t>美國總統 當選 人 拜登 在 明年 1 月 20 日 即將 舉行 就職典禮 我國 駐 美 代表 蕭美琴 是否 可以 出席 對此 外交部 今天 表示 是否 組團 還 在 密集 跟 美方 聯繫 中 由於 這次 基於 防疫 就職 大典 規模 縮小 外交部 仍 在 爭取 我們 還 沒有 真正 要到 票 可以 去 參加 立 法院 外交 及 國防委員會 今天 邀請 外交部 報告 因應 新冠肺炎 covid-19 疫情 我國 人 與 外國人 入 出境 管制 政策 之 執行 現況 及 我 駐外 館 處 相關 防疫 作法 美國 歷次 總統 就職典禮 我方 都 會派 祝賀團 參與 順道 與 友台 人士 及 各政黨 智 庫 政要 進行 交流 不過 此次 美方 大幅 縮小 典禮 規模 藍委 陳以信 詢問 臺灣 是否 會 組團 出席 外交部 次長 田中光 表示 美國 就職 大典 從未 正式 邀請 過 各國 代表 參與 至於 是否 組團 我方 目前 也 還 在 密集 跟 美方 聯繫 中 由於 時間 緊迫 陳以信 追問 組團 赴美 還有 可能 嗎 田中光 回應 當然 有 可能 但 他 也 透露 現在 美國 就職 大典 規模 縮小 到 各 參 眾議員 只 能帶 一個 人 參加 亦 即 能夠 透過 美國 友人 出席 參與 的 名額 很 少 陳 以 信 詢問 駐 美 代表 蕭美琴 會 不 會 參加 拜登 就職典禮 對此 北美 司長 徐佑典 重申 這次 規模 縮小 到 跟 發展 國情咨文 的 規模 相當 人數 不 會 太 多 如同 次長 所說 我們 還 在 爭取 他 也 透露 現在 我們 還 沒有 真正 要到 票 可以 去 參加 這個 部分 我們 還 在 爭取 當中</t>
  </si>
  <si>
    <t>美國 疾病 管制 與 預防 中心 cdc 內部 檔 顯示 delta 變種 新冠 病毒 正在 美國 迅速 蔓延 似乎 引發 更 嚴重 的 疾病 並 像 水痘 一樣 容易 傳播 據 cnn 新聞網 30 日 報導 華盛頓郵報 the washington post 取得 的 cdc 未公開 的 幻燈片 報告 說 打過 完整 疫苗 的 人和 沒 打過 的 人 一樣 都會 同樣 快 散播 delta 變種 一 位 聯邦 衛生 官員 說 cdc 會 公佈 更新 的 戴 口罩 守則 相關 資料 扮演 了 很 大 的 角色 守則 中建 議 在 高 傳染 區 完整 接種 疫苗 的 民眾 在 室內 仍要 戴 口罩 如今 全美 新冠 病例 不斷 增加 據 約翰霍普金斯大學 johns hopkins university 的 統計數字 顯示 近 1 個 星期 來 美國 平均 一 天 新增 61300 宗 病例 但 今年 6 月 22 日 時 曾有 1 天 只 新增 11299 宗 病例 的 低點 cdc 主任 瓦倫絲 姬 rochelle walensky 週三 說 先前 的 新冠 變種 病毒 顯示 民眾 接種 疫苗 後 就算 罕見 地被 感染 也 沒有 能力 把 病毒 傳染給 別人 然而 她 強調 近 幾 個 星期 來 疫情爆發 調查 卻 顯示 接種 疫苗 的 民眾 感染 具 高度 傳染性 的 delta 變種 病毒株 後 如今 其實 還 能 傳染給 別人 美國總統 拜登 週四 稍 早 宣佈 了 一連串 將要 採取 的 新 措施 設法 讓 更 多 美國 人 接種 疫苗 其中 包括 要求 所有 的 聯邦 雇員 都 得 接種 新冠 疫苗 不然 將 面臨 嚴格 的 規範 這 是 美國 的 悲劇 人們 奄奄一息 並 將 死去 但 他們 不必 死 的 拜登 在 白宮 說 看看 新聞 吧 你們 會 看到 沒 打 疫苗 病 患 在 醫院 的 報導 就 在 他們 躺 在 病床 上 垂死 要求 說 醫生 我 能 打 疫苗 嗎 醫生 只能 說 抱歉 太 晚 了</t>
  </si>
  <si>
    <t>雖然 美國總統 川普 誓言 近期 就 要 重 啟 國家 經濟 不過 素有 美版 陳時中 的 國家 過敏 與 傳染病 研究院 niaid 主任 佛 奇 12 日 透過 視 訊 在 參議院 聽證會 上 表示 當前 美國 追蹤 與 監控 病毒 的 能力 還 不夠 如果 沒有 準備 好 就 重 啟 國門</t>
  </si>
  <si>
    <t>雖然 美國總統 川普 誓言 近期 就 要 重 啟 國家 經濟 不過 素有 美版 陳時中 的 國家 過敏 與 傳染病 研究院 niaid 主任 佛 奇 12 日 透過 視 訊 在 參議院 聽證會 上 表示 當前 美國 追蹤 與 監控 病毒 的 能力 還 不夠 如果 沒有 準備 好 就 重 啟 國門 疫情 復發 的 風險 極 高 屆時 恐 招致 不必要 的 折磨 與 死亡 據 紐約時報 以及 美國有線電視新聞網 報導 cnn 就 在 川普 宣稱 我們 已 度過 那個 時刻 且 我們 戰勝 了 它 病毒 的 後 一 日 佛 奇 anthony fauci 向 美國參議院 健康 教育 勞工 和 退休金 委員會 表示 美國 還 沒有 控制 住 疫情 根本 還 沒 脫離險境 且 重 啟 國家 經濟 過早 的話 仍 缺乏 必要 能力 以便 遏止 不可避免 的 突 增 病例 佛 奇 與 美國 疾 管 中心 主任 雷德菲爾德 robert redfield 一同 警告 在 各級 學校 新 的 學期 展開 前 疫苗 仍 不 會 問世 再 樂觀 也 需要 1 至 2 年 此外 美國 仍 缺乏 足夠 追蹤 與 監控 新冠 病毒傳播 的 基礎 建設 而 全球 其他 部分 地區 一旦 疫情 存在 病毒 肯定 會 接觸 到 美國 本土 他 強調 在 面對 不可 預測 且 致命 的 疾病 時 必須 保持 寧願 過於 謹慎 也 不 要 冒險 犯 錯 的 重要性 佛 奇 表示 如果 在 秋季 之前 美國 沒有 好好 應對 疫情 的話 毫無疑問 將 會 再次出現 群 聚 傳染 導致 美國 疫情 復發 的 風險 極 高 他 也 希望 在 秋季 前 美國 的 應對 能力 已 足夠 但 如果 沒有 將 會 造成 很多 問題 事實上 佛 奇 的 專業 意見 川普 政府 內 對 此 早 有 雜音 先前 由 民主黨 掌 控 的 眾議院 撥款 委員會 先前 邀請 佛 奇 赴 國會 聽證 但 遭 白宮 從中作梗 稱 他 正忙 著 防疫 出席 只 會 適得其反 不過 共和黨 掌 控 的 參院 邀請 佛 奇 作證 時 白宮 則 同意 放行 外界 認為 白宮 只是 擔心 佛 奇 又 與 川普 唱反調 此外 針對 如何 安全地 重 啟 美國 國門 美國 公衛 專家 其實 早已 備 好 計畫 美國 cdc 曾 擬定 17 頁 的 重 啟 美國 國門 方針 其中 包括 了 對 商業 學校 教會 以及 其他 公共場所 在 疫情 仍 存 的 情況 下 應如何 運作 不過 卻 被 告知 這 份 報告 恐怕 永遠 無法 正式 問世 因為 各 地 疫情 情況 不一 白宮 不 願 對外 提供 重 啟 國門 特定 環節 的 相關 細節 準則 佛 奇 9 日 曾 表示 由於 他 和 確診 者 有 低 風險 接觸 出於 謹慎 將 進行 改良版 隔離 除了 在 家中 遠 距離 辦公 持續 配戴 口罩 並 每天 進行 病毒檢測 故此 次 聽證會 采 視 訊 連線</t>
  </si>
  <si>
    <t>新冠肺炎 爆發 後 蔡 政府 在 防疫 之際 透過 仇恨 語言 歧視 手段 順勢 打 了 一 場 抗 中保 台 之 戰 藉 機 強化 反 中 牌 的 正當性 只是 疫情 過後 當 各國 逐漸 從 相互指責 的 激情 回歸 至 理性 常軌 眼前 這 場 大內 宣 的 反 中 聖 戰 因為 兩岸 鴻溝 的 加深 即使 現在 贏 了 面子 未來 可能 輸 更 多 過去 4 年 兩岸 沒 好事 就 罷了 過去 4 個 月 蔡 政府 打 著 防疫 之 名 在 陸美 對 抗大 局裡 扮演 嗆 陸 急先鋒 讓 台海 出現 沒有 必要 的 紛擾 與 危機 定名 新冠 卻 執意 用 歧視性 名稱 首先 是 言語 上 的 挑釁 當 世衛組織 who 將 傳染病 定名 為 2019 冠 狀 病毒 病 covid- 2019 簡稱 新冠肺炎 蔡 政府 卻 獨步 全球 帶頭 使用 武漢肺炎 背後 隱含 的 歧視 不言 可 喻 在 疫情爆發 初期 儘管 陸方 未 對外 求援 口罩 蘇貞昌 卻 主動 下達 出口 禁令 儘管 救人 之前 本該 先 自救 但 蘇貞昌 刻意 喊 得 很 大聲 背後 隱含的 敵意 對岸 聽 在 耳 裡 難道 沒有 感覺 接 著 是 區分 敵我 的 兩 套 標準 最 荒謬 的 莫過於 把 台人 所在地 區分 為 2 種 階級 只要 人 在 大陸 特別 是 武漢 即使 早已 解除 封城 禁令 卻 仍 透過 注 記 禁止 台人 自行 返台 遲至 近期 才 全數 接回 反觀 病例 數 更 多 的 歐美台 人 即使 已 感染 仍 能 自行 返台 注 記 在 陸台 人 歐美 返台 不 設限 當 美國總統 川普 為 轉移 防疫 不利 的 責任 一面 甩 鍋 大陸 與 who 一面 標榜 臺灣 是 模範 生 以 臺灣 刺激 大陸 臺灣 也 樂得 被 美 利用 政府 這麼 做 除 有 拉美 抗 中 效忠 意義 也 順勢 激化 內部 的 仇中 意識 所謂 大 外宣 說穿 了 是 操 弄 輿論 的 大內 宣 整體 來說 從 若 有 似 無 的 敵意 到 鐵錚錚 的 攻勢 蔡 政府 硬是 把 防疫 工作 操作 成 反 中 聖 戰 讓 兩岸 陷入 更 深 的 敵意 螺旋 期間 所 造成 的 實質 損害 及 更為 破碎 的 互信 基礎 預料 都 將 在 疫情 結束 後 慢慢出現 後遺症 更 令 人 悲觀 的 是 臺灣 到底 賺到 什麼 除了 口惠實 不 至 的 wha 空頭支票 還有 嗎 各國 政要 的 推特 留言 與 臉書 1 個 贊 難道 值得 臺灣 如此 搏 命 演出 這 場 獨角戲 若 堅持 演 下去 最後 恐 將 只 剩 臺灣 孤零零 站 在 兩岸 鴻溝 的 一邊 被 賣 了 還 幫忙 數 鈔票</t>
  </si>
  <si>
    <t>小 編 精選 中國時報 5 件 不可 不知 大事 帶 讀者 掌握 今天 27 日 新聞 重點 1 英 首相 強森 今日 復工 英國首相 辦公室 發言人 昨天 證實 英國首相 強 森 boris johnson 治療 加 休養 整整 超過 3 周後 27 日 將 重返 工作崗位 比 原定 時間 提早 他 缺席 期間 的 代理人 外務大臣 拉布 說 強森 迫不及待 全面 復工 而 強森 的 複出 有助於 提 振 政府 與 英國 的 士氣 2 只 禁酒 店 舞廳 ktv 成大 漏洞 錢 櫃 ktv 昨 發生 大火 造成 5 死 慘劇 除 暴露出 業者 只為 賺錢 輕忽 公安 罔 顧人命 的 老 問題 另 也 凸顯 政府 在 防疫 嚴峻 期間 雖 對 全台 酒店 舞廳 祭出 停業 令 卻 對 ktv 網開一面 政府 若 不 重視 防疫 管 控 難保 ktv 會 形成 防疫 破 口 3 川普 推特 預測 新冠 奇跡 般 結束 美國總統 川普 首度 缺席 疫情 新聞 發佈會 25 日 透過 推特 直接 宣告 疫情 簡報 玩 完了 川普 25 日 推 文說 不入流 媒體 lamestream media 只 問 充滿 敵意 的 問題 又 拒絕 正確 報導 實情 或 事實 那開 白宮 新聞記者 會 又 有 什麼 意義 他們 得到 破 紀錄 收視率 美國 民眾 卻 只 接收 到 假新聞 根本 不 值得 花 時間 和 精力 川普 還 在 推特稱 新冠 開始 於 一個 中國人 將 會 奇跡 般 結束 4 人大 常委 會議 在 京 召開 全國 兩會 擬 朝 視 訊 規 畫 第 13 屆 人大 常委會 第 17 次 會議 26 日 下午 在 北京 登場 會議 審議 關於 13 屆 全國人大 三 次 會議 召開 時間 的 決定 草案 之 議案 預計 29 日 將 公佈 13 屆 全國人大 三 次 會議 召開 時間 屆時 大陸 全國 兩會 開會 日期 也 將 隨之 揭曉 預料 可望 在 23 或 24 日 開幕 會議 採取 全 視 訊 或是 現場 出席 與 視 訊 出席 相 結合 方式 舉行 在 西方 國家 究 責 聲浪 不斷 下 北京 刻意 低調 避免 各國 忙 著 防疫 的 同時 給予 外界 高調 舉辦 會議 觀感 5 愷 樂 道歉 文 被 批 沒 誠意 明天 停工 娛 百羅志祥 小 豬 與 周揚青 9 年 情 斷 女方 23 日 以 千 字 分手 信 指控 小 豬 劈 腿 約 炮 多 人 運動 與 旗 下女 藝人 有 長期 不 正當 的 男女關係 線索 直指 愷 樂 周揚青 甚至 爆 料 愷 樂 有 男友 還 出軌 小 豬 轟 愷 樂 在外 裝 純情 私下 當 p 友 繼 羅志祥 25 日 淩晨 道歉 後 愷 樂 同日 深夜 11 點 多 終於 打破 沉默 以 32 字 向 周揚青 道歉 間接 默認 所有 指控</t>
  </si>
  <si>
    <t>中 時 新聞網 精選 5 件 不可不 知 的 國際 大事 帶 讀者 掌握 今 11 日 的 國際 新聞 重點 1 who 指 台電 郵 裡 未 寫 人 傳人 指揮中心 反駁 世界衛生組織 who 世衛 表示 去年 12 月 31 日 收到 臺灣 所 發電 郵 內容 提及 媒體 報導 指出 武漢 有 非典型肺炎 病例 但 這 封電 郵 沒有 提到 人 與 人 之間 的 傳染 針對 who 回應 中央流行疫情指揮中心 11 日 晚間 反擊 who 斷章取義 2 全球 破 10萬 人 死亡 英日 增 980 人 病 歿 創 單日 新高 臺灣 時間 11 日 淩晨 全球 新冠肺炎 總 確診 人數 超過 165萬 人 死亡 病例 已 逾 10萬 例 英國 當天 宣佈 新 增 980 例 死亡 病例 創 英國 單日 新 高 3 川普 估 死亡 低於 10萬 下 周 定奪 如何 砍 who 美國總統 川普 表示 他 認為 美國 因 新冠 病毒 的 死亡 人數 應會 低於 最先 估計 的 10萬 人 此外 他 再次 炮轟 世界衛生組織 以 大陸 為 中心 並 表示 下 周將 會 就 美國 提供 世衛 的 資金 援助 做出 定奪 他 必須 確定 美國 納稅人 的 資金 能 被 妥善 使用 4 新冠 確診 100 天 譚 籲 抗 疫 不要 政治化 世界衛生組織 秘書長 譚 德塞 9 日 表示 新冠肺炎 疫情爆發 100 天 以來 who 以 公平 客觀 和 中立 來 處理 疫情 針對 外界 批評 他 說 大 家 不應 將 疫情 政治化 也 不該 藉 此 贏 取 政治 分數 5 稱 疫情 見 頂 川普 準備 拼 經濟 美國 新冠肺炎 疫情 慘重 經濟 資料 同樣 慘 澹 令 各界 正 迫切 討論 何時 解 封 川普 總統 9 日 形容 美國 疫情 已 見 頂 希望 經濟 以 大 爆炸 方式重 啟 也 相信 經濟 定會 強力 反彈 之後 的 狀況 會 比 疫情爆發 前 更 好</t>
  </si>
  <si>
    <t>據 美國有線電視新聞網 cnn 報導 在 美國 當地 時 13 日 美國總統 川普 在 白宮 的 新冠肺炎 疫情 記者會 上 表示 白宮 將 於 美國 時間 14 日 宣佈 成立 一個 經濟 工作組 包括 一個 或 多 個 委員會 聚焦 未來 幾 周內 能夠 指導 美國 經濟 重</t>
  </si>
  <si>
    <t>據 美國有線電視新聞網 cnn 報導 在 美國 當地 時 13 日 美國總統 川普 在 白宮 的 新冠肺炎 疫情 記者會 上 表示 白宮 將 於 美國 時間 14 日 宣佈 成立 一個 經濟 工作組 包括 一個 或 多 個 委員會 聚焦 未來 幾 周內 能夠 指導 美國 經濟 重新 啟動 川普 在 會上 表示 你們 可能 聽說 過 我們 還 成立 了 一個 委員會 實際上 委員會 不只 一個 這些 委員會 擁有 全國 最 傑出 的 人物 各個領域 最 成功 的 人士 我們 將 在 明天 宣佈 它們 的 成立 報導 還 提到 特朗普 表示 行政 團隊 已經 就 美國 部 份 地區 經濟 重 啟 進行 討論 預計 很快 就 能夠 付諸實行 川普 說 我們 將 很快 敲定 全新 的 非常 重要 的 指導方針 為 州長 們 提供 其 所在地 重 啟 所 需 的 訊息 政府 的 復蘇 計 畫 將 讓 美國 人 對 恢復 生活 產生 信心 據 瞭解 白宮 幕僚 長 馬克 梅多斯 將 擔任 該 工作 組 的 主席 川普 女兒 伊凡卡 也 會 在 組織 中 發揮作用</t>
  </si>
  <si>
    <t>大 立 光 釋出 智慧 型 手機 景氣 不 明 的 保守 展望 再 加上 美國 國民兵 因 鎮壓 民眾 多 人 確診 新冠肺炎 疫情 等 的 衝擊 台股 11 日 多殺多 啟動 終場 重 挫 18439 點 所幸 盤面 上 內需 的 零售 通路 自行車 遊戲 產業 等 個股 抗跌 躍 為 盤面 多頭 交易 重心 德 信 證券 自營 部副 總 吳 文彬 說 新冠肺炎 疫情 雖然 趨 緩 但 未 完全 消失 近期 美國 再 新增 新冠肺炎 的 確診 案例 主要 是 美國總統 川普 日前 動員 國民兵 鎮暴 民眾 示威 但 不幸 卻 傳出 已 多 人 確認 感染 新冠肺炎 病毒 衝擊 亞洲 股市 及 美 股 電子 期貨 盤 11 日 台股 盤面 上 抗跌 的 有 內需 零售 通路 統 一超 物流 業者 宅 配 通 遊戲 股 網 龍及 自行車 產業 股 巨大 美利達 等 隱形眼鏡 品牌 廠晶 碩 其中 巨大 11 日 最高 達 274 元 創 波段 高點 終場 漲幅 421 美利達 漲幅 435 自行車 產業 表現 最 整齊 統一 投 顧 董事長 黎方 國 表示新冠肺炎 疫情 改變 民眾 通勤 習慣 自行車 需求 爆發 歐 美政府 為 了 減緩 交通 擁擠 鼓勵 民眾 騎 乘 自行車 通 勤 自行車 熱潮 今後 兩 年 將 存在 于歐 美中 三大 市場 台股 自行車 業者 將 迎來 黃金時代 巨大 及 美利達 業績 水漲船高</t>
  </si>
  <si>
    <t>一 名 在 沙加 緬度 郡 sacramento county 接受 治療 的 索拉諾 郡 solano county 居民 從未 接觸 新冠肺炎 病 患 但 卻 染病 可能 成為 第一 宗人 傳 人 的 社區 傳播 病例 據 ktla 5 電視臺 26 日 報導 疾病 管制 與 預防 中心 cdc 週三 宣佈 加州 公共 衛生局 california department of public health 證實 就 目前 所知 這 名 病 患 沒有 經由 旅遊 或是 和 新冠肺炎 病 患 密切接觸 而 暴露 在 遭 病毒感染 的 危險 下 不過 加州 公共 衛生局 強調 由於 該 州 的 健 保 系統 很 強 因此 大眾 感染 新冠肺炎 的 風險 很 低 就 在 這項 宣佈 前不久 美國總統 川普 指派 副 總統 彭斯 mike pence 負責 領導 白宮 防控 新冠肺炎 據 川普 說 美國 對 可能 的 威脅 有 十分 十分 萬全 的 準備 不過 cdc 已 警告 美國 確診 病例 達 60 宗後 社區 傳染 在 美 已 無可避免 並 呼籲 企業 和 學校 做好 關閉 的 準備 而 三藩市 也 宣佈 為了 防控 新冠 病毒 而 進入 緊急狀態</t>
  </si>
  <si>
    <t>美國總統 川普 近期 對 北京 頻頻 出手 先 後 對 大陸 電信 巨擘 華為 實施 新 制裁 又 對 涉及 侵犯 新疆 人權 的 陸 官員 及 政府部門 實施 制裁 雖然 看似 他 為了 競選 連任 對 北京 來勢洶洶 但 據 實際上 川普 對 他 的 助手 們 透露 他 並 不 希望 與 北京</t>
  </si>
  <si>
    <t>美國總統 川普 近期 對 北京 頻頻 出手 先 後 對 大陸 電信 巨擘 華為 實施 新 制裁 又 對 涉及 侵犯 新疆 人權 的 陸 官員 及 政府部門 實施 制裁 雖然 看似 他 為了 競選 連任 對 北京 來勢洶洶 但 據 實際上 川普 對 他 的 助手 們 透露 他 並 不 希望 與 北京 加深 緊 繃 關係 並 已 排除 再進一步 對 更 高階 的 官員 實施 制裁 據 美國 財經 媒體 報導 川普 私下 透露 不 願 在 簽署 香港 自治法 後 再 對 北京 實施 制裁 完全 與 數 周 以來 一直 在 公眾 面前 從 疫情 到 香港 自由 問題 對 陸開 嗆 的 形象 背道而馳 雖然 香港 自治法 賦予 行政部門 制裁 根據 但 並 不 意味 川普 政府 必須 要 立即 實施 報導 指出 據 兩 名 要求 匿名 人士 透露 在 川普 透露 反對 制裁 更 高階 陸 官員 之前 川普 團隊 早就 將 香港 行政長官 林鄭月娥 以及 大陸 國務院 副 總理 韓正 列為 制裁 對象 不過 即使 川普 不怎麼 願意 總統 也 可能 未來 決定 實施 其 他 對 陸 懲罰 香港 自治法 給 行政部門 90 天 時間 確認 打 壓 異議 政治 份子 的 陸 官員 並 予以 制裁 據 英國廣播公司 報導 受 制裁 的 官員 包括 新疆維吾爾自治區 黨委書記 陳全國 前 政法委 書記 朱海侖 新疆 政府 副 主席 公安廳黨委 書記 兼 廳長 王明山 以及 前 公安廳 黨委書記 霍留軍 隨後 大陸 也 於 13 日 宣佈 對 美 制裁 名單 知名 的 反 陸 議員 參議員 魯比歐 marco rubio 克魯茲 ted cruz 和 眾議員 史密斯 chris smith 以及 國務院 國際 宗教自由 無任 所 大使 布朗貝克 sam brownback 都 在 名單 中 針對 美方 制裁 做出 象徵性 報復</t>
  </si>
  <si>
    <t>美國總統 川普 週五 發表 媒體 稱 他 敗 選 後 的 首度 公開 談話 他 在 白宮 玫瑰 花園 先是 大贊 最近 新冠 疫苗 研發 獲得 突破 接 著 說 除非 紐約州 長 古 莫 andrew cuomo 不 擋路 否則 當地 不 會 獲得 疫苗 據 cnbc 新聞網 和 紐約 郵報 ne</t>
  </si>
  <si>
    <t>美國總統 川普 週五 發表 媒體 稱 他 敗 選 後 的 首度 公開 談話 他 在 白宮 玫瑰 花園 先是 大贊 最近 新冠 疫苗 研發 獲得 突破 接 著 說 除非 紐約州 長 古 莫 andrew cuomo 不 擋路 否則 當地 不 會 獲得 疫苗 據 cnbc 新聞網 和 紐約 郵報 new york post 13 日 報導 川普 承諾 最 快 4 月 時 政府 將 會 在 全美 各地 分發 新冠 疫苗 可是 由於 古 莫不 信任 因此 不 會 給 紐約州 最 快 4 月 全美 各地 民眾 都 會 得到 疫苗 除了 像 紐約州 等 地 基於 政治 理由 的 地方 外 州長 決定 這麼 說 而 從 政治 上 來說 我 認為 不好 從 健康 的 觀點 來看 我 認為 很 糟 但 他 想要 在 疫苗 上 慢慢來 古 莫 先前 不斷 貶低 相關 疫苗 說 在 川普 手下 它 已 政治化 並 需要 紐約州 政府 二 度 審核 就 在 美國 輝瑞 pfizer 大 藥廠 宣佈 疫苗 研發 出現 重大突破 後 古莫 週一 隨即 發表 評論 說 川普 推出 疫苗 有 瑕疵 甚至 說我們 不能 讓 這 疫苗 計 畫 按照 川普 和 他 政府 設計 的 方式 繼續下去 而 川普 週五 反唇相譏 道 他 不 信任 疫苗 的 來源 這些 來自 全世界 一流 的 公司 最 棒 的 實驗室 但 他 不 信任 是 在 這 白宮 在 這 政府 治 下 的 事實 不過 古莫聞 言 隨即 透過 msnbc 回應 道 只要 川普 給 紐約州 疫苗 他 馬上 就 會 分發 他 強調 政府 一發 疫苗 紐約州 就 會 著 手 分發 絕不會 有 任何 延誤 並說 川普 說 的 話 沒 一 句 是 真 的 然而 古莫 也 坦承 過去 4 年 來 他 都 直言不諱 反對 川普 的 許多 政策 並 直指 這次 美國總統 選舉 川普 在 紐約州 大輸 而 州 檢察官 也 在 調查 這 位 白宮 主人 的 逃稅 案 古莫 說 川普 對 紐約州 有 意見 喜歡 把 矛頭 對準 紐約 那是 他 的 問題 也 是 他 個人 的 信用 問題 另一方面 紐約州 檢察長 詹樂霞 letitia james 也 發出 聲明 威脅 如果 政府 一旦 有 了 疫苗 卻 沒 立刻 給 紐約州 將 為 川普 的 政治 報復 行為 控告 這個 跛腳鴨 總統</t>
  </si>
  <si>
    <t>新冠肺炎 疫情 持續 升溫 美國總統 川普 甚至 預測 全美 最 多 將 有 24萬 人 被 奪 走 性命 此 一 言論 再度 點燃 市場 恐慌 情緒 摜 壓 剛 創下 史 上 第二 大 季 線 跌幅 的 全球股市 美 股 在 4 月 第 一個 交易日 全面 重 挫 三大 指數 跌幅 都 超過 4 道 瓊</t>
  </si>
  <si>
    <t>新冠肺炎 疫情 持續 升溫 美國總統 川普 甚至 預測 全美 最 多 將 有 24萬 人 被 奪 走 性命 此 一 言論 再度 點燃 市場 恐慌 情緒 摜 壓 剛 創下 史 上 第二 大 季 線 跌幅 的 全球股市 美 股 在 4 月 第 一個 交易日 全面 重 挫 三大 指數 跌幅 都 超過 4 道 瓊 工業 指數 今天 收盤 重 挫 97365 點 跌幅 444 收在 2094351 點 標準普爾 指數 收盤 重 挫 11409 點 跌幅 441 收在 24705 點 科技 股 那 斯 達克 指數 收盤 重 挫 33952 點 跌幅 441 收在 736058 點 新冠 疫情 持續 在 美 持續 延 燒 根據 約翰霍普金斯大學 計算 美國 目前 共有 20萬3608 例 確診 全球 第一 至少 4361 人 不治 原本 樂觀 的 川普 如今 也 一 改 之前 樂觀 態度 坦言 未來 2 周會 非常 痛苦 慘 如 地獄 死亡 人數 可能 在 10萬 至 24萬 人 之間 大家 要 有 心理準備 受 此 言論 影響 市場 恐慌 情緒 再起 美 股 三大 指數 全 倒</t>
  </si>
  <si>
    <t>在 新冠肺炎 covid-19 疫情 引發 的 社會 動盪 之下 美國 民用 槍械 與 彈藥 的 銷量 自 去年 起 猛 烈 增加 且 客群 擴 及 原本 並 無 太 大 意願 購買 武器 的 民眾 一 間 槍 店 店員 便 表示 他 最近 遇到 老年 婦女 和 單親 媽媽 等 顧客 坦言 此類情況 前所未見 美國 社會主義 期刊 雅各賓 jacobin 特約 編輯 費南德茲 belen fernandez 10 日 投書 半島電視臺 al jazeera 稱 美國 人 正 瘋狂 地 武裝 自己 因而 引發 彈藥 的 大 饑荒 各地 槍 店 的 彈藥 被 搶購一空 甚至 已 影響 執法機關 美國 國家 執法 槍械 教練 協會 nlefia 執行 董事 烏斯 騰 伯格 jason wuestenberg 表示 由於 彈藥 不足 該 協會 已 有 部分 教練 被迫 取消 針對 執法人員 的 培訓 課程 紐約州 那努 特 nanuet 槍 店 好人 槍枝 與 彈藥 good guys guns ammo 經理 歐 希利 joe o&amp;apos healy 透露 該店 的 彈藥 銷量 猛增 10 倍 且 已 開始 有 老年 婦女 和 單獨 推 著 嬰兒車 的 單親 媽媽 來到 店裡 選購 用於 防身 的 霰彈 槍 等 武器 坦言 此類情況 前所未見 費南德茲 引述 多 家 媒體 指出 美國 民眾 囤積 武器 和 彈藥 的 原因 包括 疫情 恐慌 社會 動盪 犯罪率 上升 對 未知 的 恐懼 肉類 不足 有 更 多 時間 打獵 等 比 靈 斯 日報 billings gazette 更 表示 據稱 部 份 美國 人 正 為 潛在 的 內戰 做 準備 費南德茲 表示 雖然 美國總統 拜登 joe biden 有意 收緊 槍 枝 管制 但 在 該國 彈藥 製造商 手裡 握有 價值 達 數 十億 美元 的 訂單 之下 相關 問題 顯然 不太可能 迅速 獲得 解決</t>
  </si>
  <si>
    <t>全球 籠罩 在 新冠肺炎 的 陰影 下 逾 八 個 月 疫情 仍 尚未 緩解 隨 著 時序 進入 秋冬 各國 專家 紛紛 擔心 疫情 再度 惡化 的 可能 另 2020 美國 總統大選 在即 再 加上 美國總統 川普 確診 新冠肺炎 以及 川普 宣佈 已 指示 暫停 紓困 案 協商 一度</t>
  </si>
  <si>
    <t>全球 籠罩 在 新冠肺炎 的 陰影 下 逾 八 個 月 疫情 仍 尚未 緩解 隨 著 時序 進入 秋冬 各國 專家 紛紛 擔心 疫情 再度 惡化 的 可能 另 2020 美國 總統大選 在即 再 加上 美國總統 川普 確診 新冠肺炎 以及 川普 宣佈 已 指示 暫停 紓困 案 協商 一度 影響 美 股 走勢 市場 接下來 將 聚焦 在 10 月 15 日 的 美國總統 選舉 第二 場 辯論 川普 染疫 後 的 狀況 也 為 辯論會 是否 如期舉行 增添 變數 且 本月 美國 企業 財 報 陸續 出爐 企業 是否 提供 樂觀 的 2021 年 營運 展望 會 是 左右 美 股 走向 的 重要 變數 之一 亦 是 投資人 密切 關注 的 重點 日前 因 美國 紓困 法案 暫停 的 影響 使 美 股 三大 指數 下跌 台股 一度 受到 干擾 但 仍 表現 有 撐 接下來 市場 預期 蘋果 將 在 10 月 13 日 推出 新 iphone 12 系列 可望 為 相關 供應 鏈 挹注 成長 動能 且 今年 推出 的 iphone 將 是 蘋果 首 支 5 g 手機 對 5 g 手機 滲透 率 頗 有 助益 5 g 題材 有 機會 再度 發酵 投資人 若 看好 相關 個股 可 考慮 利用 權 證 提前 佈局 利用小 資金 的 權 證 商品 放大 獲利 空間 在 權 證 篩選 上 永豐 金 證券 衍生 商品部 建議 新手 投資人 以 價內 10 至 價 外 20 附近 且 剩 餘 天數 仍 有 60 天 以上 的 權 證 為主 也 可 依據 自身 投資 屬性 篩選 權 證 提醒 投資人 進場 前 需謹慎 評估 承受 風險 的 程度 適時 掌握 停 損 停 利 永豐 金 證券 向來 積極 推動 權 證 市場 為 使 投資人 充分 瞭解 權 證 永豐 金 證券 將 於 10 15 四 舉辦 講座 權 民 開講 權 證 理財 其實 不難 由 知名 權 證 講師 解析 近期 市場趨勢 外 並以 淺顯易懂 的 方式 講解 權 證 商品 知識 鼓勵 投資人 善用 權 證 提升 投資 效益 課程 詳情 及 報名 可 至 永豐 金 理財 網 學習 講座 頁面 經由 永豐 金 權 證 網 右 上方 連結 進入 或 掃 qr code 進入 名額有限 報名 從速 喔</t>
  </si>
  <si>
    <t>新冠 病毒 不僅 威脅 全 人類 健康 因 各國 相繼 鎖國 防疫 全球 陷入 封鎖 悖論 亦 即為 防止 新型 冠狀病毒 擴散 各國 對外 關閉 邊境 對內 封 城 或 嚴格 限制 外出 雖 產生 防疫 效果 卻 造成 經濟 及 社會活動 停滯 付出 慘重 的 經濟損失 形成 悖論 隨 著 歐 美 疫情 擴大 世界 經濟 前景 漸 趨 悲觀 野村 全球 市場 研究公司 分析 指出 若 疫情 無法 有效 控制 全球 經濟 不僅 v 型 復蘇 無望 甚至 可能 陷入 l 型 的 長期 衰退 3 月 下旬 以來 日本 各 大 城市 接連 的 外出 自 肅 自我 約束 勸告 造成 餐旅 及 百貨 銷售 等 內需 大幅 萎縮 安倍 首相 在 參議院 答詢 時 指出 新冠 病毒 疫情 堪稱 日本 戰後 從未 經歷 過 的 國難 並稱 已 設想 最壞 的 情況 此 警告 除 針對 疫情 更 帶有 對 日本 經濟 的 憂心 4 月 1 日 日銀 央行 公佈 日本 大型 製造業 景氣 判斷 指數 di 為 負 8 是 7 年 來 首度 由 正 轉 負 且 預測 第 2 季為負 11 日本 景氣 持續 惡化 無獨有偶 美國國會 4 月 2 日 發佈 今年 第 2 季 的 gdp 預測 為 負 28 此為 史 上 最 大 的 負 成長 數字 為 避免 日本 經濟 失 速 安倍 內閣 將 推出 超過 華爾街 金融風暴 時 規模 前所未見 的 緊急 經濟 對策 然而 全球 各自為政 的 救 市 措施 不足以 使 人類 安度 此 二戰 結束 後 的 最 大 危局 何況 疫情 中 美 中 爭論不休 甩 鍋 對方 互指 為 新冠 病毒 禍源 美國總統 川普 以 中國 病毒 指稱 此 病毒 華爾街日報 亦 口不擇言 稱 中國 是 真正 的 亞洲 病夫 美國 將 疫病 汙名 化 的 前 現代 做法 迎合 美國 社會 的 種族主義 並 升高 中國 威脅論 的 聲 量 試圖 干擾 中國 的 國際 參與 弱化 其 影響力 疫情 中的 美 中 較勁 不僅 平添 全球 防疫 的 破 口 更 釀成 經濟危機 新加坡 總理 李顯龍 呼籲 互相 指責 無濟於事 美 中 及 各國 須 合作 對抗 新冠 病毒 且 希望 美國 在 此事 上 扮演 領導 角色 因 美國 擁有 資源 科學 影響力 軟 實力以及 令人信服 且 成功 處理 這些 問題 的 經驗 不僅 是 為 美國 自身 的 利益 亦 有 利於 更 多 國家 的 更 大 好處 誠如 李顯龍 總理 所言 美國 較 中國 應負更 大 的 國際 責任 與 義務 但 美國哈佛大學 教授 奈伊 認為 川普 囿於 狹隘 的 美國 第一 缺乏 對 欲望 的 克制 偏向 短期 零 和 收益 的 政治 操作 未 意識 到 合作 與 淩駕 的 辯證關係 忽略 體系 及 同盟 的 重要性 川普 外交 不利於 防疫 等 國際 權力 間 的 正和 博弈 令 美國 在 新冠肺炎 全球 擴散 下 付出 慘痛 代價 日本 經濟 新聞 評論 指出 封殺 新冠 病毒 全球 政治 需要 對 表 歐 美 及 中 日 等 亞洲 主要 國家 須 共商 清晰 的 路線圖 並 構築 全球 政治 的 頂層 設計 構架 其間 美 中 需要 互信 需要 尋求 共存 北京 須 做 中 美 共識 構築 的 主動 者 共 揚 人性 的 良善 重建 交流 及 合作 信心 g20集團 領袖 于 3 月底 舉行 視 訊 峰會 承諾 將 盡可能減少 疫情 對 世界 經濟 造成 破壞並 共同 投入 疫苗 及 藥品 的 研發 但 美 中 兩 國 的 態度 為 能否 獲致 具體 成果 的 關鍵 g 20 視 訊 峰 會後 川 習 隨即 通電 但 雙方 合作 依舊 有口無心 爭拗 不斷 即使 川普 有心 與 習近平 維持 互動關係 卻 不容易 撼動 美國 反 中的 深層 結構 美國 與 歐洲 的 矛盾 與 互 疑 也 隨 著 疫情 惡化 而 深化 g 20 峰會 聯合公報 多邊合作 宣示 可能 淪為 紙上談兵 全球 大 流行 的 新冠肺炎 不應 加深 美 中的 新仇舊恨 彼此 怨 懟 而 應是 雙方 捐棄 文化 偏執 及 成見 尋求 合作 的 契機 瘟疫 當前 美 中 若 能 放下 偏見 與 爭執 共同 抗 疫 將 可 緩解 雙邊關係 的 緊張 引 領 國際 社會 走向 合作 使 新冠 病毒 對 各國 的 傷害 降到 最低 否則 歷史 將 記上 我們 犯下 的 錯誤 部落 主義 的 他 我 劃分 相互 攻伐 將 使 人類 錯失 戰勝 新冠 病毒 的 機會 分崩離析 的 國際 社會 更 難以 收 十 全球 經濟 的 危局 部落 主義 是 當前 人 類比 新冠肺炎 更 嚴重 的 病毒</t>
  </si>
  <si>
    <t>大陸 當前 積極 研發 新型 冠狀病毒 肺炎 病毒 滅 活疫苗 在 美國總統 川普 於 30 日 淩晨 宣佈 美國 暫停 與 世界衛生組織 who 的 關係 後 大陸 國資 委 同日 稍後 表示 大陸 研發 的 肺炎 疫苗 預計 最 快 在 今年底 或 明年初 上市 香港 信 報 30 日</t>
  </si>
  <si>
    <t>大陸 當前 積極 研發 新型 冠狀病毒 肺炎 病毒 滅 活疫苗 在 美國總統 川普 於 30 日 淩晨 宣佈 美國 暫停 與 世界衛生組織 who 的 關係 後 大陸 國資 委 同日 稍後 表示 大陸 研發 的 肺炎 疫苗 預計 最 快 在 今年底 或 明年初 上市 香港 信 報 30 日 報導 大陸 國資 委 表示 國藥集團 中國 生物 武漢 生物製品 研究所 和 北京生物製品研究所 的 新冠 滅 活疫苗 目前 已 完成 第 1 期 及第 2 期 入 組 共有 2千 多 人 接受 注射 臨床 資料 顯示 疫苗 安全性 有效性 獲 充分 驗證 不良反應 發生率 和 程度 均 遠 低於 已 上市 各類 疫苗 該 疫苗 臨床 試驗 分為 3 期 完成 第 1 至 3 期 臨床 直至 上市 預計 最 快 在 今年底 或 明年初</t>
  </si>
  <si>
    <t>美國總統 川普 確診 新冠肺炎 住院 四 天 後 就 出院 引發 各界 關注 重症 暨 胸腔 醫師 黃軒 則 引述 國際 研究 分析 其 恢復 後 出現 肺 功能 障礙 的 機 率 若 川普 是 輕 症 將 有 425 的 機 率 出現 肺 功能 障礙 重症 則 有 756 的 可能性 並 羅列 出</t>
  </si>
  <si>
    <t>美國總統 川普 確診 新冠肺炎 住院 四 天 後 就 出院 引發 各界 關注 重症 暨 胸腔 醫師 黃軒 則 引述 國際 研究 分析 其 恢復 後 出現 肺 功能 障礙 的 機 率 若 川普 是 輕 症 將 有 425 的 機 率 出現 肺 功能 障礙 重症 則 有 756 的 可能性 並 羅列 出新冠 六 種 症候 群 及 使用 呼吸器 的 機 率 提醒 年長 與 肥胖 是 危險 關鍵 黃軒 表示 咳嗽 發燒 和 嗅覺 喪失 一般 被 視為 新冠肺炎 的 三大 症狀 但 為了 弄清 特定 症狀 是否 傾向 於 同時 出現 以及 與 疾病 進展 之間 的 關係 研究 大 資料 分析 出 六 種 類型 和 使用 呼吸器 的 機 率 一 不 發 燒 的 流感 用 呼吸器 比率 15 症狀 偏 頭痛 嗅覺 喪失 肌肉 疼痛 咳嗽 喉嚨 痛 胸 痛 不 發燒 二 發燒 的 流感 用 呼吸器 比率 44 症狀 偏 頭痛 嗅覺 喪失 咳嗽 喉嚨 痛 聲音 嘶啞 發燒 食欲不振 三 胃 腸道 用 呼吸器 比率 33 症狀 偏 頭痛 嗅覺 喪失 食欲不振 腹瀉 嗓子 痛 胸 痛 無 咳嗽 四 一級 嚴重 疲勞 用 呼吸器 比率 33 症狀 偏 頭痛 嗅覺 喪失 咳嗽 發燒 聲音 嘶啞 胸 痛 疲勞 五 二級 嚴重 意識 混亂 用 呼吸器 比率 33 症狀 偏 頭痛 嗅覺 喪失 食欲不振 咳嗽 發燒 聲音 嘶啞 嗓子 痛 胸 痛 疲勞 精神 錯亂 肌肉 疼痛 六 三級 嚴重 腹腔 和 呼吸道 用 呼吸器 比率 198 症狀 偏 頭痛 嗅覺 喪失 食欲不振 咳嗽 發燒 聲音 嘶啞 嗓子疼 胸 痛 疲勞 精神 錯亂 肌肉 疼痛 呼吸 窘迫 腹瀉 腹痛 黃軒 補充 說明 組別 6 中 幾乎 一半 的 患者 都得 住院治療 而 組別 1 中 卻 僅 有 16 才 需 住院 而 老人 慢性 疾病 患者 肥胖 和 肺病 患者 多 是 呈現 在 組別 4 組別 5 和 組別 6 黃軒 指出 川普 年紀 較 長 又 有 肥胖 問題 先前 確診 後 難 掩 疲態 更 曾有 報導 指出 他 呼吸困難 而 這些 症狀 都 屬於 組別 6 的 三級 嚴重 症候 群 的 症狀 其中 將近 五 成 的 患者 必須 要 住院 另 根據 美國廣播公司 的 報導 川普 還 曾 有 發燒 畏 寒和 咳嗽 的 症狀 黃軒 表示 臨床 上有 部分 重症 患者 病 發 時 會 先 感到 刺骨 的 寒意 並 伴隨 全身性 的 酸痛 嚴重 還 可能 出現 幻覺 而 這些 都 是 呼吸衰竭 前 的 重症 表現 之一 若 川普 有 這些 症狀 的 話 就要 小心 了 另外 即便 川普 的 症狀 改善 了 仍要 小心 後遺症 川普 住院治療 4 天 後 昨 已 出院 回 白宮 黃軒 引述 國際 期刊論文 研究 感染 新冠 病毒 出 院 30 天 後 測 確診 患者 的 影像 和 肺 功能 情況 其中 543 的 人 其 電腦 斷層 掃 瞄 仍 發現異常 即便 再 出院 當天 仍 有 833 的 人 電腦 斷層掃描 出現異常 包括 毛玻璃 的 肺 肺 纖維 化 等 黃軒 補充 康復 1 個 月 後 的 患者 有 754 的 人 仍 存有 肺 功能 障礙 不因 影像 恢復正常 肺 功能 就 恢復正常 依 國際 期刊論文 的 資料 川普 若是 輕 症 恢復 後 仍 有 425 的 機 率 會 肺 功能 障礙 若是 重症 恢復 的話 則 有 756 的 可能 會 有 顯著 的肺 功能 障礙 本文 獲 黃軒 醫師 授權</t>
  </si>
  <si>
    <t>先前 曾多次 稱 疫情 很快 過去 美國 防疫 工作 很 好 的 美國總統 川普 在 睽 違 數 月 的 疫情 記者會 上 一 改 先前 樂觀 態度 坦承 新冠 疫情 在 美國 在 好轉 前 恐 會 更加 惡化 不過 就 在 川普 態度 轉變 前 幾 小時 美 疾病 管制 與 預防 中心</t>
  </si>
  <si>
    <t>先前 曾多次 稱 疫情 很快 過去 美國 防疫 工作 很 好 的 美國總統 川普 在 睽 違 數 月 的 疫情 記者會 上 一 改 先前 樂觀 態度 坦承 新冠 疫情 在 美國 在 好轉 前 恐 會 更加 惡化 不過 就 在 川普 態度 轉變 前 幾 小時 美 疾病 管制 與 預防 中心 cdc 21 日 報告 透露 根據 不同 地區 與 時段 美國 境內 的 實際 確診 數 恐 比 現今 通報 數量 高 達 2 倍 至 24 倍 據 美國有線電視新聞網 cnn 報導 cdc 研究 團隊 指出 對 大多 地方 而言 實際 確診 數 可能 是 已 報告 的 10 倍 之 多 並以 紐約 為 例 cdc 曾 於 4 月 1 日 時 估計 當地 有 64萬 人 確診 但 官方 僅 有 通報 53萬 這 代表 當地 實際 確診 數 起碼 是 12 倍 之 高 cdc 表示 當前 處於 疫情 重災區 的 佛羅里達州 康乃 狄克州 以及 明尼蘇達州 比 官方 統計 的 確診 數 實際上 起碼 高出 6 至 11 倍 報導 也 指出 根據 美國醫學會 雜誌 jmam 的 研究 這些 資料 恐怕 仍 只 是 保守 估計 的 cdc 主任 芮斐德 robert redfield 也 曾於 6 月 25 日 坦言 全美 實際 確診 數 恐怕 比 現在 已 確認 的 數量 還要 高 10 倍 也 就 是 起碼 超過 2千萬 人 確診 此外 就 這 cdc 這 份 分析報告 出爐 不久 後 川普 就 在 睽 違 數 月 的 疫情 記者會 上 警告 美國 人民 疫情 在 好轉 之前 恐 會 更糟 有 些 事情 我 實在 不 想 講 但 事實 就 是 如此 並 一 改 先前 戴 上 口罩 防疫 曖昧不明 的 態度 稱 每 一 位 無法 保持 社交 間距 的 人民 請戴 上 口罩 不論 你 是否 喜歡 它 確實 有 影響 根據 約翰霍普金斯大學 統計 全美 至少 有 389萬 人 確診 14萬 人 死亡 而 路透社 統計 21 日 的 單日 死亡 人數 增 逾 1000 例 是 6 月初 以來 新 高</t>
  </si>
  <si>
    <t>美國 美國總統 川普 總統大選 2020</t>
  </si>
  <si>
    <t>美國總統 川普 宣佈 在 因 疫情 停止 競選活動 3 個 月 後 他 將 於 19 日 在 奧克拉荷馬 州 的 土 沙 tulsa 展開 新冠肺炎 疫情爆發 後 第一 場 連任 造 勢 活動 但 這個 地點 對 非裔 來說 是 傷痛 與 悲劇 的 代名詞 在 將近 百年 前 的 1921 年 6 月</t>
  </si>
  <si>
    <t>美國總統 川普 宣佈 在 因 疫情 停止 競選活動 3 個 月 後 他 將 於 19 日 在 奧克拉荷馬 州 的 土 沙 tulsa 展開 新冠肺炎 疫情爆發 後 第一 場 連任 造 勢 活動 但 這個 地點 對 非裔 來說 是 傷痛 與 悲劇 的 代名詞 在 將近 百年 前 的 1921 年 6 月 白人 至上 主義者 曾 針對 非裔 發動 美國 史上 最 嚴重 的 種族 大屠殺 在 此 種族 關係 緊 繃 的 敏感 時刻 加上 日期 又 選 在 6 月 19 日 的 黑 奴 解放 日 川普 的 選擇 絕對 不是 巧合 也 格外 引人 側 目 在 疫情 尚未 完全 被 遏 阻 之際 就 要辦 大型活動 令公衛 專家 相當 憂心 因為 美國 確診 剛 突破 2百萬 且 有 10 多 個 州 近期 確診 持續上升 而 川 氏 造 勢 通常 都 可 吸引 數萬人 潮 聚集 對 防疫 來說 絕對 不是 好事</t>
  </si>
  <si>
    <t>美國總統 川普 的 防疫 政策 大 轉彎 取消 了 之前 備受 批評 要求 經濟 在 4 月中 旬 前 就 恢復 運作 的 計畫 周日 宣佈 其 發佈 的 禁 足 令 stay at home 指引 從 原定 的 4 月 12 日 復活節 延長 到 4 月 30 日 以 減緩 新冠狀病毒 疫情 的 擴散 川普 在</t>
  </si>
  <si>
    <t>美國總統 川普 的 防疫 政策 大 轉彎 取消 了 之前 備受 批評 要求 經濟 在 4 月中 旬 前 就 恢復 運作 的 計畫 周日 宣佈 其 發佈 的 禁 足 令 stay at home 指引 從 原定 的 4 月 12 日 復活節 延長 到 4 月 30 日 以 減緩 新冠狀病毒 疫情 的 擴散 川普 在 白宮 會議 上 表示 美國 的 新冠肺炎 死亡率 可能 在 兩 周 內 達到 最高峰 他 並 表示 希望 直到 4 月 30 日 的 限制 指引 不必 再延 後 他 更 表示 如果 美國 能 把 新冠肺炎 死亡 病例 數 從 可能 達到 的 220萬 人 控制 在 10 20萬 人 就 代表 我們 做 得 非常 好 川普 表示 將 在 週二 公佈 更 多 的 相關 細節 根據 路透社 統計 截至 目前為止 美國 的 新冠肺炎 死亡 病例 已 超過 2460 人 確診 人數 超過 14萬1000 人 在 全球排名 第一 川普 並于 周日 宣告 華盛頓 哥倫比亞特區 俄 勒 岡 喬治亞 康乃 狄克州 進入 重大 災難 狀態 這 表示 華盛頓 特區 可 獲得聯邦 政府 的 抗 疫 資金 目前為止 美國 已 有 21 個 州 與 2 個 海外 領地 宣 告 重大 災難 狀態 此前 美國 過敏 與 傳染病 研究院 主任 佛 奇 dr anthony fauci 亦 提出 警告 美國 新冠肺炎 感染 病例 可能 達到 數 百萬 人 恐 將 造成 10萬 20萬 人 死亡 目前 紐約 紐新 奧 良 等 大 城市 都 已 出現 醫療 物資 極為 短缺 的 問題</t>
  </si>
  <si>
    <t>世界衛生組織 who 當地 時間 18 日 在 瑞士 日內瓦 總部 召開 新冠肺炎 例行 記者會 上 世衛組織 衛生 緊急 專案 負責人 邁克爾 裡安 針對 媒體 關注 的 美國總統 川普 稱 新冠 病毒 為 中國 病毒 回應 指出 不應 把 病毒 同 種族 相 聯繫 央</t>
  </si>
  <si>
    <t>世界衛生組織 who 當地 時間 18 日 在 瑞士 日內瓦 總部 召開 新冠肺炎 例行 記者會 上 世衛組織 衛生 緊急 專案 負責人 邁克爾 裡安 針對 媒體 關注 的 美國總統 川普 稱 新冠 病毒 為 中國 病毒 回應 指出 不應 把 病毒 同 種族 相 聯繫 央 視 新聞 用戶 端 報導 世衛組織 衛生 緊急 專案 負責人 邁克爾 裡安 表示 一直 以來 who 我們 傳遞 的 資訊 就 很 清晰 病毒 沒有 國界 不 區分 種族 膚色 和 財富 我們 在 語言 使用 上 要 小心 應 避免 把 病毒 同 個人 聯繫 在 一起 我 相信 任何人 都 會 後悔 把 病毒 同 種族 聯繫 在 一起 這 是 所有人 都 不 希望 的 我們 需要 團結合作 裡安 強調 2009 年 h 1 n 1 流感 大 流行 是 始於 北美 我們 也 沒 把 它 稱作 北美 流感 所以 當 遇到 其他 病毒 時 我們 採用 同樣 的 命名 方式 避免 同 地域 聯繫 我們 要求 每個 人 在 這 一刻 都 抱有 團結 的 想法 這 是 需要 事實 並 一起 抗擊 病毒 的 時刻 而 不是 責怪 誰 裡安 說 我們 現在 要 確認 所 需要 做 的 事情 從而 確定 地 快速 前進 同時 避免 將 病毒 同 種族 或 其他 領域 相 聯繫 的 表達</t>
  </si>
  <si>
    <t>美國 確診 人數 已 達 全球 之 冠 美國總統 川普 29 日 周日 宣佈 將 全國 社交距離 準則 實施 時間 延長 至 4 月 30 日 盼 藉 由 嚴格 的 措施 遏止 疫情 擴大 致力 讓 預測 死亡 人數 壓 在 10萬 人 以下 不過 延後 復工 也 代表 美國 經濟 第二 季 恐 進 一</t>
  </si>
  <si>
    <t>美國 確診 人數 已 達 全球 之 冠 美國總統 川普 29 日 周日 宣佈 將 全國 社交距離 準則 實施 時間 延長 至 4 月 30 日 盼 藉 由 嚴格 的 措施 遏止 疫情 擴大 致力 讓 預測 死亡 人數 壓 在 10萬 人 以下 不過 延後 復工 也 代表 美國 經濟 第二 季 恐 進一步 探 底 川普 先前 提出 4 月 12 日 復活節 以前 復工 的 說法 引發 外界 抨擊 公衛 專家 警告 復活節 後 放寬 社交 管制 將 造成 不必要 的 死亡 與 經濟 傷害 美國 首席 醫療 顧問 更 直言 新冠肺炎 可能 造成 逾 10萬 美國 人 死亡 眼見 情況 急速 惡化 川普 一 改 先前 說法 強調 未來 兩 周新冠肺炎 死亡率 可能 達到 高峰 他 指出 復活節 復工 只是 期待 如今 希望 美國 可於 6 月 1 日前 邁向 經濟 復蘇 的 路 川普 表示 政府 延長 社交距離 準則 以 避免 疫情 造成 重大 傷亡 他 呼籲 美國 民眾 你們 做 得愈 好 這 場 夢魘 就 會 愈 快 結束 川普 提及 倘若 沒有 採取 激進 的 減緩 疫情措施 根據 預測 模型 顯示 美國 可能 會 有 220萬 人 喪命 川普 指出 政府 努力 讓 模型 的 預測 死亡 人數 維持 在 10萬 人 以下 他 坦言 10萬 人 是 很 可怕 數位 如果 可以 把 預測 死亡 人數 壓 在 10萬 人 或 更少 就 代表 所有人 都 做 得 很 好 了 白宮 衛生 顧問 國家 過敏 與 傳染病 研究所 niaid 主任 佛 奇 anthony fauci 接受 cnn 訪問 時 表示 疫情 最終 可能 造成 20萬 人 喪命 數 百萬 人 感染 不過 他 稍後 在 白宮 玫瑰園 簡報 時 改換 較 溫和 的 說法 他 解釋 這些 資料 是 依據 模型 預測 反映 美國 人 若 未 遵守 居家 令 的 最壞 結果 佛 奇 說 我們 認為 目前 所 執行 的 減緩 措施 正 發揮 功效 延長 這些 措施 至 4 月 30 日 是 明智 且 審慎 的 決定 根據 約翰霍普金斯大學 資料 美國 已 有 14萬 人 感染 新冠肺炎 為 全球 確診 人數 之 冠 死亡 人數 超過 2400 人</t>
  </si>
  <si>
    <t>16 00 更新 韓國今 4 日 下午 再 新增 293 確診 累計 境內 共 5621 人 染疫 值得注意 的 是 目前 感染 人數 中 將近 7 成 屬於 集體 感染 韓聯社 報導 韓國 中央 防疫 對策 本部 部長 鄭銀敬 今日 表示 韓國 境內 新型 冠狀病毒 確診 病例 中 656 和 集體 感染 有關 當中 以 大 邱 新 天地 教會 的 感染 數 占 最 多 多 達 2583 例 占 當地 確診 數 的 645 忠清南道 一 間 舞蹈 教室 有 80 人 確診 釜山 市 溫泉 教會 有 33 人 確診 韓國 今 4 日 上午 宣佈 昨 3 日 單日 激增 516 確診 病例 累計 境內 確診 數 攀升 至 5328 人 死亡 案例 升至 32 人 此外 首 爾 當局 今日 宣佈 擬 再 額外 投入 117 兆 韓元抗 疫 約 新 台幣 2951億 元 韓聯社 報導 韓國 中央 防疫 對策 本部 今日 上午 宣佈 統計 至 3 日 午夜 12 時 韓國 境內 新冠肺炎 確診 數目 攀升 至 5328 人 扣除 昨日 上午 宣佈 的 4812 人換句話說 韓國 單日 確診 數 激增 516 人 新增 病例 中 405 例 發生 在 爆發 新 天地 教會 的 大 邱 市 89 例 發生 在 鄰近 的 慶尚 北 道 至今 大 邱 市 已 有 4006 人 確診 慶尚 北 道 774 人 染疫 此外 韓國前 兩 大城市 首 爾及 釜山 目前 分別 有 99 及 93 人 確診 值得注意 的 是 大 邱 市 疫情 已 不再 局限 在 新 天地 教會 當局 表示 當地 已 出現 令人擔憂 的 社區 傳播 現象 當局 將 擴大 對 一般 市民 篩檢 此外 中央 防疫 對策 本部 也 表示 昨日 再 新增 4 例 死亡 病例 累計 韓國 境內 共有 32 人 因 新冠肺炎 喪命 中央 防疫 對策 本部 表示 死者 多 為 年長者 且 本身 就 有 其他 疾病 除此之外 韓國國防部 今日 宣佈 軍隊 再 新增 3 例 確診 累計 韓國 部隊 已 有 34 人 染疫 為 因應 疫情 惡化 韓國政府 擬 再 追加 117 兆 韓元 預算 對抗 疫情 韓聯社 報導 首 爾 當局 今日 召開 臨時 國務會議 敲定 這項 補充 預算 預計 於 5 日 提交 國會 表決 報導 說 這 是 韓國政府 7 年 來 制定 的 最 大一 次 補充 預算 甚至 超越 2015 年 中東 呼吸 症候 群 mers 制定 的 預算 規模 另外 美國總統 川普 昨日 表示 正 在 緊 盯 韓國 新冠肺炎 疫情 發展 將 在 適當 時機 宣佈 是否 對 韓國 祭 出入境 限制 目前 美國 已 要求 所有 自 韓國 機場 起飛 的 飛 美 直航 班機 起飛 前 對 所有 旅客 進行 掃描 及 多次 體溫 量 測</t>
  </si>
  <si>
    <t>美國總統 川普 週三 說 他 認為 北京 處理 新冠肺炎 疫情 的 方式 足以 證明 中方 無所不用其極 就是 要 讓 他 在 11 月 總統大選 爭取 連任 時 吃敗仗 據 路透 29 日 報導 川普 在 橢圓形辦公室 接受 專訪 時說 他 正 就 北京 處理 新冠肺炎 疫情</t>
  </si>
  <si>
    <t>美國總統 川普 週三 說 他 認為 北京 處理 新冠肺炎 疫情 的 方式 足以 證明 中方 無所不用其極 就是 要 讓 他 在 11 月 總統大選 爭取 連任 時 吃敗仗 據 路透 29 日 報導 川普 在 橢圓形辦公室 接受 專訪 時說 他 正 就 北京 處理 新冠肺炎 疫情 的 後果 考慮 種種 不同 的 選項 他 說 我 可以 做 的 很多 至今 美國 感染 新冠肺炎 的 人數 已 突破 百萬 大關 而 死亡 也 超過 6萬 人 雙雙 高居 世界 第一 川普 已 加強 火力 怪 中國 大陸 掩蓋 疫情 以致 造成 全球 大 流行 也 使 美國 經濟 陷入 嚴重 衰退 危及 他 再 連任 4 年 的 希望 川普 經常 受到 指責 說 他 沒有 及早 採取行動 讓 美國 準備 好 因應 新冠 病毒 蔓延 不過 這 位 共和黨 總統 說 他 認為 中方 當初 應該 更 積極 也 更 早早 讓 世界 知道 新冠肺炎 病毒 當 他 被 問及 是否 考慮 利用 關稅 或 甚至 勾銷 債務 來 對付 中方 時 川普 卻 不 願 明說 我 能 做 的 事 很多 他 說 我們 要 瞭解 事 怎麼回事 中國 會 無所不用其極 讓 我 輸 掉 這 場 大選 川普 說 他 認為 北京 希望 民主黨 對手 拜登 joe biden 贏 以 減輕 他 為 貿易 和 其他 議題 而 對 中方 施加 的 壓力 此外 川普 也 說 韓國 已 同意 為 防務 合作 協議 支付 更 多 經費 但 不 願 透露 實際 金額</t>
  </si>
  <si>
    <t>日前 美國總統 川普 在 新聞 發 佈 會上 聲稱 俄羅斯 送來 的 抗 疫 物資 令 他 感到 驚喜 隨後 有 俄羅斯 官方 媒體 稱 俄政府 根本 還 沒有 宣佈 陸媒 澎湃 新聞 報導 稱 川普 昨日 稱讚 了 中國 大陸 和 俄羅斯 贈與 的 醫療 援助 物資 我們 與 很</t>
  </si>
  <si>
    <t>日前 美國總統 川普 在 新聞 發 佈 會上 聲稱 俄羅斯 送來 的 抗 疫 物資 令 他 感到 驚喜 隨後 有 俄羅斯 官方 媒體 稱 俄政府 根本 還 沒有 宣佈 陸媒 澎湃 新聞 報導 稱 川普 昨日 稱讚 了 中國 大陸 和 俄羅斯 贈與 的 醫療 援助 物資 我們 與 很多 國家 都 有 良好 的 關係 川普 說 中國 給 我們 送 來 了 物資 這 很棒 俄羅斯 則 派 來 非常 非常 大 的 飛機 運送 醫療 器材 這 非常 棒 不過 川普 並 沒有 具體 說明 中國 大陸 和 俄羅斯 送來 的 物資 是 什麼 俄 媒 今日 俄羅斯 評論 稱 川普 此言 令 人 感到 困惑 因為 俄羅斯政府 或 官員 根本 還 沒有 宣佈 任何 對 美 的 援助 行動 此外 美國 外交政策 雜誌 近日 獲取 了 一 份 美國國務院 發給 美國 駐外 外交官 的 郵件 美國政府 指示 駐 歐 外交官 們 搜尋 可能 的 醫療 物資 援助 但 其中 明確指出 俄羅斯 不在此列 報導 說 在 發表 上述 言論 前 川普 曾 與 俄羅斯 總統 普丁 通電話 他們 談及 了 新冠肺炎 的大 流行 此外 俄羅斯 駐 美 大使 之前 也 曾 表態 稱 俄羅斯 準備 向 美國 提供援助</t>
  </si>
  <si>
    <t>始終 不 願意 在 大眾 面前 戴 口罩 的 美國總統 川普 在 參觀 已 改 生產 口罩 和 其他 醫療 設備 的 福特 工廠 時 表示 他 終於 克服 厭惡感 戴 上 對抗 新冠 病毒 的 利器 但 媒體 只 拍到 他 反 覆 的 在 看 手裡 的 口罩 川普 仍 不 願 在 鏡頭 前 出現 他 戴 口罩 的</t>
  </si>
  <si>
    <t>始終 不 願意 在 大眾 面前 戴 口罩 的 美國總統 川普 在 參觀 已 改 生產 口罩 和 其他 醫療 設備 的 福特 工廠 時 表示 他 終於 克服 厭惡感 戴 上 對抗 新冠 病毒 的 利器 但 媒體 只 拍到 他 反 覆 的 在 看 手裡 的 口罩 川普 仍 不 願 在 鏡頭 前 出現 他 戴 口罩 的 樣子 不過 川普 私下 戴 口罩 的 畫面 仍 流出 到 媒體 手中 川普 donald trump 在 參觀 位於 密西根州 伊 蒲賽蘭蒂 市 ypsilanti 的 福特 ford 汽車 工廠 時 拿 起 一個 口罩 向 媒體 表示 我 之前 有 戴 口罩 我 在 後面 有 戴 一個 但 我 不 想 讓 媒體 看到 在 鏡頭 前 除了 川普 之外 在 工廠 參觀 的 每 一 位 幾乎 都 有 戴 口罩 以 符合 相關 規定 雖然 密西根州 檢察官 表示 川普 不顧 規定 在 鏡頭 前 刻意 不 戴 口罩 正是 向 外界 傳達 可能 是 最 糟糕 的 訊息 不過 據 八卦 雜誌 tmz 指出 有人 向 該 媒體 提供 了 川普 戴 上 口罩 的 照片 從 照片 顯示川普 當時 正 在 參觀 福特 工廠 的 生產 醫療 產品 線 但 可能 是 他 或 其他 幕僚 沒有 注意 到 有人 偷偷 拍下 了 這 張照 donald trump wears mask at ford plant https t co q 3 qovnvl 71 對於 川普 堅持 不在 鏡頭 前 戴 口罩 cnn 指出 川普 的 總統 形象 是 透過 媒體 鏡頭 形 塑 出 的 他 非常 非常 關注 他 是 如何 被 呈現 在 鏡頭 前 而 觀眾 又 是 如何 認知 他 他 希望 自己 的 公眾形象 可以 是 堅強 無所畏懼 的 領袖 所以 在 他 心目 中 認定 戴 口罩 自然 是 規定 但 並 不 包括 在 舞 台前 另外 紐 時 先前 也 分析 指出 川普 的 助手 曾 表示 川普 抵制 口罩 在 一定 程度 上 是 因為 不 想 讓 自己 看上去 顯得 荒謬 雖然 這 聽 起來 才 荒謬 但 與 川普 式 大男子主義 的 扭曲 邏輯 相稱 口罩 是 給 弱者 也 就 是 魯蛇 準備 的 而 他 是 完全 的 強者</t>
  </si>
  <si>
    <t>美國總統 川普 週二 宣佈 基於 世界衛生組織 who 應對新冠狀病毒 疫情 的 做法 他 已經 指示 美國政府 至少 暫停 為 who 提供 經費 川普 在 白宮 記者會 上 表示 who 未能 履行 其 基本 職責 必須 為 此 責任 他 並 表示 who 宣揚 了 中國</t>
  </si>
  <si>
    <t>美國總統 川普 週二 宣佈 基於 世界衛生組織 who 應對新冠狀病毒 疫情 的 做法 他 已經 指示 美國政府 至少 暫停 為 who 提供 經費 川普 在 白宮 記者會 上 表示 who 未能 履行 其 基本 職責 必須 為 此 責任 他 並 表示 who 宣揚 了 中國 對於 新 冠狀病毒 疫情 的 虛假 消息 這 或 已 導致 疫情 的 爆發 程度 大於 其 原本會 發生 的 情況</t>
  </si>
  <si>
    <t>歷經 震驚 各界 的 紛紛擾擾 後 美國海軍 高層 已 建議 讓 因 新冠肺炎 爭議 遭 拔 官 的 羅斯福 號 uss theodore roosevelt cvn- 71 航母 艦長 克勞齊 brett crozier 複職 據 美聯社 與 政治 politico 新聞網 24 日 報導 這項 空前 的 決定 仍 必須 由 美國防 長 艾斯 培 mark esper 批准 而 這 對 前 代理 海軍 部長 莫德里 thomas modly 來說 將 是 令人震驚 的 大 打 臉 五角大廈 發言人 霍夫曼 jonathan hoffman 在 聲明 中 說 海軍 領導階層 週五 已 口頭 向 艾斯 培 簡報 相關 建議 他 指出 一旦 艾斯 培 收到 書面 調查報告 後 將 會 徹底 加以 審查 並 再度 與 海軍 領導階層 會面 以 討論 接下來 要 怎麼 做 而 霍夫曼 週五 稍 早 說 艾斯 培 很 可能 支持 海軍 的 決定 他 將 以 開放 的 態度 來 看 這 件 事 並 大致 傾向 支持 海軍 領導層 不過 美軍 參謀 首長 聯席會議 jcs 主席 米利 mark milley 卻 想要 有 不同 的 做法 另一方面 國會議員 週五 則 力促 艾斯 培 要 他 接受 海軍 的 建議 讓 克勞齊 複職 由於 克勞齊 發送 電子 郵件 告訴 好幾 位 海軍 領導人 艦 上 爆發 新冠肺炎 疫情 要求 他們 協助 讓 艦 上 近 5000 名 官兵 下船 卻 不料 內容 外泄 以致 莫德里 在 完成 調查 前 就 將 他 火速 拔 官 莫德里 說 克勞齊 運用 了 很 差 的 判斷力 並 強調 美國總統 川普 也 會 想要 他 這麼 做 雖然 莫德里 當時 告訴 媒體 克勞齊 向 20 30 人 廣發 電 郵 但 華盛頓郵報 the washington post 說 他 只 向 少數 海軍 官員 發 了 信</t>
  </si>
  <si>
    <t>美國 食品 藥物 管理局 fda 繼 上周 緊急 授權 使用 血漿 療法 治療 新冠肺炎 病 患 後 近日 考慮 對 尚未 通過 第 三 階段 人體 試驗 的 候選 疫苗 核發 緊急 使用 授權 但 強調 絕非 受到 美國總統 川普 施壓 fda 局長 哈恩 stephen hahn 受訪 時 強</t>
  </si>
  <si>
    <t>美國 食品 藥物 管理局 fda 繼 上周 緊急 授權 使用 血漿 療法 治療 新冠肺炎 病 患 後 近日 考慮 對 尚未 通過 第 三 階段 人體 試驗 的 候選 疫苗 核發 緊急 使用 授權 但 強調 絕非 受到 美國總統 川普 施壓 fda 局長 哈恩 stephen hahn 受訪 時 強調 假設 新冠肺炎 候選 疫苗 的 效用 大於 風險 即便 在 尚未 通過 第 三 階段 人體 試驗 的 情況 下 也 可能 獲得 緊急 使用 授權 哈恩 表示 疫苗 開發商 必須 先向 政府 提出 緊急 授權 申請 我們 才會 進行 裁決 假設 疫苗 開發商 在 第 三 階段 人體 試驗 完成 前 就 提出 申請 我們 可能 核准 也 可能 否決 一切 有待 決策 眼看 美國 疫情 遲遲 未 脫離險境 fda 已 在 上周 緊急 授權 醫院 使用 新冠肺炎 痊癒 者 的 血漿 來 治療 住院 病 患 儘管 當時 有 許多 公衛 專家 擔心 臨床實驗 資料 不足 難 以 確保 血漿 療法 適用 所 有 新冠肺炎 患者 時隔 一 周 fda 又 鬆口 表示 有 可能 跳 脫聯邦 政府 許可 程式 提前 對 候選 疫苗 核發 緊急 使用 授權 不禁 令 外界 質疑 是否 受到 川普 施壓 因為 川普 不久前 才 指控 fda 故意 拖延 疫苗 審核 程式 企圖 害 他 在 大選 中 失利 哈恩 對 此 表示 新冠肺炎 疫情 和 總統大選 時間重疊 我們 只 能 接受 現況 並 堅持 核心 原則 他 強調 無論 fda 做出 何種 決策 都 是 基於 科學 醫學 及 資料 絕非 政治 決策 他 也 表示 緊急 使用 授權 與 完全 許可 上市 不同 因為 獲得 緊急 授權 的 候選 疫苗 只 會用 在 特定 的 高 危險 族群 但 前任 fda 局長 考特利 浦 scott gottlieb 對 哈恩 的 說詞 感到 疑惑 他 表示 我 不 懂 在 第 三 階段 人體 試驗 完成 前 緊急 授權 是 什麼 意思 因為 fda 需要 這些 臨床 試驗 資料 來 證明 疫苗 效用 才能 做 決定 考特利 浦 認為 就算 fda 緊急 授權 候選 疫苗 一般 民眾 最 快 還是 要 等到 明年 才能 在 藥房 施打 完全 核准 上市 的 疫苗</t>
  </si>
  <si>
    <t>美國總統 川普 週五 說 他 已 指示 副 總統 彭斯 mike pence 別 連絡 那些 不 知 為 政府 致力 遏制 新冠肺炎 疫情 蔓延 而 感激 的 州長 就 在 約翰霍普金斯大學 johns hopkins university 的 統計資料 顯示 美國 新冠肺炎 確診 病例 突破</t>
  </si>
  <si>
    <t>美國總統 川普 週五 說 他 已 指示 副 總統 彭斯 mike pence 別 連絡 那些 不 知 為 政府 致力 遏制 新冠肺炎 疫情 蔓延 而 感激 的 州長 就 在 約翰霍普金斯大學 johns hopkins university 的 統計資料 顯示 美國 新冠肺炎 確診 病例 突破 10萬 後 不久 川普 便 發表 了 相關 談話 據 cnbc 新聞網 27 日 報導 川普 特別 點名 了 華盛頓州 州長 英斯 利 jay inslee 還有 密西根州 州長 惠特 茉 gretchen whitmer 他們 除了 都 是 民主黨人 外 也 不斷 批評 白宮 防控 新冠肺炎 疫情 所 採取 的 行動 要是 他們 不 好好 對 你 我 就 不 打電話 川普 說 我 認為 他們 應該 感激 因為 你們 知道 嗎 他們 要是 不 感激 我 就 不 會 感激 陸軍 工程兵 也 不 會 感激 聯邦 緊急 事務管理 署 fema 而 那是 不對 的 川普 說 彭斯 致電 所有 的 州長 而 他 告訴 副手 我 可 是 不 一樣 的 人 他 隨即 要 求 彭斯 麥克 別 打電話 給 華盛頓州 州長 了 你是 在 他 身上 浪費時間 至於 提到 惠特 茉 時 他 說 得 更 是 直接 別 打電話 給 那在 密西 根 的 女人 反正 也 沒 差 president trump on what he wants from the governors &amp;quot all i want them to do very simple i want them to be appreciative i don&amp;apos t want them to say things that aren&amp;apos t true i want them to be appreciative we&amp;apos ve done a great job watch full video here https t co dvn 1 fakah 0 pic twitter com vgoitdhpsu 此外 川普 毫不諱言 地 向 州長 喊話 我們 他們 做 的 事 很 簡單 不過 就是 感激 我 要 他們 懂得 感激 我 也 沒要 他們 口是心非 我 要 他們 感激 我們 做 得 很棒 川普說 英斯 利是 失敗 的 總統 參選人 老是 唧唧 歪 歪 從 他 抱怨 就可以看 得 出來 他 也 直指 惠特 茉 根本 就 不 知道 發生 了 什麼 事 她 只 會 說 噢 都 是 聯邦 政府 的 錯 反之 他 大贊 紐約州 州長 古莫 andrew cuomo 還有 新澤西州 州長 墨菲 phil murphy 因為 他們 都說 川普 政府 真 的 做 得 很棒 由於 疫情 加速 蔓延 政府 各級 領導人 都 採取 了 極端 措施 以 減緩 新冠肺炎 病毒傳播 的 速度 包括 華盛頓州 和 密西根州 在內 有 愈來愈多 州 都下 了 居家 禁 足 令 並 暫時 關閉 了 學校 以及 非必要 的 商家 而 在 聯邦 層級 川普 週五 簽署 了 2 兆 美元 約 60 兆 台幣 的 新冠肺炎 經濟 刺激 紓困 方案 川普 強調 他 的 政府 為 華盛頓州 做 了 很棒 的 事 也 把 密西根州 照顧 得 好 到 爆</t>
  </si>
  <si>
    <t>美國 代理 海軍 部長 莫德里 thomas modly 週一 早上 向 羅斯福 號 uss theodore roosevelt cvn- 71 航母 官兵 發表談話 時 痛 批 被 拔 官 的 前 艦長 克勞齊 brett crozier 是 笨蛋 據 cnn 新聞網 7 日 報導 莫德里 告訴 艦 上官 兵 前 艦長 克勞齊 身為 指揮官 卻 故意 把 備忘錄 洩漏 給 媒體 警告 艦 上 新冠肺炎 疫情 蔓延 力促 高層 採取行動 以 拯救 艦 上官 兵 不是 太 天真 就 是 太 笨 不過 他 週一 晚 已向 克勞齊 致歉 事實上 除了 笨蛋 說 外 莫德里 還 指控 克勞齊 背叛 藉 由 廣泛 向 海軍 官員 示 警 在 華府 製造 大 爭議 根據 多 名 海軍 官員 提供 的 錄音 顯示 莫德里 說 這 是 背叛 而 我 還 可以 告訴 各位 一 件 事 由於 他 那麼 做 了 將 事情 置於 輿論 下 如今 這 在 華府 成 了 大 爭議 然而 在 眾議院 軍事 委員會 house armed services committee 高層 週一 晚 要求 他 辭職後 莫德里 終於 為 這 番話 道歉 讓 我 說 清楚 我 不 認為 克勞齊 艦長 天真 或 愚蠢 我 認為 並 始終 堅信 他 恰恰相反 他 說 我們 挑選 航母 艦長 時 小心翼翼 克勞齊 艦長 既 聰明 又 熱情 我 認為 正 由於 他 既 不 天真 也 不笨 因此 刻意 向 公共 領域 發送 示 警 電子 郵件 想要 引起 大眾 對 他 艦 上 狀況 的 注意 我 為 這 用字 遣 詞 可能 引發 的 任何 困擾 致歉 此外 莫德里 還為 自身 言語 可能 造成 的 任何 痛苦 直接 向 克勞齊 賠不是 他 並 表示 向 克勞齊 與 他 家人 還有 海軍 全體 衷心 承諾 將 繼續 幫 羅斯福 號 全體人員 恢復健康 克服 這 不幸 的 狀況 以 重返 海上 當 美國總統 川普 週一 被 問及 莫德里 的 言論 時 他 表示 自己 沒 親耳 聽到 但 已經 聽說 了 川普 說 如果 莫德里 真是 這麼 說 了 那 措詞 很 強烈 不過 他 指出 克勞齊 不該 寄出 那些 信 當然 也 不該 外泄 他 強調 這 是 軍事行動 可是 川普 也 打圓場 說 他們 兩 人 都 是紳士 他 聽 到 有 關兩人 的 好評 並 將 從 化解 的 立場 來 介入 除了 前 艦長 克勞齊 檢測 呈 陽性 外 據 海軍 官員 說 到 週一 為止 羅斯福 號 約 4800 人中 已 有 61 人員 接受 新冠肺炎 檢測 並 有 173 人 確診 而 艦 上 約 有 2000 人 已 下船 撤離 到 關島 而 原本 軍方 說 到 上週五 傍晚 時 將 讓 2700 人 上 岸</t>
  </si>
  <si>
    <t>2020 年 全球 最 嚴峻 的 問題 目前 看來 非 新冠肺炎 莫屬 更讓人 擔心 的 是 透過 醫療 技術 研發 出 疫苗 解 藥 從 醫學 研究 研發 到 動物 測試 臨床 測試 至少 要 半 年 時間 實在 緩不濟急 所幸 世界衛生組織 who 傳出 一個 好 消息 他們 意外 發現 治療 伊 波拉 病毒 的 藥物 可能 也 可 對抗 新冠肺炎 who 表示 這款 藥物 的 有效率 為 98 可 大幅 減少 感染 新冠肺炎 者 的 死亡 機會 這 讓 我 對 老 藥 新用 的 議題 感到 好奇 於是 就 教 了 一些 相關 領域 的 專家 老 藥 新用 指 的 是 經由 食 藥 署 核准 能用 來 治療 特定 症狀 的 老 藥 被 賦予 治療 其他 疾病 的 新 用途 這 究竟 有 何 好處 呢 老 藥 的 優勢 在 研發 時間 較 新藥 短 能 有效 降低 成本 一個 新藥 從 研發 到 上市 大約 12 年 這 期間 必須 通過 細胞 實驗 動物 實驗 3 個 階段 的 人體 臨床 試驗 和 新藥 查驗 登記 除了 確認 新藥 是否 有助於 抑制 疾病 發展外 藥品 殘留 在 體內 時間 的 長短 是否 造成 其他 臟器 不適 有 沒有 嚴重 的 副作用 等 都有 一連串 的 檢驗 把關 新藥 在 通過 3 階段 的 人體 試驗 後 就 可以 上市 並 進入 新藥 查驗 登記 階段 主要 用來 監控 新藥 在 醫療 單位 大量 流通 後 的 成效 及 副作用 根據 nature 於 2010 年 的 統計 每 100 個 進入 臨床 試驗 的 新藥 大約 只 有 4 個 會 通過 檢測 並 上市 嚇人 的 是 不論 成功 與否 平均 花費 達 數 億 到 數 十億 美元 比起 新藥 老 藥 已是 臨床 用藥 安全性 資料 和 作用 機制 相對 齊全 能 節省 不少 收集 樣本 臨床 試驗 的 時間 說 到 老 藥 新用 的 經典 非 阿斯 匹 靈 莫 屬 了 它 在 線 上 超過 1 世紀 一 開始 註冊 為 消炎 退燒 的 止痛藥 後來 發現 它 能 抑制 血小板 凝結 進而 降低 心血管 疾病 的 發生率 所以 常 出現 在 中風 心肌梗塞 病人 的 處方 簽 裡 2017 年 美國 預防 醫學 委員會 更 報導 阿斯 匹 靈 可預防 大 腸癌 老 藥 新用 確實 能 讓 人類 對抗 疾病 更 有效率 但 也 有 不肖 商人 利用 這個 概念 趁機 大 削 一 筆 cnbc 就 曾 報導 一個 被 用來 抗 發炎 抑制 免疫 反應 的 類固醇 藥物 deflazacort 藥廠 發現 它 可以 治療 罕見 的 遺傳性 肌肉萎縮症 並 通過 臨床 試驗 後 它 便 成 了 這個 罕見 疾病 目前 唯一 的 解 藥 藥廠 藉 此 拉 抬價 格 讓 原本 用 這個 類固醇 藥物 的 病 患 每年 的 負擔 額 從 1200 美元 漲 到 89000 美元 足足 漲 了 76 倍 這樣 的 案例 屢見不鮮 尤其 在 美國 因 缺少 與 藥廠 的 議價 平臺 藥 商 握有 藥品 定價 權 全國 最 大 的 保險 系統 美國聯邦 醫 保 又 沒有 和 藥 商議 價 的 權力 只能 被動 買入 藥品 再 昂貴 的 報價 也 只能 照單全收 老 藥 在 被 發現 能 治療 新 適應症 後 立刻 漲價 實現 收益 在 美國 已成 常態 主因 是 沒有 同行 競爭 藥品 上市 會 有 獨 賣 期 藥廠 在 獨 賣 期 生產 的藥 就 是 原廠 藥 過 了 獨 賣 期 其他 藥廠 便 可 生產 販 售 結構 成分 相同 所謂 的 學 名藥 學 名藥 在 市場 流通 前 也 必須 經過 檢驗 除非 是 流通 率 特別 高 的 藥 否則 生產成本 也 相當可觀 這 讓 原廠 藥 獨佔市場 變相漲價 又 無 法 可 管 為此 美國總統 川普 的 平價 醫療 法案 鼓勵 學 名藥 開發 美國食品藥品監督管理局 fda 甚至 公佈 目前 市場 上 還 沒有 學名 藥 的 原廠 藥 清單 更 主張 新 學名 藥 可 享 180 天 的 市場 獨佔期 雖然 過去 3 年 新 學 名藥 批准 數量 增加 28 根據 cnn 報導 2020 年 457 個 原廠 藥 的 平均 漲幅 還是 有 51 美國政府 提倡 學 名藥 開發 以 避免 大 藥廠 持續 壟 斷 市場 希望 可以 打擊 老 藥 新用 的 策略 型 漲價 反觀 臺灣 因為 有 全民 健 保 把持 藥品 進價 一 壓 再 壓 讓 許多 原廠 藥 紛紛 退出 日前 全國 憂鬱 症 患者 使用 市 占 率 3 成 5 的 百憂解 和 細菌 感染 最後 一道 防線 的 泰寧 抗生素 都因 藥價 暴跌 而 陸續 退出 臺灣 這 兩 種 藥 雖然 目前 在 臺灣 都有 10 種 以上 的 學 名藥 但 維持 它 外形 促進 吸收 的 賦形劑 未必 與 原廠 相同 是 引起 醫 界 反彈 的 主因 綜合 以上 論述 與其 投入 新藥 學 名藥 開發 臺灣 生 技 業 更 適合 專注 老 藥 新用 的 研究 畢竟 2018 年 fda 認可 上市 的 新藥 只 有 57 件 學 名藥 和 原廠 藥 的 差距 短 時間 也 難以克服 老 藥 新用 能 以 有限 資源 追求 最 大 效益 外 在 大 資料 的 推波助瀾 下 藥物 透過 什麼 路徑 治癒 疾病 的 分析 也 越來越 全面 善加利用 老 骨頭 還 是 變 得 出 新 把戲 的 作者 為 科技 媒體 專欄作家</t>
  </si>
  <si>
    <t>美國總統 拜登 簽署 行政命令 譴責 反 亞裔 的 偏見 歧視 禁止 聯邦 政府 使用 中國 病毒 的 名詞 並且 指示 司法部 要 與 社區 合作 預防針 對 亞太 裔 的 仇恨 犯罪 國民黨 立 委 賴士葆 指出 蔡 政府 凡事 以 美國 為 師 但是 行政院 發言人 認為</t>
  </si>
  <si>
    <t>美國總統 拜登 簽署 行政命令 譴責 反 亞裔 的 偏見 歧視 禁止 聯邦 政府 使用 中國 病毒 的 名詞 並且 指示 司法部 要 與 社區 合作 預防針 對 亞太 裔 的 仇恨 犯罪 國民黨 立 委 賴士葆 指出 蔡 政府 凡事 以 美國 為 師 但是 行政院 發言人 認為 用 疫病 起源地 形容 沒有 歧視 這樣 是 不是 打 臉 拜登 政府 賴士葆 表示 有別於 川普 政府 過去 不斷 地 使用 中國 病毒 武漢 病毒 的 用詞 來 替代 新冠 病毒 政府 帶頭 歧視性 的 言論 激化 亞太 裔在 校園 職 場 和 社區 被 霸 淩 仇視 對待 根據 人權 團體 蒐集 到 的 報告 從 過去 幾 百 件 去年 就 激增 到 2800 件 台裔 的 國會 眾議員 孟昭文 也 曾 就 此 提出 譴責 因 新冠 病毒 反 亞裔 的 決議案 賴士葆 認為 人權 是 普世 的 價值 蔡 政府 凡事 以 美國 為 師 但是 行政院 發言人 認為 用 疫病 起源地 形容 沒有 歧視 這樣 是 不是 打 臉 拜登 政府 賴士葆 批評 蔡 政府 選擇性 的 雙重標準 也 及於 國際事務例如 川 粉 攻擊 國會 山莊 的 暴力事件 全世界 領袖 包括 美國 兩 黨 政要 都 同聲 譴責 只 有 臺灣 對 暴力 攻擊 國會 無感 因為 太陽 花 攻擊 國會 是 被 民進黨 肯定 褒獎 的 賴士葆 表示 拜登 肯定 200萬 亞太 裔 人士 在 新冠 病毒 肆虐 的 時刻 投入 醫療 急救 的 工作 這樣 的 肯定 政府 同時 帶頭 的 撕 去 負面 標籤 以免 亞裔 受到 歧視 與 傷害 對 這些 亞太 裔 包括 很多 來自 臺灣 的 醫療 專業人士 是 一個 遲來 的 正義 賴士葆 說 過去 網路上 看到 很多 的 影片 記錄 亞裔 醫師 整天 投入 在 第一線 搶救 新冠 病 患 在 沒有 穿 上 醫師 袍 的 時候 被 美國 人 嗆 聲 的 畫面 讓 人心 疼 不 舍 那只 是 現實 世界 的 一個 縮影 反映 當時 川普 政府 帶 風向 帶來 歧視 的 後遺症 對於 反 暴力 反 歧視 蔡 政府 堅持 雙重標準 無誤</t>
  </si>
  <si>
    <t>由於 擔心 川普 團隊 渾身 都是新冠肺炎 病毒 美國總統 當選 人 拜登 已 下令 要 徹底 清理 白宮 據 太陽 報 the sun 13 日 報導 拜登 明年 1 月 20 日 宣誓就職 後 即將 入主 白宮 而 曾 罹 患 新冠肺炎 的 現任 總統 川普 將 捲舖蓋 走路 據</t>
  </si>
  <si>
    <t>由於 擔心 川普 團隊 渾身 都是新冠肺炎 病毒 美國總統 當選 人 拜登 已 下令 要 徹底 清理 白宮 據 太陽 報 the sun 13 日 報導 拜登 明年 1 月 20 日 宣誓就職 後 即將 入主 白宮 而 曾 罹 患 新冠肺炎 的 現任 總統 川普 將 捲舖蓋 走路 據說 由於 拜登 擔心 會 有 殘留 的 新冠肺炎 病毒 已 下令 在 他 入住 前 全面 消毒 白宮 132 個 房間 還有 廣達 55萬 平方 英 遲 近 5110 平方公尺 的 空間 在 川普 搬 出 白宮 以及 拜登 入住 之間 約 有 5 個 小時 的 空 檔 身穿 防護衣 的 清潔 人員 將 全面 把 它 擦洗 乾淨 除了 川普 10 月 罹 患 新冠肺炎 外 白宮 也 爆發 一連串 疫情 儘管如此 川普 仍 在 耶誕 季 舉行 了 各式 派對 而 廣受 外界 批評 說 這 位 白宮 主人 和 團隊 面對 新冠肺炎 疫情 態度 輕率 一 名 拜登 過渡 團隊 成員 說 川普 政府 充滿 新冠 病毒 因此 拜登 不會 冒 任何 危險 他 透露 白宮 上下 將 深度 清潔更換 門把 並 汰 換 窗簾 地毯 和 靠 墊 等 室內 陳設 病毒 可能 留在 表面 所以 整個 官邸 和 辦公室 都 會用 消毒劑 清 乾淨 以 根除 川普 團隊 留下 的 任何 痕跡 白宮 歷史學家 布洛兒 kate andersen brower 說 等 川普 走人 後 拜登 會 有 一 支 95 人 團隊 將 相關 物品 打包 並 進行 清理 她 說 新任 總統 和 第一 夫人 可以 從 秘密 倉庫 選用 新家 俱 拜登 已 78 歲 是 美國 史上 最 高齡 的 總統 一直 嚴格 遵守 新冠 防疫 措施 以 避免 感染 新冠 病毒 而 曾 協助 拜登 擬定 新冠 防治 計 畫 的 蘿 蕊 nicole lurie 說 新 政府 對 新冠肺炎 的 態度 將 和 川普 政府 截然不同</t>
  </si>
  <si>
    <t>白宮 週六 發 佈 聲明 說 美國總統 川普 接受 新冠肺炎 檢測 的 結果 呈 陰性 據 美聯社 與 俄羅斯 新聞網 報導 原本 他 一直 不 願 接受 新冠肺炎 檢測 但 最近 因 接觸 過 確診 的 巴西 總統 新聞 秘書 加上 包括 女兒 伊凡卡 在內 華府 陸續 傳出 有人</t>
  </si>
  <si>
    <t>白宮 週六 發 佈 聲明 說 美國總統 川普 接受 新冠肺炎 檢測 的 結果 呈 陰性 據 美聯社 與 俄羅斯 新聞網 報導 原本 他 一直 不 願 接受 新冠肺炎 檢測 但 最近 因 接觸 過 確診 的 巴西 總統 新聞 秘書 加上 包括 女兒 伊凡卡 在內 華府 陸續 傳出 有人 需 自我 隔離 的 情形 可能 受 感染 的 擔憂 與日俱增 終於 接受 了 檢測 而 宣佈 檢測 陰性 結論 的 是 川普 的 私人 醫生 康利 sean p conley 他 說 經過 和 川普 深入 討論 後 這 位 白宮 主人 總算 選擇 受檢 此外 康利 說 他 每天 都 會 和 美國 疾病 管制 與 預防 中心 cdc 及 白宮 新冠 病毒 專案小組 white house coronavirus task force 聯繫 週六 晚 獲得 證實 總統 的 檢測 呈 陰性 據 cnbc 新聞網 14 日 報導 川普 一直 抗拒 接受 檢測 但 星期五 召開 記者會 時 記者 一直 追問 他 會 不 會 接受 檢測 有 一 名記者 甚至 直白 地 問 他 不 接受 檢測 會 不 會 太 自私 而 川普 隨即 反擊 道 我 又 沒 說 不 接受 檢測 巴西 總統 波索納洛 jair bolsonaro 訪 美 期間 曾和 已 確診 的 新聞 秘書 沃恩 加藤 f bio wajngarten 在 佛州 海 湖 莊園 mar-a-lago 與 川普 共 進晚餐 不過 波索納洛 先前 傳出 檢測 也 呈 陽性 後來 又 改口 說是 陰性 而 沃恩 加藤 公開 的 照片 顯示 他 上周 隨同 巴西 總統 訪 美 期間 曾在 佛州 海 湖 莊園 和 川 普及 副 總統 彭斯 mike pence 合影 繼 川普 之後 彭斯 週六 也 說 他 還 沒 接受 檢測 但 表示 我 和 彭斯 夫人 很 樂意 接受 檢測</t>
  </si>
  <si>
    <t>美國 與 大陸 再度 言詞 交鋒 美國總統 川普 昨 20 日 在 推特 火力 全開 痛 批 大陸 是 瘋子 讓 新冠肺炎 疫情 在 全球 奪 走 數 十萬 人 性命 炮轟 北京 的 無能 造成 全球 大屠殺 法新社 報導 美國總統 川普 20 日 再度 對 大陸 開炮</t>
  </si>
  <si>
    <t>美國 與 大陸 再度 言詞 交鋒 美國總統 川普 昨 20 日 在 推特 火力 全開 痛 批 大陸 是 瘋子 讓 新冠肺炎 疫情 在 全球 奪 走 數 十萬 人 性命 炮轟 北京 的 無能 造成 全球 大屠殺 法新社 報導 美國總統 川普 20 日 再度 對 大陸 開炮 他 的 推特 貼 文中 並未 指名道姓 但是 指出 大陸 的 一些 瘋子 才 剛 發佈 新聞稿 怪罪 所有人 該 為 新冠 病毒 負責 就是 不怪 大陸 這 只 病毒 殺死 了 數 十萬 人 some wacko in china just released a statement blaming everybody other than china for the virus which has now killed hundreds of thousands of people please explain to this dope that it was the incompetence of china and nothing else that did this mass worldwidekilling 拜 讬 跟 這個 蠢貨 說明 一下 是 中國 的 無能 不是 別人 導致 這 場 全球 大 屠殺 澳洲 廣播公司 新聞網 abc news 報導 川普 是 在 大陸 回擊 美國 國務卿 蓬佩 奧 mike pompeo 祝賀 蔡英文 總統 就職 第 2 任期 後 發佈 這 則 貼 文 蓬 佩奧 在 給 蔡英文 的 賀詞 中 推崇 蔡英文 帶領 臺灣 民主 的 勇氣 與 願 景 鼓舞 了 區域 及 世界 北京 則 痛斥 華府 祝賀 蔡 就職 批評 臺灣 獨立 是 一 條 死路 根據 美國 約翰霍普金斯大學 johns hopkins university 全球 疫情 統計 新冠肺炎 已 在 全球 奪 走 32萬 人 性命 當中 美國 疫情 最 嚴重 逾 9萬 人 喪命 經濟 也 受到 衝擊 疫情爆發 之 初 川普 曾 試圖 淡化 病毒 帶來 的 威脅 並 多次 強調 北京 能夠 處理 疫情 後來 美國 淪陷 情勢 惡化 川普 遂 開始 將 矛頭 指向 大陸 除了 批評 北京 防疫 不透明 更 指控 病毒 源自 於 武漢 病毒 研究所 最近 更 對 世界衛生組織 who 下達 最後通牒 令 限期 30 天 承諾 做出 重大 改革 否則 要 永久 中斷 金援 隨 著 美國 11 月 總統大選 逼近 川普 的 炮火 逐步 升級 美 媒 普遍認為 川普 劍 指 大陸 是 要為 自己 的 防疫 不力 轉移 焦點 以 挽救 選情</t>
  </si>
  <si>
    <t>小 編 精選 中國時報 5 件 不可 不知 大事 帶 讀者 掌握 今天 16 日 新聞 重點 1 病毒檢測 川普 陰性 彭斯 跟 著 測 新冠 疫情 蔓延 全球 逾 50 名 領袖 官員 宣 告 中 鏢 一向 鐵 齒 的 美國總統 川普 13 日 也 終於 接受 病毒檢測</t>
  </si>
  <si>
    <t>小 編 精選 中國時報 5 件 不可 不知 大事 帶 讀者 掌握 今天 16 日 新聞 重點 1 病毒檢測 川普 陰性 彭斯 跟 著 測 新冠 疫情 蔓延 全球 逾 50 名 領袖 官員 宣 告 中 鏢 一向 鐵 齒 的 美國總統 川普 13 日 也 終於 接受 病毒檢測 隔日 白宮 醫師 康利 sean conley 發佈 聲明 稱 川普 的 篩檢 結果 呈 陰性 川普 則 宣佈 將 把 英國 與 愛爾蘭 納入 歐洲 旅遊 禁令 自 16 日 午夜 起 生效 2 診 破百 埃及 旅遊 升至 二級 警示 埃及 近日 新冠肺炎 病例 快速 增加 昨 被 中央流行疫情指揮中心 提升 至 二級 旅遊 警示 歐洲 多國 17 日 起 也 將 升至 三級 警示 澳洲政府 昨天 宣佈 海外 入境 澳洲 旅客 無論 國籍 都 必須 在 抵 澳 後 自我 隔離 14 天 3 口罩 首輪 網路 配銷 233萬 組 行政院 政務委員 唐 鳳 昨日 於臉書 表示 口罩 實 名 制 20 上路 前 內部 盤點 確認 約 有 700萬 片 口罩 可用 於 第一 輪 的 網路 配銷 也 就是 233萬 組 左右 若 超過 233萬 組 預購 就 要用 公平 的 方式 決定 誰 可 買到 4 美 專欄作家 盛讚 台 防疫 成果 新冠肺炎 在 全球 大 流行 比起 有的 國家 反應 緩慢 或者 手忙腳亂 臺灣 防疫 成果 令 多國 稱羨 美 媒 專欄作家 高 燦鳴 tim culpan 日前 撰文 指出 臺灣 經過 sars 慘痛教訓 這 回 很 早 就 開始 正視 疫情 並 採取行動 因而 能夠 保全 更 多 生命 5 恒 述 法師 背債 近 4千萬 疫區 賣 鑽石 籌 錢 張 菲 費玉清 的 大 姊 恒 述 法師 藝名 費貞 綾 15 日 驚 傳 欠 高利貸 近 4000萬 元 目前 人 在 新冠肺炎 疫區 設法 還債 恒 述 法師 15 日 在 臉書 還原 債務 始末 因為 我 在 支票 上面 背書 致使 高利 的 兄弟 們 將 債務 轉嫁 在 我 身上 導致 我 利上 滾 利 造成 今日 本金 加 利息 3000 多 萬 的 外債</t>
  </si>
  <si>
    <t>世衛組織 6 日 統計 全球 新冠肺炎 新增 病例 數 連續 3 天 超過 20萬 據 美國 約翰霍普金斯大學 資料 美國 累計 確診 人數 逾 293萬 死亡 人數 在 當天 突破 13萬 人 美國總統 川普 推 文 再次 使用 中國 病毒 還 說 該 病毒 在 美國 的 致死 率</t>
  </si>
  <si>
    <t>世衛組織 6 日 統計 全球 新冠肺炎 新增 病例 數 連續 3 天 超過 20萬 據 美國 約翰霍普金斯大學 資料 美國 累計 確診 人數 逾 293萬 死亡 人數 在 當天 突破 13萬 人 美國總統 川普 推 文 再次 使用 中國 病毒 還 說 該 病毒 在 美國 的 致死 率 幾乎 是 世界 最低 有 南美 川普 之 稱 的 巴西 總統 波索納洛 正式 確診 川普 推 文說 中國 病毒 在 美國 的 致死 率 幾乎 是 世界 最低 而且 美國 的 病 歿 人數 已 大幅 減少 比 疫情 高峰期 下降 了 近 十 倍 而 經濟 正在 強勁 地 復蘇 他 還 引述 一 間 醫療 集團 的 研究 資料 稱 抗 瘧疾 藥物 羥 氯 奎寧 可 降低 新冠肺炎 患者 約 一半 的 死亡率 美國 疫情 嚴峻 喬治亞州 首府 亞特蘭大市 長波 托斯 keisha lance bottoms 確診 罹 患 新冠肺炎 但 無 相關 症狀 波托斯 是 民主黨 准 總統 候選人 拜登 的 副手 熱門 人選 之一 白宮 防疫 專家 美國 國家 過敏 與 傳染病 研究所 所長 佛 奇 直言 美國 現階段 的 疫情 狀態 確實 不妙 情況 很 嚴重 必須 立即 處理 不過 他 強調 美國 仍 深陷 第一 波 疫情 當中 這 不算 新 一 波 疫情 而是 原有 疫情 升溫 或 回升 根本 還 沒 降 至 我們 所 期望 的 基 準線 就 再度 升高 巴西 是 全球 疫情 第二 嚴重 的 國家 僅次於 美國 有 巴西 川普 之 稱 的 巴西 總統 波索納洛 6 日 再度 接受 新冠 病毒檢測 結果 正式 確診 稍 早 他 戴著 口罩 告訴 總統府 外 的 支持者 說 你們 不能 靠 我 太 近 波索納洛 曾 形容 新冠肺炎 只不過 是 小 感冒 而且 經常 不 遵守 社交距離 規定 他 之前 接受 過 3 次 新冠 病毒檢測 結果 均 呈 陰性 他 6 日 表示 剛剛 去 過 醫院 接受 新型 冠狀病毒 采 檢 又 說 檢驗 報告 顯示 他 的 肺部 沒 問題 在 澳洲 維多利亞省 首府 墨爾本 24 小時 內 通報 新增 191 起 確診 案例 再創新高 由於 病例 激增 維多利亞省 省 長安 德魯 宣佈 從 8 日 午夜 12 時 開始 對 墨爾本 超過 500萬 居民 實施 封鎖 措施 封城 時間 暫定 6 周 為了 防止 疫情 擴大 維多利亞 與 新南 威爾斯 這 兩 個 澳洲 人口 最 大 的 省 已 自 7 日 起 無限期 關閉 省界 為 百年 以來 首 見</t>
  </si>
  <si>
    <t>美國總統 川普 不斷 鼓吹 使用 抗 瘧疾 藥物 奎寧 治療 新冠肺炎 引發 專家 撻 伐 科學 證據 太 薄弱 質疑 療效 美國 疾病 管制 暨 預防 中心 cdc 昨 7 日 也 悄悄 移 除了 官 網上 原先 建議 醫師 使用 奎寧 的 治療 指南 路透社 報導 美國 cd</t>
  </si>
  <si>
    <t>美國總統 川普 不斷 鼓吹 使用 抗 瘧疾 藥物 奎寧 治療 新冠肺炎 引發 專家 撻 伐 科學 證據 太 薄弱 質疑 療效 美國 疾病 管制 暨 預防 中心 cdc 昨 7 日 也 悄悄 移 除了 官 網上 原先 建議 醫師 使用 奎寧 的 治療 指南 路透社 報導 美國 cdc 昨日 悄悄 移 除了 官 網上 建議 醫生 使用 抗 瘧疾 藥物 氯 奎寧 chloroquine 及 羥 氯 奎寧 hydroxychloroquine 的 建議 指南 cdc 官 網上 一 篇 給 臨床 醫師 治療 新冠 患者 的 療法 選項 資訊 information for clinicians on therapeutic options for patients with covid-19 的 頁面 原先 指出 儘管 目前 還 不 清楚 使用 羥 氯 奎寧 治療 新冠肺炎 的 最佳 劑量 及 使用 期間 不過 據傳 部分 美國 醫生 已經 使用 奎寧 開出 不同 處方 醫治 新冠肺炎 喬治 華盛頓大學 george washington university 梅肯 研究院公共 衛生學 院 milken institute school of public health 院長 高曼 博士 dr lynn goldman 不可 置信 地 表示 為何 cdc 會 公告 傳聞 anecdotes 這 沒 道理 很 不 尋常 cdc 官 網上 原先 的 這 則 公告 引起 醫生 及 專家 撻 伐 批評 奎寧 的 治療 方式 還 沒有 被 證實 有效 或是 有害 就 建議 醫生 使用 路透社 先前 報導 cdc 會 放上 奎寧 的 治療 建議 指南 是因為 川普 本人 親自 施壓 聯邦 主管機關 及 衛生 官員 在 奎寧 尚未 受到 嚴謹 的 科學 證據 證實 能 有效 治療 新冠肺炎 的 情況 下 擴大開放 奎寧 來 治療 cdc 隨後 也 向 路透社 證實 因應 白宮 冠 狀 病毒 小組 要求 才會 在 官網 放上 奎寧 的 治療 指南 目前 cdc 官 網 同一個 頁面 上 仍 有 氯 奎寧 及 羥 氯 奎寧 的 介紹 不過 移 除了 原先 的 說明 新增 的 內容 指出 目前 美國 食品 暨 藥物 管理局 fda 尚未 認可 任何 療法 及 藥物 來 預防 或 治療 新冠 病毒 在 奎寧 的 條 目下 則 補充 羥 氯 奎寧 及 氯 奎寧 仍 在 進行 治療 新冠肺炎 的 臨床 試驗</t>
  </si>
  <si>
    <t>美國總統 川普 確診 感染 新冠肺炎 住院 4 天 就 出院 對此 感染症 專家 中華民國 防疫 協會 理事長 王任賢 表示 川普 染疫 應該 不 假 但 這 也 突顯 美國 社區 感染 真的 很 嚴重 才會連 總統 都染疫 他 痛 批 川普 疫 q 零蛋 不管 是 染</t>
  </si>
  <si>
    <t>美國總統 川普 確診 感染 新冠肺炎 住院 4 天 就 出院 對此 感染症 專家 中華民國 防疫 協會 理事長 王任賢 表示 川普 染疫 應該 不 假 但 這 也 突顯 美國 社區 感染 真的 很 嚴重 才會連 總統 都染疫 他 痛 批 川普 疫 q 零蛋 不管 是 染疫 前 或 確診 後 都未 要求 民眾 戴 口罩 保持 社交距離 且 比較 另 人 憂心 的 是 做為 國際 社會 霸權 國家 美國 極 可能 成為 病毒 輸出 國 王 任賢 表示 由於 美國 大選 在即 川普 確診 新冠肺炎 一度 被 認為 是 做 秀 但 他 認為 真的假 不了 尤其 不只 川普 感染 白宮 也 多 人 確診 甚至 連習進 平 都 致電 關懷 而 該 事件 也 讓 新冠肺炎 疫情 成為 大選 重要 議題 王 任賢 強調 新冠肺炎 病毒 出現 不 到 一 年 在 世界各地 都 陸續 造成 嚴重 死亡 不管 從 臺灣 大陸 或是 日 韓 英 德 等 地 回顧 疫情 發展 都 可以 證實 新冠肺炎 就 是 個 社區 病毒 只要 社區 未 徹底 清零 疫情 就 會 捲土重來 而 只 要 政府 開始 做為 加強 篩檢 隔離 感染者 並 要求 民眾 戴 口罩 保持 社交距離 感染 人數 就 會 慢慢 趨 緩 但 在 美國 即使 國內 甚 少 報導 但 連 總統 都染疫 突顯 的 就 是 政府 無 作為 社區 感染 嚴重 川普 就是 不開 口 叫 民眾 戴 口罩 不 做 一個 上行下效 的 好 榜樣 王 任賢 憤憤 表示 美國 更是 全球 疫情 主要 輸 出國 做為 國際 社會 霸權 國家 美軍 到 各地 都 以 事 涉 機密 拒絕接受 入境 國 的 篩查 未來 全球 疫情 要 清零 美國政府 的 動作 相當 具 關鍵性</t>
  </si>
  <si>
    <t>時力立 委 邱顯智 今日 表示 2003 年 sars 期間 前 總統 陳水扁 親自 調動 軍醫 體系 補上 醫療 缺口 美國總統 川普 拜登 英國首相 強 森 在 疫情 期間 也 都 是 親自 指揮 作戰 也 請 蔡 總統 站上 第 一線 指揮 抗 疫 戰爭 讓 人力 物力 盡 速 到</t>
  </si>
  <si>
    <t>時力立 委 邱顯智 今日 表示 2003 年 sars 期間 前 總統 陳水扁 親自 調動 軍醫 體系 補上 醫療 缺口 美國總統 川普 拜登 英國首相 強 森 在 疫情 期間 也 都 是 親自 指揮 作戰 也 請 蔡 總統 站上 第 一線 指揮 抗 疫 戰爭 讓 人力 物力 盡 速 到位 邱顯智 指出 從 去年 到 現在 臺灣 在 疫苗 採購 上 一直 受到 政治 因素 干預 如果 再 繼續 堅持 與 原廠 簽約 的 原則 只 會 重蹈覆轍 蔡 總統 應該 廣納 民間 力量 協助 我國 突破 政治 阻礙 取得 疫苗 邱顯智 說 前線 醫護 人力 吃緊 不斷 告急 現有 醫療 體系 已 日漸 無法 擔負 抗 疫 作戰 的 指揮 重 責 日前 衛福部 想 徵用 國 軍 英雄館 作為 隔離 場所 卻 被 國防部 否決 如今 蔡 總統 應該 學習 當年 的 陳水扁 親 上 前線 指揮 調動 補上 醫療 缺口 邱顯智 表示 現在 如果 還有 部會 態度 消極 有 法律 規定 阻礙 調動 就 該 發佈 緊急命令 打通 關節 蔡 總統 是否 能夠 展現 威望 和 政治 領導 能力 就 看 此時</t>
  </si>
  <si>
    <t>近期 指控 世界衛生組織 who 以 大陸 為 中心 的 美國總統 川普 14 日 宣佈 中斷 對 who 資助 引起 全球 譁然 對此 美 前 官員 投書 媒體 表示 川普 要 改革 who 有 許多 手段 除 斷金 援 之外 也 可 考慮 承認 臺灣 為 who 會員國 而 在 下月 的 世</t>
  </si>
  <si>
    <t>近期 指控 世界衛生組織 who 以 大陸 為 中心 的 美國總統 川普 14 日 宣佈 中斷 對 who 資助 引起 全球 譁然 對此 美 前 官員 投書 媒體 表示 川普 要 改革 who 有 許多 手段 除 斷金 援 之外 也 可 考慮 承認 臺灣 為 who 會員國 而 在 下月 的 世界衛生 大會 上 也 應 要求 過於 親 陸 的 who 秘書長 譚德 賽 下臺 並 由 在 這 場 大 流行 中 表現 突出 又 免 於 遭受 陸 政治化 的 公衛 專家 取代 而 台 專家 是 最 勝任 人選 曾 任 美國國防部 中國 事務 前 主任 現 為 華府 智 庫 全球 臺灣 研究 中心 global taiwan institute 諮 詢 委員會 成員 的 包士 可 joseph bosco 向 國會山 莊 報 投書 臺灣 中國 的 剋星 應 是 who 的 救星 taiwan china&amp;apos s nemesis could be the who&amp;apos s salvation 一 文中 其中 先以 臺灣 防疫 成就 為 例 如 自 全球 疫情爆發 以來 臺灣 為少數 幾 個 仍 可讓 學生 繼續 上學 的 國家 中華 職棒 也 是 當前 全球 唯一 開 打的 職棒 聯盟 包 士 可 指出 雖然 在 疫情 威脅 之下 臺灣 的 社會 與 商業 運作 仍 可 相對 地 正常 運作 人民 謹慎 遵守 如 保持 社會 距離 出門 戴 口罩 經常 洗手 等 防疫 措施 可見 這種 鍥而不捨 的 精神 讓 這個 有 2千4百萬 人民 的 臺灣 在 不必 暫停 經濟 活動 的 情況 下 至 今 的 確診 人數 仍 低於 400 以下 包 士 可 接 著 表示 臺灣 在 疫情爆發 之 初 就 大幅度 地 將 病毒 隔離 在外 證明 這種 謹慎 且 有條理 的 危機 管理 方式 是 可行 的 即使 面對 來自 大陸 的 不實 訊息 以及 who 的 明顯 誤導 資訊 臺灣 仍 在 去年 12 月 31 日 發現 疑 有 人 傳人 現象 他 指出 但 who 可悲 的 表現 讓 大陸 大量 隱瞞 疫情 是 導致 全球 疫情爆發 的 關鍵 但 大陸 打 壓 之下 臺灣 只能 被 排擠 在 who 之外 而 被 川普 稱為 以 中國 為 中心 的 who 領導階層 也 一再 偏向 否認 臺灣 證明 其 道德 與 專業 早已 破產 包 士 可 表示 如今 川普 已 認知 到 北京 與 who 的 作為 並 決定 以 美國 對 who 捐助 作為 籌碼 不過 他 還 有 更 多 選項 退出 世衛 並 建立 新 組織 取代 who 或是 要求 臺灣 獲得 who 會員 身分 他 進一步 指出 who 秘書長 譚 德塞 tedros adhanom ghebreyesus 似乎 在 疫情 期間 都 與 陸 公開 勾結 他 不僅 長期 支持 who 排除 臺灣 最近 更 指控 台對 他 進行 種族歧視 攻擊 並 呼籲 譚 德塞 應該 由 一 位 有 處理 大 流行 疾病 經驗 並 可免於 遭 陸 政治化 的 公衛 專家 所 取代 而 臺灣 專家 就 是 最 勝任 人選</t>
  </si>
  <si>
    <t>過去 一 周 美國 單日 新增 新冠肺炎 確診 病例 突破 18萬 大關 累計 病例 已 約 1100萬 甚至 還 傳出 連 美國 特勤局 有 超過 130 名 探 員 確診 對此 前 立 委 林濁水 直言 民 粹 總統 忙 造 勢 糟 殃 的 那裡 只是 特 勤 但 不 民 粹 怎 能 沖高 選票 並 讓 臺灣 川 粉 為 之 瘋狂 綜合 外 媒 報導 有 130 名 特勤局 探 員因 接觸 到 新冠肺炎 患者 遭到 傳染 並 被 隔離 而 原因 則 可能 和 他們 曾 跟隨 川普 出席 各地 的 造 勢 大會 有關 許多 官員 和 民眾 在 這些 場合 並未 配戴 口罩 增加 了 傳染 風險 甚至 也 有 官員 也 因此 染疫 如 白宮 幕僚 長 梅多斯 mark meadows 等 對於 美國總統 特 勤 超過 130 人 確診 隔離 林濁水 今 15 日 在 臉書上 表示 真 慘 民 粹 總統 忙 造 勢 糟 殃 的 那裡 只是 特 勤 並 指出 德州 佛 洛裡達 兩 個 川 粉 大本營 正是 疫情 沖高 名列前矛 的 州 林濁水 還 指出 但是 不 民 粹 怎 可能 選票 沖高 破 歷屆 記錄 還 沖到 臺灣 川 粉 為 之 瘋狂 他 也 很 感歎 唉 就 是 這樣 了 能 不為 底層 苦 人 哀 網友 們 也 留言 回應 向 臺灣 的 民 粹 學者 致敬 理智 的 大師 不 理智 的 川 粉 民主制度 下 蹦出 了 個 川 建國 選 輸 了 還 不 認 丟臉啦 這 真的 是 很 扯 可惜 這些 人 不能 在 三四 天 後 就 出院 美國總統 特 勤 超過 130 人 確診 隔離 真 慘 民 粹 總統 忙 造 勢 糟 殃 的 那裡 只是 特 勤 德州 佛 洛裡達 兩 個 川 粉 大本營 正是 疫情 沖高 名列前矛 的 州 但是 不 民 粹 怎 可能 選票 沖高 破 歷屆 記錄 還 沖到 臺灣 川 粉 為 之 瘋狂 唉 就 是 這樣 了 能 不為 底層 苦 人 哀</t>
  </si>
  <si>
    <t>美國 新冠肺炎 死亡 人數 在 昨 22 日 正式 超過 20萬 人 對此 美國總統 川普 回應 時 坦言 很 遺憾 但 也 稱 防疫 工作 做 得 很 出色 否則 美國 可能 會 有 300萬 人 喪命 綜合 今日 美國 報 usa today 美國有線電視新聞網</t>
  </si>
  <si>
    <t>美國 新冠肺炎 死亡 人數 在 昨 22 日 正式 超過 20萬 人 對此 美國總統 川普 回應 時 坦言 很 遺憾 但 也 稱 防疫 工作 做 得 很 出色 否則 美國 可能 會 有 300萬 人 喪命 綜合 今日 美國 報 usa today 美國有線電視新聞網 cnn 報導 今年初 新冠肺炎 蔓延 美國 時 川普 3 月底 才 表示 如果 美國 能 將 病 歿 人數 控制 在 10 至 20萬 人 之間 那 美國 的 防疫 工作 就 做 得 非常 好 了 如今 川普 預言 成真 死亡 人數 甚至 超過 預期 根據 美國 約翰霍普金斯大學 johns hopkins university 全球 疫情 統計 截至 臺灣 時間 今 23 日 上午 8 時 美國 總 死亡 人數 為 200654 人 對此 川普 昨日 在 白宮 表示 很 遺憾 稱 美國 防疫 工作 做 得 非常 出色 如果 我們 沒有 適當 正確 地 做 因應 你 可能 會 有 250萬 人 死亡 如果 你 看看 其他 選項 你 可能 會 有 250萬 人 左右 喪命 甚至 更 多 人 川普 接 著 將 炮 口 對準 北京 你們 看到 了 我 在 聯合國 的 演說 中國 應該 讓 病毒 止步 於 他們 的 邊界 之內 他們 不該 讓 病毒 散播 到 全世界 這 是 一 件 非常 糟糕 的 事 他 更 稱 要不是 他 關閉 邊界 美國 可能 會 有 300萬 人 死亡 這 是 一 件 可怕 的 事 永遠 不該 發生 記住 是 中國 讓 這 件 事 發生 今年 5 月 以來 美國 的 新冠 死亡數 就 不斷 超速 讓 預測 模型 提前 達標 華盛頓大學 健康 計量 評估 研究 中心 institute for health metrics and evaluation ihme 原本 預估 10 月初 死亡 人數 達 18萬 人 明年 1 月 增加 至 378萬 人 實情 是 5 月 美國 就 有 10萬 人 喪命 針對 疫情 前景 加州大學 柏克萊 分校 university of california at berkeley 傳染病 及 疫苗 學 系 榮譽 退休 教授 斯 瓦茲伯格 john swartzberg 表示 隨 著 秋 冬 流感 季 來臨 他 很 難 樂觀 期待 10月 11 月 情況 會 好轉 我 沒有 看到 人們 的 行為 有 適當 的 轉變 我 看不到 檢測 量 提升 我 看到 政治 層面 持續 壓迫 做 正確 的 事</t>
  </si>
  <si>
    <t>糾纏 數 天 的 美國總統 選舉 開票 終於 在 關鍵州 開票 結束 而 告 大勢 底定 拜登 以 306 票 大勝 川普 232 票 即將 當選 川普 雖然 持續 指控 通訊 選票 有 弊端 由於 並未 提出 任何 具體 的 證據 想要 扭轉 大選 結果 可說是 機 率 渺茫 也 因此</t>
  </si>
  <si>
    <t>糾纏 數 天 的 美國總統 選舉 開票 終於 在 關鍵州 開票 結束 而 告 大勢 底定 拜登 以 306 票 大勝 川普 232 票 即將 當選 川普 雖然 持續 指控 通訊 選票 有 弊端 由於 並未 提出 任何 具體 的 證據 想要 扭轉 大選 結果 可說是 機 率 渺茫 也 因此 世界 各國 領袖 已 陸續 向 拜登 致電 祝賀 準備 迎向 後 川普 時代 這次 美國 大選 之前 民 調 普遍 預測 拜登 即將 勝 選 甚至 是 以 超過 10 的 比例 大幅 勝 選 然而 選 後 的 結果顯示 拜登 僅 以 36 小幅 勝 選 拜登 509 川普 473 於是 便 有 許多 人 批評 民 調 失准 然而 事實 的 真相 是 隨 著 大選日 的 逼近 川普 的 民 調 原本 就 逐漸 逼近 拜登 以 realclear politics 的 統計 來看 選 前 最後 1 周 兩 人 的 民 調 平均值 是 拜登 領先 川普 72 512 44 這 和 最後 的 普選 投票 結果 其實 差距 只 有 36 是 在 誤差 範圍 內 並 沒有 想像 中大 過去 4 年 川普 的 內政 及 外交 不斷 引發 爭議 他 高舉 著 讓 美國 再度 偉大 的 大旗 奉行 美國 至上 的 單邊主義 不論是 國際經貿 環保 甚至 衛生 協定 及 組織 只要 不順 美國 的 意 川普 就 退出 完全 不 顧慮 盟國 以及 地球 的 未來 川普 帶來 的 利多都 是 短 多長 空 比如說 限制 外來 移民 在 美國 就業 短 期間 似乎 增加 了 美國 人 的 就業率 但是 長期 來講 阻止 在 美國 受 教育 的 高階 人才 留在 美國 是 扼殺 美國 產業 的 競爭力 而且 也 會 降低 美國 高等教育 的 競爭力 更 重要 的 是 川普 在 新冠肺炎 的 防疫 作為 上 完全 拒絕 相信 科學 美國 拜 地理 位置 之 賜 在 疫情 開始 之 初 有 著 約 2 個 月 的 緩衝 時間 但是 美國 在 川普 領導 下 白白浪費 了 美國 的 緩衝 時間 使得 美國 成為 全世界 受到 新冠肺炎 影響 最 嚴重 的 國家 讓 人 完全 無法 想像 這 是 全世界 醫療 最 先進 的 國家 川普 亂 政 4 年 而 終 他 帶 給 美國 社會 或許 還有 臺灣 社會 的 撕裂 與 傷痕 還要 好 一 段 日子 之後 才 能夠 癒合 但 我們 要 感謝 民主制度 讓 我們 對於 執政 者 有 著 4 年 一 次 的 考試 機會 可以 讓 全體 國民 決定 國家 的 方向 不至於 共同 走向 瘋狂 作者 為 中華民國 法律 政策 協會 副理事長</t>
  </si>
  <si>
    <t>美國總統 川普 表示 美國 很快 就 有能力 每日 進行 500萬 個 新 冠狀病毒檢測 儘管 檢測 不足 仍 是 美國 許多 州 對 重 啟 商業 感到 不安 的 最 大 障礙 在 被 問到 對 美國 每日 檢測 量 達到 500萬 個 是否 有 信心 時 川普 表示 檢測 量 很快 就 會 大幅 提</t>
  </si>
  <si>
    <t>美國總統 川普 表示 美國 很快 就 有能力 每日 進行 500萬 個 新 冠狀病毒檢測 儘管 檢測 不足 仍 是 美國 許多 州 對 重 啟 商業 感到 不安 的 最 大 障礙 在 被 問到 對 美國 每日 檢測 量 達到 500萬 個 是否 有 信心 時 川普 表示 檢測 量 很快 就 會 大幅提高 部分 衛生 專家 認為 每日 檢測 量 達到 500萬 個 是 重 啟 美國 經濟 的 先決條件 事實上 目前 美國 每日 檢測 量 距離 500萬 個 仍然 天差地遠 根據 冠 狀 病毒 疾病 追蹤 專案 the covid tracking project 美國 單日 檢測 量 最高 的 一 天 是 4 月 22 日 的 31萬4182 個 自新冠肺炎 大 流行 開始 美國 的 總 檢測 量 僅 達到 570萬 個 遠遠 落後 其 應 要 達到 的 檢測 能力 以 4 月份 每日 平均 檢測 量 約 15萬7000 個 來看 美國 需要 將近 6 年 時間 才能 讓 每 一個 人 都 獲得 檢驗 且 只 有 一 次 根據 約翰·霍普金斯大學 johns hopkins university 所 做 的 統計 目前 美國 新 冠狀病毒 確診 病例 達到 101萬1877 人 占 全球 總 確診 數 的 三 分之一 因此 死亡 的 人數 超過 5萬8000 人 目前 全球 感染 人數 已經 超過 311萬3447 人 至少 21萬6930 人 因 此 病故</t>
  </si>
  <si>
    <t>擔憂 新冠肺炎 疫情 持續 擴散 美國股市 連 兩 天 賣壓 湧現 拖累 道 瓊 指數 連續 兩 個 交易日 大跌 近 2千 點 美國總統 川普 為此 大為 震怒 直 批 衛生 官員 的 警告 嚇壞 了 投資人 美國疾病控制與預防中心 cdc 免疫 和 呼吸系統 疾病 中心 主</t>
  </si>
  <si>
    <t>擔憂 新冠肺炎 疫情 持續 擴散 美國股市 連 兩 天 賣壓 湧現 拖累 道 瓊 指數 連續 兩 個 交易日 大跌 近 2千 點 美國總統 川普 為此 大為 震怒 直 批 衛生 官員 的 警告 嚇壞 了 投資人 美國疾病控制與預防中心 cdc 免疫 和 呼吸系統 疾病 中心 主任 nancy messonnier 週二 警告 疫情 可能 會 在 美國 境內 造成 社區 傳播 這 是 遲早 會 發生 的 事 提醒 民眾 要 有 最壞 的 心理準備 屆時 學校 可能 會 停課 以及 取消 大型 聚會 活動 等 但 cdc 的 這 番 示警 顯然 川普 並 不知情 華盛頓郵報 引述 消息人士 指出 川普 對 美 股 週二 大屠殺 相當 生氣 由於 擔憂 美 股 進一步 大跌 川普 警告 助理 們 不可 揣測 疫情 可能 造成 的 影響 美 股 繼 週一 大跌 超過 千 點 後 週二 再度 狂 殺 近 900 點 其中 一大 原因 就 是 衛生 官員 表示 新冠肺炎 可能 會 在 美國 出現 社區 傳播</t>
  </si>
  <si>
    <t>美 股 受 新冠肺炎 疫情 單日 確診 人數 攀升 選情 膠 著 影響 連日 修正 台股 週五 同樣 收 黑 11657 點 下跌 092 收 1254634 點 成交量 197264億 佛蘭克林 華美 投 信 認為 受 美 歐 新冠肺炎 疫情 單日 確診 人數 再 攀 高 加上 美國總統 大</t>
  </si>
  <si>
    <t>對 本來 就 受 電 商 衝擊 而 身 處 困境 的 傳統 零售業 來說 新冠肺炎 疫情 造成 了 更 致命 打擊 這 慘 況在 美國 是 現在 進行式 據 美國勞工統計局 統計 全美 零售業 員工 有 近 1600萬 人 多 面臨 衝擊 且 面臨 無 薪 假 風險 的 多 是 基層 員工 另外 據 彭博社 統計 自 疫情爆發 以來 美國 零售業 無 薪 休假 的 人數 已 超過 60萬 為了 應對 疫情 美國總統 川普 已經 下令 諸如 零售 服飾 店面 之類 的 非必要 商業 停工 相關 保持 社交距離 的 限制 令 又 延長 到 了 4 月 30 日 有鑑於此 全美 零售業 連鎖商店 兩 周前 開始 出現 關閉 門市 潮 數 百萬 名 傳統 零售業 勞工 面臨 無 薪 假 或 被 解雇 的 風險 此前 梅西 百貨 就 在 3 月 30 日 表示 旗 下 775 家 門店 全部 暫停營業 公司 125萬 名 員工 中的 一部分 人 將 于當周 開始 無 薪 休假 至少 延續 到 5 月 同時 該 公司 還 宣佈 下調 其 董事 及 以上 級別 管理人員 的 薪 酬 公司 執行長 jeff gennette 在此期間 將 不 會 獲得 任何 薪資 而 知名 平價 服飾 gap 也 宣佈 門市 暫停營業 的 時間 超乎 預期 因此 決定 讓 美國 和 加拿大 的 部分 員工 休 無 薪 假 不過 gap 也 承諾 將 持續 支付 津貼 直到 重新 營業 而 gap 也 提到 要 進行 人員 精簡 措施 但 裁員 數 並未 透露 受到 衝擊 美國勞工統計局 的 資料 顯示 全美 零售業 員工 有 近 1600萬 人 且 面臨 無 薪 假 風險 的 許多 人 都 是 底層 員工 根據 彭博社 統計 的 資料 自新冠肺炎 疫情 暴發 以來 美國 零售業 無 薪 休假 的 人數 已 超過 60萬 另外 美國 研究 機構 coresight 分析 顯示 防疫 措施 將 重創 美國 零售業 全美 將 有約 63萬 家 零售業 商店 面臨 關閉 對此 美國 零售商 協會 nrf 預期 美國 零售業 未來 3 個 月 的 營業額 恐 少 收 4300億 元 美元 下同 多少 業者 能 支撐 到 疫情 過後 是 未知數 目前 美國政府 批准 了 總共 3000億元 的 延期 納稅 加上 計畫 推出 的 上 兆 美元 財政 刺激 計 畫 有望 為 在 疫情 中 苦苦 掙扎 的 零售 企業 找到 一 條 生機</t>
  </si>
  <si>
    <t>紐約時報 27 日 爆 料 儘管 美 駐 聯合國總部 大使 布倫柏格 andrew bremberg 5 月底 才 親自 向 世界衛生組織 who 提交 7 大 條件 試圖 表達 對 who 在 新冠 疫情 中的 不滿 並 要求 改革 孰料 數 小時 後 美國總統 川普 便 自行 在 白宮 宣佈</t>
  </si>
  <si>
    <t>紐約時報 27 日 爆 料 儘管 美 駐 聯合國總部 大使 布倫柏格 andrew bremberg 5 月底 才 親自 向 世界衛生組織 who 提交 7 大 條件 試圖 表達 對 who 在 新冠 疫情 中的 不滿 並 要求 改革 孰料 數 小時 後 美國總統 川普 便 自行 在 白宮 宣佈 退出 who 不論 美 外交官 還 是 who 秘書長 皆 完全 不知情 看 了 電視 才 知道 報導 中 指出 布倫柏格 提出 的 7 大 狀 包括 1 調查 新冠 病毒 的 源頭 並 公佈 who 處理 疫情 的 過程 2 譚 德塞 應 呼籲 大陸 提供 活 病毒 樣本 並 要求 停止 審查 大陸 醫師 與 記者 3 譚 德塞 應 承認 各國 在 疫情 其間 限制 出遊 為 正確 的 做法 4 派員 至 臺灣 取經 防疫 5 預先 批准 新冠 藥物 與 疫苗 6 who 代表 人員 數 應 由 國家 資助 比率 決定 7 who 應 支持 七大 工業國 提出 的 改變 據 美方 官員 表示 由於 譚 德塞 拒絕接受 或 任何 協商 結局 便是 川普 退出 who who 官員 表示 美國 要求 的 7 大 狀 還算 合理 其實 無須 以 大炮 打 小鳥 的 方式 提出 改革 要 求 而是 循 一般 管道 協商 如此 可 避免 脅迫 的 感覺 雙方 也 可以 輕鬆 的 態度 協商 不過 紐 時 披露 部分 內容 恐 觸及 政治 敏感 地帶 加上 譚 德塞 不 願 承擔 疫情 擴散 的 責任 與 譴責 最終 選擇 絕 不 屈服 who 顧問 高斯 丁也 認為 這不 能 稱為 協商 根本 是 勒索 7 大 狀 顯然 出自 白宮 國務院 與 衛生部 之 手 不過 川普 逕自 宣佈 退出 who 的 行動 卻 讓 日內瓦 的 一 票 外交官 大吃一驚 事實上 布倫柏格 在 日內瓦 與 歐洲 盟友 討論 時 歐洲 代表 還 希望 能 阻止 美國 撒手 離開 who 7 大 狀 反映 出 的 是 美國 與 川普 對 who 的 不滿 儘管 拜登 有意 重新加入 who 但 7 大 狀 突顯出 的 問題 如果 沒有 改善 川普 留下 的 破碎 關係 勢必 為 拜登 繼承 如何 推動 改革 讓 金主 與 受 援 者 都 滿意 將 是 未來 重點</t>
  </si>
  <si>
    <t>國際 經濟 情勢 全球 新冠肺炎 疫情 持續 惡化 儘管 各國 官方 出臺 利多 救 市 依舊 無法 消 彌 市場 的 恐懼 日前 世界衛生組織 who 宣佈 新冠 病毒 疫情 為 大 流行病 美國總統 川普 限制 歐洲 國家 到 美國 旅遊 歐洲央行 ecb 未 如 市</t>
  </si>
  <si>
    <t>國際 經濟 情勢 全球 新冠肺炎 疫情 持續 惡化 儘管 各國 官方 出臺 利多 救 市 依舊 無法 消 彌 市場 的 恐懼 日前 世界衛生組織 who 宣佈 新冠 病毒 疫情 為 大 流行病 美國總統 川普 限制 歐洲 國家 到 美國 旅遊 歐洲央行 ecb 未 如 市場 期待 做出 降息 以 因應 可能 的 衝擊 以及 疫情 影響 時間 可能 延長 至 下半年 衝擊 程度 是 不斷 的 擴大 全球 gdp 恐 會 因 此 出現 嚴重 下滑 部分 區域 甚至 可能 爆發 衰退 危機 加上 全球 疫情 日趨 嚴峻 台股 短期 恐 仍 難 逃 大幅 震盪 的 命運 總 經 方面 美國 2 月 非農 就業人數 新增 273萬 人 優於 市場 預期 同月 cpi 也 較 預期 強勁 然 該 月 數字 還 未能 充分反映 疫情 擴大 的 影響 參考 意義 有限 聯 准會 fed 近期 多次 宣佈 入市 措施 且 先前 再次 宣佈 緊急 降息 幅度 高 達 四 碼 聯邦 利率 已 近 0 並 至少 增加 7000億 美元 的 債券 資產 以 挽救 受 疫情 衝擊 的 經濟 然 市場 反對 疫情 將 造成 的 下行 風險 更為 擔憂 加上 fed 強調 不 採取 負利率 政策 一旦 後續 再有 變數 救 市 手段 將 因 此 受限 川普 最新 計畫 將 實施 12 兆 美元 的 經濟 刺激 措施 政府 後續 亦 會 加大 力道 推出 財政政策 及 貨幣政策 但 考量 美國 疫情 仍 難 以 控制 未來 可能 進一步 限 縮 金融市場 及 對 人員 移動 進行 嚴格 封鎖 對於 經濟 衝擊 恐 將 更加 嚴重 觀察 焦點 為 疫情 何時 能見 高峰 以及 財政政策 的 力道 對於 經濟 層面 的 修復 程度 為何 投資 策略 新冠肺炎 疫情 失控 對 金融市場 造成 重 擊 外資 賣 股 求 現 恐慌 情緒 引發 多殺多 的 情況 融資 追繳 與 斷頭 亦 陸續 發生 指數 以 相當 陡峭 的 角度 迅速 摜 破 萬 點 雖 當前 資金 寬鬆 大量 的 資金 仍 需 找尋 有效 的 出路 資金面 將 可 吸納 部分 疫情 對 股價 的 衝擊 讓 低點 不至於 過 低 但 在 疫情 未 受 控 之前 恐懼 之 情 恐難 消退 或 往 避險 性 資產 流去 或以 現金 為 王 的 方式 作為 應對 另 當 股價 修正 本益比 後 市場 將 開始 審視 獲利 面 的 減 損 一旦 疫情 拖 長 或 持續 增 溫 後續 不 排除 因 恐慌 再 出現 低點 除 疫情 本身 帶來 的 損失 外 封城 停工 讓 供給 面 急凍 供應 鏈 斷 鏈 企業 與 民眾 也 恐 頓 失 金流 進而 造成 需求面 的 大 減 勢必 成為 經濟 的 重大 殺傷力 由於 各國 央行 利率 多 已 在 歷史 相對 低位 調整 空間 相當 有限 為 預防 金 流 凍結 所 引發 的 風暴 不得不 提供 企業 或 個人 充裕 的 流動性 以 變現 就 總 體面 的 角度 來看 提 振 景氣 效果 恐 不如 預期 應僅 是 先 防止 金融市場 的 崩 壞 後續 提 振 狀況 仍 將 視 疫情 持續時間 而 定 綜合 上述 由於 大盤 上周 起數 度 帶 量 下 殺 未 見 明顯 支撐 盤勢 壓力 不容 小覷 操作 仍 需謹慎 應對 投資 主軸 上 以 5 g 基地 台 伺服器 與 資料 中心 等 剛性 需求 概念 為 投資 重點</t>
  </si>
  <si>
    <t>美國總統 川普 在 23 日 白宮 防疫 記者會 上 提出 可 將 消毒劑 注射 至 病 患 身上 藉 此 體內 大掃除 此言 一 出 立即 引起 專家 強烈 反 譴責 稱 根本 是 危險 誤導 雖然 川普 隔日 聲稱 這 只 是 諷刺 說法 不過 據 外 媒 指出 美國 人民 真 的 有</t>
  </si>
  <si>
    <t>美國總統 川普 在 23 日 白宮 防疫 記者會 上 提出 可 將 消毒劑 注射 至 病 患 身上 藉 此 體內 大掃除 此言 一 出 立即 引起 專家 強烈 反 譴責 稱 根本 是 危險 誤導 雖然 川普 隔日 聲稱 這 只 是 諷刺 說法 不過 據 外 媒 指出 美國 人民 真的 有人 照 著 川普 建議 引用 消毒水 或 家用 清潔劑 所幸 無人 因此 送 院 治療 但 仍 不禁 令 人 捏把冷汗 據 紐約 每日 新聞 daily news 報導 紐約市 衛生部 毒物 控制 中心 表示 自從 川普 喝 消毒劑 說 後 的 18 小時 內 紐約 市民 打電話 詢問 紐約市 衛生 單位 詢問 可能 誤食 了 漂白 水 或 家用 清潔劑 的 次數 達到 異常 新高 從 23 日 晚上 9 點 至 24 日 下午 3 點 內 約 有 30 起 誤食 消毒劑 的 案例 與 去年 同一 時段 相比 僅 有 13 起 案例 此 一 數量 將近 增加 了 兩 倍 之 多 毒物 控制 中心 發言人 表示 除 了 23 日 至 24 之間 的 案例 之外 另 有 9 起疑 似 服用 家用 清潔劑 來 舒水 lysol 10 起 漂白劑 以及 11 起 一般 家用 清潔劑 而 在 去年 同樣 的 18 小時 時段 中 並未 有 誤食 來蘇水 的 案例 而 誤食 漂白劑 也 僅 有 2 起 川普 喝 消毒劑 一 說是 出於 白宮 疫情 記者會 上 當時 他 先 大 談 專家 研究 以 紫外線 或 強光 打入 體內 殺滅 病毒 的 可能性 接 著 便 說 然後 我 也 看到 消毒劑 能 在 1 分鐘 內 殺滅 病毒 有 沒有 辦法 做 到 像是 注入 體內 做 個 大 清理 因為 病毒 會 侵入 肺部 並 大量 增生 因 此 研究 看看 相關 做法 應 很 有趣 從 媒體 轉播 畫面 上 來看 川普 發表 此 說 時 的 表情 看不出 是 在 開玩笑 雖然 他 已 在 隔 一 日 記者會 中 反 稱 只 是 用 諷刺 語氣 回答 記者 問題 之後 對於 記者 追問 不再 多 回應 為 川普 在 疫情 記者會 時間 最 短 的 一 次 而 在 川普 驚人 建議 一 出 後 消毒劑 公司 來 舒 與 漂白 水 公司 高樂 氏 clorox 都 發出 聲明 提醒 勿 不當 使用 這類產品 此外 美國 已 有 聲浪 指出 川普 一再 藉 由 疫情 記者會 為 自己 增加 曝光 率 但 內容 多 是 錯誤 訊息 欺騙 人民 對 政敵 憤怒 指責 外國 並 一再 甩 鍋 以及 吹噓 抗議 成就 已 有 籲 30萬 人 連署 各家 媒體 停止 直播 有 川普 的 疫情 記者會</t>
  </si>
  <si>
    <t>美國總統 川普 11 日 宣佈 為 防止 疫情 在 美國 蔓延 從 當地 時間 13 日 午夜 起 30 天內 美國 將 暫停 除 英國 外 所有 歐洲 國家 公民 前往 美國 的 旅行 並 將 對 受 新冠 病毒 影響 的 小企業 和 個人 提供 經濟 救助 此外 因為 疫情 白宮 和 美國國會</t>
  </si>
  <si>
    <t>美國總統 川普 11 日 宣佈 為 防止 疫情 在 美國 蔓延 從 當地 時間 13 日 午夜 起 30 天內 美國 將 暫停 除 英國 外 所有 歐洲 國家 公民 前往 美國 的 旅行 並 將 對 受 新冠 病毒 影響 的 小企業 和 個人 提供 經濟 救助 此外 因為 疫情 白宮 和 美國國會 都 宣佈 即日起 對 公眾 關閉 直到 4 月 1 日 白宮 國會 對外 關閉 川普 當天 晚上 在 白宮 發表 全國 電視 演說 說明 政府 的 因應 對策 他 面色 凝重 形容 此舉 是 強有力 但 必要 的 措施 他 抨擊 歐盟 抗 疫 不力 沒有 及時 對 中國 大陸 祭出 旅行 禁令 導致 病毒 擴散 到 美國 他 說 對 歐洲 的 旅行 限制 措施 是 他 與 美國政府 衛生領域 權威人士 討論 後 作出 的 決定 將 會 視 實際 情況 調整 他 同時 表示 接受 入境 健康 篩檢 的 美國 公民 以及 美 歐 之間 的 貿易 和 物 流 不受 此 措施 影響 世界衛生組織 11 日 宣佈 新冠肺炎 疫情 進入 全球 大 流行 同一天 全美 確診 病例 已 突破 1300 例 死亡 38 例 首都 華盛頓 哥倫比亞特區 華府 宣佈 緊急狀態 禁 波蘭 卻 放過 英國 美國國土安全部 代理 部長 沃爾夫 在 一 份 聲明 說 川普 當天 已 簽署 總統 公告 暫停 在 此前 14 天 到訪 過 歐洲 申 根區 國家 的 外國 公民 入境 美國 返美 的 美國 永久 居民 美國 公民 及 直系親屬 不 受限 國土 安全部 澄清 說 旅行 禁令 並非 涵蓋 英國 以外 所有 的 歐洲 國家 而是 只限 申 根區 26 國 不過 有 媒體 人 質疑 英國 的 確診 病例 比 波蘭 多 為何 禁 波蘭 卻 放過 英國 川普 也 重申 對於 絕大多數 美國 人 來說 新冠肺炎 疫情 風險 仍然 非常 非常低 風險 最高 的 是 有 潛 在 健康 問題 的 老年人 所以 他 呼籲 養老院 停止 所有 不必要 的 訪視 任何 感到 不適 的 美國 人 應該 待 在 家 川普 還 宣佈 美國政府 將 提供 500億 美元 低利 貸款 給 受 影響 企業 也 將 允許 受 衝擊 的 個人 和 中小型 企業 延後 3 個 月 繳 所得稅 延 稅 提供 低利 貸款 川普 講話 結束 後 不久 白宮 表示 為了 謹慎 起見 總統 決定 取消 接下來 兩 天 前往 科羅拉多州 和 內華達州 的 行程 紐約州 華盛頓州 等 23 個 州 以及 華府 均 已 宣佈 進入 緊急狀態 在 疫情 最 嚴重 的 華盛頓州 從 12 日 起 該州 西雅圖 地區 的 公立學校 將 關閉 至少 14 天 在 加州 三藩市市 取消 1000 人 以上 公共 活動 美國務院 當晚 也 發佈 針對 疫情 的 旅行 建議 建議 美國 公民 重新考慮 是否 要 前往 國外 此外 美國國防部 宣佈 針對 美國 疾病 管制 暨 預防 中心 cdc 列為 第 3 級 旅行 警示 國家 五角大廈 將 祭出 60 天 的 旅行 限制 令 13 日 起 禁止 現役軍人 國防部 文職人員 與 眷屬 往返 或是 經過 這些 國家</t>
  </si>
  <si>
    <t>美國總統 唐納 川普 的 次子 艾瑞克 川普 在 接受 採訪 時 丟 出 一 顆 讓 網 民 議論紛紛 的 炸彈 艾瑞克 說 他 預測 在 今年 11 月 3 日 美國 總統大選 投票日 之後 美國 的 新冠肺炎 疫情 就 會 神奇 地 消失 至於 消失 的 原因 艾瑞克 給 了 一個</t>
  </si>
  <si>
    <t>美國總統 唐納 川普 的 次子 艾瑞克 川普 在 接受 採訪 時 丟 出 一 顆 讓 網 民 議論紛紛 的 炸彈 艾瑞克 說 他 預測 在 今年 11 月 3 日 美國 總統大選 投票日 之後 美國 的 新冠肺炎 疫情 就 會 神奇 地 消失 至於 消失 的 原因 艾瑞克 給 了 一個 爆炸性 的 理論 這 場 已 導致 上 百萬 美國 人 感染 近 10萬 美國 人 死亡 的 疫情 根本 是 政敵 編造 出來 要 打倒 他 父親 的 陰謀 與 騙局 據 環球時報 報導 艾瑞克 是 在 接受 美國 福斯 新聞 電視 連線 時說 出 上述 的 理論 福斯 新聞 也 是 美國 最 支持 川普 的 一家 保守派 媒體 而 在此之前 川普 本人 曾 在 2 月 28 日 極力 淡化 疫情 威脅 時說 過 類似 的 話 當時 他 說 有 一 天 新冠 病毒 會 消失 就 像 奇跡 一樣 就 這樣 消失 了 美國 網路上 的 相關 討論 指出 艾瑞克 似乎 在 自家 的 地下室 接受 媒體 網路 連 採訪 他 說 拜登 就 喜歡 這 樣 每次 出場 都 要 犯 下 一些 特別 愚蠢 的錯誤 艾瑞克 表示 拜登 的 競選 團隊 應該 很 高興 川普 總統 不用 再 外出 他們 更 以為 他們 奪 走 了 川普 最 厲害 的 工具 那 就 是 一旦 他 走 上 舞臺 每次 都 能 吸引 來 5萬 多 人 聆聽 他 的 演講 艾瑞克 接 著 表示 所以 你 瞧 著 吧 從 現在 開始 到 11 月 3 日 大選日 他們 每 一 天都 會 不斷 利用 這個 局勢 但 接下來 你 猜 會 怎樣 等 到 了 11 月 3 日 之後 冠狀病毒 會 突然 神奇 地 消失 的 然後 所有人 就 都能 出門 了 他們 就是 想 奪 走 我 父親 最 重要 的 資產 即 美國 人民 對 他 的 愛戴 報導 說 川普 的 次子 艾瑞克 川普 這 段 言論 已 引起 了 美國 網 民 熱烈 的 議論 和 責駡 在 多 個 發 佈 了 這 段 視頻 的 美國 網路 名人 和 媒體 網站 的 評論 區 對 川普 父子 的 攻擊 聲 也 此起彼伏 一 名 網友 在 推特 上 說 這 位 美國總統 的 兒子 說 新冠肺炎 只 是 一 場 美國民主黨 用來 阻止 他 父親 去 搞 競選 集會 的 騙局 或 陰謀 看來 他們 一家人 可 真 是 這個 國家 的 禍害 啊 另 有 網友 說 既然 這 是 場 騙局 那 義大利 和 西班牙 那麼 多 人 又 是 怎麼 病 死 的 這些 國家 的 疫情 會 不會 也 在 11 月 3 日 之後 消失 呢 還有 網友 乾脆 直接 表示 艾瑞克 川普 真是 蠢 到家 在 川普 家 還 能 被 視為 是 最 蠢 的 人 想像 一下 這 得有 多 羞辱 吧</t>
  </si>
  <si>
    <t>美國股市 近日 陷入 瘋狂 一 日 暴跌 一 日 暴漲 財 信 傳媒 董事長 謝金河 警告 美 股 多空 廝殺 激烈 並非 底部 現象 實質 上 多頭 正 且戰且退 最 核心 的 問題 是 美國 必須 儘快 研發 出 疫苗 對抗 病毒 以及 川普 的 救 市 方案 不能 是 空包彈 美 股 道 瓊 指數 9 日 暴跌 2千 多 點 創下 史 上 最 大 跌 點 美國總統 川普 立刻 跳出 來說 要 全力 救 市 擬 推 減稅 等 振興 經濟 方案 激勵 美 股 10 日 大 漲 千 點 謝金河 在 臉書 發文 指出 美國股市 3 月 以來 不是 大 漲 就是 大跌 例如 2 日 大 漲 1293 點 3 日 大 跌 785 點 4 日 又 大 漲 1173 點 當天 聯 准會 降息 兩碼 但 5 日 道 瓊 又 大 跌 969 點 6 日 一度 大跌 逾 千 點 最後 下跌 256 點 9 日 則 是 歷史性 重 挫 2013 點 乍看之下 多空 交戰 非常 激烈 但 實質 上 多頭 是 且戰且退 美 股 頻頻 探 底 創 新低 目前 美 股 各 大 指數 多數 跌破 年 線 只 剩 生 技 醫療 及 大型 nasaq 100 及 費城 半 導體 指數 仍 力守 在 年 線 上 謝金河 認為 短 期間 來看 油價 若 不再 破 底 公債 殖 利率 不 再創 低 美國 重量級 五大 市值 股 穩住 多頭 仍 有 防守 的 機會 但 最 核心 的 問題 仍然 是 美國 必須 盡 速 研發 出 疫苗 抗 病毒 有效 遏 阻 新冠肺炎 疫情 蔓延 還有 川普 救 市 不能 打 空包彈 必須 對症下藥 謝金河 表示 這次 疫情 重創 全球股市 各國 政府 全力 救 市 南韓 政府 下 禁 空 令 全球 央行 再度 卯足 全力 寬鬆 銀根 但 資金 不能 治本 這時候 疫情 必須 出現 有效 轉折 重振 市場 信心 才能 讓 股市 重現 活力 對 美 股 來說 眼前 忽而 大 漲 忽而 大 跌 的 刺激 景象 絕非 底部 現象 川普 仍 有待 加油</t>
  </si>
  <si>
    <t>針對 美國 多 位 議員 要 將 陸 駐 美 大使館 外 的 路名 改 成 李文亮 廣場 李文亮 的 遺孀 付雪潔 表示 她 對 此 消息 感到 難過 李文亮 若 有知 一定 不會 允許 有人 借 他 的 名義 來 傷害 他 的 祖國 她 懇求 各界 讓 逝 者 安息 生 者 前行 雖然 美國總統 川普 改口 不再 咬定 大陸 武漢 實驗室 為 新冠 病毒 的 外泄 起源 但 美 陸 關係 陷入僵局 仍未 解 川普 政府 仍 堅定 要 大陸 為 全世界 遭 大 流行 侵襲 負責 此時 多 位 美國 重量級 議員 紛紛 提出 相關 法案 也 有 議員 提議 要 將 陸 駐 美 大使館 外 的 路名 改 成 李文亮 廣場 紀念 疫情 早期 階段 就 提出 警告 的 吹 哨 者 陸 醫師 李文亮 讓 他 的 名字 永遠 不 被 忘記 對此 付雪潔 微博 發文 稱 近日 從 網上 得知 有 美國 議員 提案 要求 把 中國駐美使館 的 一個 路段 改名 為 李文亮 廣場 得知 這 一 消息 很 是 難過 文亮 是 一 名 共產黨員 深愛 他 的 祖國 他 若 有知 一定 不會 允許 有人 借 他 的 名義 來 傷害 他 的 祖國 真 的 希望 不要 再 無端 勾起 傷 心事 讓 逝 者 安息 生 者 前行</t>
  </si>
  <si>
    <t>10 13 拜登 演說 結束 美國總統 國會 聯席會議 演說 通常 會 持續 1 小時 拜登 首場 演說 一共 花 了 1 小時 5 分鐘 演說 尾聲 拜登 表示 從來 沒有 對 美國 這麼 有 自信 樂觀 過 未來 將 會 屬 於 美國 他 說 美國 原本 面臨 動亂 及 疫情 深</t>
  </si>
  <si>
    <t>10 13 拜登 演說 結束 美國總統 國會 聯席會議 演說 通常 會 持續 1 小時 拜登 首場 演說 一共 花 了 1 小時 5 分鐘 演說 尾聲 拜登 表示 從來 沒有 對 美國 這麼 有 自信 樂觀 過 未來 將 會 屬 於 美國 他 說 美國 原本 面臨 動亂 及 疫情 深淵 但是 美國 人民 並 沒有 退縮 敵人 原先 預期 美國會 分崩離析 但是 我們 團結 了 和 美國 對 賭 永遠 不 會 是 好事 現在 也 是 拜登 說 如果 我們 團結 沒有 什麼 是 我們 做 不 到 的 9 55 針對 俄羅斯 拜登 表示 已經 明白 告訴 俄羅斯 總統 普丁 美國 不 會 尋求 讓 衝突 升溫 不過 如果 莫斯科 真的 付諸行動 那將 面臨 後果 cnn 報導 4 月 稍 早 美國 對 俄羅斯 祭出 制裁 及 驅逐 外交官 以 懲罰 俄羅斯 干預 2020 美國 總統大選 大規模 網路 攻擊 行動 以及 佔領 克裡米亞 相關 嚴重 侵犯 人權 的 行為 9 50 針對 美中 之 爭 拜登 說 他 向 大陸 國家 主席 習近平 表明 美國 將 在 印太 維持 強大 的 軍事 存在 就 像 北約 nato 在 歐洲 一樣 此舉 不是 要 開啟 衝突 而是 避免 衝突 發生 他 也 向 北京 喊話 美國 歡迎 競爭 但 不 尋求 衝突 將 捍衛 美國 所 有 利益 捍衛 基本 貿易 權利 面對 竊取 智慧財產 以及 國家補貼 行為 華府 也 將 反擊 bbc 報導 拜登 透過 這 場 演說 向 全球 宣示 美國 回來 了 通篇 至少 提 了 4 次 中國 大陸 及 大陸 國家 主席 習近平 他 說明 習近平 對於 讓 大陸 成為 全球 重要 國家 的 決心 非常 強 拜登 也 提到 應該 對 美國 研發 工作 有 更 多 投資 指出 過去 幾 十 年 來 美國 已經 落後 包括 中國 大陸 在內 等 國家 9 48 cnn 報導 拜登 在 這次 演說 中 痛 批 前 總統 川普 2017 年 的 減稅 計 畫 他 也 向 富人 喊話 表明 希望 最 富裕 的 美國 人 可以 開始 繳納 他們 那 份 公平 的 稅額 他 強調 不 會 對 年薪 少於 40萬 美元 的 美國 人 額外 加 稅 但 現在 是 美國公司 1 最 富裕 的 美國 人 開始 繳納 他們 稅額 的 時候 了 他 強調 透過 相關 計畫 國稅局 irs 將 嚴厲 打擊 那些 逃稅 的 百萬 和 億萬富翁 9 45 據 bbc 報導 拜登 將 致力 讓 全美 執行 至少 15 美元 約 418 台幣 的 最低 時 薪 制 讓 我們 通過 15 美元 的 最低 時 薪 吧 他 說 任何 一 星期 工作 40 小時 的 人 都 不該 生活 在 貧窮線 下 語 畢 他 獲得 全場 起立 熱烈鼓掌 不過 目前 還 不 清楚 國會 要 採取 什麼 行動 才能 將 聯邦 最低 時 薪 由 725 美元 約 202 台幣 提高 為 15 美元 約 418 台幣 9 40 有關 沒有 合法 居留 文件 的 移民 拜登 強調 國會 今年 必須 通過 保護 追 夢人 dreamers 的 立法 9 25 據 路透社 預先 透露 拜登 的 講稿 中 還 包含 他 向 大陸 國家 主席 習近平 表明 美國 將 在 印太 維持 強大 的 軍事 存在 就 像 北約 nato 在 歐洲 一樣 拜登 也 將 表示 美國會 像 因應 補貼 國有企業 還有 竊取 美國 技術 和 智慧財產 那樣 勇於面對 不 公平 貿易 的 做法 針對 俄羅斯 拜登 說 他 明白 告訴 俄羅斯 總統 普丁 美國 不 會 尋求 升高 情勢 但 他們 的 行動 會 承受 後果 9 23 演說 中 拜登 向 美國 民眾 大力 推銷 基礎 建設 及 就業 計 畫 他 強調 這個 計畫 只有 唯一 一個 原則 就 是 美國 投資 美國 稅收 將 用來 買 美 國貨 美國 貨 將 在 美國 製造 以 創造 美國 人 就業機會 9 20 拜登 說 他 接下 川普 的 棒子 上任 近百 日後 已 恢復 美國 人 對 民主 的 信心 並 計畫 公佈 18 兆 美元 約 50 兆 台幣 的 支出 和 稅收 抵免 計 畫 他 說 自己 接手 了 一個 陷入 危機 的 國家 世紀 來 最 慘重 的 疫情 大 蕭條 以來 最 慘重 的 經濟危機 自 內戰 以來 對 美國 民主 最 嚴重 的 攻擊 但是 不 到 百 日 他 的 政府 已經 開始 讓 國家 翻轉 9 18 拜登 接 著 談及 經濟 議題 針對 3 月 通過 的 19 兆 美元 近 53 兆 台幣 新冠 經濟 紓困 案 拜登 感謝 所有 議員 的 協助疫苗 很 夠用 拜登 呼籲 所有 美國 人 去 打 疫苗 9 10 拜登 演說 首 個 主題 聚焦 疫苗 施打 進度 他 強調 原本 保證 在 100 日內 要 提供 1億 劑 新冠 疫苗 但 新 政府 早已 遠超過 這 目標 不斷 呼籲 所有 美國 民眾 去 打 疫苗 因為 疫苗 很夠 用 據 bbc 報導 拜登 強調 他 在 就職 100 天內 就 提供 了 超過 22億 劑 疫苗 他 說 目前 新冠 確診 數 已 從 1 月 下降 了 80 然而 新冠 大 流行 無疑 仍 是 美國 面臨 的 最 大 問題 至今已有 575萬 美國 人 因而 死亡 仍 高 居 世界 第一 不僅如此 有 超過 3200萬 美國 人 確診 幾乎 和 位居 第 2 的 印度 和 第 3 的 巴西 人數 加 起來 一樣 多 他 說 對於 抗擊 新冠 疫情 還有 很多 要 做 的 大家 不能 鬆懈 9 08 演說 時 拜登 拿下 口罩 強調 要 重建 美國 要 讓 美國 再度 前進 9 04 戴著 黑色 口罩 的 美國總統 拜登 正式 進場 全場 給予 熱烈 掌聲 裴洛西 介紹 拜登 發表演說 8 50 英國廣播公司 bbc 報導 演說 開始 前 1 名 男子 躺 在 美國國會大廈 周邊 安全 區內 由於 他 拒絕 離開 因 此 被 警方 抬 走 he s now in the police van https t co l 6 pxth 28 ap pic twitter com fjeav 6 fbnj 29 日 是 美國總統 拜登 入主 白宮 百 日 美東 時間 28 日 晚間 9 時 臺灣 時間 29 日 上午 9 時 拜登 將 在 國會山 莊 發表 上任 後首 場 國會 聯席會議 演說 預料 他 將 藉 此 機會 推銷 總額 高 達 4 兆 美元 的 美國 就業 計 畫 與 美國 家庭 計畫 中 時 新聞網 屆時 將 為 您 直播 拜登 演說 內容 美國國家廣播公司 新聞網 nbc news 報導 拜登 將 藉 由 演說 盤點 上任 100 天 的 政績 以及 推銷 他 對 國家 的 願 景 盤點 目前 政績 方面 預料 將 觸及 政府 如何 應對 新冠 疫情 及 疫苗 施打 進度 關於 未來 願 景 預料 他 將 專注 推銷 19 兆 美元 基礎 建設 及 就業 計 畫 白宮 新聞 秘書 莎 琪 jen psaki 上周 表示 拜登 也 將 藉 此 機會 公佈 一 項 專注 在 支出 及 稅收 的 美國 家庭 計畫 american families plan 此案 預計 將 斥資 15 兆 美元 另外 預料 他 也 將 提及 美國 經濟 醫療 健 保 及 員警 改革 等 議題 據 美國有線電視新聞網 cnn 報導 在 這 歷史 時刻 美國 第一 位 女性 副 總統 賀錦麗 將 與 眾院 議長 裴洛西 nancy pelosi 一起 坐在 拜登 後面 這 是 美國 史上 首度 有 2 位 女性 坐在 總統 後方 有人 開玩笑 說 拜登 被 女性 圍繞 但 賀錦麗 說 這 是 相當 正常 的 報導 指出 由於 拜登 陣營 十分 在意 首度 在 國會 演說 的 表現 因此 只 邀 了 少數 共和黨 議員 出席 如 喬治亞州 新科 眾議員 葛琳 marjorie taylor greene 因為 經常 製造 騷動 因此 並未 受 邀 出席 據 路透 報導 為了 這次 演說 拜登 精挑細選 了 少數 民主 與 共和黨 議員 出席 此外 由於 新冠 疫情 影響 眾院 遵守 維持 社交 安全 距離 的 規範 因此 人數 稀少 僅 約 200 人 獲 邀 出席</t>
  </si>
  <si>
    <t>疫情 過後 為了 未來 防疫 你 願意 犧牲 個人隱私 換取 代表 你 健康 無 虞 的 證明 當成 恢復 日常生活 和 行走 各地 的 通行證 嗎 covid-19 新冠肺炎 一 稱 武漢肺炎 在 多國 出現 觸 頂 跡象 但 這 場 大 流行病 恐怕 就 此 改變 人類 生活 方式 尤其 是 實施 封城 的 國家 民眾 要 恢復 日常生活 可能 需要 一 張 通行證 美國 正 討論 免疫 護照 的 可行性 中國 大陸 則 實行 健康 碼 現在 進入 中國 大陸 的 飯店 餐廳 購物 中心 甚至 一般 社區 可能 都 會 聽到 這 一 句 話 把 健康 碼 打開 來看 一 看 健康 碼 是 一 種 手機 app 所 顯示 的 qr code 和 美國 打算 推出 的 免疫 護照 一樣 都 是 疫 後用 來 追蹤 或 判定 是否 可 復工 複學 的 機制 兩者 都 高度 仰賴 科技 根據 美國 媒體 business insider 報導 美國政府 正 與 新創 公司 onfido 洽談 打算 利用 ai 技術 發展 免疫 護照 大陸 的 健康 碼 則 已 施行 2 個 多月 並 快速 覆蓋 200 多 座 城市 除了 被 質疑 徒具形式 之外 這種 系統 若 無限 上 綱 個人隱私 可能 蕩然無存 形同 電子 監控 健康 碼 如何 運作 cnn 記者 敘述 他 在 上海 的 真實 經驗 走進 飯店 除了 例行 的 測體溫 清潔 雙手 飯店 人員 請 他 打開 手 機上 的 健康 碼 確認 是 綠色 後 才 放行 其實 健康 碼 只 是 一個 泛稱 指 所有 呈現 用戶 健康狀況 的 手機 app 最 早 來自 阿裡巴巴 旗 下網 銀 平臺 螞蟻 金 服 開發 的 支付 寶健康 碼 自 杭州 2 月 復工 後 上線 接 著 騰訊 微信 也 推出 類似 系統 覆蓋範圍 更 廣 簡單 來說 打開 手機 app qr code 可能 呈現 紅 黃 綠 3 種 顏色 各 代表 集中 觀察 居家 觀察 未 見 異常 3 種 狀態 問題 來 了 app 如 何能 確認 使用者 健康狀況 cnn 記者 表示 他 從頭到尾 都 沒 接受 過 任何 檢測 app 是 透過 手機 定位 來 判定 他 是否 曾 接近 確診 者 除了 行蹤 還 透過 用戶 登錄 的 個 資 自行 填報 的 個人 健康 情況 等 判 讀 qr code 顏色 並 依 狀況 變色 例如 假使 地理 位置 接近 確診 者 就 可能 由 綠 轉 黃 簡言之 健康 碼 是 確認 行蹤 的 app 而 不是 呈現 檢測 結果 的 app 判定 用戶 健康狀況 的 不是 醫生 而是 大 資料 和 ai 此外 還 有 這些 疑慮 1 資料 不實 徒具形式 雖然 手機 可 定位 大陸 購買 火車票 高 鐵票 也 都采實 名 制 可 掌握 部分 行蹤 但 app 仍 仰賴 用戶 自行 填寫 的 個 資 如果 填寫 不實 判 讀 自然 不 准 進出 還 是 得 靠 現場 量 體溫 以 體溫 為 准 2 判斷 標準 不明 各省 市 不 統一 健康 碼 未 詳細 公開 判定 標準 也 有 誤判 的 疑慮 有 民眾 表示 只因 勾選 有 鼻 塞 疲倦 等 普通 流感 症狀 就 被 系統 判 定為 紅 碼 而 不能 出門 另外 健康 碼 雖是 統一 研發 但 大 資料資料 來自 各 地方 政府 且 彼此 不 互通 因此 跨 省 市 的 健康 碼 不 一定 能 互相承認 各地 對於 綠 黃紅 的 分類標準 也 不一 甚至 可能 因 判 讀 不 準確 而 誤 放行 例如 就 曾有 綠 碼 湖北 民眾 進入 甘肅 卻 在 甘肅 境內 確診 3 侵犯 隱私 管制 無限 上 綱 外界 批評 以 顏色 區分 群眾 只是 一刀切 的 管制 大陸 已 有 人臉 辨識 等 系統 現在 再 加上 覆蓋範圍 更 廣 的 健康 碼 管控力 道 更 大 打 著 防疫 旗幟 未來 民眾 恐怕 出入 任何 場所 都 得 刷 碼 形同 行蹤 全透明 健康 碼 假使 不夠 可靠 美國 的 免疫 護照 是否 比較 可行 與 新創 公司 合作 免疫 護照 美 拼 加快 復工 美國總統 川普 已 表示 將 采 3 階段 逐步 重 啟 經濟 活動 為了 讓 民眾 儘早 復工 複學 美國 過敏 與 傳染病 研究院 主任 也 是 這次 抗 疫 大將佛奇 anthony fauci 打算 推出 大規模 的 抗體 檢測 讓 已 有 抗體 的 人 取得 證明 英國 德國 也 正 朝 此 方向 努力 義 大利 的 免疫 護照 政策 則 包括 強制性 的 抗體 檢測 及 非 強制性 的 接觸 追蹤 app 但 具體 怎麼 施行 這些 國家 都還沒 勾勒 出 像 健康 碼 那樣 的 明確 模式 其中 美國 可能 已 有 初步 動作 business insider 表示 美國政府 正 與 onfido 洽談 打算 仰賴 onfido 的 技術 推出 免疫 護照 onfido 是 一家 英國 新創 公司 透過 id 資料 自拍照 以及 ai 演算 來 説明 客戶 辨認 使用者 身分 onfido 透露 可能 將 抗體 檢測 結果 與 個人 id 捆綁 方便 辨識 已 痊癒 的 患者 有 信心 能 快速 施行 到 全美 美國 官方 對此 還 沒有 正面 回應 不過 有 抗體 真 的 就 萬無一失 嗎 中央流行疫情指揮中心 專家 諮 詢 小組 召集人 臺灣大學 副 校長 張上淳 曾 接受 康健 訪問 表示 通常 來說 有 抗體 代表 已 有 免疫力 抗體 會 將 體內 病菌 清除 且 自然 感染 幾乎 都 能 終生 免疫 不過 也 有 抗體 是 無效 抗體 的 例外 例如 c 型 肝炎 病毒 的 rna 會 躲 在 細胞 裡面 抗體 無法 將 它 完全 清除 愛滋病 毒 hiv 也 是 類似 情況 而 全新的 新冠 病毒 只能 依照 一般 呼吸道 感染 病毒 推測 它 所 產生 的 都 是 有效 抗體 但 張上淳 表示 目前 也 有 看到 例子 是 患者 產生 了 抗體 病毒 卻 沒有 立刻 被 清除 掉 還 維持 了 一段時間 國際 間 也 有 媒體 質疑 抗體 持續 的 時間 以及 在 歐美 確診 數眾多 的 情況 下 假使 抗體 不 持久 難保 解 封後 接觸 人群 不會 再次 染病 抗體 護照 怎麼 做 效力 如何 會 不 會 是 另 一 種 形式 的 健康 碼 都還 沒有 答案 這 或許 是 一 張 通行證 但 暫時 恐怕 還 不 會 是 你 的 保命符 資料 來源 cnn business insider</t>
  </si>
  <si>
    <t>美國總統 拜登 今天 表示 預定 6 月底 前 將 釋出 2000萬 劑 疫苗 到 海外 這 是 美國 首度 將 獲得 官方 認證 使用 的 疫苗 供應 海外 對此 駐 美 代表 蕭美琴 表示 進 洽 爭取 中 拜登 joe biden 今天下午 宣佈 將 再 釋出 2000萬 劑 2019 冠</t>
  </si>
  <si>
    <t>美國總統 拜登 今天 表示 預定 6 月底 前 將 釋出 2000萬 劑 疫苗 到 海外 這 是 美國 首度 將 獲得 官方 認證 使用 的 疫苗 供應 海外 對此 駐 美 代表 蕭美琴 表示 進 洽 爭取 中 拜登 joe biden 今天下午 宣佈 將 再 釋出 2000萬 劑 2019 冠 狀 病毒 疾病 covid-19 疫苗 到 海外 以 協助 對抗 疫情 的 國家 這 批 疫苗 是 已經 獲得 在 美國 使用 許可 的 疫苗 包括 輝瑞 pfizer 莫德納 moderna 與 嬌 生 johnson johnson 生產 的 疫苗 白宮 曾 於 4 月 時 宣佈 將 與 他國 分享 約 6000萬 劑 由 阿斯特 捷利康 astrazeneca 生產 的 疫苗 不過 阿斯特 捷利康 疫苗 尚未 獲得 美國 食品 暨 藥物 管理局 fda 使用 許可 對於 美國 將 再 釋出 疫苗 蕭美琴 在 回 覆 媒體 詢問 是否 會 向 美國政府 表達 疫苗 需求 時 表示 已經 向 美方 表達 爭取 這 波 釋出 疫苗 的 意願 進 洽 爭取 中 她 也 表示 國內 疫苗 采購 由 衛福部 主 責 駐 美 代表處 主要 是從 旁 進 洽 美方 加速 回應 所 提 的 需求 臺灣 近日 來 確診 病例 大幅 增加 對 疫苗 的 需求 也 隨之 加大 衛生 福利 部 次長 薛瑞元 日前 在 立 法院 表示 臺灣 已 採購 的 505萬 劑 莫德納 疫苗 快 則 5 月 可能 交貨 但 比較 沒 有把握 希望 至少 6 月 以前 到貨 蕭美琴 14 日 表示 臺灣 向 美方 商 購 的 疫苗 目前 有 2 批 其中 阿斯特 捷利康 已經 有 少量 送 抵 臺灣 莫德納 藥廠 生產 的 疫苗 預計 6 月 可以 開始 送交 現在 的 目標 是 努力 爭取 務必 能 如期 到貨 編輯 張佑之 1100518</t>
  </si>
  <si>
    <t>拜登 當選 總統 美國 防疫 展開 新 局 與 美國總統 川普 用 諸如 中國 病毒 等 歧視 用語 不同 拜登 防疫 的 重點 在 科學 而非 政治 在 美國 防疫 要 轉向 下 是否 臺灣 的 政治 防疫 也 該 下 架 了 放 台商 大陸 專業人士 一 條 活路 吧 拜登 勝</t>
  </si>
  <si>
    <t>拜登 當選 總統 美國 防疫 展開 新 局 與 美國總統 川普 用 諸如 中國 病毒 等 歧視 用語 不同 拜登 防疫 的 重點 在 科學 而非 政治 在 美國 防疫 要 轉向 下 是否 臺灣 的 政治 防疫 也 該 下 架 了 放 台商 大陸 專業人士 一 條 活路 吧 拜登 勝 選 後 已 承諾 將 把 應對 疫情 作為 首要任務 將 組 防疫 新 團隊 雖然 他 曾經 透露 當選 後 希望 派 專家 到 大陸 本土 詳盡 調查 新冠肺炎 的 起源 並且 儘快 掌握 一切 的 最新 資訊 對照 川普 把 防疫 荒 腔 走板 全部 推 給 大陸 拜登 則 是 強調 讓 科學 說話 否定 大陸 檢測 結果 臺灣 爆發 新冠肺炎 至今 諸如 陳時中 等 官員 只要 聽 聞 大陸 防疫 成功 或 大規模 檢測 的 成果 一律 以 大陸 資料 不 可信 不可能 來 質疑 防疫 是 門 科學 而非 政治 資料 會 說話 從 2 月 至 今 即便 兩岸 仍 有 四 個 航點 人員 往來 不斷 從 大陸 返台 人士 已經 10 個 月 沒 出現 病例 難道 這個 事實 民進黨 政府故意 看不到 嗎 目前 台 港 澳 陸四 地 的 疫情 皆 控制 得當 人員 往來 在 疫情 前 非常 頻繁 要 等到 疫苗 問世 達成 群體 免疫 最 快 恐怕 也 要 明年 下半年 在 此 情況 下 考量 到 家庭 團圓 公司 經營 在 核酸 檢驗 強化 自主 管理 下 或許 可以 思考 把 14 天 隔離 期 縮短 到 7 天 如果 要 就 此 展開 談判 相信 大陸 不會 拒絕 也 可以 透過 台 企聯 等 團體 居中 協調 對於 大陸 專業人士 來 台 也 應 在 配合 防疫 隔離 措施 下 盡 速 開放 口水 抗 疫 於事無補 先前 川普 枉顧 醫療 專家建議 不 要求 戴 口罩 更 批評 封城 的 地方 是 扼殺 經濟 開口閉口 就 是 中國 病毒 中國 肺炎 一切都是 中共 的 陰謀 但 美國 確診 病例 一再 攀 高 說明 口水 防疫 於事無補 只 是 讓 更 多 無辜 生命 犧牲 現在 拜登 要 帶 美國 走上 科學 防疫 之路 我 政府 在 有關 應對 大陸 防疫 措施 上 也 該是 回歸 專業 的 時候 了</t>
  </si>
  <si>
    <t>週一 美國 死於 新冠肺炎 的 患者 已經 逼近 突破 20萬 大關 目前為止 在 全球排名 第一 根據 路透社 統計 以 單周 平均值 估算 目前 美國 每天 約 800 人 死於 該 疫病 較 4 月 15 日 創下 記錄 的 單日 2806 人 病故 的 高 峰值 下滑 在 疫情 剛 爆發 的 最初 幾 個 月 許多 人 認為 20萬 人 死於 新冠肺炎 應該 是 該 病毒 可能 在 美國 奪 走 性命 的 最 大值 但 轉眼間 美國 的 死亡 病例 可能 在 週一 晚間 或 週二 達到 20萬 大關 美國總統 川普 週一 稱 最壞 的 情況 已經 過去 因為 死亡 人數 達到 19萬9808 人 累計 確診 數 達 680萬 例 他 表示 無論 有無 疫苗 我們 都 已經 在 這 場 疫病 的 轉角處 我們 完成 了 一個 了不起 的 工作 不 只 是 好 而已 而是 非常 了不起 的 工作 除了 公共關係 之外 那是 因為 我 總是 捲入 假新聞 此前 川普 表示 美國 可望 在 11 月 3 日 總統大選 前 發放 新冠肺炎 疫苗 華盛頓大學 衛生 研究院 目前 預測 到 2020 年底 美國 的 新冠肺炎 死亡 病例 將 達到 378萬 人 到 今年 12 月 每日 死亡 病例 將 激 增至 3000 人</t>
  </si>
  <si>
    <t>自從 進入 2020 年 nba 似乎 沒 發生 過 什麼 好事 雖然 明星賽 辦 得 成功 但 那是 在 布萊恩 kobe bryant 罹難 的 悲劇 之後 才更 引人關注 如今 新 冠 疫情 又 讓 賽季 前途 難 測 湖 人 詹姆斯 lebron james 忍不住 發文 感歎 天 哪 我們 停賽 停課 停 班 但 我們 真正 該 停下 的 是 該死 的 2020 年 這 3 個 月 真的 非常 艱辛 願 上帝 保佑 大家 每 停賽 1 場 詹姆斯 的 荷包 就 會 少掉 40萬 美元 約 台幣 1200萬 元 就算 他 自己 不在乎 他 的 經紀人 其他 的 聯盟 員工 也 會 受苦 勇士隊 柯瑞 stephen curry 也 是 諸事 不順 熬 到 傷癒 複出 又 被 傳染 a 型 流感 他 也 推 文 表示 2020 年 啊 不 知道 該 如何 形容 反正 大家 就 好好 照顧 自己 和 身邊 的 人 籃球比賽 總有一天 會 回來 的 湖 人 不久前 宣告 打 進 季後 賽 準備 在 春天 大顯身手 結果 季後 賽 前途 未 蔔 假使 例行 賽 被 腰斬 老 飛人 卡特 vince carter 也 得 默默 退休 了 勇士隊 卓 雷蒙格林 draymond green 對 美 媒 the athletic 感歎 說 總是 要 等到 事情 發生 在 自己 身旁 才會 相信 是 真 的 看到 爵士隊 的 情況 事發 前 總以為 不 會 是 我 但 這 可能 發生 在 任何人 身上 包括 無力 負擔 醫療 的 人 其實 輕忽 疫情 的 又 豈止 染病 的 戈貝爾 rudy gobert 一 人 包括 美國總統 川普 donald trump 都 因 此 飽受 批評 川普 13 日 才 狠心 撥款 500億 美元 並 宣佈 國家 進入 緊急狀態 美國 約 有 85 人口 沒 健 保</t>
  </si>
  <si>
    <t>繼 日前 提出 消毒水 殺 新 冠 病毒 的 說法 後 美國總統 川普 今天 又 語出驚人 他 坦承 最近 一直 在 服用 瘧疾 用藥 羥 氯 奎寧 hydroxychloroquine 來 預防 冠 狀 病毒 對於 羥 氯 奎寧 的 療效 科學界 指出 目前 仍 待 證實 盲目 推</t>
  </si>
  <si>
    <t>繼 日前 提出 消毒水 殺 新 冠 病毒 的 說法 後 美國總統 川普 今天 又 語出驚人 他 坦承 最近 一直 在 服用 瘧疾 用藥 羥 氯 奎寧 hydroxychloroquine 來 預防 冠 狀 病毒 對於 羥 氯 奎寧 的 療效 科學界 指出 目前 仍 待 證實 盲目 推廣 恐 導致 深遠 的 危害 川普 日前 提出 注射 消毒水 殺 新 冠 病毒 的 倡議 後 當地 衛生部門 處理 許多 因為 不當 接觸 消毒劑 而 送醫 的 病例 川普 今天 主動 向 記者 透露 最近 一 到 一個 半 星期 以來 他 每天 服用 一 顆 羥 氯 奎寧 以 預防 感染 新 冠 病毒 川普 告訴 記者 我 認為 這 很 好 我 聽 到 了 很 多 好 故事 如果 不好 的 話 我會 告訴 你 的 我 不 會 因此 受到 傷害 的 川普 突發性 爆 料 讓 媒體 錯愕 追問 川普 是否 確診 川普 表示 他 每 兩 天 進行 檢測 一 次 結果 均 為 陰性 服用 羥 氯 奎寧 只是 預防 感染 新冠肺炎 除此之外 他 還 服用 鋅片 今年 2 月 一 篇 指 羥 氯 奎寧 hydroxychloroquine 可 治療 新冠肺炎 covid-19 的 中國 大陸 研究 迅速 傳播 全球 以 美國總統 川普 為 代表 的 政治 人物 大肆 宣揚 羥 氯 奎寧 的 神奇 療效 但是 科學界 指出 羥 氯 奎寧 的 療效 目前 仍 待 科學界 證實 盲目 推廣 恐 導致 深遠 的 危害 最近 的 研究 報導 使用 氯 奎寧 或 羥 氯 奎寧 的 患者 出現 嚴重 甚至 致命 的 心臟病 尤其 是 在 高 劑量 或 與 某些 抗生素 一起 使用 時 美國 全國 過敏 和 傳染病 研究所 niaid 所長 佛 奇 anthony fauci 也 曾 指 沒有 科學 證據 證明 有效 不過 川普 堅信 這種 藥物 可以 安全 使用 他 堅稱 自己 與 生產 這種 藥物 的 公司 沒有 任何 經濟 利益 他 還 說 你會 驚訝 地 發現 有 多少 人 正 在 服用 這種 藥物 尤其 是 前線 工作人員</t>
  </si>
  <si>
    <t>精選 中 時 新聞網 5 件 不可不 知 的 國際 大事 帶 讀者 掌握 今天 3 月 13 日 的 國際 新聞 重點 1 一 天 墜 10 趴 道 瓊收 跌 2352 點 32 年 來 最慘 股災 美 股 週四 慘遭 血洗 道 瓊 指數 當日 開盤 時 就 已經 重跌 超過 一千 點 中途 經歷 了 技術性 融 斷 聯邦 儲備局 向 市場 溢 注 資金 等 措施 都 無法挽回 美 股 直 墜 的 趨勢 收盤 時 三大 指數 皆 深 跌 將近 10 為 1987 年 以來 最 嚴重 的 單日 跌幅 2 黑色 星期四 歐洲 三大 股市 紛紛 崩 盤 創紀錄 由於 新冠肺炎 肆虐 who 宣佈 大 流行 加上 油價 重 挫 全球 經濟 受到 重創 各國 股市 滿目瘡痍 週四 除了 美 股 崩 盤 以外 歐洲各國 也 難 逃 股災 的 命運 特別是在 川普 宣佈 所 有 從 歐洲 前往 美國 的 旅客 未來 30 天 禁止 入境 的 禁令 以後 歐洲 3 大 股市 同 以 收盤 超過 10 的 幅度 崩 跌 紛紛 創下 數 十 年 或 有史以來 最慘 跌勢 就 連 歐洲中央銀行 推出的 護 盤 措施 也 無法 阻擋 賣壓 湧現 3 法國 總統 宣佈 疫情 才剛 開始 全國 學校 無限期 停課 法國 總統 艾曼紐·馬克 宏 emmanuel macron 於 週四 晚間 發表 電視 演說 向 法國 全國 民眾 宣佈 新冠肺炎 的 疫情 才剛 開始 政府 將 傾 全力 研發 對付 新冠肺炎 的 疫苗 全力 整合 醫療 資源 全國 學校 下週一 起 無限期 關閉 民眾 有 義務 降低 出門 減少 與 他人 接觸 的 機會 4 菲 常 緊張 馬尼拉 封 城 杜特蒂 受 檢測 菲律賓 總統 杜特蒂 3 月 12 日 晚間 證實 為了 遏制 新 冠 病毒 肺炎 在 菲律賓 的 傳播 首都 馬尼拉 將 陸海空 全面 封鎖 30 天 共 封鎖 17 城 國際 疫情 不斷 擴散 伊朗 確診 者 昨 也 突破 萬人 伊朗 已向 國際 貨幣 基金會 緊急 申請 50億 美元 貸款 抗 疫 這 是 伊朗 1962 年 以來 首次 向 imf 提出 這樣 的 要求 5 川普 抗 疫 採取 緊急行動 美 對 歐 封關 30 天 祭 紓困 措施 美國總統 川普 11 日 宣佈 為防止 疫情 在 美國 蔓延 從 當地 時間 13 日 午夜 起 30 天內 美國 將 暫停 除 英國 外 所有 歐洲 國家 公民 前往 美國 的 旅行 並 將 對 受 新 冠 病毒 影響 的 小企業 和 個人 提供 經濟 救助 此外 因為 疫情 白宮 和 美國國會 都 宣佈 即日起 對 公眾 關閉 直到 4 月 1 日</t>
  </si>
  <si>
    <t>近來 美國 公佈 企業 財 報 截至 14 日 止 美國 s&amp;p 500 近 八成 企業 公佈 營運 成果 其中 有 七 成 以上 企業 獲利 優於 預期 幅度 達 45 隨 實際 亮 眼 財 報 陸續 發佈 美國 s&amp;p 500 企業 去年 第 四季 盈 餘 成長率 由 1 月底 03 上 修至 09 雖 反映 疫情 不 確定 影響 季度 盈 收 預估 增長 有所 調 降 但 投 信 法人 預估 新冠肺炎 疫情 屬 短暫 現象 企業 基本 面 好轉 有助 資金 持續 簇擁 投資 等級 債 保 德 信 投 信 表示 新冠肺炎 疫情 有 機會 在 第一 季 受到 控制 但 仍 須 觀察 新增 確診 人數 能否 連續 下降 但 肺炎 疫情 所 造成 經濟 衝擊 以 大陸 為 主 可能 僅 影響 美國 第一 季 gdp 約 02 04 且 第二 季 有望 反彈 美國 擁 經濟 資料 支援 預期 市場 的 悲觀 情緒 應屬 短暫 現象 保 德 信 美國 投資 級 企業債券 基金 經理 人 毛宗毅 表示 美國 ism 製造業 指數 重返 擴張 領域 非農 資料 亦 表現 強勁 美國 經濟 動能 持續 回溫 儘管 1 月底 爆發 的 新型 冠狀病毒 一度 引發 風險 資產 下挫 信用 利差 擴大 在 避險 買 盤 湧入 下 10 年 期 美 債 殖 利率 最低 回落 至 15 近來 市場 情緒 回穩 後 已 再度 收斂 至 年初 水準 反映 企業 良好 基本 面 債市 供需 方面 疫情 發展 主導 資金 流向 今年以來 投資 級 債 約 占 整體 債市 流入 的 63 新債 發行 部分 年初 往往 為 市場 發債 旺季 據 統計 1 月 美 投資 級 企業 債 發行 規模 達 1517億 美元 預期 在 2 月 將 可 回落 目前 債市 供需 前景 依然 良好 毛宗毅 認為 美國 聯 准會 料 將 維持 寬鬆 貨幣政策 公債 殖 利率 有望 延續 低檔 震盪 走勢 中 美 貿易 紛爭 有 緩解 情況 加上 第 四季 企業 營 收 目前 表現 優於 預期 債券 信用 利差 有 收 窄 空間 展望 今年 債市 美中 將 進入 更 困難 第二 階段 談判 美國總統 選舉 等 市場 變數 新冠肺炎 短期 更 將 主導 市場 情緒 市場 將 不時 震盪建議 投資人 應 納入 一定 比重 投資 等級 債 以 降低 投資 組合 波動 若 欲 加碼 或 空 手 的 投資人 可 趁 美 債 殖 利率 彈升 至 17 2 時 進場 佈局 群 益全民 優質 樂 退 組合 基 金經理 人 林宗慧 表示 在 新冠肺炎 疫情 加重 且 擴散 至 他國 市場 恐慌 情緒 升高 避險 需求 上升 促使 資金 持續 流入 債 信 品質 較佳 利率 水準 優於 公債 之 投資 及 債市 場 進而 推動 投資 等級 債 走 揚 後市 來看 在 疫情 尚未 明顯 受到 控制 以及 其 所 引發 的 景氣 前景 疑慮 的 影響 下 同時 市場 維持 在 低利 環境 投資 級 債 仍 有望 吸引 穩健 資金 配置 惟 其 利差 相較 高息 債 較 窄 因此 操作 上 需 留意 利率 反 轉 上行 風險</t>
  </si>
  <si>
    <t>期盼 全美 加速 重 啟 經濟 藉 此 恢復 低迷 選情 的 美國總統 川普 近期 一再 宣 稱 美國 疫情 已 控制 住 死亡率 是 全球 最低 但 隨 著 25 日 單日 新 確診 已 逾 4萬 人 打破 4 月 時 創下 的 最高 紀錄 後 讓 媒體 評論 疫情 惡化 正 戳 破 川普 聲稱 美國 進入</t>
  </si>
  <si>
    <t>新冠肺炎 疫情 延 燒 全球股市 陷入 大 動盪 台股 相繼 失守 半年線 200 日 線 及 年 線 啟發 投 顧 分析 師楊 基政 指出 台股 均線 架構 呈現 空 方 排列 未來 跌 深 將 有 機會 醞釀 反彈 行情 本 周 投資 組合 前 兩 大為 是 方 6561 鈊 象 3293 同時 加入 世紀 鋼 9958 台 勝 科 3532 及 擎 邦 6122 當前 全球股市 皆 處在 年 線 之下 顯示 這 波 疫情 已 嚴重 衝擊 全球 經濟 再 加上 美國總統 川普 下令 禁止 歐洲 旅客 入境 30 天 再度 引爆 全球 市場 恐慌 情緒 美 股 一 周內 觸發 兩 次 熔斷 機制 呈 跳 崖 式 的 崩 跌 走勢 全球股市 正 面臨 系統性 風險 現金 為 王 成 顯 學 後續 台股 如 能 三 日 不 創 新低 視為 初步 止 跌 訊號 而 盤面 若 見 零星 指標 股 逆勢 收紅 則 可望 重 聚 市場 人氣 研 判 未來 指數 將 反 覆 測 底 操作 上 可 留意 2 月 營 收 明顯 成長 的 族群 及 個股 同時 宜 留意 十 年 線 附近的 中期 支撐力 道 以及 融資 餘 額 變化 和 外資 動向 其中 要是 融資 連續 二 到 三 日 單日 減少 50億 元 以上 則 容易 出現 反彈 行情 整體而言 全球股市 近期 頻頻 重 挫 皆 跌破 多 頭馬 其 諾 防線 的 年 線 位置 操作 建議 多 保留 資金 靜 待 落 底 訊號 台股 中期 偏 弱 格局 成形 短線 雖有 機會 因 負 乖離 過 大 而 上演 跌 深 反彈 但 仍 需 採取 嚴設 停 損 停 利 的 紀律 操作 展望 本 周 台股 步入 反 覆 測 底 與 反 覆 打 底 階段 的 機 率 高 選 股 必須 格外 謹慎 以 因應 行情 可能 的 波動 三 日 不 創 新低 才 有利 多頭 表態 操作 面 可 待 具 指標性 的 族群 與 個股 發動 攻勢 時 再 擇優 佈局 即可</t>
  </si>
  <si>
    <t>美國 因為 新冠肺炎 疫情 杠 上 大陸 美國總統 川普 與 國務卿 蓬佩 奧 近期 更是 炮火 全開 針對 大陸 國家 主席 習近平 日前 拋 出 資助 世界衛生組織 who 20億 美元 的 承諾 蓬佩 奧 昨 20 日 酸 溜 溜 回應 比起 疫情 對 全球 造成 的 巨大損失</t>
  </si>
  <si>
    <t>美國 因為 新冠肺炎 疫情 杠 上 大陸 美國總統 川普 與 國務卿 蓬佩 奧 近期 更是 炮火 全開 針對 大陸 國家 主席 習近平 日前 拋 出 資助 世界衛生組織 who 20億 美元 的 承諾 蓬佩 奧 昨 20 日 酸 溜 溜 回應 比起 疫情 對 全球 造成 的 巨大損失 北京 這筆 錢 根本 微不足道 大陸 國家 主席 習近平 18 日 在 世界衛生 大會 wha 開幕 儀式 上 致詞 時 為 大陸 的 防疫 表現 辯護 他 強調 大陸 始終 本 著 公開 透明 負 責任 的 態度 及時 通報 新冠肺炎 疫情 他 也 在 會議 上 承諾 未來 2 年 將 資助 世衛 20億 美元 資金 以 協助 開發 中 國家 對抗 疫情 針對 習近平 的 致詞 美國 國務卿 蓬佩 奧 mike pompeo 昨日 酸 溜 溜 路透社 報導 蓬 佩奧 昨日 在 記者會 上 駁斥 北京 防疫 公開 透明 的 說詞 席 主席 本 周宣稱 中國 有 盡 到 公開 透明 的 責任 我 真 希望 他們 真 的 有 做到 他 細數 北京 各 大 罪狀 包括 扣 住 新 冠 病毒 樣本 對 疫情 相關 言論 進行 審查 還 有 更 多 更 多 他 認為 如果 北京 真 的 希望 對外 展現 公開 透明 就 應該 要 召開 記者會 讓 記者 提問 任何 問題 他 接 著 說 我 期待 看 他們 履行 20億 美元 承諾 不過 話鋒一轉 指出 大陸 對抗 疫 的 貢獻 和 他們 對 全球 造成 的 損失 相比 根本 微不足道 paltry 他 說 疫情 已 奪 走 約 9萬 美國 人 性命 全球 30萬 人 喪命 超過 3600萬 美國 人 失業 根據 我們 估算 因為 中國共產黨 失職 在 全球 造成 的 損失 恐 高達 9 兆 美元 記者會 上 蓬 佩奧 也 將 矛頭 指向 世衛 秘書長 譚 德塞 tedros adhanom ghebreyesus 指控 他 在 疫情 之前 就 已經 和 北京 有 不 尋常 關係 這 問題 非常 大</t>
  </si>
  <si>
    <t>美國總統 川普 和 妻子 梅蘭妮亞 週四 晚 雙雙 確診 罹 患 新冠肺炎 而 這 位 白宮 主人 已 74 歲 萬一 川普 無法 視事 在 正常 情況 下 按照 美國 憲法 第 25 修正案 副 總統 彭斯 mike pence 將 暫時 接掌 他 的 職務 據 疾病 管制 與 預防 中心 cd</t>
  </si>
  <si>
    <t>美國總統 川普 和 妻子 梅蘭妮亞 週四 晚 雙雙 確診 罹 患 新冠肺炎 而 這 位 白宮 主人 已 74 歲 萬一 川普 無法 視事 在 正常 情況 下 按照 美國 憲法 第 25 修正案 副 總統 彭斯 mike pence 將 暫時 接掌 他 的 職務 據 疾病 管制 與 預防 中心 cdc 統計數字 顯示 年齡 介於 65 74 歲 的 患者 與 18 29 歲 的 患者 相較 入院 的 機 率 很 可能 達 5 倍 而 死亡 風險 更 高 達 90 倍 據 每日 郵報 dailymail 2 日 報導 就 在 近 一 周來 多次 和 川普 搭乘 空軍一號 總統 專機 的 貼身 幕僚 希克斯 hope hicks 確診 後 川普 夫婦 也 證實 確診 然而 希克斯 年 僅 31 歲 算是 低 風險 病 患 相對 的 年齡 已 達 74 歲 的 川普 就要 危險 得 多 統計 顯示 約 75 歲 或 年齡 更 大 的 新冠肺炎 患者 每 1000 人中 大概 有 116 人 會 死亡 死亡率 為 116 而 患者 若 有 肥胖 和 糖尿病 等 問題 將 對 新冠肺炎 造成 嚴重 影響 cdc 今年 稍 早 警告 任何 有 嚴重 肥胖 問題 的 人 可能 在 罹 患 新冠肺炎 後 增加 產生 嚴重 併發症 的 風險 而 川普 今年 的 體檢 報告 顯示 他 身高 6 英尺 3 英 吋 約 190 公分 體重 244 磅 近 111 公斤 已經 算是 輕度 肥胖 由於 距 11 月 3 日 總統大選 不 到 32 天 川普 確診 新冠肺炎 萬一 病 重到 無法 繼續 參選 意味 政府 可能 必須 考慮 合乎 憲法 的 緊急 應變計 畫 根據 美國 憲法 第 25 修正案 川普 如果 無法 視事 將 由 副 總統 彭斯 接手 若 彭斯 也 無法 掌權 則 將 由 眾院 議長 也 就 是 民主 黨籍 的 裴洛西 nancy pelosi 接手 然而 由於 大選 逼近 使 整件事 變 得 更 複雜 萬一 川普 退出 選舉 或 無法 繼續 參選 共和黨 全國 委員會 rnc 可以 另外 提名 新 候選人 取代 他</t>
  </si>
  <si>
    <t>面對 新冠肺炎 covid-19 疫情 持續 在 全球蔓延 除 了 政府 公共 衛生 主管機關 全面 防堵 疫情 散播 外 如何 宣導 傳遞 正確 的 防疫 資訊 並且 避免 錯誤 資訊 惡意 資訊 以及 假消息 傳播 也 是 當務之急 對此 社 群 平臺 facebook twitt</t>
  </si>
  <si>
    <t>面對 新冠肺炎 covid-19 疫情 持續 在 全球蔓延 除 了 政府 公共 衛生 主管機關 全面 防堵 疫情 散播 外 如何 宣導 傳遞 正確 的 防疫 資訊 並且 避免 錯誤 資訊 惡意 資訊 以及 假消息 傳播 也 是 當務之急 對此 社 群 平臺 facebook twitter youtube 都 公佈 了 對 應 與 新冠肺炎 相關 廣告 的 政策 而 主管 app store 的 蘋果 apple inc 也 針對 app 上架 導入 了 全新 的 規定 facebook 社 群 平臺 龍頭 全球 用戶 超過 20 億 的 facebook 其 ceo mark zuckerburg 在 個人 臉書 宣佈 針對 新冠肺炎 疫情 他們 將 免費 為 世界衛生組織 who 提供 廣告 來 協助 who 宣 導 針對 新冠肺炎 疫情 的 最新 指導方針 除此之外 他們 也 將 發力 遏制 平臺 上 與 疫情 相關 的 惡作劇 以及 錯誤 資訊 依循 facebook 社 群 守則 規定 他們 將 會 把 主張 與 疫情 相關 的 虛假 言論 內容 下 架 並且 投放 宣稱 有 藥物 可以 醫治 新冠肺炎 之 廣告 的 帳 號 也 會 被 封鎖 twitter 先前 twitter 曾 為了 保護 宗教團體 針對 平 臺上 的 仇恨 言論 發表 相關 管理 政策 因應 新冠肺炎 疫情 他們 將 處理 仇恨 言論 的 範圍 擴 及 年齡 疾病 以及 殘疾 等 議題 twitter 指出 在 本 週四 之前 發表 違反 準則 的 推 文都會 被 刪除 但是 相關 帳 號 不 會 被 封鎖 而 在 週四 之後 所 發表 的 推 文都 必須 符合 目前 關於 仇恨 言論 的 相關 規定 youtube 針對 新冠肺炎 疫情 youtube 則 是 在 日前 宣佈 凡是 談及 新冠肺炎 疫情 的 影片 都將 被 關閉 廣告 功能 換言之 不能 藉 此 透過 廣告 營利 apple 管理 app store 的 蘋果 也 指出 他們 將 會 打擊 與 新冠肺炎 相關 的 應用程式 apps 除非 新 遞交 的 應用程式 來自 於 政府 醫院 等 被 認可 可信任 的 機構 確定 可以 發表 正確 的 資料 或 資訊 蘋果將 不 會 讓與 新冠肺炎 有 關的 app 上架 為了 讓 人們 都 能 找尋到 正確 的 防疫 相關 資訊 在 twitter 以及 facebook 當中 搜尋 有 關新冠肺炎 相關 關鍵字 都 會 出現 當地 主管機關 的 連結 在 faceboo twitter 都會 先 出現 臺灣 衛福部 疾 管署 的 網站 連結 除了 被動 防堵新冠肺炎 相關 惡意 言論 與 廣告 facebook ceo mark zuckerberg 也 宣佈 他 與 妻子 priscilla chan 創立 的 慈善機構 chan zuckerberg initiative 已經 跟 蓋茲 基金會 bill melinda gates foundation 合作 透過 雙方 合作 將 讓 研究 人員 針對 新冠肺炎 病毒 進行 全 基因 測 序 能 讓 檢疫 人員 更 快 更 容易 的 瞭解 人們 是否 感染 新冠肺炎 病毒</t>
  </si>
  <si>
    <t>新冠 疫情 全球蔓延 美國 應對 疫情 張惶失措 出乎 各國 意料 之外 而 此時 疫情 已 受 控制 的 中國 大陸 則 乘機 進行 國際 援助 和 對外 宣傳 塑造 領導 全球 抗 疫 的 負 責任 大國 形象 英媒 對 此 評論 認為 這不 只 是 宣傳攻勢 而已 它 的 背後 是</t>
  </si>
  <si>
    <t>新冠 疫情 全球蔓延 美國 應對 疫情 張惶失措 出乎 各國 意料 之外 而 此時 疫情 已 受 控制 的 中國 大陸 則 乘機 進行 國際 援助 和 對外 宣傳 塑造 領導 全球 抗 疫 的 負 責任 大國 形象 英媒 對 此 評論 認為 這不 只 是 宣傳攻勢 而已 它 的 背後 是 中國 大陸 的 實力 增長 英國廣播公司 bbc 分析 稱 新冠 疫情 在 大陸 剛 爆發 時 外界 曾 悲觀地 評論 為 中國 的 車諾 堡 事件 是 中共 完結 的 開始 但 在 大陸 初步 遏制 病毒 蔓延 後 病毒 向 全球蔓延 許多 國家 的 感染 人數 和 死亡 人數 都 超過 了 大陸 分析 指出 雖然 大陸 的 疫情 數字 和 防疫 真相 受到 美國 和 其他 國家 質疑 但 仍 積極 向 外 輸出 醫療 物資 和 援助 通過 外交 和 宣傳 管道 塑造 了 領導 全球 抗 疫 的 負 責任 大國 形象 疫情 引發 的 國際輿論 對抗 再次 延續 了 多年 來 關於 中國崛起 和 國際 影響力 上升 的 討論 文章 稱 中國 大陸 對外 援助 作為 被 許多 外 媒 說 成是 企圖 主導 疫情 敘事 亦 即 爭取 話語 權 美 媒 cnn 認為 病毒 危機 給 大陸 帶來 確立 超級大國 和 全球 領導者 的 機會 相較 於 美國 在 遏制 疫情 方面 行動 失措 川普 總統 奉行 美國 優先 的 政策 則 疏遠 了 盟友 德國 柏林 的 莫卡托 中國研究所 研究員 格 歐爾伯格 mareike ohlberg 曾 指出 大陸 把 戰 狼 精神 帶入 推特 是 一 項 長期 策略 目的 在 改變 中共 在 全球 事務 的 話語 權 增加 影響力 曾經 是 澳大利亞 駐 北京 外交官 的 雪梨 洛伊 國際 政策 研究所 的 研究員 卡 薩姆 natasha kassam 指出 在 推特 上聲 量 最 大 的 一些 人 最近 都 獲得 晉升 包括 趙立堅 和 原 駐 南非 的 大使 林松添 前 美國貿易代表辦公室 中國 事務 高級官員 的 傑夫·穆恩 jeff moon 對 cnn 表示 大陸 輿論 攻勢 受 關注 的 原因 不 在於 其 外交 的 內容 或 語氣 而 在於 中國 大陸 影響力 增加 各國 不得不 更加 重視 大陸 官方 的 宣傳 德國商報 評論 稱 中國 大陸 是 第 一個 遏制 住 疫情 的 國家 同時 掌握 全球 急需 的 防疫 物資 生產 新冠 疫情 顯然 會 加速 中國 大陸 在 地緣 政治 上 崛起 美國 外交 雜誌 則 認為 美國 和 西歐 遭受 了 大規模 疫情 衝擊 本來 的 全球 經濟衰退 與 地緣 政治 格局 重組 中國 大陸 可能 會 勝 出 美國 國內 政治 的 中國 議題 重要性 上升 更 反映 了 中共 影響力 擴大 cnn 分析 指出 歷屆 美國總統 知道 要 善加 處理 北京 影響力 與日俱增 的 問題 並 避免 最終 美中 發生 對抗 今年 11 月 的 美國 大選 中國 大陸 和 新冠 疫情 很 可能 會 成為 川普 和 拜登 交鋒 的 主題 分析 稱 美國皮尤研究中心 3 月 的 民 調 顯示 目前 對 中國 大陸 有 負面 看法 的 人 高達 66 而 在 2 年 前 對 中國 大陸 有 負面 看法 的 美國 人 的 比例 是 47 美 媒 cnn 認為 美國 疫情 嚴重 讓 川普 面對 二戰 以來 最 大 的 國內 危機 而 川普 處理 美中關係 又 會 影響 總統大選 因此 無論誰 在 總統 選舉 中 勝出 美中關係 這個 世界 最 重要 的 經濟 外交 和 安全 關係 都會 進一步 惡化</t>
  </si>
  <si>
    <t>新冠肺炎 covid-19 疫情 在 全球 擴大 蔓延 疫情 之 毒 與 猛 已 橫掃 全球 金融 工業 及 服務業 市場 與此同時 專家 表示 只 要 做好 嚴防 境外 輸入 作為 新 肺 疫情爆發 中心 的 武漢 可望 在 數 日後 接近 清 零 大陸 在 抗 疫 方面 取得 初步 成果 對 疫情 帶來 的 衝擊 則 難以 預估 在 疫情 方面 大陸 境內 新增 確診 遞減 與 境外 輸入 新增 遞增 讓 中國 疫情 防控 主要 形勢 已 朝向 猛增 的 輸入 病例 官方 資料 顯示 截至 3 月 16 日 24 時 中國 大陸 全境 累計 報告 境外 輸入 確診 病例 143 例 為此 北京 已經 要求 從 3 月 16 日 零 時 起 所有 境外 入 京 人員 均 應 轉送 至 集中 觀察 點 進行 14 天 的 隔離 觀察 上海 也 準備 將 疫情 防控 重點 國家 數目 翻倍 17 日 起 新增 英國 瑞士 瑞典 比利時 挪威 荷蘭 丹麥 奧地利 8 國為 疫情 防控 重點 國家 過去 14 天內 到 過 上述 國家 的 人士 進入 上海 將 一律 實施 集中 或 居家 隔離 在此之前 上海 已 分 兩 批 將 韓國 日本 伊朗 義 大利 法國 西班牙 德國 和 美國 8 個 國家 列入 疫情 防控 重點 國家 中國 是 世界 工廠 也 是 世界市場 疫情 在 全球蔓延 之後 也 帶來 更 大 的 挑戰 在 近 兩 個 月 時間 內 大陸 已 召開 了 十 多 次 以 疫情 防控 為 主題 的 高 規格 會議 因 復工 不 等於 複產 且 複產 不 等於 復原 大陸 也 針對 復工 複產 及 刺激 內需 釋出 系列 財金 政策 惟 因 2019 年 經歷 中 美 貿易戰 的 衝擊 大陸 經濟 成長 已 創下 30 年 來 最低 增速 2020 年 的 經濟 前景 為 何? 不少 機構 均 感到 悲觀 不過 近期 大陸 國務院 總理 李克強 談話 也 透露 大陸 將 不再 以 經濟 增長 目標 做為 保底 策略 日前 李克強 在 國務院 常務會議 中 表示 不能 小看 此次 疫情 對 中國 經濟 影響 但 無論如何 都 要 全力以赴 穩住 就業 只要 今年 就業 穩住 了 他 說 經濟 增速 高 一點 低 一點 都 沒什麼了不起 的 在 新冠肺炎 疫情 對 中國 經濟 的 影響 引發 外界 的 擔憂 與 猜測 之時 李克強 首次 在 疫情 態勢 下 鬆口 不少 分析 指出 這 段 談話 重點 只 有 一個 就是 把 就業 問題 放在 優先 經濟 增速 的 位置 意味著 大陸 正 務實 地 面對 保 經濟 成長 已經 不是 第一 要務</t>
  </si>
  <si>
    <t>德國 病毒 專家 科庫勒 alexander kekule 日前 接受 專訪 時 表示 義 大利 才 是 全球 新冠 瘟疫 的 開始 並非 武漢 不過 他 強調 新冠 病毒 仍 源自 武漢 只 是 傳播 到 義 大利 後 出現 變種 病毒 變 得 更具 傳染 力 之後 進一步 傳播 全世界 因此 目前 散佈 全球 的 新冠 病毒 是 源自 於義 大利 的 突變 種 綜合 德國 之 聲 科學 網站 pledge times 報導 德國 哈勒 大學 醫院 university hospital halle 病毒學家 科庫勒 上月 26 日 接受 德國 電視 二 台 zdf 談話 節目 專訪 時 被 主持人 問及 他 在 新 書 中 指出 目前 肆虐 全球 的 新冠 病毒 並非 來自 武漢 而是 來自 義 大利 北部 這 句 話 的 意思 以及 是否 和 北京 官方 說法 雷同 科庫勒 指出 義 大利 實際上 才是 全球 瘟疫 的 開始 而非 武漢 他 強調 自己 的 說法 和 北京 官方 的 宣傳 不同 說明 現在 蔓延 全球 的 新冠 病毒 實際上 是 一 種 只 出現 在義 大利 北部 的 突 變種 稱為 g 變 異體 g-variante 病毒 來到 義 大利 後 基因 結構 經過 改造 變 得 比 原來 的 武漢 病毒株 更具 傳染性 之後 再 擴散 至 全世界 因此 他 才會 說 義 大利 才 是 新冠 病毒 大 流行 的 發源地 而非 武漢 科庫勒 說 義 大利 北部 爆發 疫情 時 多 達 數 周 外界 都 沒有 發現 最 早 可能 在 1 月 就 爆發 直到 2 月底 才 被 辨識 出來 不過 這 段 時間 病毒 已經 變異 有 足夠 時間 優化 自己 因此 創造 出 傳染 力 更 強 的 變異 種 並且 從 義 大利 散佈 全世界 科庫勒 甚至 指出 目前 在 大陸 看到 的 病例 都是義 大利 的 變種 病毒 再 輸入 節目 中 主持人 追問 病毒 最初 是否 源自 於 武漢 科庫勒 強調 病毒 當然 來自 中國 只不過 從 中國 輸入 義 大利 後 在 義 大利 發生 突變 另外 根據 中新社 報導 科庫勒 在 節目 中 說 目前 在 全球蔓延 的 995 新冠 變異 病毒株 均 可 追溯 至 義 大利 北部 的 突變種 科庫勒 也 指出 這類 高 傳染性 病毒 將 無可避免 地 在 全球蔓延 但是 他 特別 點出 武漢 情況 和 其他 地方 不同 武漢 會 爆出 疫情 是因為 面對 病毒 時 一無所知 歐洲 卻 在 收到 警告 後 長 時間 內 不夠 重視 導致 大 流行</t>
  </si>
  <si>
    <t>新冠肺炎 疫情 全球蔓延 臺灣 防疫 作為 近日 受 國際 矚目 世界衛生組織 who 秘書處 29 日 發佈 聲明 肯定 臺灣 的 防疫 成效 並 正視 將 臺灣 納入 全球 對抗 新冠 病毒 疫情 工作 的 重要性 有 20 名 住 在 臺灣 的 外國 朋友 特別 拍下 影片 感謝 防</t>
  </si>
  <si>
    <t>新冠肺炎 疫情 全球蔓延 臺灣 防疫 作為 近日 受 國際 矚目 世界衛生組織 who 秘書處 29 日 發佈 聲明 肯定 臺灣 的 防疫 成效 並 正視 將 臺灣 納入 全球 對抗 新冠 病毒 疫情 工作 的 重要性 有 20 名 住 在 臺灣 的 外國 朋友 特別 拍下 影片 感謝 防疫 英雄 直 呼 全世界 應該 將 臺灣 防疫 措施 視為 楷模 並 向 臺灣 學習 強調 住 在 臺灣 很 安全 近期 全球 受到 疫情 影響 造成 民眾 恐慌 20 名 在 台 的 外國 朋友 分享 對 臺灣 防疫 成果 的 看法 john 陽昊 恩 表示 住 在 臺灣 是 一 件 非常 安全 的 事 所以 我 找 了 一些 外國 朋友 想 對 臺灣 傳達 愛 與 正向 的 力量 來自 美國 的 賈斯汀 表示 我 想要 給 臺灣 一個 大大的 感謝 大聲 說 出來 你們 在 控制 疫情 方面 做 得 很 好 來自 瑞典 的 方 馬丁 表示 臺灣人 大家 的 努力 全 臺灣 不分晝夜 的 工作 包括 醫療 人員 大眾 運輸 工作人員 超市 店員 甚至 是 外 送 人員 所有人 都 在 努力 防堵 疫情 法國 ric 說 他 去 到 任何 地方 都 能 看到 幹 洗手 現在 捷 運 站 還有 熱像儀 來 量 體溫 以防堵 發燒 患者 這 真的 讓 他 感到 很 不可思議 來自 德國 的 賀少俠 則 指出 我 希望 全世界 將 臺灣 視為 楷模 並且 從 臺灣 身上 學習 全世界 加油 臺灣 加油 20 名 外國 朋友 稱讚 臺灣 的 各種 管制 措施 還 大贊 住 在 臺灣 很 安全 臺灣 是 我們 的 家園 謝謝 辛苦 的 防疫 人員 大家 一起 加油</t>
  </si>
  <si>
    <t>新冠肺炎 疫情 全球蔓延 聲 林之王 第一 二季 的 眾多 歌手 日前 分批 進 錄音室 獻 聲 一同 為 社會 以及 前線 醫護 等 防疫 人員 打氣 合唱 黑 夜總會 過去 鄭可強 表示 我 小時候 就 很 夢想 做 這 件 事 一 群 音樂 人為 時事 做 貢獻</t>
  </si>
  <si>
    <t>新冠肺炎 疫情 全球蔓延 聲 林之王 第一 二季 的 眾多 歌手 日前 分批 進 錄音室 獻 聲 一同 為 社會 以及 前線 醫護 等 防疫 人員 打氣 合唱 黑 夜總會 過去 鄭可強 表示 我 小時候 就 很 夢想 做 這 件 事 一 群 音樂 人為 時事 做 貢獻 特別 溫暖 剛出道 就 能 參與 這個 行動 覺得 蠻 榮幸 的 歌曲 集結 聲 林之王 第一 二季 共 41 位 歌手 包含 劉學甫 蕭名 棻 吳東翰 安懂 陽紹傑 陳忻玥 黃于齊 葉柔 馮玟璿 曾韻璿 徐樂芸 賴佩如 嘪 瑋 鵬 曹策勳 陳 瑽 韋喆 張孟權 李佳歡 許淨淳 吳霏 林怡廷 六 艾 司 林茉 曦 艾文 陳央 陳守恩 鄭可強 贊 薇 許維芳 張宸安 呂學翰 吱 吱 李芷婷 張若凡 陳思 綾 gail 李艾薇 柯政宏 盧子傑 楊碧琪 與 樂 梓酉 該 曲主 製作 人 為 蕭名 棻 歌詞 中 提及 因 疫情 造成 人 與 人 之間 的 疏遠 並 帶來 各種 恐懼 與 不安 的 消息 但 相信 雨 後會 天 晴 黑夜 總會 過去 或許 我們 暫時 沒能 見 但 距離 使 我們 都安全 讓 陽光 照亮 恐懼 的 影子 改變 世界 眾人 最後 大合唱 場面 感人 相信 愛 總 有意義 那些 傷口 總能 痊癒 陽光會 照進 大地 溫暖 著 我 的 心 和 你 一起 迎接 自由 呼吸</t>
  </si>
  <si>
    <t>自 2019 年 底 開始 covid-19 疫情 全球蔓延 越來越 多 研究 發現 新冠 病毒 與 部分 新冠 疫苗 與 中風 有關 兩 位 臺灣 腦 中風 學會 理事 北 榮 神經 內科 腦血管 科 主任 李怡慧 與 北 榮 神經 內科 主治醫師 紀乃方 分享 照 護 過 covid-19 患者 以及 co</t>
  </si>
  <si>
    <t>自 2019 年 底 開始 covid-19 疫情 全球蔓延 越來越 多 研究 發現 新冠 病毒 與 部分 新冠 疫苗 與 中風 有關 兩 位 臺灣 腦 中風 學會 理事 北 榮 神經 內科 腦血管 科 主任 李怡慧 與 北 榮 神經 內科 主治醫師 紀乃方 分享 照 護 過 covid-19 患者 以及 covid-19 疫苗 罕見 引起 的 腦 靜脈 栓塞 型 中風 表示 病毒 與 疫苗 引發 中風 的 型態 和 族群 大 有 不同 醫療 上 都有 對應 的 合適 處置 並 呼籲 疫情 間 有 中風 徵兆 民眾 應 即時 就醫 中風 患者 則 要 持續 回診 服藥 儘快 施打 疫苗 covid-19 患者 有 較 高 的 腦 中風 風險 紀 乃 方 醫師 表示 covid-19 患者 有 較 高 的 腦 中風 風險 根據 多國 多 中心 研究 統計 covid-19 患者 發生 腦 中風 比率 大約 13 其中 大多 是 重症 患者 相較 臺灣 一般 人口 中風 發生率 則 只有 每年 01 兩 種 族群 不同 雖然 不能 直接 比較 不過 從 資料 合理推測 年紀 大 多 慢性 共 病 的 covid-19 重症 患者 有 較 高風險 發生 腦 中 風 為何 covid-19 患者 容易 腦 中風 紀乃方 醫師 說明 所有 感染 都 會 引發 人體 發炎 反應 增加 血液 凝固性 進而 造成 血栓 阻塞 發生 在 腦 部 就是 腦 中風 另外 發炎 也 會 增加 微血管 通 透 性 腦血管 壁 脆弱 更 容易 栓塞 或 出血 此外 covid-19 還 會 影響 心血管 系統 使 腦 部 血流 不 穩 加上 covid-19 若 引發 呼吸衰竭 恐 全身 系統性 缺氧 種種 因素 都 會 加重 中風 的 風險 此外 李怡慧 醫師 指出 感染 若 引發 免疫 風暴 也 會 增加 血栓 形成 最新 研究 分析 多國 多 中心 罹 患 covid-19 後 中風 的 患者 多 屬 於 大 血管 阻塞 型 中風 且 25 是 55 歲 以下 較 年輕型 的 中風 她 推論 covid-19 增加 了 發炎性 病因 更 容易 讓 年輕人 發生 嚴重 的 大 血管 阻塞 不過 兩 位 醫師 觀察 目前 臺灣 covid-19 患者 中 風 的 診斷 比率 似乎 比 國外 研究 低 紀乃方 醫師 認為 可能 是 他們 照顧 多 是 輕 症 患者 需 進一步 參考 重症 醫師 的 經驗 並 分析 全國 現況 covid-19 引發 的 中風 死亡率 殘 障 率 都 較 高 紀乃方 醫師 根據 研究 表示 covid-19 患者 發生 中風 的 死亡率 和 殘 障 率 都 比較 高 死亡率 高 達 15 20 小 中風 則 低於 5 歸納 這類 患者 多 是 covid-19 重症 加上 是 大 血管 阻塞 型 中風 且 肺 功能 低下 複健 成效 不 佳 治療 後 能 回家 自理 只 有 20 代表 80 遺留 嚴重 後遺症 需要 他人 照顧 針對 還 沒 中風 的 covid-19 病人 紀乃方 醫師 指出 先 觀察 是否 依賴 氧氣 才能 維持 生理功能 嚴重 時 第一線 使用 類固醇 抑制 發炎 反應 並 視 情況 給予 抗 病毒 藥物 大部分 病人 在 治療 後 都 恢復 不錯 若 病情 持續 惡化 將 改用 更 強效 的 抗 發炎 藥物 嚴重 則 送 加 護 病房 仰賴 呼吸器 和 維生 系統covid-19 腦 中風 症狀 較 不 典型 紀 乃 方 醫師 說 出現 腦 部 動脈 或 靜脈 阻塞 常以 頭痛 表現 或是 肺 栓塞 特徵 是 呼吸 會 喘 類似 covid-19 症狀 不容易 察覺 一旦 病人 對 常規 治療 反應 不 佳 就 會 考慮 合併 血栓 的 可能 至於 covid-19 患者 有 中風 風險 要 常規 預防 性 使用 抗凝 血 藥物 嗎 這 仍未 有 定論 除非 有 慢性 心血管 疾病 才 持續 使用 抗血栓 藥物 疫苗 引起 的 罕見 腦 靜脈 血栓 儘早 治療 效果 佳 李怡慧 醫師 曾 照顧 一 名 21 歲 男性 沒有 任何 慢性病 危險 因數 打完 疫苗 第 8 天 在 睡夢 中 半夜 頭痛 驚醒 且 躺 平 與 使 力時 疼痛 加劇 甚至 引起 嘔吐 緊急 送醫 經 電腦 斷層 發現 腦 靜脈 栓塞 且 合併 有 腦 出血 水腫 是 腦 靜脈 栓塞 引起 中風 的 特徵 並 驗 出 抗 血小板 第 四 因數 抗體 anti-platelet factor 4 pf 4 確診 是 疫苗 引起 之 免疫 血栓性 血小板 低下 症 vaccine-induced immune thrombotic thrombocytopenia vitt 李怡慧 醫師 解釋 年輕人 如果 接種 腺病毒 載體 dna 疫苗 如 嬌 生 az 不同於 用 脂 質 包 覆 的 rna 疫苗 可能 會 發生 腺病毒 dna 疫苗 引起 的 自體 免疫 反應 這種 自體 抗體 會 沾 黏 血小板 因數 pf 4 血小板 再進一步 黏 著 全部 黏成 一 團 複合 體 塞 在 血 流速 較 慢 的 靜脈 系統 李怡慧 醫師 說 vitt 發生率 十 萬分 之一 多 在 打完 疫苗 後 5 28 天 以內 發生 是 非常 罕見 的 靜脈 血栓 副作用 以 腦 靜脈 腸 靜脈 居多 因 血小板 在 阻塞 處 大量 消耗 造成 血小板 低下 若 是 在 腦 部 靜脈 栓 篩 腦 壓 升高 所以 上述 患者 才在 半夜 平躺 時 頭痛 劇烈 而 驚醒 有別於 一般 中風 治療 李怡慧 醫師 指出 疫苗 引發 腦 靜脈 型 中風 的 第一線 是 免疫 治療 先 給予 免疫 球蛋白 來 中 和 自體 抗體 終止 血栓 凝集 並 給予 新型 抗 凝劑如 抗 第 十 因數 或 抗 第二 因 子口 服藥 避免 更 多 血液 凝固 上述 個案 經過 治療 後 住院 第 五 天 就 完全 正常 出院 只要 對 疾病 有 警覺 儘早 給予 免疫 治療 改善 病情 的 機會 很 大 此外 目前 文獻 報告 案例 多 是 白種 人 亞洲 人 較 少 中風 患者 建議 打 疫苗 老年人 不容易 疫苗 血栓 李怡慧 醫師 呼籲 疫苗 引起 的 中風 是 自體 免疫 反應 大部分 是 年輕人 而 covid-19 引起 的 中風 患者 通常 有 三高 心臟病 且 大部分 是 老人 年紀 大 反而 不容易 產生 自體 抗體 出現 疫苗 引發 的 血栓 施打 疫苗 還是 利大於弊 目前 臺灣 covid-19 死亡率 超過 4 疫苗 引發 中風 則 是 十 萬分 之一 打 疫苗 好處 明顯 超過 壞處 對於 有 過敏 體質 年輕人 和 孕婦 考慮 優先 施打 rna 疫苗 covid-19 疫情 間 勿 錯失 中風 黃金 治療 時機 雖然 covid-19 有 中風 風險 李怡慧 醫師 觀察 全球 整體 中風 發生率 卻 呈 下降 趨勢 分析可能 是 因為 病人 猶豫 就醫 與 疫情 期間 診斷 治療 有 受 限制 她 解釋 當 covid-19 隔離 患者 有 中風 症狀 則 電腦 斷層 核磁共振 等 診斷 儀器 都 需要 消毒 治療 上 則 受限 臺灣 醫學 中心 尚缺 負 壓 血管 攝影 手術室 治療 團隊 暴露 感染 風險 高 所以 治療 趨於 保守 的 靜脈 藥物 溶栓 術 減少 了 動脈 內 取 栓 術 等 侵入 性 治療 不過 疫情 間 李怡慧 醫師 仍 提醒 中風 患者 有 異狀 應 及早 就醫 別錯過 了 黃金 治療 時機 尤其 24 小時 內 急性 缺血 型 腦 中風 有 溶栓 和 取 栓 術 可以 逆轉 中風 後 的 腦 梗塞 和 殘 障 一旦 超過 治療 時間 就 留下 後遺症 紀乃方 醫師 則 呼籲 很多 中風 病人 疫情 時 沒回 診 擅自 中斷 控制 慢性病 的 藥物 建議 可 使用 遠 距 通訊 門診 請 醫師 評估 開 藥</t>
  </si>
  <si>
    <t>新冠肺炎 疫情 正 在 全球蔓延 嚴重 衝擊 全球 經濟 香港中華廠商聯合會 廠商會 近日 發表 一 份 研究 報告 警告 疫情 恐 會 連環 衝擊 有 緊密 合作 關係 的 亞洲 區 經濟體 而 香港 為 亞太區 重要 的 貿易 樞紐 及 供應 鏈 管理 中心 貿易 中 轉業</t>
  </si>
  <si>
    <t>新冠肺炎 疫情 正 在 全球蔓延 嚴重 衝擊 全球 經濟 香港中華廠商聯合會 廠商會 近日 發表 一 份 研究 報告 警告 疫情 恐 會 連環 衝擊 有 緊密 合作 關係 的 亞洲 區 經濟體 而 香港 為 亞太區 重要 的 貿易 樞紐 及 供應 鏈 管理 中心 貿易 中轉 業務 會 減少 上述 報告 指出 疫情 令亞洲 經濟體 或 產生 火燒 連環 船 的 情況 由於 大陸 為 亞洲 區內 重要 的 供應 鏈 中心 工廠 被迫 延遲 開工 或者 沒有 完全 復工 妨礙 跨國企業 在 大陸 的 生產線 同時 影響 其他 依賴 大陸 供應 原材料 的 下游 供應 鏈 經濟體 以及 大陸 與 上游 供應商 的 生意 拖累 生產 運作 的 恢復 報告 提及 本地 貿易 物流 和 相關 行業 本來 已 陷入 衰退 疫情 是 雪上加霜 而 香港 又 一向 嚴重 依賴 大陸 旅客 將 對 當地 經濟 帶來 即時 而 直接 的 衝擊 令 旅遊 相關 行業 特別 零售 餐飲 住宿 以及 交通運輸業 步入 了 寒冬</t>
  </si>
  <si>
    <t>新冠肺炎 疫情 全球蔓延 許多 國家 出現 口罩 短缺 的 狀況 而 日本 財務 大臣 卻 在 近日 的 參院 預算 會議 上 說 就算 出錢 也 沒有 口罩 臺灣 網友 對 此 在 ptt 上 貼 文 指出 2 關鍵 隨即 引發 網友 熱 議 根據 日本 共同 社 報導 新冠肺炎 的</t>
  </si>
  <si>
    <t>新冠肺炎 疫情 全球蔓延 許多 國家 出現 口罩 短缺 的 狀況 而 日本 財務 大臣 卻 在 近日 的 參院 預算 會議 上 說 就算 出錢 也 沒有 口罩 臺灣 網友 對 此 在 ptt 上 貼 文 指出 2 關鍵 隨即 引發 網友 熱 議 根據 日本 共同 社 報導 新冠肺炎 的 因應 對策 強化 是否 要 重 編 2020 年 的 政府 預算 對此 日本 財務 大臣 竟 回 就算 出錢 也 沒有 口罩 因此 否決 重 編 預算 的 提議 而 臺灣 網友 在 ptt 上 針對 此事 po 文 討論 對 世界 各國 來說 口罩 是 夕陽 產業 亞洲地區 大概 只 剩 大陸 臺灣 和 韓國有 在 做 口罩 機 生產 相關 設備 的 公司 其實 不 多 而 過去 無 大量 生產 口罩 的 日本 為 因應 疫情 趕 制 生產線 這筆 開 下去 可能 有 點 傷 再者 日本 不織布 的 產能 極 低 塑膠原料 高度 仰賴 進口 在 市面上 可見 的 日本 不織布 產品 百分之 90 的 原料 皆 從中 台 越 進口 而 在 原料 來源不明 的 狀況 下 就算 做 了 機器 也可能 生 不出 口罩 若 你是 日本 經濟部長 你 吞 的 下去 原 po 指出 網 傳 政府 開 口罩 生產線 事 圖利 廠商 但 實際上 若 政府 一 開始 就 不 鳥 口罩 這 件 事 現在 口罩 機 就 會 以 三 到 五 倍 的 價格 出口 到 中日韓 這 才 叫做 圖利 廠商 懂嗎 此 則 貼 文 曝光 許多 網友 紛紛 回應 原來如此 謝謝 國家隊 成員 qq 我 現在 真的 每天 抱 著 感恩 的 心 在 生活 身 在 臺灣 很 幸福</t>
  </si>
  <si>
    <t>小 編 精選 中國時報 5 件 不可 不知 大事 帶 讀者 掌握 今天 11 日 新聞 重點 1 抗 疫 曙光 中研院 找到 10 倍 強效 抑制 劑 新冠肺炎 疫情 在 全球蔓延 中研院 生化 所 研究員 梁博煌 團隊 從 上百 種 化合物 中 篩選 出 新冠 病毒 主要 蛋</t>
  </si>
  <si>
    <t>小 編 精選 中國時報 5 件 不可 不知 大事 帶 讀者 掌握 今天 11 日 新聞 重點 1 抗 疫 曙光 中研院 找到 10 倍 強效 抑制 劑 新冠肺炎 疫情 在 全球蔓延 中研院 生化 所 研究員 梁博煌 團隊 從 上百 種 化合物 中 篩選 出 新冠 病毒 主要 蛋白酶 這項 強效 的 抑制 劑 可 在 體 外 抑制 新冠 病毒 並且 效果 對比 已 知 的 抑制 劑 強 10 倍 2 夜市 難 管制 業者 酸 不如 關門 中央流行疫情指揮中心 宣佈 夜市 傳統 市場 與 商圈 需 提出 總量 管制 計畫 雖然 夜市 經營者 都 願意 配合 但 感覺 執行 困難 有 業者 大 歎 近期 人潮 已 大幅 減半 甚至 生意 掉 了 78 成 再 實施 管制 不如 大家 說好 一起 關門 3 大 院長 出征 小 屌 絲 自貶 身價 整天 掛 在 網上 無所事事 遇事 圍觀 看熱鬧 話 不 驚人 死不休 這群人 在 大陸 被 視為 屌 絲 他們 也 是 大陸 武統 論 的 最 大 粉絲 團 兩岸 一 有事 這群人 就 要 揪 團 出征 臺灣 老 在 網上 噴口 水 4 國 台辦 轟 臺灣當局 造謠 抹黑 陸委會 遺憾 兩岸 漸 行 漸 遠 大陸 國 台辦 發言人 朱鳳蓮 昨 表示 疫情 發生 以來 大陸 精心 照顧 在 陸 臺胞 生活 和 防疫 需要 也 為 滯留 臺胞 做好 服務 但 民進黨 當局 對 兩岸關係 出口 就是 惡言 舉手 就是 挑釁 對 在 陸 臺胞 台 企 陸生 陸 配 沒 講 過 什麼 好話 她 說 編織 謊言 煽動 仇恨 解決不了 防疫 問題 造謠 抹黑 的 政治 把戲 可以 休 矣 5 謝忻 含淚 嗑 美食 我 好 感動 謝忻 首次 光臨 饑餓 遊戲 與 同為 來賓 的 ptt 鄉民 大 神 們 一起 玩遊戲 第 1 關卡 竟 考倒 遊戲機 器 饑餓 三 帥 許孟哲 直喊 我 作答 本 還 給 你們 孫 協 志 也 棄權 表示 我 可能 沒 辦法 參與 這 關 謝忻 則 憑 著 實力 一連 答對 好幾 題 享用 美食 時 甚至 含淚 說 我 好感 動能 吃到 食物 孫 協 志 則 在 旁 補 刀 你 一 開始 不 相信 我們 遊戲規則 還 問 工作人員 真 的 只 能 喝 水 嗎 謝忻 無奈 抗議 甚至 連 咖啡 都 不能 喝</t>
  </si>
  <si>
    <t>新冠肺炎 疫情 全球蔓延 許多 人 嚇 得 不敢 出國 觀光 業大 受 影響 不過 有 網友 好奇 為何 疫情 肆虐 部分 飯店 仍 不 降價 在 網路上 引起 熱烈 討論 有 內行人 揭露 背後 原因 直 呼 這 2 大 關鍵 反而 讓 飯店業 者 爽死 原 po 在 ptt 以</t>
  </si>
  <si>
    <t>新冠肺炎 疫情 全球蔓延 許多 人 嚇 得 不敢 出國 觀光 業大 受 影響 不過 有 網友 好奇 為何 疫情 肆虐 部分 飯店 仍 不 降價 在 網路上 引起 熱烈 討論 有 內行人 揭露 背後 原因 直 呼 這 2 大 關鍵 反而 讓 飯店業 者 爽死 原 po 在 ptt 以 為什麼 現在 飯店業 這麼 慘 房價 沒 便宜 啊 為題 發文 指出 看 了 各家 旅館 價位 跟 疫情 之前 一樣 貴 根本 沒有 因為 疫情 變 便宜 詢問 大家 難得 想要 花錢 在 臺灣 玩 有 沒有 房價 一樣 貴 的 八卦 po 文 一 出 馬 上有 內行人 點出 2 大關 鍵 不能 出國 只能 玩 國內 而且 政府 有 補助 網友 紛紛 回應 不能 出國 都玩 國內 外面 一樣 很多 人 國內 業者 爽死 不 趁現在 撈 怎麼 說得過去 認為 因為 各國 疫情 升溫 現在 大家 不敢 出國 都改 玩 國內 國內 旅遊 的 人 反而 變 多 而且 政府 有 補助 部分 飯店 根本 無需 主動 降價</t>
  </si>
  <si>
    <t>新冠 疫情 全球蔓延 搭 飛機 時 如何 保護 自己</t>
  </si>
  <si>
    <t>新冠 病毒 全球蔓延 世界 各國 政要 傳出 確診 消息 層出不窮 自 巴西 總統 發言人 中 鏢 巴西 總統 波索納洛 傳 確診 但 自發 聲明 檢測 陰性 外界 仍 關注 川普 健康狀況 而 現 又 傳出 上周 在 海 湖山莊 與 川普 晚宴 的 巴西 駐 美國 大使 福斯特 ne</t>
  </si>
  <si>
    <t>新冠 病毒 全球蔓延 世界 各國 政要 傳出 確診 消息 層出不窮 自 巴西 總統 發言人 中 鏢 巴西 總統 波索納洛 傳 確診 但 自發 聲明 檢測 陰性 外界 仍 關注 川普 健康狀況 而 現 又 傳出 上周 在 海 湖山莊 與 川普 晚宴 的 巴西 駐 美國 大使 福斯特 nestor forster 也 與 另外 兩 名 巴西 參訪團 成員 一同 確診 也 讓 先前 一再表示 不 需 接受 檢測 的 川普 終於 脫 口說 出 很 可能 接受 檢測 據 華盛頓郵報 與 路透社 報導 川普 7 日 在 海 湖山莊 mar-a-lago 與 巴西 訪 團 共 進 晚宴 但 自 巴西 總統 波索納洛 jair bolsonaro 的 新聞 秘書 沃恩 加藤 fabio wajngarten 確診 後 波索納洛 也 傳出 確診 新聞 但 隨後 由 本人 否認 而 與 福斯特 同為 代表團 成員 的 巴西 總統 律師 庫 法 karina kufa 巴西 參議員 德拉德 nelsinho trad 也 被 檢測 確診 不過 白宮 醫師 康利 sean p conley 表示 川普因 與 巴西 訪問團 接觸 很 有限 只有 照相 與 握手 如此 確診 的 風險 很 低 不 需要 居家 隔離 即使 疫情 逐漸 在 美 擴散 川普 除了 大型 選舉 造 勢 行程 取消 之外 並未 減少 對外 行程 但 近期 他 曾 參加 的 多 個 公開場合 都 有 傳出 確診 病例 如 先前 在 美國 保守派 大會 中 傳出 2 名 參與 人士 確診 當場 川普 與 副 總統 彭斯 皆 在場 但 在 得知 此事 後 川普 仍 表示 不 需要 檢測 至於 在 全球 政要 確診 新冠 病毒 方面 除了 伊朗 兩 名 副 總統 與 多 名 高層 英 衛生部長 以及 澳 內政部長 之外 目前 加拿大 杜魯道 的 妻子 也 確診 身體健康 的 杜魯道 本人 也 正 自主 隔離 而 波索納洛 公開 否認 自己 確診 新聞 但 若 確診 數實 則 成為 全球 首 位 國家 領導人 確診</t>
  </si>
  <si>
    <t>新冠肺炎 covid-19 在 全球蔓延 美國 成為 世界 確診 龍頭 目前 已 累積 155萬 確診 個案 許多 人 都 認為 這 病毒 只 會 影響 老年 族群 不過 美國 一 名 壯漢 在 染 上 新冠肺炎 後 在 醫院 裡 躺 了 整整 6 周 期間 狂 瘦 20 公斤 出院 後 他 更 特地</t>
  </si>
  <si>
    <t>新冠肺炎 covid-19 在 全球蔓延 美國 成為 世界 確診 龍頭 目前 已 累積 155萬 確診 個案 許多 人 都 認為 這 病毒 只 會 影響 老年 族群 不過 美國 一 名 壯漢 在 染 上 新冠肺炎 後 在 醫院 裡 躺 了 整整 6 周 期間 狂 瘦 20 公斤 出院 後 他 更 特地 po 出 驚人 的 對比 圖 希望 能 喚起 年輕人 對於 新冠肺炎 的 重視 根據 外 媒 指出 這 名 美國 壯漢 麥克 mike schultz 染病 前 是 一 名 三藩市 的 護理 師 喜愛 健身 的 他 在 住院 前 還 有 190 磅 約 86 公斤 經過 6 周 漫長 的 治療 後 他 再次 測量 體重 竟 只 剩 140 磅 約 63 公斤 痊癒 後 的 麥克 在 個人 ig 上 po 出 驚人 的 對比 圖 這 22 公斤 的 差距 帶 給 他 和 大家 對 新冠肺炎 從沒 想 過 的 震撼 麥克 指出 他 想 讓 大家 知道 新冠肺炎 嚴重 影響 了 他 的 肺活量 其中 有 6 周 的 治療 都得 靠 呼吸器 和 插管 渡過 8 周 過去 雖然 沒有 和 家人 朋友 陪伴 但 他 表示 他 能夠 感覺 到 自己 一 天 比 一 天 強壯 肺 一 天 比 一 天 還 要 健康 麥克 希望 他 的 經歷 能夠 幫助 那些 輕視 新冠 病毒 自 認為 健康 的 年輕人 他 說 直 到 真正 感染 之後 我 才 意識 到 病毒 有 多 可怕 我 曾經 也 以 為 自己 還 很 年輕 身強體壯 就 像 許多 年輕人 想 的 一樣 根本 不 會 感染 不過 麥克 想 告訴 大家 這種 事 可能 發生 在 任何人 身上 無論 你 是否 年輕 是否 有 慢性病 都有 感染 可能 i wanted to show everyone how badly being sedated for 6 weeks on a ventilator or intubated can be amongst other things covid 19 reduced my lung capacity with pneumonia over 8 weeks i ve been away from family and friends getting stronger everyday and working to increase my lung capacity i ll get back to where i was in healthier ways this time maybe even do cardio #covid 19 #caronavirus #recovery #godblessmynurses mike @thebearded_nurse 分享 的 貼 文 於 pdt 2020 年 5 月 月 11 日 上午 7 56 張貼</t>
  </si>
  <si>
    <t>新冠肺炎 covid-19 疫情 全球蔓延 世界衛生組織 who 更 宣告 目前 已 造成 全球 大 流行 pendemic 臺灣 憑 著 優異 的 疫 療 團隊 成功 讓 確診 病例 不 失控 但 連 3 日 疫情 指揮中心 通報 的 確診 病例 不斷 上升 民眾 開始 質疑 是否 總 只</t>
  </si>
  <si>
    <t>新冠肺炎 covid-19 疫情 全球蔓延 世界衛生組織 who 更 宣告 目前 已 造成 全球 大 流行 pendemic 臺灣 憑 著 優異 的 疫 療 團隊 成功 讓 確診 病例 不 失控 但 連 3 日 疫情 指揮中心 通報 的 確診 病例 不斷 上升 民眾 開始 質疑 是否 總 只 能 贏 在 起跑 點 接 著 就 後記 無力 是 臺灣人 的 民族性 網友 無奈 表示 這邊 太 鬆懈 了 臺灣 新冠肺炎 案例 在 這 3 天 15 17 日 爆 增 24 例 且 皆 為 境外移入 個案 讓 許多 人 擔憂 國門 已成 防疫 破 口 在 這 短短幾天 浪費 掉 努力 這麼久 的 防堵 措施 原 po 不禁 表示 臺灣 一 開始 的 防疫 真 的 有 夠 穩 的 領先 世界 一大 堆 國家 完全 沒 話 講 但 現在 看起來 已經 有 境外 感染 危機 了 這 是 臺灣人 的 個性 嗎 覺得 一 開始 贏 就 好 了 想 請問 大家 有 沒有 覺得 臺灣 為 何總 喜歡 只 贏 在 起跑 點 這 讓 許多 人 無奈 表示 問 那些 扯後腿 的 人 阿 因為一 堆 人 死 要錢 視 金錢 比 性命 重要 表示 和 民族性 並 不 太 相關 反到 是 一些 人 就 還是 在 高峰期 出國 造成 防疫 缺口 但是 也 有人 認為 可能 是 後繼無力 一 開始 緊 崩 太 久 就 鬆懈 了 但 也 有人 無奈 指出 疫情 本來 就 沒 辦法 永遠 擋住 拖到 這麼晚 才 爆發 早已 是 奇跡 了 尤其 眾人 直指 一點 完全 在於 美 日 2 地 出現 很 大 防疫 破 口 網友 表示 當初 別的 國家 提升 對 臺灣 旅遊 警示 結果 自己 不 硬 起來 跟 別人 斷航 就 看 這 漏洞 怎麼 補 再 不禁 美 日 啊 再 讓 台商 趴 趴 走 啊 一致 認為 國際 破 口 如何 修正 是 未來 關鍵 今 17 日 中央 疫情 指揮中心 也 終於 做出 決定 擴大 疫情 警戒 範圍 其中 全 歐洲 全亞洲 都 被 列入 第 三級 警告 不僅 提升 了 對 日本 的 旅遊 疫情 建議 美國 3 州 也 列入 管制 自 受 疫情 建議 管制 地 返台 民眾 今 起 都 要 實施 居家 檢疫</t>
  </si>
  <si>
    <t>新冠肺炎 病毒 全球蔓延 中國 境外 確診 個案 大 增 其中 伊朗 義 大利 韓國 等 國 新增 確診 病例 以及 死亡 人數 急劇 上升 不少 中東 和 歐洲 國家 亦 因而 出現 首 宗 確診 新冠肺炎 有 機會 變成 全球 大 流行 對於 全球 經濟 前景 的 憂慮 加劇</t>
  </si>
  <si>
    <t>新冠肺炎 病毒 全球蔓延 中國 境外 確診 個案 大 增 其中 伊朗 義 大利 韓國 等 國 新增 確診 病例 以及 死亡 人數 急劇 上升 不少 中東 和 歐洲 國家 亦 因而 出現 首 宗 確診 新冠肺炎 有 機會 變成 全球 大 流行 對於 全球 經濟 前景 的 憂慮 加劇 觸發 全球股市 回吐 美國疾控中心 亦 警告 公眾 須為 肺炎 疫情爆發 做好 準備 美國股市 連續 數 天 急 跌 美國 三大 主要 股市 指數 從 歷史 高位 回落 8 9 除了 疫情 發展 之外 投資者 亦 要 留意 左傾 立場 的 桑德斯 於 2 月 22 日 以 471 的 壓倒性優勢 贏得 在 內華達州 舉行 的 民主黨 初選 而 民主黨 溫和派 仍 處於 混戰 由於 桑德斯 政策 是 大幅 增加 政府 支出 其 選情 正面 的 消息 不利 美 股 短期 重點 將 放在 3 月初 的 超級 星期二 初選 結果 此外 美 股 之前 漲幅 較 多 估 值 較 高 於 高位 調整 壓力 相對 較 大 美國 經濟 結構 不 算 太 受到 疫情 衝擊 加 上聯 准會 或 會 推出 措施 穩定 經濟 近期 市場 對聯 准會 降息 預期 亦 有 所 升溫 因此 演變成 系統性 風險 的 機會 不 大 由於 美國 經濟 增長 相對 穩定 加上 美國 國債 收益率 進一步 下跌 至 非常 沒有 吸引力 的 水準 美 股 經過 近日 大幅 調整 預計 部分 資金 將 回流 美 股 類 股 方面 龍頭 科技 股 回 調 10 預期 將 會 逐步 有 趁 低 吸納 的 買 盤 出現 中國 的 資料 顯示 肺炎 疫情 在 浙江 江蘇 和 廣東 等 較 發達 地區 的 死亡率 相對 較 小 可能 是 由於 它們 擁有 較 好 的 醫療 資源 因此 如果 疫情 在 全球蔓延 醫療 資源 不足 個人 衛生 水準 較 低 以及 人口稠密 的 國家 風險 較 高 基於 上述 假設 落後 的 新興國家 會 受到 病毒 的 打擊 最 大 再 加上 預計 的 經濟 因 疫情 而 放緩 新興國家 經 股市 表現 落後 相反 已 發展國家 所受 的 影響 相對 較 小 儘管 過去 幾 天 全球股市 遭受 嚴重 的 拋售 壓力 但 a 股 市場走勢 變化 不大 累積 跌 幅度 非常 溫和 滬 深 兩 市每日 合計 成交額 已經 連續 七 天 突破 人民幣 下同 1 兆元 市場 成交 非常 活躍 中國 持續 推出 穩定 經濟 政策 向 市場 注入 大量 流動性 貨幣 及 財政政策 趨向 積極 加上 中國 疫情 已經 有 改善 的 跡象 鍾 南山 表示 有 信心 疫情 在 4 月底 基本 受 控 利多 a 股 及 中資股 由於 中國 國家 主席 習近平 維持 全年 經濟 增長 目標 預計 官方 將 繼續 採取措施 使 2020 年 下半年 經濟 增加 速 有利 a 股 隨 著 中國 a 股 成功 納入 msci 及 富 時 羅素 滬 深 港 通 的 北向 交易 2019 年 平均 每日 成交 金額 創 新高 按 年 上升 104 至 417億 元 a 股 走勢 強勁 近日 北向 交易 單 升至 近 千億 元 成交 金額 其中 60 的 北向 資金 透過 深 股 通 投資 於 深圳交易所 上市 的 股票 實際上 深圳股市 有 更 多 的 高成長 公司 例如 科技 股 和 特斯拉 概念 股 相反 上交所 以 以 傳統 股 主導 受 經濟 放緩 影響 盈利 增長 缺乏 動力 港股 近日 跌幅 溫和 明顯 優於 海外 市場 然而 由於 海外 股市 依然 動盪 投資者 可 關注 26500 點 或 之下 區位 另外 澳門 政府 重開 賭場 但因 中國 為 防止 疫情 傳播 將 謹慎 的 恢復 跨 省 跨境 客流 因此 預計 2020 年 第一 季 澳門 博 彩 收入 將 按 年 下降 50 第二 季博 彩 收入 仍 可能 受到 疫情 影響</t>
  </si>
  <si>
    <t>新冠肺炎 持續 在 全球蔓延 今 1 日 稍 早 34 歲 jyj 成員 金在中 在 ig 證實 罹 患 新冠肺炎 他 po 出 全黑 圖片 致歉 說 個人 的 行為 對 社會 造成 的 影響 有 多 大 對 因 我 而 被 感染 的 人 感到 抱歉 但 稍後 他 又 編輯 文章 稱 是 愚人節 玩笑</t>
  </si>
  <si>
    <t>19 j_jun @jj_ 1986 _jj 分享 的 貼 文 於 pdt 2020 年 3 月 月 31 日 下午 10 38 張貼 新冠肺炎 持續 在 全球蔓延 今 1 日 稍 早 34 歲 jyj 成員 金在中 在 ig 證實 罹 患 新冠肺炎 他 po 出 全黑 圖片 致歉 說 個人 的 行為 對 社會 造成 的 影響 有 多 大 對 因 我 而 被 感染 的 人 感到 抱歉 但 稍後 他 又 編輯 文章 稱 是 愚人節 玩笑 金 在 中 15 歲 時 參加 sm 娛樂 的 選拔 以 第一 名 的 成績 入選 並 開始 兩 年 練習生 生涯 2003 年 他 與 鄭允浩 沈昌 瑉 樸有天 金俊秀 5 人 以 東方 神 起 團體 身分 出道 2009 年 鬧 合約 風波 金在中 樸有天 金俊秀 因 薪資 分配不公 向 法院 提出 解約 隨後 3 人 出走 另 組 男團 jyj 今 金在中 發文 證實 得到 新冠肺炎 他 為 此 道歉 說 我 得到 了 新冠肺炎 是 我 的 疏忽 無視 政府 和 周 遭 的 提醒 他因 個人行為 影響 了 整個 社會 深感 抱歉 先前 他 總 覺得 應該 不 會 是 我 吧 如今 想來 心態 太 傻 現在 他人 在 醫院 治療 中 回想 過去 覺得 感歎 又 愧疚 還有 很多 想見 的 人 與 想 說 的 話 對此 公司 表示 因為 金在中 現在 在 日本 接到 消息 後 也 嘗試 過 聯繫 但 目前 還 沒 連 系上 強調 目前 網 傳 金在 中的 發文 和 他 平時 的 語氣 不同 猜測 有 可能 是 被 駭 客 盜 帳 號 而 發文 半 小時 後 金在中 又 編輯 文章 稱 是 愚人節 玩笑 說 短 時間 引來 許多 人 擔心 也 想 告訴 大家 保護 自己 就是 保護 身邊 珍貴 的 人 又 指 我 甘願 接受 因 這 篇文章 受到 的 一切 處罰 希望 大家 身體健康 但 亂 開玩笑 行徑 已 引來 大批 網友 罵 翻 紛紛 說 敗 光路 人緣 多 大 的 人 了 能 成熟 點 嗎 不 接受 任何理由 的 拿 疫情 開玩笑 沒 腦 想 紅 想 瘋 了 吧</t>
  </si>
  <si>
    <t>國人 健康 力 指標 變動 趨勢 圖 中大 台 經 中心 提供 新冠肺炎 疫情 重大 打擊 全球 的 方方面面 在 臺灣 民眾 可能 不 這樣 想 今 25 日 和 2 月 消費者 信心 指數 cci 同步 公佈 的 國人 健康 力 指標 顯示 民眾 對 自己 健康 感到 樂觀 雖然 指數 較 上月 有 些微 下降 但 相較 於 去 2019 年 11 月 的 流感 大 爆發 期間 的 偏向 悲觀 指數 仍 反映 民眾 對 個人 健康 呈現 樂觀 2 月 調查 的 目前 健康狀況 指標 調查結果 為 1111 點 較 上月 的 調查結果 下降 13 點 調查 單位 說明 這 顯示 民眾 對 自己 健康 呈現 樂觀 預期 健康狀況 指標 部分 本月 調查結果 為 991 點 與 上月 的 調查結果 相較 下降 025 點 109 01 1001 偏向 悲觀 此 項 民眾 健康 力 指標 為 臺灣 產 學 合力 作出 的 民眾 健康 自 評 指數 由 臺北醫學大學 管理 學院 暨 大 資料 研究 中心 與 健康 力 股份有限公司 調查 協辦 此次 調查 期間 為 109 年 2 月 18 日 至 21 日 健康 力 董事長 黃千芬 表示 雖然 新冠 疫情 在 全球蔓延 已然 發生 的 國家 地點 不 同 臺灣 醫療 體系 及 防疫 措施 相對 上 有所 成效 染疫病 患 受到 的 照 護 也 比較 好 民眾 雖然 會 憂慮 疫情 看 到 臺灣 抗 疫 成效 也 比 其他 國家 好 對 自己 身體健康 跟 防疫 能力 就 不是 那麼 擔憂 由於 此次 調查 是 在 21 日 結束 至 今 一 周來 疫情 在 韓 日 和義 大利 等 地 快速 擴散 甚至 有 出現 社區 感染 中大 台 經 中心 執行長 吳 大任 表示 臺灣 民眾 較 能 放心 抗 疫 成效 前 題 在 臺灣 沒有 發生 社區 感染 這 是 防衛 民眾 對 整體 系統 安心 的 重大 關卡</t>
  </si>
  <si>
    <t>新冠肺炎 covid-19 持續 在 全球蔓延 造成 民生問題 恐慌 民眾 除了 買 口罩 也 有人 開始 瘋 搶 日常用品 英國 一 名 媽媽 好不容易 買到 18 卷 衛生紙 沒 想到 還 沒 使用 就 被 小孩子 丟 進 浴缸 變成 紙漿 當場 傻眼 英國 目前 確診</t>
  </si>
  <si>
    <t>新冠肺炎 covid-19 持續 在 全球蔓延 造成 民生問題 恐慌 民眾 除了 買 口罩 也 有人 開始 瘋 搶 日常用品 英國 一 名 媽媽 好不容易 買到 18 卷 衛生紙 沒 想到 還 沒 使用 就 被 小孩子 丟 進 浴缸 變成 紙漿 當場 傻眼 英國 目前 確診 2644 例 104 人 死亡 確診 人數 排名 世界 第 10 死亡 人數 排 第 7 是 疫情 嚴重 的 國家 之一 由於 新冠肺炎 有 增加 趨勢 出現 民眾 搶 買 民生 用品 現象 英國 一 名 網友 卡明 ed cumming 16 日 在 推特 po 文 附 照 分享 他 一 名 女性朋友 好 不容 買到 18 卷 衛生紙 沒 想到 還 沒用 就 被 朋友 的 孩子 丟 進 浴缸 裡 照片 中 可見 小孩子 將 大量 衛生紙 與 玩具 丟 進 浴缸 裡 結果 衛生紙 就 變成 了 紙漿 完全 救 不了 網友 看到 po 文 紛紛 留言 表示 一 次 買 那麼 多 難道 一直 上 廁所 嗎 現在 一 次 買 那麼 多 很 浪費 有些 人 甚至 買不到 直接 開始 進行 紙漿 課程 吧 我 小孩 以前 也 會 這樣 原來 我 不 孤單 有史以來 最 有趣 的 事 其實 臺灣 這 幾 天 也 出現 大 囤 貨 現象 大 賣 場 貨架 上 的 衛生紙 洗手 液 泡 面 米 等 等 都 被 買光</t>
  </si>
  <si>
    <t>大陸 南海 研究院 院長 大陸 東南亞 南海研究中心 理事會 主席 吳士存 21 日 指出 新冠 疫情 重創 美國 這 當中 也 包括 嚴重 影響 美軍 的 戰鬥力 和 部署 有 報導 說 目前 美國 至少 150 個 軍事基地 和 4 艘 航母 出現 疫情 儘管如此 美軍 近期 非但 沒有 放緩 以 軍事手段 謀求 在 西太平洋地區 霸主 地位 的 節奏 反而 在 南海 繼續 上演 一 幕 幕 攪動 風浪 的 戲碼 吳士存 今天 在 陸媒 環球時報 撰文 表示 疫情 全球蔓延 仍 在 繼續 對 國際 政治 經濟 格局 全球 治理 體系 都 將 產生 深刻影響 疫情 對 陸美 關係 的 影響 目前 來 看 是 負面 和 消極 的 陸美 兩 國 圍繞 貿易 科技 產業鏈 供應 鏈 等 領域 的 博弈 或 脫鉤 趨勢 並 未 緩解 伴隨 美國 大選 臨近 炒作 中國 問題 也 將 是 繞 不開 的 議題 吳士存 稱 就 南海 問題 而言 美國政府 通過 進一步 實施 海上 軍事行動 顯示 對 大陸 的 強硬 姿態 不僅 能 在 國內 迎合 部分 選民 的 關注 和 訴 求 在 國際上 亦可 起 到 增強 和 鞏固 盟友 關係 的 效果 文章 認為 毋庸諱言 正 是 美國 在 南海 頻繁 攪局 縱容 和 鼓勵 其他 聲 索 國在 爭議地區 採取 單邊 行動 等 消極因素 累進 疊加 才 使 本 已 趨 穩 向好 的 南海 形勢 出現 令人擔憂 的 動盪 吳士存 建議 面對 疫情 期間 以及 疫 後 美國 在 南海 日益加劇 的 軍事挑釁 活動 大陸 應從 島礁 維權 能力 建設 民事 化 功能 擴展 近日 大陸 國務院 批准 三沙市 政府 設立 西沙 區 和 南沙區 其實 就 是 向 民事 化 方向 邁出 重要 步伐 海上 力量 整合 未來 海上 作戰 方式 變革 應對 等 方面 做好 充分準備 文章 說 與此同時 大陸 還 應 積極 推動 與 南海 周邊國家 的 海上 合作 排除 干擾 增進 共識 加速 南海 行為 準則 磋商 進程 努力 構建 以 公正 透明 開放 合作 為 主旋律 的 地區 秩序 避免 南海 形勢 再度 動盪 或 出現 顛覆 性 變化</t>
  </si>
  <si>
    <t>新冠肺炎 疫情 全球蔓延 至 今 約 已 導致 超過 171億 宗 確診 病例 其中 有 近 370萬 人 死亡 而 據 浮華世界 vanity fair 與 紐約 郵報 new york post 3 日 報導 在 解放軍 人員 參與 下 中方 似乎 利用 名 為 crispr 的 基因 編輯</t>
  </si>
  <si>
    <t>新冠肺炎 疫情 全球蔓延 至 今 約 已 導致 超過 171億 宗 確診 病例 其中 有 近 370萬 人 死亡 而 據 浮華世界 vanity fair 與 紐約 郵報 new york post 3 日 報導 在 解放軍 人員 參與 下 中方 似乎 利用 名 為 crispr 的 基因 編輯 技術 培養 出 具有 人類 化 肺臟 的 老鼠 以 測試 不同 病毒 的 感染力 當 美國國家安全委員會 在 調查 新冠 病毒 的 起源 時 政府 病毒學家 在 2020 年 4 月 的 一 份 研究 報告 中 標記 了 相關 事件 這 份 研究 報告 有 23 人 共同 執筆 其中 11 人 是 為 解放 軍旗 下 的 軍事醫學科學院 工作 而 相關 專案 所 研究 的 涉及 測定 老鼠 對 新冠 病毒 的 感染 性 然而 當 美國 國安會 調查 人員 回溯 相關 研究 以 製作 時間表 時 卻 瞭解 到 這些 基因 改造 鼠 是 在 2019 年 夏季 的 某個 時間 也 就 是 在 爆發 新冠肺炎 疫情 大流 行前 培養 的 而 這 發現 據說 促使 美國 國安會 官員 懷疑 解放軍 利用 這些 老鼠 測試 不同 的 病毒 是否 能 感染 人 同時 他們 也 懷疑 發現 了 支持 新冠 疫情 大 流行 是 實驗室 外泄 的 證據 然而 美國 國安會 反 擴散 和 生物 防禦 高級 主管 魯吉洛 anthony ruggiero 說 當 他們 和 其他 擁有 相關 情 資 的 機構 接觸 時 卻 沒 被 理會 他 說 他們 獲得 的 反應 很 消極 從 科學 期刊 上 的 評論 還有 中方 政府 資料庫 中的 資訊 顯示 也 就 在 同時 武漢 病毒 研究所 新發 傳染病 研究 中心 主任 石正麗 似乎 已 在 這些 老鼠 身上 測試 過 兩 種 新 發現 但 並未 透露 的 冠狀病毒 以 評估 它們 的 感染力 由於 石正麗 以 研究 蝙蝠 聞名 因此 有 蝙蝠 女 bat woman 的 綽號 不過 石正麗 堅決 否認 新冠肺炎 病毒 是從 武漢 實驗室 外泄 然而 美國國務院 1 月 公佈 的 資料 簡報 顯示 至少 從 2017 年 開始 武漢 病毒 研究所 人員 就 合作 進行 了 秘密 專案 其中 包括 實驗室 動物 試驗 此外一 名 看 過 機密 情 資 的 美國 前 國安 官員 也 說 中方 軍事 和 民間 研究 人員 一起 在 武漢 病毒 研究所 進行 動物 研究 相關 檔 是 在 美國總統 拜登 就職 前 5 天 公佈 但 新 政府 並 沒有 推翻 這種 說法 不過 北京 公開 譴責 說 美國國務院 的 資料 充滿 謬論 也 是 謊言 先生 mr lies 前 國務卿 蓬佩 奧 mike pompeo 最後 的 瘋狂</t>
  </si>
  <si>
    <t>2 月 國際原油 慘跌 10 美元 台 塑化 遭逢 帳 上 跌價 損失 50億 元 壓力 單月 營運 由 盈 轉 虧 不料 3 月 沙 國 發動 原油價格 戰 新冠肺炎 疫情 全球蔓延 國際 油價 再度 重 挫 三 成 台 塑化 第一 季 營運 虧損 包袱 加大 身為 台 塑化 大 股東 之 台塑</t>
  </si>
  <si>
    <t>2 月 國際原油 慘跌 10 美元 台 塑化 遭逢 帳 上 跌價 損失 50億 元 壓力 單月 營運 由 盈 轉 虧 不料 3 月 沙 國 發動 原油價格 戰 新冠肺炎 疫情 全球蔓延 國際 油價 再度 重 挫 三 成 台 塑化 第一 季 營運 虧損 包袱 加大 身為 台 塑化 大 股東 之 台塑 三寶 也 在 本業 轉投資 雙重 弱化 下 第一 季 營運 面臨 獲利 保衛 戰 三寶 面臨 獲利 保衛 戰 據悉 台 塑化 第一 季單 就 煉油 石化 事業 已 實現 之 跌價 損失 急遽 竄升 至 150億 元 不含 在途 原料 部分 法人 推 估 在 煉油 石化 利差 明顯 縮減 以及 跌價 損失 雙重 打擊 下 台 塑化 第一 季 營運 虧損 約 130 150億 元 此外 台塑 雖 持 股 台 塑化 約 28 但因 旗 下 產品 市況 壓力 相對 較 緩 加計 台塑 美國 台勝科 高 投資 收益 護航 第一 季 營運 或 可 堅守 盈 餘 之上 南亞 持 股 台 塑化 23 因 有 電子 材料 滿載 運作 與 轉投資 南亞 科 等 收益 支撐 也 有望 不致 淪落 虧損 法人 台化恐 也 難 逃 虧損 不過 台化 因 具 苯 原料 等 上游 佈 局 與 台 塑化 一樣 需承擔 油價 連動 的 跌價 損失 壓力 加上 旗 下 產品 市況 不 佳 並 持 股 台 塑化 26 法人 推 估 第一 季 營運 恐難 逃 虧損 窘境 新冠肺炎 全球蔓延 各地 封城 鎖國 等 旅遊 限制 令 石油 需求 大 減 且 美國能源部 取消 購買 7700萬 桶 戰備 儲 油 計畫 nymex 原油 一度 重 挫 近三成 創 1991 年 波灣戰爭 來 的 最 大 單 周 跌幅 3 月 來 下跌 45 今年 來 更慘 跌 逾 60 分析 師 指出 2014 年 下半年 國際 油價 大 崩 跌 從 每桶 百 美元 重摔 至 50 多 美元 台 塑化 在 當年 第 四季 大 虧 130億 元 創 史上 最差 表現 其後 因 油價 下跌 原料 成本 大 降 刺激 消費 增加 台 塑化 2016 年 至 2018 年 隨 石化 大 多頭 行情 獲利 躍進 台塑 三寶 投資 收益 也 受惠 攀揚 第二 季 營運 考驗 仍 大 不過 今年 油價 跌勢 不若 2014 年 在 第 四季 的 一個 季度 反應 而是 從 2 月 開始 急速 下滑 加上 大陸 以外 歐美地區 疫情 持續 惡化 將 使 油價 隨 需求 持續 萎縮 疲軟 不振 台 塑化 第二 季 營運 恐 仍 需 面臨 跌價 損失 壓力 考驗 尤其 此 波 全球 新冠肺炎 疫情 惡化 將 使 經濟 回穩 復蘇 的 時點 及 力道遞 延 台 塑化 帳 上 認 列 的 龐 大 跌價 損失 回 衝力 道 也 恐 趨 緩 反應</t>
  </si>
  <si>
    <t>新冠肺炎 疫情 擴散 觀光 產業 受 影響 攤 商 生 音 心 大不如前 集集鎮 公所 紓困 開 第一 槍 自 4 月 起 集 集 火車站 東側 臨時 攤販 區 清潔費 5 折 優惠 2 個 月 有 20 多 位 業者 受惠 肺炎 疫情 全球蔓延 民眾 聞 之 色 變 不敢 出門 搭車 觀</t>
  </si>
  <si>
    <t>新冠肺炎 疫情 擴散 觀光 產業 受 影響 攤 商 生 音 心 大不如前 集集鎮 公所 紓困 開 第一 槍 自 4 月 起 集 集 火車站 東側 臨時 攤販 區 清潔費 5 折 優惠 2 個 月 有 20 多 位 業者 受惠 肺炎 疫情 全球蔓延 民眾 聞 之 色 變 不敢 出門 搭車 觀光旅遊 人數 銳減 原本 人潮 洶湧 的 集 集 火車站 商圈 也 變 得 冷冷清清 門可羅雀 集集鎮 長 陳紀衡 表示 因應 疫情 變化 政府 各種 措施 不斷更新 受到 疫情 影響 各行各業 都 受到 衝擊 也 影響 集 集 觀光 小鎮 的 攤 商 營運 民眾 因為 恐懼 疫情 感染 而 減少 外出 旅遊 觀光 人潮 減少 2 至 3 成 為 與 攤 商 共 體 時艱 因此 鎮 公所 推出 減收 清潔費 方案 此外 集集鎮 公所 也 持續 宣傳 中央政府 的 紓困 方案 並 輔導 業者 申請 適合 的 紓困 補助 希望 能夠 減低 攤 商 營運 負擔 共同 度過 這 波 疫情 的 衝擊</t>
  </si>
  <si>
    <t>千秋 楽の様 子 三月 場所 結 一番 白鵬 鶴 竜 戦 #sumo 相撲 三月 場所 春 場所 2020 年 一番 pic twitter com 7 k 6 s 7 rmxl 5 日本 大 相撲 春 場所 平安 落幕 今年 在 疫情 堪憂 的 大 阪 舉行 比賽 相當 精彩 出現 了 暌違 7 年 的 相 星 決戰 兩 大 橫綱 白鵬 鶴 竜 以 相同 戰績 12 勝 2 敗 進入 周日 決賽 日 千秋 樂 打得 很 激烈 最後 白鵬 把 鶴 竜 抬 出界 摘 下 生涯 第 44 次 優勝 同時 這次 賽事 讓 新星 朝乃山 升上 大關 僅次於 橫綱 的 位 階 升級 大關 要 有 足夠 勝 率 38 年 首次 在 大 相撲 只 有 1 位 大關 現在 朝乃山 補上 成為 第 2 位 大關 朝乃山 說 但是 打 不 贏 橫綱 就 沒 意義 了 我 認清 自己 實力 還 不夠 朝 乃 山前 兩 日 連續 敗 於兩位 橫綱 之 手 通常 優勝者 是 以 戰績 決定 橫綱 在 第 15 日 才 會 對 決 今年 兩 位 橫綱 戰績 相同 成為 最後 勝者為王 的 情況 稱為 相星 決戰 白鵬 是 大 相撲 史 上 戰績 最 顯赫 的 人 保有 多 項 紀錄 44 次 優勝 之中 有 15 次 是 全勝 橫掃 所有 力士 這次 他 剛滿 35 歲 奪冠 也 是 歷來 第 3 年長 的 優勝者 白鵬 與 鶴 竜 都 是 蒙 古人 前者 已 歸化 日本 國籍 新冠肺炎 疫情 仍 在 全球蔓延 5 月 夏 場所 仍 不 確定 是否 開放 觀眾 去年 由於 美國總統 造訪 往後 每年 夏 場所 的 優勝者 都會 獲 頒 1 座 美國總統 杯 米 大 統領 杯</t>
  </si>
  <si>
    <t>新冠肺炎 疫情 全球蔓延 打亂 各 產業 發展 佈局 線材廠 強 新 工業 5013 董事長 吳玉堂 日前 接受 訪問 時 表示 疫情 造成 消費 力 延遲 已是 事實 該 公司 對 今年 景氣 持 謹慎 保守 態度 但 仍 會 按 公司 既定 腳步 前進 投入 大陸 滁州 ep 管</t>
  </si>
  <si>
    <t>新冠肺炎 疫情 全球蔓延 打亂 各 產業 發展 佈局 線材廠 強 新 工業 5013 董事長 吳玉堂 日前 接受 訪問 時 表示 疫情 造成 消費 力 延遲 已是 事實 該 公司 對 今年 景氣 持 謹慎 保守 態度 但 仍 會 按 公司 既定 腳步 前進 投入 大陸 滁州 ep 管 廠 及 越南 線材廠 的 興建 為 營運 儲備 動能 強 新 線材 以 線 種 及 尺寸 規格 齊全 著稱 涵蓋 碳鋼 合金 金鋼 不銹鋼 等 線 徑 50 以下 都 有 目前 兩岸 產能 分別 為 10000 噸 月 及 9000 噸 月 加上 供應 半 導體 光電 等 產業 輸送 液 氣 的 ep 管 超 潔淨 拋光 不銹鋼管 產品 線 組合 非常 健康 尤其 大陸 廠 產品 85 供應 汽車 扣 件 市場 所 需 具有 厚實 競爭力 吳 玉堂 指出 景氣 迴圈 有高有低 今 2020 年 原本 預估 成長 就 會 趨 緩 加上 開春 以來 新冠肺炎 疫情 蔓延 各國 紛紛 祭出 封 城 鎖國 造成 的 消費 力 延遲 已對 全球 景氣 復蘇 帶來 壓力 因此 對於 今年 景氣 看法不敢 太 樂觀 第二 季 以後 的 訂單 變數 恐 增加 必須 更 謹慎 保守 因應 強 新 工業 自 結 今 2020 年前 3 月 的 營 收 1254億 元 較 2019 年 同期 1558億 元 衰退 167 吳 玉堂 並 強調 現在 是 比 氣 長 的 時候 該 公司 會 開源節流 加速 新 產能 新 產品 佈局 並且 將 藉 此刻 強化 內部 員工 訓練 事實上 強新 因應 時局 艱辛 近年 除了 持續 投入 設備 汰舊換新 精進 產能 提高 生產 效率 外 在 開拓 國際 市場 及 研發 新品 提高 產品 附加 價值 上 態度 也 非常 積極 在 新品 開發 上 強新 的 異形 線 開發 已 具 成果 目前 已 供應 如 手 工具 自動化 滑 軌 等 市場 需求 持續 增 溫 提高 產品 附加 價值 上 強 新近 年 來 二 岸 同步 增設 渦電流 探傷 設備 可 檢測 線材 內部 缺陷 產品 應用 於保安 類 如 懸 吊 系統 傳動軸 線材 市場 迎合 高端 客戶 的 需求 目前 該 設備 在 大陸 廠 有 二 套 臺灣 一 套 臺灣 廠 今年 將 增設 第二套 擴大 供應量 建構 新 產能 方面 由於 中國 大陸 ep 管 強勁 需求 強新 去 2019 年 在 大陸 滁州 增設 的 ep 管 新廠 預計 今年 6 月 完工 裝機 第 三 季 加入 投產 據悉 強新 ep 管 技術 來自 日本 的 神戶 特殊鋼 株式會社 原汁原味 品質 受到 台廠 及 大陸 半 導體 光 電業 者 的 肯定 在 台市 占 率 高 已 取代 進口 強新 滁州 ep 管 新 產 能開 出 後 更 可 提高 中國 市場 滲透 率 為 營運 添 利基 在 東南亞 投資 方面 為 供應 越南 客戶 及 強化 拓展 東 協 印度 市場 強新 將 投入 二億 元 在 越南 設立 最 現代化 線材廠 該廠 已 進入 環 評 階段 最 快 今 2020 年 6 月 動工 2021 年 第 三 季 投產 初期 產能 規劃 1000 噸 月 最終目標 4000 噸 月 另外 強新 已 公告 2019 年 合併 營 收 626億 元 較 2018 年 7708億 元 衰退 187 每股 獲利 124 元 該 公司 董事會 已 通過 2019 年度 盈 餘 分配 案 每股 將 配 息 05 元 股東會 將 於 6 月 9 日 在 該 公司 台南 佳裡 區 總部 舉行</t>
  </si>
  <si>
    <t>新冠肺炎 全球蔓延 第一線 醫護人員 之前 在 網路 發起 i stay at work for you you stay at home for us 呼籲 民眾 多 待 在 家中 引起 好萊塢 眾多 藝人 響應 由 演員 凱文貝肯 發起 名為 #istayhomefor 的 hashtag 活動 包</t>
  </si>
  <si>
    <t>新冠肺炎 全球蔓延 第一線 醫護人員 之前 在 網路 發起 i stay at work for you you stay at home for us 呼籲 民眾 多 待 在 家中 引起 好萊塢 眾多 藝人 響應 由 演員 凱文貝肯 發起 名為 #istayhomefor 的 hashtag 活動 包括 影星 蜜雪兒菲佛 史嘉蕾 喬韓 森 達 珂塔 芬妮 歌手 瑪麗亞凱莉 艾爾頓 強 等 人 陸續 參與 臺灣 娛樂 圈 近日 則 有 董事長 樂團 貝斯 手大 鈞 八十八 顆 芭 樂 籽 主 唱 阿強 金曲 客 語 歌後 官 靈芝 音樂 製作 人 王爺 王斯 禹 以及 戴祖雄 等 人 相繼 回應 盼 為 疫情 風暴 盡 一己 之 力 董事長 樂團 貝斯 手大 鈞 配合 防疫 目前 公開 演出 都 已 暫緩 或 取消 長 時間 待在家裡 他 靠 自組 模型 打發 時間 趁此機會 重 十 興趣 正 在 臺灣 居家 自主 健康 管理 的 戴祖雄 則 每日 透過 直播 與 家人 粉絲 問好 他 還 大方 示範 運動 分享 下廚 與 護 膚 的 等 經驗 只 是 自主 管理 第二 天 他 到家 附近 藥局 買 口罩 卻 被 網友 抨擊 怎 能 出門 他 為 此 特別 開 直播 解釋 居家 自主 健康 管理 並 強調 外出 絕對 有 遵守 臺灣 相關 規定 且 全程 戴 口罩 曾 擔任 鄭秀文 李玟 張信哲 徐若瑄 等 巨星 音樂 製作 人 王爺 王斯 禹 身 兼 洛客班 樂團 主 唱 2004 年 洛客班 搭配 電影 17 歲 的 天空 超 夯 主題曲 我 想 你 的 快樂 是 因為 我 發行 至今 唯一一 張 專輯 人生 證明 原定 規劃 出道 15 周年 複出 的 洛客班 因為 成員 各自 忙碌 而 計畫 不斷 順延 趁此機會 開始 投入 新 歌 創作 希望 今年 年底 有 新 作品 問世</t>
  </si>
  <si>
    <t>儘管 3 月 19 日 蘋果 股價 未 隨 美 股 反彈 逆勢 收 低 但 大陸 各地 全面 復工 且 短線 股價 跌幅 已 大 今天 蘋果 供應 鏈 在 大 立 光 3008 盤中 亮燈 領 軍 下 全面 止 跌 反彈 玉晶光 3406 台 郡 6269 新 日興 3376 及 正 崴 2392 盤中 股價 連袂 漲 停 新冠肺炎 持續 在 全球蔓延 尤其 是 歐洲 及 美國 地區 正 進入 流行 高峰期 全球 各地 紛紛 啟動 封城 封國 蘋果 亦 於 日前 宣佈 關閉 大中華 以外 地區 門市 重創 蘋果 產品銷售 市 調 機構 紛紛 下 修蘋果 今年 銷售 預測 國內 蘋果 供應商 股價 亦 因 蘋果 股價 與 台股 重 挫 連 番 破 底 於 3 月 19 日 創下 波段 新低 價 不過 相較 于 歐美 等 地區 國家 忙於 防疫 大陸 地區 因 疫情 已 完全 控制 包括 湖北 在內 各 地區 已 全面 復工 各 地區 廠商 復工 率 快速 提升 製造 端 供應 鏈 已 逐漸 恢復 到 正常 水準 玉晶光 等 蘋果 供應商 預估 3 月 合併 營 收 將 優於 2 月 隨 著 各廠 區 製造 恢復正常 且 短線 股價 跌幅已深 國內 蘋果 供應商 無畏 3 月 19 日 蘋果 股價 持續 逆勢 收 低 今天 盤中 股價 全面 止 跌 反彈 玉晶光 台郡 新 日興 及 正 崴 盤中 股價 強攻 漲 停板 台 光電 2383 及 臻 鼎 -ky 4958 等 盤中 股價 漲幅 均 逾 8</t>
  </si>
  <si>
    <t>新冠肺炎 全球蔓延 迄今 高雄 30 例 確診 都 是 境外移入 高雄 市長 韓國瑜 17 日 上午 視察 衛生局 疫 調 支援 中心 嘉勉 全體人員 執行 防疫 業務 的 辛勞 有 媒體 追問 市長 除 慰 訪 行程 外 整天 幾乎 無 其他 行程 新聞 局長 鄭照新 強調 只是 沒</t>
  </si>
  <si>
    <t>新冠肺炎 全球蔓延 迄今 高雄 30 例 確診 都 是 境外移入 高雄 市長 韓國瑜 17 日 上午 視察 衛生局 疫 調 支援 中心 嘉勉 全體人員 執行 防疫 業務 的 辛勞 有 媒體 追問 市長 除 慰 訪 行程 外 整天 幾乎 無 其他 行程 新聞 局長 鄭照新 強調 只是 沒有 公開 接受 採訪 的 行程 不是 沒有 行程 下午 忙 第二 波 紓困 財政 方案 的 討論 大年 初三 值班 至今 新冠肺炎 爆發 以來 高 市府 守 住 無 本土 確診 個案 其中 辛苦 的 幕後 推手 就是 參與 疫 調 支援 中心 的 團隊 成員 市長 韓國瑜 昨 早 特別 前往 衛生局 疫 調 支援 中心 慰 訪 42 名 護理 師 及 相關 工作人員 為 居家 檢疫 或 居家 隔離 民眾 釋疑 或 進行 醫療 轉 銜 韓國 瑜 致 詞表 示 衛生局 同仁 從 大年 初三 值班 到 現在 24 小時 輪班 保護 市民 健康 非常 辛苦 他 代表 市民 跟 衛生局 同仁 致謝 韓送 了 126 張 餐券 給 疫 調 支援 中心 人員 讓 大家 可以 就近 在 衛生局 附近 的店家 消費 公開 行程 少惹 質疑 慰 訪 行程 結束 韓國 瑜 隨即 進入 電梯 離開 媒體 追問 市長 整天 是否 只 有 這個 行程 之後 就 沒有 行程 隨行 的 新聞 局長 鄭照 新說 市長 不是 沒有 行程 只是 行程 沒有 公開 讓 媒體 採訪 鄭 指出 韓 市長 忙於 市政 忙於 紓困 等 下 就 會 找 財政局 討論 第二 波 紓困 方案 期待 中央 與 地方 聯手 儘快 把 財源 送 到 第一 線 人員 手上 對於 韓國瑜 是否 出席 議會 臨時 會 鄭照 新說 不 需 牽扯 政治 運動 應 回歸 市政 與 防疫 已 做好 準備 進入 議會 他 也 批評 部分 團體 發動 政治 運動 無視 市民 對於 防疫 需求 相當 可 議</t>
  </si>
  <si>
    <t>臺灣 在 新冠肺炎 的 防疫 上 有目共睹 但 沒 想到 敦睦 艦隊 竟 成 防疫 大破 口 震驚 各界 但 外界 更 想 知 的 是 為何 在 疫情 蔓延 臺灣 還 要 派 敦睦 艦隊 去 帛 琉 執行 任務 據悉 原本 海軍 考慮 延後 但 傳 外交部 評估 可行 在 國安 高層 最終 拍板 定案 下 敦睦 艦隊 如期 航行 不過 國防部 已 否認 外部 施壓 新冠肺炎 全球蔓延 國防部 連 一年一度 的 漢光 演習 評估 延 後 至 下半年 再 實施 但 為 何海軍 敦睦 艦隊 遠航 計 畫 不 變 導致 海軍 士兵 確診 成為 臺灣 防疫 重大 破 口 總統 蔡英文 對此 震怒 不已 要 國軍徹 查 清楚 原因 為何 據悉 敦睦 艦隊 任務 行之有年 每年 都 是 外交部 與 國防部 海軍 共同 決定 艦隊 因 身 負 外交 任務 所以 出港 時 規劃 行程 由 外交部 負責 最後 國安 高層 拍板 國防部 僅 是 執行 單位 因此 在 事前 評估 上 難道 外交部 就 毫無 責任 可言 更 有 諸多 藍 委 質疑 是否是 外交部 施壓 才 要 艦隊 如期 執行 任務 對此 國防部 副 部長 張哲平 已 否認 不過 國民黨 立 委 呂玉玲 在 立院 質詢 時 就 直言 決定 敦睦 艦隊 出航 並非 國防部 這 是 國安 層級 才能 決定 之事 當初 是否 要 派 敦睦 艦隊 出航 就 有 贊成 跟 反對 兩 方 意見 最後 拍板 定案 僅 去 帛 琉 外交部 有 責任 說 清楚 為何 最後 決定 去 帛 琉 不可 為何 最後 決定 非 去 帛 琉 國民黨 立 委 陳以信 在 立院 質詢 時 就 直接 問出 是否 臺灣 和 帛 琉 邦交 有 危險 對此 外交部 次長 徐斯檢 先是 說 沒有 後來 補充 不是 說 完全 沒有 狀況 中國 攻 臺灣 邦交國 是 不可能 不 存在 但 目前為止 帛 琉 臺灣 守 得 很 好 雖然 國軍 在 處理 態度 上 有 其 可議之處 但 軍情 與 航空 網站 主編 施孝瑋 在 政論 節目 t 台 政 經 話 上 認為 蔡英文 要 負起 最 大 的 責任 因為 敦睦 艦隊 在 如此 敏感 的 時間 點 出發 沒有 三軍 統帥 的 點頭 怎 能 出發</t>
  </si>
  <si>
    <t>新冠肺炎 疫情 全球蔓延 出國 人數 大幅 減少 但 若非 不得已 要 搭 飛機 坐 哪個 位子 最 安全 流行病 學 專家 表示 研究 發現 冠狀病毒 如 sars 和 mers 竟 能 在 金屬 玻璃 和 塑膠 上 存活 九天 疫情 期間 加上 流感 季節 選擇 靠窗 的 座位</t>
  </si>
  <si>
    <t>新冠肺炎 疫情 全球蔓延 出國 人數 大幅 減少 但 若非 不得已 要 搭 飛機 坐 哪個 位子 最 安全 流行病 學 專家 表示 研究 發現 冠狀病毒 如 sars 和 mers 竟 能 在 金屬 玻璃 和 塑膠 上 存活 九天 疫情 期間 加上 流感 季節 選擇 靠窗 的 座位 相對 較為 安全 heho 健康 報導 美國 埃默里 大學 研究 發現 在 流感 季節 飛機 上 最 安全 的 地方 就 是 靠窗 的 座位 主要 原因 是 坐 靠窗 位子 時 可以 減少 與 他人 接觸 的 機會 靠 走道 的 位子 則 相對 較 容易 碰 觸到 經過 的 乘客 及 空服 員 埃默里 大學 羅琳斯 公 衛學院 教授 薇琪 並 建議 除了 選擇 靠窗 座位 在 飛行 途中 也 儘量 不 要 到處 走動 適時 補充 水分 記 得 不 要 一直 用 手摸 臉 專家 指出 病毒 並 不 會 從 座位 上 跳 進 你 的 嘴裡 關鍵 是 避免 讓 你 的 手 觸 碰到 臉部 大多數 人 摸臉 的 次數 都 比 自己 認知 的 還 多 若 接觸 到 別人 咳嗽 或 打噴嚏 的 飛 沫 又 摸臉 恐 導致 病毒傳播 建議 用 消毒 濕 巾 清潔 包括 扶手 座椅 遙控器 螢 幕 桌板 及 安全帶 扣 等 可能 沾染 病菌 的 區域 同時 記 得 勤洗手 這 兩 件 事 同等 重要</t>
  </si>
  <si>
    <t>有 末日 博士 之 稱 的 知名 經濟學家 魯比尼 nouriel roubini 近日 警告 新冠肺炎 疫情 將 撼動 大陸 經濟 使 該國 今年 gdp 無法 超過 4 而 全球經貿 都 會 受到 波及 外 媒 報導 由於 中 美 貿易戰 的 關係 大陸 商品 已經 變 得 更 貴 導</t>
  </si>
  <si>
    <t>有 末日 博士 之 稱 的 知名 經濟學家 魯比尼 nouriel roubini 近日 警告 新冠肺炎 疫情 將 撼動 大陸 經濟 使 該國 今年 gdp 無法 超過 4 而 全球經貿 都 會 受到 波及 外 媒 報導 由於 中 美 貿易戰 的 關係 大陸 商品 已經 變 得 更 貴 導致 大陸 去年 gdp 降 至 61 創下 1990 年 以來 最低 而 新冠肺炎 疫情爆發 已 使得 這個 全球 第二 大 經濟體 陷入 停頓 魯比尼 警告 大陸 今年 gdp 恐 不 到 4 這 將 會 影響 全球 經濟 貿易 他 分析 如果 大陸 gdp 從 6 降 至 4 代表 經濟 成長率 將 減少 3 分之 1 而 大陸 占 全球 經濟 成長 比重 約 3 分之 2 對於 全球 貿易 信心 企業 的 溢出 效應 將 會 很 可觀 魯比尼 警告 儘管 疫情 不 會 讓 美國 經濟 陷入 衰退 但 美國 gdp 可能 會 從 2 降 至 17 甚至 更 多 而 目前 已經 出現 一些 警訊 像是 公司債務 激增 以及 影子 銀行 等 未來 幾 年 恐 會 出現 一 波 金融危機 受 新冠肺炎 疫情 影響 大陸 原本 疲弱 的 經濟 動能 再度 蒙上 陰影 國際貨幣基金組織 imf 表示 將 下 修 大陸 2020 年 gdp 增長 預測 至 56 而 全球 gdp 增長 估 為 32 兩者 較 1 月 預測 時 分別 下 修 了 04 個 百分點 和 01 個 百分點 此外 國際 投 行 如 瑞 銀 星展 渣打 等 近期 亦 陸續 下調 降 對 大陸 經濟 增長 預測 其中 渣打 最新 報告 指出 該 銀行 將 大陸 2020 年 全年 經濟 增長 預測 從 58 下調 至 55</t>
  </si>
  <si>
    <t>陸美 貿易戰 干擾 上市 櫃 公司 投資 海外 大陸 佈局 皆 縮手 金管會 昨 公佈 上市 櫃 公司 2019 年 大陸 投資 金額 僅 增加 新 台幣 117億 元 海外投資 也 只 增加 1557億 元 年 增 金額 皆 創 史上 新低 證 期 局 副 局長 張振山 表示 去年 陸美 貿易戰 打得火熱 全球經貿 產生 變化 上市 櫃 投資 佈局 除 觀望 之 餘 也 多 點 謹慎 所以 新增 投資 金額 較往年 明顯 減少 雖然 有 貿易戰 干擾 但 受惠 於 去年 景氣 佳 需求 暢 旺 上市 櫃 公司 投資 大陸 收益 達 3313億 元 較前年 增加 38億 元 投資 收益 創 史上新 高 證 期 局 分析 半導體業 在 大陸 市場 獲利 漸 穩 成本 控制 有成 營運 狀況 改善 由於 投資 狀況良好 去年 上市 櫃 公司 投資 大陸 收益 匯 回 金額 達 442億 元 累計 匯 回 4906億 元 占 投資 金額 1954 也 創下 歷年 新 高 不過 學者 認為 今年 1 月 大陸 爆發 新冠肺炎 疫情 延燒到 全球 演變成 封 城 鎖國 不僅 全球 產業鏈 版圖 悄悄 改變 美 日 兩 大國 也 揚言 不再 對 大陸 投資 疫情 讓 大陸 世界 工廠 的 角色 產生 變化 學者 預估 臺灣 要 對 全世界 做 生意 在 世界 浪潮 下 今年 臺灣 上市 櫃 公司 對 大陸 的 投資 恐怕 會 更 保守 據 證 期 局 統計 顯示 上市 櫃 公司 統計 至 去年底 為止 累計 投資 大陸 金額 為 新 台幣 2 兆 5110億 元 年 增 117億 元 相較 過去 高峰 3772億 元 不等 明顯 縮水 增加 投資 主要 用於 增設 大陸 子公司 現金 增資 拓展 或 建廠 等 調查 同時 顯示 去年底 共有 670 家 上市 公司 及 528 家 上櫃公司 有 赴 大陸 投資 較前年 底 減少 2 家 是 投資 大陸 家數 首度 減少 的 一 次 張振山 解釋 主要 是 今年 1 月 爆發 新冠肺炎 疫情 有 6 家 上市 櫃 公司 尚未 公告 財 報 導致 大陸 投資家 數 統計 有 落差 若 等 這 6 家 公司 的 財 報 出爐 投資 大陸 企業 的 家數 未必 會 減少</t>
  </si>
  <si>
    <t>世界貿易組織 秘書長 阿茲維多 決 提前 卸任 彭博社 認為 應 與 世貿組織 當下 處境 有關 2015 年 杜 哈 回合 談判 戛然而止 川普 上臺 後 退 群 多邊條約 及 國際 組織 美國 單邊主義 外交政策 影響 下 阿茲維多 提前 下臺 只 是 國際 組織 困境 的 第一 片 落葉 美國總統 川普 的 美國 第一 及 新冠肺炎 全球蔓延 共 伴 效應 下 全球經貿 重 燃 保護主義 逆 全球化 沛然 成 形 美國 治 下 的 和平 逐漸 崩解 陸 美 兩 大 經濟體 可能 脫鉤 成為 疫 後 全球經貿 能否 順利 重 啟 使 世界 經濟 擺脫 衰退 的 最 大 變數 冷戰 結束 後 美國 以 自由 秩序 為 核心 建立 單極 體系 國際 規範 成為 國際 社會 公共 財 1991 年 波灣戰爭 確立 了 蘇聯 瓦解 後 美國 治 下 的 和平體系  然而 獨木 難 撐 大廈 美國 治 下 的 和平 所費不貲 美國 力日衰 全球 狼煙四起 川普 順勢 而 起 認為 國際 體系 對 美國 不 公平 指責 各國 利用 自由 秩序 搭 美國 的 便車 要求 公平 貿易 之 餘 儼然 成為 退 群 大王 華府 在 全球 的 領導 力 被 崛起 中的 北京 稀釋 亦 使 美中關係 漸 趨 惡化 在 陸 美 博弈 加 劇中 聯合國 及其 轄下 的 國際 組織 如 世界衛生組織 往往 順 了 姑 情 逆 嫂 意 wto 亦複如是 川普 在 2016 年 競選 總統 時即 指 wto 是 美國 史上 所 簽訂 之 最 糟糕 的 貿易協定 川普 始終 不滿 阿茲 維多 領導 的 wto 認為 wto 給 中國 太 多 好處 美國 卻 受到 惡劣 對待 川普 揚言 若 阿茲維多 再不 改變 美國 將 考慮 退出 wto 2019 年 12 月 10 日 wto 的 爭端 解決 機構 兩 位 法官 任期 結束 美國 阻撓 其 繼任 法官 的 遴選 wto 幾近 癱瘓 肇因 於 川普 所 挑起 之 貿易戰 2019 年 世界 商品 貿易 成長 僅 12 此為 2009 年 全球 金融危機 以來 的 最低 水準 雪上加霜 的 是 受 新冠肺炎 疫情爆發 影響 各國 相繼 採取 封城 鎖國 防疫 經濟 陷入 停滯 國際貿易 巨幅 萎縮 wto 預測 2020年 全球 貿易總額 將 暴跌 32 創下 1930 年代 經濟 大 蕭條 後 前所未見 的 衰退 川普 無視 全球 經濟 因 瘟疫 再 陷 大 蕭條 的 風險 指責 大陸 在 新冠肺炎 疫情 初始 處置 失當 造成 難以 收 十 的 全球 擴散 揚言 報復 大陸 甚至 切斷 與 北京 一切 關係 美國 不僅 推動 全球 供應 鏈 的 去 中國化 且 有意 與 大陸 進行 經濟 上 的 結構性 脫鉤 以 解決 美國 經濟 困境 在 川普 選舉 操作 下 瘟疫 無疑 是 脫鉤 中國 的 最佳 口實 但 此舉 不僅 將 弱化 世界 經濟 的 活力 更 背離 自由貿易 的 多邊 規則 使 wto 無以為繼 紐約時報 認為 由於 美國 對 wto 的 態度 丕變 各 成員國 近年來 幾乎 未 達成 任何 共識 wto 的 困境 為 世界 缺乏 領導 的 縮影 而 新 冠 疫情 的 全球蔓延 即 人類 為此 吞 下 的 苦果 美國政府 2018 年 刪減 近 26 的 全球 公衛 預算 徒讬空言 的 卸責 令 全球 防疫 合作 弱化 川普 的 退 群 脫鉤 加速 自由 秩序 崩 壞 美國終將 自毀長城 與 美國 再次 偉大 更 形 遙遠 知名 國際 關係 學者 米爾斯海默 言 認為 自由 秩序 正 加速 崩 壞 逆 全球化 浪頭 下 美 陸 對立 激化 應驗 註定 失敗 自由 秩序 的 興衰 書 中的 預言 新冠肺炎 更加 速 自由 秩序 的 崩 壞 不過 大陸 不斷 提高 技術實力 世界 貿易 的 形式 與 深度 亦 隨之 改變 已 與 美 蘇 兩極 對峙 的 冷戰 時代 迥異 因 全球化 及 數位 科技 的 進步 陸 美 的 相互 依存度 提高 兩者 難以 脫鉤 彼此 或許 中國崛起 為 各國 構成 新 的 安保 挑戰 但 此 應非 冷戰 的 再現 圍堵 大陸 不僅 無法 緩解 全球化 下 各國 內政 上 的 族 裔及 財富 分配 的 矛盾 更 非 實現 經濟 轉型 的 良方 中 美 兩 國將 有 競爭 也 有 合作 不會 完全 脫鉤 其他 國家 也 不 會 在 陸 美 之間 單純 二擇 一 各國 企業 都 將 視 大陸 為 巨大 市場 而 深化 經營 一個 經濟 繁榮 的 中國 平等 參與 全球化 會 為 世界 帶來 好處 及 責任 大陸 須 與 印太 周邊國家 共建 區域 全面 經濟 夥伴關係 協定 rcep 以此 作為 自由貿易 的 象徵 推動 美國 退 群 國際 體系 後 國際 新 秩序 的 建立</t>
    <phoneticPr fontId="1" type="noConversion"/>
  </si>
  <si>
    <t>呂秀蓮拋2國際組織助台買5千萬劑疫苗 陳時中回應</t>
  </si>
  <si>
    <t>原資料</t>
  </si>
  <si>
    <t>分詞資料</t>
  </si>
  <si>
    <t>面對新冠肺炎(COVID-19)疫情持續在全球蔓延除了政府、公共衛生主管機關全面防堵疫情散播外如何宣導傳遞正確的防疫資訊並且避免錯誤資訊、惡意資訊以及假消息傳播也是當務之急。對此社群平臺 Facebook、Twitter、YouTube 都公佈了對應與新冠肺炎相關廣告的政策而主管 App Store 的蘋果(Apple Inc)也針對 App 上架導入了全新的規定。
* Facebook
社群平臺龍頭全球用戶超過 20 億的 Facebook其 CEO Mark Zuckerburg 在個人臉書宣佈針對新冠肺炎疫情他們將免費為世界衛生組織(WHO)提供廣告來協助 WHO 宣導針對新冠肺炎疫情的最新指導方針。除此之外他們也將發力遏制平臺上與疫情相關的惡作劇以及錯誤資訊依循 Facebook 社群守則規定他們將會把主張與疫情相關的虛假言論內容下架並且投放宣稱有藥物可以醫治新冠肺炎之廣告的帳號也會被封鎖。
* Twitter
先前 Twitter 曾為了保護宗教團體針對平臺上的仇恨言論發表相關管理政策。因應新冠肺炎疫情他們將處理仇恨言論的範圍擴及年齡、疾病以及殘疾等議題。Twitter 指出在本週四之前發表違反準則的推文都會被刪除但是相關帳號不會被封鎖。而在週四之後所發表的推文都必須符合目前關於仇恨言論的相關規定。
* YouTube
針對新冠肺炎疫情YouTube 則是在日前宣佈凡是談及新冠肺炎疫情的影片都將被關閉廣告功能換言之不能藉此透過廣告營利。
* Apple
管理 App Store 的蘋果也指出他們將會打擊與新冠肺炎相關的應用程式(Apps)除非新遞交的應用程式來自於政府、醫院等被認可、可信任的機構確定可以發表正確的資料或資訊蘋果將不會讓與新冠肺炎有關的 App 上架
為了讓人們都能找尋到正確的防疫相關資訊在 Twitter 以及 Facebook 當中搜尋有關新冠肺炎相關關鍵字都會出現當地主管機關的連結。在 Faceboo、Twitter 都會先出現台灣衛福部疾管署的網站連結。
除了被動防堵新冠肺炎相關惡意言論與廣告Facebook CEO Mark Zuckerberg 也宣佈他與妻子 Priscilla Chan 創立的慈善機構 Chan Zuckerberg Initiative 已經跟蓋茲基金會(Bill &amp; Melinda Gates Foundation)合作透過雙方合作將讓研究人員針對新冠肺炎病毒進行全基因測序能讓檢疫人員更快、更容易的瞭解人們是否感染新冠肺炎病毒。</t>
  </si>
  <si>
    <t>新冠肺炎在農曆年前蔓延開來全球各地確診和死亡人數居高不下疫情高峰期一再後延讓經濟景氣蒙上一層陰影投資、消費、進出口或經濟成長資料的表現各項資料下修壓力極大。反映最直接的當屬股票市場快速走跌</t>
  </si>
  <si>
    <t>新冠肺炎在農曆年前蔓延開來全球各地確診和死亡人數居高不下疫情高峰期一再後延讓經濟景氣蒙上一層陰影投資、消費、進出口或經濟成長資料的表現各項資料下修壓力極大。
反映最直接的當屬股票市場快速走跌的同時與防疫題材有關的個股異軍突起鋒芒壓過權王台積電、股王大立光許多個股都設法找題材紡織股從原料著手轉投資公司生產除菌棒的台塑化都想搖身一變化身為「類防疫概念股」既可避免在此波股市走跌時遭受波及話題熱的話還可以吸引短線資金的關注。
也有些個股時來運轉股價走揚全不費工夫。例如印刷類股中的花王連續多日出現漲停板行情但此花王非彼花王等到大多數人搞清楚狀況花王也上重訊提醒大家投資前要驗明正身股價則以暴跌回應；之前因每股淨值快要跌破2元面臨下市命運的富邦VIX同樣在此波股市修正中得到喘息的機會。
台股一向標榜殖利率在全球股市中數一數二爭取投資人的認同但此波修正過程基本面表現好壞並非重點副業投資的神來一筆可以吸引資金的目光；只要取個好名字比辛苦經營的成果在股價上的反應更直接讓人無話可說。
這就是台灣投資的現況。資本市場在驚恐之餘的表現令人莞爾一笑但還是要嚴肅面對這樣的現實尤其正在汲汲營營的爭取資金回台要推出「媲美星港財富管理新方案」的金管會必須理解台灣市場的非專業投資人理財決策衝動且草率必須打造一個相對適應這樣投資性格的市場重要性更勝於找了多少資金回台投資。
更進一步說台灣市場的商品不缺話題性缺的是穩定且紮實的報酬。長期的低利率環境確實把許多人逼到資本市場上這些人無法忍受過低的報酬但對於股市的風險也是敬謝不敏。折衷的方案就是以金融股為主的存股風氣大盛台灣50這種一籃子權值股的ETF受到青睞。
隨著高齡化社會到來如何讓不想一夜致富、手握大筆財富但缺乏豐富理財知識與判斷力的投資人可以有更多容易入手、報酬合理的「類固定報酬商品」這比正在股市上點燃討論的「類防疫概念股」重要多了。</t>
  </si>
  <si>
    <t>新冠肺炎疫情持續升溫美國也遭到波及台灣時間2日最新進度指出美國已有89起確診病例美股上周也受到恐慌性賣壓拋售創下金融危機以來最慘紀錄對此有經濟學家表示消費者支出為美國經濟成長重要支住之一若連國內消費意願也降低衝擊恐怕比供應鏈受到打擊還嚴重。
陸美雙方在1月好不容易才達成第一階段貿易協議並在2月14日正式生效有望替這兩年來遭到嚴重打擊的美國製造業重新獲得訂單然而新冠肺炎疫情在1月下旬爆發並迅速在亞洲地區擴散2月中旬也延燒至義大利等歐洲國家。
這波疫情也導致大陸經濟活動受到嚴重打擊大陸國家統計局上週六公佈2 月份製造業 PMI 指數從前值 50直墜至357不僅遠低於市場預期的45更創下2008 年 11 月爆發金融危機以來最糟糕紀錄寫下歷史新低。
據《CNBC》報導蘇格蘭皇家銀行集團投資銀行部門NatWest Markets美國首席經濟學家Michelle Girard表示投資人目前都關注新冠肺炎衝擊影響但實際上消費者需求變化才更讓人擔憂。
Michelle Girard指出近年來還沒有任何一件事情像新冠肺炎疫情一樣造成企業大規模停止運作以及民眾自發性自我防疫加上疫情有大規模傳染疑慮存在將改變美國消費者行為。
Michelle Girard認為消費者為了避免感染新冠肺炎進而取消觀看電影、體育賽事等活動但消費者支出這是美國經濟成長的重要支柱一旦消費意願下降將造成嚴重後果。
美國經濟諮商會公佈最新資料顯示2 月份消費者信心指數從1034 升至1307低於市場預期的132。</t>
  </si>
  <si>
    <t>據美國「全國廣播公司商業頻道」報導國際失智症協會(Alzheimer’s Disease International ADI)1日警告從長期來看新冠肺炎的持續流行恐導致失智症患者的人數激增。部分研究更顯示感染新冠肺炎不僅增加罹患失智症的風險還會讓失智症的症狀提早出現。
ADI是由來自全球各地的失智症專家組成的醫學與科學諮詢小組涵蓋全世界各地的100多個阿茲海默症協會與失智症協會。ADI近日組成特別工作小組專門研究新冠病毒與失智症的關聯性並警告全球還沒做好準備因應新冠肺炎大流行掀起的失智症浪潮。
ADI指出從現有研究成果來看新冠病毒會增加患者罹患失智症的可能性並導致失智症的症狀提前出現。換言之大流行恐導致失智症患者的數量顯著增加。
失智症通常會出現大腦退化並損害記憶、思考、行為與情緒。阿茲海默症是最常見的失智症類型。可怕的是目前還沒有治癒失智症的方法。
ADI警告短期內因新冠病毒而感染新冠肺炎並罹患失智症的人數會因新冠肺炎大流行的死亡人數增加而導致失智症的發病率暫時下降。目前估計新冠肺炎死亡人數中約25%至45%為失智症患者。
但長遠來看失智症患者會因新冠病毒影響神經系統而顯著增加。根據約翰霍普金斯統計資料自2019年新冠病毒首次在大陸現蹤以來目前已有超過217億起新冠病毒案例；過去28天內還篩檢出1800萬例。
※新冠肺炎與失智症
ADI呼籲進行更多研究來瞭解新冠肺炎和失智症的關聯性。神經學家艾特裡（Alireza Atri）博士表示新冠肺炎帶來的長期影響令人憂心不論是味覺還是嗅覺喪失、腦霧現象還是精神不濟以及注意力無法集中、記憶力與思考能力出現障礙。
甚至新冠病毒會損害並凝固大腦中的微血管損害身體免疫力並引起發炎。這些症狀都會傷害大腦並導致神經系統的症狀使失智症提前出現。
※失智症浪潮
根據世界衛生組織統計全球罹患失智症的人數約5000萬人每年新添1000萬名病例。ADI則警告早在新冠肺炎大流行前預估失智症病例到2030年會由5500萬人成長到7800萬人；光用於失智相關的醫療保健與費用每年增加達28兆美元。
ADI執行長巴爾貝裡諾呼籲世界衛生組織、全球各國政府與研究機構投入更多資源進行失智症的研究以避免未來全球為失智症浪潮所淹沒。如果能更瞭解失智與新冠肺炎的關聯性就能協助當局管理罹患率的激增並及早發現症狀。</t>
  </si>
  <si>
    <t>隨著疫苗施打後的陸續解封美國經濟資料樂觀市場靜待2日發布的非農就業報告美股四大指數漲多跌少僅費城半導體指數收黑S&amp;P50指數連續第6天創高日韓股同步走高電子股量能依舊低迷盤面由塑膠、鋼鐵、油</t>
  </si>
  <si>
    <t>隨著疫苗施打後的陸續解封美國經濟資料樂觀市場靜待2日發布的非農就業報告美股四大指數漲多跌少僅費城半導體指數收黑S&amp;P50指數連續第6天創高日韓股同步走高電子股量能依舊低迷盤面由塑膠、鋼鐵、油電燃氣以及航運等傳產類股穩軍心台股今開高3175點、報在1774569點指數一度出衝高至17795點惟再戰17800近關情怯約9：50指數翻黑呈現高檔震盪整理指數一度壓低到17701驚險守住17700點；目前台股各期均線呈多頭排列向上走揚中期均線月、季線亦處多方格局分別在17316點及16985點此係台股現階段中期下檔重要支撐在現階段類股多頭持續下多方格局延續。
電子股今持續難逃低量成交比重不到2成台積電(2330)ADR下跌約15%今開低震盪、下跌06%鴻海(2317)震盪於平盤附近大立光(3008)開低走弱盤中震盪於平盤附近聯發科(2454)小漲04%。
航運股利多頻傳早盤航運股成交比重一度達6成之多貨櫃三雄今遭賣單調節長榮(2603)今解封恢復正常交易有法人將目標價上調到339元今儘管股價開高再度創高其後隨即陷入震盪震盪於平盤附近陽明(2609)開高後隨即翻黑下跌逾15%萬海(2615)股價也呈現震盪台航(2617)、台驊(2636)、四維航(5608)早盤也一度創今年新高漲幅一度達4%、35%、3%慧洋-KY(2637)亦上漲逾2%。
OPEC+(石油出口國組織與盟友)將產量決策會議推遲至週五後油價上漲推動能源股漲勢塑化股今漲勢兇猛塑化類股指數漲幅達3%指標股台塑四寶中與油價關聯最為直接的台塑化(6506)一度大強漲逾5%台塑(1301)、台化(1326)分別上漲約35%、25%南亞(1303)漲幅也達15%；台聚家族台聚(1304)、亞聚(1308)、台達化(1309)早盤一度均攻上漲停華夏(1305)也一度逼近漲停、盤中漲幅收斂到6%左右。
基礎建設話題持續延燒鋼鐵股今類股漲幅達25%新光鋼(2031)在財報助攻下順勢攻上漲停志聯(2024)、燁輝(2023)大漲7%威致(2028)、大成鋼(2027)、盛餘(2029)以及海光(2038)等漲幅達3%~4%。
兆豐國際投顧表示近期美股續創新高台股跟隨走強儘管目前台股電子股持續盤整未見明顯轉強訊號所幸航運、原物料股受惠報價續揚加上美國基建計畫達成協議等利多帶動使得大盤在電子、傳產、金融持續良性輪動下帶動指數震盪盤堅、再創新高另外國內疫情日漸趨緩且預期台股6月營收、法說會亦偏向正面都有利台股繼續震盪盤堅挑戰18000關卡。</t>
  </si>
  <si>
    <t>受春節假期影響香港海運港口局18日公佈1月香港港口貨櫃輸送量較上年同期大跌逾兩成已連跌24個月且在疫情持續影響下或突破過去連跌25個月的歷史最長紀錄。香港海運港口局資料顯示1月香港港口貨櫃輸送量為13</t>
  </si>
  <si>
    <t>受春節假期影響香港海運港口局18日公佈1月香港港口貨櫃輸送量較上年同期大跌逾兩成已連跌24個月且在疫情持續影響下或突破過去連跌25個月的歷史最長紀錄。
香港海運港口局資料顯示1月香港港口貨櫃輸送量為1349萬個標準箱（TEU）較去年同期大跌204％跌幅為2016年2月（年跌211％）以來最大。1月也是香港輸送量連續24個月下滑逼近2014年7月至2016年7月連續25個月下跌的最長連跌紀錄。
香港經濟日報報導香港付貨人委員會主席林宣武指出2020年1月及2月的香港貨櫃碼頭輸送量分別受農曆年假及新冠肺炎疫情持續影響預計2月會繼續出現雙位數的跌幅。他指出就算新冠肺炎疫情逐步穩定貨櫃碼頭輸送量衰退幅度仍要待3月份才會收窄這代表接下來輸送量將破連續25個月下跌的最長連跌紀錄。
林宣武進一步解釋因今年提早放農曆新年假期廠商1月僅開工兩周出貨量少之又少所以即使當時新冠肺炎疫情尚未來襲港口貨櫃輸送量跌幅會較大。至於2月份新冠肺炎肆虐中國多個城市封關廠商一度停業令各類產品的產業鏈備受影響將嚴重打擊香港轉口貿易生意雖然目前各省市逐步安排復工廠商復工進度及生產量預計仍受疫情影響。
但林宣武透露廠商們沒有太悲觀因外國買家沒有減少下單只要大陸廠房能盡快復工生產穩定相信產量能逐步增加。他還說未見行業內出現減薪或裁員潮。
另據香港文匯報報導香港錶廠商會副會長梁瀚譽表示受到新冠肺炎疫情影響大陸很多廠房目前都未復工整個供應鏈停頓令不少訂單積存相信短期內都難以消化對於2020年訂單及出口量都不太樂觀。
港府發言人日前評論香港整體出口貨值時也特別提及新冠肺炎疫情對出口的影響認為短期內香港的出口表現仍然面對高度不確定性。雖然全球經濟部分受惠於中美貿易摩擦降溫在2019年後期有趨向穩定跡象但外圍不確定性仍高包括主要經濟體之間仍有貿易爭端、緊張的地緣政局和英國脫歐的發展尤須注意的是新冠肺炎疫情的發展或會影響一些亞洲經濟體的表現以及幹擾香港的經濟活動。</t>
  </si>
  <si>
    <t>今年一開年中美達成第一階段協議順利簽署實質文本且雙方均表認同。儘管美國總統川普表示原先已課徵的關稅不會取消或降低此議題將留至第二階段協議簽署後才有協調的空間但市場仍樂觀看待貿易戰暫時落幕。
然而農曆年過後中國爆出新冠肺炎資料顯示致死率不高惟傳染力強且波及範圍廣引發市場及各國恐慌。中國為遏阻疫情擴散採取封城、封省措施同時春節後亦延後開工衝擊產業。另以出口為主的國家也受到中國疫情的影響澳洲鐵礦石需求下滑澳幣走勢持續疲弱。
此外部分國家亦採取停航、限制中國旅客入境等措施雖能抑制疫情延燒但仍對自身產業、觀光及消費形成衝擊。中國人行為平定民心於2月3日釋出12兆人民幣進行公開市場操作向市場釋放流動性穩定貨幣市場人民幣也於同日再度貶破7元水位。
不過全球因疫情而兵荒馬亂之際美股短暫回檔後再創新高美元指數亦持續翻揚。2月7日美國公佈非農就業資料非農就業人數新增225萬人優於預期薪資年增率也走揚至31％儘管失業率微增長然整體經濟表現仍驚艷市場激勵美元指數再度走高。
2月11日聯準會（Fed）主席至國會進行聽證表示美國經濟資料穩定且通膨表現尚稱緩和暫無衰退疑慮惟對於新冠肺炎的影響聯準會將持續關注。整體言論中性偏鴿美元指數略微下滑但考量美國基本面較全球亮眼回檔幅度應有限仍有上漲空間。
投資人可透過台灣期貨交易所澳幣兌美元期貨、美國芝加哥商業交易所澳幣匯率期貨或交易美國洲際交易所美元指數期貨參與外匯市場行情只是匯率期貨價格易受經濟資料及國際事件影響需善用停損控制風險。（統一期貨提供廖育偲整理）</t>
  </si>
  <si>
    <t>一場新冠肺炎疫情讓大陸進入封城城市的商業活動被按下暫停鍵但同時也為線上新經濟蓬勃發展帶來新機遇包括線上教育、線上醫療等不論是股價表現或是業務發展都在這波疫情中異軍突起。這場疫情打破人們原有的生產生活模式但也直接帶動大陸的經濟轉型再進一步升級。
以上海市為例在看到人民生活模式改變所帶來的新商機後因而推出促進線上新經濟發展行動方案挑選在疫情爆發期間業務呈現爆發式成長且未來有機會長期持續增長的行業進行分析研判選出包括：無人工廠、遠程辦公、線上教育、「無接觸」配送、線上醫療送等總共有12個領域被確定為發展重點。
新冠肺炎疫情帶動線上新經濟蓬勃發展確實也令投資市場側目。有部分是因疫情而催生出來的新業態模式例如無中生有的遠程辦公、無接觸配送等。有些則是在疫情期間得到快速成長的例如無人工廠、工業互聯網、線上文化娛樂、生鮮電商零售等。也有些是線下成熟的業態模式轉移到線上線下相互融合的例如線上展覽、線上教育、線上醫療等。
從上述產業發展的變化可以看出這次疫情帶給全球經濟一個訊號就是：互聯網已經從過去讓企業活得更好的時代變成如今企業活下去的基本要件簡單說就是成為企業發展的新基礎建設許多企業的蓬勃發展都離不開互聯網的環境。
過去2003年爆發的SARS疫情催生了大陸線上教育龍頭公司－好未來。其後好未來在2010年於紐約上市一直到2019年這段期間連續九年維持著四成以上的高增長神話坐穩補教機構第一市值寶座達十年的時間。在這期間好未來不斷的在線下成熟的業態模式上持續進行線上線下相互融合的發展。
面對此刻的新冠肺炎疫情好未來在穩坐線下補教業第一的寶座的同時更是積極的發展AI戰略往科技教育領域發展。例如在2018年人工智慧大會上好未來便發佈「WISROOM」智慧課堂解決方案及「魔鏡」智慧測評系統。
這兩款產品主要是將教學過程資料化透過AI和大資料的方式還原學生的學習軌跡精準記錄學生的學習過程並在大資料分析的基礎上瞭解學生的掌握情況進而提升教學效率。而在此同時好未來也積極發展B2B的市場在GES 2018未來教育大會上推出了教育開放平臺也就是對其他教育機構輸出好未來積累的技術和教學教研能力。
一家企業的投資價值主要取決於該公司的中長期競爭力是持續增強還是會有所削弱。從好未來以及另家補教業龍頭公司新東方的例子來看這兩家領頭羊在學生家長和行業中的口碑無法造假尤其在這次疫情期間線上商機大爆發下更凸顯出龍頭企業的競爭優勢。長期來看在大陸K12課外輔導市場持續提高集中度的情況下新東方和好未來仍會是最大的受益者。
2020年在全球造成重大傷害的新冠肺炎疫情為人類帶來重大衝擊很大程度的改變人們生活的模式但也因此帶來新的經濟商機。這些商機也許是來自新業態模式的崛起例如無接觸配送也有可能是為既有的產業中因為創新而帶來新的競爭優勢。投資人只要持開放的心態、理性的腦袋來看待人類史上每一次的重大事件往往也就能挖掘許多驚人的投資機會。</t>
  </si>
  <si>
    <t>就在台灣5G開台前夕台灣「電信二哥」之爭卻悄然引爆根據NCC(國家通訊委員會)統計截至2月底遠傳(4904)用戶數為7078萬險勝台灣大(3045)的7073萬在4G時代首度躍升電信二哥。對此台灣大表示目前台灣大月租型用戶數穩定成長惟預付型用戶數在疫情管制入境後頗受衝擊強調數字背後仍需深入拆解代表長租之月租型用戶與短約型預付卡用戶的佔比才能看出數字背後真正的意涵。電信業向來在用戶、網速、資費甚至近期的5G頻譜競標上從未停止競爭眼看台灣即將在第三季正式邁入5G時代屆時電信業的交手恐仍火花不斷。
根據NCC所公佈的資料顯示截至今年2月遠傳用戶數7078萬、台灣大7073萬遠傳以約5000戶險勝而遠傳上次用戶勝過台灣大是在2014年2月當時以727萬領先台灣大7268萬只是那時台灣仍為3G時代也就是說這次是遠傳自2014年6月4G開台來首次超越台灣大至於中華電(2412)則依舊以千萬以上的行動用戶數穩居龍頭。
台灣大多年來穩居台灣電信獲利王本次在行動用戶上小輸給遠傳對此台灣大解釋說到電信業用戶數可分為預付型(Pre-paid)與月租型(Post-paid)台灣大第一季的「月租型用戶」達5718萬戶勝過遠傳的5361萬「月租型用戶」雙方差距達357萬戶比去年同季的差距325萬戶差距幅度仍加大中另一方面向來以外籍旅客、外籍勞工為主「預付型用戶」上近期因疫情之故入境人數大幅降低台灣大預付型用戶數成長受到影響雖受創較同業為重但待入境管制解除後預付型用戶數預計將回到正常水位故綜合預付型及月租型用戶數上的消長出現台灣電信市場總用戶排名變化的說法台灣大對此可以理解但如果同步檢視月租型、預付型用戶消長對各家電信業者獲利表現的影響台灣大第一季電信事業營業利益年成長達19%。
台灣大林之晨總經理對此也表示當純電信獲利空間持續萎縮期待大家都能加速、順利轉型也期待更健康優質的競爭做大市場帶動台灣整體邁向更美好的未來。
電信三雄除在行動用戶數上較勁外先前NCC也委託電信技術中心(TTC)行動寬頻行動上網速率量測遠傳、中華電在「4G定點下載」與「Google雲端下載」則為全台惟二兩家平均網速超過100Mbps加上在5G頻譜的競標中中華電、遠傳分別拿下黃金頻段35GHz的90M、80M台灣大、台灣之星則分別拿下60M以及40M故近期台灣大、遠傳的「電信二哥」也持續白熱化。</t>
  </si>
  <si>
    <t>國高中生將從23日開始施打BNT疫苗指揮中心指揮官陳時中 今表示打完疫苗後2周內不要從事劇烈運動學校體育課應配合學生打疫苗的時間點做適當安排；此外打完疫苗28天內如果有心肌炎或心包膜炎的五大症狀應盡速就醫。
美國食品藥物管理局（FDA）的多數專家認為一般人沒必要打第三劑疫苗但65歲以上或高風險族則可打第三劑加強劑。對此陳時中表示對於第三劑各國做法不同美國專家的建議有參考價值不過我國要打第三劑還要6到9個月以後這段時間可以持續蒐集實驗資料及專家意見以進行滾動式調整。
此外台灣高中生及國中生即將開打BNT疫苗們們是屬於年輕好動的族群打完疫苗後可以進行各式運動嗎？陳時中說學生打完BNT疫苗後兩周內要避免劇烈運動學校體育課有必要配合調整。
陳時中進一步指出學生打完BNT疫苗後若在28內出現心肌炎及心包膜炎的五大症狀應該趕緊就醫。這五大症狀分別是：一、胸痛、胸悶；二、心悸、心跳過快或不規則；三、呼吸急促；四、運動耐受不良如沒有力氣爬樓梯；五、暈厥或昏厥等。</t>
  </si>
  <si>
    <t>新冠肺炎治療又有重大突破新研究顯示一種稱為「氫化可體松」（hydrocortisone）的類固醇藥物能有效降低重症患者20%的死亡率而且這種藥物相當便宜最低只要5英鎊不到200塊台幣。
綜合英國《太陽報》（The Sun）、天空新聞網（Sky News）報導一項由世界衛生組織（World Health OrganisationWHO）統籌、英國國家衛生研究院（National Institute for Health Research）進行資料分析的研究顯示氫化可體松能夠有效降低重症新冠患者20%的死亡率。
這項研究自今年2月至6月進行招募全球12個國家、共1703位重症新冠患者參與整個計畫共分成7個實驗總共針對3種不同的皮質類固醇（corticosteroids）藥物進行觀察瞭解患者使用後28天的狀況這3種類固醇藥物包含氫化可體松、「地塞米松」（DexamethasoneDXMS）、以及「甲基培尼皮質醇」（Methylprednisolone）研究結果於2日刊登在《美國醫學會期刊》（Journal of the American Medical Association）。
研究顯示重症患者連續使用氫化可體松7天復原機率比未使用類固醇藥物治療的患者高出93%而且這種藥物相當便宜最低只要5英鎊（約新台幣195元）。
除此之外地塞米松、甲基培尼皮質醇等另外2種類固醇藥物的實驗也出現類似效果不過由於參與甲基培尼皮質醇實驗的患者數量過少以至於研究人員無法確定它的效果。
實驗結果顯示這些類固醇藥物能夠減少需要輸氧的重症患者肺部發炎狀況特別是在那些不需要藥物支撐血壓的患者身上效果更好而且不分年紀與性別都有一樣的效果不過在輕症患者身上的效果不佳。
參與該計畫的英國布裡斯托大學（University of Bristol）醫學統計與流行病學教授史特恩（Jonathan Sterne）表示「類固醇是一種非常便宜、而且容易取得的藥物我們的研究證實它可以有效降低新冠重症患者的死亡率。」
氫化可體松是第2個被證實能夠有效降低新冠死亡率的藥物今年6月牛津大學的研究也證實地塞米松能夠大幅度降低重症新冠患者的死亡風險。</t>
  </si>
  <si>
    <t>又見大陸輸入病例 醫提資料警告：不會只有一個</t>
  </si>
  <si>
    <t>瑞基(4171)新冠肺炎病毒檢測試劑開發完成兩款試劑分別適用一般實驗室與瑞基POCKIT檢測平臺。瑞基說在新冠肺炎病毒檢測試劑開發上取得重大進程已成功開發出適用於實驗室使用的qPCR(Real-Time PCR)試劑以及適用瑞基POCKIT平臺使用的iiPCR系列試劑。
瑞基新冠肺炎病毒檢測試劑是採用WHO與美國國家生物資訊中心(National Center for Biotechnology Information NCBI)及全球共用禽流感資料倡議組織(Global Initiative on Sharing All Influenza Data GISAID)基因庫所公佈之新型冠狀病毒基因序列的特異性基因片段進行設計其專一性與靈敏度與WHO所公告的建議檢測方法一致。
qPCR試劑可搭載一般實驗室儀器檢測使用；iiPCR系列試劑將搭載瑞基儀器POCKIT系列使用。瑞基POCKIT儀器擁有微型輕便簡易操作等特性。2018年成功開發並獲得CE-IVD認證之POCKIT Central儀器更將萃取與檢測合而為一sample-in-result-out的設計只需將樣本置入85分鐘後即可得知檢測結果視為防疫一大利器。
瑞基深耕現場檢測平臺多年平臺系統於2014年獲選列入美國國家級實驗室(PNNL)出版第一防線生物偵測技術指南為亞洲第一家被列入可提供現場PCR檢測系統的生技公司；2017年亦獲得世界糧農組織(FAO)越南分部推薦用於活禽市場疾病監控此後FAO亞洲多國分部持續訂購非洲豬瘟與禽流感相關產品；2019年更獲沙烏地阿拉伯環境水利農業部(MEWA)青睞運用POCKIT系列平臺於邊境防疫。</t>
  </si>
  <si>
    <t>美國新冠肺炎疫情升溫1日新增確診病例突破5萬人、創下單日新高促使部分州政府與企業暫停經濟重啟計畫。為防範肺炎疫情擴大蘋果公司2日宣佈再度關閉30家分店累計達到77家。
美國肺炎疫情慘烈週三單日新增病例達50700人其中以德州、加州近日病例暴增速度最快而光是亞利桑那州週三便通報近5000人確診。
有鑑於此密西根、科羅拉多與佛州等多州政府宣佈暫停或延後經濟重啟計畫而蘋果、麥當勞等知名企業也重新評估旗下據點重新營業的速度與開放規模。
蘋果2日宣佈受到肺炎疫情影響該公司在週四前將再度關閉30家分店使得美國蘋果商店再度關門的總數達到77家。蘋果在全美共擁有271家據點。
蘋果再度關閉的據點遍及各州包括阿拉巴馬州、加州、喬治亞州、佛州與德州等。
蘋果一下子再次關閉如此多分店顯示美國肺炎疫情升溫零售業者想恢復營業的困難度極高。
蘋果是全球最早因疫情關閉據點的企業之一部分原因在於該公司據點大多位於購物中心或百貨公司人潮洶湧恐導致感染機率大增。
麥當勞也宣佈美國店內用餐重啟計畫將暫緩21天但外帶與得來速服務不受影響。麥當勞在全美擁有約14萬家據點截至6月中為止僅有約1千家以減少座位的方式恢復營業。
麥當勞表示若當地政府未強制規定已重新開放內用區分店可自行決定是否維持開放。麥當勞強調旗下據點持續加強防疫措施像是要求客人戴口罩與量測體溫等。
據約翰霍普金斯大學（Johns Hopkins University）統整資料顯示截至2日為止全球新冠肺炎確診病例約1082萬人死亡逾51萬人。其中疫情最嚴重的美國感染人數占四分之一、超過278萬人死亡逾13萬人。</t>
  </si>
  <si>
    <t>陸股表現出乎投資人預期法人表示投資人相信大陸官方必出手另外資金充沛、陸股價格合理等都是資金力挺陸股原因。
為降低疫情對經濟及股市的衝擊台新中証消費服務領先指數基金經理人葉宇真表示大陸人行持續大幅向市場注資陸股流動性充足加上大陸刺激政策持續出臺企業陸續復工等都有助盤勢向上發展。
葉宇真指出陸股快速止跌有三個因素包括月度基本面資料開始回穩、宏觀政策偏暖、中美經貿關係緩和後兩個因素最終將影響未來基本面因此新冠肺炎不會改變陸股牛市趨勢。
群益中國新機會基金經理人洪玉婷則表示雖然新冠肺炎疫情尚未受控、持續影響投資人信心也對第一、二季之經濟表現帶來衝擊不過在中國人行釋放流動性、調整企業貸款成本等舉措顯示當局對於鞏固穩增長的決心若疫情可控後市場信心可望逐漸回籠惟現階段考量疫情不確定性仍在復工狀況亦待觀察。
野村中國機會基金經理人劉尹璿認為短期而言市場情緒仍會受到疫情影響而波動但今年多類題材發酵景氣和產業進入回升期不論5G手機的商機電動車的量產相關製造業、機器人等行業的復甦資料中心重回成長趨勢這些產業都已經走出循環的底部；需求在短時間會受到疫情影響而遞延但長線仍具潛力。
野村投信認為在市場恐慌時反而是分批佈局的好時機預估疫情過去後經濟及企業獲利將回升市場將回歸關注基本面。
葉宇真建議短線遇回檔可分批佈局或定期定額長線投資以參與疫情結束後的爆發性牛市行情。
洪玉婷建議投資中國基金可採分散配置以平衡投資組合波動產業方面相對看好消費升級相關之民生消費、醫療服務等類股表現此外基建投資有望拉動原物料和相關設備需求可持續關注。</t>
  </si>
  <si>
    <t>政府啟動口罩援外繼上周宣佈捐贈千萬片口罩予歐美外交部昨加碼捐贈逾100萬片予新南向國家。國民黨昨指出若口罩產量滿足國內需求行有餘力當然樂見援外但政府應先將口罩配給透明化。革實院副院長遊淑慧質問「口罩國內真的夠用嗎」現在民眾沒口罩就不能搭捷運、上班上學她建議政府改「購買」為「配給」直接分配口罩給民眾。
民眾還得排隊買 哪來多的援外
政府上周拋千萬片口罩捐國際疫情指揮中心卻開始宣導電鍋蒸口罩遭質疑「暗槓」口罩援外。行政院長蘇貞昌昨表示媽媽從小告訴我們自己吃剩的給人家省吃儉用幫忙鄰居才是高貴情操。他更說「台灣人難得被世界這麼重視」希望國人同胞珍惜身上有全世界最穩定、最便宜的口罩相信政府絕不會暗槓濫用。
國民黨文傳會主委王育敏表示若口罩產量可滿足國內需求行有餘力援助他國樂觀其成但坊間質疑的是口罩數量、分配是否真滿足民眾需求？
產量分配不透明 藍怒轟大黑箱
她說政府要做口罩外交應先確定第一、國內一線防疫人員、民眾口罩充足再進行外交；第二、政府至今未清楚交代所有口罩數量包括防疫口罩數、一線人員使用量、供應民眾認購量、提撥口罩外交量多少？她建議政府口罩配給公開透明化先向國人清楚交代產量、去處。
國民黨立委陳以信說疫情中心將口罩分為民生、醫療、公務、商業與儲備等5用途現只公開民生口罩資料讓民眾透過衛福部口罩供需資訊平臺瞭解各藥局剩多少口罩可買。但光這項資訊不夠到底每天、每條生產線有多少？各單位分配多少？每天、全部及未來儲備量多少？5類用途各自分配多少？這些資料就像口罩大黑箱。
他強調國人還在街頭排隊買口罩海外還有2、300萬台灣人靠親友額度寄口罩政府卻一下捐出千萬片民眾當然會質疑「生吃都不夠哪還能曬乾？」
疫情中心回應 無法做到一人一片
遊淑慧說口罩援外前提是「真足夠」以算術來看目前日產量1300萬片即便8成供民眾購買每人兩周可買9片約僅33％民眾可買到並非人人都有以致仍須排隊。她說若日產量1300萬片政府應改「購買」為「配給」政府規定沒口罩不能搭捷運、上班上學台灣能保證所有民眾都能取得口罩？
對於建議改「配給制」疫情指揮中心發言人莊人祥說國內仍無法做到一人一片所以有教民眾重複使用撙節口罩至於配給制需再進一步瞭解。</t>
  </si>
  <si>
    <t>政府 啟動 口罩 援外 繼 上周 宣佈 捐贈 千萬 片 口罩 予 歐美 外交部 昨 加碼 捐贈 逾 100萬 片 予 新南 向 國家 國民黨 昨 指出 若 口罩 產量 滿足 國內 需求 行 有 餘 力 當然 樂見 援外 但 政府 應先 將 口罩 配給 透明化 革 實 院 副 院長 游淑慧 質問 口罩 國內 真的 夠用 嗎 現在 民眾 沒 口罩 就 不能 搭 捷 運 上班 上學 她 建議 政府 改 購買 為 配給 直接 分配 口罩 給 民眾 民眾 還 得 排隊 買 哪 來 多 的 援外 政府 上周 拋 千萬 片 口罩 捐 國際 疫情 指揮中心 卻 開始 宣 導電 鍋 蒸 口罩 遭 質疑 暗 杠 口罩 援外 行政院長 蘇貞昌 昨 表示 媽媽 從小 告訴 我們 自己 吃剩 的 給 人家 省吃儉用 幫忙 鄰居 才是 高貴 情操 他 更 說 臺灣人 難得 被 世界 這麼 重視 希望 國人 同胞 珍惜 身上 有 全世界 最 穩定 最 便宜 的 口罩 相信 政府 絕不會 暗 杠 濫 用 國民黨 文傳 會 主委 王育敏 表示 若 口罩 產量 可 滿足 國內 需求 行 有 餘 力 援助 他國 樂觀其成 但 坊 間 質疑 的 是 口罩 數量 分配 是否 真 滿足 民眾 需求 產量 分配 不透明 藍 怒 轟 大 黑 箱 她 說 政府 要 做 口罩 外交 應先 確定 第一 國內 一線 防疫 人員 民眾 口罩 充足 再 進行 外交 第二 政府 至今 未 清楚 交代 所有 口罩 數量 包括 防疫 口罩 數 一線 人員 使用量 供應 民眾 認購 量 提撥 口罩 外交 量 多少 她 建議 政府 口罩 配給 公開 透明化 先向 國人 清楚 交代 產量 去處 國民黨 立 委 陳以信 說 疫情 中心 將 口罩 分為 民生 醫療 公務 商業 與 儲備 等 5 用途 現 只 公開 民生 口罩 資料 讓 民眾 透過 衛福部 口罩 供需 資訊 平臺 瞭解 各 藥局 剩 多少 口罩 可 買 但 光 這項 資訊 不夠 到底 每天 每 條 生產線 有 多少 各 單位 分配 多少 每天 全部 及 未來 儲備 量 多少 5 類 用途 各自 分配 多少 這些 資料 就 像 口罩 大 黑 箱 他 強調 國人 還 在 街頭 排隊 買 口罩 海外 還有 2300萬 臺灣人 靠 親友 額度 寄 口罩 政府 卻 一下 捐 出 千萬 片 民眾 當然 會 質疑 生 吃 都 不夠 哪 還 能 曬 幹 疫情 中心 回應 無法 做到 一 人 一 片 遊 淑 慧 說 口罩 援外 前提 是 真 足夠 以 算術 來看 目前 日產量 1300萬 片 即便 8 成 供 民眾 購買 每人 兩 周可 買 9 片 約 僅 33 民眾 可 買到 並非 人人 都 有 以致 仍 須 排隊 她 說 若 日產量 1300萬 片 政府 應改 購買 為 配給 政府 規定 沒 口罩 不能 搭 捷 運 上班 上學 臺灣 能 保證 所有 民眾 都能 取得 口罩 對於 建議 改 配給制 疫情 指揮中心 發言人 莊人祥 說 國內 仍 無法 做到 一 人 一 片 所以 有 教 民眾 重複使用 撙節 口罩 至於 配給制 需 再進一步 瞭 解</t>
  </si>
  <si>
    <t>東京都的新冠肺炎單日新增確診病例創下逾1個月來新高使投資人信心受挫週三日股午後由升轉跌終場日經225指數收跌007%為2253432點。
東證一部指數收跌042%為158050點。船運股與紡織股份別下挫261%與166%在33大類股中表現最差。
在今日稍晚國際貨幣基金（IMF）公佈更新後的「世界經濟展望」報告前投資人亦保持謹慎。
美國最新公佈的經濟資料持續改善以及投資人看好政府將推出更多激勵措施週二美股三大指數收高科技股大漲帶動那斯達克指數本月來第5度改寫收盤新高。受此激勵日股早盤走升。
NHK報導週三東京的新冠肺炎確診病例新增55人創下自5月5日以來的單日新高。東京都政府之前曾表示如果單日新增確診數達到50例以上就可能重啟防疫限制措施。
軟銀下跌184%該公司宣佈將出售1983億股的T-Mobile US持股。</t>
  </si>
  <si>
    <t>這波新冠肺炎疫情讓很多人荷包嚴重縮水不過對有錢富豪似乎沒有受到太大的衝擊不僅人數增加資產規模也水漲船高。根據統計顯示今年上半年16家私人銀行資產管理規模（AUM）合計達1396兆元（人民幣下同）較上年末增加151兆元年增1216％而且人數也較上年同期增加了77萬戶成長1027％。
根據中新經緯網站報導儘管今年疫情突然來襲但上半年各家銀行的私人銀行（類似台灣理財VIP貴賓室）規模不減反增。據初步統計可比的16家上市銀行2020年半年報披露的私人銀行AUM合計達1396兆元比去年底增加151兆元年增1216％。
再從人數來看很多人都很關心私人銀行的客戶數量究竟有多少？剔除中報未披露資料的中國銀行15家上市銀行的資料顯示2020年上半年的客戶總量達8267萬戶較去年底的7497萬戶增加了77萬戶年增1027％。其中招行、工行、建行、農行的客戶數量居於前列招行的戶均總資產最高達274336萬元較上年末增加1170萬元。
蘇寧金融研究院高級研究員黃大智指出隨著資本市場的改革上市的公司越來越多會導致一定程度上的造富效應進而增加高淨值客戶的數量和私行業務的資產管理規模；其次受益於收入、財富的自然成長雖然疫情導致了一定程度的收入成長乏力但同樣存在居民財富的自然成長。同時上半年疫情對消費的影響更加明顯會使得居民加大投資、存款等進而導致在銀行端的財富增加。
另外從陸銀半年報發現目前多家銀行正在嘗試推出家族信託業務。如工行表示該行於今年上半年展開家族信託業務並成功簽約首單資金型家族信託。建行也披露該行穩步推進家族辦公室業務推出全委託資產管理、家族基金定制化服務家族信託顧問業務資產管理規模餘額320億元。平安銀行說該行已啟動高淨值客戶的離岸家族信託服務並針對高淨值客戶及上市公司董監高客戶按照家族辦公室模式進行試點經營。
更多 CTWANT 報導</t>
  </si>
  <si>
    <t>無畏新冠肺炎疫情變化陸股持續向上。截至20日收盤滬深300指數收漲23％收414466點創業板指數則上漲221％至218674點資金仍持續流入。
疫情蔓延造成全球70餘國對中國旅客下達禁止造訪令儘管如此不影響市場陸股仍向上盤堅表現出乎意料而隨著一線城市復工率拉高至八成後對中國經濟影響降低陸股中長線看法偏樂觀。
首先由於新冠肺炎影響各地封城與延後復工確實造成經濟與交通上的不便利性部分生產線有供應鏈中斷的危機。對外部分這一階段因中國疫情嚴重美國則持續調整手機等晶片限制採購的動作讓預期3至6個月後的第二階段中美貿易談判又多了一層隱憂。
不過回歸基本面檢視中國經濟轉型過程中經濟成長率合理下修。觀察已開發國家中並無哪個國家經濟成長率每年維持6％不變所以中國經濟並非是受重創而是來自於去槓桿化下讓中國的經濟轉向內需導向的消費市場關係影響經濟成長率才會逐年下調。
再者去槓桿這個部分其實2018年的下半年就開始喊停所以2019年整個為中美貿易談判過程的幹擾貿易戰影響持續到下半年以後但觀察無論中國的消費者物價指數也好或者工業生產指數到去年底時公佈都優於市場預期第四季連續幾個月都穩定向上。
2020年初遇到新冠肺炎疫情爆發的非經濟事件影響的確會衝擊中國經濟、消費市場甚至所有經濟學家皆在1月20日疫情尚未全面大爆發前紛紛下修GDP成長率初估平均值來到45％～5％中間的水準讓全球市場也覺得這是較合理的狀態。
事實上資料皆已反應在近期股價行為之中所以投資人不須太過擔憂現今的中國確實是比較有效率的市場不僅股市如此透過網路消息傳播也很快速。
那有很多人會詢問接下來要注意什麼？若是第二季疫情告一段落後市場恢復正常的交易與消費行為然後經濟成長率恢復的話其實現在肯定會是一個更好的加碼買點建議不妨逢低佈局。
總結以上筆者認為持有中國A股的投資人不應該過度恐慌。目前儘管疫情仍有風險但中國對抗SARS專家鍾南山則認為二月底可能是疫情高峰若沒有新一波的拐點預計4月份疫情漸見和緩；目前新增疑似與確診人數也持續下降且中國各地醫療專家攜手已經研發六種有效抗病毒的療法美國也宣佈縮短研發疫苗希望於16周內生產。
因此中國A股應持股續抱或定期定額長期佈局。建議配置以科技、消費、金融、週期均衡配置為主。另外也看好宅經濟帶動互聯網、家庭娛樂、電商及線上教育軟體產業的發展。
而港股投資價值浮現包括：科技、消費、週期類股等估值偏低具吸引力者此時應努力挖掘新機會或以共同基金定期定額投資方式進而佈局具備體質完善、財務健全且相對便宜的產業掌握未來長線的獲利機會。</t>
  </si>
  <si>
    <t>高端疫苗選定巴拉圭進行新冠肺炎疫苗第3期臨床試驗上週三 (13)日正式展開；試驗執行已1個星期時間已有超過300位民眾登記近日受試者持續完成第1劑疫苗施打；高端疫苗表示從今日起受試者施打會加速展開預計本周完成約330人第1劑疫苗施打。
高端新冠肺炎疫苗在第3季運抵巴拉圭之後由亞松森大學醫學院負責試驗執行及完整的臨床試驗前訓練；由於當地疫苗緊缺研究團隊花了較多心力取得比對用的AstraZeneca(AZ)疫苗克服挑戰並完成臨床試驗前相關準備後試驗自10月13日正式展開。
高端疫苗於巴拉圭執行的第3期試驗計劃收納1000位受試者採用免疫橋接設計與AZ新冠肺炎疫苗進行比對性試驗預計於第4季取得安全性及免疫原性比較資料加速佈局中南美洲市場。
目前國際法規聯盟ICMRA以及由澳洲、加拿大等五國所組成的Access Consortium正積極倡議新冠肺炎疫苗的免疫橋接試驗。免疫橋接已成為國際新冠疫苗採用的主要試驗方法之一且試驗結果也可透過澳洲學者D Khoury Curve及牛津大學發表AZ疫苗之保護力關聯指標（Correlate of ProtectionCoP）進行疫苗保護力推估。</t>
  </si>
  <si>
    <t>靠群體免疫抗新冠肺炎？殘酷資料曝光：這條路還遠</t>
  </si>
  <si>
    <t>靠 群體 免疫 抗 新冠肺炎 殘酷 資料 曝光 這 條 路 還 遠</t>
  </si>
  <si>
    <t>資料殘酷肺炎曝光免疫群體</t>
  </si>
  <si>
    <t>新冠肺炎疫情在全球肆虐各國目前都尚未研發出疫苗部分國家甚至期待能透過「群體免疫」的方式來對抗病毒然而疫情爆發至今已超過半年《刺胳針》最新研究的資料卻讓看過的醫師直言「群體免疫之路依然遙遠」</t>
  </si>
  <si>
    <t>新冠肺炎疫情在全球肆虐各國目前都尚未研發出疫苗部分國家甚至期待能透過「群體免疫」的方式來對抗病毒然而疫情爆發至今已超過半年《刺胳針》最新研究的資料卻讓看過的醫師直言「群體免疫之路依然遙遠」。
兒科急診重症醫師吳昌騰在臉書上透露7/6《刺胳針》發表的一項西班牙新冠病毒血清學調查研究報告顯示部分國家當初希望能「群體免疫」但這項目標至今仍未達到。
研究人員在4/27-5/11期間進行問卷調查並分析新冠病毒抗體的血清學研究發現在西班牙全國範圍內有大約5%的人具有新冠病毒抗體馬德里等疫情嚴重的地方則大約有10%的人具有抗體但這些資料都遠低於群體免疫所需的55%或82%。
研究還指出在抗體陽性的人群中有大約1/3未曾出現過症狀（219%～358%）；研究人員估算了一下在西班牙大概會有376萬-1042萬名無症狀感染者另外曾經出現過新冠肺炎類似症狀的人中有169%測得抗體陽性；在自我報告14天前核酸檢測陽性的人群中有886%-901%測得抗體陽性。
因此吳昌騰直言目前若要實現群體免疫只能靠有效的疫苗來做到像麻疹、天花等疾病的群體免疫就是疫苗做到的那些沒有建立群體免疫的傳染病每年都得來這麼一次比如：流感。</t>
  </si>
  <si>
    <t>群體免疫抗體資料新冠病毒陽性</t>
  </si>
  <si>
    <t>群體 免疫 抗體 資料 新冠 病毒 陽性</t>
  </si>
  <si>
    <t>藥師曝AZ疫苗死亡資料喊「停打」 網氣炸：陳時中快帶頭示範</t>
  </si>
  <si>
    <t>藥師 曝 az 疫苗 死亡 資料 喊 停 打 網 氣炸 陳時中 快 帶頭 示範</t>
  </si>
  <si>
    <t>氣炸死亡資料疫苗陳時中az帶頭藥師示範</t>
  </si>
  <si>
    <t>鴻海（2317）今（15）日召開線上法說公佈2020年首季財報。受新冠肺炎疫情衝擊毛利率45％、營益率049％、淨利率022％歸屬母公司稅後淨利2083億元季減9564％、年減8949％每股盈餘（EPS）015元均為2008年公佈合併財報以來新低。
法人指出若概括過往單季個別財報資料鴻海首季歸屬母公司稅後淨利為2000年首季以來20年新低。至於獲利指標的「三率」方面毛利率為2000年第四季以來18年低點營益率、淨利率則雙創新低。
鴻海2020年首季合併營收929133億元季減4663％、年減1187％為近11季低點。財務長黃德才指出新冠肺炎疫情自1月下旬爆發後集團首季總工作時數年減逾20％但在全體員工通力合作努力下營收最終僅年減12％。
黃德才指出首季因疫情造成的成本增加超過100億元其中營業費用增加超過10億元。由於營收下滑、固定成本攤提比例增加加上客戶產品組合變化、防疫費用增加等導致毛利率及營益率雙雙明顯下滑。
黃德才表示首季受疫情影響而增加的相關成本將由客戶與政府的協助分攤部分費用將在其他季度陸續入帳。若不考慮因疫情增加的成本鴻海首季本業表現仍屬優異內部評估若未受疫情影響本業表現應可優於去年同期。
鴻海先前預期四大產品線中的消費暨智慧產品、企業產品、運算產品首季營收季減、年減率均將大於15％元件與其他產品營收則預期季減15％、年減約10％。公司表示實際結果季減幅度均符合預期年減幅度則均優於預期。</t>
  </si>
  <si>
    <t>鴻 海 2317 今 15 日 召開 線 上 法 說 公佈 2020 年 首季 財 報 受 新冠肺炎 疫情 衝擊 毛利率 45 營益 率 049 淨利 率 022 歸屬 母公司 稅 後 淨利 2083億 元 季 減 9564 年 減 8949 每股 盈 餘 eps 015 元 均 為 2008 年 公佈 合併 財 報以 來 新低 法人 指出 若 概括 過往 單季 個別 財 報 資料 鴻 海 首季 歸屬 母公司 稅 後 淨利 為 2000 年 首季 以來 20 年 新低 至於 獲利 指標 的 三 率 方面 毛利率 為 2000 年 第 四季 以來 18 年 低點 營益 率 淨 利率 則 雙創 新低 鴻 海 2020 年 首季 合併 營 收 929133億 元 季 減 4663 年 減 1187 為 近 11 季 低點 財務 長 黃德才 指出 新冠肺炎 疫情 自 1 月 下旬 爆發 後 集團 首季 總 工作 時數 年 減 逾 20 但 在 全體 員工 通力合作 努力 下 營 收 最終 僅 年 減 12 黃德才 指出 首季 因 疫情 造成 的 成本 增加 超過100億 元 其中 營業費用 增加 超過 10億 元 由於 營 收下 滑 固定成本 攤提 比例 增加 加上 客戶 產品組合 變化 防疫 費用 增加 等 導致 毛利率 及 營益 率 雙雙 明顯 下滑 黃德才 表示 首季 受 疫情 影響 而 增加 的 相關 成本 將 由 客戶 與 政府 的 協助 分攤 部分 費用 將 在 其他 季度 陸續 入 帳 若 不 考慮 因 疫情 增加 的 成本 鴻 海 首季 本業 表現 仍 屬 優異 內部 評估 若 未 受 疫情 影響 本業 表現 應可 優於 去年同期 鴻 海 先前 預期 四大 產品 線 中的 消費 暨 智慧 產品 企業 產品 運算 產品 首季 營 收 季 減 年 減 率 均 將 大於 15 元件 與其 他 產品 營 收 則 預期 季 減 15 年 減 約 10 公司 表示 實際 結果 季 減 幅度 均 符合 預期 年 減 幅度 則 均 優於 預期</t>
  </si>
  <si>
    <t>紓困金給領？不給領？
新冠肺炎疫情自2020年初至今民生、企業、生產等問題全球都受到影響台灣當然也不例外行政院6日推出萬元紓困補助申請提供給受到疫情影響的民眾和企業能暫時度過眼前的難關然而美意卻被罵翻從訂定方案、申請手續、條件資格到發放時間等民眾抱怨手續太複雜、時間標準不統一、資格條件太高全台罵聲四起。
今天DailyView網路溫度計就透過《KEYPO大資料關鍵引擎》整理紓困方案推出至今讓網友黑人問號到不行的10大問題看看你是否也感到超疑惑！
10、增加混亂！基本生活費算式超複雜
行政院日前提出加碼紓困金方案提供每戶1萬元紓困金但審核標準是「家戶每人每月生活費在居住地每人每月最低生活費15倍到2倍之間」生活費官方公式「[家戶月平均收入+(家戶總存款-15萬*家戶人數)]÷家戶人數」直接讓民眾霧煞煞不知道是上國文課還是數學課抱怨各縣市生活費不一要看懂演算法就夠難了真的有想要讓人申請嗎？
9、追究法律責任？申報不實難查核
一場紓困金方案引發民眾多方抱怨原本要發給真正面臨生活困難的人卻有民眾開雙B轎車、大學生揪團申請讓立委點出亂象「不需要的人擠爆公所、需要的人卻不清楚方案」雖然有宣導申報不實會追究法律責任但中央SOP沒訂好後續故意亂申報的人又該怎麼調查？
8、為了拍照領錢玉蘭花漲價是在哈囉？
行政院長蘇貞昌日前舉例紓困金希望讓舉牌、賣玉蘭花工作一族民眾受惠意外釀成「玉蘭花之亂」許多民眾為了符合申請資格瘋搶玉蘭花去賣並拍照佐證一夕之間讓花價上漲6成網友都傻眼痛批投機民眾貪小便宜也酸「去申請紓困金的根本不缺錢」。
7、中央SOP沒訂好紓困亂糟糟
雖然紓困方案是美意一場不過不只申請民眾霧煞煞負責協辦的第一線公所人員恐怕也手忙腳亂政府4日宣佈防疫紓困政策和方案但衛福部被質疑當天深夜才發公文宣達6日就要正式申請公所人員有搞懂了嗎？其中民進黨立委蘇巧慧質詢痛批衛福部SOP混亂也被批罵老爸、行政院長蘇貞昌的下屬是「公主救駕」最後蘇貞昌趕緊發布道歉聲明表示有錯就改試圖緩和民眾的怒氣。
6、申請沒效率排隊排到臉都黑掉
政府6日匆忙擴大紓困方案各縣市區公所一早就被申請民眾塞爆不只公所人員因為太晚收到公告不熟悉作業流程也因為工作證明認定不明確搞得民眾一個個卡位還得先釐清資料、證明才能通過申請生氣、抱怨得大有人在雖然政府後續宣佈簡化申請程式但到現場詢問、排隊申辦人潮仍擠爆公所。
5、為什麼計程車司機可以領比較多錢？
平平都是台灣公民想要領1萬元的紓困金手續繁多、條件一長串還不一定領得到但同樣的紓困方案政府卻直接給計程車司機3萬引發不公平爭議。不過有網友跳出來平反計算薪資證明計程車司機收入的確比一般勞工低且接觸人群、疫情危險性更高他們真的更需要紓困金。
4、各縣市不同調新北從寬認定、花蓮暫停申請
紓困方案上路除了各部會有各種申請標準和條件外各縣市開始時間也有不同步調引起反彈。日前行政院宣佈6日開始申請花蓮市公所卻表示還沒收到公文要延到11日才受理；而新北市申請資格也在市長宣佈下從寬認定資料從簡、從速發放同套標準卻有不同步調民眾也不開心。
3、排富大小眼！3萬爽爽發、1萬查身家
行政院針對紓困方案提出未加保勞工、農漁民加發1萬紓困金不過卻要提出身家證明。國民黨立委林奕華就質疑為什麼所有的紓困方案都沒有審核存款只有無勞保者方案要求要審這對急需紓困的人不僅增添麻煩更傷害尊嚴引起友不滿狠酸「3萬爽爽發、1萬查身家」、「領3萬比領1萬簡單」
2、申請門檻一堆看得到吃不到
想要申請到紓困金你得先符合資格。各種身分有各種申請門檻什麼無軍公教勞保、全家人平均所得要超低、存款限制等條件從第一條篩到最後一條發現自己其實有些條件根本算不上就成了紓困金無緣者根本看得到吃不到。PTT網友也直說：「能通過申請的根本都低收家庭吧！」
1、各部會標準不一到底有幾種可以領？
新冠肺炎疫情影響民生、企業中央推出紓困方案提供民眾申請但是勞動部、衛福部、財政部、文化部、交通部等各部會都推出各家領法衛福部沒勞保能領、勞動部針對勞保勞工、文化部針對藝術表演者管控內容不同、標準也各有不一樣什麼時候開始申請？誰有資格領？加加減減可以領多少？真的別怪民眾看得霧煞煞。
【網路溫度計調查結果之圖文未經授權請勿轉載、改寫】
分析說明：
本研究資料由《KEYPO大資料關鍵引擎》提供分析時間範圍為2020年02月08日至2020年05月07日共三個月。
系統觀測上萬個網站頻道包括新聞頻道、Facebook、PTT及各大討論區、部落格等針對討論『紓困金亂調』相關文本進行分析並根據網友就該議題之討論作為本分析依據。
本文所調查之結果非參考投票、民調、網路問卷等資料名次僅代表網路討論聲量大小不代表網友正負評價。
本篇分析報告使用「KEYPO大資料關鍵引擎」
延伸閱讀:</t>
  </si>
  <si>
    <t>在大陸2020年首季經濟成長資料公佈之後主要負責大陸宏觀經濟政策方向的大陸國家發改委提出了新規劃要再進一步推動車市及家電等消費力度以及提出所謂的新基建概念藉由投資重振經濟。伴隨著中國人民銀行財金部</t>
  </si>
  <si>
    <t>在大陸2020年首季經濟成長資料公佈之後主要負責大陸宏觀經濟政策方向的大陸國家發改委提出了新規劃要再進一步推動車市及家電等消費力度以及提出所謂的新基建概念藉由投資重振經濟。
伴隨著中國人民銀行財金部會密集出手維持市場流動性給企業強力奧援是其一但根據發改委的最新說法相信主要還是大陸期望在疫情稍緩的平穩趨勢之下在第二季保住經濟基本面。
這是新冠肺炎疫情爆發以來大陸較為明確的表述由於大陸政府部門體制龐大職掌分工極細我們很難真正瞭解其政策運作上的細節不過市場可以說明很多事情近來可以觀察的指標一來是各政策細項公佈（如免汽車購置稅等等）後的買氣再來還有一個改採網上舉辦的廣交會。
本月稍早大陸商務部已宣佈第127屆廣交會於6月15至24日在網上舉辦在這為期十天展會中商務部表示因應疫情會提出不同做法更為順應客商交流全力幫助企業拿訂單保市場。
事實上這並非第一次。
2003年SARS疫情也震驚全球當年被視為大陸對外最重要商貿平臺的廣交會正值第93屆春季廣交會籌備高峰因國際採購商人數較少主辦單位第一次以「網上廣交會」運作。直至2012年中國對外貿易中心（集團）才籌組廣交會電子商務公司成立廣交會電子商務平臺。
為什麼廣交會對大陸商貿活動如此重要？除了外貿平臺作用之外主要是廣交會一年兩屆分春秋兩季可藉由為企業搭建平臺創造人流還能在期間為廣東省的旅遊及餐飲等服業帶來大筆收益一直被視為帶動廣東內需的重要活動。
不過由於近兩年受中美貿易爭端擴大影響加上進博會層級更高其實廣交會業績早已有直線下滑趨勢。此外大陸曾公佈一項調查顯示如果以客商交易而言資料顯示「網上廣交會」僅占廣交會總成交額比例在1％以下。
可以說本屆廣交會要突破的不止是網上交易冷清的問題還在於創造需求。
在新冠肺炎疫情仍未平息產業也對市場需求不足發出預警之下大陸要如何在網上交易突圍並擴大其效益？並釋出那些刺激外貿的政策措施？市場高度關注。自疫情爆發以來大陸已提出諸多重振內需政策如何克服外貿的難題本屆廣交會就是一個重要的風向球。</t>
  </si>
  <si>
    <t>1政府抗疫作為 54%英國人不買單
皮尤中心調查14 個已開發國家其中英國和美國民眾對自己政府應對新冠疫情的認同度排名墊底。有52% 美國民眾和54% 英國受訪者認為政府的防疫措施不到位。只有不到18%的美國受訪者表示現在的美國比疫情前更加團結。這一資料遠低於46%的平均值也是受訪14個國家中的最後一名。值得注意的是58%的美國受訪者認為更多的國際合作會對減少本國確診病例有所幫助。
2提領公積金永久離港 3季達41億港幣
2020年首季以「永久離港」為由提取強制積金高達7600件年增10%金額年增32%。自2019年反修例事件以來的9個月永久離港領取強制積金累計約24萬餘件提取金額約41億港幣創史上新高。
3美國52%年輕人住爸媽家
在新冠肺炎疫情和反種族主義運動等因素影響下校園被迫關閉失業率居高不下美國年輕人的生活也受到影響。皮尤調查顯示52%的美國年輕人選擇和父母同住達到大蕭條以來最高水準。大蕭條時有48%的美國年輕人與父母住在一起。與父母同住的年輕人比例白人和少數族裔的差異也在縮小。
4民主黨人和親民主黨人士「始終戴口罩」的可能性（63%）比川普為代表的共和黨人和親共和黨人士（29%）多1倍。而共和黨人比民主黨人更可能很少或永遠不戴口罩（23%比4%）。
5疫情全球燒 69億人恐挨餓
新冠肺炎疫情可能導致全球飢餓人數大幅增加世界將迎來50年來最嚴重的糧食危機。全世界將有69億人處於飢餓狀態。2019年處於嚴重糧食缺乏狀態的人口波及55個國家和地區、全球135億人口受到影響。其中超過一半的受影響人口聚集在非洲。中國大陸國家糧食和物資儲備局統計截至今年8月主產區小麥收購42857萬噸年減9383萬噸。
6城市奢華排名 臺北第15
2020年「全球奢華展望報告」根據各城市資產超過3000萬美元富豪的財富水準、奢侈品零售市場發展等指標計算奢華城市指數排行。全球前15 大奢華城市排行紐約居冠上海排名擠進前10北京排名第12臺北則排名第15。</t>
  </si>
  <si>
    <t>臺北市11日公佈4日至10日最新各行政區確診統計資料12行政區當中以萬華新增30例最多其次是信義區11例。市府進一步說明信義區確診數飆高因為發生分租套房類似家戶群聚感染的事件。北市府今未對外開記者會說</t>
  </si>
  <si>
    <t>臺北市11日公佈4日至10日最新各行政區確診統計資料12行政區當中以萬華新增30例最多其次是信義區11例。市府進一步說明信義區確診數飆高因為發生分租套房類似家戶群聚感染的事件。
北市府今未對外開記者會說明疫情根據市府統計4日至10日北市新增66例確診個案其中以萬華區30例最多其次是信義區11例、士林區6例、大安區和內湖區各4例、松山區3例中山區、大同區、文山區各2例中正區和北投區各1例南港區未增加。另接觸者居家隔離管理人數統計至10日有1023人。
至於信義區確診數飆高原因市府說明有民眾前往採檢確診疫調後發現該民眾住在分租套房室友經匡列後採檢確診類似家戶感染的群聚事件目前持序匡列採檢中。
此外北市7大醫院10日PCR篩檢1065人有1人陽性萬大站和濱江站機動篩檢隊篩檢689人沒有陽性。
★《中時新聞網》提醒您：因應新冠肺炎疫情疾管署持續加強疫情監測與邊境管制措施 如有疑似症狀請撥打：1922專線或0800-001922並依指示配戴口罩儘速就醫同時主動告知醫師旅遊史及接觸史以利及時診斷及通報。</t>
  </si>
  <si>
    <t>台大醫院兒童感染科主任黃立民指出全球確診案例中無肺炎症狀感染者比例高達8成以上「健康的人不用戴口罩」已不適用現在的疫情發展。對此網友反諷表示「台大還敢逆時鐘啊！」「柚子醫師才不是這麼說的呢！」、「沒台灣價值黨是不會錯的」！
台大醫院兒童感染科主任黃立民日前接受《中國時報》專訪時指出「健康的人不用戴口罩」已不適用現在的疫情發展他並指出全球確診案例中無肺炎症狀感染者比例高達8成以上建議民眾外出戴上口罩將感染機率降到最低。
黃立民表示新型冠狀病毒非常難防根據世界衛生組織的資料統計有高達8成的感染者沒有肺炎病徵這讓周遭的人以為彼此都是健康的也沒有特別注意衛生習慣但感染者的上呼吸道仍排出大量病毒病毒在環境中還可能存活一周左右就算沒接觸感染者但碰到患者曾接觸過的東西就有可能染病旁人不知不覺就中了鏢。
黃立民說現在最重要是人人要把手洗乾淨自主健康管理才是防疫的重點工作政府說「健康的人不用戴口罩」已經不適用現在的疫情發展由於新冠病毒的特性公共環境常清潔出門把口罩戴上才能做到最大的自我保護。
此篇專訪並經TVBS以及三立轉載報導。
對此網友表示「當初說ok的捐口罩好嗎？」「還宣導不用戴？」「公然跟黨造反」、「公然反對柚子醫生」、「閉嘴我只信阿中部長」、「本來就沒信過什麼水果醫生」、「這92柯韓粉我們堅持不用戴」、「1450崩潰」、「不如柚子醫生有台灣價值」、「台大還敢逆時鐘啊」、「台大醫造反啦？」、「還好沒鳥那些OK的」、「817都不要戴唷」、「一直都不適用好嗎」、「柚子醫師才不是這麼說的呢！」、「沒台灣價值黨是不會錯的」、「綠共再繼續騙啊XXX」、「造反了嗎？有獲得黨的同意嗎」、「台大醫生算什麼當然是聽有台灣價值的」！</t>
  </si>
  <si>
    <t>國內疫情嚴峻繼昨（22）日新增321個本土病例以及400 例本土「校正回歸」的個案後今日中央流行疫情指揮中心除新增287起單日本土病例外也再度使用了「校正回歸」新增170起病例讓該詞一瞬間爆紅成為全台無人不知、無人不曉的熱門關鍵字並引發各界論戰對此一名PTT鄉民稍早提出看法直言2大原因引發「校正回歸之亂」。
據PTT該文指出原PO認為確診案例數「2點過後才驗出來的很多本來就一定會有記者會上沒記錄到的數字所以校正是一定會有的」遺漏實屬合理可話鋒一轉原PO不禁納悶中央流行疫情指揮為何要特地發明「校正回歸」一詞不直接說「修正」上一周資料就好做法明顯有問題。
原PO進一步解釋昨日校正回歸400例之所以引發民怨主要有2個原因一是創造「校正回歸」一詞讓人匪夷所思大幅加深疑慮；二是校正回歸頻率應縮短每日公佈前一天新增的校正回歸數量才能讓大眾掌握最新疫情狀況否則一次公佈一周校正資料數量過多自然造成恐慌。
此文一出隨即引發網友強烈共鳴大家紛紛回應反彈「校正回歸本身沒有關係而且是正確的因為你不把那些病例加回去你不能知道正確的篩檢陽性比例的趨勢如何。但你他X的篩檢能量不足你要早講啊！」「也覺得是做法的問題週六才一次公佈那麼多斧鑿太深」、「他解釋第一次我就說那就直接說來不及驗完就好了」、「問題在於根本沒解釋清然後又創一個名詞更加深疑慮」。
★中時新聞網提醒您：
防範新冠肺炎應使用肥皂勤洗手搭乘大眾運輸或無法保持社交距離時務必戴上口罩！
回國若身體不適請主動通報14天內出現疑似症狀請先撥打防疫專線並戴上口罩儘速就醫務必告知醫師旅遊史。
※免付費防疫專線：1922、0800-001922</t>
  </si>
  <si>
    <t>美國有線電視新聞網（CNN）13日報導一名中國大陸官員透露作為調查新冠病毒起源的一環武漢將檢測數萬個早期血液樣本專家指出這些樣本將提供新冠病毒起源的關鍵線索。
今年2月世界衛生組織（WHO）的調查小組確立了武漢約20萬個血液樣本可能能提供新冠病毒起源的關鍵線索包括病毒何時、何地開始傳染給人類。
這些血液樣本目前保存在武漢血液中心主要是2019年武漢捐血者的血液樣本這些樣本有2年的保存期期間若發生和捐血有關的訴訟這些樣本將可派上用場。
現階段多數專家認為新冠病毒最初是在2019年底傳播至人類社會隨著2019年10、11月採集的血液樣本保存期陸續到期一名中國國家衛生健康委員會官員透露當局正在準備病毒檢測工作一旦2年期滿就會對這些血液樣本進行檢測。
美國智庫「外交關係協會」（Council on Foreign Relations）高級研究員黃嚴忠（Yanzhong Huang）表示這些血液樣本將是全球最接近疫情爆發之初的樣本將能幫助瞭解新冠爆發的時間點。
美國哥倫比亞大學流行病學家米勒（Maureen Miller）指出這些樣本絕對帶有重要線索不過她敦促中國大陸開放讓外國專家赴現場觀察檢測過程「除非有合格的觀察員沒有人會相信中國報告的任何結果。」
中國國家衛健委疫情專家小組組長梁萬年今年7月首度表示中國大陸將檢測這些樣本一旦有結果就會將資料轉給中國及外國專家小組。他當時強調這些血液樣本都是從捐血袋中採集採集好後密封保存中國專家也對檢測方法進行過多次評估。
他說雖然武漢的第1個病例發生在12月8日但是相關研究充分顯示在那之前可能已經有其他病例。
專家指出如果保存得當這些血液樣本可能包含人類最初對抗新冠病毒產生的抗體等關鍵跡象。
美國田納西州範德比大學醫學院（Vanderbilt University School of Medicin）傳染疾病專家夏夫納（William Schaffner）表示這些樣本甚至能夠指出誰最先感染、在哪裡感染、年紀、職業等訊息。
不過他也警告樣本可能有2個問題要注意。第1是樣本的完整性要確定不是近期創造；第2是樣本的代表性這些血液樣本多數可能來自於健康成人所以將代表無症狀病例「正如我們在疫情中瞭解到的無症狀病例助長大流行。」</t>
  </si>
  <si>
    <t>面對新冠肺炎(COVID-19)疫情蔓延全球防疫是場長期抗戰民眾減少外出至人群聚集場域紛紛轉向尋求各類數位內容平臺開始建立足不出戶的「不接觸」生活型態如數位雜誌、音樂及影音平臺。Kono電子雜誌平臺指出今年2月的新會員數較1月成長近7成平臺內總文章閱讀數更激增近5成帶動整體業績較去年同期成長27%。此外針對新用戶現在用手機下載並註冊Kono電子雜誌APP免費獲得14天會員資格成功推薦朋友還可額外得到7天免費會員資格更能享受當期現刊共300種以上知名國內外電子雜誌看到飽包含全美最大梅瑞迪斯出版集團（Meredith Corporation）《PEOPLE》、《InStyle》、《Allrecipes》等知名刊物與韓國前三大出版集團Seoul Media Group之數位雜誌內容。
Kono電子雜誌獨家Smarticle技術全球首創導入AI人工智慧可自動產出符合各式數位裝置閱讀格式的好讀模式並於今年推出viewer 20讓閱讀電子雜誌更聰明、版面也更生動更便於閱讀、縮放；Kono進一步運用大資料系統根據個人閱讀習慣推播適合雜誌同時像Google一樣輸入關鍵字搜尋就可從上萬篇的雜誌文章中找出相關的文章內容讓雜誌內容能更貼近消費者閱讀喜好。此外Smarticle的好讀模式可利用Google語音系統朗讀隨時可「聽」中、英、日、韓四種語言雜誌同時也可將文字放大縮小適合各種不同的閱讀情境更好看、更好聽。
今年Kono電子雜誌平臺更取得美國最大的媒體集團之一梅瑞迪斯出版集團（Meredith Corporation）旗下8本熱門雜誌的亞洲區電子版權授權囊括生活、娛樂、休閒、美食、旅遊等類別包括《TRAVEL+LEISURE》、《Food &amp; Wine》、《People》、《Instyle》、《Parents》等知名雜誌於台灣等亞洲多國上架！同時韓風迫降今年更積極擴展雜誌範疇新引進韓國Seoul Media Group旗下雜誌：《Women Sense》及《Living Sense》讓讀者零時差追上最新的潮流趨勢。
Kono電子雜誌平臺涵蓋台灣、香港、日本、歐美等300多款跨國電子雜誌並擁有上萬本以上的新刊與過刊線上雜誌領域橫跨財經、科技、時尚、旅遊等16大類別。除搶先取得數位授權之美、韓雜誌既有多本的獨家日雜（《non-no》、《25ans》、《婦人畫報》、《MEN’S NON-NO》）更是廣受讀者喜愛現在更同步積極開發多國雜誌授權除了歐美、日本、韓國等國家外未來也會著眼於新加坡、馬來西亞等亞洲國家期待能引進各地不同雜誌擴大閱聽者的視野。</t>
  </si>
  <si>
    <t>新冠肺炎出現變形種病毒專家提醒季節越冷容易發生病毒感染民眾務必做好勤洗手、戴好口罩等5重點自主防疫新竹縣政府也加強社區防疫宣導並在住宿型老人福利機構啟動示範演練及觀摩。
新竹馬偕醫院去年3月投入百萬成立新冠肺炎病毒合約實驗室每日檢測量最高可達96組檢體為大新竹地區的民眾健康把關更讓檢驗流程從48小時縮短至最短4小時。在疫情高峰的3、4月每天檢測量滿載但到了5月之後資料因疫情趨緩下降目前接受檢測的案例大多數是有檢測需求的民眾為因公、出國工作等來檢測。
目前陸續有其他院所加入檢測行列感染科醫師曾政尹指出假若未來隨著天氣更冷有更多需求檢測的民眾相信新竹馬偕醫院量能沒有問題若有必要院內實驗室也會視情況適度增加量能會在最快時間內檢測發報告。
面對變種新型冠狀病毒案例曾政尹提醒民眾5個重點包括保持健康作息規律、維持社交距離、正確戴口罩、勤洗手以及若有不適盡早讓醫師評估。曾政尹指出季節越冷容易發生病毒感染他建議民眾盡量減少大型聚會或將時間縮短降低傳染風險。</t>
  </si>
  <si>
    <t>陸美貿易戰爆發以來雙方在關鍵資源搶奪之下用以生產高科技產業發展的重要原料、國防戰略物資的稀土資源之爭就浮上檯面在去年陸美關稅戰正熱之際澳洲稀土供應商Lynas與德州廠商Blue Line Corporation簽署合作備忘錄(MOU)將在美國擴大開採稀土。隨著陸美關係再度緊張美國總統川普簽署行政命令加快美國稀土開採速度。
大陸為全球最大稀土供應國稀土廣泛運用在農、工、消費、軍事等產業像是電動車、智慧型手機等消費電子產品的零組件也需要稀土作為原料製造。從陸美貿易戰爆發以來川普政府幾波關稅攻勢下大陸進口稀土都沒被列入制裁項目從資料來看美國去年從大陸進口超過80%的稀土都能顯見該戰略資源對於美國科技產業發展的重要地位。
川普在前往明尼蘇達州參加競選活動之際簽署這項行政命令宣佈美國礦業進入國家緊急狀態援引《國防生產法》加速礦區開發擴大美國稀土開採規模藉此降低對大陸依賴性。川普在今年新冠肺炎疫情爆發之際也援引相同法規支援美國醫療資源產業發展。
川普該行動也與尋求該州鐵嶺（Iron Range）地區的礦工、居民的支持。川普受訪時表示一個強大的美國不能依賴從外國進口的關鍵資源這些稀土對於維持美國在21世紀的經濟和軍事實力愈發重要。
澳洲稀土供應商Lynas為大陸以外最大的稀土供應商與其合作將在德州建立稀土萃取分離廠房的Blue Line Corporation則是美國稀土供應鏈的領導品牌彌補這幾年來美國本土的稀土供應鏈的重要一環。
鋰礦也是電動車電池重要原料來源之一與稀土用以生產電池所需。電動車大廠特斯拉本週一宣佈與澳洲鋰礦生產商 Piedmont Lithium簽署5年合作協議每年向特斯拉供應北卡羅來納州礦床53 萬噸噸高純度鋰礦石。特斯拉原本與礦商Cypress開發協商併購但最後認為從泥岩開採成本太高最終決定自己投入開採鋰礦行列有機會讓特斯拉汽車的電池成本大降一半。
馬斯克在上月電池日推出全新的 46800 電池有望電池成本將從 127 美元 (每 kWh)下降14%馬斯克也聲稱25萬美元電動車有機會在3年內推出。
雖然特斯拉執行長馬斯克表示仍繼續保持亞洲廠商Panasonic、LG 化學以及寧德時代的電池供應但馬斯克也認為若不自行生產電池未來將難以應付暴增的需求所以特斯拉必須建立起本土供應鏈。</t>
  </si>
  <si>
    <t>新冠肺炎疫情仍在全球延燒前副總統陳建仁今(14)日表示從目前各國的狀況來看城市封鎖不是一個好方法真正仔細地追蹤接觸史和執行非常嚴格的隔離與患者近距離接觸者才是遏止新型冠狀病毒的最佳方法。
陳建仁接受美國CNN電視「Fareed Zakaria GPS全球公共廣場」跨海連線訪問於美東時間13日上午10時播出。主持人Zakaria大力稱讚臺灣是在全球控制疫情大流行做的最好的列表頂端或近於頂端。因為資料顯示：台灣人口接近2500萬人死亡人數不到10人並且僅有不到500例確診病例。
陳建仁今晚在臉書分享這段訪談他在訪問中再次說明這次許多國家的疫情流行可能是人們忽略了個人衛生及社交距離的重要性。
他說從目前各國的狀況來看城市封鎖不是一個好方法真正仔細地追蹤接觸史和執行非常嚴格的隔離與患者近距離接觸者才是遏止新型冠狀病毒的最佳方法。
陳建仁說明台灣的檢測和追蹤作法受到各界讚譽。成功的部分原因是台灣擁有一個單一保險人體系一個統一的醫療保險系統有健保卡、電子資料以及所有工具中央管理。
另外臺灣沒有封鎖任何城市也沒有進行大規模篩檢而是非常嚴格的追蹤近距離接觸感染者的民眾；並且非常仔細評估所有可能感染者的症狀「我們認為這樣的作法更有效率也更有效」。
陳建仁指出透過居家隔離政策我們對與確診病例有接觸者實施14天居家隔離。這些接觸者必須在家隔離14天不能去任何地方。
他強調25萬名被隔離者犧牲了14天的自由確保了台灣2300萬人能夠正常工作、正常上學和正常生活。因此這是以一小群人的犧牲來確保其他所有人都能正常生活「這是我們在台灣設法遏止新型冠狀病毒並降低經濟下滑的方式」。</t>
  </si>
  <si>
    <t>美國衛生研究院（NIH）轄下國家過敏和傳染病研究所（NIAID）表示包含日本武田製藥等多家藥商已開始對住院的新冠肺炎病患測試一套臨床實驗性的血漿療法即從康復者身上抽取癒後血漿利用血中抗體製成治療藥物。
NIAID週四表示正資助這套療法研究向500名來自非洲、亞洲、歐洲、北美和南美洲等18個國家的住院病患進行測試。研究員希望康復者的血中抗體能加強病患免疫系統和協助消滅病毒傳染力。
測試方法是用癒後血漿所製藥物跟吉立亞醫藥（Gilead Sciences）的抗病毒藥物瑞德西韋（remdesivir）合併使用然後拿來與瑞德西德和安慰劑的使用結果做比較。
參與這次研究的藥商組成名為CoVIg血漿聯盟包括武田製藥、西班牙基立福（Grifols）、美國Emergent BioSolutions和CSL Behring等負責收集癒後血漿和提供抗病毒的抗體來製造測試藥。
聯盟內的德國Biotest和Octapharma等負責從癒後血漿中製造超級免疫球蛋白。
NIAID強調其研究跟之前的癒後血漿療法不同之處是其測試藥內含抗新冠肺炎的抗體量為一般血漿療法的好幾倍。研究員把藥商收集來源不同的癒後血漿淨化濃縮血中抗體來製造超級免疫球蛋白。
CSL首席醫藥長梅茲紮洛堤（Bill Mezzanotte）希望在年底前能透過這次臨床實驗取得所需要資料。
武田製藥表示有跡象顯示像超級免疫球蛋白等療法有效治療嚴重的病毒性呼吸道感染美國主管機關8月也授權可緊急使用癒後血漿來治療重症病患。
但世界衛生組織（WHO）對此療法態度謹慎因為證據顯示其治療效果「低質量」。
由於癒後血漿很稀少CoVIg不斷呼籲康復者考慮捐出自己的血漿。</t>
  </si>
  <si>
    <t>受到新冠肺炎疫情升溫與企業延期復工影響大陸249家赴美上市的中概股在1月24日至3月12日期間共有219家公司總市值下滑。其中因大陸汽車產業重鎮湖北省為疫情重災區拖累中概股汽車股重跌二手車電商平臺「優信」、電動車廠商蔚來汽車雙雙重創。
2018年、2019年大陸汽車產銷量連續兩年衰退2020年初的肺炎疫情更造成湖北省汽車產業鏈停擺出現斷鏈危機。中國汽車工業協會日前公佈2月份大陸汽車工業資料顯示該月產銷量雙雙下滑分別為285萬輛、31萬輛年減798％、791％。
大陸汽車業遭疫情痛擊影響美股的汽車中概股。優信13日美股收盤報172美元大漲683％但受到疫情影響該股自1月24日以來市值累計暴跌298％。蔚來汽車13日收報311美元下跌064％疫情期間累計重挫更達35％。
騰訊財經14日報導指出除了汽車業之外另一重災區為互聯網金融業。近兩年大陸互聯網金融業歷經官方整頓、政策環境的不確定多家網貸機構經營滯緩。
疫情期間以消費金融業務為主的大陸互聯網金融公司短期放貸規模減少業績普遍下滑。除了中概股玖富外1月24日至3月12日在美上市的多家大陸互聯網金融公司累計跌幅均在20％以上。至於期間跌幅最大的美股中概股為臨床前階段製藥公司知臨集團該公司自1月24日以來累計重挫817％。
另一方面受到大陸政府「停課不停學」政策帶動中概股線上教育股業績持續高漲。市值增幅前20大中概股中教育公司占四家其中51talk、網易有道、跟誰學是線上教育公司。另一企業安博教育則涉及基礎教育、職業教育與企業培訓。</t>
  </si>
  <si>
    <t>AZ疫苗最新試驗報告資料說話 專家解讀</t>
  </si>
  <si>
    <t>新冠肺炎疫苗陸續問世其中AZ疫苗在歐洲開打後卻傳出副作用法國與瑞典部分地區均暫緩施打計劃。我國政府表示會持續觀察世界各國接種情形也緊急授權讓AZ疫苗來台。然而民眾究竟能否放心接種？
AZ疫苗是牛津大學與阿斯特捷利康（AstraZeneca）合作開發的疫苗簡稱又稱牛津疫苗其第三期臨床試驗報告甫於19日刊登於國際醫學期刊《刺胳針（The Lancet）》。
這款疫苗的臨床試驗自去年4月起在英國、巴西與南非招募超過24萬名成人受試者針對其中1萬7178人的初步追蹤分析顯示接種一劑標準劑量後第22～90天保護效力（efficacy）為76%抗體濃度能維持約3個月；如果第1劑與第2劑疫苗間隔高於現行建議、拉長至12週以上再打疫苗保護效力能提高至82％。
受試者當中約半數接種這款疫苗、半數打到安慰劑。接種後21天、預期保護力應當漸漸出現時打過這款疫苗的組別無人因染疫演變成重症及住院但打到安慰劑的組別則有15人住院當中也有人併發重症。
●每千人有9人傳出嚴重不良反應但未必與疫苗直接相關
至於接種疫苗後產生的副作用這份報告提及在打疫苗的人裏頭有09%的人傳出嚴重不良事件（serious adverse events）未打疫苗的對照組則有11%傳出嚴重不良事件。
●該如何理解這個資訊？
中央流行疫情指揮中心專家諮詢小組成員、中國醫藥大學副院長黃高彬指出嚴重不良事件（serious adverse events）是指接種疫苗後產生的任何嚴重不適反應這些嚴重不適反應未必真的由疫苗所引起、有可能只是剛好發生在打疫苗之後。「我們無法從試驗報告看出真正的、疫苗造成的嚴重不良反應只能等待國內外接獲不良反應通報的單位進一步針對這些個案分析外界才能較具體瞭解這款疫苗的安全性。」他說。
●我國緊急授權AZ疫苗來台持續觀察世界各國接種情形
AZ疫苗在歐洲陸續傳出副作用法國與瑞典部分地區暫緩施打計劃恰在此時COVAX（疫苗全球取得機制）分配20萬劑AZ疫苗給台灣外傳最快下週抵台我國食藥署今日也緊急授權AZ疫苗韓國廠、德國廠、義大利廠的貨源來台並縮短行政流程讓AZ疫苗抵達後最快一週就可開打。
對於歐洲陸續傳出AZ疫苗接種後的負面消息中央流行疫情指揮中心指揮官陳時中表示英國是目前最大規模接種AZ疫苗的國家卻未傳出那麼多不良反應因此現階段我國也循世界衛生組織建議納入這款疫苗作為防疫工具。「不過國家有責任監控與判斷疫苗安全性台灣是疫苗施打率高的國家、專家經驗足夠不排除在國內專家提出警示時暫緩施打。」
●AZ疫苗拉長兩劑接種時間？輝瑞疫苗只要打一劑？
面對新興疫情疫苗需要超前儲備施打上卻又不能操之過急不僅要確認安全性還要檢視不同疫苗保護力並規劃這些疫苗如何配置才對國人有最大效益。
AZ疫苗的3期臨床試驗報告顯示拉長第1劑與第2劑疫苗接種的間隔時間較具保護力。對此陳時中則保留表示要持續觀察當世界各國接種量愈來愈多我國可參考的資料就愈來愈多接種政策就能滾動式修正。
我國共計預購3000萬劑左右的新冠疫苗包括COVAX（疫苗全球取得機制）平臺分配的476萬劑、莫德納（Moderna）疫苗505萬劑、AZ疫苗1000萬劑以及本土自製疫苗1000萬劑另還有輝瑞疫苗正在聯繫洽購中。
關於輝瑞疫苗的保護力18日在《刺胳針（The Lancet）》也有新報告。以色列最大的醫療機構謝巴醫學中心（The Sheba Medical Centre）針對超過9000名健康照顧工作者的接種報告顯示已在各國陸續給民眾接種兩劑的輝瑞疫苗其實施打一劑後的半個月到1個月新冠肺炎感染就能降低85%。
這是否代表接種一劑即可？能否因此讓更多人有機會打到疫苗？對此黃高彬澄清疫苗的保護效力是指接種過疫苗的人後續接觸病原時能減少多少的罹病風險。一般來說疫苗保護效力至少要90%以上才合格達到95%以上才會被稱作好疫苗。因此無論是輝瑞疫苗接種一劑能降低85%的感染、AZ疫苗兩劑間拉長間隔能獲得82%保護力這些數字都差強人意「我們不會建議只打一劑」。
特別在台灣新冠肺炎疫情並不嚴重且我國疫苗從預購數量、儲存與接種布點漸漸規劃完整因此不需要考慮有機會進口輝瑞疫苗時是否只讓民眾打一劑。
黃高彬透露在數量上國產疫苗還能供應更多—高端疫苗預計生產200～300萬劑聯亞疫苗更計劃在今年底前生產達1億劑因此可以預見台灣能取得足量疫苗達成群體免疫理想。在疫苗施打地點上第1階段規劃26～28個點多是具有極低溫儲存空間的區域級以上醫院後續很快地會擴展至200個點主要都是醫院國內外貨源具足就能快速供應民眾。</t>
  </si>
  <si>
    <t>高端疫苗昨天宣佈二期臨床試驗解盲成功衛福部長陳時中 今天也特別評論解盲結果表示從高端公佈的資料中可看出安全性、免疫反應、製程穩定性都沒問題唯獨真實保護力有多少必須交由專家來研判。陳時中表示從昨天</t>
  </si>
  <si>
    <t>高端疫苗昨天宣佈二期臨床試驗解盲成功衛福部長陳時中 今天也特別評論解盲結果表示從高端公佈的資料中可看出安全性、免疫反應、製程穩定性都沒問題唯獨真實保護力有多少必須交由專家來研判。
陳時中表示從昨天高端公佈的三千多個資料可看出至少疫苗安全性是沒有問題的應該能被大家認可另外在抗體陽轉率上數值也來到百分之九十九點八「方向很清楚表示有引發身體的免疫反應」。
陳時中也提到從高端的前三批製程資料也看出來產品穩定性看起來也沒問題唯獨中和抗體是否能夠等同真實保護力還有待進一步商榷。
陳時中說雖然從高端公佈的中和抗體資料可看出相當不錯「但中和抗體是不是代表他確效？需要專家蒐集更多意見才能做出綜合判斷」不過他也說目前中和抗體已有研究顯示與保護力成正相關「但這還需要研判不代表目前的中和抗體就有保護力。」
陳時中指出為確認國產疫苗產生的中和抗體是否有效早在三月AZ疫苗剛到貨時就針對兩百名醫護人員進行疫苗施打預計將其血清拿來與國產疫苗做比對目前相關的抽血程式都已開始進行這些打完AZ的抗體分析結果應會在六月下旬出爐屆時將提供給國產疫苗審查委員去做比對與瞭解。</t>
  </si>
  <si>
    <t>新型冠狀病毒在全球擴散歐美最新研究顯示慢性病及心血管疾病患者若罹患新冠肺炎不僅死亡率高重症住院者更多不可不慎。為協助患者做好自我管理醫界首度駭客松作品「好心鄰」LINE上線協助提醒用藥紀錄檢測指數紀錄等。
財團法人中華民國心臟基金會執行長黃瑞仁表示美國醫學會雜誌(JAMA)2月刊登的研究顯示新冠肺炎138名住院患者中近半數患有至少1種合併症前3名分別為高血壓(31％)心血管疾病(145％)和糖尿病(10％）而歐洲心臟雜誌(European Heart Journal)刊登的研究顯示早期的新冠肺炎患者中有高達50％的住院患者有慢性疾病其中有40％罹患心血管或腦血管疾病意即罹患新冠肺炎而重症住院者心血管疾病患者占2成。
台灣介入性心臟血管醫學會理事長謝宜璋表示美國心臟學院今年3月針對新冠肺炎的通報指出慢性病患者罹患新型冠狀病毒的致死率較高、預後較差以大陸的資料來看罹患新型冠狀病毒的心血管疾病的患者致死率為105％比糖尿病73％、慢性呼吸系統疾病63％、高血壓60％以及癌症56％都高。患者在疫情期間更要比平時加倍愛惜自己的心臟。
謝宜璋呼籲患者在新型冠狀病毒來襲期間更要比平時加倍愛惜自己的心臟例如規律運動及飲食做好平時的血壓、血糖、體重及用藥記錄在疫情期間更可以透過AI(Artificial intelligence AI)人工智慧做好患者的自我健康管理。
醫界首度駭客松作品「好心鄰」（https://linee/3tCD1E3）將AI人工智慧和LINE的「聊天機器人」程式相容主動提醒按時服藥藉以提升急性冠心症(Acute coronary syndrome ACS)患者用藥的順從性。此外也加入全方位血糖、血壓、體重等記錄功能增強患者服藥順從性且每天記錄控管身體指數可降低心肌梗塞復發風險。</t>
  </si>
  <si>
    <t>美國最新研究發現新冠變異株Omicron的眾多突變中其中一個可能涵蓋從其他病毒上取得的遺傳物質片段從而讓Omicron可能更具傳染力但同時只會造成輕症。專家指出Omicron可能是從感冒病毒中取得遺傳物質片段。
路透社報導資料分析公司Nference的美國、印度、加拿大研究人員2日在開放科學平臺預印本（OSF Preprints）網站發布最新研究團隊在Omicron的突變上發現特殊遺傳物質片段。
研究指出這個特殊遺傳物質片段從未在其他新冠病毒上出現過但是包括在普通感冒病毒在內等其他病毒中廣泛存在在人體的基因組中也能見到。
主導這項研究的美國研究人員桑達拉拉然（Venky Soundararajan）表示透過植入這個特殊遺傳物質片段Omicron或許能讓自己看起來「更像人類細胞」如此能幫助它躲過人體免疫系統的攻擊。
報導指出這可能代表Omicron更容易傳播但同時只會造成輕症或無症狀患者。科學家目前尚不清楚Omicron是否會比其他變異株更具傳染力、是否會造成更多人重症又或者是否會取代Delta成為主流變異株學界或許還需要幾周時間才能回答這些問題。
先前研究發現肺部及腸胃系統細胞能同時攜帶新冠病毒及普通感冒冠狀病毒人體同時感染2種病毒為病毒重組創造出條件這個過程是不同病毒在同一個宿主細胞內複製病毒的同時也交互作用創造出同時兼具2種病毒部份遺傳物質的新病毒。
研究人員指出新突變最初可能在同時感染2種病原體的患者身上發生先前版本的新冠病毒從另一種病毒身上獲得基因序列。
桑達拉拉然表示相同的基因序列也多次出現在其中一種感冒冠狀病毒HCoV-229E及導致愛滋病的人類免疫缺乏病毒（HIV）上。南非是全世界愛滋病感染最高的地方桑達拉拉然說南非或許已經有許多人身上出現病毒重組的情況。
她說在Omicron出現之前人類或許已經錯過許多代的病毒重組。
這份研究目前尚未經過同儕審查。</t>
  </si>
  <si>
    <t>中央流行疫情指揮中心昨宣佈最快明年1月1日開打第3劑疫苗將優先提供給高風險對象接種兩劑滿6個月者可接種。針對第3劑疫苗廠牌應如何選擇衛生福利部傳染病防治諮詢會預防接種組（ACIP）召集人李秉穎指出基本上是之前打什麼疫苗就繼續打哪個疫苗；目前專家會議尚未詳細討論可能會開放大家去選擇。
李秉穎指出目前國際上已有不同疫苗混打的經驗安全性沒有很大的問題從學理上來看現在已有不同疫苗混打的經驗安全性沒有很大的問題只是局部不良反應的發生率會比較高一點但多不會太嚴重。
李秉穎也說接種兩劑腺病毒疫苗(AZ）混打mRNA疫苗後的效果與純打mRNA疫苗類似因此專家決定開放大家選擇基本上如果前兩劑打mRNA疫苗第三劑就是你前面打什麼後面就接著打但如果是AZ則開放民眾自選而高端也是自由選擇如果有人第三劑也想打高端也沒有問題。
至於前兩劑打高端的民眾李秉穎表示會保留他們的選擇權利目前已有高端混打其他疫苗的試驗正在進行中大概不久就能看到資料預計會在第三劑開打之前出爐。</t>
  </si>
  <si>
    <t>新冠肺炎疫情期間新興市場股市表現承壓但部分產業或國家表現已漸走出新冠疫情陰霾股市走勢和防疫成效呈現明顯正相關法人表示在新興市場股中目前相對看好中台韓印等亞洲國家。
疫情期間在投資人轉進安全資產與美元走強的背景下新興市場股市年初以來表現受挫。然而MSCI新興市場指數在6月已有部份收復失土7月新興市場股的跌幅更加縮小也縮小新興市場與成熟市場的差距根據晨星基金統計截至7月28日為止部分新興市場股基金在經近三個月漲升後今年來報酬率已由負轉正。
聯博表示因台灣與波蘭等部分新興市場國家股市防疫有成甚至優於部份成熟國家股市。隨著防疫政策改變消費者與企業行為部份新興市場投資機會逐漸浮現投資吸引力可望延續至後疫情時代。
綜觀全球新增確診病例最多的十個國家當中有九個是新興市場國家美國是唯一的成熟國家。幾個南亞大國如印度、菲律賓與印尼目前疫情狀況仍不見好轉。而巴西、墨西哥、智利與秘魯等拉丁美洲國家新增病例依舊快速增加。
占新興市場指數逾60％的大陸、台灣與南韓是防疫成果最佳的三個新興市場國家；另馬來西亞與泰國的病例數已降至個別國家高峰時的10％以下防疫成果有目共睹 。這些國家若能維持這樣的防疫成績日常生活將可逐漸恢復常態比美國更快重拾經濟成長力道。
面對這波資金行情在新興市場股市中國泰投顧認為短線股市可能呈現高檔震盪投資難度提高如有拉回建議把握加碼機會。
除了美股大陸及印度亦具備投資題材像是大陸已經逐漸走出疫情陰霾第二季GDP較去年成長32％較第一季的負68％大幅改善6月進出口年比資料均轉正顯示經濟重回成長軌道而大陸擁有龐大內需市場智慧手機及網路滲透率高即時串流媒體在線上銷售的成長速度驚人未來的投資潛力亦值得留意。</t>
  </si>
  <si>
    <t>本土疫情升溫中央流行疫情指揮中心日前推出「台灣社交距離App」讓確診者上傳資料提醒14天內近距離接觸的對象不過至今已確診有5488人實際上傳僅29人上傳率僅05％。對此民眾黨立委高虹安表示「社交距離App」要成功的關鍵就是使用者必須足夠多且使用者會確實把逐跡上傳才能達到警示跟比對的效果呼籲疾管署想辦法加強推廣盡快改善問題。
「工欲善其事必先利其器」高虹安指出「台灣社交距離App」要成功關鍵就是使用者必須夠多且如實上傳資料但App上線後截至目前僅29名確診者上傳完全無法達到預先設定的警示跟比對效果。
針對上傳率偏低高虹安提出兩大問題首先是中高齡長者運用數位科技比例偏低而這次確診者大多都偏向年紀較高者導致確診者把資料上傳社交距離App比例偏低也難蒐集相關逐跡。
其次疾管署應該想辦法推廣「社交距離App」提升使用者人數而不是工具做出來疾管署卻沒有好好利用工具達到阻絕疫情效果。
高虹安坦言看到App確診者上傳資料資料傻眼難怪先前外界質疑明明確診者持續增加甚至有跟指揮中心公佈的確診者逐跡相符App卻沒有響起警示音民眾開藍芽比對資料結果都是白比對希望相關單位能盡速改善問題。</t>
  </si>
  <si>
    <t>台灣新冠死亡率較全世界高引起各界關注有人認為年齡和身體狀況是原因也有人推測是篩檢數不足導致但加拿大英屬哥倫比亞大學教授「山人幸琪」發文表示台灣這波疫情爆發至今四周其他國家已超過16個月兩者的死亡率資料當然不能比較若真要比應回溯英國被變異株B117病毒主控期間的死亡率若台灣死亡率仍偏高那才是真正的問題。
來自台灣的加拿大英屬哥倫比亞大學教授「山人幸琪」在臉書發文指出英國研究人員比對超過11萬名新冠肺炎確診者的病毒株發現感染英國變異株B117比感染原本的新冠病毒或其他當時正流行的變異株多了64％的死亡危險。
山人幸琪表示台灣現在流行的病毒是B117各界都關注為何死亡人數這麼多？就資料上來看台灣過去四周（截至6/6）的死亡率是219% 但隔了兩天（6/8）變成264% 這個百分比看起來死亡率一直上飆但很大的原因是「因為我們的疫情現在才4個星期其他國家都已經超過16個月了」。
山人幸琪指出確診死亡率高的原因疫情指揮中心解釋過除了與個案的年紀與身體狀況（有無慢性病）有關係醫療量能是否出現問題也一直備受討論也有專家質疑確診者篩檢量恐不足但如果參考《英國醫學期刊（BMJ）》上發表的論文台灣死亡率偏高究竟是跟什麼國家、什麼病毒相比？
山人幸琪說約翰霍普金斯大學網站上的資料圖是從各國開始出現疫情後一直到現在的病毒致死率；如果人們手上有資料那他建議用資料來說話台灣目前流行的病毒株為B117回溯至英國是在哪段期間變異株病毒完全主控將該時間的致死率算出來與台灣進行比較如果台灣致死率仍舊偏高那問題才成立。
醫藥粉專《MedPartner 美的好朋友 》昨也在臉書發文表示台灣這波疫情死亡率這麼高是因為感染者的年齡多在60歲以上且帶有慢性病這類型的人本就是死亡風險特高的族群。不過死亡率高並非不能被撿討可以檢討確診但沒被發現的死者是啥原因也可以檢討送到醫院後死亡的原因。
台灣確診死亡率高的原因也引發網友討論不少人認同年齡加身體狀況影響死亡率的說法但也有網友質疑死亡率高也可能代表著還有很多沒有被篩檢出來的無症狀者根本不知道自己確診在社區趴趴走。「分母不夠多當然顯得死亡率高。」</t>
  </si>
  <si>
    <t>德國總理梅克爾22日（周日）宣佈將自主居家隔離因為上週五曾為她施打疫苗的醫師後來確診新冠肺炎。德國政府預計週一將祭出規模5000億歐元的財政紓困措施協助這個歐洲最大經濟體減緩疫情帶來的經濟衝擊。
梅克爾發言人賽伯特指出梅克爾總理20下午曾接受預防肺炎鏈球菌感染的疫苗。22日召開對抗新冠肺炎措施的記者會後不久梅克爾就被通知該名醫師已經確診的消息於是當下決定在家隔離。
賽伯特表示未來幾日梅克爾將進行「定期檢查」這段時間她會在家辦公。
德國官員指出梅克爾的副手、財政部長蕭茲（Olaf Scholz）將於23日主持內閣會議擬定緊急預算草案預計最快將在週三由國會表決。
最新預算將使政府今年的舉債上限調高至1500億歐元另還包括數千億歐元的放款擔保協助企業在疫情衝擊期間取得流動性。
此方案估計將使聯邦政府出現2014年以來首度預算赤字一改德國政府長久以來的財政緊縮政策。
知情官員透露最新預算將成立1500億歐元的基金藉此收購需要資金挹注的德國企業股權另一方面政府將提供擔保以便讓銀行提供企業4000億歐元貸款度過流動性短缺的困境。
倘若德國商家關閉時間延長或經濟蕭條比預期更嚴重德政府推出的一系列紓困法案將使舉債突破5000億歐元大關。
為避免疫情擴散梅克爾周日向國民下達「接觸禁令」除了家人之外禁止兩人以上的公開聚會。梅克爾感謝願意遵守社交距離原則的德國人民她建議人與人之間應該至少維持15公尺藉此減少被感染的可能性。
根據約翰霍普金斯大學資料截至週一上午德國新冠肺炎確診人數達24873人死亡93人。</t>
  </si>
  <si>
    <t>在這次新冠肺炎疫情中由於醫療資源嚴重短缺加上初期疫情不透明讓大陸抗疫前線的醫療人員暴露在高度風險中外媒估計大陸醫療人員感染新冠肺炎數量恐達數千人將成為疫情防控新的危機。
《中央社》報導說武漢當地共有398家醫院以及近6000個社區診所。武漢市衛生健康委員會指定9家定點醫療機構以及61家發熱門診醫療機構。到11日為止大陸醫護人員確診武漢肺炎新型冠狀病毒1716例占大陸確診病例38%；其中6人不幸死亡占大陸死亡病例04%。
美國有線電視新聞網（CNN）指出這些醫院的染病患者中醫療人員占很大的比例。根據醫務人員在社群平臺透露的資料、大陸媒體報導以及醫療期刊文章感染的醫療工作者人數可能高數千人之譜。
上週發表在美國醫學會期刊（Journal of the American Medical Association）論文顯示武漢市中南醫院有40名醫療人員染病占院內138名病患中近3成。
中南醫院重症醫學科主任醫師彭志勇告訴媒體這個資料和其他醫院相比已經算是低的。他表示另一家發熱門診機構武漢市第七醫院加護病房2/3醫療人員因為醫療資源不足而遭到感染。
武漢市政府坦承N95口罩、護目鏡和隔離衣等醫療資源不足當地各家醫院也一再在社群媒體呼籲各界捐贈隔離衣。
據《人民日報》官方微博指出武漢醫療人員利用塑膠袋製作隔離衣除了口罩、手套、隔離衣嚴重不足外醫務人員也被龐大的工作量壓垮。
香港中文大學呼吸系統學講座教授許樹昌表示在經過長時間的值班後院內醫療人員可能在茶水間和會議室發生交叉感染。
根據上月在新英格蘭醫學期刊（New England Journal of Medicine）發表的首批425起確診病例研究報告7名醫療工作人員在1月1日到1月10日已經出現感染症狀。當時武漢市衛生當局還表示「沒有發現醫療人員感染」並重申沒有明確證據顯示人傳人。
醫務人員感染不僅發生在指定治療院所也開始在大陸其他機構和城市發生。
根據《中國新聞週刊》報導非武漢肺炎指定治療醫院武漢市精神衛生中心爆發院內感染至少有50名患者和30名醫務人員確診。北京、廣西、江西和海南也傳出醫務人員感染個案。
近20年前發生的嚴重急性呼吸道症候群（SARS）疫情期間原本在爆發初期試圖隱匿疫情的當局對於醫務人員染病的資料更加透明。根據當時的國家衛生委員會前身衛生部公佈的資料大陸5328起SARS案例總共有966例醫務人員染病總計占18%。
香港大學教授孔繁毅表示對衛生當局來說現在要完全公佈醫務人員染病資料可能不容易。「我想他們可能會在2、3個月後公佈。目前情況過於混亂。」</t>
  </si>
  <si>
    <t>經濟資料優於預期美股四大指數反彈但台股似乎不賞光儘管今跌勢趨緩開跌1156點報在1265135點但隨即跌幅擴大指數最低觸12557點下挫逾百點之多亞股亦拉回震盪今日成交量預估落在1800億元短期因</t>
  </si>
  <si>
    <t>經濟資料優於預期美股四大指數反彈但台股似乎不賞光儘管今跌勢趨緩開跌1156點報在1265135點但隨即跌幅擴大指數最低觸12557點下挫逾百點之多亞股亦拉回震盪今日成交量預估落在1800億元短期因為美國總統大選前的高度不確定性且第四季疫情捲土重來的衝擊下資本市場的潛在風險仍相當高中長線支撐在半年線12150點附近。
蘋果季報不如預期第三季iPhone業務營收減少20%且對於本季財測尚不明朗使得蘋果盤後一度跌逾5%也影響到今蘋概三大指標股股王大立光(3008)開低震盪盤中一度翻紅回到平盤之上小漲台積電(2330)、鴻海(2317)均走跌惟跌幅均不大。
除蘋概三大指標股的震盪外其餘權值股來說昨日強勢的面板雙虎今回檔整理友達(2409)開低整理盤中跌幅收斂回到平盤附近群創(3481)法說報喜第三季每股賺016元擺脫連續7季的虧損但今日股價利多不漲盤中下挫約15%；今日法說即將登場的聯發科(2454)市場觀望氣氛濃跌幅約14%；法說報喜的聯電(2303)第三季亮麗財報但今日開低回檔修正跌幅逾4%。
目前因為歐美疫情急速惡化新紓困案選前確定無望通過等因素衝擊國際股市震盪加劇加上投資人選擇觀望居多市場量能明顯陷入萎縮周成交均量不到2000億元。
分析師表示現階段美國大選前是場紛擾但待下周大選過後市場不確定因素將可望減少股市終將回歸基本面主導目前盤勢進入最後壓縮期考量美股第三季財報可望優於預期、蘋果新機iPhone12系列熱賣基本面、政策面皆有助選後整體走勢上揚目前台股技術面中長期均線仍呈多頭排列時序正值第三季財報陸續公佈可留意財報表現或是展望佳的個股。</t>
  </si>
  <si>
    <t>紐約聯邦準備銀行表示聯準會（Fed）自週二（12）起開始買進公司債ETF以協助支撐受新冠肺炎打擊的美國經濟與金融市場。這項措施對Fed堪稱是一大歷史里程碑因為它在過去從未有購買ETF的舉動。
Fed將透過次級市場企業信貸機制買進債券ETF其購買首選標的將是投資級公司債其次是高收益公司債。貝萊德集團被聘請負責這次公司債ETF的購買計畫。
由於Fed在以往從未買進ETF這次突然改變作法根據內情人士透露是因為它認為購買ETF是直接將資金導向信貸市場的最快方式之一。
此外Fed還將在近期透過初期市場企業信貸機制直接買進公司債。該機制目前還未正式推出。
Fed在聲明中提及購買ETF的參考標準包括投資級與非投資級公債的所占比重、管理方式、在存款機構持有的債券數量、管理資產規模與每日平均交易量等。
購買公司債ETF以及Fed先前推出的多項救市措施都是協助受疫情重創的金融市場能盡早恢復正常運作。先前受新冠肺炎快速擴散導致美國經濟許多領域陷入停擺經濟資料也出現大幅惡化。
在同時Fed還把短期基準利率降至近零水準並擴大公債與抵押債券的購買規模使得其資產負債表從去年9月的38兆美元急遽膨脹到67兆美元。
Fed主席鮑爾曾在4月底記者會上表示藉由提供不易取得的融資能讓這些紓困計畫對美國經濟帶來提振效果。他還指出當中許多計畫必須仰賴緊急融資權限然而這些權限只有在罕見情境下動用就如同今日遭遇的環境才會使用。</t>
  </si>
  <si>
    <t>聯亞疫苗昨天二期解盲有專家表示聯亞疫苗的抗體效價比高端疫苗低。對此中央流行疫情指揮中心專家諮詢小組委員、台大兒童醫院感染科醫師李秉穎今天表示疫苗的保護力不是只有看抗體而已大家也不需要去比較這兩款疫苗畢竟兩個都是自己的小孩是台灣的小孩。
聯亞昨公佈二期臨床試驗的資料讓不少人好奇與高端疫苗相比究竟誰比較好？對此李秉穎今上周玉蔻主持的電台節目《新聞放鞭炮》表示高端和聯亞的抗體效價都是同一個實驗室分析的但疫苗的保護力不是只有看抗體而已還要看T細胞等。
李秉穎也舉例說明AZ、BNT和莫德納等疫苗的抗體效價也都存有差異但在英國研究報告中指出這幾款疫苗實際上在全世界施打之後都有大約9成的保護力。
李秉穎表示至於疫苗的血清轉陽率高端和聯亞應該不會差太多因為接受的族群幾乎都是原先就沒有抗體的人究竟魚與熊掌該如何選擇？他則認為既然很難比較那就「不需要去比較這兩款疫苗畢竟2個都是自己的小孩是台灣的小孩啊！」</t>
  </si>
  <si>
    <t>新北市今日確診個案又破百達123人新北市長侯友宜8日指出用每日確診個數來分析疫情發是落後的指標他認為應該要用發病日會比較好一點侯說新北市分析發病日資料從5月8日曲線開始往上爬5月15日最高點後</t>
  </si>
  <si>
    <t>新北市今日確診個案又破百達123人新北市長侯友宜8日指出用每日確診個數來分析疫情發是落後的指標他認為應該要用發病日會比較好一點侯說新北市分析發病日資料從5月8日曲線開始往上爬5月15日最高點後到本月7日慢慢往下掉不過他指出目前泰山、淡水有往上成長趨勢要加強防疫措施壓制下來。
侯友宜說這幾周新北確診個案集中在板橋、三重、中和、永和、新莊這些地點都在臺北萬華周遭萬華有18萬人有7條橋樑連結新北市200萬人口可以看出在5月8日起都慢慢往上發展。
侯友宜說全部案件在5月16日到5月22日來到最高峰5月29日後包括板橋與其他地區都陸續往下掉目前仍屬於穩定在高峰後慢慢往下掉。</t>
  </si>
  <si>
    <t>西班牙衛生部4日表示西班牙累計確診病例已超過12萬例西班牙也成為確診病例第二多的國家僅次於美國的28萬例。不過該國單日新增死亡人數有所下降。總理桑切斯透過電視講話宣佈政府將要求國會把國家緊急狀態延至4月25日午夜。
據統計截至當地時間3日晚21時西班牙新增7026病例累計確診病例124736例；單日新增死亡病例809例；累計死亡11744例病亡率達到約94％；新增治癒3706例累計治癒34219例。目前仍有6532人在重症病房接受治療比一天前增加116人。
西班牙衛生部應急與預警協調中心稱資料證明當局近日所觀察到的疫情緩和趨勢。截至目前西班牙一直重點確診具有基礎病史的患者、重症患者以及醫護人員但全國肯定還有許多未確診的輕症患者這就是為什麼西班牙有如此高的病亡率。
西班牙新冠肺炎累計死亡病例達1萬1744人僅次義大利。專家還表示受感染比率雖已放慢但首都馬德里附近疫情嚴重已有4723人死亡占西班牙整體死亡人數的4成；西班牙東北部的加泰隆尼亞疫情第2嚴重共2508人死亡。
另外歐洲另一個疫情嚴重的國家法國過去兩天確診或疑似病例暴增44％至8萬2165起成為第5個通報病例數超過中國大陸的國家。死亡人數也暴增61％至6507死。</t>
  </si>
  <si>
    <t>疫情延燒中央每日都會公佈當日確診數但臺北市長柯文哲認為不準確因中央還會一直校正回歸很難即時判讀北市疫情實況他認為比較準確的是看全北市每天快篩陽性的總數雖會慢1天但可接受。
柯文哲表示他認為比較準確且接近實況的是看全臺北每天快篩陽性的總數可能會比較接近因有病的人還是會去醫有病的總是會去篩檢因此他看每天快篩陽的數量大概心裡面就知道北市的嚴重度。
臺北市立聯合醫院總院長黃勝堅總說柯講的沒錯快篩陽性到PCR陽性的大概8成但快篩陰性回過頭來又PCR陽性的大概是1至15％所以加起來差不多是快篩陽性的數字。
臺北市立聯合醫院副總院長璩大成說柯、黃講的沒錯那是第一手消息另外還有個方法就是中央的校正回歸都會在上面會畫一個「紅帽子」只要把紅帽子拿掉差不多就是北市的樣子因回歸是回到5月26日之前在那之前有一些高峰現在是均勻地散在後面。
柯說還是不準因還會一直校正回歸這樣很難判讀所以要偵測到北市的實況很重要的資料還是快篩陽性的總數雖會慢24小時但還是可以即時判讀還是很重要。</t>
  </si>
  <si>
    <t>資料分析廠商SAS與國際數位金融調查機構Javelin攜手探討新冠肺炎前到各國封鎖重啟經濟活動期間全球商業詐欺手法的變化。調查顯示疫情確實加速數位元詐欺的演進速度線上購買及到店取貨成為主要攻擊目標手法</t>
  </si>
  <si>
    <t>資料分析廠商SAS與國際數位金融調查機構Javelin攜手探討新冠肺炎前到各國封鎖重啟經濟活動期間全球商業詐欺手法的變化。調查顯示疫情確實加速數位元詐欺的演進速度線上購買及到店取貨成為主要攻擊目標手法包含竊用支付憑證及架設錢騾網路等。詐欺罪犯也善用社交工程如電子郵件、文字訊息等通路的網路釣魚手法來規避詐欺管制措施使消費者在不知情的情況下參與詐欺過程。
SAS台灣總經理陳愷新提出觀察指出詐欺已從單一通路轉移至「全通路」進行滲透產業應該多利用人工智慧與機器學習技術「即時」進行風險監控才能在數位時代中保持領先。
調查指出亞太地區過往現金交易接受度高也因技術先進數位商務行為並行。而疫情爆發後數位支付的接受度明顯提升。幾個新興詐欺手法例如在在新加坡罪犯利用疫情間消費者渴求加速取得資訊的心裡誘使下載看似提供聯繫追蹤但其實用於盜用帳戶的App。
此外印度WhatsApp新增行動條碼功能可用於特約商店及點對點支付罪犯利用網路釣魚文字訊息要求消費者驗證PIN碼時擷取行動條碼螢幕截圖傳給罪犯使用隨著疫情爆發行動條碼的手法還透過網路在國外進行。
在日本疫情前日本已遭逢嚴重數位詐欺事件2018年底日本Paypay電子支付推出20％退現活動結果10天內經費用罄因為罪犯將偷來的卡片憑證載入 PayPay 中導致該活動高達9000萬美元的退現金額損失。?
對此陳愷新表示新冠肺炎讓世界更看清楚數位時代的詐欺風險詐欺已從單一通路轉移至「全通路」進行滲透。現有的批次交易監控方式已不敷使用他強調關鍵是需要著手將身份管理和交易監控相結合利用人工智慧和機器學習技術移轉至『即時』風險監控。
針對台灣現況陳愷新也建議金融服務機構「不該只把詐欺防制視為單純的防止損失而是協助企業能『大膽發展各類創新數位元交易型態』的即時詐欺偵測中台防護機制。現在起對『即時』資料掌握度愈高的組織將有更多可用於制定創新決策的籌碼這是能在數位時代保持領先優勢的關鍵。」
該報告也指出組織需要革新詐欺管理生命週期包括透過「即時」的方式計算交易的詐欺風險此外組織也該建置共用的智慧監控機制將所有支付方式的決策集中制定以客戶為中心的角度審核所有客戶與銀行交易的通路管道。
報告建議組織該使用關聯分析識別詐欺案件的共犯結構並在詐欺集團攻擊支付系統時確認。找出共同點有助於確認個資外洩事件如何發生並確認是否應重新核發支付方式。同時也應擴大詐欺調查納入反洗錢偵測。</t>
  </si>
  <si>
    <t>新北市恩主公醫院近期與新冠肺炎專責病房合作用包括國人研發的「清冠一號」等中西醫合併方式治療新冠肺炎重症防止病情繼續惡化並加速病患採陰解隔離的時間目前已治療超過10位確診者其中9位已出院返家自主隔離。
恩主公醫院中醫會診團隊主任廖唯宇指出除了用常規西醫治療外中醫團隊也利用舌診望診、電話問診與臨床資料資料調配符合患者體質的處方用「清冠一號」加減藿香正氣散、五苓散或千金葦莖湯隨證治療發現患者服藥後咳嗽、喘鳴的症狀明顯改善。
新冠肺炎治療沒有特效藥藥物只能緩解不適症狀患者必須增強免疫力擊退病毒中西醫治療合併下除了能加強療效爭取免疫力提升時間外患者血氧濃度、體溫也明顯改善新冠肺炎引起的發炎等症狀獲得明顯控制。
各地新冠疫苗陸續開打臺北慈濟醫院自15日起支援新店、雙和、三重、板橋、蘆洲等5處靜思堂疫苗接種站施打作業共獲配4310劑疫苗為協助長者快速施打仿效日本宇美町式「病人不動、醫護動」的方式進行力拚3天內施打完畢。
新店靜思堂指揮官護理部督導蔡碧雀說考慮到長者年紀大、行動較不便從報到、資料填寫、施打作業等都以「移動最少」為原則由醫師、護理師走動式看診看完診後直接注射疫苗。
亞東醫院這次分配到1110疫苗針對85歲以上長者規畫分為3天、每天700人施打顧及高齡長者不便頻繁移動同樣採用「宇美町」式打法昨天施打效率及秩序良好。</t>
  </si>
  <si>
    <t>全球生技和製藥公司正卯足全力對抗新冠肺炎危機近期多家大型藥廠在新冠肺炎檢測、治療和疫苗研發方面皆出現重大進展。
瑞士製藥大廠羅氏（Roche）的新冠肺炎抗體檢測技術3日獲得美國食品藥品管理局（FDA）緊急使用授權該項技術有助確認患者是否感染新冠肺炎病毒以及是否產生抗體。羅氏承諾自5月起將提供數千萬份試劑。
在治療方面吉利德科學（Gilead Sciences）的新冠肺炎實驗藥物「瑞德西韋」（remdesivir）亦獲得美國食品藥品管理局緊急使用授權該藥物將能擴大使用至治療美國的新冠肺炎重症患者。
此外雷傑納隆（Regeneron）與賽諾菲（Sanofi）共同開發的風濕性關節炎藥物Kevzara亦是治療新冠肺炎的潛在藥物之一。初步資料顯示該藥物用來治療重症肺炎患者的效果較好但對症狀較輕的病患較無顯著成效。
兩家公司決定停止在輕症患者測試Kevzara打算對重症患者擴大測試測試結果將於6月出爐。
在疫苗方面近期不少藥廠宣佈合作生產計畫美國生技公司Moderna宣佈與瑞士同業Lonza簽署十年製造協議每年可望生產10億劑疫苗。Moderna計劃在2020年秋季展開疫苗的第三階段人體試驗。
此外英國藥廠阿斯特捷利康（AstraZeneca）與牛津大學締結疫苗開發與分銷協議目標是在2020年底前推出至多1億劑疫苗。
美國總統川普日前表示他有信心疫苗能在年底前問世。不過羅氏執行長施萬（Severin Schwan）對此感到質疑稱年底前是「相當遠大的目標」。根據世界衛生組織（WHO）資料全球正在開發的新冠肺炎疫苗至少有102種。專家表示疫苗可安全上市大約要12至18個月時間。</t>
  </si>
  <si>
    <t>中央宣佈今（5日）本土確診新增6例為5月升級防疫警戒以來最低儘管國內疫情趨緩毒理專家招名威指出成為全球主流變異株的Delta印度變種病毒已經在台灣門口蠢蠢欲動全民除了要施打疫苗仍應維持傳統防疫方式在新冠肺炎消失前學習與病毒共存。
招名威日前透過「Our data in World」監測各國疫情發現國外疫情都轉以Delta變種病毒為主7/26的資料更顯示英國確診人口已經100％感染Delta病毒美國則高達93％。台灣周圍國家也備受Delta威脅鄰近的大陸和新加坡確診者中同樣都100％感染Delta日本、南韓分別為75％、51％。對此招明威坦言Delta病毒在台灣門口已是無庸置疑的事實接下來要好好面對挑戰守住國門。
另一方面招名威發現一個有趣的現象那就是每個幾天就會出現疫苗無效的報導把變種病毒形容得很可怕；隔幾天又有資料顯示疫苗有效兩者不斷循環。招名威認為疫苗改良的速度確實不及變種病毒也導致保護效力變差但依然要施打疫苗才不會只是「0與100的差別」就算疫苗無法100％應付變種病毒仍有一定保護力。
招名威坦言其實無論疫苗是否還有效傳統的防疫方式還是最好。除了要施打疫苗外大家依然不能鬆懈勤洗手、戴口罩等防疫措施「新冠狀病毒沒有消失的一天我們只能持續與它共存」。</t>
  </si>
  <si>
    <t>在歐元疲軟的支撐下歐洲股市週三創出新高而新冠肺炎病例數量下降使人們寄希望於這種流行病對全球供應鏈的影響將是短暫的。新的資料顯示大陸的新冠肺炎病例數連續第二天下降這有助於預測到4月份這種流行病</t>
  </si>
  <si>
    <t>在歐元疲軟的支撐下歐洲股市週三創出新高而新冠肺炎病例數量下降使人們寄希望於這種流行病對全球供應鏈的影響將是短暫的。
新的資料顯示大陸的新冠肺炎病例數連續第二天下降這有助於預測到4月份這種流行病可能會消退泛歐的STOXX 600指數上漲了05％。
大陸人行已採取多項措施幫助度過自2002-03年SARS疫情以來最大的公衛危機這不僅提振了全球人氣並使全球股市處於自2019年6月以來的最佳月份。
科技股上漲帶動米蘭股票指數FTMIB升至2008年以來最高水準蘋果供應商意法半導體（STMicroelectronics NV）漲幅居前。在義大利銀行業期待已久的合併的希望的推動下該指數週二收於十年來的最高點。
現在歐洲投資人關注的目標都放在即將公佈的經濟資料主要是法國和德國的採購經理人指數（PMI）法蘭克福的主要指數GDAXI上漲約04％。</t>
  </si>
  <si>
    <t>新冠肺炎本土疫情延燒國內昨新增472名本土案例其中339例新增、133例校正回歸個案全台本土案例累計9248例加上境外移入共1萬446例突破1萬大關且再新增21名死亡個案追平單日最高紀錄。雙北疫情持續延燒新北市長侯友宜拜託民眾盡量出來廣篩找出隱藏在社區的感染源才能堵住傳播鏈甚至要成立「到宅快篩隊」到府服務臺北市長柯文哲則直言北市快篩陽性率降到44％但不代表疫情改善。
雙北仍在百例高峰 苗栗又暴衝
昨日新增的本土個案以新北市227例居多其次為臺北市的152例及苗栗縣的51例新北累計本土個案數已達4400例臺北市亦有3300例。疫情中心指揮官陳時中表示疫情確實仍然緊急目前比較好的情況是採檢報告的效率有提升現階段沒想到降級、也沒想到升級疫情仍處在相對高點會持續精進防疫措施。
50歲染疫亡 罕見無潛伏疾病
此波本土病例爆增每日新增死亡案例一直高居不下昨日新增21名死亡個案追平單日最高紀錄其中最年輕30多歲最年長則是90多歲專家諮詢小組召集人張上淳表示死亡個案中年輕的2人有洗腎、糖尿病其餘個案除1名50多歲的個案沒有潛伏疾病外其他都有潛伏疾病。
至於重症病例醫療應變組副組長羅一鈞表示5月11日到6月3日間0到9歲確診人數占26 ％、10到19歲占32％、20到39歲占202％、40到59歲則占357％、60歲以上占383％60歲以上仍占大宗。日前陳時中指出20到39歲年輕人染疫比率變高指年輕人防疫鬆懈引發年輕人不滿昨日他也緩頰說年輕族群不算排行前面但多是輕症或無症狀不見得會就醫、採檢怕大家誤解重症都是長者而有點輕忽提醒大家病毒是針對所有人每個人都要注意。
近來新北市確診病例一直未見趨緩侯友宜昨主持防疫會議指出雙北已連續出現2波高峰期未來恐還有新一波疫情高峰他知道市民在家待了20多天心理壓力很大但拜託大家再忍耐一下維持低度再低度的活動也呼籲所有市民、尤其「重熱裡」的居民盡快出來廣篩。
60歲以上中鏢 高達383％
而依據新北市疫調發現超過4成的感染源來自家中親人新北市將組成「到宅快篩隊」除了開放民眾電話申請外也會根據警察局疫調資料、居家檢疫關懷中心匡列有需求者提供到宅快篩服務。
對於中央流行疫情指揮中心每日都會公佈當日確診數柯文哲認為中央一直校正回歸很難即時判讀北市疫情實況且PCR通報系統從檢查、確認到宣佈還是有時間差。目前快篩陽性約有80％PCR陽性顯示快篩陽性率至少有8成準確度應蒐集北市各醫院的急診室資料用快篩陽性的總數來做疫情監測時效上比PCR快很多是面臨校正回歸數多時的折衷應變方案。</t>
  </si>
  <si>
    <t>勞動部26日公佈最新的無薪假統計目前總計有3679家企業4萬4973人正在實施無薪假家數續創歷史新高人數也再次突破新冠肺炎疫情以來的巔峰其中住宿及餐飲業為仍是這次的重災區總計有1004家、2萬1240人實施無薪假家數與人數續創新高。
勞動部上周公佈的無薪假統計實施事業單位計2704家實施人數3萬1980人相隔一週增加975家人數增加1萬2993人家數持續創高人數更是突破因疫情在去年6月底的高峰。勞動部表示多數事業單位之實施人數在50人以下實施期間多數未超過3個月實施態樣較多的是每月休9至12日。
從行業別來看前三名的家數主要仍是與疫情管制相關最多的是住宿及餐飲業有1004家、2萬1240人正在實施無薪假其次為批發及零售業為919家、7328人第三則為支援服務業489家、3011人內需終端疲弱也連帶影響到上游製造業的民生工業與化學工業民生工業增至79家、882人而化學工業也增至42家、319人。
運輸及倉儲業的部分除了因應防疫實施邊境管制導致航空公司實施無薪假外部分國道客運、市區公車配合減班大幅減少司機員與相關作業人員的工作時數也讓本週無薪假的情況提高至141家、3331人；醫療保健及社會工作服務業的無薪假資料仍持續上升實施家數273家、2423人。</t>
  </si>
  <si>
    <t>民進黨支持者首選非高端？遊盈隆曝資料：蔡政府2點判斷失誤</t>
  </si>
  <si>
    <t>4月20日西德州輕原油期貨價格出現史上首見的負油價一度造成金融市場的劇烈波動雖然最後追查主要原因在於中國銀行金融衍生商品「原油寶」的期貨轉倉因素才造成當日原油期貨每桶負37美元的破天荒價格然而其背後的原油供需結構發展及對後續的投資方向影響值得投資人深思。
從供給面來看美國自2010年在頁岩油開採技術突破後大力開採頁岩油美國原油產量快速增加2019年每日產量高達1300萬桶超越俄羅斯以及沙烏地阿拉伯成為世界第一大石油生產國。也因為美國的頁岩油擴產一舉改變國際原油的供需結構。原油產量驟增國際油價也自2014年起告別三位數的油價開始呈現震盪走跌的態勢。
近年國際景氣受到美中貿易戰及近期新冠肺炎疫情影響需求持續下滑導致西德州輕原油價格進一步下落跌破2009年及2016年的低檔支撐40美元價位也才造就4月底驚天動地的負油價事件。
從需求面來看根據國際能源署（IEA）的預估全球因為防堵疫情約有187個國家實施活動限令有高達數十億人生活受到限制經濟活動嘎然而止工廠停工、航空公司航班及大眾交通系統大減各項需要石油的交通工具與產業停擺對石油的需求驟降今年第一季沙烏地阿拉伯的石油收入相較去年同期下滑了24％。
IEA預計2020年全球石油需求將比去年每天減少930萬桶後續原油的需求能否回穩將視席捲全球的新冠肺炎疫情何時止穩讓經濟生活重回正軌。但是有愈來愈多的研究顯示新冠肺炎威脅不會輕易結束。
台大公衛學院估算這波新冠肺炎全球大流行有機會在6月底接近尾聲但可能在今年秋冬捲土重來在疫苗或特效藥沒有出現前疫情的威脅可能還要持續兩年。經濟活動的回復仍將受限原油的需求恐難以回到過去的榮景。
就產業的影響來看近期西德州輕原油期貨價格在石油輸出國組織（OPEC）與俄羅斯達成減產協議後已逐漸回穩在20美元之上從沙烏地阿拉伯及俄羅斯的原油生產成本約介於每桶10～20美元間來看原油再向下大跌的空間已有限。但是美國頁岩油業者的生產成本卻高達40美元沙烏地阿拉伯及俄羅斯都想藉此次疫情來打擊產油成本最高的美國頁岩油。
根據Baker Hughes資料顯示西德州輕原油價格自2018年的76美元高檔下跌至今美國的鑽油井數目也從2018年11月的888座驟降至5月初的325座美國頁岩油巨頭Whiting Petroleum Corporation也不敵油價重挫壓力在4月初聲請破產。
根據統計2019年美國最低等級（CCC級）的高收益債中能源企業發行比重達13％這波油價大跌對能源企業的籌資將造成重大衝擊市場預估未來一年可能會有將近100家美國原油與天然氣生產商將聲請破產保護因此相關能源企業的投資商品必需要審慎因應。
另依據歷史經驗原油價格疲軟將造成下游石化產品的價格跟著疲弱且石化廠商今年將面臨高價原料庫存侵蝕獲利今年石化產業的業績不容樂觀。由於原油與石化產業都是屬於重要基礎工業周邊相關的產業需求商機龐大隨著全球油價暴跌油氣行業整體損失預估將超過上兆美元。
另一個需留意的產業為過去幾年表現亮麗的航空產業過往波音、空巴等飛機製造公司藉由開發省油型號的飛機及全球旅遊人數不斷增加的飛機需求相關供應鏈商機不斷升溫。然而這次新冠肺炎疫情造成航空公司收入驟降大減飛機訂單市場預估波音、空中巴士等大型廠商今年獲得的淨訂單可能合計減少1000架衰退幅度前所未有。
加上低迷的原油價格也讓航空公司節省燃油成本的機隊更新誘因驟降預計對航太產業的影響可能會持續到2021年。因此在投資上今年不宜對石化產業、航太產業及相關的設備供應廠商業績抱持太樂觀的預期。
原油價格的低迷代表實體經濟短期內仍難有所起色但是另一方面透過無線傳輸發展的網路通訊產業商機卻仍將持續蓬勃發展。因此投資人在後疫情時代的投資除需注意持股比重的調整外在產業類股的選擇上也需審慎選擇。</t>
  </si>
  <si>
    <t>新媒體暨影視音發展協會NＭEA主辦第二屆「亞洲新媒體高峰會」22日圓滿落幕為期二日共舉行了20場專題演講與對談62位頂尖產業領袖及台灣致力於泛娛樂產業的專業人士。以「Change The World」為主題聚焦資本化、數位化、全球化、在地化4大方向吸引超過上千人參與。
其中「國片起飛大聯盟」主題發起人之一威秀影城董事長吳明憲、台灣首部iPhone拍攝的電影《怪胎》製片牽猴子整合行銷副總經理陳怡樺、今年國片票房冠軍《孤味》製片人劉宛玲一致同意新冠肺炎對台灣電影整體市場的影響較為正面。除了國片整體票房較去年成長30％外每部電影的平均票房也比去年來得高顯見台灣今年電影的水準與口碑有逐漸重拾國人看國片的信心。
後疫情時代面對OTT與好萊塢國際資本大片的挑戰國片需要的是完整故事敘述與台灣在地元素並且搭配充足的行銷準備與時間發酵就有機會得到肯定。善用觀影者的資料分析與最新科技拍攝也能夠將目標觀眾的喜好提前分享給影視創作者參考也能得到科技產業跨領域的關注與宣傳。
加上「多元投資與共創雙贏」、「IP鍊金術的最後一哩路」、「文創資本的投資原則」等主題針對內容產業投資建議與效益評估廣泛收集資深會計師、財務投顧投資、影業財務長等人的專業意見。期待資源的整合與整併擴大內容產業的經濟規模積極串聯跨領域的產業合作。
另外今年金馬獎最佳動畫長片《廢棄之城》不僅是導演易智言與監製李烈耗費10年的築夢作品更是台灣動畫的冒險歷程。易智言表示台灣的動畫一直做代工技術是沒問題的但一直以來並沒有代表性的文本除了王小隸導演的《魔法阿嬤》似乎沒有令人印象深刻的作品。
易導期待《廢棄之城》帶給台灣動畫新的里程正因為動畫本身的複雜度產業動輒牽涉到五、六百人以上不是單一個人工作室可以單靠創意完成的。不只需要資金的投注更是需要整個電影產業或內容產業的陸續投入甚至希望政府的資源整合與挹注。
監製李烈呼應導演的看法鼓勵電影人跨足動畫產業。因為台灣的動畫人才尚未瞭解電影長片的表現方式對演員表演沒有概念。如何能夠把說故事的方式理解、吸收與呈現將對電影與動畫產業兩者皆有助益。就像是現在的電影已經都脫離不了特效了。台灣仍有很多電影對特效的運用概念薄弱如果兩者互相串流將大有幫助。</t>
  </si>
  <si>
    <t>針對台灣基進黨立委陳柏惟及部分媒體指出馬英九政府時代放寬規定擴大「居留證明」之認定因此大幅增加健保支出。前總統馬英九辦公室今天表示相關說法完全悖離事實錯誤百出呼籲主管機關儘速說明避免誤導民眾、以訛傳訛；相關單位也應儘速查明是否涉及散佈假消息之責以打假新聞為成立宗旨的「台灣事實查核中心」更不該默不作聲員警機關也應依據《社會秩序維護法第》第63條追究其法律責任。
馬辦指出健保自1999年起讓取得居留身分的大陸籍配偶納保； 2000年民進黨執政後進一步開放以「團聚」、「依親居留」、「長期居留」等身分來臺的陸配都可納入健保。當時的總統陳水扁與陸委會主委蔡英文基於人道考量及與外籍人士待遇一致原則開放在臺生活但尚未取得臺灣戶籍的陸配納保值得肯定。
馬辦表示馬政府時於2011年修正《健保法》將非本國籍人士的納保等待期由4個月延長為6個月把關更為嚴格。至於馬政府開放在臺沒有戶籍的陸配未成年子女居留滿6個月後可納入健保只是比照在臺外籍人士辦理納保年齡限制甚至更嚴。而根據媒體所報導健保署提供之資料這類人士目前僅有995人怎會變成立委口中的14 億人？他們不僅都有繳納健保費因為年紀較輕罹病率較低其所繳保費對健保收入的貢獻大於他們的醫療支出。
馬辦指出陸配是臺灣人的另一半兩岸婚生子女是臺灣人的下一代豈可因為他們尚未取得臺灣戶籍就剝奪其健保納保資格？這類人士總人數約5萬3千多人對比在臺71萬多的外籍移工也納健保、使用健保資源難道也要不准他們納保？
馬辦表示民意代表的言論應本於事實媒體的報導也應善盡查證之責這都是最基本的功課。陸配及其子女開放納保的相關資訊及開放後對健保財務的影響主管機關陸委會、衛福部都有明確詳細資料在手應主動說明澄清以遏止不負責民代散播漫天謠言影響社會安寧員警機關也應依據《社會秩序維護法第》第63條追究其法律責任。</t>
  </si>
  <si>
    <t>諾貝爾經濟學獎得主、著名《紐約時報》專欄作家保羅克魯格曼(Paul Krugman)撰文指出幾乎可以肯定美國疫情會愈來愈糟這比義大利疫情大流行階段還糟糕確診病例3天翻一番。而按照這速度一個月後確診病例將增加一千倍亦即有半數美國人將被感染。
克魯格曼在專欄中寫道3周前白宮和福克斯新聞(Fox News)的官方說法還是這個新冠病毒沒什麼大不了的與此相反的說辭都是居心不良的政治謊言是想讓川普下臺的人在搞鬼。現在紐約全面爆發衛生危機所有的跡象都表明很多城市將很快地陷入同樣的境地。
文章說我們希望這種情況不要發生現在許多州已經處於封鎖狀態可望減緩病毒傳播速度。但是當國家的噩夢觸底之前必須退後幾步問一問：為什麼美國的應對如此之爛？
克魯格曼明確地指出最高領導人的昏庸顯然是一個重要因素。數以千計的美國人正在死去而總統還在炫耀他的收視率。否認科學資料造成不必要的死亡不是此次新冠病毒所獨有美國一直都是發達國家中的「否認與死亡之國」只是現在呈現速度更加驚人。
在「否認」科學上流行病學家的工作迅速被政治化遭抹黑為傷害川普、宣傳社會主義或者其他目的。這種反應不令人意外因為氣候科學家多年來面臨著同樣的指控否認氣候變化是一種全球性的現象但中心顯然在美國：共和黨是世界上唯一否認氣候變化的主要政黨。
在「死亡」議題上有些人堅信美國人預期壽命是全世界最高的畢竟美國不是世界上最偉大的國家嗎？但事實上美國人預期壽命是發達國家中最低的而且與其他發達國家的差距幾十年來一直擴大。原因很多包括缺乏全民健康保險以及美國獨有的「絕望之死」──因毒品、酒精和自殺導致的死亡但所有的分析都被認為是對政府的敵意與這次對疫情的分析有同樣的下場。
一種可能的說法是美國的政治格局賦予了反科學的宗教右翼以特殊權力儘管美國是一個擁有光輝歷史的偉大國家但強硬右派的崛起正在把美國變成一座「否認與死亡之國」。這種轉變過去幾十年裡已逐漸出現只是現在它發展得更快罷了。</t>
  </si>
  <si>
    <t>疫情持續嚴峻許多病人因擔心感染風險害怕上醫院遠距醫療成為防疫新趨勢。光田綜合醫院為提升疫情期間病人看診便利性擴大遠距視訊門診服務腹膜透析腎友也可透過視訊看診醫師即時監測洗腎資料零接觸維持病</t>
  </si>
  <si>
    <t>疫情持續嚴峻許多病人因擔心感染風險害怕上醫院遠距醫療成為防疫新趨勢。光田綜合醫院為提升疫情期間病人看診便利性擴大遠距視訊門診服務腹膜透析腎友也可透過視訊看診醫師即時監測洗腎資料零接觸維持病人的醫療需求。
「防疫新生活看診新方式！」光田綜合醫院即日起擴大遠距醫療門診服務開放家醫科、心臟內科、新陳代謝科、胸腔內科、神經內科、腎臟內科、風濕免疫科、一般內科、腫瘤內科、血液腫瘤科、兒科等科別遠距看診提供給更多病情穩定的慢性病複診以及需開立慢性病連續處方箋的患者可透過線上掛號的方式預約。
光田綜合醫院腎臟內科主任王家良表示腹膜透析洗腎腎友以往必須到醫院例行性檢查如今透過遠距視訊可監測腎友居家洗腎操作機器的情況記錄洗腎數值並自動上傳雲端管理系統即時精準掌握病人治療與身體狀況醫病視訊溝通就跟面對面看診一樣有溫度、零距離。
光田綜合醫院副院長暨腎臟內科醫師張家築指出遠距醫療成為疫情下最重要的看診工具透過視訊醫療零接觸溝通也是零距離身在遠端的醫護能及時掌握病患的病情服務慢性病人的醫療需求讓醫療不至於中斷尤其在疫情高峰期間視訊看診可降低醫療的負荷同時提高病人的就醫便利性。
「有病千萬不能拖！」光田綜合醫院呼籲疫情期間許多患者因擔心來醫院看診而延遲就醫現在透過視訊看診可以很安心讓病情獲得控制。</t>
  </si>
  <si>
    <t>針對自中國大陸武漢爆發的新型冠狀病毒肺炎(簡稱新冠肺炎NCP)為了讓關心的網友能掌握最正確的資訊美國約翰霍普金斯大學（Johns Hopkins University）推出了蒐集 WHO(世界衛生組織)、美國疾病管制中心(CDC)跟中國國家衛生健康委員會(NHC)等官方所提供的資料整合的全球肺炎疫情地圖。然而這項資訊可能對於台灣民眾來說實用性不是很高。為了便利民眾察看目前台灣的疫情逢甲大學利用相同平臺開發出了台灣版「新冠肺炎地圖」透過圖形化介面讓你追蹤最新疫情並且將口罩庫存查詢工具也併入相當接地氣實用度超高！
為了便利台灣民眾追蹤在地的新冠肺炎疫情與防疫現況逢甲大學地理資訊系統研究中心規畫師賴正偉設計出臺灣版本的新冠肺炎地圖。點入後就能快速查看台灣目前的確診病例數、累積通報病例以及已排除病例數等統計資料。並將台灣鄰近國家目前的確診個案數目也清楚列出不僅可以快速對比也可以讓民眾對於各國的防疫情況有更全面的瞭解。
不同於美國約翰霍普金斯大學所製作的全球武漢肺炎地圖台灣版本的疫情地圖資料來自於衛福部疾管署所發表的資料並且以全中文化的方式呈現比起英文版的地圖更易閱讀。此外也加入了PTT 2019-nCoV 武漢肺炎討論專板、特約藥局資源線上查詢平臺等資訊將因為防疫而導入的口罩實名制度(需在健保特約藥局依身分證字號分流購買)的相關資訊也一併涵蓋進來整體實用性相當高。有即時掌握台灣防疫現況需求的朋友都建議可將此地圖連結收藏起來以便隨時查詢！</t>
  </si>
  <si>
    <t>國內COVID-19疫情連續10天單日本土病例破百例指揮中心指揮官陳時中 今天表示校正回歸後疫情還在高峰期研議延長三級警戒。專家預估這波疫情6月中才可能下降。
台大公衛學院教授陳秀熙分析這波本土疫情約在15日達最高峰最高陽性率為10至13%。據指揮中心資料臺北市最新快篩陽性率降至59%新北快篩陽性率維持4%資料逐漸下降第一波大流行群聚開始趨緩但國內可能要等到6月中旬後才可能漸漸回歸正常生活。
長庚大學新興病毒感染研究中心主任施信如也評估全台進入疫情警戒第三級這2週是關鍵期每天新增確診數若維持數百例還算是控制中若全民都遵守防疫規定照理說3週後疫情可望下降。
「現在不可能回到過去零確診但也沒什麼可怕全世界各地都是這樣。」施信如提到現階段看起來仍在控制範圍但若每天確診數暴增至千例以上可能不久後破萬屆時就真的難以控制只能苦等疫苗接種。
陳秀熙強調英國變異株傳播力不容小覷醫院工作人員確診或長照機構者染疫頻傳戴口罩、社交距離、不外出等非藥物介入公共衛生手段（NPI）措施不能只求60分及格沒做到85分6月前恐再現第二波大流行。全國升三級首個週末各景點人潮消失但在陳秀熙心中只達到75分標準。
陳秀熙提醒部分民眾不願配合口罩政策餐飲店多數取消外帶但部分店家外帶候餐區民眾無保持社交距離恐成防疫破口。
臺北醫學大學附設醫院胸腔內科主任周百謙也表示此波疫情最大問題在於老年人重症比率高包含醫院住院與長照機構的住民長者未來還有多少未爆彈可能左右疫情走向甚至老年人重症多可能癱瘓醫療體系。
周百謙說明高齡者病況變化快去年就有研究顯示高齡者與吸菸者體內的武漢肺炎受體（ACE-2）較高且病況變化快若出現呼吸喘等症狀年輕人尚可忍耐但共病較多的老年人可能會引起心律不整等病變。他也建議針對醫療與長照機構人員應提高採檢頻率不應單次採檢陰性就放心。
施信如最後重申疫苗的重要性她強調武漢肺炎疫苗採購不能比照過去採購流感疫苗的模式等待疫苗廠商來申請議價必須更積極佈局否則以目前「得疫苗就得天下」的情況被動可能難以購得疫苗。（編輯：謝雅竹）1100524</t>
  </si>
  <si>
    <t>全球重要財經資料聚焦在美國勞動市場相關報告又以8日出爐的4月非農業就業報告和失業率最受矚目。美國為全球新冠肺炎疫情重災區封鎖令造成失業人口激增經濟學家預估4月非農業就業人口恐銳減2000萬人失業率</t>
  </si>
  <si>
    <t>全球重要財經資料聚焦在美國勞動市場相關報告又以8日出爐的4月非農業就業報告和失業率最受矚目。美國為全球新冠肺炎疫情重災區封鎖令造成失業人口激增經濟學家預估4月非農業就業人口恐銳減2000萬人失業率飆升至16％。
美國本周將公佈多項就業相關資料包括4月ADP民間就業人數、Challenger企業裁員報告以及8日的重頭戲非農業就業報告和失業率。
為防止疫情擴散美國政府宣佈封城使得失業和無薪假的人口激增。3月非農業就業人口減少701萬人創下11年來最大降幅財經網站Investingcom預估4月資料恐銳減2000萬人。
美國3月失業率升至44％後白宮經濟顧問委員會主席哈塞特（Kevin Hassett）指出美國4月失業率可能躥升至16％或更高美國可能重現1930年代大蕭條時期的失業率數字。
在新冠肺炎肆虐全球之前美國的失業率維持在35％的50年低點。在2010年9月至2020年2月之間美國增加2200萬份工作創下史上最長就業榮景。
在4月18日止的五周之間美國首次請領失業救濟金人口飆升至2650萬的新高紀錄短短五周便消去美國長達11年勞動市場榮景所創造的工作。</t>
  </si>
  <si>
    <t>據美媒引述美國疾控中心(CDC)資料報導美國首例新冠死亡病例已由原來認定的2020年2月6日提前至2020年1月9日提早了將近一個月。而且據其家屬表示這名最新被確認為首例新冠病毒死亡病例醫院方面的紀錄顯示死者是一名婦女死亡的原因是主動脈剝離她過去也沒有中國大陸旅行史。而這個首例死亡的時間與中國官方公佈大陸首例新冠死者死亡時間竟然很巧合是同一天。
美國《聖荷西信使新聞報》（San Jose Mercury News）報導說最近有6個州(加州、阿拉巴馬州、喬治亞州、堪薩斯州、奧克拉荷馬州和威斯康辛州）有6份死亡病例進行修改醫院方面將死亡原因修正為與新冠病毒相關而其中最早的死亡案例是被提前了數周到2020年1月9日。
在此之前被認為最早的新冠病毒死亡病例是2020年2月6日死者是一名聖荷西的婦女。而最新被認定可能是最早新冠病毒死亡案例是來自堪薩斯州萊文沃斯（Leavenworth）的一名婦女她在死亡17個月後才被診斷為因感染新冠肺炎死亡。
報導指出目前由於隱私問題和新冠病毒大流行相關政策造成激烈的辯論這些死亡背後的姓名、確切地點和情況暫時無法公開這種情況讓很多專家感到非常沮喪。
報導稱該病例有力地改寫了新冠病毒進入美國的時間線因為萊文沃斯處在美國腹地距離東西海岸較遠且該病例此前無旅行史。
美國家衛生統計中心(NCHS)官員羅伯特安德森 (Robert Anderson)表示除非有充分的理由否則認證機構通常不願意修改死亡證明。美國疾控中心目前已經將這些病例統計進官方資料中加州大學柏克萊分校的傳染病專家約翰史瓦茲伯格表示當時因未沒有大流行一些死亡病例被認為是一般感冒或流感疫情追查也沒有針對病人是否去過中國或是與相關人接觸不過如果當時有血採樣仍可以對檢體做病毒篩檢。
史瓦茲伯格認為新的死亡資料表明新冠病毒完全有可能早在12月甚至11月就已經在美國出現。因為這項疾病如果因感染而致死時間通常約為3週。
報導說現在確認了這名1月死者的死因與新冠病毒相關但衛生統計機構仍有些不同的看法有些專家認為需要這些早期病例進行更深入的分析例如要依據現有的證據檢查6名早期死亡病例的病毒特徵並確定毒株的來源是否有關聯性。
據大陸國家衛健委2020年1月23日通報中國最早一例新冠死亡病例為一名61歲曾姓男子他於北京時間1月9日23時13分去世按美中部時間為1月9日9點13分與美國首例新冠死亡病例布朗去世竟相當湊巧地在同一天。</t>
  </si>
  <si>
    <t>南韓疫情嚴峻18日發布資料顯示單日新增確診連續3天破千例累計達475萬。南韓衛生部18日宣佈將在明年11月之前達到全國8成人口接種新冠疫苗的目標。該部上周曾表示南韓將從各大研發生產疫苗的藥廠包括輝</t>
  </si>
  <si>
    <t>南韓疫情嚴峻18日發布資料顯示單日新增確診連續3天破千例累計達475萬。南韓衛生部18日宣佈將在明年11月之前達到全國8成人口接種新冠疫苗的目標。該部上周曾表示南韓將從各大研發生產疫苗的藥廠包括輝瑞、楊森、莫德納和阿斯特捷利康等進口4400萬劑新冠疫苗。
衛生部官員表示4400萬劑對8成以上人口已綽綽有餘屆時可達到群體免疫。
據韓聯社報導中央災難安全對策本部在同日發布疫苗採購計畫表示政府目標是本月與楊森和輝瑞簽署疫苗採購協議明年1月與莫德納簽約明年2到3月則進口已簽約的阿斯特捷利康疫苗。疫苗將優先提供老人、安養長照機構的住民以及醫護人員注射。</t>
  </si>
  <si>
    <t>新冠肺炎疫情趨緩今本土新增55例其中北市新增22例。對此臺北市長柯文哲表示現在有70％的感染是家戶感染像是北投區昨4例感染全都是家戶感染呼籲民眾在家吃飯的時間、空間都錯開。
柯文哲表示北市今新增22例確診隔離人數從3000人降至1000人左右依據臺北市20家專責醫院的快篩資料近日確診數下降緩慢發現因新增案例約7成都是家戶感染。
柯文哲指出從統計案例來看70％屬於家戶感染真的在社區感染不多畢竟人很難回到家裡後還戴口罩前臺北市感染最主要理由是家戶感染偶而1、2個社區感染回家一傳染就4個「北投區昨天有4例感染全部都是家戶感染」。
柯文哲指出現在主力感染是家戶感染要讓臺北案例再少一點家戶感染一定要有更好的控制儘管家裏戴口罩不容易但盡量維持社交距離重要是吃飯必須時間或空間隔開因為脫下口罩最容易成為重要口沫感染源。
★《中時新聞網》提醒您：因應新冠肺炎疫情疾管署持續加強疫情監測與邊境管制措施 如有疑似症狀請撥打：1922專線或0800-001922並依指示配戴口罩儘速就醫同時主動告知醫師旅遊史及接觸史以利及時診斷及通報。</t>
  </si>
  <si>
    <t>AZ疫苗15日起開放高齡長者施打2天傳出13名長者接種疫苗後猝逝震驚外界不少民眾猶豫該不該讓家中長輩打疫苗台大知名感染科權威教授李秉穎表示從資料上來看其實沒有出現危險訊號。台大兒童醫院感染科醫師</t>
  </si>
  <si>
    <t>AZ疫苗15日起開放高齡長者施打2天傳出13名長者接種疫苗後猝逝震驚外界不少民眾猶豫該不該讓家中長輩打疫苗台大知名感染科權威教授李秉穎表示從資料上來看其實沒有出現危險訊號。
台大兒童醫院感染科醫師李秉穎今上周玉蔻電台節目時被問及AZ大規模開打後頻傳長者猝死是不是顯示AZ疫苗不適合長者施打？李秉穎表示打疫苗出現任何不良反應、甚至死亡不一定有因果關係可能是時間關係因為老人猝死都與心血管疾病或腦中風有關因此這個問題要用科學態度來解釋他表示以民國109年統計75歲以上老人有140萬人死亡人數為9萬5千多人等於每天有260個75歲以上長者過世。
李秉穎指出現在每天7、8萬名長者接種疫苗與109年平均死亡率相比「可預期7、8萬個長者中一天會有14人過世但以昨天死亡人數11位來說沒有超過預期值。」所以李秉穎指出疫苗不良反應或死亡率並未高於未打疫苗者「沒有發現危險訊號」。
同時李秉穎表示以學理上來看疫苗會讓一個人突然死亡的原因就是過敏性休克往往在接種30分鐘內發生但以昨天案例的情況都不像是過敏性休克。
外界質疑老人身體虛弱是否能承受的了AZ副作用？李秉穎表示這也就表示老人家更禁不起新冠病毒由於長者免疫系統老化抗體生成性不佳不良反應反而更少較不容易出現副作用。</t>
  </si>
  <si>
    <t>美國總統川普表示支持強勢美元加上近期美國公佈的製造業指數、非製造業指數及非農就業資料皆表現優於市場預期其中非農就業人數減少2050萬人此外美國各州正逐步推進復工進度經濟資料表現有望逐步開</t>
  </si>
  <si>
    <t>美國總統川普表示支持強勢美元加上近期美國公佈的製造業指數、非製造業指數及非農就業資料皆表現優於市場預期其中非農就業人數減少2050萬人此外美國各州正逐步推進復工進度經濟資料表現有望逐步開始回溫。
目前新興市場疫情仍然嚴峻二次感染風險偏高市場避險情緒仍維持相對高檔之下有利於美元維持相對強勢。
台灣期交所上市匯率期貨方面英鎊兌美元期貨受到復工進度相對緩慢英鎊兌美元維持疲弱；歐元兌美元期貨部分美元指數維持相對強勢加以川普表示支持強勢美元歐元兌美元期貨走勢偏弱；美元兌日圓部分海外市場二次感染風險逐步升溫市場避險情緒升溫近期美元兌日圓走勢呈現偏弱。
後市若新冠肺炎疫情緩解製造業補庫效應帶動下將有望推升製造業活動回溫積壓訂單將有望出貨此外全球央行紛紛降息因應新冠肺炎疫情市場流動性轉趨充裕屆時若搭配新冠肺炎疫情降溫將有利於資金回流風險性資產及新興市場國家。
在資金回流風險資產效應下美元指數回檔機率將大幅上升加以歐、日央行降息幅度相對偏低政策擴張幅度有限投資人仍宜留意美元指數大幅回檔風險。
整體而言製造業資料有望於新冠肺炎疫情緩解後回升聯準會維持擴張性貨幣政策長線上仍可留意期交所上市澳幣兌美元、歐元兌美元期貨行情走勢。</t>
  </si>
  <si>
    <t>台灣近日疫苗施打速度超快指揮中心27日重新開放民眾登記疫苗接種意願並新增國產高端疫苗的選項截至28日下午五點共有866萬多人完成意願登記其中仍有811萬人偏好打進口疫苗但如今我國僅剩AZ約1447萬劑、莫德納718萬劑引人擔憂是否會打不到第二劑。
根據中央流行疫情指揮中心公佈的資料截至28日下午5點總共有866萬多人完成疫苗意願登記其中有1509萬人是27日再度開放民眾登記意願後所新增的；第四輪預約接種疫苗的部分符合預約資格者約有138萬人目前有101萬人預約打疫苗佔符合預約資格人數7352%。
民眾登記疫苗意願的狀況只想打AZ的人佔502%、約435萬人；只選莫德納的人佔3993%、約346萬人；只選高端的人有106%、約92萬人；AZ與莫德納皆可的人則佔4868%、約422萬人；選AZ和高端的人佔019%約有16萬人；選擇莫德納和高端的佔082%約7萬人左右；最後三種疫苗都選的人則佔43%有372萬人左右。
從上述的資料中可見雖然這次有新增國產疫苗的選項但多數民眾仍偏好打國外進口的疫苗意願登記選擇AZ、莫德納或兩者皆可的人就佔了近九成大約有811萬人但國內目前只剩下718萬劑的莫德納與1447萬劑的AZ疫苗。感覺疫苗的進貨量好像跟不上民眾想快點打疫苗的心願。
而部分縣市也傳出疫苗數量不足宣佈停打或暫停預約的狀況像是新北市宣佈8月1日至4日暫停施打疫苗；苗栗縣自 28日中午起暫停預約登記7月31日至8月4日暫停施打；雲林縣自 28日中午起暫停預約登記7月31日至8月4日暫停施打；嘉義市自28日中午暫停預約；屏東縣也宣佈自28日起暫停平臺登記預約。
針對這樣的狀況指揮中心指揮官陳時中昨在記者會上表示第四輪疫苗預約的狀況較踴躍但先前就已經配送較多的疫苗到各縣市去但顯然現在的施打速度很快先前到貨的582萬劑AZ疫苗一周內會檢驗完畢分送至各地。
陳時中昨也表示目標十月底全台覆蓋率要達到六成來看可能會遇到三大難題分別是民眾施打疫苗的意願接種能力和疫苗數量夠不夠。而目前看來疫苗進貨量比較會是問題不過他們會努力掌握進貨的速度避免接種速度變慢。</t>
  </si>
  <si>
    <t>台灣疫情爆發昨激增206例本土病例加上前天增加180例兩天內全台就增加386人確診。疾管署今日更新「本土病例地理分佈」以新北市217例佔最多、臺北市193例居次另外有3縣市因確診人數增加警示燈號一夜變色包括基隆市、台中市及新竹縣。
據疾管署網站「本土病例地理分佈」顯示今年截至5月16日為止已累計493人確診以新北市217人佔最多接著依序是臺北市193人、桃園市44人、彰化縣15人、基隆市4人、台中市2人高雄市及新竹縣各1人。
指揮中心昨日公佈單日新增本土病例206例3縣市也在一夜之間「變色」基隆市確診人數從2人增加至4人警示燈號從黃色升至橘色；台中市確診人數從1人來到2人警示燈號也從淺綠轉為黃色；另外新竹縣原本維持0確診昨日也新增1人確診燈號從深綠轉至淺綠不過昨日指揮中心在記者會上表示新竹縣新增3人確診地理分佈資料並不相符仍有待查核。
★《中時新聞網》提醒您：因應新冠肺炎疫情疾管署持續加強疫情監測與邊境管制措施 如有疑似症狀請撥打：1922專線或 0800-001922 並依指示配戴口罩儘速就醫同時主動告知醫師旅遊史及接觸史以利及時診斷及通報。</t>
  </si>
  <si>
    <t>美國勞工部週五公佈2020年12月就業資料較市場預期差非農就業人數中止連續七個月增加走勢顯示就業市場仍然疲弱。主要是嚴寒氣候、新冠肺炎疫情嚴重和防疫限制等傷害商業活動加上政府未及時推出新振興措施使勞</t>
  </si>
  <si>
    <t>美國勞工部週五公佈2020年12月就業資料較市場預期差非農就業人數中止連續七個月增加走勢顯示就業市場仍然疲弱。主要是嚴寒氣候、新冠肺炎疫情嚴重和防疫限制等傷害商業活動加上政府未及時推出新振興措施使勞動市場受衝擊。
12月失業率跟11月一樣維持於67％不變中斷連續七個月下降走勢。雖略低於市場預估68％但仍高於疫前的約35％。
12月非農業就業人數意外減少14萬人市場原先預估增加5萬人是2020年5月以來人數首次減少。12月整體非農業就業人數跟疫前的2月相較仍低約980萬人。
11月非農業就業人數從原先公佈增加245萬人往上修正為增加336萬人。
12月勞動參與率跟11月一樣維持在615％。12月平均每週工時從11月348個小時減少至347個小時。
就業資料被用來觀察美國經濟復甦情況。外界認為12月資料不佳是受至少三大因素影響除了新冠肺炎確診人數飆高引發美國各地實施包括宵禁與店家停止營業等新防疫限制外嚴寒氣候限制商業活動和新振興措施來不及推出。娛樂與飯店業最受衝擊12月裁員498萬人。
2020年全年失業人數940萬人是1939年開始記錄以來最差。外界憂慮美國經濟繼續失去復甦動能但專家仍樂觀踏入2021年後經濟將結束停滯局面並開始出現回升。
巴克萊經濟師史利蘭（Pooja Sriram）認為有理由寄望疫情對經濟衝擊只是一次性只要疫情受控制美國經濟就會復甦。
外界認為疫苗接種人數愈來愈多能令疫情受控制外規模約9000億美元新振興措施開始產生效果和拜登上臺後可望推出更多振興措施等將增加民眾消費有助活絡經濟而增加就業人數。</t>
  </si>
  <si>
    <t>南韓政府超佛心表示將全額負擔新冠確診患者的新冠口服藥費用據推測每人平均藥費將超過90萬韓元（約新台幣21230元）。
南韓防疫單位「中央應急處置本部」社會戰略組長孫映萊表示進口口服新冠藥物的經費將由國家全額承擔。孫映萊指出救治新冠患者的費用目前由國家全額報銷個人不需要承擔任何費用。今後引進口服藥時也將適用同樣的原則。
根據韓聯社報導南韓政府今年用於購買口服新冠藥物的預算為168億韓元明年預算規模增為194億韓元。據疾病管理廳公佈的資料今年的追加預算中包含了可供18萬人使用的新冠口服藥採購費明年預算中包含可供2000萬人使用的藥物採購費。據此推算政府為每人負擔的平均口服藥費約為90萬韓元。
南韓將在首劑疫苗覆蓋率達7成之後轉為「與病毒共存」的防疫模式口服新冠治療藥物成為疫苗之外防疫的重要利器因此南韓政府正積極與各大製藥廠洽談採購適宜。目前進入三期臨床試驗的三種口服新冠藥分別是美國默克藥廠的Molnupiravir、瑞士羅氏製藥的AT-527、輝瑞藥廠的PF-07321332。其中美商默沙東藥廠已搶先於6月與美國政府簽訂預購合約外傳一顆定價700多美元另外還計畫最快10月前通過美國食藥局（FDA）緊急使用授權。</t>
  </si>
  <si>
    <t>美國食品藥物管理局（FDA）尚未批准讓民眾施打追加疫苗（booster shot）不過當地已經爆發追打疫苗之亂超過900人已經完成第3劑疫苗接種有人只是告知沒打過疫苗就闖關成功。
美聯社調查美國疾病管制暨預防中心（CDC）的資料庫發現至今全美已經有超過900人完成接種第3劑疫苗。由於CDC的這項資料是由各醫療院所「自願」申報因此難以看出全美究竟有多少民眾已經接種第3劑疫苗。
目前也不清楚這些民眾是否都是自己主動要求接種第3劑疫苗。
報導指出這些民眾主要利用美國疫苗過剩及政府追蹤接種狀況的鬆散之便試圖追打疫苗。
CDC資料庫的一項紀錄顯示一名52歲加州男子7月中旬到藥局提供護照、而非駕照作為施打疫苗的身份認證他聲稱自己從未接種過疫苗最終闖關成功當藥局後續聯繫保險業者時才發現男子已經接種過2劑疫苗。
科羅拉多州州長波利斯（Jared Polis）近期在記者會上透露聽說有人用假名接種第3劑疫苗不過他並未提出證據。
患有氣喘及肝臟疾病的26歲緬因州化學工程系研究生威爾希（Gina Welch）坦承自己已經接種第3劑疫苗她成功闖關的方式更簡單：她就只是走進診所告訴對方自己沒打過疫苗。
威爾希說自己一直很關注新冠病毒進展的相關研究也追蹤了多名支持追打疫苗的學者專家的社群帳號「我要遵循這些專家的建議我要自己保護自己我才不要等上6個月到1年等他們（指美國FDA）建議接種第3劑疫苗。」
67歲的密蘇裡州醫院員工克拉爾特（Will Clart）5月接種了第3劑疫苗他說自己只是去藥局提供所有相關資訊一直到打完了藥劑師才在系統裡發現他打過了。
因應Delta變種病毒美國大藥廠輝瑞（Pfizer）正在尋求向FDA申請批准施打追加疫苗不過除了可能讓免疫功能低下的民眾追打第3劑以外美國政府指出目前尚未看到讓普羅大眾追打疫苗的必要性因此尚未批准輝瑞的申請。
不甩聯邦政府尚未批准追打疫苗舊金山公衛人員3日表示將額外提供只接種單劑嬌生疫苗（Johnson &amp; Johnson）的民眾1劑輝瑞/BNT或莫德納疫苗他們刻意強調是「補充」（supplement）疫苗而非追加疫苗。</t>
  </si>
  <si>
    <t>人稱中華電(2412)小金雞的是方(6561)目前中華電持股56%日前董事會通過未來幾年將砸重金投資逾20億元在內湖打造第四座機房預計2023年就會上線服務除看好市場潛在的成長力道外是方也希望將自身的基本功鍛鍊的更紮實吸引更多的國際客戶進駐總經理劉耀元也訂下10年後終極目標「躍升東亞電訊中心、AI商務中心」挾台灣地理位置之便取代香港的核心地位不僅如此是方也看準人口結構的老年化「健康」大餅可觀預計後續3~5年可以達到有效規模經濟成為是方另一股營運新血。
問：是方四大產品線包括國際IDC機房服務、資料網路服務、語音通信服務、雲端應用服務未來這四大區塊5年內的發展曲線占比公司營收貢獻比重的變化？
是方IDC在2020年佔比營收29%、網路佔比營收47%、語音佔比10%至於雲端服務則佔比14%展望未來劉耀元預估IDC、雲端會持續往上成長網路持平語音則會往下走語音部分主要是受到現在人的通話習慣採用通訊軟體的網路電話比例攀升是方語音這塊獲利不佳是不可避免的在是方的定義上各產品都是一個「搭配」的概念客戶有需求就會搭配在產品組合中所以語音會持續存在但比例會是一個下滑的趨勢未來佔比滑落至個位數是可預見的；至於IDC、資料網路、雲端則是都會繼續成長其中又以IDC、雲端的成長動能最強各產品線存在相對關係在IDC做越好帶動網路、雲端做越好就帶動網路、IDC等彼此間相輔相成。
是方雲端產品在2019年、2020年成長幅度均達30%今年估計會有20%的成長IDC產品則維持和前兩年相同的成長幅度即約10%。
問：是方過去幾年以來營收、毛利率、獲利等呈現逐年來的穩定成長2020年每股獲利為867元、毛利率站上437%對於2021年營收、毛利率、獲利的設定目標、成長幅度？
劉耀元表示預估後續是方每年營收會維持歷史軌跡6~8%的成長、獲利約10%成長毛利率則穩定成長1~2%成長是方背後有堅強的團隊隨著規模經濟擴大單位成本降低就可以有效拉升毛利率。
問：是方為中立的國際電信中心挾著平臺經濟、會員經濟打造出成功的經營範疇以及穩健獲利客戶的群聚也形成「黑洞效應」後續計畫如何延伸更廣的產品線、爭取更多目標客戶？
劉耀元表示是方服務和一般業者不一樣國際客戶約佔50%、國內約50%FAMG四大科技巨頭(Facebook+Amazon+Microsoft+Google)都是是方客戶而這些大型企業業務規模穩定成長想當然爾對是方有利且當國外業者來台灣發展是方也可以幫助其推廣台灣業務提供在地的幫助。
劉耀元表示是方終極目標就是成為東亞電訊中心、AI商務中心也因此所有的佈局都往這塊邁進希望未來10年可以達陣當然三年後是方就會和現在有明顯不同透過東協串聯、第四棟機房的加入將會吸引更多國際、海纜客戶有機會慢慢取代香港。</t>
  </si>
  <si>
    <t>台微體（4152）14日宣佈其治療新冠肺炎（COVID-19）新方案-TLC19羥氯喹寧微脂體吸入懸浮劑第一期臨床試驗納入第一位受試者。
TLC19為台微體獨家微脂體技術配方之微量羥氯喹寧（hydroxychloroquine HCQ）吸入式藥物。Kavanagh Oisin等人所發表的科學報告指出吸入式HCQ可能會改善治療新冠肺炎的效果並減少傷害而微脂體劑型則於多年前就證明具有將藥物直接有效遞送至疾病部位並且持續釋放、延長藥物滯留時間的優勢。
非臨床科學報告顯示與口服HCQ和非微脂體HCQ相較TLC19能夠增加肺暴露量達30倍以上並有較低的血液與心臟暴露量。因此停留在呼吸道和肺部的TLC19有機會成為阻止SARS-CoV-2感染的第一道防線即使感染也可以透過抑制病毒複製減輕症狀、並防止其隨後對大腦神經入侵。
此臨床一期、隨機、安慰劑對照之盲性試驗將評估單一劑量遞增的吸入式TLC19於30位健康受試者中的安全性、耐受性和藥動學。4毫克、8毫克及12毫克三種劑量將以連續隊列評估。每個隊列群組中將以8：2的比例納入約10名可評估受試者並將其隨機分組其中8名受試者接受TLC192名受試者接受TLC19載體安慰劑（相同的微脂體劑型但未包裹活性藥物HCQ）。研究藥物採用台灣微邦科技（興櫃：3184）市售的便攜式振動篩網霧化器進行吸入式給藥；所有受試者將接受為期4週的追蹤訪視。
台微體總經理葉志鴻表示近日美國藥廠禮來的單株抗體、嬌生的疫苗都暫停臨床試驗；兩個進入最後階段的COVID-19臨床試驗相繼停擺突顯出臺微體提供防禦此致命病毒的使命之重要性。隨著在台灣和澳洲的臨床進展台微體在GMP製造方面也進展的相當順利為TLC19的大規模商業生產在台灣和美國做準備。
國際氣霧劑醫學學會（International Society for Aerosols in Medicine ISAM）於學術文刊中發表聲明懇求法規單位在新冠肺炎非常狀況時利用現有的安全性資料來加快已過專利期、老藥新用於吸入途徑的藥物之開發。就需要達到肺部高藥物濃度的情況而言吸入式劑型每日所需劑量通常比其他投與途徑低許多。TLC19正是抗瘧疾老藥HCQ用於新吸入途徑之藥物因此可利用此一期藥動資料透過生理學基礎的藥動模型運算快速轉化為後續應用於新冠肺炎患者的臨床試驗劑量；台微體計劃在遭受新冠肺炎影響最大的地區進行該試驗。</t>
  </si>
  <si>
    <t>受到新冠肺炎衝擊消息人士表示過去一個月來共用辦公室服務業者WeWork數千家客戶不是停付租金就是有意終止合約。在此同時WeWork正與大型房東洽談調降房租最高降低三成試圖減輕財務壓力。
熟知內情人士透露不分大型或小型客戶要求解約或停付租金的電話和郵件讓WeWork接到手軟。新冠肺炎疫情造成商業活動停滯WeWork的客戶盡力保留現金也加重該公司的資金壓力。
受此影響WeWork的辦公空間出租率由2019年9月底的79％下滑至4月初的64％。消息人士警告出租率資料尚未完全反映新冠肺炎危機WeWork正面臨客戶取消租約壓力。
WeWork允許客戶延後繳交租金或是與客戶協商租賃條件希望盡量留住逾66萬名會員。然而許多企業無意和WeWork協商逕自將信用卡資料從付款系統中移除或是拒絕匯款。消息人士透露WeWork至少流失數百萬美元租金收入。
舉例來說皇家加勒比國際郵輪（Royal Caribbean）是近日知會WeWork將停付邁阿密辦公室租金的客戶之一。該郵輪業者向媒體表示公司採取「果斷的行動來保護財務和流動性部位。」
另一方面消息人士表示WeWork執行長馬斯拉尼（Sandeep Mathrani）與該公司在全球各地的大型房東洽商調降租金並提供營收共用等交換計畫。
WeWork以分享未來的成長機會為號召向房東表示若是願意將現行的租約換成合作協議未來可望獲得更高的收入。但房東對WeWork的提議意興闌珊。
截至2019年6月底WeWork的租賃負債至少達470億美元。那時WeWork為了上市積極擴張業務如今新冠肺炎病毒來襲WeWork陷入營收萎縮和現金短缺難關。</t>
  </si>
  <si>
    <t>美國近期經濟資料及企業財報表現不俗帶動美股持續走高S&amp;P500與Nasdaq均再創新高今年來創新高次數均達到兩位數雖然新冠肺炎疫情持續延燒市場陸續反應後恐慌情緒趨緩美股基本面穩健且通膨平緩聯準會（</t>
  </si>
  <si>
    <t>美國近期經濟資料及企業財報表現不俗帶動美股持續走高S&amp;P500與Nasdaq均再創新高今年來創新高次數均達到兩位數雖然新冠肺炎疫情持續延燒市場陸續反應後恐慌情緒趨緩美股基本面穩健且通膨平緩聯準會（Fed）維持寬鬆基調資金行情續提供美股動能美股基金後市表現不看淡。
群益美國新創亮點基金經理人徐煒庠表示美國最新1月ISM製造業指數上升至509榮枯線之上製造業新訂單及新出口訂單回升1月非農新增就業表現優於預期顯示市場續穩支持內需經濟動能。
至於通膨表現則是溫和可控Fed鴿派貨幣政策仍有空間加上去年第四季企業財報多優於預期基本面、政策面、獲利面都正向為美股提供支撐後市不看淡。
台新智慧生活基金經理人蘇聖峰分析美股後市觀察四大重點首先若疫情若得到緩解相對穩健的美股將快速反彈。其次為中美貨幣政策寬鬆低利環境延續股市仍具強勁支撐。再者是S&amp;P500獲利營收表現指標股多優於預期且展望穩定。最後即受疫情影響大的零售、餐飲、旅館、航空等消費股恐慌性殺盤後將有顯著反彈機會。
宏利投資管理首席經濟學家唐納德認為目前主要央行面對不對稱的政策風險Fed別無選擇只能採取溫和立場免於金融轉向緊縮且肺炎疫情影響全球復甦進程短期投資組合佈局宜採較防守性策略但策略性投資組合卻提供進場好機會預期年底美股續收高的機率仍大。
徐煒庠建議美股產業佈局重點為科技、醫藥、消費股以軟體網路、FinTech、消費、國防工業等可持續關注尤其看好具創新能力和關鍵競爭力同時具產業影響力個股近期財報公佈獲利表現及股價趨勢均佳個股也可擇優佈局。</t>
  </si>
  <si>
    <t>新冠肺炎疫情持續在全球肆虐中國宣稱已掌握疫情且確診人數不斷在下修世界衛生組織（WHO）還曾讚美中國政府的處理方式還要其他國家多學習。對此南韓傳染病專家、高麗大學九老醫院內科教授金宇周（音譯）卻直言從南韓和其他國家的資料看來WHO的「舔中」資訊完全不可信。
根據《醫師新聞》報導日前金宇周利用網路影像發表對新冠肺炎疫情的看法他指出南韓地區的確診病例是直線往上攀升平均每天都以500例以上的數字在增加如果按照這個增長率持續發展下去的話金宇周預估到了3月時南韓的確診人數恐將突破1萬人。
話鋒一轉金宇周在另外一段影片中不諱言批評起WHO為中國背書的行為先前WHO大讚中國處理疫情的方式且中國也宣稱疫情已進入「安定期」但放眼全球多國都還在預防新冠肺炎大流行且南韓的確診數字仍持續增長這讓金宇周直呼「根本不能相信WHO的說法！」
金宇周認為南韓無法像中國一樣選擇封城因此目前保護國人最有效的方法就是徹底落實衛生條件、人與人之間保持2公尺以上的距離、盡量不要參加大型集會。此外南韓中央事故處理本部副本部長金剛立也表示在未來這幾天內大邱地區的確診病例應該會持續增加。
更多 CTWANT 報導</t>
  </si>
  <si>
    <t>世界衛生組織（WHO）最近派員前往中國調查新冠病毒起源且已結束在中國的查訪。該調查小組發現2019年12月於武漢爆發的新冠肺炎其疫情範圍恐較先前想像得更為廣泛傳播時間也可能更早。目前WHO調查團隊正急著尋找管道試圖獲得大量武漢居民的血液樣本以進一步檢驗並希望數月後有機會再去中國實地考察。然而北京迄今卻仍不願配合提供。
首度確認 13種病毒株出現
美國有線電視新聞網（CNN）14日獨家披露中國─世衛組織新冠溯源研究聯合專家組外國專家組長的班恩巴瑞（Peter Ben Embarek）表示經廣泛調查他們發現一些2019年新冠肺炎傳播範圍更廣泛的跡象；如首度確認武漢在2019年12月已出現13種病毒株。調查團也有機會與首位確診病患談話該名病患年約40歲沒有出國旅遊史確診日期為12月8日。
隨著詳細資料與報告遲遲未能取得更讓調查團隊對於新冠肺炎起源感到憂慮認為此一疾病可能在12月中旬正式出現以前就已在大陸大流行。班恩巴瑞表示「新冠病毒恐怕於12月前就已在武漢廣泛流行了。」
調查團隊指出中國科學家向研究人員簡介2019年武漢的174例病例。其中約100人為實驗室檢測確診另74人是透過症狀的臨床診斷而確診。但班恩巴瑞擔心實際上的病例數字恐更高甚至可能存在重症病例這意味武漢可能在2019年12月就有逾1000人確診。
班恩巴瑞表示「雖然我們還沒建立任何模式；但我們知道在感染人數外可能還有龐大的感染數字15％可能是重症而大多數為輕症。」他進一步說明調查團隊已收集到2019年12月首波13種不同基因測序。如果能檢測更多2019年中國病患資料就能對12月之前疫情爆發地與時間提供更有價值的線索。
未見群聚 難稱與新冠相關
CNN報導指出正如先前多位元病毒學家警告發現多種病毒變異代表這種病毒的傳播更早更久而調查團發現的遺傳物質恐是國際上首項實證足以證實前述假設。
班恩巴瑞還提到中國科學家提供給調查團92名在2019年10月至11月疑似感染新冠肺炎病例的分析報告。這92名病患症狀與新冠肺炎類似且屬重症病患。
WHO向這92人要求於2021年1月進行抗體測試；其中67人同意檢測且全數為陰性。不過仍需要進一步的檢測才能定案。因為不確定時隔1年先前染疫的人是否還存在抗體。此外這92例在10月與11月內分佈於湖北各地無群聚出現故不能確定是否與新冠病毒有關。
盼血液樣本 北京不願配合
班恩巴瑞希望能盡快重返武漢展開調查更呼籲中國方面能提供首次調查所沒有的生物樣本特別是數千份武漢居民的血液樣本。
對於美方抨擊中國應提供更早期的原始資料北京除承諾對調查團更透明外中國駐美大使更回斥「美國近年的所作所為已嚴重破壞包括WHO在內的多邊機構也影響關於新冠病毒的國際合作」「美國還將矛頭指向忠實支援WHO的國家與該組織本身」。</t>
  </si>
  <si>
    <t>世界衛生組織 who 最近 派員 前往 中國 調查 新冠 病毒 起源 且 已 結束 在 中國 的 查訪 該 調查 小組 發現 2019 年 12 月 於 武漢 爆發 的 新冠肺炎 其 疫情 範圍 恐 較 先前 想像 得 更 為 廣泛 傳播 時間 也 可能 更 早 目前 who 調查 團隊 正急 著 尋找 管道 試圖 獲得 大量 武漢 居民 的 血液 樣本 以 進一步 檢驗 並 希望 數 月 後 有 機會 再 去 中國 實地考察 然而 北京 迄今 卻 仍 不 願 配合 提供 首度 確認 13 種 病毒株 出現 美國有線電視新聞網 cnn 14 日 獨家 披露 中國 世衛組織 新冠 溯源 研究 聯合 專家組 外國專家 組長 的 班恩巴瑞 peter ben embarek 表示 經 廣泛 調查 他們 發現 一些 2019 年 新冠肺炎 傳播 範圍 更 廣泛 的 跡象 如 首度 確認 武漢 在 2019 年 12 月 已 出現 13 種 病毒株 調查團 也 有 機會 與 首位 確診 病 患 談話 該 名 病 患 年 約 40 歲 沒有 出國 旅遊 史 確診 日期 為 12月 8 日 隨 著 詳細 資料 與 報告 遲遲 未 能 取得 更 讓 調查 團隊 對於 新冠肺炎 起源 感到 憂慮 認為 此 一 疾病 可能 在 12 月中 旬 正式 出現 以前 就 已 在 大陸 大 流行 班恩巴瑞 表示 新冠 病毒 恐怕 於 12 月 前 就 已 在 武漢 廣泛 流行 了 調查 團隊 指出 中國 科學家 向 研究 人員 簡介 2019 年 武漢 的 174 例 病例 其中 約 100 人 為 實驗室 檢測 確診 另 74 人 是 透過 症狀 的 臨床 診斷 而 確診 但 班恩巴瑞 擔心 實際上 的 病例 數字 恐 更 高 甚至 可能 存在 重症 病例 這 意味 武漢 可能 在 2019 年 12 月 就 有 逾 1000 人 確診 班恩巴瑞 表示 雖然 我們 還 沒 建立 任何 模式 但 我們 知道 在 感染 人數 外 可能 還 有 龐大 的 感染 數字 15 可能 是 重症 而 大多數 為 輕 症 他 進一步 說明 調查團 隊 已 收集 到 2019 年 12 月 首 波 13 種 不同 基因 測 序 如果 能 檢測 更 多 2019 年 中國 病 患 資料 就 能 對 12 月 之前 疫情爆發 地 與 時間 提供 更 有價值 的 線索 未 見 群 聚 難 稱 與 新冠 相關 cnn 報導 指出 正 如 先前 多 位元 病毒學家 警告 發現 多種 病毒 變異 代表 這種 病毒 的 傳播 更 早 更 久 而 調查團 發現 的 遺傳物質 恐是 國際 上 首 項 實證 足以 證實 前述 假設 班恩巴瑞 還 提到 中國 科學家 提供 給 調查團 92 名 在 2019 年 10 月 至 11 月 疑 似 感染 新冠肺炎 病例 的 分析報告 這 92 名 病 患 症狀 與 新冠肺炎 類似 且 屬 重症 病 患 who 向 這 92 人 要求 於 2021 年 1 月 進行 抗體 測試 其中 67 人 同意 檢測 且 全數 為 陰性 不過 仍 需要 進一步 的 檢測 才能 定案 因為 不 確定 時隔 1 年 先前 染疫 的 人 是否 還 存在 抗體 此外 這 92 例 在 10 月 與 11 月 內 分佈 於 湖北 各地 無 群 聚 出現 故 不能 確定 是否 與 新冠 病毒 有關 盼 血液 樣本 北京 不 願 配合 班恩巴瑞 希望 能 儘快 重返 武漢 展開 調查 更 呼籲 中國 方面 能 提供 首次 調查 所 沒有 的 生物 樣本 特別 是 數 千 份 武漢 居民 的 血液 樣本 對於 美方 抨擊 中國 應 提供 更 早期 的 原始 資料 北京 除 承諾 對 調查團 更 透明 外 中國 駐 美 大使 更 回斥 美國 近年 的 所作所為 已 嚴重破壞 包括 who 在內 的 多邊 機構 也 影響 關於 新冠 病毒 的 國際 合作 美國 還 將 矛頭 指向 忠實 支持 who 的 國家 與 該 組織 本身</t>
  </si>
  <si>
    <t>新冠肺炎疫情一直燒不停國民黨金門縣議會黨團在今（16）日的「紓困發現金、防疫要口罩」記者會中呼籲執政黨不要再打腫臉充胖子應先讓國內人人有口罩可用再去搞口罩外交並主張直接發放現金才能紓解各行各業的困境。
這場上午10時在縣黨部登場與全台22縣市議會黨團同步舉辦的記者會由黨團書記長歐陽儀雄主持邀請黨籍議員周子傑、洪成發、李應文、張雲德和許玉昭等人出席無黨籍議員唐麗輝也到場參加一起關心攸關民生經濟與百姓健康的重大議題。
歐陽儀雄指出立法院國民黨團在14日朝野協商行政院「嚴重特殊傳染性肺炎防治及紓困振興特別條例第9條之1及第11條條文修正草案」時要求在第2階段紓困的1500億元預算外再增列約1000億元預算發放現金給民眾但未被接受而協商破局讓人十分遺憾。
歐陽儀雄表示目前民眾最需要的紓困發放現金才是最好的方式。原因是已有很多勞工被迫放無薪假和遭到裁員生活陷入困境各行各業哀鴻遍野而政府發放「酷碰券」刺激消費鼓勵民眾上餐廳、旅遊均屬「振興」方案性質需待疫情趨緩後才能做到所以金門縣議會黨團一致主張發放現金才是當務之急。
縣黨部主委石兆（王民日）也指出「紓困」是指民眾現在沒錢可用政府要發錢救難「振興」則是指政府鼓勵消費來促進產業復甦。台灣現在最亟需的是紓困讓百姓日常生計得以維持繳得出孩子的學費、付得出水電瓦斯費。例如美國現在採行史上最大筆、兩兆美元救全民的紓困案重點便在發現金只要年收入低於7萬5000美元的個人均將獲得每人1200元美金的直接補助。
議會黨團也指出衛福部公佈口罩實名制為14天可領取9片但口罩上會吸附細菌與其教大家去蒸口罩不如讓每個人不管是成人還是兒童每天有口罩可以用自已有餘力再去幫助他人否則「打腫臉充胖子」搞口罩外交實在不是明智之舉。
黨團也呼籲中央疫情指揮中心公開詳細資料說明政府是如何「擠」出這千萬片口罩來援助外國？同時希望民進黨政府放下成見苦民所苦理性討論提出更好的排富機制繼續協商讓受影響的廣大百姓能早日受惠。</t>
  </si>
  <si>
    <t>台灣新冠肺炎疫情17日一口氣新增10例國內累積達77例其中到德國拜訪教授8日返台的第75例南部某國立大學大四男大生自動向校方報告旅遊史後在家自主健康管理13日嗅覺喪失曾3度到診所就醫。校方17日晚間於臉書粉專主動且公開「防疫紀實」寫下該名學生出國、回國後防疫篩檢時間軸還用標籤(hashtag)寫出：「來一波守一波」。PO文一出來後讓網友暴動了4小時之內立刻吸引近4千人按讚、近8百人分享。
中央疫情指揮中心17日指出案75為南部20多歲男性之後傳出該案為南部某國立大學因傳出因校內發生疑似病例校方17日淩晨發出簡訊請部分學生自17日起勿到學校上課課程改由同步、非同步線上學習受影響學生約超過500名學生改線上教學勿到校上課。
根據這所大學的臉書官方粉絲專頁上的PO文校方主動揭露學生篩檢至確診時間軸「防疫紀實」該校指出某系一名學生2/23-3/8陪同到德國交換學生一起至德國3/8回台後先回家3/10回到台南租屋處同時致電該系辦公室詢問是否須進行自主健康管理？經系辦詳盡告知隨即在租屋處進行自主健康管理至今完全未進入校園。
該校說該同學於3/11因有鼻部症狀曾於私人診所看診因症狀未有改善乃於3/16至大醫院掛號因有旅遊史直接將其轉至篩檢站進行篩檢發現有肺炎跡象立即收至負壓隔離病房於16日深夜確診。
校方經比對各項刷卡門禁及課程上課相關資料確認學生回到台南以來遵守自主健康管理不曾進入校園。
不過該個案在自主健康管理期間曾與2名同班同學同桌共餐因此校方緊急通知2生進行居家隔離同時也立即調出兩生所修習之課程共7門課約570多名學生為提前部署以達最大保護原則校方於昨日深夜先行通知將相關課程改為遠距線上教學以避免衍生任何可能接觸。
17日上午再經正式疫調後確認兩位同學在接觸確診個案後僅到校上過兩門課總計約110人。今日中午再發出通知請一起上課之110名學生進行自主健康監測所涉課程則採線上教學。
至於進行居家隔離2生該校表示已送到大醫院篩檢待篩檢結果出爐再進行後續處理。唯2生目前胸部X光檢查均正常。若經3次採檢均為陰性將解除列管。
該校表示考量防疫需求已完成遠距教學設備添購及建置未來將視疫情發展、佐以完整的建築與健康管理資料再適時彈性或全面實施以維持大學教育的最大可能。最後校方還用標籤(hashtag)寫出：「來一波守一波」、「提前部署」。
校方主動揭露處理過程也讓許多網友超驚訝紛紛留言「資訊公開且透明是最棒的做法！祝願一切平安！」、「公開反而更放心」、「自主健康管理還敢約同學共餐」。還有人敲碗說想要知道更多資訊「公開聚餐的地點時間才能保護更多人」、「聚餐時間跟地點是否應該公告一下比較安全呢？」、「租屋處在哪也需公佈一下」、「可以知道是那家診所嗎？身為南部人感覺怕」、「可以曝光行蹤路線嗎？」</t>
  </si>
  <si>
    <t>美國新冠肺炎疫情快速升溫美國總統川普下令禁止由歐洲入境30天再度引爆全球市場恐慌情緒加上歐洲央行（ECB）意外未宣佈降息增添全球經濟急凍陷入衰退的可能性全球股市週四殺聲震天全面倒地歐股一度暴跌逾10％美股開盤崩挫破7％再次啟動熔斷機制而亞股則延續前一日的恐慌日股、台股跌逾4％全球主要股市全數摔入熊市。
美股週四一開盤就躺平並觸及7％跌幅的熔斷機制重新交易跌勢又擴大道瓊工業指數暴跌逾2000點或8％下探21433點標普5百與那斯達克指數均重挫約70％。
受到美股週三又崩跌的拖累亞洲股市週四血流成河泰國股市跌最慘一度狂瀉逾11％菲律賓大盤收盤也下殺近10％的長黑澳洲股市重挫74％日本股市日經指數重挫44％跟進其他主要國家股市跌入空頭市場。
歐洲央行（ECB）召開例會雖祭出一連串刺激方案但卻未採取降息引發市場憂心歐央利率工具已失效恐難阻止經濟走下坡的疑慮更加重歐美股市跌勢。
英國富時100指數暴跌逾10％德國大盤重挫近10％法國股市更跳水超過10％Stoxx 600泛歐股市指數重跌10％。
美國新冠肺炎疫情升溫之際川普宣佈對歐洲入境實施30天的旅遊禁令此舉恐造成企業營運停擺甚至引發企業倒閉潮的疑慮全球經濟前景有急速惡化之虞。首當其衝的航空公司如聯航、美國航空盤中跌逾10％以上。
Brooks Macdonald公司副投資長派克(Edward Park)表示「市場不清楚新冠肺炎疫情究竟會對經濟帶來多大的衝擊我們預估第一季與第二季全球經濟成長會下滑所有的財政振興方案都無法扭轉此一頹勢。」
衡量市場恐慌情緒的美股波動率指數週四暴漲30％來到6159點改寫2018年12月以來新高。
另一個投資人因恐慌搶避險的指標美國10年公債殖利率大跌逾15個基點來到067％。
投資人同時也對川普的救市行動感到失望由於川普仍未公佈其經濟振興方案的具體內容市場認為光靠Fed降息還不夠經濟振興方案太晚出爐恐失去為經濟與市場止血的契機。
全球金融機構紛紛調降全球經濟成長預測IHS Markit本周將今年全球成長率下修至17％其中更預估歐元區將零成長日本陷入經濟衰退中國大陸全年成長率則僅43％。
許多經濟學家還憂心疫情短期若無法控制對全球經濟將帶來長遠的傷害貝倫堡銀行經濟學家漢斯（Florian Hense）指出「衝擊勢必巨大無比現在光是要提出一個具體的參考資料都是一項很艱難的挑戰。」</t>
  </si>
  <si>
    <t>新冠肺炎(COVID-19)疫情擴大瑞基海洋(4171)由美國國家生物資訊中心及全球共用禽流感資料倡議組織基因庫取得新型冠狀病毒的基因序列並積極著手進行適用於POCKIT技術平臺相關檢測試劑的研發。因應非洲豬瘟與禽流感</t>
  </si>
  <si>
    <t>新冠肺炎(COVID-19)疫情擴大瑞基海洋(4171)由美國國家生物資訊中心及全球共用禽流感資料倡議組織基因庫取得新型冠狀病毒的基因序列並積極著手進行適用於POCKIT技術平臺相關檢測試劑的研發。
因應非洲豬瘟與禽流感疫情持續延燒亞洲各國積極動物防疫帶動畜產檢測試劑銷售瑞基海洋1月合併營收再創新高。2020年瑞基除鞏固水產疾病檢測市場領導地位外將持續深耕畜產市場以亞洲地區為起點全面拓展非洲豬瘟檢測市場同時強化佈局PCR在雞禽市場應用；伴侶動物方面將持續朝新增代理通路前進。
瑞基說大陸豬瘟檢測相關訂單持續成長菲律賓與柬埔寨亦下單訂購非洲豬瘟產品；國際糧農組織(FAO)泰國分部持續訂購禽流感試劑沙國代理商亦續下單禽流感試劑。</t>
  </si>
  <si>
    <t>新冠肺炎疫情肆虐不少公司行號受到牽連職場健康更加受到重視。高市府與經濟部工業局合作結合民生醫院、國軍總醫院左營分院及企業力量以高雄加工區為示範場域提供勞工、企業、醫療三方完整健康方案打造出職場健康管理平臺、健康物聯網環境、健檢巡檢作業智能化預計1萬名勞工受惠。
高雄市長韓國瑜提到今年度向經濟部工業局提出「智慧職場健康共照應用服務計畫」地方創新提案並由華電聯網公司團隊申請計畫執行以勞工的全人健康、健康促進及預防醫學為目標政府與企業共同照護勞工健康。
韓國瑜指出該計畫勞工可運用個人化健康資訊APP接收到健康狀況分析和個別化專業的建議提升勞工對自我健康管理的重視。廠醫職護透過職場健康管理服務導入健檢作業智慧系統化取代以往紙本文件有效管理健檢資料並結合醫療資訊提供完整的健康照護方案。
韓國瑜表示企業雇主藉由職場健康管理平臺彙整健檢資料及日常生活量測紀錄針對慢性疾病與高風險者及早介入關懷更有效追蹤與掌握員工健康狀況。
衛生局長林立人說未來可望擴大辦理與多家醫療院所共同合作初步以逾30家企業、1萬人以上勞工參與、設備服務量10萬人次以上的服務應用為目標並串連社區基層醫療及延伸長期照護等服務助力高雄職場健康照護走向科技化建構永續經營的友善職場。
先進醫資公司總經理黃兆聖說明新冠肺炎影響全球經濟企業可以體會到健康是很重要的議題如果沒辦法處理好恐危及企業經濟命脈這次計畫將防疫元素融入打造智慧檢疫站透過雲端蒐集大資料組織企業聯合防疫網另也整合到醫院端物聯網分析及管理健檢資料透過虛實整合共同照護員工健康。</t>
  </si>
  <si>
    <t>受到二次疫情擔憂經濟前景仍不明朗美國各州延後復工密西根大學消費者信心指數自高點滑落且市場情緒受到財報陸續公佈所牽引消費信心疲軟不確定性支撐黃金站上1810美元。從已公佈部分資料來看全球經濟</t>
  </si>
  <si>
    <t>受到二次疫情擔憂經濟前景仍不明朗美國各州延後復工密西根大學消費者信心指數自高點滑落且市場情緒受到財報陸續公佈所牽引消費信心疲軟不確定性支撐黃金站上1810美元。
從已公佈部分資料來看全球經濟似乎開始復甦但很明顯的是受新冠肺炎疫情影響第二季全球經濟大幅衰退。經濟復甦力道取決於各國控制疫情的成效在疫苗研發成功普及之前國際經濟復甦之路仍充滿變數。
歐洲央行利率決策會議維持目前利率不變歐洲經濟研究中心公佈專家預測經濟成長由前期的586上升至7月份的596。另外在南海及香港問題上美國展開行動大陸也祭出相關反制措施中美關係再度緊張升溫。
然而疫情在全球尚未受到控制全球新冠肺炎延燒不斷依據美國約翰霍普金斯大學即時統計資料顯示全球確診數已飆破1229萬例死亡數突破555萬例美國單日確診超過63萬迄今累計確診數超過311萬死亡人數至少133萬。
佛州、德州、加州、亞利桑那州死亡數增加牽動市場悲觀情緒走揚需要疫苗研發傳出好消息激勵市場信心；美元指數持續震盪走弱來到96元下方台灣期貨交易所的人民幣期貨在699元附近震盪歐元期貨走強走揚來到1453相對走強。
後市外匯市場關注焦點在於新冠肺炎感染人數、續領失業救濟金人數、歐洲及日本央行利率決議。當前變數未定宜小部位操作分批佈局不宜冒然追價或加碼放大部位建議謹慎操作注意適度避險。（富邦期貨提供李娟萍整理）</t>
  </si>
  <si>
    <t>新冠肺炎（COVID-19）疫情日益嚴峻抗疫已成為國際社會主流。但疫情之下的政治鬥爭並未停止其他國家之間爆發的大都是互相截留物資的事務性糾紛而中美之間上演的爭鬥話題則豐富到了令人眼花撩亂的地步。蔡英文政府在這場爭鬥中立場明確然這場爭鬥的本質及其將會給台灣帶來的命運蔡英文本人或許也未認清。
「中美開戰」陰雲濃
從病毒來源中國大陸、大陸資料造假到中國大陸援助他國動機不純從中國大陸拒絕美國專家、中國大陸與世界衛生組織（WHO）勾結到大陸歧視虐待在陸非洲人國際輿論少不了和中國大陸相關的爭議事件且幾乎都由美國挑起。
大陸方面其因對也是空前的。在美歐成為全球疫情新的震央自顧不暇時中國大陸迅速轉變姿態準備擔當公共衛生領域的全球領導者角色。截至4月10日中國大陸已經或正在向127個國家和4個國際組織提供物資援助累計向包括義大利在內的11國派出13批醫療專家組和150多個國家以及國際組織舉行了70多場專家視頻會分享經驗。這使得美國持續大力抨擊中國大陸「藉疫情伸政治黑手」更加深與中方的對立情結。【資料更新】
事實上中美對立之勢並不始於疫情。過去一兩年的貿易戰雙方互有攻守退讓並於1月份簽署妥協協議。但在公共衛生領域中美一開始就打了一場遭遇戰局勢膠著。
美國為什麼頻頻發聲？不難猜測。要論證中國大陸不行除了否定中方的抗疫成果連稱讚中方成果的人和組織也要一併否定。因為這是自從中國崛起後歐美就有的疑問：當專制被證明有用那麼民主要如何捍衛自己？若中國大陸防疫和「反觀美國防疫失敗」這種論調蔓延會成為支持「中國制度」的另一佐證?
當然中共對此的看法是：疫情防控關鍵還在於各國是否成功最終還要每個國家的政府自己買單。誰能夠迅速走出疫情迅速在危局中站起來就贏得了主動。中國大陸一方面認為真正犯錯誤的國家等疫情結束之後自然會見分曉「潮水退了就知道誰沒穿褲子」另一方面也自信自己已經先一步控制住疫情掌握了先機。而去除國際輿論對於「中國大陸瞞報」的質疑未消之外當前局面就算不利於中國大陸但亦不利於美國：美國深陷疫情其大國雄心只能體現在口頭。美國此次給了世界什麼幫助？這種質疑在西方媒體上一直存在。
令人擔憂的並非中美針對疫情的鬥爭。而是從貿易戰、科技戰到公共衛生領域爭奪戰雙方矛盾正在以前所未有的速度大爆發鬥爭已全面公開化。這是中美結構性矛盾日益尖銳的必然結果。台灣蔡政府在「選邊美國」的同時並非不瞭解這個局面所以蔡政府此刻最憂慮的是：這是否也意味著中美矛盾很快會延燒到軍事領域？
若中美矛盾蔓延到軍事領域台海就會成為首當其衝的引爆點。
明顯可見的是中美都在加速戰備。建成世界一流軍隊已是解放軍公開的目標而川普（Donald Trump）上臺後實施「美國歷史上最大規模的一次強軍」2018年軍費總額提升至近7000億美元2019財年國防預算總額進一步上漲至7160億美元。中美軍艦戰機在台海、南海、東海同時同地現身的頻率不斷上升。
中美之間的平靜已非一紙貿易協議可以維持。因為中國大陸的國際影響力仍會增強而美國也會盡全力維持住老大地位。世界各國恐怕都已有了心理準備未來數十年將要面對左右拉鋸的局面。
「戰鬥心切」華盛頓
對於如何因應後起者的挑戰美國並不陌生並有著成功的經驗。
美蘇爭霸時軍事競賽、政治對抗、經濟封鎖輪番上陣最終冷戰以蘇聯解體美國勝利宣告結束。20世紀80年代日本經濟發展迅速美國以簽署廣場協議（Plaza Accord）徹底搞垮日本的追趕。再往前看兩次世界大戰就是新崛起的大國挑戰現有大國的典型案例。為了爭奪海上霸權17世紀至18世紀英荷之間斷斷續續打了四場仗。美國所代表的的西方社會處理矛盾衝突的典型手法便是戰鬥。
在如何處理同中國的矛盾上美國逐漸形成的答案是全面圍堵打壓中國大陸。貿易戰是一環。以封殺華為中興為代表的科技戰是一環。以新疆、西藏、香港問題煽動意識形態戰是一環。以斷絕雙方關係為威脅的脫?方案是一環。否定中國抗疫成果又是一環。他們認定中國大陸國強必霸。先出重拳則是美國的應急反應。這很大程度上是歷史文化的慣性使然。
一言以蔽之美國給出的處理中美結構性矛盾的方案還是西方傳統幾百年來的老一套其結果必然是無休止的矛盾與衝突。
過去中國大陸飛速發展西方及台灣等東亞民主地區都認為「待中國大陸經濟起飛老百姓會要求民主中國大陸會往西方化」結果並不如此。中國大陸「不西化」、更未因此崩潰這加重了歐美及台灣社會的焦慮。選舉政治則逼著政客們言必稱對華強硬美國仍太難接受需與中國大陸平等交談之現實。川普利用對華強硬的標籤助選民主黨人僅剩的對華理性在選舉利益面前不堪一擊美國兩黨在對華強硬上漸趨一致現階段美國國內的政治機制已經失去了理性決策的空間。在美國軍方的案頭對於如何與中國大陸開戰恐怕早有過無數次沙盤推演出的現成方案。
但另一面美國近年來從伊拉克、阿富汗、敘利亞撤軍正在進行全球戰略收縮早已不再是那個隨心所欲、指哪打哪的帝國。這些都是要對華鋌而走險必須先考慮的現實原因。
「力求避戰」的北京
至於北京政府這一頭早期也曾想「逃避」兩強相爭的修昔底德陷阱（Thucydides Trap）。但如今也明白「中國崛起」是國際皆知的中美之爭更是。就算不想戰也躲不過中美必然的衝突。
2012年2月習近平以大陸國家副主席身份訪美期間提出要構建「前無古人但後啟來者」的新型大國關係。歐巴馬（Barack Obama）執政期間他也多次表示中國的崛起有利於美國正如美國的繁榮有利於中國。彼時美國雖然提出亞太再平衡政策來圍堵中國大陸但中美矛盾處於整體可控的範圍。
川普上臺以來所發動的貿易戰提前將中美矛盾推向了前臺。歐巴馬所代表的民主黨建制派能夠聽懂新型大國關係但川普代表的共和黨人對於新型大國關係不感興趣。如何找到一條從根本上管控中美矛盾的新路是北京面臨的難題。
戰略上北京已經設法重申和平崛起的戰略意圖。中共黨代會報告、政府報告、習近平在聯合國的演講任何宣示外交的機會中中國大陸都稱奉行和平外交政策和平崛起不稱霸。
此外北京還反覆重申沒有挑戰美國的意圖。2019年9月大陸官方發佈的《新時代的中國與世界》白皮書說中國大陸無意挑戰美國也不想取代美國。習近平也多次在公開場合提到「現行國際秩序並不完美但不必推倒重來也不需另起爐灶而是應在悉心維護的基礎上改革完善」。
北京為國際秩序和中美關係勾畫的藍圖是「構建人類命運共同體」。2017年10月「構建人類命運共同體」寫入中共黨章。2018年3月11日寫入大陸憲法序言。「構建人類命運共同體」一詞其實正是中國文化中的「天下觀」這一詞有歷史及文化傳承在其中與西方長久以來的價值體系完全不同。因此儘管中共多次強調「中國要做什麼」西方仍無法理解。
北京曾認為在美國磨刀霍霍之際「構建人類命運共同體」是中美兩強國避免開戰的關鍵。畢竟孤掌難鳴美國遇到的是不願意針鋒相對的北京它與以往新興大國試圖充當挑戰者迥然不同。北京認為自身的和平崛起是穩定中美關係的定海神針。
但越來越明顯的結構性矛盾也讓北京意識到：和平崛起不能靠避戰來確保如果戰事無法避免那就迎刃而上確保打贏。
中國大陸正在進行中共建軍以來最大的一次改革包括軍事政策制度、指揮體制、規模結構和力量編成等各方面。這項雄心勃勃的改革目標直指確保發展進程不因外力而中斷經濟與社會發展的成果「不被外力竊取、破壞」。
「合則兩利」有契機
綜合以上所述對北京來說確保中美不衝突的目標非常明確中共正在進行的策略主要有四個層面。
首先集中力量發展自己力圖保證經濟社會穩定發展。中共嘗試向世界展示：一個發展的中國、一個持續前進的中國大陸不僅沒有必要挑戰現有國際秩序還會從側面敦促美國反思打壓中國大陸的思路是否必要、是否可行、是否要持續。只要中國大陸不倒中美就有避免衝突的可能一旦中國大陸垮了接下來的就只有被美國教訓了。
其次中國大陸正積極改善與歐洲、日本、印度等各大國的關係致力於將中美矛盾從中西矛盾中剝離分化瓦解美國的對華戰線。
第三攻心為上動搖美國現任領導人的開戰決心。習近平前往美國與川普進行莊園會晤川普訪華期間習近平夫婦陪同其參觀故宮中美達成第一階段協議後北京開啟對美「買買買」模式這些都是忍讓策略。北京需要持續以能忍則忍、該緩則緩、避免觸怒美國為要點來管控中美矛盾。
自然隨著國力的持續增強大陸內部亦有強烈的民族主義情緒中共態度稍微放軟就會被民意解讀為「屈辱」和「丟臉」。但是習近平政府明白所有政策的出發點和落腳點是長遠的崛起一時的得與失無須過於看重。忍讓不是因為忌憚所以並不丟臉。當然要讓人民瞭解這點還需要一些技巧與時間。
第四忍讓的同時不可缺少的是震懾。不能有效震懾就不足以談合作。中共認為中國大陸必須展現能夠制衡美國的實力讓美國在一些「鬥爭」中吃些苦頭意識到「與中開戰」可能有的重大苦果如此才可能避免更嚴重的衝突。
就整體中美關係來看中國的國家實力正處在不斷上升逼近美國的狀態短時間內中美關係持續膠著不會改變。而台灣是中共的核心利益中國大陸上下願意為台灣問題所付出的代價遠比美國多太多。更甚者儘管美國現下懷抱強烈遏制中國崛起的意圖但對於開戰並無意願這又該如何想像美國會為了台灣而與中國大陸挑起直接軍事衝突？
然而當前台灣的立場不知會被美國帶到何處而台灣也只能被中美被動影響台海局勢的未來與中美衝突一樣是國際上難測的變數。
美國何時能真正認識到管理中美關係的重要性很難預料短期內看不到變化。現階段美國政治被民意綁架政客則利用民意持續煽動；而北京的政治決定很少受國內政治情緒的影響相對穩定。中美能否避免陷入修昔底德陷阱關鍵還要看北京如何管理雙邊關係。從某種程度上說北京恐怕才是中美關係穩定的主要維護者。</t>
  </si>
  <si>
    <t>美國疾病管制暨預防中心（US Centers for Disease Control and PreventionCDC）及全球各大學專家2月預估若新冠肺炎疫情席捲美國最慘的情況是超過21億美國人會感染當中170萬人可能病死。
《紐約時報》（New York Times）報導美國CDC及全球各大學專家2月召開視訊會議預估新冠肺炎如果席捲美國將對美國造成什麼樣的後果。
CDC流行病學家畢格斯塔夫（Matthew Biggerstaff）在會議上對在場50位專家展示4種可能的疫情發展如果美國不實施任何措施減緩病毒擴散綜合這4種發展最慘屆時將有16億至214億美國人感染新冠肺炎20萬至170萬美國人可能病死。預估模型還指出感染情況恐將持續數月、甚至超過1年全美不同社區將在短時間內接連爆發疫情。
此外令人擔心的是上億患者中將有240萬至2100萬人需要住院治療恐將癱瘓美國醫療體系因為全美現階段僅有約925萬張病床配有足夠醫療人員。
不過專家強調如果各級政府、企業、個人開始採取措施減緩病毒傳播未來新冠肺炎的感染人數將會趨緩CDC也正在研究如果將防疫措施等因素考慮在內美國最慘的疫情預估情形將為如何。參與製作疫情模型的約翰霍普金斯大學土木暨系統工程系副教授賈德納（Lauren Gardner）表示如果人們開始改變行為這些模型將不再適用「如果我們採取適當行動情況將會有很大的改善空間。」
這些能減緩疫情的行動包含檢測病毒、追蹤接觸者、減少人際互動等。
CDC的這份預估資料並對對外公告同時也未上承給擔任美國防疫防疫指揮官 的副總統彭斯（Mike Pence）同樣參與會議的佛羅裡達大學（University of Florida）專家隆吉尼（Ira Longini）表示該份研究仍有幾個關鍵問題存在不確定性因此並未對外公開內容包括無症狀者及輕症者的病毒傳染程度。</t>
  </si>
  <si>
    <t>從1月中下旬新冠肺炎疫情爆發原本欣欣向榮的電影行業被按下暫停鍵。據大陸啟信寶資料顯示1月至今已有近12萬家影視類企業被註銷。影院復工情形持續不樂觀進而轉向到影音平臺播放上也讓線上放映成為新常態選</t>
  </si>
  <si>
    <t>從1月中下旬新冠肺炎疫情爆發原本欣欣向榮的電影行業被按下暫停鍵。據大陸啟信寶資料顯示1月至今已有近12萬家影視類企業被註銷。影院復工情形持續不樂觀進而轉向到影音平臺播放上也讓線上放映成為新常態選擇。
據《每日經濟新聞》報導今年1月、4月大陸市場和好萊塢分別出現首部院線電影轉到線上首發新片。全球已有超過10部影片轉到線上進行放映。從喜劇動作電影《肥龍過江》到動畫電影《魔法精靈2》等。
例如5月的文藝電影《春潮》上線愛奇藝首周即進入豆瓣熱門電影榜Top 3獲得大量好評《春潮》總出品人、製片人愛美影視CEO李亞平表示《春潮》相對大成本電影更好調頭愛奇藝模式緩解投資人的壓力團隊普遍持支持態度某種程度上也撫慰了主創的遺憾。
而根據中國電影協會測算全國影院如果在8月復工全年票房預計為128億元（人民幣下同）年減約80％；如果10月復工全年票房預計在60億元左右年減91％也讓大量片方不僅面臨生存問題也有後續上片的空間壓縮問題。</t>
  </si>
  <si>
    <t>儘管新冠肺炎肆虐但智邦科技首季業績卻不受影響3月及首季營收同創歷年同期新高且單季營收也再度站上百億關卡等於連七季營收守穩百億水準。
智邦7日公佈3月營收4652億元創下歷年同期新高除較去年同期的436億元增加669％也較2月的3398億元上揚369％。合計今年首季營收為11724億元較去年同期的1112億元成長544％連七季營收守穩百億關卡。智邦在疫情陰霾罩頂下營運步伐顯得相對穩健。
智邦成功搭上超大型資料中心搶蓋的特快車去年繳出亮麗的成績全年營收55401億元年增29％；稅後純益495億元年增68％每股稅後淨利（EPS）891元三項均創下歷史新高。
由於去年的成績不錯為了讓獲利更上一層樓智邦決定在今年投入研發測試大樓的興建及做相關設備的投資。此外由於現有的竹南廠五條產線都已滿為了預備產能智邦在既有的一樓及五樓廠房之外又新租了四樓做預備。
至於新租的四樓要規劃多少產線？智邦董事長郭飛龍在年初受訪時曾提及 「產線的擴充智邦一直都在做準備就等適當時機到來。」
由於今年有資本支出需求雖然智邦去年EPS以891元創下歷史新高但董事會最終決議僅配發現金股利62元股利派發率近7成相較於前一年度的75％縮減了5個百分點。法人指出雖然派發率不若往年但62元的現金股利仍創下歷史新高且較上一年度的4元增加了逾5成市場認為如果預留的現金是用來繼續投資只要智邦今年業績可以維持在高檔為了公司的再成長近7成的股利派發率仍算是可以接受。</t>
  </si>
  <si>
    <t>新冠肺炎（COVID-19）疫情在全球擴大蔓延疫情之毒與猛已橫掃全球金融、工業及服務業市場。與此同時專家表示只要做好嚴防境外輸入作為新肺疫情爆發中心的武漢可望在數日後接近「清零」。大陸在抗疫方面取得初步成果對疫情帶來的衝擊則難以預估。
在疫情方面大陸境內新增確診遞減與境外輸入新增遞增讓中國疫情防控主要形勢已朝向猛增的輸入病例。官方資料顯示截至3月16日24時中國大陸全境累計報告境外輸入確診病例143例。
為此北京已經要求從3月16日零時起所有境外入京人員均應轉送至集中觀察點進行14天的隔離觀察。上海也準備將疫情防控重點國家數目翻倍17日起新增英國、瑞士、瑞典、比利時、挪威、荷蘭、丹麥、奧地利8國為疫情防控重點國家過去14天內到過上述國家的人士進入上海將一律實施集中或居家隔離。在此之前上海已分兩批將韓國、日本、伊朗、義大利、法國、西班牙、德國和美國8個國家列入疫情防控重點國家。
中國是世界工廠也是世界市場疫情在全球蔓延之後也帶來更大的挑戰。
在近兩個月時間內大陸已召開了十多次以疫情防控為主題的高規格會議因復工不等於復產且復產不等於復原大陸也針對復工復產及刺激內需釋出系列財金政策。惟因2019年經歷中美貿易戰的衝擊大陸經濟成長已創下30年來最低增速2020年的經濟前景為何？不少機構均感到悲觀。
不過近期大陸國務院總理李克強談話也透露大陸將不再以經濟增長目標做為保底策略。日前李克強在國務院常務會議中表示不能小看此次疫情對中國經濟影響但無論如何都要全力以赴穩住就業只要今年就業穩住了。他說「經濟增速高一點低一點都沒什麼了不起的。」
在新冠肺炎疫情對中國經濟的影響引發外界的擔憂與猜測之時李克強首次在疫情態勢下鬆口不少分析指出這段談話重點只有一個就是把就業問題放在優先經濟增速的位置意味著大陸正務實地面對保經濟成長已經不是第一要務。</t>
  </si>
  <si>
    <t>新冠肺炎疫情延燒北市府近期規畫「裡鄰數位建設」希望透過臺北卡、敬老卡或身分證在裡辦「嗶一下」就能購買額度內的口罩並設置智慧販賣機透過學生悠遊卡認證還可在校買口罩。北市副市長黃珊珊說資訊局跟中央談很多次現在先把軟體弄好後面最重要才是跟中央建置相關資料。
黃珊珊說從一開始有疫情時口罩就很難購買市長柯文哲希望E化能進步且台灣已是科技大國但發送口罩還是得回到健保卡系統、由藥局執行；其實區裡鄰的系統一直都很健全但卻缺乏裡鄰的資訊設備、沒電子化建置所以柯希望落實裡鄰。
黃說以發送清冊為例這是裡幹事去挨家挨戶簽名造冊很浪費時間未來希望用電子化方式所以北市6月有臺北卡會上線還有「優遊付」會上線中央身分證IC卡10月也會上線北市希望整合這些東西包括健保卡統整裡鄰系統相關資訊。
她還說屆時老人或身障者可以「嗶」一下拿走該拿的東西當初是柯看到大家都在排隊想說怎麼E化資訊局也與中央談很多次怎麼建置規畫先把軟體弄好最重要是後面跟中央建置相關資料北市就先將數位化弄好。
至於傳出北市衛生局有公文流出針對防疫旅館硬體措施有不符合規定因此產生防疫漏洞希望中央協助辦理。黃珊珊回應沒看過這份公文北市對防疫旅館只是媒合協助收留居家檢疫的國際客並非北市核不核准而轉介的防疫旅館需經北市衛生局、觀傳局確認有旅館要做成防疫旅館她也予以尊重。
黃強調衛生局不會說誰符合、誰不符合因這是民間自主行動「這不是公文吧看起來是有人發文而已」跟北市合作的防疫旅館只2家這2家也經確認符合規定才辦理若是有議員覺得有問題的話這目前也不屬行政命令的規範不能說不符合就處罰。</t>
  </si>
  <si>
    <t>台灣疫苗覆蓋率破50％但多數民眾只打一劑疫苗讓不少人擔憂保護力到底夠不夠？對此胸腔科醫師蘇一峰分享加拿大研究指出在Alpha病毒流行的狀況下只打一劑疫苗BNT可提供75%的保護力莫德納可提供82%保護力AZ則可提供61%的保護力；3款疫苗的重症保護力都在80至90％但面對Delta實際效果恐更差一點。
蘇一峰今在臉書發文表示目前台灣多數的民眾都只有打一劑疫苗而已接種完兩劑者的比率偏低面對來勢洶洶的變種病毒讓不少人擔心只打一劑的保護力足夠嗎？
蘇一峰分享一則加拿大研究指出該研究蒐集了今年4月和5月50至69歲的成年人施打疫苗與感染的資料資料並進行比對分析發現68074位參與研究的民眾其中有7116位為確診者當時加拿大約有75％的民眾打mRNA疫苗15％的人是打AZ疫苗。
蘇一峰說當時的主流病毒株為英國Alpha變異株佔據了50％其次是巴西Gamma變異株38％印度Delta變異株4％剩餘的8％則是其他病毒。在這樣的狀況下研究發現如果只有打一劑疫苗BNT可提供75%的保護力莫德納可提供82%保護力AZ則可提供61%的保護力。
蘇一峰也說令人感到放心的是無論是BNT、莫德納還是AZ疫苗都可以提供80至90％的住院保護力也就是所謂的重症保護力。不過這份研究當時是以英國Alpha病毒株為主目前流行的是Delta實際效果可能會更差一點。</t>
  </si>
  <si>
    <t>國際經濟情勢：　新冠肺炎二次疫情風險提高不僅美國多州確診人數明顯增加原先趨緩的日、韓也開始生變而北京更是連環爆出感染案例進入半封城狀態讓市場相當憂慮疫情恐出現大爆發狀況。於此同時全球地緣風險升高6月16日北韓炸毀位於開城工業區的兩韓聯絡辦公室導致雙方關係劍拔弩張不過在金正恩宣佈暫停對南韓採取軍事行動計畫使得對峙的情勢有所放緩而中國和印度先前發生邊境衝突雖目前稍微降溫但連續性的事件也導致國際局勢更為複雜。
所幸受惠美國國會可能在7月通過新刺激方案包括退稅和第二輪現金發放等政策加上白宮澄清美中貿易協議尚未結束緩解市場對貿易協議破局的擔憂然而風險驟升可能帶來的衝擊仍將持續幹擾金融市場。
總經方面美國繼月初就業資料良好後月中發表的零售數字也呈現正向狀況看似逐漸轉佳不過Fed主席和官員聲稱當前失業率仍居高不下且先前公佈的初請失業金人數降幅不如市場預期加上部份地區感染病例出現攀升恐將使得市場對經濟復甦的信心遭受壓抑考量美國即將公佈最新一期的初請失業金資料屆時若持續不如預期可能會導致市場氛圍轉趨保守。
財政政策部份雖川普當局表示考慮實施1兆美元的基建支出美國國會也正考慮推出新的商業救助法案以接軌即將到期的現有救助法案然國會需待7月21日之後才得以復會亦即政策出現空窗期市場對基本面的預期可能將相對謹慎。
投資策略：
新台幣走勢相當強勁目前向295元大關進行挑戰續創二年多來新高在資金效應推動之下台股表現相對強勢另代表內資買盤的櫃買指數更領先創下今年新高雖然進入除息旺季指數將陸續蒸發且面對壓力區追價買盤略見謹慎短期指數應仍趨向6月11日長黑K線附近至月線間震盪的格局但在內資著重中小型、外資青睞權值股的買盤接續仍有持續向上動能。
操作方面預期資金行情續航即便出現二次感染市場恐慌情緒應不至於較3～4月份高但疫情仍左右市場心態或將使個股波動加大建議可朝旺季能見度佳且具題材之個股伺機偏多。
綜合上述台股目前站上所有均線多方格局持續雖短期上漲動能稍微放緩但受惠資金的不斷挹注大盤下檔風險相對有限後續盤勢仍是以向上發展機率較高惟需留意地緣政治風險提升以及國際疫情發展狀況操作上以不過度追價為原則。投資可聚焦於3Q能見度高、4Q有所轉機者若具備高殖利率的優勢更佳以半導體、CCL/PCB、Server網通高速傳輸Mini LED與5G手機為首選而非電子部分除防疫健身的相關個股外也可著墨於下半年有望復甦的汽車、紙類、紡織等族群。</t>
  </si>
  <si>
    <t>十多名全球頂尖科學家昨（13）日聯合刊登建言指出現在不是大規模施打第3劑加強針的時刻強調2劑疫苗仍能有效防止民眾變成新冠重症。他們警告由於支持接種加強針的科學證據不足過早讓民眾接種第3劑可能反而增加心肌炎、罕見神經病變等疫苗副作用專家認為比起初代疫苗現在應該開始研發針對變異株的加強針對於對抗疫情可能更有效果。
綜合「富比世」（Forbes）、美聯社等外媒報導18名全球頂尖科學家昨日聯合在國際知名期刊《刺胳針》（Lancet）刊登建言這些科學家包含美國食品暨藥物管理局（FDA）、英國、法國、南非、印度及世界衛生組織（WHO）的疫苗專家。
專家們強調現在不是擴大讓全民接種第3劑加強針（booster shot）的時候文章主要有6大重點。
第一	科學家指出雖然現在有許多針對新冠變異株以及疫苗保護力持久度的研究不過許多研究尚未經過同儕審查相關細節可能有誤此外研究團隊也可能側重部份研究結果不過多數研究一致發現疫苗仍能有效保護民眾免於成為新冠重症。雖然多數疫苗保護民眾感染Delta後出現症狀的效力低於Alpha變異株不過整體來看仍能有效防止有症狀感染及重症。
第二	科學家們強調沒有證據顯示現在應該擴大讓全民接種加強針因為疫苗對抗重症的保護力仍高也沒有任何一項研究提供有力證據指出隨著時間推移疫苗對抗重症的保護效果會大幅度衰退。
科學家強調人體內有多層免疫保護層外界高度關注抗體濃度會隨時間下降不過這並不代表疫苗誘發的整體保護力也跟著下降「疫苗對抗輕症的效力下降也不能就此預測對抗重症的效力也下降。」這是因為疫苗誘發對抗新冠重症的保護效果並不只是奠基於抗體反應同時也會藉由免疫記憶反應（memory response）及細胞免疫（cell-mediated immunity）啟動後兩者的壽命通常較長。
科學家也強調證據顯示目前已知的變異株尚未發展到可以逃脫疫苗誘發的免疫記憶反應的階段。
第三	科學家警告太早或太頻繁擴大接種加強針可能為民眾帶來副作用風險他們提到例如輝瑞/BNT或莫德納等mRNA疫苗可能引發心肌炎副作用腺病毒疫苗可能誘發吉蘭-巴雷氏症候群（Guillain-Barre Syndrome GBS）等罕見神經病變「如果不必要的加強針引發嚴重不良反應可能影響民眾對於疫苗的接受程度。」
第四	科學家指出雖然在疫苗接種率高的國家確實發生疫苗對抗有症狀感染、病毒傳播的效果低於對抗重症的情形不過目前未接種疫苗的族群仍是新冠病毒持續擴散的主因同時他們也是重症的最高危險群。
第五	隨著疫苗誘發的免疫反應下降或是新冠變異株演變導致現有疫苗無法再提供適當保護科學家們坦承未來全民可能需要接種第3劑疫苗。不過他們警告隨著病毒傳播未來愈有機會出現逃脫現行疫苗的病毒科學家因此建議比起讓民眾接種初代病毒現在或許可以專注研發針對變異株的加強劑例如流感疫苗每年都會更新效果可能會更好。
第六	科學家強調在沒有強而有力的資料及分析支持下就推動施打加強針可能會破壞民眾對疫苗的信心他們指出如果最終仍需要擴大施打加強針必須明確點出接種的直接與間接效益。</t>
  </si>
  <si>
    <t>行政院提出紓困方案卻引來民怨不僅困擾申辦民眾也讓第一線承辦人員壓力大現在又出現中央地方不同調互相槓上的狀況。前新北市長朱立倫今天表示排富儘速發放現金是原則不要太多審核的標準千萬不要只訂政策卻忘了行政程式的執行可行性徒然增加基層工作人員的負擔。
朱立倫今天在臉書上訪問前衛生署長楊志良與前新北市衛生局長林奇宏三人大談防疫政策。朱立倫表示多國將在年底研發出疫苗準備重啟國門重拾經濟動能台灣因疫苗明年底才會上市恐無法跟進可能面臨鎖國困境「沒有樂觀的本錢！」
朱立倫認為台灣第一階段防疫成功若要跟上國際復甦腳步疫苗、快篩、藥物是三大關鍵但因樣本數不夠相對國際開發疫苗能力有限。他強調「到明年底才有疫苗真的太晚」台灣疫苗部分應該趕快加入「國際隊」分享他國病毒株與抗體資料跟國際一起合作開發「絕對不能閉門造車。」
朱立倫表示過去蔡政府一再強調五加二產業但在生技產業實在「說得多、做得少」「陳建仁副總統自己講台灣疫苗自給率只有8％！」朱說台灣生技產業過去長期以來「重製造、缺研發」研發人才、後續產業鏈培養以及研發投入的資源相對不足應該是政府未來發展生技產業應該補強的重點。
朱任前行政院副院長於H1N1疫情期間擔任總指揮官與時任衛生署長楊志良共事。楊志良直言除非疫苗成功「否則台灣開放之後恐怕會在恐懼中過日。」他提到經濟何時解封可以跟哪些國家往來都應該儘速訂出標準。
至於生技產業楊志良感嘆說發展臺灣的生技產業還有很長一段路要走每次都講的很多但應該要有國家的團隊來統合資源。
林奇宏則強調台灣第一波防疫成功但廠商因為個案太少台灣缺少國際合作讓試劑產品沒有足夠的測試。他說廠商自己有與各國業界交換訊息但沒有一個總體的國家政策配合跟支持。台灣資源有限定位要清楚台灣的資通訊產業在檢疫過程中可以扮演重要角色政府要有更多作法。</t>
  </si>
  <si>
    <t>行政院 提出 紓困 方案 卻 引來 民怨 不僅 困擾 申辦 民眾 也 讓 第一 線 承辦 人員 壓力 大 現在 又 出現 中央 地方 不 同調 互相 杠 上 的 狀況 前 新北 市長 朱立倫 今天 表示 排 富 盡 速 發放 現金 是 原則 不要 太 多 審核 的 標準 千萬 不要 只訂 政策 卻 忘 了 行政 程式 的 執行 可行性 徒然 增加 基層工作 人員 的 負擔 朱立倫 今天 在 臉書上 訪問 前 衛生 署長 楊志良 與 前 新北 市 衛生局長 林奇 宏 三 人 大 談 防疫 政策 朱立倫 表示 多國 將 在 年底 研發 出 疫苗 準備 重 啟 國門 重 十 經濟 動能 臺灣 因 疫苗 明年 底 才 會 上市 恐無 法 跟進 可能 面臨 鎖國 困境 沒有 樂觀 的 本錢 朱立倫 認為 臺灣 第一 階段 防疫 成功 若要 跟 上 國際 復蘇 腳步 疫苗 快 篩 藥物 是 三大 關鍵 但因 樣本數 不夠 相對 國際 開發 疫苗 能力 有限 他 強調 到 明年 底 才 有 疫苗 真的 太 晚 臺灣 疫苗 部分 應該 趕快 加入 國際隊 分享 他國 病毒株 與 抗體 資料 跟國際 一起 合作開發 絕對 不能 閉門造車 朱立倫 表示 過去 蔡 政府 一再強調 五加 二產 業 但 在 生 技 產業 實在 說 得 多 做 得 少 陳建仁 副 總統 自己 講 臺灣 疫苗 自給率 只 有 8 朱說 臺灣 生 技 產業 過去 長期以來 重 製造 缺 研發 研發 人才 後續 產業鏈 培養 以及 研發 投入 的 資源 相對 不足 應該 是 政府 未來 發展 生 技 產業 應該 補強 的 重點 朱任前 行政院 副 院長 于 h 1 n 1 疫情 期間 擔任 總 指揮官 與 時任 衛生 署長 楊志良 共事 楊志良 直言 除非 疫苗 成功 否則 臺灣 開放 之後 恐怕 會 在 恐懼 中 過 日 他 提到 經濟 何時 解封 可以 跟 哪些 國家 往來 都 應該 盡 速 訂 出 標準 至於 生 技 產業 楊志良 感歎 說 發展 臺灣 的 生 技 產業 還有 很 長 一段路 要 走 每次 都講 的 很多 但 應該 要 有 國家 的 團隊 來 統 合資 源 林奇 宏 則 強調 臺灣 第一 波 防疫 成功 但 廠商 因為 個案 太 少 臺灣 缺少 國際 合作 讓 試劑 產品 沒有 足夠 的 測試 他 說 廠商 自己 有 與 各國 業 界 交換 訊息 但 沒有 一個 總體 的 國家 政策 配合 跟 支持 臺灣 資源 有限 定位 要 清楚 臺灣 的 資 通訊 產業 在 檢疫 過程 中 可以 扮演 重要 角色 政府 要 有 更 多 作法</t>
  </si>
  <si>
    <t>鴻海、台積電與上海復星簽約1000萬劑輝瑞/BNT疫苗預計9月供貨讓民眾想等到9月再打疫苗然而前臺大醫院感染科醫師林氏璧表示輝瑞/BNT要9月才來預計要有95%的完整保護力最快要到年底「我不想烏鴉嘴但確定在年底前不會有第二波本土疫情嗎？」呼籲有AZ就先打未來若開放混打BNT抗體效果也會增加。
昨天(13日)起至15日下午5時開放50歲以下可參加第三輪意願登記林氏璧昨天在臉書指出如果AZ、莫德納都不想打想等輝瑞/BNT或是想等國產高端、聯亞疫苗他都建議大家不要等了輪到就去打因為打疫苗是群體戰越多人施打台灣面對可能的下一波疫情才能從容應戰。
為何不要等輝瑞/BNT？林氏璧解釋輝瑞/BNT可能9月才會來來了還要檢驗封緘且打完第二劑14天後才會有臨床試驗中號稱的95%保護力但指揮中心搞不好又改規定延長第二劑接種時間到10至12周等到有完整免疫力都已經年底或明年初了。
「我不想烏鴉嘴」林氏璧表示接種輝瑞/BNT要有完整保護力最快要到年底確定台灣在年底前不會有第二波本土疫情嗎？反之現在打AZ第一劑14天後就有不錯的保護力且延後施打的證據也較完備「是的輪到你打就去打吧！大家加油！」
此外林氏璧也在《有話好說》節目上指出AZ疫苗對印度Detla變異株的防重症效果很不錯英國研究資料顯示AZ混打輝瑞/BNT目前看起來抗體及T細胞效果增加最好但順序要對先打AZ再打輝瑞/BNT直言若未來有機會開放混打現在打AZ是進可攻退可守的選擇。</t>
  </si>
  <si>
    <t>北極星藥業（6550）表示收到FDA認可之獨立機構「資料和安全監視委員會（DSMB）」主動對正進行之肺間皮癌三期臨床試驗來文；由於整體存活率（OS)與無惡化生存期（PFS)兩者之CP值均已超過80％建議提早結束肺間皮癌</t>
  </si>
  <si>
    <t>北極星藥業（6550）表示收到FDA認可之獨立機構「資料和安全監視委員會（DSMB）」主動對正進行之肺間皮癌三期臨床試驗來文；由於整體存活率（OS)與無惡化生存期（PFS)兩者之CP值均已超過80％建議提早結束肺間皮癌三期試驗直接申請藥證。
北極星表示近期將與FDA進行會議考慮依循DSMB之建議與FDA協商提早結束肺間皮癌三期臨床試驗直接申請藥證。
北極星藥業試驗是以ADI-PEG 20聯合化療藥 Pemetrexed及 Cisplatin 治療末期肺間皮癌的多國多中心二/三期雙盲臨床試驗預計於美國、英國、澳洲、台灣及義大利等五個國家多中心進行臨床試驗及後續於台灣、美國、歐盟等各地區申請新藥查驗登記審查。
北極星藥業27日收到FDA認可之獨立機構「資料和安全監視委員會（DSMB）」主動來文DSMB對正進行之肺間皮癌三期臨床試驗作出進一步之建議。由於整體存活率（OS)與無惡化生存期（PFS)兩者之CP值均已超過80％考量挑戰競爭性治療與新冠肺炎之衝擊DSMB建議北極星與監管機構（FDA）聯繫考慮於三個月內停止繼續收錄病人提早結束正進行之臨床試驗並對受試者持續追蹤一年。
北極星藥業指出DSMB並在文中說明決策流程每個DSMB成員都承認有關建議的決策過程是基於對所提供資料的全面評估。DSMB成員根據對所提供資料的審查、他們的醫學專業知識以及他們參加DSMB會議提出上述建議。DSMB成員理解這些建議是基於共識投票得出的。</t>
  </si>
  <si>
    <t>在美國總統川普確診後首度搭機離開白宮前往外地舉辦大型造勢活動之際白宮醫師康利今天發布川普健康備忘錄表示川普的武漢肺炎檢測呈現陰性已不具傳染性。
康利（Sean Conley）在備忘錄中表示川普連續數天的2019冠狀病毒疾病（COVID-19武漢肺炎）檢測均呈現陰性。川普使用的是亞培藥廠（Abbott Laboratories）15分鐘快篩試劑BinaxNOW。不過備忘錄並未說明川普何時接受檢測。
康利也在備忘錄中強調這不是唯一確認川普健康狀況的檢測團隊也結合其他臨床實驗資料包括病毒含量、核糖核酸（RNA）、病毒聚合(酉每)鏈式反應（PCR）等都呈現缺乏可檢測病毒複製狀況。依據美國疾病管制暨預防中心（CDC）指南團隊認為川普已對他人不具傳染性。這也是川普確診後白宮首度證實川普檢測呈現陰性。
川普2日淩晨透過推特宣佈他和第一夫人梅蘭妮亞（Melania Trump）確診染疫並在當天傍晚入住華特裡德國家軍事醫學中心（Walter Reed National Military Medical Center）接受治療並於5日傍晚出院返回白宮。
川普10日首度參加於白宮南草坪舉辦的數百人公開活動他今天晚間更搭機前往佛羅裡達州參加大型造勢活動。（編輯：張佑之）1091013</t>
  </si>
  <si>
    <t>產業調查機構Counterpoint Research週四表示因新冠狀病毒疫情在中國與其他國家擴散2月全球智慧手機銷售量暴跌14%隨著疫情在世界許多地方惡化智慧手機市場可能面臨進一步的衰退。
新冠肺炎在中國大爆發迫使蘋果公司與其他智慧手機製造商在2月關閉當地門市且中國官方資料顯示蘋果2月在中國大陸的iPhone銷量不到50萬支。
中國2月智慧手機銷量較去年同期大減38%但隨著許多門市在3月中旬恢復營業目前已出現復甦跡象。南韓手機市場亦出現回暖跡象但對於世界其他地方而言「最壞的情況還未到來」。
越來越多國家祭出封鎖令以防堵疫情持續擴大智慧手機製造商正面臨新的供應鏈中斷問題。蘋果最重要的供應商鴻海週二宣佈印度廠將暫停營運以遵守當地政府的防疫命令。</t>
  </si>
  <si>
    <t>國內想打疫苗的民眾多數想打莫德納或BNT並傳言說國外都不接受AZ。對此醫藥粉專「MedPartner美的好朋友」發文澄清「AZ是國際接受度最高的疫苗」目前共119個國家接受比BNT和莫德納都高引起網友討論。
醫藥粉專「MedPartner美的好朋友」昨在臉書發文表示不知道為什麼一直有謠言說AZ疫苗在國際上的接受度低但事實上AZ是國際接受度最高的疫苗目前世界上共有119個國家接受AZ比BNT和莫德納都還要高。
貼文引起網友討論不少人認同地說身邊的親友真的都有這樣的迷思很多人都說非莫德納不可。「不信者永遠不信只會說日本都不打AZ」、「詢問了下身邊的同事與朋友很多人都鍾情mRNA疫苗」、
另有網友留言指出目前的問題應該不是國際間的接受度而是傳說AZ疫苗的防護力比BNT和莫德納還弱因此許多人覺得既然要打那為何不選更好的來打？對此粉專「MedPartner美的好朋友」回說AZ第二劑的保護力確實比較低但在真實世界中所觀察到的資料避免重症與死亡的機率其實沒有什麼差別。</t>
  </si>
  <si>
    <t>國內公費疫苗第六輪將開打高端預計會提供60萬劑今天上午10點開放預約下週一(23日)開打開放36歲以上民眾預約接種而高端疫苗有哪些副作用、保護效果如何、接種高端前要注意什麼？《中時新聞網》整理了8大問題懶人包供民眾參考。
●如何預約高端疫苗？
到「COVID-19 公費疫苗預約登記」網站預約本輪預約時間為今天(16日)上午10點至週三(18日)中午12點止僅提供高端。預定8月23至29日施打呼籲預約民眾準時前往接種。
●誰可預約高端疫苗？
指揮中心開放三類對象可以預約包括65歲以上長者、64至20歲第9類對象以及64歲至36歲民眾。
●高端接種劑量及間隔？
根據衛福部疾管署高端疫苗簡介高端適用接種年齡為20歲以上接種劑量為05ml。接種劑次為2劑間隔28天。
●高端安全性及保護效果？
高端不含可複製之新冠病毒SARS-CoV-2顆粒不會因為接種本疫苗而罹患COVID-19另依據本疫苗臨床試驗結果顯示安全性良好。以及臨床試驗結果分析免疫生成性與恢復者血清中和抗體資料經與國外獲得EUA疫苗所產生的保護力關聯指標比對也符於保護力標準。
●接種禁忌
高端新冠肺炎疫苗是含新冠病毒SARS-CoV-2重組棘蛋白的疫苗之蛋白質次單元對於疫苗成分有嚴重過敏反應史者不能接種。
●接種高端之前要注意什麼？
1發燒或正患有急性中重度疾病者宜待病情穩定後再接種。
2高端疫苗不得與其他廠牌交替使用。若不慎使用了兩劑不同COVID-19疫苗產品時不建議再接種任何一種產品。
3不得與其他疫苗同時接種。COVID-19疫苗與其他疫苗的接種間隔建議間隔至少14天。如小於上述間隔也無需再補接種。
4免疫功能低下者包括接受免疫抑制劑治療的人對疫苗的免疫反應可能減弱。
5目前缺乏孕婦接種COVID-19疫苗之臨床試驗及安全性資料而臨床觀察性研究顯示孕婦感染新冠病毒可能較一般人容易併發重症。孕婦若為COVID-19之高職業暴露風險者或具慢性疾病而易導致重症者可與醫師討論接種疫苗之效益與風險後評估是否接種。
6若哺乳中的婦女為建議接種之風險對象如醫事人員應完成接種。目前對哺乳中的婦女接種COVID-19疫苗的安全性、疫苗對母乳或受哺嬰兒之影響尚未完全得到評估但一般認為並不會造成相關風險。接種COVID-19疫苗後仍可持續哺乳。
●接種高端後要注意什麼？
接種後應於接種單位或附近稍作休息留觀15分鐘離開後請自我密切觀察15分鐘但針對先前曾因接種疫苗或任何注射治療後發生急性過敏反應的民眾接種後仍請於接種處或附近留觀至少30分鐘。
使用抗血小板或抗凝血藥物或凝血功能異常者施打後於注射部位加壓至少2分鐘並觀察是否仍有出血或血腫情形。
●接種高端常見副作用、可能發生的反應有哪些？
接種高端後常見副作用是注射部位疼痛頻率約712%可適度冰敷請勿揉抓接種部位其次是痠痛、全身無力達36%、肌肉痛276%、頭痛222%、腹瀉151%、注射部位腫脹或硬結105%、噁心或嘔吐77%、發燒07%。常見的不良反應通常呈現輕度或中等強度大部分於接種後7日內觀察到緩解或消失。
而疫苗接種後不常見的不良反應有接種部位搔癢、寒顫、皮疹、鼻咽炎、口咽疼痛、心悸發生率介於千分之一至百分之一。罕見不良反應為顏面神經麻痺、眼壓過高發生率小於千分之一。
如有接種部位紅腫及硬塊發生膿瘍、持續發燒或嚴重過敏反應如呼吸困難、氣喘、眩暈、心跳加速、全身紅疹等不適症狀應儘速就醫並告知醫師曾接種疫苗以做為診斷之參考同時請醫師通報當地衛生局或疾病管制署。</t>
  </si>
  <si>
    <t>正因邊境問題再次與大陸陷入緊繃之際印度新冠肺炎確診人數來的420萬人此一資料超越巴西的414萬人正式成為確診數全球第2高的國家僅次於美國。據路透社報導印度於7日新增9萬確診不僅創單日新高紀錄更讓</t>
  </si>
  <si>
    <t>正 因 邊境 問題 再次 與 大陸 陷入 緊 繃 之際 印度 新冠肺炎 確診 人數 來 的 420萬 人 此 一 資料 超越 巴西 的 414萬 人 正式 成為 確診 數 全球 第 2 高 的 國家 僅次於 美國 據 路透社 報導 印度 於 7 日 新增 9萬 確診 不僅 創 單日 新高 紀錄 更 讓</t>
  </si>
  <si>
    <t>正因邊境問題再次與大陸陷入緊繃之際印度新冠肺炎確診人數來的420萬人此一資料超越巴西的414萬人正式成為確診數全球第2高的國家僅次於美國。
據路透社報導印度於7日新增9萬確診不僅創單日新高紀錄更讓全國染疫人口比巴西多了68萬人為當前全球新增確診最快的國家；專家表示按照當前速度將於下個月超過當前630萬確診的美國。
新德里賈瓦哈拉爾·尼赫魯大學（Jawaharlal Nehru University）社會醫學與社區衛生中心負責人達斯古普塔（Rajib Dasgupta）指出當前德里與孟買等大城市的疫情正快速向其他內地擴散讓都市地區疫情未減緩下郊區不減反升造成了「雙重負擔」。
不過印度政府表示印度的死亡人數當前為71萬人仍遠低於排名第一美國的19萬人以及第二巴西的12萬人證明印度抗疫具有高恢復率且其檢測、追蹤以及治療策略是正確的。但報導也指出但在過去5天每天都有1000多人不治。
另外正值印度疫情升溫之際與大陸再次陷入邊境衝突與警張。微信公號「中國軍網」8日淩晨約2點時發出聲明稱印軍7日非法越界進入中印邊境西段班公湖南岸神炮山區且印軍悍然對前往交涉的中方邊防部隊巡邏人員鳴槍警告印方行徑嚴重違反雙方有關協定是嚴重的軍事挑釁行為。</t>
  </si>
  <si>
    <t>正 因 邊境 問題 再次 與 大陸 陷入 緊 繃 之際 印度 新冠肺炎 確診 人數 來 的 420萬 人 此 一 資料 超越 巴西 的 414萬 人 正式 成為 確診 數 全球 第 2 高 的 國家 僅次於 美國 據 路透社 報導 印度 於 7 日 新增 9萬 確診 不僅 創 單日 新高 紀錄 更 讓 全國 染疫 人口 比 巴西 多 了 68萬 人 為 當前 全球 新增 確診 最 快 的 國家 專家 表示 按照 當前 速度 將 於下 個 月 超過 當前 630萬 確診 的 美國 新德里 賈瓦 哈拉爾· 尼赫魯大學 jawaharlal nehru university 社會醫學 與 社區衛生 中心 負責人 達斯 古普塔 rajib dasgupta 指出 當前 德里 與 孟買 等 大 城市 的 疫情 正 快速 向 其他 內地 擴散 讓 都市 地區 疫情 未 減緩 下 郊區 不減 反 升 造成 了 雙重 負擔 不過 印度政府 表示 印度 的 死亡 人數 當前 為 71萬 人 仍 遠 低於 排名 第一 美國 的 19萬 人 以及 第二 巴西 的 12萬 人 證明 印度 抗 疫具有 高 恢復 率 且 其 檢測 追蹤 以及 治療 策略 是 正確 的 但 報導 也 指出 但 在 過去 5 天 每天 都 有 1000 多 人 不治 另外 正值 印度 疫情 升溫 之際 與 大陸 再次 陷入 邊境 衝突 與 警 張 微信 公 號 中國 軍 網 8 日 淩晨 約 2 點 時 發出 聲明 稱 印軍 7 日 非法 越界 進入 中印 邊境 西 段班 公 湖南 岸 神 炮 山區 且 印軍 悍然 對 前往 交涉 的 中方 邊防部隊 巡邏 人員 鳴槍 警告 印方 行徑 嚴重 違反 雙方 有關 協定 是 嚴重 的 軍事挑釁 行為</t>
  </si>
  <si>
    <t>全球股市經歷十年多頭行情之後市場年初的樂觀氛圍被新冠肺炎疫情爆發徹底瓦解。從中國迅速蔓延至歐美亞各國加上沙烏地阿拉伯及俄羅斯報復性壓低油價扼殺美頁岩油商導致油價崩跌全球資本市場在兩大事件夾擊下市況急轉直下引發一連串股災我們可以從資本市場、疫情、實體經濟三個角度來解讀。
資本市場層面回顧歷次金融危機的發生「流動性風險」是完美風暴的必要條件恐慌蔓延所導致的賣壓進一步引發信貸市場風險
。美股這次崩跌的幅度、波動率、速度都是史無前例。
歸根結底近十年蓬勃發展的被動投資顯然成為漲跌放大器全球指數型資金（ETF）規模在2019年底達到11兆美元相比2008年的規模成長近四倍同質化的程式交易造成大規模拋售流動性枯竭成為第一輪大跌的主因。
然而美國聯準會隨即推出無限量QE購債計畫並納入投資級企業債另外推出MMLF、CPFF等支應貨幣市場及商業票據的流動性政策力度之大暫時緩和了資本市場的流動性恐慌。
疫情層面中國做為本次疫情爆發的初始地其發展路徑可做為各國參考姑且不論官方資料的準確性疫情發展至今大致可整理出以下結論。首先針對疫區「封城隔離」模式是減緩病毒擴散的最佳措施這也是目前各國因應疫情的主要手段關閉出入境、商店、餐廳、娛樂場所及各種集會暫停所有運動賽事奧運也因而延期經濟活動停擺勢必產生巨大的副作用。
其次「醫療體系負荷」是疫情落於可控或失控的關鍵臨界點。目前全球新冠肺炎平均致死率逼近4％當中又以義大利、伊朗、中國湖北致死率遠高於此值。而台、韓、新加坡則有效控制在數值之下主要差異在於各地政府應對的即時性和醫療系統資源是否充足。就此研判歐美一些國家的醫療體系或將面臨更大壓力。後續觀察重點在於歐美疫情何時出現轉折點而大陸在全面復工之後是否出現境內二次感染。
實體經濟層面首當其衝的行業包含航空、旅遊、餐飲及娛樂等服務業由於經濟活動大幅萎縮連帶衍生停工、減薪、資遣等就業問題將使民間消費意願降低（如：汽車、地產、奢侈品等）進一步衝擊相關製造業。
此外高槓桿企業在收入大幅縮水情況下將面臨沉重的經營壓力。雖然各國相繼推出龐大的財政支援（如：美國22兆美元、日本15兆日圓）但隨著疫情時間拉長公司債是否爆發違約潮則是股市未來是否進一步大幅修正的風險因數。
焦點拉回陸港股近期從多家上市公司調研反饋排除湖北省外各地商家復工率在3月中旬多數已回升到70％～80％逐步好轉。另外中國也持續推出政策刺激包括降息、降準等貨幣政策更傳出七個省市合推人民幣（下同）25兆元用於「新基建」投資不同於2008年的4兆元集中投放在傳統基建本次重點更多強調於智慧電網、5G、資料中心、AI等新興領域相關方向值得關注。
投資層面由於短期市場波動劇烈資產配置甚為關鍵投資人應針對可承受的風險偏好來調整現金及持股部位。個股選擇上看好逆週期政策兼具低估值的基建、建材相關領域龍頭。</t>
  </si>
  <si>
    <t>就在巴西、墨西哥、秘魯哥倫比亞和阿根廷等國新冠肺炎確診病例飆升之際路透統計周日顯示拉丁美洲的病例首度超越美國和加拿大總和。
據路透26日報導飆升的病例數使拉丁美洲的病例佔了全球總數的2683%使當地成為全球受創最嚴重的疫區。根據各國提供的資料統計如今拉丁美洲的病例總和為4327160而美加的總和為4308495。
不過以單一國家來說美國仍是新冠肺炎確診與死亡人數最多的國家至今確診人數超過420萬而死亡人數也突破146萬人。而緊追其後的是巴西當地的確診人數突破240萬人死亡人數也直逼9萬。而墨西哥秘魯和智利的確診病例也都名列全球前10。
據路透統計如今全球感染新冠肺炎的人數已超過1610萬。衛生專家認為幾乎毫無疑問的實際的感染與死亡人數都高於官方資料尤其是那些檢測能力有限的國家更是如此。</t>
  </si>
  <si>
    <t>臺北市環南市場2次大規模PCR篩檢結果出爐共新增3名確診、1例舊案其中有2人CT值偏低。臺北市長柯文哲指出近期發現有個案再度感染的狀況且染疫3個月後還是有再次感染可能目前台灣已有1萬多人染疫建議要把這些人註記起來日後再補打疫苗。
柯文哲指出無論快篩或PCR檢查結果為陰性代表「你現在沒感染」不保證未來幾周也沒有感染做普篩也只是橫斷面檢查也因打疫苗是終極解決方案在市場首度大規模快篩時他就發現每週照樣做會搞死大家所以最後還是全面打疫苗但攤商1日接種疫苗後至少要等2周才有抗體也就是15日才會看到效果。
「現在有遇到很多過去感染但PCR檢查一直是陽性。」柯解釋資料顯示多數人在感染10天後傳染率就很低台灣是用17天當標準因此從發病到滿17天後會對病患再度檢測PCR和CT值如果CT值大於30就視同陰性處理但這些人好像以後可能會再次感染。
柯說原則上是感染後6個月要再打疫苗確認他們不會再感染所以感染過的人經過隔離期之後傳染他人的機會不大但他們可能過3個月後好像還會再度感染目前台灣已經有1萬人感染這些人都要去做註記日後要再補打疫苗。</t>
  </si>
  <si>
    <t>記憶體封測廠力成（6239）法說對營運後市釋出正向展望預期第二季營收可望維持成長全年營運挑戰新高。多家外資出具最新報告同聲看好力成營運後市維持既有評等不變、目標價則高低調整互見由100～130元區間調整至118～129元。
不過由於力成股價自3月中的近15月低檔反彈迄今已大漲45％今（22）日平盤開出後調節賣壓出籠一度下跌431％至933元早盤維持逾3％跌幅在封測族群中表現偏弱。三大法人調節力道亦明顯加大上周合計賣超1389張本周迄今已賣超達5034張。
力成總經理洪嘉鍮表示由於各產品線需求仍相當強勁第二季營運展望正向預期營收可維持成長並密切注意新冠肺炎疫情對下半年需求的潛在影響。董事長蔡篤恭表示目前客戶下半年需求仍非常強若疫情影響在公司預期內今年營運仍有望改寫新高。
美系外資認為力成在首季業績及營運展望出色證實公司面對新冠肺炎疫情的應變能力資料中心及固態硬碟（SSD）需求成長為驅動成長關鍵下半年市場風險估可控。對此調升今年營收及每股盈餘成長預期維持「買進」評等、目標價自100元調升至118元。
歐系外資表示力成雖受匯損拖累首季每股盈餘21元略低於預期但受惠NAND Flash及SSD SMT成長帶動使營收僅季減3％、毛利率及營益率維持高檔表現優於往年同期。雖然手機需求轉弱但在伺服器、網通及PC需求帶動下預期第二季營收可望季增5％。
歐系外資預期力成上半年營收可望年增達30％。即使下半年動能轉弱估第三季持平、第四季季減10％全年營收仍會有不錯成長。將力成今明2年每股盈餘預期分別調升23％、42％維持「優於大盤」評等、目標價自115元調升至120元。
亞系外資認為在DRAM顯著回溫帶動下預估力成第二季營收將季增5％、年增31％上半年記憶體及邏輯需求強勁。雖然下半年展望保守恐抵銷上半年強勁表現仍看好力成長期營收及獲利成長表現維持「優於大盤」評等、目標價129元不變。
另一家美系外資表示力成首季業績表現符合預期、第二季營運展望樂觀目前客戶需求為受新冠肺炎疫情影響。儘管下半年的需求回升程度及疫情影響仍具不確定性但公司目前股價低於長期本益比目前估值仍偏低維持「加碼」評等但目標價自130元下修至120元。</t>
  </si>
  <si>
    <t>大陸製造快速崛起全球PCB版圖也重新洗牌根據Dr Hayao Nakahara的調查報告2019年全球前122大PCB製造商中有52家廠商來自於中國大陸與香港相較於2000年僅6家「中國大陸製造商」大幅成長大陸前6大廠總營收亦從2000年的961億美元成長至16735億美元雖然消費型產品為大陸PCB生產主要應用領域近一年大陸不斷加碼5G基礎建設與強推5G內需在國家政策當助力下大陸PCB產業一條龍供應鏈策略後續發展依舊強勁。
全球PCB業界推崇的調研權威NTInformation總裁中原捷雄(Hayao Nakahara)博士發佈NTI-100 2019全球百大PCB排行與業界動態根據Dr Hayao Nakahara的調查報告2019年共有122家製造商營收超過1億美元進入名單內較2018年118家增加4家。
若依各區域來看過去40年位居全球工廠的大陸在政策積極扶植下大陸供應廠快速崛起根據報告2019年各區域入榜家數分別為中國大陸52家、台灣27家、日本18家、南韓12家、美國4家、歐洲5家、東南亞區域4家報告將2019年資料與2000年資料做分析比較在2000年美國與歐洲分別有20家、16家上榜但到了2019年僅有4家、5家公司上榜相較於中日韓台入榜數從2000年83家成長到2019年109家顯現全球PCB產業在20年之間的轉移變化。
台灣是世界最大的PCB製造區域2019年總生產超過220億美元但是在生產佈局上台灣有約60%的營收來自於大陸近年台商在大陸投資雖然仍未間斷惟國際貿易、新冠肺炎與5G高階技術佈局的因素加總下近年台商在台灣投資高階製程的金額屢創新高同時為分散佈局也開始關注其他生產基地；在生產型態上以多層硬板、軟板、HDI板與IC載板為主整體而言台灣於各類型產品佈局相對其它國家競爭對手分散而在被視為PCB高階技術戰場的IC載板區域上台灣目前更是全球最重要IC載板製造國領先韓、日、中面對競爭激烈的國際戰局台灣擁有先進半導體產業的先天優勢更需提早部署PCB先進技術與智慧製造結合半導體產業優勢之際也同時維持領先的競爭力。
在日本部分2000年全球前122大PCB製造商中日本入榜廠商有51家相較於中、台、韓在入榜家數與產值均為正成長日本2019年日本廠商已減少到18家2019年總營收11183億美元較2000年的11975億美元微幅下滑顯示日本PCB發展在近幾年面臨沉重壓力。
不過日本廠發展重點以軟板、載板為最大宗其中軟板因手機市場競爭激烈比重已降至40%日PCB產業現階段正從通訊設備轉型至5G後續衍生之新興應用如：汽車、機器人、生醫等載板比重漸增日本廠商在電路板高階材料仍是全球最完整並具競爭力的國家。
值得關注是2000年全球前122大PCB製造商中僅6家「中國大陸製造商」其中僅汕頭超聲印製版公司(CCTC)為「中國本土製造商」其他都是香港公司2019年則有52家廠商來自於大陸與香港；大陸前6大廠營收亦從2000年961億美元成長至2019年52家總營收達16735億美元。
目前大陸有10幾家營收略低於1億美元的「邊緣」廠商預估未來將有更多大陸廠商上榜雖然消費型產品為大陸PCB生產主要應用領域但所供應的產品仍集中於多層硬板比重高達80%近一年舉國不斷加碼5G基礎建設與強推5G內需有國家政策當助力陸資PCB產業一條龍供應鏈策略後續發展依舊持續強勁。
至於韓國廠商部分南韓PCB產業佈局依附著兩大品牌像是三星電子的手機製造轉向越南FPC生產也轉向越南三星在大陸的所有手機製造基地都已關閉三星電機亦關閉在昆山的HDI工廠雖然韓國在國內生產比重有高達60%但近年韓國PCB廠商正逐步將生產基地轉移到以北越為主的海外地區如SI Flex在南韓已經沒有生產基地；LG Innotek關掉南韓的HDI和一般PCB工廠目前僅集中在IC載板；產品發展策略上除了依附於國內品牌廠之產品策略在智慧手機外包括：半導體、基礎建設以及消費型產品皆有著墨產品供應部份仍以軟板與載板為主力比重皆超過30%。</t>
  </si>
  <si>
    <t>統新(6426)2019年獲利大爆發全年稅後淨利為094億元年增率70314%每股獲利278元董事會也通過每股配發現金股利20元展望2020年統新認為儘管有新冠肺炎衝擊但因為各國對5G的建設依舊相當積極故看好薄膜濾光片的需求穩定公司營運仍可以樂觀看待。
統新2019年合併營收617億元年增率3416%主要成長動能為5G商轉啟動全球5G布建加速在中、美、韓領先啟動服務5G基礎建設及5G高頻、高速的網路需求帶動公司DWDM濾光片需求成長推升平均毛利率成長2016個百分點至5237%全年稅後淨利為094億元年增率70314%另外統新在2019年12月中以每股100元辦理現金增資發行新股共5000仟股其中依法保留15%予員工認購因此認列酬勞成本32975萬元於資本公積員工認股權項下致使全年結算之每股稅後盈餘為278元。
展望2020年統新指出雖有COVID-19(新冠肺炎)衝擊但大陸、韓國等國家仍持續對5G基地台建設、大資料資料中心、AI等產業領域發展由於5G商轉在即新開通基地台的需求將大幅增加為符合高傳輸、低延遲以及高容量的需求光模組邁向高階25G應用配合各地電信商對5G基地台的布建將推動薄膜濾光片的需求穩定。
統新董事會通過2019年度盈餘分配案為落實獲利回饋股東政策公司擬配發現金股利20元現金配發率達72%以上週五(27日)盤後收盤價8460元現金殖利率達236%。</t>
  </si>
  <si>
    <t>印度統計局29日公佈資料顯示該國本財年第四季（1～3月）國內生產毛額（GDP）年增率降至31％優於預期。為了防堵新冠肺炎疫情擴散印度全國各地實施封鎖隔離導致各行各業與消費者信心遭到重創連帶拖累經濟成</t>
  </si>
  <si>
    <t>印度統計局29日公佈資料顯示該國本財年第四季（1～3月）國內生產毛額（GDP）年增率降至31％優於預期。為了防堵新冠肺炎疫情擴散印度全國各地實施封鎖隔離導致各行各業與消費者信心遭到重創連帶拖累經濟成長。印度本財年（2019年4月～2020年3月）全年GDP成長率為42％不僅低於上個財年（2018～2019年）的61％年增率亦創下11年來新低。
印度上季GDP年增率僅達31％不如第三季的年增47％但優於市場預期的05％～2％區間。印度國家銀行（SBI）先前預估印度上季GDP恐怕放緩至12％至於路透訪調經濟學家後預測為21％。
印度政府自3月25日以來實施全球規模最大、最嚴格的封鎖隔離措施希望保護全國13億人口的健康與生命安全無虞。
印度一開始僅打算實施三周封城令但鑒於疫情未見趨緩總理莫迪（Narendra Modi）決定三度延後解封一直至5月31日為止。
目前尚不清楚莫迪政府是否會再次延長封鎖時間但此政策已嚴重衝擊該國勞動市場。根據印度經濟監測中心（CMIE）報告預估受到疫情影響印度已有逾122億人失業失業率飆升至271％。
經濟學家指出封鎖措施對於製造業與服務業帶來極大衝擊恐導致印度本季經濟進一步放緩。高盛銀行更預測印度2020～2021財年經濟恐將大幅萎縮5％。
印度疫情仍然嚴重近日更創下單日確診新高紀錄。截至29日為止該國新冠肺炎確診病例為168387人死亡4806人。
為了挽救低迷經濟印度政府推出一連串紓困措施首階段主要針對小型企業與農夫。印度央行本月稍早更將基準利率調降40個基點此為今年來第二次降息。</t>
  </si>
  <si>
    <t>高端現緩打潮？陳時中認了 公開首兩日資料</t>
  </si>
  <si>
    <t>高端現 緩 打 潮 陳時中 認 了 公開 首 兩 日 資料</t>
  </si>
  <si>
    <t>陳時中公開高端現資料</t>
  </si>
  <si>
    <t>國內昨日新增382例新冠肺炎疑似個案截至目前累計13555例通報其中13095已排除45人確診中央流行疫情指揮中心指揮官陳時中表示國內今日無確診個案。所有確診者中1名死亡、15名解除隔離（其中13名已出院）、其餘個案病況穩定持續住院隔離中。
執行官周志浩表示目前澳洲音樂家接觸者匡列419位澳洲音樂家來台期間共接觸419人經調查其中412人不需馬上採檢持續追蹤中。目前有7人需要採檢其中2人陰性5人採檢中。自主健康管理者則有272人其中2人已出境但有聯絡兩位的國家此訊息。
中央流行疫情指揮中心今（7）日表示法國、德國及西班牙近期COVID-19（新冠肺炎）病例快速上升且已有數起群聚事件發生評估已出現隱性社區傳播鏈。基於國人至該三國當地具感染風險因此即日起提升法國、德國及西班牙旅遊疫情建議至第二級警示（Alert）民眾前往當地應加強防護。此外從這三個國家入境的民眾應落實14天自主健康管理。
陳時中表示鑽石公主號19位返國旅客已完成14天集中檢疫且經三次採檢均為陰性於今日解除隔離。其中12人自行離開或由家人接送7人於上午10點搭乘交通部安排的遊覽車至捷運站及火車站後各自返家；所有人返家後需進行自主健康管理。
外交部接獲帛琉官方通知該國發現1位美籍醫護疑似感染新冠肺炎目前已將其安置於隔離病房。我國接獲通報後由新光醫院感染科醫師透過視訊技術指導協助採檢及安排聯繫檢體運送事宜；檢體已於昨(6)日晚間抵台並由專人送至疾管署實驗室檢驗後續檢驗結果將通知帛琉及美國。
陳時中說新冠肺炎的疫情向各洲蔓延中各國疫情升級由專家討論做決定。台灣目前確診數45例截至目前疫情密集度是019。
外交部表示國際的疫情採用滾動式評估用科學的方法來做針對德國、法國、西班牙三國的狀況會檢討調整成黃色也會隨時與疫情中心保持聯絡。
陳時中說記者會的作位元分佈需要再調整今天已經將桌子往後移動。
周志浩說樂團匡列45個人是居家隔離自主健康管理則是131個人建議少出門非得要出門還是戴口罩一旦出現不適請務必盡快聯絡就醫。
陳時中呼籲音樂老師可以重新安排課程並試試看遠距教學。
針對澳洲音樂家來台行蹤周志浩表示已經聯絡曾去過的餐廳。
案45例雖與案34不同病室卻仍確診張上淳說按照排班時序3位明確診護理師沒有照顧到案45但是醫院內部有時候可能太忙會請同仁協助但時間久遠目前無從得知。案45和案42曾去過同個檢察單位(早上和下午)而案42本身與案34的關係是曾有同個護理師照顧過。
醫師呼籲確診者的軌跡要公開收治的醫院也該公開陳時中回應對疫情有幫助就會公開無法控制的、範圍較大的也會公開是否公開的規則就是這樣會維持這樣的態度。
周志浩針對新兵染病一事做回應與軍方連繫以後發現是不實訊息。
外交部說法國讚賞台灣防疫很好健保系統、科技和疫情資訊透明化等都受到推崇這對推進WHO都是正面因素位來持續與這些理念相近的國家合作。
周志浩說若要做基因定序需要時間培養。張上淳補充說明透過基因定序來探討兩者感染病毒相同但是現在這不是重點而是要如何防疫是重點未來有餘力會做。
針對埃及指稱台女為感染源一事莊人祥回應該名旅客是指標個案而他在旅程中曾赴埃及、杜拜等國遊玩卻切的感染源推測是國外而同團的許多美國旅客也有症狀因此後來也有通報美國。
張上淳說案45出院時有咳嗽症狀後來也有持續追蹤觀察後來透過採檢也發現有確診的狀況。陳時中說亂講講自己也不行但如果說的是真的就沒關係。
周志浩說發生的密度(牽扯多少人)但如何解讀要小心因為取決於監測系統有多少且需按照各國的程度。陳時中補充各國的情況難用單獨情況解讀(除非狀況明顯)所以才需要很多專家一起解讀這樣準確度比較高。
張上淳說目前判斷沒有交錯環境汙染的狀況檢察的時候是案45尚未有相關症狀的時候去的。陳時中說案42(太太)和案45(出院者)的接觸者查清楚才可以隔離開來就會比較放心。
張上淳表示目前沒有證據還境有沒有汙染整個病房已經清潔消毒其實就發現病毒不復存在消毒過後也曾採檢證實病毒已不復存在。根據當時在病房內的陪病者、病患(不論是否出院)和工作人員都有追查。
陳時中說至於防疫人員的補助會依據其風險及辛苦程度依法調整補助。
周志浩澄清埃及官方及WHO駐埃及的辦公室都是將台籍女遊客列為指標個案推測「台女為感染源」一事可能是因為當地媒體不清楚指標個案的意思所以誤稱是感染源。但我方已有將相關完整的資料傳給當地。
國家交響樂團巡演的部分陳時中建議可以考慮是否延後、取消當然歡迎相關單位可以和我們討論溝通。
石崇良表示檢疫所是對高風險的人開設的裡面的人都是陰性只要出現陽性症狀就會轉送醫院負壓隔離病房。目前也有更新設備1人1室1衛浴也和醫院合作監測病人身體狀況的系統形成大資料。</t>
  </si>
  <si>
    <t>據《路透社》報導以色列衛生部1日宣佈以色列施打輝瑞疫苗的年輕男性少數出現心肌炎的症狀；其中又以16至19歲男性出現心肌炎比例為最高。對此輝瑞表示並未發現到較一般人預期更高的心肌炎發病率。
以色列衛生部公佈的調查研究顯示在2020年12月至2021年5月期間總計超過500萬人接種輝瑞疫苗；其中275人出現心肌炎。大部分出現心肌炎的患者住院時間不超過4天95%的人症狀輕微。這項研究由3個專家團隊所進行。
此外研究發現16歲至30歲的男子在接受第二劑輝瑞疫苗施打時很可能出現心肌炎；其中又以16歲至19歲的男性最容易出現該症狀。
不過輝瑞則在聲明中堅稱接種輝瑞疫苗不會出現心肌炎。該公司已收到以色對心肌炎的報告會徹查不良品並定期與以國衛生部門會面以掌握最新資料。
事實上在這份研究報告出爐之前以色列已延後12至15歲的青年接種疫苗。不過就在報告正式公佈之際以國官方已批准12至15歲的青少年接種疫苗最快下週便可開始施打。以色列疫情因應協調員艾希（Nachman Ash）強調「疫苗的功效遠大過風險」。
美國疾病管制暨預防中心（CDC）下的諮詢小組5月時建議應進一步研究心肌炎與mRNA疫苗施打的關聯性包括輝瑞與莫德納研發的疫苗都是mRNA疫苗。儘管心肌炎的發生案例比預期低但該小組還是認為藥廠應提出「潛在不良事件報告」。
《路透社》指出以色列疫苗接種率在全球名列前茅接種率約55%。目前新冠肺炎每日確診數已由1萬例降至100多例經濟已開始開放社交距離限制也解除進入餐館所需的綠色疫苗通行政也放寬；但旅遊入境限制仍存在。</t>
  </si>
  <si>
    <t>鑑於新冠肺炎超速蔓延人口超過13億的印度宣佈全國封鎖21天創下史上最大規模的鎖國行動。
■India population 13 billion orders &amp;apos;complete&amp;apos; coronavirus lockdown
為因應新冠肺炎疫情防範感染擴大印度總理莫迪（Narendra Modi）3月24日宣佈將自25日零時起全國封鎖21天全國超過13億人將完全禁止出門。
莫迪宣佈全面鎖國令時印度國有519例確診病例有10例死亡。到3月31日時印度累計確診數達1251例有32人不治身亡。
與歐美國家相較印度疫情擴散的速度算是相對溫和但公共衛生學家認為印度疫情資料有遭嚴重低估之虞因為截至3月22日印度全國接受檢測的人數還不到17000人。
莫迪是在3月24日晚間發表電視演說宣佈全國展開全面封鎖他表示根據衛生專家的研究要21天才能阻斷新冠肺炎的傳播因此宣佈印度將自25日零時起全面鎖國21天。
21天禁足令衝擊經濟
莫迪強調「每位國民都要嚴格遵守封鎖規定禁止踏出家門這21天把外在世界全忘了吧。」他警告如果不遵守21天禁足令全國將會倒退21年。
莫迪表示「整個國家將處於封鎖狀態全面封鎖。為了拯救印度為了拯救印度的每一個公民您、您的家人……每條街道每一個地區將全面封封鎖。」
莫迪坦言全面鎖國經濟代價巨大「我們將不得不為此付出經濟代價但這是每個人的責任。」
才剛發布鎖國令印度就湧現大批的物資搶購亂象。包括新德里與金融中心孟買等大城都看到民眾擠爆當地的商店與藥房。
印度當地媒體報導新德里沙加布爾地區一家商店的老闆透露：「我從未見過社會如此動盪我們所有的庫存包括米、麵粉、麵包、餅乾、食用油等各種商品全都被搶購一空。」
莫迪先生後來向民眾喊話所有物資政府會充份供應而且大家外出搶購反而會增加傳播新冠病毒的風險。
根據新措施所有非必需業務將關閉但醫院和其他醫療設施將照常營運。各級學校和大學院校將全面關校幾乎所有公開活動都全面禁止。
亂跑者將重罰伺候
任何違反規定的人將面臨最高2年的拘役和高額罰款。事實上在宣佈全面鎖國的前兩天印度就採取宵禁措施為全面鎖國進行測試與準備。
莫迪宣佈從22日上午7時至晚間9時印度實施為期14個小時的禁足令並希望下午5時民眾可以一起走到自家陽台或是在門口以拍手或敲鑼打鼓為第一線醫護人員打氣。
印度南部城市韋洛爾（Vellore）基督教醫學院的病毒學退休教授約翰（T Jacob John）當時就警告說「印度處於大爆發的初期印度的病例很可能激增進而癱瘓本來已經超載的醫療基礎設施。」
根據統計目前印度總共擁有的呼吸機數量大約在40000台左右平均每84000人才配有一張隔離病床醫生配比則為11600：1如果疫情發生進一步的擴散絕對超出印度醫療系統所能負荷。
直到3月底印度政府才批准民間實驗室開始進行檢測的工作少數公司被授予測試試劑盒的許可。按照一些醫藥公司的預測測試套件要在4月初才能夠大規模地進行生產。
但如果不進行大規模檢測則又會無法發現社區傳播情況從而無法有效採取措施遏止疫情進一步擴散。</t>
  </si>
  <si>
    <t>日本國內的新冠肺炎疫情還沒有平息的跡象。日本傳染病研究專家、東北醫藥大學特任教授賀來滿夫接受《每日新聞》專訪時預測日本的疫情恐怕4至5月才是顛峰期。
他以SARS為例指出2002年11月確認了SARS病毒2003年3月至4月疫情達到顛峰同年7月告終。因此推測這次的新冠肺炎從2019年12月開始流行2020年4至5月是顛峰可能持續到8月持續到夏季以後的可能性低但實際上會如何還不清楚。到3月底應該可以知道現在採取的對策有沒有效果至於會流行到何時應該可以慢慢地看出來。
賀來還指出新型冠狀病毒的潛伏期間為1至12天半80%的感染者症狀輕微死亡率為3‧8％年長者及宿疾患者感染後容易重症化。這些資料都是根據大陸的病例今後日本有必要再精確地調查日本自身的資料。
針對日本政府在疫情發生初期的邊境檢疫對策賀來指出去年12月起武漢的感染可能已經擴大說不定感染者當時已通過日本海關的檢疫進到日本。邊境檢疫只能測量體溫很難有效地篩檢出感染者。</t>
  </si>
  <si>
    <t>日本國 內 的 新冠肺炎 疫情 還 沒有 平息 的 跡象 日本 傳染病 研究 專家 東北 醫藥 大學 特任 教授 賀來滿 夫 接受 每日 新聞 專訪 時 預測 日本 的 疫情 恐怕 4 至 5 月 才 是 顛 峰 期 他 以 sars 為 例 指出 2002 年 11 月 確認 了 sars 病毒 2003 年 3 月 至 4 月 疫情 達到 顛 峰 同年 7 月 告終 因此 推測 這次 的 新冠肺炎 從 2019 年 12 月 開始 流行 2020 年 4 至 5 月 是 顛 峰 可能 持續 到 8 月 持續 到 夏季 以後 的 可能性 低 但 實際上 會 如 何還 不 清楚 到 3 月底 應該 可以 知道 現在 採取 的 對策 有 沒有 效果 至於 會 流行 到 何時 應該 可以 慢慢 地 看 出來 賀來 還 指出 新型 冠狀病毒 的 潛伏期 間 為 1 至 12 天半 80 的 感染者 症狀 輕微 死亡率 為 3 8 年長者 及 宿疾 患者 感染 後 容易 重症 化 這些 資料 都 是 根據 大陸 的 病例 今後 日本 有 必要 再 精確 地 調查 日本 自身 的 資料 針對 日本政府 在 疫情 發生 初期 的 邊境 檢疫 對策 賀來 指出 去年 12 月 起 武漢 的 感染 可能 已經 擴大 說不定 感染者 當時 已 通過 日本 海關 的 檢疫 進到 日本 邊境 檢疫 只能 測量體溫 很 難 有效 地 篩檢 出 感染者</t>
  </si>
  <si>
    <t>衛福部長陳時中 今天透露我國所採購的高端疫苗確實很有可能會打不完不過目前高端疫苗正在向友邦巴拉圭申請緊急使用授權（EUA）也有多國向我接洽疫苗捐贈事宜會盡全力讓高端疫苗被妥善運用不浪費。
立法院衛環委員會今邀陳時中進行施政報告民眾黨立委高虹安提出質詢認為衛福部自8月23日起就不曾公佈高端疫苗的到貨量以及完成封緘的相關劑量與BNT、AZ、莫德納有清楚的到貨量新聞稿相比資訊完全不透明要求衛福部檢討改善。
對此陳時中口頭表示目前已施打的高端疫苗共有136萬劑還有230萬劑庫存保存期限可至半年應不會有過期問題將依照委員的建議於官網上公開目前高端疫苗的到貨量以及封緘數量。
國民黨立委洪孟楷則詢問目前還未到貨的200多萬劑高端疫苗最後有無可能打不完？有無機會贈給其他國家？還是說高端根本是很難送人的燙手山芋？
陳時中回應以目前的接種情形來看確實政府採購的500萬劑高端可以預測會打不完至於能否贈送他國使用要看高端是否有取得其他國家的EUA目前該公司也正在巴拉圭努力申請也有很多國家在跟我接洽。
指揮中心統計截至目前我國共有75萬2654人接種第1劑高端61萬4535人打完2劑但23至24日接種第1劑高端的僅528人施打第2劑的僅833人資料不甚理想陳時中解釋這是因接種高峰已過才會出現緩打潮。</t>
  </si>
  <si>
    <t>根據大陸國家衛健委19日公佈最新資料新冠肺炎疫情爆發中心武漢18日新增確診病例「清零」大陸新確診病例全為自境外輸入並有持續增加之勢。值得注意的是北京當天境外移入共21例占全國境外移入病例已逾6成。</t>
  </si>
  <si>
    <t>根據大陸國家衛健委19日公佈最新資料新冠肺炎疫情爆發中心武漢18日新增確診病例「清零」大陸新確診病例全為自境外輸入並有持續增加之勢。值得注意的是北京當天境外移入共21例占全國境外移入病例已逾6成。北京市疾控中心表示境外輸入病例已成為北京疫情防控工作的主要挑戰。
大陸國家衛健委表示近期大陸境外輸入病例明顯增加北京、上海、廣東都有病例輸入全大陸18日新增病例34例全為境外輸入北京、廣東、上海分別新增21例、9例、2例。
目前北京境外輸入病例快速增加18日新增21例確診病例比2月29日首次報告境外輸入病例增長10倍近三周尤其是近一周來呈現明顯增長趨勢。
北京市疾控中心副主任龐星火指出目前北京境外輸入病例居大陸之首截至18日累計病例64例占全國境外輸入確診病例總量的34％。尤其是18日當天新增境外移入21例占全大陸62％。
龐星火表示目前北京境外移入病例多以入境中轉旅客為主。64例中在北京有常住地的14例占比22％78％病例是中轉旅客。此外留學生居多64例中留學生有27名占病例總數42％。至於來源多是歐美國家。</t>
  </si>
  <si>
    <t>一些國家的新冠肺炎疫情出現反覆加劇了市場對全球經濟持續下行的擔憂國際黃金現貨價格已漲翻天。7月8日國際金價攀升至181802美元/盎司創下2011年9月以來的新高。
荷蘭國際集團駐新加坡大宗商品戰略主管派特森表示：「鑒於美元疲弱、新冠肺炎病例激增以及一些官員質疑美國經濟復甦的成效黃金價格將穩固地保持在每盎司1800美元以上。」
新冠肺炎確診病例的激增是推升金價上漲的一大因素。目前美國的確診人數已超300萬佔全球確診總人數的1/4以上。美國克利夫蘭聯邦儲備銀行行長梅斯特表示有關美國疫情傳播的資料正使經濟面臨更大下行風險。亞特蘭大聯邦儲備銀行行長博斯蒂克表示美國似乎毫無起色的經濟將需要美聯儲或財政部門採取更多行動。華僑永亨銀行經濟學家認為如果美國的新冠肺炎確診病例數量仍不下降黃金價格甚至有可能在年底前超過每盎司2000美元。
除疫情因素專家認為目前全球範圍內寬鬆的貨幣政策料將延續也為金價穩步上漲提供理想「土壤」。世界上最大的對沖基金橋水基金創始人達裡奧認為投資者應該更青睞股票與黃金而非債券與現金因為許多債券的收益率為負值且世界各國央行將印刷更多鈔票。</t>
  </si>
  <si>
    <t>新冠肺炎疫情爆發逾百日後中共總書記習近平10日上午抵達疫情最嚴重的武漢視察。香港《經濟日報》引述觀察人士稱此行釋放3大政治訊號：一是疫情已暫告緩和；二給予復工信心和鼓勵；三是安撫為控制疫情而被封城的民眾。
新冠肺炎去年12月爆發武漢1月23日「封城」控制疫情。外界此前已預期習近平很可能在疫情出現大約100天後赴武漢考察習近平昨天的行程證實這一推斷。
觀察人士分析習近平此行釋放三大重要政治訊號：其一防疫取得階段成果進入緩和期。武漢是全陸疫情最嚴重區域習考察武漢被視為大陸疫情是否階段性、實質地好轉的一個重要觀察視窗。
而據大陸國家衛健委官網通報的最新資料反映9日僅新增新冠肺炎確診病例19例扣除湖北省與境外輸入這兩個來源其他省市地區已經連續3天新增確診掛零。
分析指習近平此刻到武漢頗有宣告此前防疫措施取得成效疫情暫受控、甚至有趨緩之勢。
其二給予企業復工信心和鼓勵。儘管大陸疫情數字趨緩但部分企業復工仍如履薄冰憂慮新冠肺炎會隨復工出現群聚感染而再度擴散。日前有資料就顯示北京高新企業的復工率只有4至8成左右。
觀察者指出習近平親赴疫情最嚴重的武漢視察釋出疫情暫受控、企業可放心復工的訊號。有專家指出大陸復工率至本月底有需要提高至90％以上以減少中國經濟受損程度、護航就業。
其三安撫受封城影響的湖北民眾。武漢封城、湖北封城有助切斷新冠肺炎傳播鏈對陸抗疫有貢獻但卻嚴重影響當地居民生活；政治觀察者指習此時到訪武漢便頗有安撫當地民眾的意味。</t>
  </si>
  <si>
    <t>新冠肺炎肆虐全球各大製藥廠如火如荼研發疫苗但業者對疫苗的訂價意見不一阿斯特捷利康（AstraZeneca）和嬌生（Johnson ＆Johnson）承諾不會利用疫苗獲利而Moderna與美商默沙東則暗示新冠疫苗訂價一定會高於生產成本。
製藥廠的高階主管21日參加美國眾議院能源商務委員會與調查小組委員會的視訊聽證會表達各公司對疫苗訂價的意見不過業者並未透露訂價的細節內容。
阿斯特捷利康和嬌生的主管表示至少在新冠肺炎大流行平息之前公司將以成本價出售疫苗。
至於Moderna與美商默沙東的高階主管則指出疫苗的訂價會高過製造成本。美商默沙東的疫苗最快要到2021年才會問世。
與BioNTech合作開發疫苗的輝瑞（Pfizer）表示公司打算從疫苗獲利但訂價不會過高價格會反映疫情的「特殊時期」。
隨著外界最看好的疫苗在7月進入最終測試階段疫苗的訂價逐漸成為製藥廠重要和敏感的議題政府與私人保險公司預期將承擔疫苗費用。若是訂價不當可能引來醫師和患者的長期批評。
伊利諾州議員夏考斯基（Jan Schakowsky）在聽證會中表示提供安全和有效的疫苗固然重要但如果價格成為阻礙無法讓所有美國民眾都取得疫苗那就沒有意義了。他補充道許多藥廠的疫苗研發計畫獲得聯邦補助。
製藥廠尚未透露要如何訂價分析師預估業者可望進帳數十億美元。根據美國疾病管制與預防中心（CDC）資料製造廠的流感疫苗成本每劑約在16至25美元之間。
傑富瑞（Jefferies ＆ Co）分析師Michael Yee估計新冠肺炎疫苗一個療程在美國和歐洲的成本約在50至100美元。Moderna在疫苗推出首年可望進帳20億美元。</t>
  </si>
  <si>
    <t>在歐美疫情延燒下帶動居家辦公、遠距教學等趨勢正旺NB、網通、TV等晶片需求旺帶動IC設計族群第三季多檔個股營收登頂且第四季也持續看好也讓族群股價順勢反映利多瑞昱(2379)今大漲逾4%重新登上400元大關最高達4015元義隆(2458)漲幅近3%聯詠(3034)漲幅一度約達15%。
新冠肺炎在歐美掀起第二波疫情且嚴重程度恐更盛首波所以居家辦公、遠距教學等趨勢正旺且不僅會延續到第四季甚至會到明年上半年包括Google已經宣佈將居家辦公的計畫將延長至2021年7月先是遠端的趨勢並短線效應相關網通、NB等需求動能將一路延續到明年。
瑞昱各產品線暢旺包括筆電、TWS等晶片需求加上數位電視、數位機上盒、被動式光纖網路(PON)等晶片出貨進入旺季9月合併營收8173億元月增加12%、年增加385%連續4個月創下單月營收歷史新高也帶動第三季合併營收22409億元季成長292%同步創下季度營收歷史新高第四季預計在新冠肺炎疫情帶動的遠距商機下將延續淡季不淡。
聯詠9月合併營收7974億元月成長95%、年成長42%創下歷史單月新高也推動第三季合併營收22001億元季成長182%同創單季歷史新高；累計前9月合併營收為57503億元、年增202%第四季預計在NB需求強勁和更高的TDDI出貨量以及均價提高下營運熱度延燒。
義隆9月營收172億元月增加128%、年增加695%單月營收衝上歷史新高累計前9月營收105億元、年增加543%亦創下歷史新高。 義隆第三季營收為4707億元達陣先前財測預估的46~48億元也相較第二季的3539億元成長達33%續創歷史新高展望第四季義隆除了NB需求持續暢旺之下Chromebook訂單成長優於NB以研調機構預估的資料來看目前上修約1000萬台需求量然因目前Power IC及Driver IC等關鍵零組件缺貨致義隆電僅能滿足70~80%的需求量法人預估在Chromebook需求推升下使得原本進入傳統淡季的季節營運將與第三季持平。</t>
  </si>
  <si>
    <t>新冠肺炎疫情仍在全球肆虐大陸防疫專家、國家衛健委高級別專家組組長鍾南山院士團隊近日研究指出近一半的新冠肺炎患者在入院時尚未出現發燒但隨著疾病進展887％的患者相繼出現發燒因此僅依靠發燒作為診斷標準容易漏診疑診病例。
大陸國家衛健委3月1日公佈截至2月29日大陸新冠肺炎累計死亡病例2870例累計報告確診病例79824例現有疑似病例851例。
新浪報導該團隊於美國時間28日在國際頂級醫學期刊「新英格蘭醫學雜誌」（NEJM）線上發表指出消化道癥狀包括噁心嘔吐、腹瀉較為少見但也指出在糞便、胃腸道破損黏膜、出血處分離出新冠病毒是病毒透過消化道傳播的證據提示社會各界需要注意預防糞口傳播。
在納入研究的1590名新冠肺炎患者中研究團隊共發現399人（251％）有併發症130名患者存在兩種或兩種以上的併發症。意味著研究群體中有大約四分之一的人患有併發症。
論文並列第一作者的教授關偉傑、梁文華、何建行以及通訊作者鍾南山指出該研究首次收集全大陸的新冠肺炎患者資料透過分析得出病死率為14％貼近大陸國家衛健委官方資料；發現僅有19％的患者有直接接觸過野生動物的病史有313％的患者生活在武漢以外；723％的患者曾在近兩周接觸過武漢地區人員。
香港01報導鍾南山在2月27日表示有信心於4月底基本控制新冠肺炎疫情。對此大陸中央指導組專家組成員、中國工程院院士張伯禮28日受訪時表示基本同意鍾南山的觀點但看法更為樂觀。張伯禮認為4月底除湖北以外全大陸其他省市就可以摘口罩恢復正常秩序。
不過張伯禮直指此次疫情暴露出疫情通報機制不順「層層上報、層層審核、層層淡化」的問題。
因此類似這樣的疫情應該直報給大陸中央。張伯禮強調如果在疫情最初就做出決策情況要好得多。</t>
  </si>
  <si>
    <t>摩爾投顧分析師鐘崑禎表示台股17日盤中一度逼近具有長線投資意義的10年均線隨即吸引不少低接買盤進場終場下跌27814點跌幅明顯縮小緩步止跌的跡象浮現。
個股方面本周納入投資組合的元大美債20正2受惠美國聯準會（Fed）閃電降息4碼以及美股道瓊指數16日再度大跌近3000點市場資金轉往避險資產債券價格維持高檔不墜。
以經濟面觀察2008年金融海嘯起因是銀行超貸所引起的連鎖反應但本次全球股市重挫主因是新冠肺炎造成的經濟衰退然以客觀資料來看並未出現明顯減退且金融海嘯是「實質經濟問題」新冠肺炎則為「心理預期的恐慌」。因此後續股市修復的速度預期將大幅優於金融海嘯時期短時間內應可回到原有位階。</t>
  </si>
  <si>
    <t>行政院副院長陳其邁在臉書大談口罩實名制的流行病學基礎他說若國內防疫工作不夠落實則依此等比級數累計增加只要傳遞9次確診人數就會來到26萬人將造成非常可怕的後果。
陳其邁說在流行病學中有個常用來判斷傳染病傳染力的重要指標「R₀ 基本傳染數」(Basic Reproduction Number)R₀ 指數就是指一個確診感染病患者會傳染給其他人數的平均值。
他表示根據研究流感的R₀數值約為18～19SARS的R₀指數約為2～3之間目前新冠肺炎(COVID-19)的R₀指數約為3～4表示一個確診病患平均會傳染給4個人。若國內防疫工作不夠落實則依此等比級數累計增加4x4=1616x4=6464x4=256以此類推只要傳遞9次確診人數就會來到26萬人將造成非常可怕的後果某種程度也解釋了為何新冠肺炎接連在東亞、中東及歐洲國家造成這麼大的疫情。
他說若R₀指數大於1時表示該被傳染者仍會持續增加若R₀指數 ＜ 1時表示傳染病將會逐漸減少。因此站在公共衛生的角度就是將傳染病的R₀指數降至1以下。要降低R₀指數取決於「找出確診」、「追蹤及檢疫」及「社會距離及個人衛生」等三大指標。按照統計模型若能積極篩檢找出確診個案並落實居家隔離、檢疫及追蹤強化對大型集會活動的限制以及提升口罩覆蓋率等阻隔傳染路徑將能有效達到效果。
陳其邁指如何提升口罩覆蓋率就是在這個邏輯下制定的政策政府於2月6日推出口罩實名制購買政策。當時國內口罩產量最高約每天400萬片左右扣除優先供給醫療院所及防疫用途後約剩150萬片7天約1000萬片因此先以覆蓋500萬人口為目標每人為2片當時就預估會以老人及兒童居多。後來每週可供民生需求的口罩達2000萬片後「再加量」以覆蓋1000萬人口為目標。經過幾週的資料調查老年人、兒童覆蓋比例最高均達60％以上而年輕人覆蓋比例最低僅40％左右。
他並說年輕人若確診新冠肺炎臨床上以輕症表現居多但若回到家裡可能傳染給風險較高的長輩族群。且考慮到青年因為就學、就業因素購買不易因此推出「口罩實名制20」除了現行實體藥局購買管道照舊外增加透過網路預購、線上付款、超商領貨方式方便年輕人購買口罩提高整體族群口罩覆蓋率。甚者如前述新冠肺炎輕症感染居多且其R₀高於SARS因此口罩的覆蓋率更顯重要。
陳其邁表示「口罩實名制 20」自3月12日網路預購開跑至今已超過120萬人透過網路預購提供除了實體藥局以外的其他購買管道方便更多人更省時間取得口罩也讓防疫能夠更落實這就是行政院團隊推出口罩實名制政策的思考策略。</t>
  </si>
  <si>
    <t>美國藥廠雷傑納隆（Regeneron Pharmaceuticals）11日（週四）宣佈用於預防與治療新冠肺炎的抗體藥物已在全美多處地點的患者進行測試此為新冠肺炎抗體雞尾酒療法在美國首度進入臨床實驗。一旦試驗成功雷傑納隆預計今秋就可上市。
雷傑納隆表示臨床實驗已自週三啟動主要針對四個族群進行抗體雞尾酒的測試：第一個族群是新冠肺炎的住院患者；第二是症狀較輕微、未住院的新冠肺炎患者；第三是身體健康、但可能感染的高風險群例如醫療人員；第四是身體健康但與感染病患密切接觸者例如患者親友。
該藥廠指出此次實驗除了瞭解抗體雞尾酒的療效之外還將研究此藥物是否具有預防感染的效果。
雷傑納隆共同創辦人暨科學長楊科普洛斯（George Yancopoulos）指出「如果實驗進行順利我們將在一周或兩周內進入第二階段。接著大約一個月左右的時間我們就能取得此藥是否具有效果的明確資料。在夏季結束之前我們可針對藥物廣泛使用後的成效擁有充份的資料。」
他提及「我們打造獨一無二的抗病毒抗體雞尾酒預期將預防以及治療新冠病毒感染者同時還可防止病毒『竄逃』期望將作為遏止全球疫情的關鍵預防措施。目前全世界需要多種解決方法生物製藥業致力共同努力利用各種不同的互補措施儘可能地幫助更多的人。」
雷傑納隆名為REGN-COV2的藥物內含一個由該公司製造的抗體及另一個由新冠病毒康復者身上取得的抗體將兩者結合病毒的棘突蛋白（spike protein）限制病毒擴散能力。
新冠病毒肆虐全球藥廠無不積極研發治療藥物雷傑納隆並非第一家新冠病毒抗體療法進入人體實驗的企業。禮來藥廠（Eli Lilly）和AbCellera合作開發的新冠病毒抗體治療已於6月1日展開臨床實驗。</t>
  </si>
  <si>
    <t>新冠肺炎已經攻陷歐洲多國其中又以義大利疫情最為嚴重！擔憂歐元區經濟恐將受到重創投資者押注歐洲央行（ECB）7月降息的機率已攀升到50％。
隔夜與遠期Eonia利率的利差多被外界視為觀察投資者如何預期ECB利率曲線的重要指標。從週一的利差變化來看投資者押注ECB在7月將利率下調10個基點的機率已從一周前的35％升高到50％。
然而該變化也反映市場對歐洲利率的預測從年初至今已呈現戲劇性的逆轉。年初由於歐洲經濟資料逐漸持穩引發外界預測ECB可能將從明年起開始調升利率。
此外義大利疫情在短短幾日出現大爆發也令歐元不支倒地。歐洲週一（24日）盤中重貶03％到10805美元逼近上周創下10778美元的近三年低點。
截至目前義大利不僅淪為歐洲新冠肺炎疫情最嚴重的國家並也成為亞洲以外的最大疫區。到週一為止該國感染人數已飆升到219人並有5人死亡。
由於該疫情已出現失控其中又以北部的倫巴底（ Lombardy）與威內托（Veneto）最為嚴重為遏止病毒持續對外擴散義大利政府已緊急下令封鎖這兩大地區境內11座城鎮封城措施可能持續數週。義大利足球甲級聯賽賽事與威尼斯的嘉年華活動也都因此被迫延期與取消。
另外鄰國也不敢掉以輕心。周日往來奧地利與義大利的火車有兩名乘客出現發燒症狀憂心可能有肺炎感染風險奧地利立即暫停與義大利通車直到乘客檢測結果為陰性後兩國才又恢復通車。
不過義國疫情雖然嚴峻已為無邊界的申根區域帶來極大威脅但歐洲執委會週一表示歐盟現今並沒有計畫要對申根地區實行旅遊限制。不過它也強調將會密切關注疫情變化並擬定多項應變措施。</t>
  </si>
  <si>
    <t>新冠肺炎疫情擴散至歐美地區全球股市慘遭恐慌拋售市場專家表示台股受股災影響的同時擁有籌碼面、技術面優勢且2月營收利多較去年成長的個股展現十足抗疫情力道包括南電、泰鼎-KY、原相、展旺等16檔可做為投資參考。
新冠肺炎疫情爆發至今超過兩個月全球醫療體系且戰且走等待疫苗的開發此時受波及的經濟層面愈來愈廣從航空、旅遊、觀光、餐飲到電子業都受影響尤其大陸營收占比偏高的上市櫃公司營運表現受到拖累例如麗豐-KY的2月營收驟降至125億元年減5659％大陸營收占比偏高且2月營收僅剩下往年同期一半的案例比比皆是。
兆豐國際投顧董事長李秀利表示上市櫃公司10日前陸續發布2月營收台股上市櫃企業面對疫情產生的衝擊程度開始呈現在財務資料上市場能否鎮定應對可能對中長線趨勢造成影響就現階段而言2月營收有能力繳出亮眼成績單的公司將成為台股新一波的投資熱點。
挑選2月合併營收較去年同期成長、三大法人近五個交易日買超且股價技術面強勁的個股計有南電、泰鼎-KY、原相、展旺、熱映、京城銀、訊連、福懋科、中電、台勝科、圓展、松翰、世豐、台翰、安碁資訊、宅配通等16檔個股。
據李秀利觀察營運強勁個股集中在5G受惠PCB族群如南電、泰鼎-KY以及肺炎疫情受惠股如熱映、展旺、松翰、宅配通、圓展。人臉辨識題材的訊連及漲價概念股矽晶圓廠台勝科也有不錯表現。
肺炎疫情導致全球額溫槍供不應求IC設計廠松翰提供額溫槍的MCU晶片2月營收年增3617％額溫槍廠熱映2月營收年增更高達20027％。至於抗生素製程開發、原料藥的展旺受惠厄它培南放量出貨2月營收年增9322％由於展旺2019年第四季轉虧為盈市場期待今年財務表現更上一層樓。
永豐投顧總經理李學詩表示疫情在海外快速散播死亡人數攀高市場多頭不願意冒險進攻但台股下方年線有強力買盤支撐形成區間架構。全球市場唯一超大利多是美國聯準會（Fed）緊急降息兩碼且國際油價低迷通膨威脅不大讓貨幣政策有施展空間降低疫情在股市風險。</t>
  </si>
  <si>
    <t>歐盟最近放寬多個地區入境旅遊限制包括香港港府昨宣佈為使港人便利出行決定放寬抵港檢疫期只要符合3個條件包括已完成接種新冠疫苗並過14日、病毒檢測無確診、驗出有抗體即可將酒店檢疫期可縮減至7日30日開始實施。有香港醫學專家擔心新措施恐使疫情風險增加。
香港大學感染及傳染病中心總監何栢良今表示港府早前將高風險地區入境人士的酒店檢疫期由14日延長至21日目的在於避免檢疫期最後有個案漏洞但若將接種疫苗人士的檢疫期減至只需7日或重蹈覆轍令3成個案進入社區。
至於港府的新措施下要求抵港人士做檢驗血清抗體能否填補防疫漏洞？何栢良表示並不能完全補漏由於不同國家及地區對新冠疫苗的審核有所不同部分疫苗的科學資料仍未能在科學期刊中看到可減低多少感染機會對抗變種病毒的成效有多少亦存疑。若某種疫苗成效偏低即使血清測試驗出抗體仍有機會走漏個案至社區。何指由於近日港澳正商討兩地恢復往來惟澳門對防止輸入個案標準嚴格、始終如一預料零星個案會增加澳門對香港的戒心隨時影響港澳通關。
香港食物及衛生局局長陳肇始表示所有獲縮減檢疫日數的人士都要在機場接受檢測在檢疫期間亦要再做1次檢測而來自極高及甚高風險地區的人士則不可縮減檢疫期。她又指獲縮減檢疫期的人士都要接受血清抗體測試由於不同化驗平臺有差異但承認不會考慮抗體濃度只要驗出有抗體就可以僅稱當局會密切留意各地疫情盡量平衡和小心作風險評估。
她稱政府正制訂一份血清抗體測試的認可醫務化驗機構名單讓有需要出行的香港居民可自費做測試領取抗體效力認證而暫時未有抗體測試的收費資料相信獲認可的化驗所稍後會公佈。
澳門方面早前曾表示香港連續14日無本土個案可研究放寬出入境但昨日突將磋商門檻調升至28日香港旅遊界議員姚思榮表示對此感到失望相信開放哪些口岸及關口限制人數等技術上仍需時處理考慮到避免太多人聚集在關口等候檢測認為每日允許約5000人出入境是相對合適的數目。</t>
  </si>
  <si>
    <t>全球紛紛開打第3劑COVID-19疫苗針對國內第3劑接種細節衛福部傳染病防治諮詢會預防接種組（ACIP）今天開會討論專家已達共識將由指揮中心指揮官陳時中決議預計明天記者會公佈。
COVID-19（2019冠狀病毒疾病）疫苗接種是控制疫情關鍵之一許多國家規劃追加第3劑COVID-19疫苗。據中央流行疫情指揮中心統計明年1月31日前與第2劑疫苗間隔滿6個月、符合第3劑疫苗接種資格者約有263萬人。
指揮中心日前曾說明ACIP將於今年11月底開會討論第3劑接種方式、優先順序等指揮中心發言人莊人祥今天下午接受媒體聯訪時表示ACIP今天舉行專家會議與會專家針對第3劑接種細節已達共識並給予政策建議後續將交由指揮官陳時中做出最終決議預計明天公佈。
林口長庚醫院副院長、ACIP委員之一的邱政洵表示全球第3劑疫苗施打資料少已知多數國家第3劑選擇施打mRNA疫苗好消息是加強劑對於減少突破性感染發生確實有明確成效且施打第3劑副作用並不會更嚴重甚至症狀可能更輕微。
國內今年3月22日起開打COVID-19疫苗依第1劑與第2劑需間隔至少8週、第2劑與第3劑需間隔5至6個月大約明年2、3月臺灣就需展開加強劑施打作業。部分專家提及若邊境防守得宜施打第3劑就沒有那麼急但另一派認為確診者多來自境外又有Omicron變種病毒應先讓醫護、機組人員接種。
對此邱政洵表示第3劑接種時程、優先接種對象仍等待指揮中心最後的決定。至於各界關心的第3劑施打疫苗廠牌邱政洵說第3劑有2種施打方法第1種方法為施打與1至2劑同廠牌疫苗第2種方法是選擇不同牌子國外多採取後者但國內疫苗接種情況複雜同樣待指揮中心決議。
至於青少年接種第2劑BNT疫苗規劃邱政洵表示Omicron變種病毒來勢洶洶發現南非年輕人完整接種率低所以個案多是年輕族群提醒境內未完成2劑疫苗人數多將成為病毒大量繁殖溫床他個人建議青少年應接種第2劑BNT疫苗有利台灣2劑涵蓋率快點衝起來。</t>
  </si>
  <si>
    <t>本土疫情嚴峻新北市今新增44例本土確診確診個案不斷降低。新北市長侯友宜表示根據市府做的交通量預警機製錶國道、公車、台鐵、高鐵運量都較上周大幅上升他提醒大家想要透透氣是人性但請大家忍耐用網路代替馬路一起拚最後一哩路。
侯友宜說全國資料據一直下降今天全國100多例民眾很多預期心理警戒三級悶太久想出來走是人性但疫情不要只看資料而已要看多少隱形傳播鏈沒找出來最擔心就是有案例潛藏在社區內市民不要放鬆。
侯友宜拿出交通量預警機製錶他說臺北捷運搭乘人數這週較上周增加8％新北國五上週六跟本週差52％國三增加32％、國一增加30％公車這週平均增加25％台鐵週六增加16％高鐵板橋站週五較上周增加72％運輸量不斷增加。他呼籲大家忍耐拚最後一哩路希望用網路代替馬路共體時艱一起拚。</t>
  </si>
  <si>
    <t>本土 疫情 嚴峻 新北 市 今 新增 44 例 本土 確診 確診 個案 不斷 降低 新北 市長 侯友宜 表示 根據 市府 做 的 交通量 預警機 製錶 國道 公車 台鐵 高鐵 運量 都 較 上周 大幅 上升 他 提醒 大家 想要 透透氣 是 人性 但 請 大家 忍耐 用 網路 代替 馬路 一起 拼 最後 一 哩 路 侯友宜 說 全國 資料 據 一直 下降 今天 全國 100 多 例 民眾 很多 預期 心理 警戒 三級 悶 太 久 想 出來 走 是 人性 但 疫情 不要 只 看 資料 而已 要 看 多少 隱形 傳播 鏈 沒 找 出來 最 擔心 就 是 有 案例 潛藏在 社區 內 市民 不 要 放鬆 侯友宜 拿出 交通量 預警機 製錶 他 說 臺北捷運 搭乘 人數 這周 較 上周 增加 8 新 北國 五 上 週六 跟 本 周 差 52 國三 增加 32 國一 增加 30 公車 這周 平均 增加 25 台鐵 週六 增加 16 高 鐵板橋 站 週五 較 上周 增加 72 運輸量 不斷 增加 他 呼籲 大家 忍耐 拼 最後 一 哩 路 希望 用 網路 代替 馬路 共 體 時艱 一起 拼</t>
  </si>
  <si>
    <t>教育部今(21)日公佈最新全國確診學生人數已連續3天沒有新增案例累計全國學生確診個案維持在754人。
根據教育部最新統計自4月20日到9月20日下午5點半共有754名學生確診新冠肺炎其中721名是本土案例33名境外移入資料與9月17日人數一樣沒有新增案例。
依照教育部資料顯示以各教育階段區分大專校院共242名案例、高中119名、國中114名、國小190名、幼兒園89名。
至於行政院孩童家庭防疫補貼方面國小以下孩童及國中、高中、五專前3年身心障礙學生的父母、監護人或實際照顧者可以進行申領。教育部也在中秋連假前夕完成最新統計截至9月17日成功申領人數比率約9702％。</t>
  </si>
  <si>
    <t>英國科學家19日針對新冠肺炎展開最新研究這回讓曾確診新冠肺炎並痊癒者再度接觸病毒以瞭解痊癒者是否對病毒免疫。
今年2月英國成為全球第一個實行「人體挑戰試驗」的國家號召全國健康志願者參與人體試驗在封閉環境下接觸新冠病毒以瞭解病毒造成的人體反應。最新研究則是號召曾確診並痊癒者再度接觸病毒目的在瞭解痊癒後是否對病毒免疫以及免疫力維持的時間長短。
主持這項研究的牛津大學疫苗學家麥克申（Helen McShane）表示：「這項人體試驗所得的資料有助我們設計更有效的疫苗及療法也能更加瞭解新冠肺炎患者痊癒後是否不會再度感染以及免疫力持續時間。」</t>
  </si>
  <si>
    <t>外傳北市府即將展開萬華區血清抗體研究臺北市長柯文哲今日證實此事並說該研究要查3件事包括社區中是否藏有許多黑數民眾確診、打疫苗後的抗體變化以及台灣是否該追加購買第三劑疫苗也承諾週五將請研究計畫主持人向外界說明。
臺北市長柯文哲曾說要對疫情重地萬華區執行血清抗體研究釐清台灣死亡率高達5％以上的原因是否為社區中藏有許多黑數外傳該計畫昨日已通過人體試驗倫理委員會（IRB）審查預計收案5000人、追蹤6個月每人會抽3次血來檢測血清抗體。
柯文哲今日主持防疫記者會媒體問及萬華千人血清研究會如何進行經費又從何而來受試者又將如何募集？他說有關該研究的詳細計畫他會在禮拜五請計畫主持人說明也證實該計畫是昨天經IRB通過。
柯文哲指出該研究是由臺北醫學大學、台大公衛學院及北市府聯合做的流行病學研究有通過衛福部同意也有通過醫學院內的人體試驗及北市府同意完全符合程式。選擇萬華作為研究標的是因為當時疫情嚴重該區感染數多因此可獲得較有效的資料。
柯表示這研究有幾件事要查起初台灣死亡率高達5％是否代表社區中存有很多黑數？那些確定感染過新冠肺炎或打疫苗的民眾抗體變化情形如何？這是重要資料假設台灣將來要打第三劑到底要多久才可以打？也能重新檢視疫調系統有無破口。
臺北市立聯合醫院副總院長許家禎補充研究結果除能進行疫調上的補漏外還可知悉綜合抗體效價變化這能作為精確數字 讓大眾知道是否要追加第三劑疫苗以及疫調作為是否還有可精進的部分未來會請研究團隊和大家說明。
至於經費部分許家禎則說都是由北醫和台大團隊籌措北市府這邊因為這是對萬華的服務會全力做行政上的協助。</t>
  </si>
  <si>
    <t>疫情嚴峻新北市今日再增三重及新莊熱區防疫中心新北市長侯友宜今早視察2熱區防疫中心作業情形被問到是否於5月28日解決三級警戒？侯友宜回應「狀況不樂觀民眾要有長期抗戰的準備」。
雙北本土疫情激增臺北市長柯文哲認為說5月28日解決三級警戒是不太可能的侯友宜今視察三重熱區防疫中心指出資料沒有趨緩狀況尤其校正回歸這幾天個案80％多有萬華接觸、活動史要清除萬華接觸史他認為目前不可能更何況有許多感染源並不清楚。
侯友宜指出5月28日匡列採檢沒辦法做完因此不要太樂觀要有長期抗戰的準備他特別跟民眾呼籲要保持低度活動讓疫情的傳播鍊能夠快速減少。目前新北市非必要的營業都已經大部分暫時停止營業像林口outlet、宏匯、環球大賣場都已經停止了。
侯友宜說感謝大公司都願意讓員工暫時停止營業、停止移動他還是呼籲大家低度活動非必要的營業場所自主停業讓這波疫情趕快得到控制。</t>
  </si>
  <si>
    <t>美國約翰斯霍普金斯大學發布的實時統計資料顯示截至北京時間3月16日8時33分全球新冠肺炎累計確診病例已超過167萬例其中大陸以外地區累計確診病例超過86萬例。另據大陸國家衛健委官方網站16日通報截至3月15</t>
  </si>
  <si>
    <t>美國約翰斯霍普金斯大學發布的實時統計資料顯示截至北京時間3月16日8時33分全球新冠肺炎累計確診病例已超過167萬例其中大陸以外地區累計確診病例超過86萬例。
另據大陸國家衛健委官方網站16日通報截至3月15日24時大陸累計報告新冠肺炎累計確診80860例。
此外根據約翰斯·霍普金斯大學發布的實時統計資料義大利已累計確診24747例伊朗13938例韓國8162例西班牙7798例。依據這一統計大陸以外累計確診病例已超過中國確診病例。</t>
  </si>
  <si>
    <t>為瞭解蔬菜、水果的攝取量與壓力知覺量的關係澳洲伊迪斯可文大學研究團隊針對逾8000名參與者進行問卷調查。結果發現每天吃至少470克蔬菜與水果的參與者壓力知覺水準約下降10%。隨著新冠肺炎在台灣重燃疫情民眾心情跟著每日確診數而起起伏伏。這項研究顯示大量攝取蔬果除可增加身體抵抗力外還能舒緩因疫情嚴峻而產生的壓力上升。
這份研究已刊登在2021年5月份的《臨床營養》。論文指出隨著全球各國精神疾病案例愈來愈多心理健康無疑成為日益嚴重的問題。據統計約2分之1的澳洲民眾在一生中會遇到心理健康問題。放眼全球約10分之1的人罹患精神疾病。
固然生活免不了壓力；但長期暴露在壓力之下無疑會對心理健康產生不利影響。例如心臟病、糖尿病、憂鬱症與焦慮症預防與減輕心理疾病的方法已成為公共衛生刻不容緩的議題。
眾所皆知均衡而健康的飲食為人體帶來好處；但資料顯示只有2分之1的澳洲民眾每天吃到2份水果每日攝取5份蔬果的人數比例更低於10分之一。儘管研究已證實營養不良會讓人壓力知覺上升卻沒有說明蔬果攝取量與壓力之間的關係。
為探討蔬果攝取是否能降低食用者的壓力以及血清類胡蘿蔔素(serum carotenoids)、蔬果攝取生物標記與壓力知覺的關係研究團隊透過《澳洲糖尿病、肥胖與生活型態研究》徵得8689名志願者進行實驗。
所有參與者年齡在25歲以上平均年齡為474歲；其中女性占498%。所有參與者必須填寫「食物頻率問卷」以評估飲食攝取量；此外還需填寫經認證的「壓力知覺問卷」。約1187名參與者須透過高效液相層析(high performance liquid chromatography)以測量血清類胡蘿蔔素並進行多變量回歸分析以確認蔬果攝取量與壓力知覺的關聯。
結果發現相較於每天攝取蔬果不到230克的參與者每天蔬果攝取達470克以上的參與者感受到的壓力水準降低約10%。從參與者的年齡來看45歲以上65歲以下的中年人攝取蔬果量對壓力知覺的降低最為明顯但在小於45歲與大於65歲的參與者中關聯性則沒有這麼明顯。從性別來看不論男女大量攝取蔬果都有助於降低壓力。
研究團隊解釋蔬果中含有維生素、礦物質、類黃酮與胡蘿蔔素能夠減少發炎與氧化壓力從而改善心理健康。發炎與氧化壓力已被證實增加壓力、焦慮與情緒低落。
更進一步地說隨著新冠肺炎疫情逐漸升溫大量攝取蔬果不只減低疫情期間人們的焦躁不安也是提升免疫力的關鍵。深綠色蔬菜中的維生素A、B、C、E與各種礦物質是免疫系統正常運作的必要元素；水果的胡蘿蔔素在人體內可轉換為維生素A能維持眼睛、口腔、肺部與腸胃道黏膜健康進而阻止細菌與病毒入侵體內。</t>
  </si>
  <si>
    <t>大陸科興疫苗對於防範新冠肺炎究竟有沒有用？台大公衛學者張維容今天透過第四期疫苗效益評估方法分析發現在智利每增加1％的科興疫苗施打不但無助降低疫情發生還可能會增加3％的新冠肺炎個案。
張維容所使用的這套疫苗效益評估方法是考量各國的NPI（非藥物性介入）措施、感染風險用來計算該國每增加一趴疫苗施打可以減少多少新冠肺炎個案發生。
根據張維容整理以色列、英國、智利、美國、加拿大等國的疫苗接種資料發現多數國家每增加1％的疫苗接種人口都能降低新冠肺炎的傳播不過使用科興疫苗的智利每增加1％的人口施打反而是增加新冠肺炎的感染人數。
張維容指出從以色列施打輝瑞疫苗的資料可看出每增加1％的疫苗施打可降低8％的新冠肺炎個案發生；英國施打AZ疫苗的資料也顯示每增加1％的疫苗接種可降低7％的新冠肺炎個案發生顯示AZ疫苗對於防疫仍然相當有效。
美國、加拿大雖然施打莫德納、輝瑞疫苗但在各州之間卻呈現巨大差距張維容舉例新墨西哥州疫苗接種人數越多感染新冠的人數也越低但這點在密西根州卻未發生感染新冠的人數反而與疫苗施打人數同步上升加拿大的安大略州也有類似狀況。
張維容分析這可能與疫苗覆蓋率與變種病毒株有關但無論如何綜合美國、加拿大的整體資料來看每增加1％的疫苗施打人口可降低3％的新冠個案發生。
台大公衛校友、醫師廖思涵則指出從科興疫苗在巴西所進行的第三期臨床試驗可看出保護力與試驗結果都有待進一步商榷恐怕才能更進一步的被世界認可。
廖思涵指出科興疫苗在巴西共進行1萬2396人的第三期臨床試驗其中疫苗組4953人、對照組4870人但疫苗組中竟有85人感染新冠肺炎幾乎是對照組感染人數168的一半保護力僅507％。
廖思涵表示科興疫苗的試驗人數與嬌生疫苗相比少了四分之三是科學證據備受質疑的原因同時不良反應也較多約有六成的接種者出現注射部位疼痛三成的接種者出現頭痛但整體而言科興疫苗的安全性沒有太大問題。
至於嬌生疫苗先前傳出血栓疑慮廖思涵說明從嬌生疫苗的大型試驗看出在疫苗組1萬9691人以及對照組1萬9630人中僅發現一例腦部血栓併發大腦出血以及一例格林巴厘症候群發生風險仍算相當低。</t>
  </si>
  <si>
    <t>美國平均單日染疫死亡人數再度突破2000人為6個月以來首度又跨過這個悲慘的門檻。根據約翰霍普金斯大學彙整的資料截至本週二美國呈報的新冠病毒染疫死亡人數7日平均值為2031人。儘管新增感染病例數趨於平穩</t>
  </si>
  <si>
    <t>美國平均單日染疫死亡人數再度突破2000人為6個月以來首度又跨過這個悲慘的門檻。
根據約翰霍普金斯大學彙整的資料截至本週二美國呈報的新冠病毒染疫死亡人數7日平均值為2031人。
儘管新增感染病例數趨於平穩但染疫死亡人數仍持續攀升較前一周前增加13%與本月初相比更大幅增加了43%。
上一次美國平均每日染疫死亡人數超過2000人是在今年3月1日。不過該國平均每日染疫死亡人數創下新高記錄是在今年1月中旬的3426人。
新冠肺炎在週一正式成為美國近代史上最致命的疫情累計染疫死亡人數超過「1918年流感大流行」、也就是「西班牙流感」在美國奪走的生命。
目前美國呈報死亡人數最多的是佛羅裡達州其過去一周平均每日染疫死亡人數達376人其次是德州平均每日283人死於新冠肺炎兩個州加起來的數字約占全國平均數的三分之一。
在經人口調整後阿拉巴馬州、佛州和西維吉尼亞報告的每10萬居民平均每日染疫死亡人數最多。
在染疫死亡人數再度突破2000人之前近來美國感染新冠病毒的病例數急速增加雖然現在出現一些緩解的跡象但數字仍然高得令人擔憂。過去一周美國每日平均確診數約為135萬例較9月1日減少18%。
住院人數雖然呈現下滑趨勢但仍然偏高。根據美國衛服部公佈的7日平均數目前美國因感染新冠病毒住院的人數約為91500人較9月初的近103萬人減少。
約翰霍普金斯大學彭博公衛學院分子微生物學和免疫學系主任Dr Arturo Casadevall表示如果曲線、病例數向下走死亡人數應該會隨之減少。此外新冠肺炎的療法已有所改善現在的治療方法比一年前更好。
在Delta變種病毒肆虐之際傳染病專家表示如果沒有開發出疫苖現在的情況可能更糟。根據美國疾病管制與預防中心的資料目前近55%的美國人口已經完整接種疫苗。</t>
  </si>
  <si>
    <t>自2019年底開始COVID-19疫情全球蔓延越來越多研究發現新冠病毒與部分新冠疫苗與中風有關。兩位台灣腦中風學會理事北榮神經內科腦血管科主任李怡慧與北榮神經內科主治醫師紀乃方分享照護過COVID-19患者以及COVID-19疫苗罕見引起的腦靜脈栓塞型中風表示病毒與疫苗引發中風的型態和族群大有不同醫療上都有對應的合適處置並呼籲疫情間有中風徵兆民眾應即時就醫中風患者則要持續回診服藥盡快施打疫苗。
●COVID-19患者有較高的腦中風風險？
紀乃方醫師表示COVID-19患者有較高的腦中風風險根據多國多中心研究統計COVID-19患者發生腦中風比率大約13%其中大多是重症患者相較台灣一般人口中風發生率 則只有每年01%兩種族群不同雖然不能直接比較不過從資料合理推測「年紀大、多慢性共病的COVID-19重症患者有較高風險發生腦中風。」
●為何COVID-19患者容易腦中風？
紀乃方醫師說明所有感染都會引發人體發炎反應增加血液凝固性進而造成血栓阻塞發生在腦部就是腦中風；另外發炎也會增加微血管通透性腦血管壁脆弱更容易栓塞或出血；此外COVID-19還會影響心血管系統使腦部血流不穩加上COVID-19若引發呼吸衰竭恐全身系統性缺氧種種因素都會加重中風的風險。
此外李怡慧醫師指出感染若引發免疫風暴也會增加血栓形成最新研究分析多國多中心罹患COVID-19後中風的患者多屬於大血管阻塞型中風且25%是55歲以下較年輕型的中風。她推論COVID-19增加了發炎性病因更容易讓年輕人發生嚴重的大血管阻塞。
不過兩位醫師觀察目前台灣COVID-19患者中風的診斷比率似乎比國外研究低。紀乃方醫師認為可能是他們照顧多是輕症患者需進一步參考重症醫師的經驗並分析全國現況。
●COVID-19引發的中風 死亡率、殘障率都較高
紀乃方醫師根據研究表示COVID-19患者發生中風的死亡率和殘障率都比較高死亡率高達15-20%小中風則低於5%歸納這類患者多是COVID-19重症加上是大血管阻塞型中風且肺功能低下復健成效不佳治療後能回家自理只有20%代表80%遺留嚴重後遺症需要他人照顧。
針對還沒中風的COVID-19病人紀乃方醫師指出先觀察是否依賴氧氣才能維持生理功能嚴重時第一線使用類固醇抑制發炎反應並視情況給予抗病毒藥物大部分病人在治療後都恢復不錯；若病情持續惡化將改用更強效的抗發炎藥物嚴重則送加護病房仰賴呼吸器和維生系統。
「COVID-19腦中風症狀較不典型。」紀乃方醫師說出現腦部動脈或靜脈阻塞常以頭痛表現或是肺栓塞特徵是呼吸會喘類似COVID-19症狀不容易察覺一旦病人對常規治療反應不佳就會考慮合併血栓的可能。至於COVID-19患者有中風風險要常規預防性使用抗凝血藥物嗎？這仍未有定論除非有慢性心血管疾病才持續使用抗血栓藥物。
●疫苗引起的罕見腦靜脈血栓　盡早治療效果佳
李怡慧醫師曾照顧一名21歲男性沒有任何慢性病危險因數打完疫苗第8天在睡夢中半夜頭痛驚醒且躺平與使力時疼痛加劇甚至引起嘔吐緊急送醫經電腦斷層發現腦靜脈栓塞且合併有腦出血水腫是腦靜脈栓塞引起中風的特徵並驗出抗血小板第四因數抗體（anti-platelet factor 4 PF4）確診是「疫苗引起之免疫血栓性血小板低下症」（Vaccine-induced immune thrombotic thrombocytopenia VITT）。
李怡慧醫師解釋年輕人如果接種腺病毒載體DNA疫苗如嬌生、AZ不同於用脂質包覆的RNA疫苗可能會發生腺病毒DNA疫苗引起的自體免疫反應這種自體抗體會沾黏血小板因數PF4血小板再進一步黏著「全部黏成一團複合體塞在血流速較慢的靜脈系統。」
李怡慧醫師說VITT發生率十萬分之一多在打完疫苗後5-28天以內發生是非常罕見的靜脈血栓副作用以腦靜脈、腸靜脈居多因血小板在阻塞處大量消耗造成血小板低下若是在腦部靜脈栓篩 腦壓升高所以上述患者才在半夜平躺時頭痛劇烈而驚醒。
有別於一般中風治療李怡慧醫師指出疫苗引發腦靜脈型中風的第一線是免疫治療先給予免疫球蛋白來中和自體抗體終止血栓凝集並給予新型抗凝劑如抗第十因數或抗第二因數口服藥避免更多血液凝固。上述個案經過治療後住院第五天就完全正常出院「只要對疾病有警覺盡早給予免疫治療改善病情的機會很大。」此外目前文獻報告案例多是白種人亞洲人較少。
●中風患者建議打疫苗　老年人不容易疫苗血栓
李怡慧醫師呼籲疫苗引起的中風是自體免疫反應大部分是年輕人而COVID-19引起的中風患者通常有三高、心臟病且大部分是老人。年紀大反而不容易產生自體抗體出現疫苗引發的血栓施打疫苗還是利大於弊目前台灣COVID-19死亡率超過4%疫苗引發中風則是十萬分之一打疫苗好處明顯超過壞處對於有過敏體質年輕人和孕婦考慮優先施打RNA疫苗。
●COVID-19疫情間勿錯失中風黃金治療時機
雖然COVID-19有中風風險李怡慧醫師觀察全球整體中風發生率卻呈下降趨勢分析可能是因為病人猶豫就醫與疫情期間診斷治療有受限制。她解釋當COVID-19隔離患者有中風症狀則電腦斷層、核磁共振等診斷儀器都需要消毒治療上則受限台灣醫學中心尚缺負壓血管攝影手術室治療團隊暴露感染風險高所以治療趨於保守的靜脈藥物溶栓術、減少了動脈內取栓術等侵入性治療。
不過疫情間李怡慧醫師仍提醒中風患者有異狀應及早就醫別錯過了黃金治療時機尤其24小時內急性缺血型腦中風有溶栓和取栓術可以逆轉中風後的腦梗塞和殘障一旦超過治療時間就留下後遺症。紀乃方醫師則呼籲很多中風病人疫情時沒回診擅自中斷控制慢性病的藥物建議可使用遠距通訊門診請醫師評估開藥。</t>
  </si>
  <si>
    <t>印度新冠肺炎疫情慘烈在印度經商的跨國和本地企業紛紛提供財務或物資援助或是重新調派人力致力保護員工安全。根據印度衛生部資料印度5日新增確診案例達382315例已連續12日單日新增病例超過30萬人全國累</t>
  </si>
  <si>
    <t>印度新冠肺炎疫情慘烈在印度經商的跨國和本地企業紛紛提供財務或物資援助或是重新調派人力致力保護員工安全。
根據印度衛生部資料印度5日新增確診案例達382315例已連續12日單日新增病例超過30萬人全國累計2066萬人確診。5日的死亡案例亦創新高達3780人讓總計死亡人數超過226萬人。
大型銀行將資訊技術工作外包至印度行之有年面對印度疫情急速升溫銀行業者開始將印度的工作安排至其他國家、鼓勵員工在家工作並延長專案截止期限。印度企業亦為員工和其家人設立照護中心甚至提供疫苗施打。
美國高盛與富國銀行讓員工在遠端工作以維護人員安全和保持業務運作。高盛日前宣佈捐款1000萬美元援助印度對抗新冠肺炎病毒。高盛在班加羅爾、海德拉巴和孟買設有據點。
富國銀行資助當地社區逾300萬美元。該銀行表示印度的疫情尚未對業務運作造成重大影響。
英國的巴克萊銀行、國民西敏寺銀行（NatWest）與渣打銀行則將印度的工作重新調派至其他國家以減輕印度員工的壓力。許多員工不是染疫就是得在家照顧生病的家人。
巴克萊亦捐贈食物、口罩和呼吸器等重要物資給當地的慈善團體並提供員工額外的醫療保險將新冠肺炎相關的治療費用納入保險範圍。
近幾年投注數十億資金拓展印度業務的全球科技巨擘也盡力維護印度業務運作。亞馬遜為印度員工準備氧氣機和血氧測量儀等治療設備並提供飯店房間讓輕症的員工和家人入住隔離。
穀歌日前宣佈捐1800萬美元協助印度抗疫。在印度出生的穀歌執行長皮查（Sundar Pichai）受訪時表示印度現在值得外界關注。</t>
  </si>
  <si>
    <t>啟碁(6285)今日舉辦法人說明會董事長謝宏波認為隨著新冠肺炎疫情舒緩5G依舊是各國政府會著力的一塊啟碁5G營收占比今年約3~5%明年希望有翻倍成長、上看7~10%另外由於美中貿易戰恐無法在短期結束故今年啟碁下半年會有55%以上的產能在台灣、越南廠區出貨。
新冠肺炎疫情現階段逐漸趨緩謝宏波認為今年上半年因為疫情關係招工、員工到廠隔離的額外工資導致額外支出多少對獲利造成影響現階段供應鏈在5月中旬都已經解封、或是有條件解封6月可以恢復比較正常的狀態約可達到9成剩下的就是中美洲、東南亞等地還沒完全恢復現在大陸地區已經沒有太大的問題還是大陸以外的供應鏈比較需要觀察預計在各國疫情舒緩下材料供應鏈回穩後啟碁第三季逐月、逐季的產能都會趨向合理應用。
若以疫情對市場面的影響來看謝宏波分析指出不需要人員安裝、實際店面銷售的網通產品在本波疫情中不受影響甚至有小部分有追單但需要安裝以及銷售的則受到衝擊包括汽車、IoT以及部份消費性產品其中又以汽車最大影響目前汽車組裝、Tier 1上週開始已經有局部復工但還是有一大部分還沒復工這將對上半年衝擊比較大的。
謝宏波表示今年到明年來說啟碁在技術上主要鎖定WiFi 6、OTT、Mesh WiFi、汽車、IoT終端以及行動熱點；至於5G隨著各國解封依舊會是可以期待的一塊今年5G營收占比約3~5%明年希望有翻倍成長可以上看7~10%。
在產能配置上謝巨集波表示啟碁在製造產能的第一階段佈局已經就緒越南廠、台灣南科廠都已經在去年第四季得到客戶認證生產自動化、資料蒐集也獲得客戶認同預計本季開始會和客戶協商討論推估今年下半年會有55%以上的產能在台灣、越南地區出貨針對台灣、越南的擴建計畫也會持續主要是因未來營運能量的需求預計越南廠稼動率下半年會比較滿目前啟碁還是以大陸崑山廠面積最大可用面積也比台灣大但受到客戶要求故台灣和大陸今年生產金額應該相當還是要看機動性只要崑山的稼動率達7~8成則啟碁今年全球產能就會達到比較健康的結構。
啟碁現階段考量現在疫情、貿易戰短時間不會結束預計各地產能占比上越南會12~15%、大陸40~45%、台灣40~45%還是會視實際狀況會視情況調整。
今年啟碁因為有廠房興建資本支出預計落在13~15億元左右。
另外啟碁今年因為有業務擴充、擴產計畫等現金流來是很重要故目前沒有買庫藏股計畫。</t>
  </si>
  <si>
    <t>SEMI（國際半導體產業協會）公告最新北美半導體設備出貨報告今年4月份設備製造商出貨金額止跌回升達22619億美元年增率連續七個月維持正成長。SEMI全球行銷長暨台灣區總裁曹世綸指出新冠肺炎疫情及地緣政治風險升溫已影響全球科技產業生產鏈雖然短期設備市場表現良好但未來市場發展已充滿變數。
根據SEMI統計今年4月北美半導體設備製造商出貨金額達22619億美元較今年3月的22131億美元成長22％月增率再度由負轉正與去年同期的193億美元相較成長172％出貨金額年成長率連續七個月維持正成長不過年增率已經連續三個月下滑。
曹世綸表示今年4月份北美設備製造商的銷售額仍然反映出穩定的設備需求在面臨特殊情況下整體市場仍表現良好。然而受到新冠肺炎疫情與地緣政治緊張升溫等因素影響未來市場走向仍充滿變數。
據SEMI先前公佈資料顯示2019年全球半導體製造設備銷售總金額為5975億美元較2018年減少了7％。SEMI表示2020將是緩步成長的一年隨新冠肺炎疫情趨緩各國重啟經濟活動情勢將於下半年好轉預期設備市場亦將開始出現復甦跡象只是外在變數太多且難以預測未來市場發展充滿變數。設備業者則普遍認為疫情一旦獲得控制下半年就會進入復甦循環。</t>
  </si>
  <si>
    <t>新冠病毒仍在美肆虐至今已確診破百萬、並造成58萬人死亡超越越戰陣亡人數。面對此一資料美國總統川普28日卻樂觀地表示「疫情最糟糕的日子已過去了」暗示重啟全國經濟的時機即將來到。據美《國會山莊》報報</t>
  </si>
  <si>
    <t>新冠病毒仍在美肆虐至今已確診破百萬、並造成58萬人死亡超越越戰陣亡人數。面對此一資料美國總統川普28日卻樂觀地表示「疫情最糟糕的日子已過去了」暗示重啟全國經濟的時機即將來到。
據美《國會山莊》報報導川普在白宮接見受惠於緊急貸款計畫的小型企業主時對美國重啟飽受疫情衝擊的經濟表達樂觀。他表示「我們的國家正在對抗這可怕的禍害時政府持續幫助那些失去摯愛、悲切傷痛的美國人民我們同舟共濟、終將戰勝；我們的即將重返且變得更強大」。
在川普接見小企業主的場合上與會者感謝川普政府的「薪資保障計劃」（Paycheck Protection Program ）讓許多小企業得以在疫情中生存持續發放員工薪資一名受邀上臺演講的受薪員工向川普政府表示「你們真的就是我的家人」其他受邀到場的小企業主也對川普團隊讚美有加。
正當白宮仍在尋求復甦全美經濟美國已有數州宣佈在未來數周將放寬原先的居家防疫等限制政策。而白宮防疫團隊最高公衛專家佛奇（Anthony S Fauci）28日也表示他希望在5月底或6月初時每一位元需要檢測新冠病毒的人民都可以受檢。
雖然川普一心想恢復經濟但紐約時報先前取得美國國土安全部、衛生及公共服務部相關文件報導根據文件預測顯示美國居家防疫如實施30天就鬆綁全美新冠肺炎感染人數將在夏季飆升恐奪走20萬條人命死亡人數只比毫無防疫作為少10萬人。</t>
  </si>
  <si>
    <t>鼠年新春全球金融市場受到中國大陸新冠肺炎（COVID-19）的突襲主要國際股市紛紛重挫也打亂了台股多方新春紅盤衝關12682點的步調台股加權指數一度回測半年線支撐。雖然現階段相關疫情的訊息仍不斷擾動人心但整體來看除非疫情失控擴大不然這次疫情對股市的最壞影響應已結束後續將進入產業調整與類股輪動的階段。
就經濟面來看這次新冠肺炎在內需旺季的農曆春節爆發對中國大陸的內需經濟造成重大的傷害原本受惠龐大春運所帶動的旅遊、運輸、餐飲及娛樂等需要人與人接觸的服務業在防疫措施的限縮下幾近停擺外資甚至預期中國2020年經濟成長率最壞情況可能不到5％加上各國政府採取的旅遊禁令限制中國旅客重創觀光產業影響層面擴大預期亞洲首季整體經濟成長率將明顯放緩。
從產業供應鏈的角度由於武漢不僅是中國「九省通衢」的交通要道更是中國半導體、面板產業的重要生產基地也是中國的光纖及汽車生產重鎮在中國製造2025計畫中擁有重要地位。
這次新冠肺炎的重災區武漢（湖北）對中國大陸製造業造成的衝擊不言可喻。加上大陸官方為控制疫情先延長農曆新年假期而後各省多處城市採取封閉管理措施導致整體大陸製造業陷於停擺狀態。雖然部份製造業廠商已在2月10日復工但各地的封鎖檢疫措施已阻礙物流的運轉及外地員工返工造成現階段廠商有效產能將僅有二到三成對資通訊產業的零組件及產品組裝出貨量都受到延宕。
就市場短期需求來看疫情造成對消費性電子的需求斷崖式下滑根據市調機構預測大陸智慧手機第一季出貨量將下降32％由去年同期的約8900萬支降至6000萬支。由此來看2、3月電子業大廠營收都不會太好且進一步影響第一季的財報資料。
回顧過往SARS對中國大陸的影響對於經濟與股市應屬短期效應。SARS起初自廣東省開始當時的防疫措施與觀念都不及現在故疫情延燒超過三個月並在第二季達到高峰導致中國大陸當時第二季的經濟成長率由前一季的111％減少2個百分點降至91％。但在人行大幅寬鬆貨幣救市及疫情逐漸受到控制後大陸第三季經濟成長率便重新站回10％以上金融市場也逐漸重回原本的上升軌道。
雖然現階段新冠肺炎疫情仍舊緊張中國大陸的經濟規模也今非昔比造成的經濟損失將更為龐大。但研判此次疫情對大陸經濟與金融市場的影響過程會與當初SARS接近即最大衝擊會出現在第一季第二季起便可望出現反彈主要是產業供應鏈可望在3月逐漸回復正常對消費性電子產品的支出及5G產業的投資雖然延後但並未消失。加上中國人行這個月已釋出15兆元人民幣的資金來救市只要疫情不失控預期中國大陸的經濟成長率可望在下半年出現較明顯的回升。
就市場面來看雖然1月底、2月初全球金融市場都受到疫情影響出現明顯的回挫但隨著疫情原因逐漸明朗疫苗與治療藥物開發也出現進展市場逐漸回穩美股甚至再創新高。值得留意的是位居疫情風暴中心的陸股也走出2月3日紅盤日重挫8％的低谷在利空中連續彈升大幅收斂指數跌幅。其中以科技股為主的深圳指數更領先以傳統大型股為主的上證指數封閉下跌缺口站回疫情風暴前的點數位置顯示先前一再提醒中國大陸股市結構向科技類股轉型的方向並未改變。
總結來說如同年前的分析鼠年的行情不再是一路上升的行情加上未來一兩個月市場仍需受到營收、財報等資料利空考驗股市波動上下刷洗的幅度不會小次數也不會少類股輪動的速度快操作的難度也會較去年提高。
投資人在選股上宜先避開餐飲、交通、觀光等內需產業畢竟其產業環境受到疫情衝擊最深就算要回復也要不短的時間。科技股仍是相對看好的選項特別是與5G相關的網通產業及零組件等標的。</t>
  </si>
  <si>
    <t>中國汽車工業協會（簡稱中汽協）4日表示2021年1月大陸汽車業銷量預計為254萬輛。由於2020年初新冠肺炎疫情爆發導致基數較低加上與當前各家車企積極促銷使得當月銷量年增大幅成長至319％。而2020年1月份大陸汽車銷量為年減180％。
綜合陸媒報導據中汽協4日公佈資料顯示分車款來看2021年1月大陸乘用車銷量預計為207萬輛年增284％商用車銷量預估48萬輛年增501％。
另據大陸乘用車市場資訊聯席會3日公佈的最新車市資料1月份大陸日均汽車銷量66萬輛年增25％但較上月下降5％走勢總體平穩。乘聯會表示雖因大陸政府進一步強化防疫措施北方部分地區消費者到門市買車的意願減緩但因為春節臨近即使返鄉購車潮較弱但車市零售月底仍會持續拉升。
中汽協近日表示2020年將是大陸汽車市場較低潮的年份實際銷量25311萬輛年減19％但降幅較上年已收窄63個百分點。預測2021年汽車銷量有望超過2600萬輛年增4％其中乘用車銷量2170萬輛年增75％左右商用車銷量460萬輛年減10％左右。
中國汽車流通協會則指出大陸汽車業從2018年至今經歷了三年的調整期預計2021年起將扭轉下滑的走勢年增率逐步恢復到正增長的態勢。
特別是新能源車表現更受到各方期待。中汽協總工程師許海東表示預計2021年大陸新能源汽車銷量達180萬輛年增40％大幅優於整體車市表現。
中汽協表示大陸透過多年來對新能源汽車產業鏈的培育各個環節逐步成熟豐富和多元化的新能源汽車產品不斷滿足市場需求使用環境也在逐步改進。在此情況下新能源汽車愈來愈受到消費者的認可尤其在官方「新能源汽車產業發展規劃（2021-2035年）」大力推動下新能源車未來可望迎來快速增長。</t>
  </si>
  <si>
    <t>大陸週三（23日）公佈新增10宗新冠肺炎確診病例全部為境外輸入廣東通報最多的4宗患者分別由印尼及孟加拉入境後確診。雖然大陸疫情已受控制但中國工程院院士、傳染病學家、國家衛健委高級別專家組成員李蘭娟表示要把疫情防控常態化不能讓得來不易的防疫成果前功盡廢。
廣東省新增的輸入確診個案全部出現在廣州印尼和孟加拉各有2人入境後確診；同日新增境外輸入無症狀感染者7人廣州報告3宗分別來自印尼、孟加拉、贊比亞；佛山報告2宗分別來自新加坡和查德；東莞報告2宗來自印度。四川過去一日新增3宗輸入確診天津、山東、河南則各一宗。全國累計85307人確診當中4634人病亡。
李蘭娟週三在官媒撰文稱做好常態化疫情防控必需落實早發現、早報告、早隔離、早治療的要求控制傳染源、切斷傳播途徑、保護易感人群及時有效救治患者。為此社會需要加強健康教育提高疫情防控意識。全國各級各類醫療機構需要繼續加強新冠肺炎檢測和強化診斷能力。
另外她又呼籲要繼續強化社區防控包括利用大資料和人工智慧技術實現群防群控事業單位、機關、學校、商業機構等都落實常態化疫情防控制度。在外防輸入方面針對境外疫情的新情況新趨勢採取更加靈活的措施加強邊境地區、口岸城市衛生檢疫和隔離觀察救治能力。</t>
  </si>
  <si>
    <t>新冠肺炎疫情擴散出門戴口罩已成全民習慣但民眾黨立委高虹安質疑對比1月底到3月中的口罩總數與分配量發現有7600萬口罩不翼而飛對此中央疫情指揮中心指揮官陳時中記者會上回應指出這些口罩會用來作為14天9片口罩新制的儲備量。
高虹安在今天(10日)質詢時表示自己統計了自1月28日到3月16日的口罩資料總量3億6500萬片的口罩扣掉分配給民眾、醫護人員、各大產業加上疾管署庫存後前後竟出現7600萬的差距質疑難道這7600萬片口罩數量變成「國家機密」。行政院長蘇貞昌雖回應「政府不可能暗槓口罩暗槓要幹嘛」但也無法說明口罩下落。
對此陳時中在今天記者會上作出回應他坦承自己沒仔細看高虹安演算法但相信高虹安是資料專家結果應該不會有錯。陳時中表示這7600萬片口罩將會作為剛上路的14天9片口罩新制儲備量他也說因為有這些庫存才能從7天3片升級為14天9片。</t>
  </si>
  <si>
    <t>新冠肺炎 疫情 擴散 出門 戴 口罩 已成 全民 習慣 但 民眾黨 立 委 高虹 安 質疑 對比 1 月底 到 3 月中 的 口罩 總數 與 分配 量 發現 有 7600萬 口罩 不翼而飛 對 此 中央 疫情 指揮中心 指揮官 陳時中 記者會 上 回應 指出 這些 口罩 會用 來 作為 14 天 9 片 口罩 新 制 的 儲備 量 高 虹 安在 今天 10 日 質詢 時 表示 自己 統計 了 自 1 月 28 日 到 3 月 16 日 的 口罩 資料 總量 3億6500萬 片 的 口罩 扣 掉 分配 給 民眾 醫護人員 各 大 產業 加上 疾 管署 庫存 後 前後 竟 出現 7600萬 的 差距 質疑 難道 這 7600萬 片 口罩 數量 變成 國家機密 行政院長 蘇貞昌 雖 回應 政府 不可能 暗 杠 口罩 暗 杠 要 幹 嘛 但 也 無法說明 口罩 下落 對此 陳時中 在 今天 記者會 上 作出 回應 他 坦承 自己 沒 仔細 看 高虹 安 演算法 但 相信 高虹 安是 資料 專家 結果 應該 不 會 有錯 陳時中 表示 這 7600萬 片 口罩 將 會 作為 剛上路 的 14 天 9 片 口罩 新 制 儲備 量 他 也 說 因為 有 這些 庫存 才能 從 7 天 3 片 升級 為 14 天 9 片</t>
  </si>
  <si>
    <t>第24例新冠肺炎確診個案為北部一名60多歲的女性近2年皆無出國旅遊史發病29天才確診讓該病例的潛伏期引發各界熱議而ICU醫師陳志金則在臉書解釋潛伏期是被傳染後出現這之間的時間。
ICU醫陳志金在臉書上PO文解釋「潛伏期」是指「被傳染到出現症狀這中間的時間」並不是出現症狀到確診的時間。昨晚第24例新增個案尚不知道她是在「何時、被誰」傳染因此目前還不清楚伏期。而這29天是指從發病到確診的時間並非是所謂的潛伏期。
貼文曝光後網友在留言處熱烈討論「1月22日發燒那潛伏期往前推的話不就更早」、「發病至確診期間也是種空窗人為空窗非自然空窗」、「從資料看來大部分都是輕狀甚至都沒有症狀 是不是要檢討一下防疫的等級」、「背脊涼了政府加油天佑台灣」。</t>
  </si>
  <si>
    <t>曾酸「台灣太自滿」釀社區感染 澳專家看防疫資料讚：了不起</t>
  </si>
  <si>
    <t>「新冠狀肺炎COVID-19」疫情延燒讓全球至少150國出現確診案例搞的人心惶惶但對於病毒究竟起源自何處至今說法眾說紛紜。但近期有美國的研究所協同多個國家進行研究武漢肺炎病毒株的基因序後發現這種病毒並非屬於人造病毒且可能有2種自然演化的「假設」。
據美國「斯克裡普斯研究所」（Scripps Research Institute）發表於《自然醫學》期刊(《Nature Medicine》)的共同研究論文可能推翻「人為製造」的陰謀論說法。
該研究團隊為探索新型冠狀病毒的起源與演化方式在實驗室分析病毒株基因序發現該病毒是世界上第7種影響人類的冠狀病毒並發現該病毒具有兩類特徵包括「突刺蛋白RBD突變」及「獨特的骨架」。研究論文判斷起源追朔已可清楚的顯現基本『可排除掉實驗室人為製造出病毒』的說法斷定該病毒「非人為製造、操縱」。
「斯克裡普斯研究所」免疫學和微生物學副教授Kristian Andersen博士指出「通過比較已知冠狀病毒株的可用基因組序列資料我們可以堅定地確定SARS-CoV-2來自自然過程」。
該實驗室同時也提出「新冠病毒起源論」的2種合理假說。第一是新冠病毒在動物宿主身上產生並經過「天擇」自然演化而來之後再透過多種途徑傳染給人類。第二則是動物身上有另外一種「非致病性」的病毒在傳染給人類以後經突變演化為在全球爆發的新型冠狀病毒。
據公開資料顯示斯克裡普斯研究所（英文：The Scripps Research Institute縮寫TSRI）是世界著名的綜合性醫學研究及教育機構也是世界上最大的私立非營利性生物醫學研究機構之一。總部位於美國加州聖地牙哥市研究人員包括3000餘名科學家、研究人員誕生過包含諾貝爾醫學獎得主 布魯斯·比尤特勒（Bruce Alan Beutler)在內的醫學、化學獎得主。</t>
  </si>
  <si>
    <t>新冠疫情衝擊全球醫護人員堅守第一線不僅辛苦且需承擔巨大風險。日本厚生勞動省24日宣佈將向每名醫護人員發放最高20萬日圓（約新台幣55萬元）慰勞金；在加護病房照顧重症患者的人員薪資可能增至目前的3倍。
日本放送協會（NHK）報導針對負責診療新冠肺炎患者的醫護人員以及長者照護設施員工朝野都同意應給予適當慰勞津貼。厚勞省計畫發給醫師與護理師每人20萬日圓未實際收治患者、但保留專用病床的醫療機構每人可獲10萬日圓（約新台幣28萬元）。
至於老人照護設施員工政府也將發放慰勞金但具體金額尚不清楚。為確保必要防疫人力厚勞省也在討論可能將加護病房醫護人員薪酬一口氣提高至現行平均的3倍。
現在日本新冠疫情明顯趨緩迄今除東京都、神奈川縣、千葉縣、埼玉縣、北海道等地其他地區的緊急狀態令皆已解除。日媒報導只要今日召開的專家會議同意政府最快當天就會宣佈全日本正式解封讓民眾逐步回歸正常生活。
東京解封後全日本經濟活動將分3階段重新啟動：各級學校將率先復課接著體育比賽將閉門復賽最後就是餐廳等公共場所重新開放。
此外據《共同社》23日引述外交人士消息透露日本首相安倍晉三有意赴美參加預訂近期在大衛營登場的G7峰會本次峰會將探討疫情緩解後的全球經濟復甦應對措施並聚焦藥物與疫苗研發合作以為第2波疫情來襲預做準備。日美雙方正商討舉行雙邊領導人會談的可能性。
《NHK》公佈最新統計資料日本全境確診人數達到1萬7281例（含鑽石公主號郵輪712例）、死亡人數則為838人（含鑽石公主號13例）。</t>
  </si>
  <si>
    <t>AZ真的白打了？醫列資料打臉 若擔心就快做1件事</t>
  </si>
  <si>
    <t>az 真 的 白打 了 醫 列 資料 打 臉 若 擔心 就 快 做 1 件 事</t>
  </si>
  <si>
    <t>擔心資料白打az</t>
  </si>
  <si>
    <t>新冠肺炎在亞洲各地引發擔憂自上周起大陸境外病例急增之後全球市場瞬間墜入悲觀氣氛由美股帶頭下挫據統計美股基金單週淨流出1774億美元居全球之冠連帶也讓今年以來備受看好的全球新興市場股票在上周淨流出1527億美元。至於原本景氣動能偏弱的歐股基金再度流出2078億美元。
摩根投信環球市場策略師林雅慧指出新冠肺炎對全球市場的影響從原本的「亞洲憂慮、歐美淡定」的情況正式演變成全球都發燒憂慮的階段。這當中的關鍵除了南韓與日本疫情擴大恐導致全球科技供應鏈恐中斷外義大利與伊朗新增病例的升溫也讓市場擔憂疫情擴散恐衝擊到全球今年的經濟發展。
林雅慧表示全球股市在2019年出現優於預期的強漲後市場在今年就會比較嚴格檢視企業的實際獲利；如今隨著新冠肺炎對全球經濟的衝擊正式擴大獲利了結的動能自然也比預期中激烈所以本益比偏高的美股也在上周出現了10％的修正。
韓國疫情的加劇也讓全球對科技產品供應鏈中斷的擔憂持續擴大日本國內對疫情擴大的擔憂更進一步反應在今年夏季東京奧運是否延期；加上大陸2月製造業PMI指數創下歷史新低紀錄的357顯示對疫情的憂慮；但隨著大陸境內疫情獲得控制三月份復工的狀況若加速製造業PMI資料也可望恢復全球供應鏈中斷的疑慮也可望因此減輕。
凱基收益成長多重資產基金經理人李奇潭表示依目前美國通膨仍未達2％目標且疫情對經濟的不確定性來襲下美國聯準會（Fed）今年可能至少降息1至2碼因應 而目前仍需觀察大陸復工狀況及復工後是否有第二波感染情況若全球疫情可望在第二季受到控制且大陸未發生第二波感染經濟資料有機會在第二季逐步止穩並在第三季逐步回升預期利率仍將緩步墊高。但在目前市場波動加大下看好擁有多元收益來源的多重資產基金抗跌穩健。
群益美國新創亮點基金經理人徐煒庠表示短期來看在市場投資情緒謹慎之下美股料維持震盪格局不過整體來看儘管疫情蔓延使得股市上演大逃殺戲碼但由於此為非經濟因素所導致的跌勢因此全球經濟可望在短期修正後重回復甦軌道。
再者全球主要央行仍維持相對寬鬆的貨幣政策立場同時VIX指數於先前盤中已接近50高點短線恐慌程度似已滿足而從評價面來看美股本益比已經跌至16～17倍位於10年均值附近表現並未偏高市場亦仍預估美國經濟於今年仍維持成長因此中長期而言美股表現並未看淡。</t>
  </si>
  <si>
    <t>新冠肺炎 在 亞洲 各地 引發 擔憂 自 上周 起 大陸 境外 病例 急 增 之後 全球 市場 瞬間 墜入 悲觀 氣氛 由 美 股 帶頭 下挫 據 統計 美 股 基金 單周淨 流出 1774億 美元 居 全球 之 冠 連帶 也 讓 今年以來 備受 看好 的 全球 新興 市場 股票 在 上周 淨 流出 1527億 美元 至於 原本 景氣 動能 偏 弱 的 歐 股 基金 再度 流出 2078億 美元 摩根 投 信 環球 市場 策略師 林雅慧 指出 新冠肺炎 對 全球 市場 的 影響 從 原本 的 亞洲 憂慮 歐美淡 定 的 情況 正式 演變成 全球 都 發燒 憂慮 的 階段 這 當中 的 關鍵 除了 南韓 與 日本 疫情 擴大 恐 導致 全球 科技 供應 鏈 恐 中斷 外 義 大利 與 伊朗 新增 病例 的 升溫 也 讓 市場 擔憂 疫情 擴散 恐 衝擊 到 全球 今年 的 經濟 發展 林雅慧 表示 全球股市 在 2019 年 出現 優於 預期 的 強漲 後 市場 在 今年 就 會 比較 嚴格 檢 視 企業 的 實際 獲利 如今 隨 著 新冠肺炎 對 全球 經濟 的 沖擊 正式 擴大 獲利 了結 的 動能 自然 也 比 預 期中 激烈 所以 本益比 偏 高 的 美 股 也 在 上周 出現 了 10 的 修正 韓國 疫情 的 加劇 也 讓 全球 對 科技 產品 供應 鏈 中斷 的 擔憂 持續 擴大 日本 國內 對 疫情 擴大 的 擔憂 更進一步 反應 在 今年 夏季 東京 奧運 是否 延期 加上 大陸 2 月 製造業 pmi 指數 創下 歷史 新低 紀錄 的 357 顯示 對 疫情 的 憂慮 但 隨 著 大陸 境內 疫情 獲得 控制 三月 份 復工 的 狀況 若 加速 製造業 pmi 資料 也 可望 恢復 全球 供應 鏈 中斷 的 疑慮 也 可望 因此 減輕 凱基 收益 成長 多重 資產 基 金經理 人 李奇潭 表示 依 目前 美國 通 膨 仍未 達 2 目標 且 疫情 對 經濟 的 不 確定性 來 襲下 美國 聯 准會 fed 今年 可能 至少 降息 1 至 2 碼 因應 而 目前 仍 需 觀察 大陸 復工 狀況 及 復工 後 是否 有 第二 波 感染 情況 若 全球 疫情 可望 在 第二 季 受到 控制 且 大陸 未 發生 第二 波 感染 經濟 資料 有 機會 在 第二 季 逐步 止 穩 並 在 第 三 季 逐步 回升 預期 利率 仍 將 緩步 墊 高 但 在 目前 市場 波動 加大 下 看好 擁有 多元 收益 來源 的 多重 資產 基金 抗跌 穩健 群 益 美國 新創 亮點 基金 經理 人 徐煒 庠 表示 短期 來 看 在 市場 投資 情緒 謹慎 之下 美 股 料 維持 震盪 格局 不過 整體 來看 儘管 疫情 蔓延 使得 股市 上演 大逃殺 戲碼 但 由於 此為 非經濟 因素 所 導致 的 跌勢 因此 全球 經濟 可望 在 短期 修正 後 重 回 復蘇 軌道 再者 全球 主要 央行 仍 維持 相對 寬鬆 的 貨幣政策 立場 同時 vix 指數 於 先前 盤中 已 接近 50 高點 短線 恐慌 程度 似 已 滿足 而 從 評價 面 來看 美 股本 益 比 已經 跌 至 16 17 倍 位於 10 年均值 附近 表現 並未 偏 高 市場 亦 仍 預估 美國 經濟 於 今年 仍 維持 成長 因此 中長期 而言 美 股 表現 並未 看淡</t>
  </si>
  <si>
    <t>科技部南科管理局針對新冠肺炎後疫情時代超前佈署打造精準健康產業鏈 並配合政府六大核心戰略產業之「生物及醫療科技產業」展現階段性成果。展示成果包括目前最受矚目的 COVID-19 核酸檢測試劑（泉沂）、全球唯二的自主研發小切口無角膜瓣飛雷屈光手術儀之設備（艾克夏）、以及AI深度學習技術輔助癌症篩檢產品（柏瑞醫）、電腦輔助術前計劃系統（巧醫）、心臟幹細胞製劑及腦血管幹細胞製劑（鴻曜）、骨科及顱顏口腔手術導引系統（醫百）、植牙導航定位系統（台灣植體）、智慧影像分析系統及自動光學檢測系統（思創）、體外脫針漏血警示系統（翔安）、生理監測儀（雲醫）等成果展示向各界宣示打擊新冠肺炎及守護國人健康。
南科管理局表示在後疫情時代民眾更需要精準健康產業全方位準確的照護包含「精準診斷、治療、照護與預防」四面向。以疫情為例從預防性的新興疫苗研發到感染症狀診斷篩選抗體與藥物配戴特定設備做智慧防疫、使用物聯網做遠距照護都是精準健康產業範圍。而南科生醫聚落發展至今從傳產轉型至生產高階醫療器材已歷經十年歲月無論是頂尖技術開發、國際市場拓銷、新南向及新創引進等推動南科管理局都扮演重要推手並盡全力扶持。
科技部透過跨域跨部會的整合方式規劃「臺灣精準健康戰略產業發展方案」南科依循科技部政策方向結合園區內既有ICT資通訊與BIO生醫兩大產業優勢導入AI人工智慧及大資料資料庫應用於精確檢測技術及設備、個人化醫療等期望從智慧健康、智慧醫療及智慧照護等三方向發展精準健康新興產業守護全民健康福祉。
南科生醫產業聚落陣容堅強完整目前共計有近80家廠商為國內最重要的生醫聚落之一無論是面對後疫情時代抑或是未來精準健康與智慧醫療來臨將持續結合國內ICT與國外資金技術藉由卓越的研發量能與高端技術投入智慧生醫之研發發展醫學檢測、精準醫療等擴大業務版圖促升產值展現南科生醫產業的實力。</t>
  </si>
  <si>
    <t>台中28日本土零確診境外移入1例（案15726）為一名64歲的印尼台商在印尼確診後搭醫療專機返台治療目前收治在北部一家負壓隔離病房。市長盧秀燕表示統計至今日上午全市施打第一劑人數已正式「突破80萬大關」而台中疫苗總剩餘率1554％。
衛生局長曾梓展表示該名境外移入個案是一名長期於印尼工作的台商屬境外即確診7月16於印尼當地確診陽性因當地醫療量能負載治療不易經衛生福利部疾病管制署7月26日依「境外確診嚴重特殊傳染性肺炎（COVID-19）國人專案返國就醫作業原則」核可後搭醫療專機於27日入境再搭乘救護車直接入住位於臺北的醫院負壓隔離病房治療。
個案搭乘醫療專機返台就醫無台中市公共場域足跡相關人員皆有適當防護設備無須匡列密切接觸者。
盧秀燕也在台中市疫情指揮中心線上記者會公佈全市施打第一劑有80萬172人已正式突破80萬大關換算下來18歲以上的「全年應施打率」是3411％全市總人口施打率是2837％另外從中央提供的資料也發現台中市的疫苗總剩餘率1554％是六都最低。</t>
  </si>
  <si>
    <t>生華科（6492）宣佈新藥CK2抑制劑Silmitasertib（CX-4945）在抗新冠肺炎的臨床進展有重大突破。全美國最大的醫療體系之一Banner Health日前主動聯繫表達運用新藥Silmitasertib在新冠肺炎患者治療上之合作意願雙方已於6日完成簽訂合作備忘錄。
生華科表示若對新冠患者具正向療效生華科將和美國FDA討論爭取緊急使用授權（EUA）並進一步討論樞紐性試驗計畫加速藥物上市。
Banner Health設立於亞利桑那州的鳳凰城是全美最大的醫療體系之一橫跨美國六大州有三個醫學中心和28家醫院共有超過5萬名醫護專業人士和員工。因疫情爆發後Banner Health體系陸續收治大量新冠肺炎患者加護病房ICU超過八成都是新冠重症患者對新穎潛力藥物可治療新冠肺炎並減緩醫護資源負荷Banner Health積極爭取合作。
生華科指出Banner Health除將盡速向FDA申請擴大取得人體臨床試驗（IND）為個別單一患者進行治療；同時也將提出由研究者發起主導的IIT臨床試驗以快速取得較具規模的人體臨床資料。
生華科總經理宋台生強調Banner Health向FDA申請擴大取得臨床試驗是病患在面臨生命威脅且無其他現行治療方案選擇下緊急使用安全性無虞已經在臨床階段之研究藥物進行治療FDA在收到申請後隨時可核准進入人體臨床這是台灣第一家生技公司的新藥最早用於治療新冠肺炎患者對公司意義重大。</t>
  </si>
  <si>
    <t>新北市確診數量今日11人重回2位數侯友宜表示這11人扣除3人是居家隔離確診6人與北農與環南市場還有北市醫療機構與職場有關另有1名是父母傳給小孩還有1人感染源不明該確診者在北市工作近日都在居家辦公會持續疫調確認感染源市府也將持續篩檢把隱形傳播鏈找到還給新市民乾淨空間。
侯友宜說今日新增11人中和4人、土城2人、永和2人、三重、新莊、五股各1人其中2人住院9人輕症或無症狀已入住集中檢疫中心。
侯友宜說這11人有3人是在解隔離前陰轉陽傳播來源清楚都在掌控中另外8人中有6人與北市有關其中北農、環南各1還有1名醫療機構照顧人員另外2個新光與誠品櫃姐與1名被公司同事傳染的同事家屬住在北市虎林街附近。
侯友宜說剩下2個其中一個是土城父母感染給孩子1名則是住在永和該名確診者在臺北市某區域工作生活單純沒有出國這段時間都家裡辦公目前正全力疫調追查感染源。
侯友宜說資料本來就會波動雙北要採區域聯防不可能新北好、臺北不好「要兩個都要好」雙北並肩作戰只要清楚穩定感染源幾乎可以掌控就能有效控制。
侯友宜說現在市場大幅篩檢目前都是陰性個案就個案解決也請市民盡快出來廣篩阻斷隱形傳播鏈很多案子都是市民主動出來篩找到的他強調社區感染不是這麼簡單只有不斷篩把隱形傳播鏈找到才能還給新北乾淨空間。</t>
  </si>
  <si>
    <t>國光生技子公司安特羅(6564)開發的Speedy新型冠狀病毒抗原快速檢驗試劑正式取得歐盟CE-IVD認證得於歐洲市場銷售將積極進軍海外市場。
國際新冠肺炎疫情持續延燒至今未減緩歐美不少國家準備啟動新一波的封鎖動作加上各國逐步調整邊境防疫標準推動檢測試劑需求大增。安特羅開發之「Speedy新型冠狀病毒抗原快速檢驗試劑」依據臨床試驗資料顯示具有高靈敏度(Sensitivity)及高度專一性(Specificity)可透過簡易的操作方式無須任何儀器設備於15分鐘內可得知結果；尤其近日英國封城三十萬人逃離倫敦導致邊境交通大亂如果能運用快篩在機場、車站等運輸據點快速檢疫可立即對於任何疑似新冠肺炎感染者提供初步、快速之判斷依據將有助於兼顧邊境防疫及民眾交通。
安特羅已規劃向食品藥物管理署(TFDA)提出國內專案製造與美國EUA(緊急使用授權)申請目標瞄準國際市場。</t>
  </si>
  <si>
    <t>因伊朗、南韓與義大利疫情急速升高美國聯邦疾病管制與預防中心（CDC）週二告訴美國民眾應開始為新型冠狀病毒疫情的境內傳播預做準備。
新冠肺炎將打擊全球成長的擔憂使金融市場陷入劇烈震盪週二美股爆量重挫道瓊指數與標普500指數連兩日跌逾3%。
截至週二為止伊朗的新冠肺炎死亡病例增至16人成為中國境外確診死亡人數最多的國家。義大利的確診死亡病例達到11人。目前全球約30個國家與地區已經遭到病毒入侵中國境外的確診死亡病例已經超過40人。
稍早前瑞士宣佈首例確診南韓則宣佈確診人數突破千例達到1146人。世界衛生組織（WHO）官員表示伊朗、義大利與南韓的疫情急速惡化特別令人擔憂。
這個去年年底起源於中國武漢市的傳染病在中國全境的確診病例數達到77755例死亡人數達2665人全球確診病例突破8萬人累計死亡人數超過2700人然而WHO卻表示自2月2日起疫情已經持續減緩。
美國CDC官員Nancy Messonnier博士週二表示過去一周的病毒擴散資料已經使CDC對於美國境內傳播的預期升高她並警告「可能嚴重打亂日常生活」。
另一名CDC官員Anne Schuchat博士表示現在已不再是病毒是否將變成全球大流行的傳染病而是何時與多少人會遭到感染。</t>
  </si>
  <si>
    <t>新冠肺炎（COVID-19）全球疫情急速蔓延許多國家確診數字呈現值限上升狀態我國疫情雖稍有增長但相較之下病情控管相對樂觀且處於穩定可控。有民眾就質疑我新冠肺炎確診數恐有做假之嫌學他國做法一旦疫情無法控制就使出「蓋牌」。馬上激起熱烈討論但一位超專業網友超中肯點出臺灣的生態直言「絕對不可能」！
有位網友在PTT上發文表示「外國人都不懷疑台灣資料？」直言台灣目前新冠肺炎確診數相較於日韓兩國實在是有夠低。可是我國日韓遊客這麼多對照南韓旅遊疫情已被升為第三級警戒對於他國來說不會懷疑台灣政府根本在「蓋牌」嗎？
這開始讓許多民眾內心產生問號畢竟目前尚有未知感染源未找到目前台灣的氣氛也是瀰漫著一股疫情已蔓延開的味道或許真正疫情並非目前所說。不過一位網友霸氣點出「台灣絕對不可能蓋牌」的真相。他強調不僅目前的「生態」不允許何況台灣還有一項「法寶」讓民趨之若鶩讓疫情絕無法在我國隱匿。
這位網友指出會認為台灣有蓋牌的人一定不懂「台灣醫療環境和現實」。表示這跟台灣人的習性大有關聯「台灣只有一個問題就是太多人稍微咳個兩下就開始疑神疑鬼然後上網去查越查越覺得自己症狀很像。」尤其台灣健保又被瘋狂濫用民眾早已養成有小病就去看醫生的習慣所以該網友相信台灣人只要一驚覺自己真的有武漢肺炎症狀「絕對1922就給他直接打下去」。
另外在台灣要隱匿疫情談何容易？只要民眾真的有發燒等症狀跟有國外旅遊史通報1922要不被檢驗更困難。若真的出現「不給驗」的情形最愛八卦的台灣人絕對會找媒體爆料誰不想搶到最新獨家？
綜合網友舉例他認為台灣人愛看醫生又貪生怕死所以多數人防疫意識強烈；民眾對於大小事都愛到處爆料媒體也恨不得趕快多一點確診病例可報。雖然這些都是大家都知道的事實「但剛好這都有助於防疫」。
看完這位神人血淋淋典出臺灣生態其他網友不禁佩服他講得實在太中肯！很難相信義情能夠隱匿的住了。「中肯健保造就台灣人高防疫標準」、「健保看病不貴怕死、愛聊八卦真的有利防疫」、「中肯台灣健保真是國寶要珍惜！」、「膽小怕死和健保好用的確是防疫秒招」。</t>
  </si>
  <si>
    <t>7月進入最後一周也將是這個夏季最具關鍵性的一周包括蘋果公司在內今年帶領美股從3月穀底一路反攻的科技股巨星將於本周公佈財報聯準會（Fed）本周召開為期兩天的貨幣政策會議美國國會將為新冠肺炎疫情衝擊提出新一輪紓困振興方案美國科技巨頭領導人將赴國會就反托拉斯爭議發表證詞以及美國將公佈第二季國內生產毛額(GDP)初值都將使美股面臨風起雲湧的一周。
此外在中國下令美國駐成都總領事館關閉與停止一切運作以反制美國下令關閉中國駐休士頓總領事館後美中緊張局勢的後續發展也將影響美股走勢。
蘋果、亞馬遜、臉書、穀歌母公司Alphabet本周將揭曉上季營運成績被視為是驗證那斯達克當前估值的試金石。
上周道瓊指數收跌08%標普500指數收低03%那斯達克指數近來屢創新高雖然上周收跌13%為連續第二周收黑但今年以來仍漲逾15%相較之下標普500指數今年以來跌約05%。
標普500指數成分股第二季獲利估下滑略逾40%科技股獲利估僅小減44%是歷來最輕微的獲利衰退之一。而已經發布財報的上市公司中約八成企業的營運表現優於市場預期這比例遠高於1994年來的平均值(約65%)。
分析師表示其實企業整體獲利表現還算不錯而美股當前的問題在於估值太高。有些股票以股價淨值比(P /B Ratio)來看似乎很便宜但這些公司的獲利受疫情重創在全球及美國疫情持續急升之際某些零售商與航空業正面臨著復甦遙遙無期的擔憂。
在蘋果即將發布第三財季財報前其上週五股價小跌025%收在37046美元但盤中一度大跌4%主要因Wolfe Research分析師Jeff Kvaal將其股票評級調降至「不如大盤」（underperform）並給出315美元目標價稱蘋果基本面恐無法支撐如過去幾個月般的升勢。此外該投銀不認為蘋果將出現5G超級週期這是帶動蘋果股價從3月低點大漲逾60%的主要題材。根據FactSet調查市場預期蘋果第三財季營收年減近4%約為5176億美元每股盈餘估將從218美元下滑至202美元。
美國國會參議院共和黨團將公佈新一輪紓困振興法案的細節在美國的新冠肺炎確診數不斷激升且上周初次請領失業給付人數於4個月來首見反彈之際料將成為美國經濟復甦成敗的關鍵。
上週五美國的新冠肺炎確診數單日就增加至少68800人主要仍因亞利桑那州、加州、佛羅裡達州與德州的感染激增目前美國累計確診數已突破400萬人而截至上週五美國的新冠肺炎死亡人數已連續4天超過1000人。
美國財政部長穆努欽週六在國會大廈召開記者會宣佈共和黨團準備在週一提出新一輪新冠援助法案。他表示政府準備加快速度他與白宮幕僚長米道斯已經和共和黨團協商及微調該1兆美元的法案對於共和黨版本的新紓困案川普總統將絕對給予支持。穆努欽並表示延長即將到期的加發失業救濟金措施是川普總統的首要之務不過給付金額將大幅調降他稱每週額外加發600美元失業給付「太荒謬」不利於人們重返就業此外他承諾將於8月推出新一輪的1200美元振興支票方案。這項措施周日亦獲白宮經濟顧問庫德洛證實。
聯準會本周召開政策會議市場普遍預期該美國央行將按兵不動並重申將繼續盡一切所能為美國經濟提供援助。聯準會將再度討論保持超低利率的新策略其一為前瞻指引政策聯準會可藉此更加明確引導市場預期另外聯準會將購買定向國庫券以控制特定利率。
亞馬遜執行長貝佐斯、蘋果執行長庫克、 Alphabet執行長皮采與臉書執行長祖克柏將於7月29日週三出席眾議院司法反托拉斯小組委員會就這些重量級科技公司在競爭與市場方面的主導地位及影響展開攻防之後該委員會的國會議員料將發布相關報告並提出新的反壟斷規定。該報告原定於4月公佈但受到新冠肺炎疫情影響而延宕至今。
美國本周將公佈第二季GDP的第一次統計資料將揭露當時美國緊急實施封鎖措施以防止新冠肺炎疫情快速擴散對其經濟造成的衝擊程度經濟學家預期美國上季GDP萎縮約35%第三季可望重拾成長但反彈強度將取決於國會提供的激勵力道以及新冠肺炎疫情持續給企業與經濟活動造成多大的衝擊。美國約3000萬名失業者每週可額外收取600美元失業給付的紓困措施將於7月31日落日該措施被視為是新一輪振興方案裡最重要的部分。經濟學家認為美國國會不太可能趕在該措施到期前通過新法案且在經過多次妥協後給付金額也可能直接砍半。</t>
  </si>
  <si>
    <t>測試大廠京元電（2449）受惠於新冠肺炎疫情帶動的伺服器、筆電及平板等相關晶片需求湧現醫療相關晶片測試急單大增加上中國5G基地台及WiFi 6等新基建相關晶片測試訂單續強帶動4月合併營收衝上2585億元連續兩個月創下單月營收歷史新高。法人看好京元電第二季營收將逐月創下新高季度營收及獲利可望同步改寫新高紀錄。
京元電公告4月合併營收月增38％達2585億元創下單月營收歷史新高與去年同期相較成長346％。累計前四個月合併營收達9586億元較去年同期成長335％為歷年同期歷史新高表現優於市場預期。
新冠肺炎疫情帶動在家遠距工作及遠距教學雲端運算及資料中心需求強勁帶動伺服器、筆電及平板、遊戲機、WiFi裝置等銷售動能優於預期其中包括WiFi 5/6無線網路晶片、高速乙太網路晶片、可程式邏輯閘陣列（FPGA）及高效能運算（HPC）處理器、高速傳輸介面控制IC等出貨暢旺京元電第二季測試接單續強。另外疫情帶動醫療相關微控制器（MCU）出貨飆升京元電承接測試代工直接受惠。
新冠肺炎疫情雖影響智慧型手機出貨但蘋果推出的低價iPhone SE銷售動能優於預期搭載的英特爾4G資料機晶片由京元電代工測試。此外包括高通、聯發科、華為海思等的5G資料機或系統單晶片（SoC）出貨持續拉升測試時間較4G手機晶片拉長兩～三倍有助於京元電營收及毛利率成長。
中國全力建置5G網絡華為及中興擴大5G基地台出貨相關晶片測試訂單對京元電營運有明顯助益。而美國有意增加對華為海思的貿易限制華為海思第二季擴大對晶圓代工廠及封測廠釋出代工訂單京元電是華為海思最大的測試代工廠亦是推升4月營收續創歷史新高的主因之一。
法人表示全球新冠肺炎疫情蔓延對下半年的半導體市場需求可能造成影響市場能見度不高但第二季半導體生產鏈仍正常運作京元電未看到客戶有砍單動作反而因疫情蔓延而有加單情況。
法人預估京元電第二季營收可望逐月成長季度合併營收將站上75億元並創下歷史新高。京元電不評論法人預估財務數字。</t>
  </si>
  <si>
    <t>儘管紐約州新冠肺炎死亡人數已破萬但州長古莫（Andrew Cuomo）認為「最糟的已經過去」住院人數似乎進入高原期單日新增死亡人數為671名大約是一周來的最低數字。
據BBC新聞網14日報導美國東部6州州長已開始著手研擬計畫準備解除封城令新對外開放。紐約、新澤西、羅德島、康乃狄克德拉瓦與賓州都承諾會採取極為慎重的方式但並未提出時間表。而麻州州長貝克（Charlie Baker）稍後也宣佈加入這重新開放的行列。
另一方面加州華盛頓州與奧勒崗等西部3州也宣佈計畫將採用共同的方式重新開放。
這些東西岸的州有超過全美1/4人口而它們都在研議重新開放計畫。不過美國總統川普已擺明州長無權重新開放各州他強調：「美國總統才能發號施令。」
據《政治》（Politico）新聞網報導川普週一堅稱唯有他才能宣佈美國重新開放營業。「為了製造衝突和混亂有些製造假新聞的媒體說要不要開放各州是由州長而不是美國總統和聯邦政府來作決定」川普推文說「大家要徹底瞭解那是不對的。」
川普強調他的政府會和各州合作但直指身為美國總統的人才擁有一切權力而所有的州長都瞭解這點。
至今全美新冠肺炎病例已直逼60萬死亡人數也突破23萬人。而川普政府已發佈社交距離規範一直持續到4月30日至於何時才會解禁仍存在種種問題。事實上川普毫不掩飾他想要放寬限制但衛生專家警告不要太早解除感染預防措施。
川普本周可望任命包括自己女兒伊凡卡在內的專門委員會為美國重新開放提供建議。白宮發言人說：「總統想要看到經濟重新開放好讓大家恢復工作但科學資料將會驅動那些決定的時間表。」</t>
  </si>
  <si>
    <t>新冠肺炎居家防疫措施嚴重打擊加拿大就業市場加國在兩個月間流失300萬個工作機會換言之短短60天便將過去15年增加的工作全數抹去。
■Combined with the March resultsCanada has now shed more than three million jobs-the equivalent of 15 years of job gains as companies responded to myriad restrictions on business activity across the country
新冠肺炎重創加拿大就業市場加國4月流失將近200萬份工作機會加上3月的數字兩個月下來合計失去300萬份工作讓加國過去15年增加的工作機會全部化為烏有。
加拿大政府為了防止新冠肺炎疫情擴散下令關閉非必要業務造成商業活動停擺嚴重打擊經濟。
根據加拿大統計局公佈加國3月流失101萬份工作機會4月資料更躥升至199萬創下統計局自1976年開始追蹤該資料以來最慘紀錄。相較之下在爆發全球金融危機之時2009年1月加國流失的工作機會將近125萬份。
失業人口 4月大增
不過4月流失的工作數量仍低於市場預期分析師普遍預估該月資料上看400萬。BMO Economics首席經濟學家波特（Douglas Porter）指出加國超過700萬人申請緊急救濟金（CERB）讓分析師做出相當悲觀的預測。
隨著失去工作的人口暴增加拿大失業率由3月的78％躥升至4月的13％雖然低於市場預估的18％但也創下史上第二高紀錄僅次於1982年12月的131％。若是依據美國勞工部的統計方式加國4月失業率為117％低於美國同期的147％紀錄。
求職網站Indeed Canada經濟學家伯納德（Brendon Bernard）指出最新就業資料開始反映新冠肺炎如何重創加拿大勞動市場雖然4月份資料沒有市場預期得那麼糟但64％的加國成年人在一個月內失去飯碗仍是驚人的數字。
在此同時加國4月勞動參與率跌破60％降至598％創下史上最低紀錄意味著加國有超過100萬人被迫或是選擇退出勞動市場。
報告顯示4月加拿大367％的潛在勞工沒有工作或是工作時數不到以往的一半相較之下2月資料僅113％。
加國財政 陷入大衰退
4月魁北克省流失的工作機會位居加國之冠共失去821萬份工作。
加拿大統計局前經濟學家克羅斯（Philip Cross）表示「衰退」（recession）一詞已經無法用來形容加拿大目前的經濟慘狀。克羅斯目前擔任渥太華智庫資Macdonald-Laurier 資深研究員。
克羅斯警告加國無法樂觀期望經濟將出現V型復甦新冠肺炎重創勞動市場造成消費者和企業收入銳減偏偏兩者的債務負擔沉重。加拿大政府應預期經濟可能出現又長又深的緊縮將影響未來幾年的成長和生產力。
根據加拿大銀行家協會資料加國將近750萬人申請延後繳納房貸六個月約占銀行15％的房貸案件。Laurentian Bank Securities首席經濟學家拉夫爾（Sebastien Lavoie）預測加國就業市場要到2022年才能恢復2020年3月前的水準而受疫情影響最深的觀光和飯店業勞工可能面臨長期失業。</t>
  </si>
  <si>
    <t>工作肺炎工作機會經濟資料</t>
  </si>
  <si>
    <t>供應北京80%農產 新發地爆疫情6月11日以來北京發現的新增新冠肺炎確診病例活動軌跡均指向新發地農產品批發市場。新發地市場是北京最大、世界交易規模居前的專業農產品交易市場。根據其官網2019年資料新發地市</t>
  </si>
  <si>
    <t>供應北京80%農產 新發地爆疫情
6月11日以來北京發現的新增新冠肺炎確診病例活動軌跡均指向新發地農產品批發市場。新發地市場是北京最大、世界交易規模居前的專業農產品交易市場。根據其官網2019年資料新發地市場年交易量1749萬噸交易額1319億元人民幣固定攤位約2000個定點客戶4000多家。蔬菜日輸送量18萬噸果品2萬噸毛豬3000多頭羊1500多隻牛150多頭佔地面積約1680畝相當於157個足球場承擔了北京80%的農產品供應被稱為北京的「菜籃子」和「果盤子」。
美政府4月赤字 年增56倍
在稅源收縮和開支大漲的雙重擠壓下美國聯邦政府預算在4月達到7380億美元比2019年同期增長560%5月財政赤字規模約為3988億美元繼續維持高位年增92%。其中聯邦政府5月收入1740億美元比去年同期減少了25%。開支5730億美元年增30%。本財政年度至今聯邦預算赤字累計達到188兆美元。比2019財年前八個月累計赤字高出155%也已經高過2019財年全年赤字。
全球廣告支出 縮水81%
新冠肺炎疫情爆發無疑是2020年對商業活動造成最大影響的事件。疾病大流行導致主要產品部門的投資大幅削減協力廠商研究機構資料顯示今年全球廣告支出將下降81%至5630億美元。不同行業中疫情爆發前和爆發後形成鮮明對比。交通旅遊行業受到衝擊最大廣告投入由去年的年增9%大幅削減至如今的年減312%娛樂業廣告投入轉為年減287%。
淨債權34兆美元 日本蟬聯第1
日本2019年淨外部資產達到34兆美元的新高。日本佔據最大債權國的寶座已連續29年其淨外部資產約是德國的12倍是中國大陸的15倍。德國是全球第二大債權國2019年底時淨資產約27兆美元。前五大債權國（經濟體）依序為日本、德國、中國大陸、香港、台灣。
美國AI人才 27%來自中國
美國保爾森基金會（Paulson Institute）公佈調查結果。在頂級AI研究者資源方面美國大幅領先於其他國家。美國的AI相關機構聘用了全球近60%的頂級人才是排行第二名中國大陸（106%）的6倍也是第三名歐洲（102%）的6倍。但在美工作的人才來源頗值得注意美國本土研究者只佔約31%而有27%的AI研究者來自中國大陸。
台灣CPI 連跌4月
2020 年台灣5 月消費者物價指數（CPI）較上月跌01%較去年同期跌119%跌幅擴大且為連續第4個月下跌創金融海嘯以來最大跌幅。根據國際貨幣基金定義CPI連續2季下跌在技術上已達到通貨緊縮標準。但主計總處表示台灣物價並未全面走跌尚無通縮疑慮。</t>
  </si>
  <si>
    <t>美國總統川普週三宣佈資料顯示美國已經度過新冠肺炎疫情的高峰期他將在週四的新聞發布會上宣佈重啟經濟的新準則。川普表示：「我們已經度過新增病例的高峰期這非常令人振奮」。美國疾病管制與預防中心（CDC）</t>
  </si>
  <si>
    <t>美國總統川普週三宣佈資料顯示美國已經度過新冠肺炎疫情的高峰期他將在週四的新聞發布會上宣佈重啟經濟的新準則。
川普表示：「我們已經度過新增病例的高峰期這非常令人振奮」。
美國疾病管制與預防中心（CDC）主任雷菲爾德（Robert Redfield）則表示全美有20個疫情衝擊程度較溫和的州計畫在5月1日重啟經濟CDC將為他們提供必要支援。
根據路透社統計週三美國新冠肺炎死亡病例突破3萬人一周內就增加1倍。截至週三美國的新冠狀病毒感染病例達到63萬6604人死亡病例達到3萬885人。
紐約州州長古莫（Andrew Cuomo）日前表示該州已度過最壞的情況週三他再度表示因紐約州的新冠肺炎住院人數連續第二天下降將把呼吸器分送給密西根州和馬裡蘭州。
古莫同時宣佈重啟該州經濟的計畫大綱除了將優先啟動最重要的業務外他並下令全州所有居民在無法保持社交距離規範的公共場合必須戴上口罩或者其他可掩蓋口鼻的替代品以防止交互感染。這項措施訂於3天後生效屆時可能向未遵守規定的民眾祭出罰款。</t>
  </si>
  <si>
    <t>受新冠肺炎疫情波及嘉義縣至今已有5家業者申請無薪假人數達246人行業別包括機械廠、飯店、餐廳等由於近日社會局頻頻接到業者詢問電話加上工業區早傳出不少外籍移工被要求調整工時或減班休息實際休無薪假人數恐比帳面數字還高。
嘉縣社會局透露申請無薪假原只有2家機械工廠194人至3月又新增3家業者申請共提報52人其中一家還是故宮南院的藝品店對此故宮南院特地對外澄清強調南院藝品店休無薪假的7名員工是經營禮品店的私人公司所聘雇跟南院營運無關。
申報無薪假的飯店業者指出陸客團不來已造成衝擊隨新冠肺炎疫情暴發不只旅行團大減連散客也變少光靠有限客源形同杯水車薪住房率大減為止血求生只好請員工共體時艱。
社會局指出近期確實接到不少詢問電話預期在疫情未歇前申請人數還會再攀升加上許多工廠聘用大量外籍移工近月餘陸續有外籍移工被要求多休假產業受衝擊的程度恐怕比統計資料來得嚴重。</t>
  </si>
  <si>
    <t>全球新冠疫情持續延燒據Worldmeter網站統計截至昨晚全球確診人數已突破2700萬其中逾88萬人死亡。美國海軍「雷根號」航空母艦二度傳出有官兵「中鏢」；印度則再次打破紀錄1天內新增9萬人確診最快今天就會超越巴西成為全球疫情第2慘重的國家。
美國海軍第7艦隊發言人莫姆森中校（Cmdr Reann Mommsen）5日向美軍《星條旗報》（Star &amp; Stripes）證實雷根號上有「小部分」船員於上月27日確診新冠肺炎他們隨後立即下船接受治療沒人住院此後船上也沒有其他人遭傳染。
據報導雷根號於6月出海上月22日至26日停靠關島進行休整期間官兵僅在基地指定範圍停留避免與外來人員接觸。不過重新出海翌日就發現船員確診目前尚在調查具體感染途徑。此事亦未影響雷根號的部署行動現在該艦仍在菲律賓附近巡航。今年3月母港位於日本橫須賀的雷根號也曾發現2人確診。
在亞洲地區據印度衛生部門6日上午公佈的資料過去24小時內全國新增90633名病例累計已突破411萬例。這是印度再次打破單一國家單日新增病例紀錄也是世界上第3個確診人數超過400萬的國家僅次於美國和巴西。
印尼5日則通報單日新增3128名確診患者、108人死亡累積總數達19萬665人確診7940人病歿成為東南亞地區染疫死亡人數最高的國家。
目前美國仍是全球確診及死亡病例人數最多的國家。Worldmeter網站資料顯示美國累計確診人數超過643萬其中逾19萬人死亡。隨著新學年揭開序幕全美已有1500所大學出現疫情約51萬名大學生染疫。由於抗疫需要大量資源及「銀彈」國會預算處估計本年度的累積負債將在明年達到GDP規模。在拉美疫情最嚴重的巴西則有412萬人確診、126萬人病歿。
歐洲疫情也不容樂觀。法國5日統計國內確診病例達到317706例較前日新增8550例創下該國自疫情爆發以來第2高的紀錄。德國的疫情也自7月底出現反彈單日新增確診人數多日都保持在1000人以上至6日已累計251056人確診、9401人身亡。</t>
  </si>
  <si>
    <t>新冠變異株Omicron入侵多國莫德納執行長昨（30）日預期疫苗效力下降、而且「不會好到哪裡」引發市場恐慌不過同一時間以色列衛生部長卻表示現有疫苗對Omicron有效以色列媒體公開的初步資料也顯示輝瑞/BNT疫</t>
  </si>
  <si>
    <t>新冠變異株Omicron入侵多國莫德納執行長昨（30）日預期疫苗效力下降、而且「不會好到哪裡」引發市場恐慌不過同一時間以色列衛生部長卻表示現有疫苗對Omicron有效以色列媒體公開的初步資料也顯示輝瑞/BNT疫苗預防感染Omicron的保護力達90%。
綜合英國《衛報》（The Guardian）、《耶路撒冷郵報》（The Jerusalem Post）報導衛生部長霍洛維茲（Nitzan Horowitz）昨日表示初步跡象顯示6個月內完整接種過新冠疫苗的人或者已經追打加強針的民眾將免於受到Omicron感染。
霍洛維茲說：「接下來幾天我們將會有關於疫苗對抗Omicron有效性的更準確資訊但目前已經有樂觀的空間而且初步跡象顯示已經接種過疫苗的人仍然有效或者接種過加強針的人能夠受到保護。」
霍洛維茲補充說：「現在疫苗真的非常重要任何沒有打疫苗的人接觸到這隻變異株都將讓自己陷入不必要的風險。」
週二晚間以色列第12頻道電視台（Channel 12 TV）報導BNT疫苗對抗Omicron的最初保護力資料指出BNT疫苗避免民眾感染Omicron的保護力達90%對抗Delta的保護力為95%保護效力較對抗Delta稍微下降。
對於已經接種第3劑加強針的人避免重症的保護力達93%。
報導指出Omicron的傳染力較Delta高約高出13倍。
關於未接種疫苗的民眾感染Omicron後變成重症的機率高出24倍。
以色列衛生部發言人表示尚未收到第12頻道電視台公佈的疫苗保護力資料；另外南非也將和以色列分享疫苗對抗Omicron保護力的初步資料。
以色列衛生部公衛司司長歐若普瑞斯（Sharon Alroy-Preis）昨日表示目前以色列最關切的是Omicron在南非的傳播速度非常快10天內每日新增病例就從200例激增至2000例不過已經接種過疫苗的患者症狀都屬輕症她也強調目前都只是初步資訊。
Israeli Health Minister Nitzan Horowitz says that early data shows that those who have three doses of the Pfizer COVID vaccine are well protected against the new Omicron variant https://tco/fy3ydZ7EUL
以色列昨日新增4例Omicron確診其中2名患者為心臟病專家當中1人近期剛從倫敦開會返國官方表示2人都接種過3劑BNT疫苗不過症狀都「非常輕微」。</t>
  </si>
  <si>
    <t>國際股市恐慌賣壓未歇拖累台股連五日回檔波段下跌1562點法人指出隨著疫情持續升溫目前已有多國實施關閉實體店面市場擔憂歐美感染人數爆發對終端消費影響將逐步顯現操作上建議聚焦有業績支撐營運展望維持正向的個股具任天堂、TWS出貨題材加持的原相（3227）及可望受惠陸5G基建的泰碩（3338）值得關注。
新冠肺炎疫情爆發使得「宅經濟」消費大增Switch遊戲機熱銷任天堂股價逆勢大漲市場預期台系供應鏈可望沾光其中原相提供感測器出貨挹注營運動能另TWS也是公司業績一大成長來源中長線拉貨力道可期首季營收估將築底向上。
法人表示就股價而言原相近期受新冠肺炎影響首季訂單與展望衝擊已有過度反應跡象超跌後的投資價值浮現且在TWS和CIS等產品皆有更進一步突破之下預估公司今年營收仍將維持雙位數成長；原相17日小跌05元收在1445元投信連兩日加碼表現抗跌。
泰碩為中國大陸通訊設備大廠的AAU關鍵散熱件主力供應商法人預期客戶將於今年大量建置基站雖然第一季受新冠肺炎疫情衝擊影響試產進度不過先前中國政策會議上指出將加快5G網絡、資料中心等新型基礎設施建設進度有利泰碩全年5G業務成長保持樂觀看法。</t>
  </si>
  <si>
    <t>食品藥物管理署昨日宣佈首批高端疫苗共265萬劑已完成審查檢驗並核發封緘證明書消息一出引發討論。一名網友發現衛生福利部疾病管制署官網的疫苗簡介高端也悄悄上線。
原PO昨（2）日於PTT八卦板爆卦指出進入衛福部疾管署點選「COVID-19疫苗」中的疫苗簡介後發現除了原本的AZ、輝瑞／BNT及莫德納疫苗簡介外最下方新增了高端新冠肺炎疫苗簡介中寫著小於千分之一的罕見副作用為顏面神經麻痺、眼壓過高且最關鍵的保護力連幾%都沒標示令他忍不住大酸「想打高端快登記把國際疫苗留給我們」。
根據疾管署的資料顯示高端一共列舉9項副作用包括注射部位疼痛／壓痛、肌肉痛、頭痛、腹瀉、注射部位腫脹／硬結、噁心／嘔吐、注射部位泛紅及發燒；小於千分之一的罕見不良反應更有顏面神經麻痺及眼壓過高簡介最下方更有一排字寫著在安全性追蹤期間高端新冠肺炎疫苗組有一位受試者通報出現急性周邊性顏面神經麻痺該受試者是在接種第2劑後13天發生不良反應。
另外AZ、輝瑞／BNT及莫德納3款疫苗簡介中也都清楚標示其保護力唯獨高端僅以「另依其臨床試驗結果分析顯示免疫生成性與恢復者血清中和抗體資料經與國外獲得EUA疫苗所產生的保護力關聯指標比對亦符於保護力標準。」
貼文曝光後引發網友熱議「連保護力幾%都沒寫」、「沒三期不敢寫保護力啦！寫了真的詐騙」、「二期才做那麼一點也敢說小於千分之一」、「感覺連安全性的優勢也沒了」、「顏面神經麻痺看起來像中風」、「不是號稱沒有副作用結果列的項目比他牌還多」、「做三期怎麼知道副作用小於千分之一」、「高端沒副作用都是騙人的我朋友參加測試結果燒了兩天全身酸痛」、「全民公測疫苗上線囉」等。
★《中時新聞網》提醒您：因應新冠肺炎疫情疾管署持續加強疫情監測與邊境管制措施 如有疑似症狀請撥打：1922專線或 0800-001922 並依指示配戴口罩儘速就醫同時主動告知醫師旅遊史及接觸史以利及時診斷及通報。</t>
  </si>
  <si>
    <t>新冠疫情重創全球各國經濟資料都大幅下挫中國大陸4月份工業品出廠價格下降降幅為4年來最大。大陸專家分析稱新冠疫情導致國內外需求都受到壓抑即便是疫情受到控制經濟活動恢復後也不會出現V型反彈國內</t>
  </si>
  <si>
    <t>新冠疫情重創全球各國經濟資料都大幅下挫中國大陸4月份工業品出廠價格下降降幅為4年來最大。大陸專家分析稱新冠疫情導致國內外需求都受到壓抑即便是疫情受到控制經濟活動恢復後也不會出現V型反彈國內外需求受抑製造業被迫應對通縮壓力整體經濟在新冠疫情後的復甦過程將非常緩慢。
《華爾街日報》報導說大陸國家統計局12日公佈資料顯示4月份生產者價格指數(PPI)同比下降31%超過3月份15%的降幅。原油和其他大宗商品價格暴跌更加劇了批發價格指數的跌勢。
交通銀行分析師劉學智在資料公佈後表示經濟活動不會出現V型反彈從新冠疫情中恢復的過程將會非常緩慢。
劉學智補充道PPI下降的情況可能會持續下去。由於全球其他地區在努力遏制疫情並且油價繼續波動海外需求仍在惡化。
報導說很多經濟學家認為5月份批發價格將進一步下降不過大陸國內需求會出現反彈能在年底之前支持逐步復甦。
受新冠疫情影響2020年首季大陸經濟遭遇了40多年來的首次萎縮在政府推動企業復工複產並促進消費後外界密切關注的商業活動復甦目前為止仍然遜於預期。
至於大陸原計劃到2020年底將經濟規模較10年前增長一倍經濟學家表示若要實現這一目標2020年的經濟增速至少要達到55%。但對於第一季度萎縮68%的大陸經濟來說這個目標似乎遙不可及。
此外大陸4月份消費者物價指數(CPI)同比上漲33%漲幅較3月份的43%回落預計溫和的通脹形勢將給大陸央行更大空間實施刺激政策不必擔心物價漲幅因而過熱。</t>
  </si>
  <si>
    <t>(17:40更新補入HTC回應)新冠肺炎(COVID-19)疫情升溫台灣到底守不守得住這一波境外移入疫情？中央流行疫情指揮中心資訊組組長簡宏偉在今(18)日下午的疫情中心記者會中宣佈針對高科技數位元防疫讓檢疫追蹤能更精準有利邀請宏達電(HTC)、LINE 共同研發提出了「電子圍籬監控」方案。
針對為了防範疫情傳播新提出的電子圍籬監控方案簡宏偉提到是緣起於「今年大年初四(1月28日)行政院副院長陳其邁邀請國家通訊傳播委員會(NCC)、法務部、行政院資安處等局處成立了大資料小組在傳染病防治法的授權下藉由去識別化的方式善用相關資訊經由這些資訊來進行有效的高科技防疫。」主要是為了進一步掌握居家隔離以及居家檢疫民眾的情況而開發從入境起掌握民眾的情況也包含關懷、監控等功能。
根據簡宏偉說明這一套系統包含「電子入境」、「居家關懷」、「科技追蹤」等三階段。入境之際「入境檢疫系統」就會提供線上填寫旅客入境健康聲明、還有居家檢疫通知書的線上版；填寫完畢後資料會傳送至「防疫追蹤系統」整合民政、警政、衛政方面的協同合作來追蹤居家檢疫以及居家隔離的民眾。同時也提供給縣市政府將電子圍籬系統讓縣市行政主管可以知道所在地區內有多少民眾處於居家隔離或居檢疫的情況。電子圍籬系統僅檢測民眾的地理位置資訊當居家檢疫或是居家隔離民眾超出電子圍籬的範圍就會發送簡訊給警方以及民眾本人進行提醒。期待透過此系統從入境到居家監控的期間能更完整掌控這些需要檢疫、隔離民眾的情況達成有效防疫的目標。
根據簡組長說明這一套從入境起至居家科技追蹤都包含在內的系統是與宏達電、LINE 進行合作來一起開發。HTC 方面指出DeepQ 偕同衛福部資訊單位以及疾管署共同開發了一個防疫追蹤系統並且跟 LINE 合作透過聊天機器人(chatbot)讓這些民眾可以主動回報健康資訊甚至可以主動提供民眾相關防疫資訊。而 LINE 總經理陳立人則是在記者會中指出透過運用了聊天機器人的工具還有與 HTC 方面的合作期待能透過科技來協助政府的防疫工作。
不過雖然今日宣佈了電子圍籬監控方案但指揮中心並沒有宣佈上線日期僅表示會在確定之後公佈。簡宏偉說明在此系統推出之後是提供民眾另一個管道來主動回報健康相關資訊但不會完全取代原先的關懷措施。而關於本系統的相關細節還有開發工作HTC DeepQ 方面指出「HTC DeepQ配合中央流行疫情指揮中心因應全球武漢肺炎疫情之旅遊建議等級提升入境居家關懷人數增加原「疾管家」開發團隊協同衛福部和疾管署設計開發「抗疫機器人」讓居家檢疫者可以透過LINE主動回報健康狀況並第一時間取得防疫相關協助資訊HTC DeepQ希望透過智慧科技分擔第一線關懷人員的作業負擔共同防疫抗疫維護國民健康。」LINE 方面則是回應他們已積極運用平臺影響力還有對接相關工具提供防疫協助。包含LINE TODAY 武漢肺炎(又稱新冠肺炎)專區、為中央政府一二三級機關與縣市政府提供「公共服務」帳號來發佈攸關防疫、防災、民生等重大資訊；而 LINE SPOT 也對接政府的open data平臺推出「口罩地圖」LINE 將會「繼續運用各種資源與在地夥伴一起支援政府用數位能力支援防疫工作守護台灣民眾的健康安全。」</t>
  </si>
  <si>
    <t>新冠病毒肺炎正在全球迅速擴散世界各國正加速研製治療的特效藥與疫苗。據美國有線電視新聞網(CNN)報導由 IBM 集團研發、配備AI人工智慧能力的超級電腦高峰(Summit)已經分析了數千種藥品配方並辨識出其中77種可能有效的新冠病毒藥物成分。
CNN指出研發新型冠狀病毒藥物已經是現階段科學家面臨的最大挑戰而且隨著疫情快速擴大藥物研發的速度必須加快。這也是目前全球速度最快的超級電腦參與新冠病毒藥物研究最主要的目標。科學家形容說以人工智慧電腦辨識藥物功能是開發新冠病毒藥物的重要步驟有助研發對抗這種病毒的有效疫苗。
報導說配備有人工智慧的IBM Summit超級電腦模擬了數千種藥物配方分析哪些合成藥物可以有效阻止病毒感染人類細胞目前超級電腦已辨識出其中的77種這些藥物資訊也增加了新冠病毒疫苗研發的希望。
CNN表示美國橡樹嶺國家實驗室(Oak Ridge National Laboratory)的研究人員在國際化學學會開放式論文預印網(ChemRxiv)上發表了他們最新的研究成果。
IBM高峰超級電腦會是美國能源部於2014年委託IBM建造它是目前全球運行速度最快的超級電腦其主要功能是解決全世界所共同遭遇的重大問題。它有200個每秒浮點運算(petaflops)能力這意味著它的計算速度是每秒200萬億次其運算能力相當於一般筆記型電腦的100萬倍。
高峰超級電腦位於美國田納西州的橡樹嶺國家實驗室內它在先前的多項研究中已確定導致阿茲海默症的腦細胞系統模式也分析出鴉片類藥物成癮特徵的基因同時還用氣候大規模資料的模擬並預測了極端氣候的出現。</t>
  </si>
  <si>
    <t>資策會產業情報研究所（MIC）表示由於新冠肺炎疫情帶動換機潮提前預估今年全球筆電出貨將達17億台、成長達6％其中台灣筆電出貨估成長達79％雙創近5年新高。不過由於換機潮提前預估明年全球筆電出貨將衰退43％台灣出貨亦將小幅衰退。
伺服器方面資策會MIC指出5G與遠距應用成為2大成長動能資料傳輸加大將促使企業用戶與資料中心升級。隨著遠距成為常態全球伺服器今年出貨估成長29％其中台灣受惠疫情帶動產能擴大出貨估成長54％表現優於去年。
展望明年資策會MIC預期在英特爾（Intel）新品換機潮成長、5G滲透率提高對資料中心運算與儲存需求皆有利於台灣伺服器出貨。不過遠距辦公趨勢造成桌機市場需求衰弱預估明年台灣桌機出貨將小幅衰退04％。
資策會MIC資深產業顧問楊中傑表示資訊硬體產品市場的發展重點在於滿足人類工作與學習型態的改變在疫情尚未緩解、遠距辦公與遠距教學持續發展下筆電仍有成長空間將有利於商用、教育筆電廠商商用桌機市場相較起來則受較大衝擊。
生產供應鏈轉移趨勢方面資策會MIC指出供應鏈遷移將是未來10年資訊產業最重要的趨勢議題之一。依據產業發展特性思考2030年資訊系統產品區域化供應鏈的樣貌不僅產能以供應所在區域市場為主長期而言關鍵零組件廠亦將跟隨組裝廠遷移。
資策會MIC預期筆電供應鏈的組裝廠將持續移出中國大陸雖然2030年中國大陸仍是筆記型電腦製造重鎮、但比重將下滑至40％。而關鍵零組件移往東南亞機會高預估2030年東南亞組裝比重達50％台灣維持以研發為主、組裝約占5％。
資策會MIC認為桌機供應鏈在中國大陸組裝比重將逐漸減低預估2030年將僅保留組裝廠與零組件廠約2成產能。組裝將以東南亞為重心在泰國、越南與印度等地形成聚落美洲有望成長至3成、歐洲捷克與波蘭2成關鍵零組件仍以中國大陸約4成為主要基地。
伺服器方面資策會MIC預期2030年北美仍是最大市場台灣將配合北美資料中心與品牌廠擴建研發中心中國大陸亦將投入伺服器架構研發。組裝將以北美為重心中國大陸保留部份組裝廠、占比約3成東南亞與台灣則預估可成長至2成。
而隨著台灣持續擴建組裝廠資策會MIC預期關鍵零組件有望因組裝廠規模擴大而返台。關鍵零組件部分中國大陸仍占6成、為主要生產基地東南亞將成為供應其他地區的主力台灣則約占1成。
楊中傑指出廠商可及早思考10年後的供應鏈佈局但之間仍存在許多挑戰除了即將到來的美國總統大選中國大陸政府是否會製造資金流動障礙、或推出優惠留才政策都會對供應鏈去留造成關鍵影響。
楊中傑進一步指出面對紅色供應鏈崛起台廠被取代威脅不斷遷移耗資龐大、品牌廠補貼少也成為遷移阻力包含新地點的基礎建設與人力素質不佳等因素都會為供應鏈遷移增添難度與變數。</t>
  </si>
  <si>
    <t>美國新冠狀病毒感染病例數持續以驚人速度飆升美股繼上周大漲後周日夜盤美股期貨走跌。
目前道瓊指數期貨下跌266點或124%標普500指數期貨跌14%那斯達克指數期貨跌129%。
此外因新冠肺炎全球大流行疫情惡化以及沙烏地阿拉伯與俄羅斯之間的價格戰未見緩和原油期貨延續上周的疲弱走勢周日電子交易開盤重挫於美東時間下午6時13分布蘭特期油下挫71%報每桶2315美元。美國期油跌56%報每桶2034美元。
週一日股開低走低目前日經225指數下挫334%為1874266點。東證一部指數跌347%為140880點。南韓KOSPI指數目前跌272%。
根據約翰·霍普金斯大學（Johns Hopkins University）彙整的資料全球新冠狀病毒感染病例數已經超過71萬3000人美國感染人數在上周超越義大利與中國現在確診數超過13萬6000人其中近一半的患者來自紐約州超過5萬9000人遭到感染。
美國過敏與傳染病研究院主任佛奇（DrAnthony Fauci）周日接受CNN訪問時表示美國新冠肺炎感染病例可能達到數百萬人恐將造成10萬～20萬人死亡。</t>
  </si>
  <si>
    <t>新冠肺炎衝擊大陸但也催生「宅經濟」爆發成長。資料分析商統計大陸2月前兩周蘋果公司（Apple）平臺的手機應用程式（APP）周均下載量超過2億次較去年周平均值大幅成長40%。疫情也讓大陸遊戲製造商的數量激增</t>
  </si>
  <si>
    <t>新冠肺炎衝擊大陸但也催生「宅經濟」爆發成長。資料分析商統計大陸2月前兩周蘋果公司（Apple）平臺的手機應用程式（APP）周均下載量超過2億次較去年周平均值大幅成長40%。疫情也讓大陸遊戲製造商的數量激增大陸最大的手機遊戲提供商騰訊的股價創下20個月以來新高市值現已超過5000億美元。
移動資料分析平臺App Annie20日發布大陸市場行動資料的月度資料顯示從2月2日開始的一周內即新冠肺炎疫情大爆發之時中國在iOS（蘋果平臺）線上商店的APP下載量超過222億次；今年2月前兩周中國iOS的平均每週總下載量比2019年全年周平均值增加40%；2月前兩周的周下載量平均值超過2億次與1月相比增加10%。
短影片類西瓜第一
本月前兩周遊戲類最受歡迎、下載次數最多其後是教育、工具、娛樂和照片與影音類。資料顯示1月20日至2月9日即新冠肺炎疫情爆發後三周內非遊戲類下載排名前段均被短影片占據其中西瓜視頻位居第一、微視、抖音緊隨其後以10億元拿下春晚獨家互動合作的快手在此期間的下載量則位居第四。
往常春節期間遊戲下載量會在春節結束後急劇下降。不過AppAnnie分析師在報告中指出：「今年春節假期後的幾周手機應用下載量持續增加。目前數百萬職員和學生都在利用手機應用尋找替代方式來遠程恢復日常活動。」
市民生活消費改變
此外北京市委宣傳部副部長趙磊19日在記者會上表示疫情對市民生活、消費方式、消費內容產生明顯影響催生出大量線上文化消費和娛樂新業態；疫情期間網路遊戲、網路影片、數位音樂、網路教育、知識付費等新興業態使用者規模有較快增長；網遊和教育、數位音樂等廣受市民關注成為文化消費新熱點；他還說下一步將舉辦「電競北京2020」系列活動。</t>
  </si>
  <si>
    <t>新冠肺炎在大陸第一波的疫情有趨緩跡象但日、韓、義等國才剛進入疫情升溫期甚至有多國已出現首宗死亡病例。香港公衛專家指出如出現1起死亡案例代表背後有100名感染者更坦言還可能有第二波爆發疫情；疫情在技術上已算是全球大流行；大陸公衛專家最近也警告逾半患者入院時並無發燒用體溫來做判斷恐有漏網之魚。
復工復學後 可能第二波爆發
香港大學醫學院院長梁卓偉1日受訪時表示大陸新冠肺炎第一波疫情已大致得到控制不過在復工、復學後仍可能出現第二波疫情需要密切注意當前疫情走勢。他還稱雖世衛組織對外避免使用「大流行」字眼但現在全球多處都出現本土傳播「大流行」的狀況確實已經發生。
梁卓偉以「疫症冰山」形容新冠肺炎疫情意思即每一例死亡病例中可能代表死者所處地區有100名確診病例未被發現僅僅是因為目前檢疫能量的不足無法全面檢驗。他更警告目前香港疫情尚未到達最高峰因此必須做好準備、儲備口罩所有感染者都應該密切追蹤才能找到病毒源頭。
大陸衛健委專家鍾南山研究團隊針對大陸31省區市的552家醫院中分析感染新冠肺炎的1099起病例並於上月28日將報告投書國際醫學期刊《新英格蘭醫學雜誌》。該研究詳細分析病患的年齡分佈、接觸史、感染症狀以及臨床反應等指標這項報告也將作為遏止疫情擴散的重要參考。
逾半患者沒燒 量體溫恐漏判
這份研究也是首度將病例分佈含括至全大陸並且在研究中透過大資料確定新冠肺炎的致死率為14％。談及致死率低於官方資料該團隊解釋由於輕症患者並未納入該研究因此真實世界的致死率可能更低。
值得注意的是該報告資料表明逾半新冠患者在入院時未出現發燒病徵；如單以體溫監測個案可能會遺漏病徵輕微的病人。另外還有少量的患者出現消化道症狀雖這樣個案不多但此現象也提醒防疫工作還必須注意糞口傳染。</t>
  </si>
  <si>
    <t>亞系外資針對半導體產業出具最新看法認為隨著美國等解封在即液晶電視、筆記本電腦下半年需求也有減緩的聲音但資料中心重啟建設伺服器需求上升且目前IC設計廠庫存仍低點名首選個股台積電(2330)、聯發科(2454)、信驊(5274)。
亞系外資認為第二季智慧手機終端需求前景弱於預期加上液晶面板平均售價的上漲最終恐衝擊零售液晶電視的售價導致出現液晶電視、筆記本電腦下半年需求也有減緩的聲音另外因為美國疫苗注射進度順暢預計市場將重啟也恐影響到美國總體液晶電視需求但去年因為疫情導致伺服器市場基數較低隨著解封後資料中心重啟建設預計2021年伺服器市場將成長30~50%。
亞系外資認為儘管終端需求不確定性增加但預計IC設計公司不太可能針對晶圓廠削減代工訂單主要是考慮到現階段庫存水準仍然非常低根據資料顯示IC設計廠第一季總庫存天數約75天儘管相較去年第四季增長但仍低於2020年第二季的峰值86天這意味著第三季庫存仍有繼續增長的空間然而晶圓代工廠仍有調升平均價格的空間但若IC設計公司面臨晶圓平均售價大幅上漲的情況則不排除會開始削減訂單8吋晶圓第四季潛在訂單放緩的風險主要是採用大尺寸驅動器IC的液晶電視、筆記型電腦需求減弱晶圓訂單放緩或潛在削減的風險越來越大。
亞系外資針對半導體個股首選台積電、聯發科、信驊台積電繼續享有先進製程的優勢聯發科有5G的快速成長信驊則享有資料中心的重啟建設。</t>
  </si>
  <si>
    <t>亞 系 外資 針對 半導體 產業 出具 最新 看法 認為 隨 著 美國 等 解封 在即 液晶電視 筆記型電腦 下半年 需求 也 有 減緩 的 聲音 但 資料 中心 重 啟 建設 伺服器 需求 上升 且 目前 ic 設計 廠 庫存 仍 低 點名 首選 個股 台 積 電 2330 聯發 科 2454 信 驊 5274 亞 系 外資 認為 第二 季智慧 手機 終端 需求 前景 弱 於 預期 加上 液晶面板 平均 售價 的 上漲 最終 恐 衝擊 零售 液晶電視 的 售價 導致 出現 液晶電視 筆記型電腦 下半年 需求 也 有 減緩 的 聲音 另外 因為 美國 疫苗注射 進度 順暢 預計 市場 將 重 啟 也 恐 影響 到 美國 總體 液晶電視 需求 但 去年 因為 疫情 導致 伺服器 市場 基數 較 低 隨 著 解封 後 資料 中心 重 啟 建設 預計 2021 年 伺服器 市場 將 成長 30 50 亞 系 外資 認為 儘管 終端 需求 不 確定性 增加 但 預計 ic 設計 公司 不太可能 針對 晶圓廠 削減 代 工 訂單 主要 是 考慮 到 現階段 庫存 水準 仍然 非常低 根據 資料 顯示 ic 設計 廠 第一 季總 庫存 天數 約 75 天 儘管 相較 去年 第 四季 增長 但 仍 低於 2020 年 第二 季 的 峰值 86 天 這 意味著 第 三 季 庫存 仍 有 繼續 增長 的 空間 然而 晶圓 代工廠 仍 有 調升 平均價格 的 空間 但 若 ic 設計 公司 面臨 晶圓 平均 售價 大幅 上漲 的 情況 則 不 排除 會 開始 削減 訂單 8 吋 晶圓 第 四季 潛 在 訂單 放緩 的 風險 主要 是 採用 大 尺寸 驅動器 ic 的 液晶電視 筆記型電腦 需求 減弱 晶圓 訂單 放緩 或 潛在 削減 的 風險 越來越 大 亞 系 外資 針對 半 導體 個股 首選 台積電 聯發 科 信 驊 台積電 繼續 享有 先進 制程 的 優勢 聯發 科 有 5 g 的 快速 成長 信 驊 則 享有 資料 中心 的 重 啟 建設</t>
  </si>
  <si>
    <t>統振(6170)11月營收雙增順利站回3億元大關展望未來統振看好台商回流將推動外籍移工需求的人數增加趨勢明確對於統振營運將提供正面助益。
統振11月合併營收為313億元受惠於能源事業、流通事業之業績齊步成長月成長1846%、年成長101%；累計1至11月合併營收為3333億元。
統振表示今年因疫情影響幹擾整體業績表現累計今年前三季營收比重來看分別為4889%、4408%、703%其中能源事業部較去年同期成長259%主要歸功於疫情推動歐美市場的宅經濟大量需求增加尤其在雙11、雙12傳統消費購物旺季帶動下創造公司旗下3C電池封裝產品的出貨暢旺拉升電池封裝的產能利用率保持在一定的水準之上亦是統振11月單月營收能站回3億元關卡。
統振進一步表示除了能源事業部的營運表現出色外金融科技業務受惠於移工匯款業務、電信預付卡銷售等在台灣外籍移工的利基型市場中位居領先之地位在後疫情時代也為統振今年整體營運添柴加火挹注統振2020年前三季的營業毛利率較去年同期增加308個百分點、達1856%稅後每股盈餘(EPS)為123元、年增9524%。
根據勞動部最新統計資料指出2020年10月底產業及社福移工人數達7012萬人移工匯款市場規模可觀展望未來統振看好台商回流將推動外籍移工需求的人數增加趨勢明確仍積極拓展公司佈局金融科技的移工匯款業務更多市場份額一方面公司在去年底已成功申請擴大沙箱實驗之移工匯款限額與筆數限制提高至每月上限10萬元、一年匯款上限50萬元單日則維持3萬元不變創造外籍移工更便利的服務。</t>
  </si>
  <si>
    <t>中國重慶智飛生物製劑公司27日宣佈他們所研發的重組蛋白新冠肺炎疫苗經第3期臨床試驗顯示對預防新冠肺炎的保護力達8176％對Delta變種病毒株也有77％的保護力。具體實驗資料方面澎湃新聞報導公告稱智飛</t>
  </si>
  <si>
    <t>中國重慶智飛生物製劑公司27日宣佈他們所研發的重組蛋白新冠肺炎疫苗經第3期臨床試驗顯示對預防新冠肺炎的保護力達8176％對Delta變種病毒株也有77％的保護力。
具體實驗資料方面澎湃新聞報導公告稱智飛疫苗自2020年12月12日開始陸續在烏茲別克、印尼、巴基斯坦和厄瓜多等國家進行第3期臨床試驗18歲以上受試者共計2萬9000人按照0、1、2月的免疫程式共接種3劑疫苗。
截至本次資料分析日對於任何嚴重程度的新冠肺炎的保護效力為8176％達到WHO要求的新冠疫苗有效性標準。其中對於新冠肺炎重症及以上病例、死亡病例的保護效力均為100％。
安全性資料結果總體不良反應發生率疫苗組與安慰劑組無顯著差異顯示安全性良好。智飛強調他們是目前全球唯一對野生株和主要變異株完成完整第3期臨床試驗的疫苗。
對於新冠病毒變異株的保護效率此前智飛生物公司副董事長蔣淩峰公開表示「值得期待」。初步分析結果顯示對Alpha變異株的保護效力為9293％對Delta變異株的保護效力為7754％。
中國目前使用的國產新冠疫苗計有科興（Sinovac減毒疫苗）、國藥（Sinopharm減毒疫苗）、康希諾（CanSino病毒載體疫苗）等智飛是首款重組蛋白疫苗今年3月被納入緊急使用是大陸第4款獲批緊急使用的新冠病毒疫苗。截至26日全大陸累計接種疫苗20億劑次、近9億人已打完2針。</t>
  </si>
  <si>
    <t>幾個月前資本市場最關注的焦點無非是中國與美國之間的貿易摩擦。沒想到現在全球的焦點都放在新冠肺炎疫情鮮少有人會再提起中美貿易戰這個議題。
防疫講究「超前部署」那麼對於積極型與風險承受能力比較高的投資人來說是不是也該趁著資本市場大幅修正之際思考投資面的「超前部署」呢？就像投資大師巴菲特說的一樣：「眾人恐懼時我貪婪；眾人貪婪時我恐懼」。
沒有人能預測疫情何時結束也沒有人能精準判斷市場是否已經落底。但聯博在這個時候已經看到兩大長期投資機會一個在中國一個在美國。
本波疫情首先在中國爆發當然中國的資本市場也是第一個受到衝擊滬深300指數在農曆假期後的首個交易日也就是2月3日就重挫79％。但中國也首先啟動防疫措施而好消息是從官方資料來看疫情在中國有趨緩的跡象。
中國股票市場也反映了疫情的發展當全球股市自2020年2月12日高點開始下跌時中國A股反而相對抗跌2月12日至3月30日滬深300指數僅下跌78％（人民幣計價）同期間MSCI世界指數則下跌232％（美元計價）。
除了疫情轉趨和緩外從評價面來看中國A股長期投資價值的確已經浮現。以滬深300指數為例目前的預估本益比僅約104倍不但低於長期平均的132倍甚至已經低於平均值的一個標準差以下。此外聯博也預期中國政府將持續釋放刺激政策包括：持續的貨幣寬鬆、財政政策、基礎建設刺激方案及鬆綁房地產政策等。
因此此時投資人應留意一些被市場錯殺的投資機會。例如：科技族群中的5G概念股、可望受惠基礎建設刺激的工業類股例如工程機械設備商等、高品質的房地產開發商以及被疫情壓抑而正在蓄積能量的消費類股等。
除中國外另一個投資機會或許在美國。雖然美國的新冠肺炎確診人數仍在上升但救市力道比起中國有過之而無不及。首先聯準會這波的降息幅度居G20國家之冠。其次川普的2兆美元刺激方案總金額不但高過歐巴馬在2009年約8千億美元的刺激措施更占美國GDP的99％這個比例也高於所有G20國家。這些措施雖然不一定立即見效但後續威力不容小覷。
此外美國股市擁有許多創新成長企業不但在這波疫情當中突顯出優勢更有機會受惠後防疫時代的成長趨勢。這些成長型企業主要集中在科技、醫療及消費領域。例如：遠端辦公相關的科技軟體及IT服務公司、正在研發新冠肺炎藥物的生技公司以及因疫情而線上購物量大增的電商等。更不用說AI人工智慧、精準醫療及體驗消費這些相對不受疫情影響的長線趨勢。
最後二戰時領導英國的首相邱吉爾曾說過：「永遠不要浪費一場危機（Never Waste a Good Crisis）」相信這次的疫情會讓全世界學到更多經驗讓全球的醫療及公衛體系與時俱進。
與此同時我們認為市場波動仍將持續一段時間著眼短期的反彈機會可能因錯估時點而面臨損失建議投資人放眼長期投資趨勢在此波修正中伺機擇優佈局以掌握市場回歸常態後的長期投資機會。</t>
  </si>
  <si>
    <t>自 2019 年底在中國大陸武漢爆發而至今疫情持續升溫的新冠肺炎(NCP)疫情重挫全球航空、旅遊等產業；不僅如此也因為多品牌的供應鏈都位於中國大陸境內受疫情影響延後年節後復工時間牽一髮動全身影響了包含任天堂(Nintendo)Switch以及健身環周邊、蘋果 iPhone 以及 AirPods 耳機等火紅產品的供貨時程。為了能趕上預計在 2020 年上半年發表(很有可能是春季)的 iPhone SE 2 (暫定名稱也有一說是 iPhone 9)發表與出貨計畫據傳供應鏈正加緊趕工生產 iPhone SE 2。但因受疫情影響預定在下半年推出的 iPhone 12(暫定名稱)系列生產計畫也因此受到延誤很可能對於發表或上市時間帶來新挑戰。
《DigiTimes》(電子時報)報導指出因受疫情影響為了趕上發表時程蘋果供應鏈現正加緊趕工生產 iPhone SE 2。不過在 iPhone SE 2 的生產似乎逐漸上軌道之際iPhone 12 的生產計劃卻將此此受到延誤。整體而言上下半年預計發表的兩波新 iPhone生產時程延後預估都是受到新冠肺炎所影響。
報導指出因為疫情不僅中國大陸境內的許多產業受到衝擊不少品牌、國家也都限制旗下員工、該國民眾前往中國大陸出差或是拉高旅遊警示層級。其中蘋果也限制員工前往中國大陸出差。對此他們已中止派遣工程師前往中國大陸協助 iPhone 12 系列工程驗證階測試段(Engineering Validation Test EVT)的工作。因此他們預測 iPhone 12 系列很難在 6 月份投產iPhone 12 原定生產時間框架可能被迫改變讓設備供貨也比以往緊張。不過即便供貨上可能出現挑戰《DigiTimes》推測蘋果仍將按照原訂規畫在秋季發表 iPhone 12 系列。
相對於上半年將更新的 iPhone SE 2 是鎖定中階市場將以價格取勝。搭載更多新技術、更高規以往都在秋季發表的新 iPhone(iPhone 12)系列更受矚目！預計全系列搭載 A14 處理器支援 5G且可能一次推出四款機種在螢幕尺寸上有全新的選擇(54吋、61吋(兩款)、67吋)。因為重新與高通合作將採用高通供應的 5G 資料機晶片(baseband)在連網速度上的表現將比前三、四代有明顯提升。
根據外媒報導蘋果在中國大陸北京的5家 Apple Store 在 2 月 14 日起重新營業但是每日營業時間僅從 11:00 ~ 18:00其餘地區的 Apple Store(蘋果在中國大陸共有 40 家 Apple Store)並沒有宣佈何時重新開始營業。因為新冠肺炎疫情原本蘋果宣佈中國大陸境內 Apple Store 要在農曆年後 2 月 9 日重新營業目前已延後到 2 月 19 日但各地 Apple Store 重新開張的時間點仍須等候蘋果確認。而部分蘋果供應鏈也在陸續復工中。</t>
  </si>
  <si>
    <t>自 2019 年底 在 中國 大陸 武漢 爆發 而 至今 疫情 持續 升溫 的 新冠肺炎 ncp 疫情 重 挫 全球 航空 旅遊 等 產業 不僅如此 也 因為 多 品牌 的 供應 鏈 都 位於 中國 大陸 境內 受 疫情 影響 延 後年 節後 復工 時間 牽 一發 動 全身 影響 了 包含 任天堂 nintendo switch 以及 健身 環 周邊 蘋果 iphone 以及 airpods 耳機 等 火紅 產品 的 供貨 時程 為了 能 趕上 預計 在 2020 年 上半年 發表 很 有 可能 是 春季 的 iphone se 2 暫定 名稱 也 有 一 說是 iphone 9 發表 與 出 貨 計 畫 據傳 供應 鏈 正 加緊 趕 工 生產 iphone se 2 但因 受 疫情 影響 預定 在 下半年 推出 的 iphone 12 暫定 名稱 系列 生產 計畫 也 因此 受到 延誤 很 可能 對於 發表 或 上市 時間 帶來 新 挑戰 digitimes 電子 時報 報導 指出 因 受 疫情 影響 為了 趕上 發表 時程 蘋果 供應 鏈 現 正 加緊 趕 工 生產 iphone se 2 不過 在 iphone se 2 的 生產 似乎 逐漸 上軌道 之際 iphone 12 的 生產 計畫 卻 將 此 此 受到 延誤 整體而言 上 下半年 預計 發表 的 兩 波 新 iphone 生產 時程 延 後 預估 都 是 受到 新冠肺炎 所 影響 報導 指出 因為 疫情 不僅 中國 大陸 境內 的 許多 產業 受到 衝擊 不少 品牌 國家 也 都 限制 旗 下 員工 該國 民眾 前往 中國 大陸 出差 或是 拉高 旅遊 警示 層級 其中 蘋果 也 限制 員工 前往 中國 大陸 出差 對此 他們 已 中止 派遣 工程師 前往 中國 大陸 協助 iphone 12 系列 工程 驗證 階 測試 段 engineering validation test evt 的 工作 因此 他們 預測 iphone 12 系列 很 難 在 6 月份 投產 iphone 12 原定 生產 時間 框架 可能 被迫 改變 讓 設備 供貨 也 比 以往 緊張 不過 即便 供貨 上 可能 出現 挑戰 digitimes 推測 蘋果 仍 將 按照 原訂 規 畫 在 秋季 發表 iphone 12 系列 相對 於 上半年 將 更新 的 iphone se 2 是 鎖定 中 階 市場 將 以 價格 取勝 搭載 更 多 新 技術 更 高 規 以往 都 在 秋季 發表 的 新 iphone iphone 12 系列 更 受 矚目 預計 全 系列 搭載 a 14 處理器 支援 5 g 且 可能 一 次 推出 四 款 機種 在 螢 幕 尺寸 上有 全新 的 選擇 54 吋 61 吋 兩 款 67 吋 因為 重新 與 高通 合作 將 採用 高通 供應 的 5 g 資料機 晶 片 baseband 在 連網 速度 上 的 表現 將 比 前 三四 代 有 明顯 提升 根據 外 媒 報導 蘋果 在 中國 大陸 北京 的 5 家 apple store 在 2 月 14 日 起 重新 營業 但是 每日 營業時間 僅 從 11 00 18 00 其 餘 地區 的 apple store 蘋果 在 中國 大陸 共有 40 家 apple store 並 沒有 宣佈 何時 重新 開始 營業 因為 新冠肺炎 疫情 原本 蘋果 宣佈 中國 大陸 境內 apple store 要 在農曆年 後 2 月 9 日 重新 營業 目前 已 延後 到 2 月 19 日 但 各地 apple store 重新 開張 的 時間 點 仍 須 等候 蘋果 確認 而 部分 蘋果 供應 鏈 也 在 陸續 復工 中</t>
  </si>
  <si>
    <t>新冠肺炎疫情爆發過後全球近30個城市展開血清抗體篩檢彰化縣是全國第一個大規模篩檢縣府和台大公共衛生學院、彰基等合作針對確診個案及接觸者、居家檢疫、防疫人員、居家關懷、長照據點長者及工作人員等展開萬人調查作為研發疫苗和治療的參考。
臺大公衛學院院長詹長權表示全球遭受新冠肺炎病毒危害時彰化是臺灣早先接觸到病毒在衛生局團隊努力下防疫相當成功病毒何時來襲無法預測做過大規模篩檢防疫可更精準彰化Ｃ型肝炎檢測是全台第一新冠病毒檢測也跑第一彰化人為台灣人健康走在前面把資料做出來貢獻給政府。
縣長王惠美表示篩檢目的在瞭解社區新冠肺炎「過去感染」狀態評估不同暴露條件下感染風險能為新冠肺炎疫苗和治療方法提供更精準的建議。
傳染病醫療網中區指揮官黃高彬指出17年前SARS台灣死亡率211％這次降到12％仍需花時間瞭解病毒。彰化縣醫師公會理事長連哲震說彰化歷年都進行萬人健檢促使臺大公衛學院願意與彰化縣合作希望讓臺灣防疫檢測及疫苗研發成功。
彰化基督教醫院長陳穆寬說彰基實驗室及防護裝備都已備妥新冠肺炎病毒還有很多未知數希望能用最好的準備迎接病毒無法預測的挑戰。
秀傳紀念醫院院長楊基滐說期許透過血清抗體研究調查更瞭解疾病面貌讓民眾面臨疫情不再恐懼。
彰化縣衛生局簡報這次計畫由臺灣大學公衛學院提供瑞士國際大藥廠的試劑已於美國、英國、新加坡等國家大規模使用。檢驗原理 為電化學發光免疫分析與早期ELISA類似透過冷光呈色較ELISA靈敏度高。經廠商研究測試該試劑特異性為9981％、於患者 PCR確認陽性後14天靈敏度為100％。
彰化縣衛生局長葉彥伯表示將對符合此次受檢資格民眾進行通知及採檢說明確認採檢時間、地點後簽署同意書並採檢、送驗預計9月底完成。</t>
  </si>
  <si>
    <t>中央流行疫情指揮中心昨天宣佈國內新冠肺炎零確診。根據統計上次零確診發生在1月25日至今已相隔18天也是農曆牛年來第一次+0。
截至目前國內共累計937名確診案例分別是821例境外移入、77例本土病例、36例敦睦艦隊、2例航空器感染及1例比利時工程師；另1例江蘇台商（案530）移除為空號。
衛福部立桃園醫院大年初二傳來好消息！桃園市政府召開年節以來首場防疫會議衛生局長王文彥表示桃市目前仍維持3天前的確診人數但居家隔離人數則從20人降至15人是喜事一樁桃園市長鄭文燦在會上發600元小紅包勉勵春節堅守崗位的市府人員。
王文彥指出截至12日止桃園維持3天前資料共有134例確診3200例排除、97例尚待研判結果居家隔離數從20人降至15人目前追蹤除境外移入接觸者4人其餘則為案908、909、924、934的接觸者。
「防疫醫院聯防會議真的有效！」王文彥表示經確認全市各醫院狀況目前負壓病床有32個、新冠肺炎專責病房也有93個空位呼吸器則有499台未使用ICU加護病房還有112床可用桃市9家急救責任醫院也填補桃醫空缺病房數相當充足。
由於春節期間人潮出籠廟宇擠滿祈福民眾鄭文燦昨也前往中壢仁海宮、龍潭龍元宮視察防疫作為確保民眾「罩」樣參拜維持社交距離他也順道向神明祈求疫情早日退散桃園醫院能盡早真正解除危機「守住桃園等於守住台灣」。
台中市長盧秀燕關昨天也至衛生局向市民宣導防疫重點接著前往消防局119救災救護指揮中心、第六救災救護大隊暨南屯分隊並頒贈新春小紅包慰勉第一線執勤人員。她向打火兄弟深深一鞠躬感謝農曆春節期間堅守崗位守護城市安全。
新北市長侯友宜則是到九份老街視察走訪各店家確認沿街攤販、遊客是否有做戴口罩、停止試吃等防疫措施。不過臺北市長柯文哲今年因新冠肺炎疫情影響乾脆取消所有拜廟行程。</t>
  </si>
  <si>
    <t>韓國疾病管理本部週二下午宣佈新型冠狀病毒感染確診病例新增374人累計確診病例達5186例。單日新增確診病例達974人。
由於南韓境內新冠肺炎確診人數仍持續大幅增加截至週二為止全世界總計有89個國家或地區將對來自南韓的旅客實施入境禁令或祭出隔離措施。
週二上午南韓公佈新冠病毒感染確診病例新增600人累計達到4812人；確診死亡病例新增3人累計死亡病例達34人。而根據上午公佈的資料首都首爾市的確診病例接近破百已經達到98人。此外南韓軍方下午公佈另有三名軍人檢測為陽性使累計確診的士官兵人數達到31人。</t>
  </si>
  <si>
    <t>今日世界肺炎日李慶雲兒童感染暨疫苗發展醫學文教基金會攜手中華民國糖尿病學會、台灣家庭醫學醫學會、財團法人中華民國心臟基金會及財團法人腎臟病防治基金會現場共同呼籲應積極採取保護措施控制自身慢性病的同時更要主動接種肺炎鏈球菌疫苗以加強自我保護力遠離肺炎致死威脅。
全球每年肺炎會奪走250萬名生命而肺炎鏈球菌感染是肺炎最常見的致病菌！慢性病患一旦感染肺炎會增加治療難度連帶提高重症、致死風險。以糖尿病患者為例肺炎死亡的人數在近年增加5倍；心臟血管疾病患者感染肺炎鏈球菌的機率則為一般人的6倍以上；腎臟病友肺炎死亡率更較一般人高出14至16倍；更有近1／4高血壓患者因肺炎死亡顯示慢性病患者更應重視肺炎感染的危機。
新冠肺炎恐合併肺炎鏈球菌感染 多重慢性病者罹病風險增
根據美國疾病管制與預防中心最新統計新冠肺炎常合併肺炎鏈球菌感染且以高血壓(215％)糖尿病(164％)、心臟病(114％)患者為多。李慶雲兒童感染暨疫苗發展醫學文教基金會執行長呂俊毅表示肺炎鏈球菌感染是肺炎最常見的致病菌慢性病患一旦感染肺炎會增加治療難度連帶提高重症、致死風險。以糖尿病患者為例肺炎死亡的人數在近年增加5倍；心臟血管疾病患者感染肺炎鏈球菌的機率則為一般人的6倍以上；腎臟病友肺炎死亡率更較一般人高出14至16倍；更有近1／4高血壓患者因肺炎死亡顯示慢性病患者更應重視肺炎感染的危機。
為提醒慢性病患者、一般大眾提高警覺李慶雲兒童感染暨疫苗發展醫學文教基金會於世界肺炎日攜手社團法人中華民國糖尿病學會、台灣家庭醫學醫學會、財團法人中華民國心臟基金會及財團法人腎臟病防治基金會共同呼籲應積極採取保護措施在控制自身慢性病的同時更要主動接種肺炎鏈球菌疫苗以加強自我保護力遠離肺炎致死威脅。
7成肺炎患者為多重慢性疾病 罹患肺炎後重症比率高、治療棘手、器官易衰竭
肺炎已連續四年高居國人十大死因第3位每年奪走1萬5千名以上國人性命108年死亡人數更較107年增加13％感染肺炎造成的影響不容小覷。呂執行長表示慢性病患、抽菸者染病風險為一般人的3倍以上；而肺炎鏈球菌感染症患者中更高達7成同時合併兩種以上慢性病證實慢性病患者的罹病風險是遠高於想像。
呂俊毅進一步指出在台灣約5-10％成人鼻腔中帶有肺炎鏈球菌當人體免疫力低下時病菌則會從呼吸道或血液入侵引發肺炎。然而當帶菌者為慢病患者時一旦罹患肺炎病情容易快速惡化除了治療難度較高外也可能加重原先病情併發其他重症例如菌血症、多重器官衰竭等故提醒慢性病患應立刻採取行動除了接種流感疫苗外可主動與醫師討論施打肺炎鏈球菌疫苗的必要性。
糖友肺炎死亡人數增5倍 血糖控制和肺炎預防要雙管齊下
長期高血糖導致身體免疫力下降免疫細胞殺菌能力減弱使人體成為利於細菌生長繁殖的環境。社團法人中華民國糖尿病學會監事葉振聲指出糖尿病引起的各種感染疾病中有四分之一與肺炎有關近年來糖友死於肺炎的人數更增加5倍可見糖友易輕忽肺炎威脅。
葉振聲醫師解釋糖尿病患普遍有高共病特性根據2019年糖尿病年鑑糖尿病共病比例前三名為高血壓、血脂異常、心血管疾病可說是集侵襲性肺炎感染風險因數於一身且感染後更容易併發菌血症。而新冠肺炎期間美國疾病管制與預防中心也建議糖尿病患應該要主動和醫師討論及時將接種疫苗納入疾病管理的一部分加強保護。葉醫師提醒糖友務必控制好血糖、血壓、血脂保持充足睡眠並積極採取預防肺炎的措施才能降低肺炎的威脅。
心臟血管疾病染疫高6倍 對心臟損傷大 接種疫苗可降低死亡率
心、肺常有共病發生因此心臟血管病患因抵抗力和肺功能不佳感染肺炎鏈球菌的機率是一般人6倍以上。財團法人中華民國心臟基金會代表陳文鍾醫師提醒心臟血管疾病患者因血管病變導致心臟難以輸送足夠血液和養分到身體其他部位若同時肺部感染會增加心臟肌肉耗氧量容易誘發心臟衰竭。
根據研究罹患肺炎會有21％的人出現心臟衰竭10％會出現心律不整；超過50％的心臟併發發生在感染肺炎後24小時之內顯示肺炎會立即對心臟會造成極大的損傷。新冠肺炎疫情凸顯心臟血管疾病接種疫苗、預防肺部感染的必要性歐洲心臟學會年會中最新研究證實接種流感和肺炎鏈球菌疫苗可降低心衰竭患者住院死亡率。陳醫師建議心臟血管疾病患者平時除了要與醫師持續控制病情外可以主動詢問疫苗接種建議。
腎友患肺炎死亡率高16倍 恐加快洗腎機率 患者需落實疫苗評估
根據調查台灣因肺炎住院的患者中有368％為慢性腎臟病病友。財團法人腎臟病防治基金會執行長林裕峯醫師提醒感染是慢性腎臟病患、透析和腎臟移植患者發病率和死亡率的主要原因。腎臟病友罹患肺炎死亡率較一般人高14至16倍且慢性腎臟病患者一旦感染肺炎鏈球菌會提高急性腎損傷風險加快腎臟病的進程甚至有可能急需進行透析治療。
美國腎臟基金會建議腎臟疾病者應接種肺炎鏈球菌疫苗且根據研究早期慢性腎臟病患者具有較好的血清轉化率建議在透析或移植開始之前就先接種疫苗可以獲得更好的免疫保護。林執行長建議腎友須加強對於呼吸道感染的預防意識透析病患在透析前可詢問醫師進行各項疫苗接種狀態評估降低肺炎鏈球菌肺炎感染症對健康威脅。
近1／4高血壓患者因肺炎死亡 醫師 ： 有菸癮、肥胖者、健康成人都要接種疫苗
台灣家庭醫學醫學會理事長黃信彰醫師則提醒除慢性病患外高血壓、肥胖者也是肺炎高危族群。血壓升高已被證實會降低肺部功能、增加肺炎感染的風險 且研究發現248％的高血壓患者因肺炎而死亡使肺炎成為高血壓患者的重大威脅。黃理事長表示肥胖者罹患肺炎的風險為14-20倍；吸菸者感染肺炎鏈球菌機率較非吸菸者高出15倍而且一旦感染續發肺炎鏈球菌感染恐加速病程提升後續重症機率增加死亡風險。
黃信彰表示積極戒菸、控制血壓、減輕體重、減少肺炎感染為高危族群預防肺炎的首要任務但黃理事長也提醒新冠肺炎期間為減少肺炎合併感染的發生建議健康成人也要參考台灣家庭醫學醫學會所建議的「成人預防接種建議時程表」進行疫苗接種平時就可以積極預防肺炎鏈球菌感染的發生。
世界肺炎日 醫界籲慢性病患者超前部署 持續疾病控制、主動詢問疫苗接種建議
全球每年肺炎會奪走250萬名生命而今年因新冠肺炎恐會有440萬人死於肺炎感染。根據美國疾病管制與預防中心截至5月底資料顯示罹患新冠肺炎的人有32％有心血管疾病、30％有糖尿病而慢性病患住院率高出6倍死亡人數更高出12倍讓慢病病友處於極大的肺炎感染風險中。呂俊毅執行長提醒台灣慢性病及多重慢性病人口非常多慢病患者要先做好預防肺炎的準備雖然新冠肺炎尚未有疫苗可以接種但可以先接種肺炎鏈球菌疫苗進行預防根據研究顯示接種肺炎鏈球菌疫苗對降低併發肺炎鏈球菌感染具有保護作用。
呂俊毅醫師表示現今肺炎鏈球菌疫苗針對肺炎鏈球菌感染症有效率達75％且疫苗接種費用僅肺炎鏈球菌疾病治療費用的1／10建議慢性病患應積極預防肺炎的發生。醫界五大團體特別在世界肺炎日共同呼籲高危險族群除了定期回診、做好疾病管理以及接種流感疫苗外更應主動與醫師討論施打肺炎鏈球菌疫苗的必要性加強自我保護力終結肺炎的威脅！</t>
  </si>
  <si>
    <t>大陸31省市29日總計新增31例新冠肺炎確診其中30例為境外輸入新增死亡4例均在湖北。大陸國家衛健委30日資料顯示29日大陸新增確診31例中本土病例1例位於甘肅其餘30例過為境外輸入新增死亡病例4例均在湖北</t>
  </si>
  <si>
    <t>大陸31省市29日總計新增31例新冠肺炎確診其中30例為境外輸入新增死亡4例均在湖北。
大陸國家衛健委30日資料顯示29日大陸新增確診31例中本土病例1例位於甘肅其餘30例過為境外輸入新增死亡病例4例均在湖北。
截至3月29日24時大陸累計確診病例81470例累計治癒出院病例75770例累計死亡病例3304例累計追蹤到密切接觸者704190人尚在醫學觀察的密切接觸者19235人。</t>
  </si>
  <si>
    <t>日本贈送我國的124萬劑AZ疫苗開打長照機構住民、照顧者及75歲以上長者都在優先施打對象中。但AZ疫苗在歐洲屢傳血栓副作用讓許多有心血管疾病、服用抗凝血藥物的長者對接種AZ疫苗有疑慮。醫師表示有心血管疾病的族群更需要疫苗保護如果有機會打疫苗「放心打、趕快打」。
「黃教授我有在吃抗凝血藥可以打AZ疫苗嗎？」心臟血管權威、台大醫院雲林分院院長暨台大醫學院內科教授黃瑞仁近來常接到病友詢問可以打AZ疫苗嗎？「我第一句話都跟他們講放心去打能打趕快打。」高雄宇平診所院長、心臟內科醫師劉中平也曾一天遇到8個心臟病患詢問能不能打新冠肺炎疫苗他的回答都是：「當然可以。」
●心血管疾病、吃抗凝血劑及抗血小板藥物、高血壓 打AZ都沒問題
這一波本土新冠肺炎疫情高齡病患死亡率高指揮中心因而將75歲以上長者納入優先施打對象。但之前AZ疫苗在歐洲開打傳出多起血栓事件令國內不少心血管疾病患者忐忑打了AZ疫苗會不會發生血栓？
「患有心血管疾病、正在服用凝血劑或有高血壓毛病跟AZ疫苗可能發生血栓都沒有關係這些也都不是打AZ疫苗的禁忌症可以安心施打」台灣疫苗推動協會理事長、長庚兒童醫院兒童感染科教授級主治醫師黃玉成指出曾經發生血栓合併血小板低下症候群的人應該避免接種AZ疫苗「但發生血栓合併血小板低下症候群跟心血管疾病是兩回事不要把這兩個情況混在一起」像國內首例施打AZ疫苗後發生嚴重血栓的案例是一名30多歲男子本身沒有心血管疾病。
他說依據世界衛生組織（WHO）分析歐洲藥品管理局（EMA）、英國藥品暨醫療產品監管署（MHRA）以及其他國家的最新資料疫苗與血栓相關性似乎合理但尚未確認發生率約百萬分之四但接種疫苗利大於弊仍建議民眾繼續施打。
另歐盟藥管局雖將血栓列為極罕見副作用但也仍然強調疫苗對於新冠病毒感染的預防效益遠大於可能帶來的風險也建議接種。另研究也顯示新冠病毒造成罕見腦靜脈血栓CVST的機率比施打新冠疫苗高意即感染新冠病毒造成的嚴重危害更值得擔心。
●心血管疾病患者是高危險群　能打疫苗趕快打
黃瑞仁表示在一般疫苗接種建議裡本來就對心血管疾病族群尤其心肌梗塞、心房顫動的病人強烈建議接種流感疫苗跟肺炎鏈球菌疫苗以避免得到流感及感染肺炎鏈球菌時引起嚴重肺炎。而資料顯示年長且有心血管疾病或糖尿病、高血壓等慢性病患感染新冠肺炎死亡率高當然更需要接種新冠疫苗加強保護。
「有吃抗血栓藥物的病人也不必擔心打疫苗的風險」黃瑞仁說醫學上抗血栓藥物分兩種一種是抗血小板藥物常見的有伯基（成分為阿斯匹靈）、保栓通、百無凝、抑凝安等；另一種就是抗凝血劑傳統的抗凝血劑有可邁丁（又名華法林）新一代抗凝血劑台灣市面上有4種：普栓達、拜瑞妥、艾必克凝及裡先安「無論服用抗血小板藥物還是抗凝血劑注射AZ疫苗或其他新冠疫苗都沒有問題。」
●預防被無症狀感染者傳染　年紀愈大愈該施打新冠疫苗
黃瑞仁說台灣現在新冠肺炎疫情的危機在於社區中存在無症狀感染者不像得到流行性感冒會有全身倦怠無力、肌肉痠痛、發燒等明顯症狀新冠肺炎的無症狀感染者讓染疫者本身及周遭的人都無法察覺病毒就在身邊因此不只有心血管疾病的人包括糖尿病、高血壓、高膽固醇血症、肥胖、長期有在服藥控制三高（高血壓、高血糖、高血脂肪）的族群也都應該接種新冠疫苗「年紀愈大愈應該施打有機會打疫苗就趕快打」他再三強調「打任何廠牌的疫苗都沒有問題。」
黃瑞仁指出AZ疫苗是肌肉注射打疫苗時萬一針頭打到肌肉的血管可能造成服用抗血栓藥物病患血管局部出血「我們台灣護理師訓練有素不必擔心這種情況」他告訴病患「注意看我們的護理師打疫苗時針打進肉裡第一個動作都是先回抽回抽沒有血表示沒打到血管這時才會真的把疫苗注射進入體內。」所以民眾即使在吃抗血小板藥物或抗凝血劑都可以放心打新冠疫苗。
高雄宇平診所院長、心臟內科醫師劉中平也在臉書發文大聲疾呼心臟疾病患者趕快打新冠疫苗因為心血管疾病患者一旦感染新冠肺炎病毒病情嚴重性和死亡率都比一般人高出許多因此心臟病病患被認為是需要特別保護的族群。歐洲心臟學會直接建議所有的心臟病患接受新冠肺炎的疫苗注射美國心臟學會建議讓心臟疾病患者優先注射新冠肺炎疫苗哈佛大學對病患詢問心臟疾病是否可以注射疫苗的答案只有一個字：YES。
他也提到高血壓和糖尿病患者罹患新冠肺炎時演變為重症的機會是一般人的2倍以上血壓和血糖控制愈不好的病人染病後狀況越糟糕也應該施打疫苗。
●新冠疫苗可能成為常規注射疫苗　應平常心看待
黃玉成指出很多高齡者每年打流感疫苗基本上如果過去打疫苗沒有發生特別狀況應可放心打新冠疫苗。國外專家研判新冠肺炎可能流感化意味新冠疫苗日後可能像流感疫苗一樣成為國人每年都接種的常規疫苗建議大眾以平常心看待新冠疫苗施打。</t>
  </si>
  <si>
    <t>為了遏阻新冠肺炎確診數激增而重啟的封鎖措施拖累需求與產出印度製造業在7月加速衰退使經濟萎縮惡化的機率升高。
亞洲第三大經濟體印度本財政年度料將創下自1979年以來最嚴重的經濟萎縮最新的產業調查進一步印證印度慘淡的經濟前景。
財經資料服務公司IHS Markit週一公佈日經印度7月製造業採購經理人指數（PMI）為460較6月的472下滑為連續第4個月處於50榮枯分界點之下並創下自2009年3月來維持最久的萎縮期。
IHS Markit表示這項調查顯示主要的產出與新訂單分項指數再度加速走跌破壞過去兩個月趨於穩定的趨勢。新訂單與產出進一步下跌顯示儘管工廠再度調降價格但整體需求仍然疲弱促使企業連續第4個月減少人力。
投入與產出價格持續走跌使整體通膨在6月升破印度央行設定之2～6%中期目標區上限後反轉放緩的機率升高這可能提供印度央行更多進一步寬鬆政策的空間。
為了緩解新冠肺炎疫情造成的經濟衝擊該央行自3月以來已經調降基準利率115個基點。市場預期該央行在年底前將再降息50基點。該PMI調查顯示在央行可能推出更多貨幣激勵政策的預期下對未來12個月的企業信心指數創下5個月新高。
印度的新冠肺炎確診數在全球排名第三該國政府週一公佈過去24小時新增52972個感染病例使累計確診數達到180萬人。週一印度新冠肺炎死亡病例增加771人累計達38135人死於這場疫病。</t>
  </si>
  <si>
    <t>國內今(29)日新增486例本土病例確診個案中新增21死再創單日新高。面對疫情嚴峻許多人嚇到不敢出門但不少大賣場還是出現搶買人潮各地也陸續被檢舉有室內打麻將等5人以上聚會毒理學專家招名威警告近來確診病例年齡層有逐漸下降的趨勢且已有3個44歲以下的死亡案例呼籲年輕人千萬不能掉以輕心不要以為少去公共場合就沒事其實最危險的是群聚不是出門。
招名威今天在臉書表示疫情剛開始時感染年齡層以老年人居多但根據指揮中心公佈的資料近來確診年齡逐漸下滑昨天還有36歲的確診者過世他以感染英國病毒為主的英格蘭為例無論確診者是否在確診前已帶有疾病44歲以下的死亡率是05%意思是每200個死亡案例中就會出現一個1個44歲以下年輕人。
招名威指出英國的狀況有下列3點跟台灣很像值得我們參考：
第一、	都是海島型國家不會有太多的境外移入外在影響少。
第二、	疫情若不幸失控短時間造成疫情快速擴散的可能會是同一種病毒。
第三、	年輕人到處趴趴走誤以為年長者才是高危險群。
招名威說很多年輕人都以為新冠病毒就像感冒就算被感染隔離一下就好了但他估計這波疫情的嚴重程度已經不能與去年第一波相提並論特別是年輕人身體反應較好產生抗體的速度快反應就越強引發「免疫風暴」的機率就比較高最終導致人體承受不了而猝死。
全國三級警戒已延長至6月14日不過招名威表示擔心再關幾天大家就會開始沒耐性加上年輕人誤信之前的資料覺得自己身體好不用怕就會開始趴趴走。雖然指揮中心不斷呼籲減少不必要的外出與群聚但各大賣場仍不時出現購買人潮尤其假日更為明顯還有朋友相聚打麻將、八大行業偷偷營業等等。
招名威警告現在才剛開始而已大家覺得少去公共場合就沒事但其實最危險的是群聚、不是出門包括去朋友家喝茶、打牌、看電影、「人與人的連結」等等這些才是感染風險最大、也是最難控制的不定數。</t>
  </si>
  <si>
    <t>雖然武漢明天4月8日將解除封城但據湖北省新冠肺炎疫情防控指揮部通報武漢市「無疫小區」累計達6988個佔比984％。較3天前的上一次認定「無疫小區」數量減少45個佔比下降06％。70個小區因無症狀感染者等原因被取消或暫停「無疫」命名其中部分已認定的「無疫小區」被「摘牌」。
武漢市新冠肺炎疫情防控指揮部相關負責人5日稱4月1日以來每日通報無症狀感染者資料。從4日開始無症狀感染者納入「無疫」認定因素。無症狀感染者所在小區按規定取消或暫停認定所屬社區、街道同步取消或暫停認定。目前因無症狀感染者等原因取消或暫停「無疫」命名的小區70個、社區87個、村(大隊)2個、街道(鄉鎮)11個。
根據武漢市政府此前規定被認定為「無疫小區」的小區內商業網點可以每天9時至18時恢復對小區居民個人正常營業。小區內每戶每天可派一人憑社區（村）出具的一次性通行證明或審核通過的健康碼電子通行證在所在「無疫社區」範圍內購物每次外出小區時間控制在2小時以內並遵守經營場所購物安全有關規定。</t>
  </si>
  <si>
    <t>台灣連續兩天本土都降到2百名確診以下中央流行疫情指揮中心今(14)日公佈國內新增185例COVID-19確定病例均為本土個案；另確診個案中新增15例死亡；其中臺北市新增42例新確診副市長黃珊珊在今早又與指揮官陳時中傳出未接電話的爭議對此柯文哲召開北市防疫記者會進行最新說明。
柯文哲在記者會中表示今日新增15例死亡但呼籲民眾不要被死亡人數嚇到因為那是比較慢的指數臺北市病例慢慢下降但比較麻煩的是越來越分散因此居家隔離的人數也開始變少臺北市也要開始思考「清零」如何做否則在疫苗到之前三級警戒無法解除。
柯文哲指出這幾天陽性率下降可能病例數減少除了是感染者真的有減少也有可能是因為假期根據資料北市各篩檢站在這幾天篩檢的數字都有所減少可見大家在假日都比較不喜歡出門篩檢。
沒有疫苗就無法回到以前正常生活嗎？柯文哲指出目前看來疫苗在短期內沒有辦法完全到位臺北市現在必須從其他方法下手而在社區大範圍作普篩在成本效益等等計算之下在效益上都比較低落所以現在主要是從確診案例進行疫調從源頭開始管制、控制疫情。
柯文哲指出臺北市防疫團隊從5/31到6/13透過精準篩檢、熱點殲滅戰這個方法在內湖區試驗結果看起來是有效的因此考慮未來會再擴大實施。
而臺北市明天就要開始打疫苗了。柯文哲指出臺北市目前透過民政局系統發送通知單但還次要鼓勵大家用線上預約系統現在是處理85歲以上長者；而柯文哲表示未來施打對象擴大可能會造成政府系統的癱瘓所以柯文哲呼籲民眾儘管通知單上面有寫「未預約也可以去打」但希望民眾還是盡量上網預約減少工作人員的負擔有預約的長者都準時去打疫苗這樣在系統上比較不會造成多餘的壓力。對於預約系統只能安排早上下午晚上柯文哲表示大部分人於晚間6點會接到電話或簡訊未來會再精進也讓醫院方便調整時段。
明後天上班日柯文哲表示非設籍在臺北市的長者可以打電話到居住行政區的民政課進行登記原則17日下午開始施打。
昨日傳出有驗光師打疫苗副市長黃珊珊指出驗光師屬於中央規定的醫事人員此定義非北市府的定義驗光師由公會造冊審核如果有非對象施打疫苗會請公會說明。
至於黃珊珊未接到陳時中電話一事黃珊珊也說明昨晚陳時中來電時她已入睡早上回電未能聯絡到陳時中到下午後雙方有聯絡。黃珊珊直言這一個月跟陳部長電話溝通順暢也相信陳部長不會區分彼此。
對於三級警戒何時解除？柯文哲指出臺北市沒有硬封城慢慢控制疫情現在「大會戰」結束進入「殲滅戰」會按照科學標準譬如連續幾天確診少於100例才解除三級。不過這不是臺北的問題並不簡單。</t>
  </si>
  <si>
    <t>新冠肺炎防疫期間民眾減少出門改在線上採購民生用品、處方藥、有聲書或電影消費者對數位付款服務需求激增。
產業分析師指出許多電子付款業者啟動因應季節性線上購物需求揚升的應變計畫例如黑色星期五或是透過雲端服務拓增處理能力。
根據顧問公司麥肯錫（McKinsey）估計自2月底以來義大利的電商交易躥升81％。義國是率先宣佈封城防疫的國家之一全球越來越多國家和地區開始採行類似措施包括法國、英國、紐約和加州等。
研究機構IDC全球付款策略部門研究主管普瑞斯（Aaron Press）指出電子付款需求大幅增加商家面臨付款處理需求暴增難題。
線上付款業者PayPal技術長席瓦南達（Sri Shivananda）表示公司的平臺設計便是要處理全球付款需求突然激增。PayPal婉拒評論新冠肺炎對付款處理量的影響。
每當客戶利用轉帳卡或是信用卡在線上購物付款交易資料會先加密再送至付款處理方後者依賴買家發卡銀行的資訊來查核額度若銀行批准交易付款處理方通知賣家的銀行扣款。
雖然整個付款流程僅費時兩秒但系統仍可能無力應付突然湧進的大量交易。網飛（Netflix）、Alphabet旗下YouTube和臉書皆宣佈降低歐洲視訊串流畫質避免寬頻壅塞。</t>
  </si>
  <si>
    <t>新冠肺炎疫情升溫、全台至5月28日前皆為第三級警戒是否能在28日解除第三級警戒引發各界關注對此曾任衛生署長的前嘉義市長塗醒哲認為從每日發病日統計的疫情流行圖來看他可以很有信心的說這波疫情已得到控制相信5月底前就可以看到很明顯的效果應該可以達到毎日本土病例個位數的結果。
塗醒哲昨（23日）在臉書發文表示當天接到朋友傳來以下以發病日統計的疫情流行圖非常高興因為一週來他一直想看發病日的資料而不可得每天都掉入被檢驗量能及通報效率嚴重左右的資料中很難分析真正的流行狀況但看到以下的圖他安心多了甚至可以有信心的説這波疫情已經得到控制感謝全體國民的配合。
針對疫情的未來變化塗醒哲分析發病日圖指出這波疫情由5月初開始以等比級數的流行曲線往上攀升到15日至17日達到高峰18日以後每天明顯減少合理推測來自11日到22日的發病人數不到50人雖然未來幾天可能也會有病例加上去但整體下降趨勢已經明顯因為拿不到感染日資料有一些無症狀感染者也沒有發病日但合理判斷其占所有感染者的比例不會有變化則發病日已經是最好的流行病學指標。
塗醒哲直言行政院長蘇貞昌請大家收心及提升全國防疫警戒至第二級的政策在一個潛伏期（3-7天）後大家減少接觸強化戴口罩、勤洗手、不摸眼鼻口等呼籲他認為已經發揮效果並強調更完整的效果會在二個潛伏期後展現19日全台灣防疫警戒升至三級他相信5月底前就可以看到很明顯的效果應該可以達到毎日本土病例個位數的結果也就是說可能仍然會有密切接觸如家庭內的感染但不會有大型的社區散播了。</t>
  </si>
  <si>
    <t>工商時報與南僑集團及太田水素工坊生技（股）公司暨歐立得科技有限公司和社團法人台灣醫務管理學會將於7月24日下午1：30（1：00入場）在中華經濟研究院國際廳隆重舉辦新冠肺炎（COVID-19）高峰論壇邀請科技部長到場致詞即日起開放報名一律網路報名報名網址https://bitly/2020covid-19。
本案活動分專題報告與座談二階段實施第一階段為專題報告由亞洲川崎症專家、台灣氫分子醫療促進協會創會理事長郭和昌醫師/教授報告綜觀氫氧應用於新冠病毒防疫治療提升免疫力與抗發炎範例；歐立德科技有限公司總經理侯玉報告防治致命的空氣及改善室內與環境新鮮空氣品質－小粒徑負離子。
座談由財團法人商業發展研究院商業發展與策略研究所長黃兆仁博士主持邀請前衛生署長楊志良前國民健康署長邱淑媞國立陽明大學醫學院國際副院長黃心苑中山醫學大學附設醫院執行長李英雄歐立德科技有限公司董事長侯玉友荃科技實業（股）公司董事長林文章社團法人台灣醫務管理學會謝武吉等人擔任與談人討論主題為新冠肺炎（COVID-19）事件對全球衛生健康的未來啟示與反思分別就全球人類如何面對未來新型流行病的挑戰與預防、我國生技及醫藥產業如何發揮知識與技術能力發展出具國際競爭力與成品提供國際社會需求、產官學研如何建立新平臺跨界跨域合作機制為國內外社會健康衛生與流行病治理做出最佳貢獻及找到最適合作模式一併做出討論。
台灣防疫有成國際聲量創新高然而台灣和各國政府利用高科技抗疫的方式也引發學界反思。來自台灣的王智弘畢業於麻省理工學院、哈佛大學現為史丹佛大學醫學院副教授、防疫醫療政策中心主任在最新文章裡王智弘與共同作者、精通醫療法規的史丹佛大學醫學院暨法學院教授蜜雪兒梅洛（Michelle M Mello）從數位監控創新、引發的法律及倫理爭議反思各國的防疫政策。
「真正的問題不在於要不要使用這些新資料而是如何使用它。」而這些新資料的來源包括手機、穿戴式裝置、影像監控、社交媒體、網路搜索和新聞等在各國抗疫時紛紛派上用場。
這次的新冠肺炎疫情政府為了遏止病毒傳播擴大使用手機和社交媒體的資訊進行數位監控且採取不少創新做法「從預測病毒傳播、受檢者的優先順序、行動限制等都大量使用了機器學習和大資料。」</t>
  </si>
  <si>
    <t>工商時報 與 南僑集團 及 太田水 素工 坊 生 技 股 公司 暨 歐 立得 科技 有限公司 和 社團 法人 臺灣 醫務 管理學 會 將 於 7 月 24 日 下午 1 30 1 00 入場 在 中華經濟 研究院 國際 廳 隆重 舉辦 新冠肺炎 covid-19 高峰論壇 邀請 科技部長 到場 致詞 即日起 開放 報名 一律 網路 報名 報名 網址 https bit ly 2020 covid-19 本案 活動 分 專題報告 與 座談 二階段 實施 第一 階段 為 專題報告 由 亞洲 川 崎 症 專家 臺灣 氫 分子 醫療 促進 協會 創 會 理事長 郭和 昌 醫師 教授 報告 綜觀 氫氧 應用 於新冠 病毒 防疫 治療 提升 免疫力 與 抗 發炎 範例 歐立德 科技 有限公司 總經理 侯玉 報告 防治 致命 的 空氣 及 改善 室內 與 環境 新鮮空氣 品質 小 粒徑 負離子 座談 由 財團法人 商業 發展 研究院 商業 發展 與 策略 研究 所長 黃兆仁 博士 主持 邀請 前 衛生 署長 楊志良 前 國民 健康 署長 邱淑 媞 國立 陽明 大學 醫學院 國際 副 院長黃心苑 中山醫學 大學 附設 醫院 執行長 李 英雄 歐立德 科技 有限公司 董事長 侯玉 友荃 科技實業 股 公司 董事長 林文章 社團 法人 臺灣 醫務 管理 學會 謝武吉 等 人 擔任 與 談人 討論 主題 為 新冠肺炎 covid-19 事件 對 全球 衛生 健康 的 未來 啟示 與 反思 分別 就 全球 人類 如何 面對 未來 新型 流行病 的 挑戰 與 預防 我國 生 技 及 醫藥產業 如何 發揮 知識 與 技術 能力 發展 出具 國際 競爭力 與 成品 提供 國際 社會 需求 產官學 研 如何 建立 新 平臺 跨 界 跨 域 合作 機制 為 國內外 社會 健康 衛生 與 流行病 治理 做出 最佳 貢獻 及 找 到 最適 合作 模式 一併 做出 討論 臺灣 防疫 有成 國際 聲 量 創 新高 然而 臺灣 和 各國 政府 利用 高科技 抗 疫 的 方式 也 引發 學界 反思 來自 臺灣 的 王智 弘 畢業 于 麻省理工學院 哈佛大學 現 為 史丹佛 大學 醫學院 副教授 防疫 醫療 政策 中心 主任 在 最新 文章 裡 王智弘 與 共同 作者 精通 醫療 法規 的 史丹佛 大學 醫學院 暨 法學院 教授 蜜雪兒 梅洛 michelle m mello 從 數位 監控 創新 引發 的 法律 及 倫理 爭議 反思 各國 的 防疫 政策 真正 的 問題 不 在於 要 不 要使 用 這些 新 資料 而是 如何 使用 它 而 這些 新 資料 的 來源 包括 手機 穿戴 式 裝置 影像 監控 社交 媒體 網路 搜索 和 新聞 等 在 各國 抗 疫 時 紛紛 派上用場 這次 的 新冠肺炎 疫情 政府 為 了 遏止 病毒傳播 擴大 使用 手機 和 社交 媒體 的 資訊 進行 數位 監控 且 採取 不少 創新 做法 從 預測 病毒傳播 受檢者 的 優先 順序 行動 限制 等 都 大量 使用 了 機器 學習 和 大 資料</t>
  </si>
  <si>
    <t>汽車產業關閉歐洲和北美廠房協助防止新冠肺炎疫情擴散。專家指出若歐美關廠延續至4月底汽車產業恐流失逾1000億美元營收。
研究機構AutoAnalysis創辦人亨利（Ian Henry）預測如果汽車產業的歐洲與北美廠房停工至4月底歐洲市場的營收可能減少660億歐元或260萬輛汽車北美地區可能損失520億美元或200萬輛汽車。
亨利指出歐洲廠房停工多延一周汽車業的產值便多流失80億歐元北美地區的損失金額為75億美元。
汽車製造商3月宣佈暫時關閉廠房避免勞工染感病毒也因應新冠肺炎疫情導致汽車需求萎縮歐美所有大型汽車組裝廠目前皆暫停運作。
許多汽車業者先前預期廠房可望在3月底或4月恢復運作如今包括日產、福特與通用在內的汽車廠皆表示歐美廠房「無限期」關閉。日產日前讓英格蘭桑德蘭（Sunderland）廠房的6000名生產線員工放無薪假。
亨利向媒體表示5月前汽車產業可能都無法復工。
英國汽車產業在新冠肺炎疫情爆發之前便已經面臨營收下滑、柴油車需求萎縮以及英國脫歐不確定性挑戰專家警告英國汽車業可能無法從新冠肺炎危機中復原。　　根據英國汽車製造商及貿易商協會（SMMT）6日公佈英國3月新車註冊較前一年同期崩跌44％摔幅慘過全球金融危機時期主要因為新冠肺炎導致展示中心關閉導致銷售驟降。
其他歐美市場也面臨相似難題根據各國已公佈的資料顯示西歐3月汽車銷售約大跌三分之二而美國3月汽車銷售降至10年新低水準。　雪上加霜的是越來越多民眾受限於禁足令經銷商也被迫關門汽車廠預期4月汽車銷售縮幅可能更嚴峻。</t>
  </si>
  <si>
    <t>指揮中心日前宣佈施打高端且有出國需求的民眾可以再接種其他疫苗「混打」衛福部部長陳時中17日表示高端疫苗混打沒有科學資料。日前指揮中心公佈接種高端疫苗民眾出國的施打方案施打高端的民眾若有緊急出</t>
  </si>
  <si>
    <t>指揮中心日前宣佈施打高端且有出國需求的民眾可以再接種其他疫苗「混打」衛福部部長陳時中17日表示高端疫苗混打沒有科學資料。
日前指揮中心公佈接種高端疫苗民眾出國的施打方案施打高端的民眾若有緊急出國需要可依入境國查驗要求提供證明檔即能在國內混打AZ、BNT、莫德納疫苗。17日上午陳時中在社會福利及衛生環境委員會會前受訪說高端疫苗混打沒有科學資料是預防接種諮詢委員會議（ACIP）的決定。
他指出個別疫苗都有安全性間隔了一段時間後施打不會有加成的疑慮。此外他透露預計在17日、18日公佈15輪疫苗接種及混打的實施狀況。</t>
  </si>
  <si>
    <t>新冠肺炎台灣疫苗混打科學資料</t>
  </si>
  <si>
    <t>億萬富翁慈善家比爾·蓋茨（Bill Gates）在週四的部落客文章中概述了世界需要採取哪些行動來制止新冠肺炎流行並重新開放經濟。
蓋茨說世界必須改善其治療方法疫苗測試和接觸者追蹤。他說大陸還需要研究其開放全球經濟的政策。他把這種大流行比作一場戰爭。蓋茨說：「在第二次世界大戰期間包括雷達可靠的魚雷和密碼破解在內的大量創新使戰爭得以更快地結束大流行病也是如此。」
以下是蓋茨認為需要創新的五個領域及其必備條件：
治療：蓋茨承認許多治療方法可能會失敗但他對某些方法在減輕冠狀病毒負擔方面將取得成功表示樂觀。他說公眾將需要一種95％有效的治療方法以使人們在公眾聚會上感到安全例如足球比賽或音樂會。他指出了使用血漿或抗體抗病毒藥和羥氯喹的潛力。
疫苗：蓋茨說「奇蹟療法的短暫性」是人們恢復某種正常感覺的唯一途徑是通過疫苗。但是他警告說將新疾病推向市場通常需要五年的時間。蓋茨表示他對疫苗可能在18個月內出現感到樂觀儘管它可能短至9個月或長達兩年。
測試：蓋茨表示美國需要優先考慮並加快新冠肺炎測試的速度以便在一天內獲得結果。蓋茨說衛生工作者都應該有檢查的機會而無症狀的人應該等所有有症狀的人接受檢查後再接受檢查。他說人們是否應該在家中參加測試不管是一項還是一項快速的測試結果。
接觸者追蹤：蓋茨說與測試陽性的人保持密切聯繫的人應優先進行測試和自我隔離。蓋茨認為大多數國家/地區都將遵循德國的接觸者追蹤方法這要求採訪那些積極的患者並使用資料庫來確認他們對患者的隨訪情況。
開放：蓋茨認為大多數已開發國家將在未來兩個月內進入大流行的第二階段。那是世界半正常的地方儘管人們仍然在實踐社會疏離。他說一些國家將必須向其他進行適當測試的國家學習經驗。蓋茨補充說官員們將不得不根據風險和利益進行權衡。</t>
  </si>
  <si>
    <t>新冠肺炎疫情似乎在國際間為有減緩跡象根據worldometers即時資料全球確診病例累計突破4000萬例染疫死亡人數111萬5154人。聯合國秘書長古特瑞斯（Antonio Guterres）17日就表示分裂的世界在疫情期間「未能通</t>
  </si>
  <si>
    <t>新冠肺炎疫情似乎在國際間為有減緩跡象根據worldometers即時資料全球確診病例累計突破4000萬例染疫死亡人數111萬5154人。聯合國秘書長古特瑞斯（Antonio Guterres）17日就表示分裂的世界在疫情期間「未能通過考驗」。
台灣的疫情相較下趨於緩和但各國情況卻非如此歐洲許多國家紛紛頒布新的防疫措施試圖遏止疫情爆回溫根據日本研究人員發現冠狀病毒可在人類皮膚上保持活性9小時由此可知要對抗新冠肺炎就得經常洗手。
根據《WION》引述自「臨床傳染病」（ClinicalInfectious Diseases）的研究指出「和IAV（A型流感病毒）相比（造成2019冠狀病毒疾病的病毒株）SARS-CoV-2會存活在人類皮膚9小時或許會增加接觸傳染風險從而加速疫情擴散相較之下造成流行性感冒的病毒只會在人類皮膚停留約18小時。
根據報導研究團隊從解剖樣本採集病患死亡約1天後的皮膚進行測試並噴灑乾洗手使用的乙醇後冠狀病毒和感冒病毒都會在15秒內失去活性。經研究後發現SARS-CoV-2在皮膚上存活較長增加了接觸傳染的風險但手部清潔可降低這種風險。研究結果也驗證了世衛組織（World Health Organization）建議民眾可透過經常且徹底洗手的方式來降低病毒傳播風險提供了佐證。
更多 CTWANT 報導</t>
  </si>
  <si>
    <t>新冠疫情持續香港依然謹守「清零」策略解除社交距離措施及通關的日子仍未到來。港府專家顧問、香港中文大學呼吸系統科講座教授許樹昌今（24日）表示香港接種率不足而隨著冬季來臨香港有可能受冬季流感與新冠肺炎夾擊變數相當多但他認為絕對清零不是長遠策略。
許樹昌表示香港港接種率大約60％但長者的接種率偏低而且有約40％已接種疫苗人口選擇接種由大陸研發的科興疫苗已有資料證實他們的抗體水準會在完成接種後6至8個月內降至低水準保護力相當有限故認為「與病毒共存」是不切實際。
他指出英國、新加坡等選擇與病毒共存的國家疫情都有惡化的跡象隨著冬季來臨有機會出現新冠疫情及冬季流感同時肆虐的情況也有機會出現新的變種病毒一旦出現爆發醫療系統會不堪負荷。</t>
  </si>
  <si>
    <t>近一年來受到新冠肺炎(COVID-19)疫情影響民眾的生活及消費習慣都受到一定程度的影響例如減少外出增加網路購物的頻率或是改以外送服務為主。同時今年台灣疫情再次爆發更促使許多企業加快數位轉型的腳步。樂天市場資料顯示今年第一季新店數相較去年同期增加約一成在所有新店中「食品美食」類型占比最大占429%其次是「居家生活用品」占166%第三為「美容保健」占148%。樂天市場不僅具有三階段的開店輔導更於疫情期間改以線上教學授課要讓中小企業數位轉型無縫接軌輕易上手網路經營。
今(2021)年受到疫情三級警戒管制影響許多企業興起數位轉型樂天市場表示第一季新店數相較2020年同期增加約一成其中美食、居家生活用品以及美容保健就占了70%。樂天市場每月除了針對新開幕的店家推出「搶眼新店樂推薦 購物滿888現折100元」以及「指定新店購物賺點數最高19%回饋」活動還會不定期舉辦「滿399超商取貨免運」再搭配「網購轉帳支付回饋點數10%無上限」活動為新店家注入新商機。從整體新店的銷售業績來看自開店以來平均每月均有7~10%的成長均顯示大多數民眾願意體驗新品牌新商品享受網購開箱驚喜的樂趣。
樂天市場今日也公佈了TOP 網購數位轉型新店家網購時可做為參考：
＊裡仁：為了守護土地與自然也同感農友轉作有機的艱辛裡仁以契約種值來保障農友收入並投入實踐友善大地的行動以逐步實現「光復大地淨化人心」的美好理想。
＊聖瑪莉SUNMERRY：台灣第一家的中日合資的麵包連鎖店執著的日式工法因應市場需求靈活變化與調整不斷創新經營積極拓展帶給國人各式口味的麵包饗宴。
＊金福華食品：創立於1999年販售濃縮雞汁於2004年開始投入生產日常生活的調味醬料經典的調味醬料「沙茶醬」正是你我小時候品嘗記憶中的好味道！
＊蒸的醜 宋太太養生饅頭：醜醜的外表下卻有著天菜級的內餡重視內涵的「真材實料」與「健康美味」讓消費者吃出最健康。
＊述古木耳飲：源自岡山的一家百年中藥店傳承爺爺的養生木耳飲研發多種創新口味讓消費者在百忙中也能品嘗一份單純健康的滋味。
＊SHBIO：採用三層不織布、百分百臺灣製造的優良口罩細菌過濾效率達95%以上 配戴舒適不悶熱同時多款花色任意搭防疫期間也能時尚有型。
＊蓁妮絲 jennysilk：堅持台灣製造嚴選素材加入創新技術與美學為傳統製造業創造無限可能同時為消費者帶來更好的品質。</t>
  </si>
  <si>
    <t>新冠肺炎（COVID-19）疫情持續延燒治療與預防藥物的研發迫在眉睫。懷特生技（4108）旗下「懷特精製黃耆多醣研究中心」展開研發計畫與國立陽明大學黃奇英教授合作借重大資料資料庫和電腦軟體分析進一步驗證「</t>
  </si>
  <si>
    <t>新冠肺炎（COVID-19）疫情持續延燒治療與預防藥物的研發迫在眉睫。懷特生技（4108）旗下「懷特精製黃耆多醣研究中心」展開研發計畫與國立陽明大學黃奇英教授合作借重大資料資料庫和電腦軟體分析進一步驗證「黃耆多醣」、「新冠肺炎病毒」、「抑制病毒的基因片段」三者間關聯性並探討防止肺部纖維化發生的可能性期盼盡速研發出抗病毒藥物。
懷特生技表示我國首例新冠肺炎具確診女台商痊癒後就出現肺纖維化症狀雖並非人人均有此症狀但肺纖維化通常不可逆避免發生就顯得相當重要。有鑑SARS疫情病毒會導致患者自體免疫反應過於劇烈引發「細胞因數風暴」傷及器官修復過程中產生纖維化對器官功能產造成終身性的損害；多篇研究和文獻顯示黃耆多醣具調節免疫反應作用。
懷特生技總經理鄭建新博士指出「懷特精製黃耆多醣研究中心」現正啟動「黃耆多醣用於調控細胞因數風暴與肺部纖維化」研發計畫探討黃耆多醣的調節免疫反應作用應用在防止肺纖維化發生同時研究是否具阻斷新冠肺炎(COVID-19)惡化的作用。
此外依據精準醫學的概念「懷特精製黃耆多醣研究中心」利用大資料資料、電腦軟體分析與文獻回顧為立基推測出至少有4個可能用來抑制新冠肺炎病毒的小分子核酸（miRNA）且令人振奮的是透過用藥預測分析黃耆多醣與此4個小分子核酸關係密切有望透過誘發這些小分子核酸、降低病毒複製的能力達到抑制新冠肺炎惡化的結果。</t>
  </si>
  <si>
    <t>市場擔心新冠肺炎疫情加劇與2021年初喬治亞州參議員選舉不確定性恐讓年底的耶誕行情落空不過分析師看好特斯拉（Tesla）在內的三檔個股預料仍有強勁漲勢。即便2020年美股沒有出現耶誕行情仍有三檔個股不受影響分別是特斯拉、輝達（Nvidia）與農具製造商迪爾（Deere）。
2020年迄今特斯拉股票累計狂飆672％。Zacks Consensus預估特斯拉本季與2021年的獲利成長率可望分別勁升86％與589％。創新技術讓特斯拉比同業更具優勢該公司預料持續主導電動車市場將能協助股價持續上攻。
疫情促成的遠端工作和遠距教學趨勢帶動輝達業績鑑於疫情仍未有止息跡象進入新的一年輝達將持續受益。此外遊戲市場、人工智慧和自駕車的潛在成長機會為輝達帶來亮麗前景。
最後一檔是迪爾大環境並未對迪爾造成衝擊2020年迄今該公司股價累計上漲546％。
拜美國農業、林業和營建業前景好轉2021年迪爾將持續維持強勁表現。美股在12月最後5個交易日與次年1月頭的兩個交易日間表現往往相當亮麗這段期間的的漲勢被稱為「耶誕行情」。2020年的耶誕行情於12月24日開始。
根據CFRA Research資料自1945年迄今美股在74年間出現共出現55次耶誕行情。另據《股票交易員年鑑》（Stock Trader&amp;apos;s Almanac）顯示自1969年來耶誕行情平均為標普500指數帶來13％的漲幅。
然而變種新冠肺炎病毒與喬治亞州參議員選舉皆成為耶誕行情隱憂。喬治亞州參議員決選將在2021年1月5日登場若是民主黨掌控參議院可能推行被投資人視為對市場不友善的法案例如調高稅。
標普500指數已較12月17日的紀錄高點下滑07％。</t>
  </si>
  <si>
    <t>新冠肺炎疫情嚴峻許多縣市政府已發文要求長照及安養機構暫停探訪不過屏東縣目前仍未禁止而是交由業者決定。因無強制力業者只能「柔性勸導」衍生問題因此希望縣府能明文禁止。縣府表示會依據中央疫情指揮中心的資料及建議來行政。
屏東縣目前已有衛福部屏東醫院、屏東基督教醫院等10家醫院不開放探病不過縣府並未明文禁止長照及安養機構暫停探視而是交由業者決定。縣府建議業者除了特殊需求外多運用視訊、錄音等讓家屬獲知服務對象照顧情形也要向家屬「委婉說明」。
不過因沒有強制力尤其是私人機構業者迫於家屬壓力仍會開放家屬探視增加染疫風險。有老人機構業者表示雖然有家屬自覺疫情嚴重取消探視但仍有「有孝心」的家屬每天都會到院探視老人家因無縣府下令禁止也不好意思拒絕只能做好防疫措施。
迦南身心障礙養護院祕書杜佳樺說若無公權力基於人道立場很難拒絕家屬探訪因此決定開放下午2小時家屬除了得做好防疫措施也只能在戶外訪視中間要隔著一層塑膠膜並禁止餵食或撫摸。所有業者都擔心因一人染疫就得全院隔離的狀況。
縣府社會處副處長徐紫雲表示縣府政策都是依據中央疫情指揮中心的科學資料及建議來行事目前屏東縣確診案例不多加上親情倫理的考量因此未由縣府明文禁止。近日統計探訪的家屬人數確有下降未來若中央宣佈全國禁止縣府一定遵循。</t>
  </si>
  <si>
    <t>前往湖北武漢市視察後世界衛生組織（WHO）專家團隊24日指出中國所採取的策略改變新增確診病例快速攀升的曲線。兩周前團隊剛抵達大陸時每天新報告的確診病例逾2000例；當聯合考察團結束任務23日報告的確診病例為416例「兩周之內實現了80%的下降」。
22至23日中國──世界衛生組織新冠肺炎聯合專家考察組（下簡稱「考察組」）赴湖北展開現場調研。24日晚間在北京的記者會針對大陸每日新增確診病例「兩周之內實現了80%的下降」考察組外方組長世衛組織總幹事高級顧問布魯斯艾爾沃德強調「這樣的資料下降是切實的」。
考察組中方組長、大陸國家衛健委新冠肺炎疫情應對處置工作專家組組長梁萬年則通報新冠病毒並未發生明顯變異；新冠病毒可能透過氣溶膠傳播但在大陸並非主要的傳播方式。透過廣東、四川的現場考察由「人口學特徵」來看患者平均年齡51歲30-69歲占778%775%的病例來自湖北。
考察組通報的其他各項新冠肺炎流行病學特徵尚有「家庭聚集性」78%-85%的聚集病例發生在家庭；且透過對已發現的「密切接觸者管理」後約1%-5%的密切接觸者實驗室確診為陽性；以及「易感性」新冠病毒為一種新的病原體各年齡層均其不具免疫力普遍容易感染。
24省無新增確診病例
目前大陸新冠肺炎的抗疫成果持續擴增截至23日共計6省新增確診病例數為3例及以下並有24省及新疆生產建設兵團無新增確診病例掛出一整排「24個0」。
據大陸國家衛健委網站訊息23日31個省（自治區、直轄市）和新疆生產建設兵團報告新增確診病例409例、湖北以外僅11例累積確診達7萬7150例；新增死亡病例150例包括湖北149例、海南1例累計死亡2592例。
24日大陸國務院新聞辦公室舉行新聞發布會國家發改委祕書長叢亮指出2月起透過國家統一調度330萬只N95口罩重點為保障武漢；當中調往武漢的醫用N95口罩268萬只近期每天調度量逾15萬只加上武漢本地生產每日可供應N95口罩超過30萬只足以保障6萬餘位一線醫護人員的防護需求。
叢亮並提到至2月22日N95日產量已達919萬隻為2月1日的86倍。除西藏之外目前30個省區市均先後啟動口罩生產線並持續有新的口罩生產線投入生產。截至2月22日大陸全國口罩日產量已達5477萬只較2月1日成長28倍近20天以來已累計生產口罩57億只。
陸開發試劑盒驗病毒
此外23日中國工程院院士鍾南山也透露大陸國家藥品監督管理局應急新批的兩個試劑盒將有助於鑑別流感、新冠肺炎病毒。當中北京清華大學參與設計開發的「六項呼吸道病毒核酸檢測試劑盒（恆溫擴增晶片法）」為全球首個15小時內即可一次性檢測包括新冠病毒在內、6種呼吸道常見病毒的試劑盒。</t>
  </si>
  <si>
    <t>Delta肆虐全球各國狂打疫苗提升覆蓋率對此胸腔暨重症醫師黃軒表示面對Delta病毒第二劑疫苗的覆蓋率至少要達80％但目前還沒有任何國家達成且許多國家的領導人還會將第一劑與第二劑的資料相加算出一個</t>
  </si>
  <si>
    <t>Delta肆虐全球各國狂打疫苗提升覆蓋率對此胸腔暨重症醫師黃軒表示面對Delta病毒第二劑疫苗的覆蓋率至少要達80％但目前還沒有任何國家達成且許多國家的領導人還會將第一劑與第二劑的資料相加算出一個較好看的數字騙自己但病毒是不吃這套的。
黃軒今在臉書發文表示全球受到Delta變異株侵犯只有兩劑疫苗接種率達80％以上的人才可能有群體免疫的保護例但很可惜的是在地球表面上還沒有任何一個國家是真的打完2劑疫苗者超過80％的。
黃軒指出截至9月8日接種2劑疫苗前3名的國家為葡萄牙（7875%）、新加坡（7651%）與阿拉伯大公國 （7711%）難怪Delta仍是全球霸主最怪的是幾乎各國領導人和政客都會說我國的疫苗接種率已快要或達到70%或80%但實際上卻是將第一劑與第二劑的資料相加計算出最高的數字騙自己但殊不知Delta根本不吃這套。
黃軒引述最新一期《新英格蘭醫學期刊（NEJM）》的研究指出打完2劑BNT對Alpha和Delta病毒株的有效性為937%和88%；打了2劑AZ疫苗對Alpha和Delta病毒株的有效性則是745%和67%；但若只打1劑對Alpha和Delta的有效性則只有487%和307%。結論就是不管打哪種都好一定要打滿兩劑效果才會好。
黃軒也說在新冠肺炎的疫情流行下群體免疫是要達80至875%才能有效控制住Delta病毒但有很多國家都認為自己的疫苗覆蓋率達60%或70%就安全了。但不同的變種病毒需要不一樣的覆蓋率60%是對去年的原始病毒株有效、75%是對去年底的Alpha病毒有效。
黃軒坦言 Delta病毒的R值是6至8且面對變種病毒須完整接種完2劑疫苗並且滿14天後且必須達到80％以上的覆蓋率才能有效控制住疫情但許多國家只是達到60至70％就開始大大宣傳自己的政績甚至還開始脫口罩、開放民眾群聚而這樣其實很危險。
黃軒表示美國作家德納克（Derek Thompson） 去年7月在大西洋雜誌報導的文章中使用到「防疫劇場」一詞是指當局採取一系列防疫措施旨在給人民帶來一種提高安全防疫的錯覺但實際上這些防疫措施你去做了在科學上幾乎沒有減少染疫風險甚至會使疫情更糟。
黃軒提到荷蘭在今年7月舉辦大型音樂活動當時約2萬人參加參加活動者必須持有疫苗接種完成的證明沒打疫苗的人可以持72小時內的陰性政名入場但活動結束後當地立刻爆增1000名以上的確診病例。
黃軒坦言全球很多國家正在上演一埸又一場的「防疫劇場」以科學角度來看人類對自己撤謊是一場很危險的遊戲不是嗎？
【本文獲醫師黃軒授權提供】</t>
  </si>
  <si>
    <t>根據約翰·霍普金斯大學（Johns Hopkins University）統計全球已有超過300萬人感染新冠狀病毒超過21萬800人因此病故。新冠肺炎去年底在中國武漢爆發之後在短短幾個月內迅速蔓延全世界。約翰·霍普金斯大學的資料</t>
  </si>
  <si>
    <t>超過約翰·霍普金斯大學迅速之後統計全球爆發武漢中國去年底肺炎感染病故蔓延university病毒全世界hopkinsjohns資料</t>
  </si>
  <si>
    <t>根據約翰·霍普金斯大學（Johns Hopkins University）統計全球已有超過300萬人感染新冠狀病毒超過21萬800人因此病故。
新冠肺炎去年底在中國武漢爆發之後在短短幾個月內迅速蔓延全世界。
約翰·霍普金斯大學的資料指出美國的新冠肺炎確診病例已經超過98萬7000人確診死亡人數超過5萬6000人。
歐洲方面西班牙確診病例超過22萬9400人義大利確診超過19萬9400人。法國、德國與英國的確診病例都超過15萬8000人。</t>
  </si>
  <si>
    <t>新冠肺炎全球大流行導致日本國內外需求急凍日本3月製造業活動創下2009年來最嚴竣的萎縮再度印證企業與經濟因這場公衛危機受到的衝擊並突顯出日本政府面臨的挑戰。
au Jibun Bank日本3月製造業採購經理人指數（PMI）經季調後終值為448符合先前公佈的初值較2月終值478下滑並創下2009年4月來新低。
產出與新訂單分項指數均跌至2011年4月（311強震海嘯後一個月）以來新低某些公司報告生產全面暫停。新出口訂單分項指數大減且製造業對未來12個月的生產前景看法極為負面創下歷來新低。
負責這項調查報告的財經資料服務公司IHS Markit表示未來幾個月日本製造業加速衰退的可能性很高新冠狀病毒疫情對全球經濟造成的衝擊將降低V型復甦的機會。</t>
  </si>
  <si>
    <t>中央流行疫情指揮中心指揮官陳時中昨在記者會上提到年輕人染疫比例增加顯示年輕人防疫鬆懈提醒年輕人要降低群聚。一名女網友發文痛批執政黨想甩鍋一名就讀台大的女網友則爆氣留言因為年輕人沒車、沒房只能通勤上下班部長可以考慮補助每人一台車、一間套房這樣大家就不用冒險辛苦出門賺錢了留言引發年輕世代共鳴吸引3千多人狂讚。
一名女網友昨在Dcard上發文表示「XXX的民進黨當年是我們把你們送進總統府結果遇到疫情爆發就只想甩鍋拚命東西南北地甩鍋現在連我們都敢甩了？」引起網友熱烈討論「20至39歲是上班的主力要怎麼避免群聚？」、「年輕人命苦要上班賺錢養活自己啊又不像有房、有存款的中老年人可以請長假話說這波疫情好像是中老年XX癢捅出來的鍋」、「不意外啦沒事政府好棒棒有事就都是人民的錯」。
一名台大女學生看了爆氣留言說「年輕人大部分只能通勤上班不然部長可以補助一個人一台車或是一人一間套房大家都可以不用這麼辛苦出門賺錢」。留言引起許多年輕世代的共鳴吸引3000多位網友狂讚。
但留言處也有網友認為陳時中只是看資料去判斷善意提醒大家要注意而已「那是因為年輕人染疫機率增加所以才善意提醒若不是年輕人鬆懈趴趴走染疫難道是病毒飛去你房間找你嗎？」、「這是看資料去判斷現在顯示上年輕人的確診比率就是上升 所以提醒這有什麼問題」。</t>
  </si>
  <si>
    <t>據《美聯社》報導中國大陸國家衛生健康委員會副主任曾益新22日正式表態由於違背科學原則北京不接受世界衛生組織(WHO)針對新冠病毒起源的第二階段調查計畫。
曾益新強調所謂的實驗室外流理論根本是與常識及科學原則背道而馳的謠言WHO想要進一步調查新冠肺炎大流行的起源甚至是病毒到底是不是由大陸實驗室外流一事讓人感到震驚「我們不可能接受這樣的病毒起源調查計畫」。
《美聯社》分析追溯新冠病毒起源已脫離科學議題成為外交爭議並讓北京與華府等國關係惡化。美方與他國指責北京在大流行初期的諸多事情上並不透明；相較之下北京則抨擊西方把科學議題泛政治化。
WHO秘書長譚德塞日前承認歷經第一階段調查後要排除病毒為大陸實驗室外洩的說法仍為時尚早。因此他希望北京能在第二階段展開合作以獲取大陸方面的資料並「提醒北京」2021年初走訪大陸的疫情調查團在取得原始資料上面臨重重挑戰。2019年年底武漢首次發現該病毒。
《美聯社》指出大多數專家認為實驗室外流說的可能性甚低；但問題是其可能性是否小到足以忽視還是有進一步研究的必要。在WHO調查團於2021年初來到大陸並與大陸科學家進行調查後該團隊指稱沒有進一步研究的必要卻引發軒然大波外界質疑WHO屈服於陸方要求。
如今譚德塞則表示自己也是實驗室的研究員更是免疫學家在實驗室工作過實驗室發生意外常有的事情目前仍無法輕易否定實驗室外流說。德國衛生部長史巴恩（Jens Spahn）則呼籲大陸官方應允許WHO繼續調查病毒的起源。不過曾益新則堅稱武漢實驗室不存在可直接感染人類的病毒更強調今年稍早走訪該實驗室的WHO國際專家小組也總結實驗室洩漏的可能性很小。
當時WHO國際小組表示病毒很可能由動物傳染給人類估計可能是蝙蝠；蝙蝠傳染給穿山甲穿山甲又是大陸菜市場常常出售的桌上佳餚。
曾還表示有關於武漢實驗室的工作人員感染病毒再傳給他人的報導也純屬子虛烏有。「大陸支援以科學的方式調查病毒起源並希望這樣的努力擴張到全球多個國家與地區但我們堅決反對調查工作範政治化」。第二階段的調查應該和成員國充分協商與討論後並以第一階段的結論為基礎。
《美聯社》表示對於外界指責大流行源於武漢且因為官僚主義作歲與企圖遮掩導致疫情傳播等指控北京總是迴避不願正面回應。</t>
  </si>
  <si>
    <t>近日成都出臺《關於統籌新冠肺炎疫情防控和經濟社會發展奮力完成2020年經濟社會發展目標的意見》從聚焦支持企業穩產滿產和擴能增效、築牢產業功能區生態集成優勢、深度融入國際供應鏈體系等10方面提出33條具體措施為奮力完成2020年經濟社會發展目標提供制度保障。
在支持企業方面《意見》提出設立「應對疫情穩定經濟資金池」劃撥10%以上的產業專項資金用於貸款貼息和紓困補貼重點扶持餐飲、住宿、文旅、會展、交通運輸等行業。同時將實施中小微企業金融紓困專項行動建立企業紓困白名單。此外成都還將創新政府採購服務力爭面向中小企業採購比例達80%以上。
根據《意見》成都將建立完善重點企業用工「一對一」聯絡和24小時調度保障機制深化與勞務輸出大市大縣跨區域合作定點定向、按時按需保障企業用工。
《意見》提出將加大防疫物資保供力度消毒用品、口罩等存在缺口的企業可提前2個工作日向行業主管部門或產業功能區申請由市和區（市）縣政府負責統籌。
如何將應急政策與長效支持政策結合化危為機推動發展？《意見》提出：構建高能級產業生態圈鼓勵企業參與產業功能區建設；深度融入國際供應鏈體系建設適航適鐵產業供應鏈中心深化「一帶一路」供應鏈合作；出臺成都營商環境政策30版全面建立符合國際慣例和國際規則的市場經濟運行機制和體系。
疫情讓基於數字技術的各類需求被啟動。對此成都將大力發展新經濟推動實體經濟數字化轉型；制定創新產品（服務）目錄建立「新經濟新產品發布會」工作機制；建立創新產品（服務）交易平臺設立新經濟專業銀行。
針對「補短板」《意見》明確：健全重大公共衛生應急管理體系修訂突發公衛事件應急預案健全超大城市重大疫情監測預警、醫療救治、緊急徵用等制度；加快完善重大風險源頭防控體系完善重大領域風險辨識預警機制；系統優化城市應急智慧指揮體系搭建基於大資料、雲計算的應急指揮信息化系統。</t>
  </si>
  <si>
    <t>新冠肺炎全球確診累計人數突破千萬單日新增確診人數來到新高WHO示警疫情進入新危險階段美國多州紛紛縮減經濟重啟的措施。雖然歐元區6月消費者信心指數仍維持於-147但根據歐盟執委會資料顯示經濟景氣指數回</t>
  </si>
  <si>
    <t>新冠肺炎全球確診累計人數突破千萬單日新增確診人數來到新高WHO示警疫情進入新危險階段美國多州紛紛縮減經濟重啟的措施。
雖然歐元區6月消費者信心指數仍維持於-147但根據歐盟執委會資料顯示經濟景氣指數回升至757、服務業與工業景氣指數亦分別回升至-356與-217美國5月待售房銷售月率突增至443％表現優於預期的經濟資料紓解投資人的避險情緒加上市場預期歐元區6月景氣將持續回升之下激勵歐元期貨價格盤中一度突破月線反壓29日9月歐元期貨收盤上漲021％以11241作收。
國泰證期顧問處分析師吳佩奇表示對於全球新冠肺炎二度疫情擴大的擔憂市場資金避險需求為近期支撐美元走勢的主因。然而各國政府與央行競相提出的經濟刺激方案與貨幣寬鬆計畫以及各地試行解封後經濟資料的表現則影響貨幣間價格的消長。
在籌碼面部分從6月23日當周CFTC大額交易人報告中管理基金與投機交易在歐元期貨的多頭部位占該商品未平倉量的比率分別達435與202％顯示國際資金持續佈局歐元的動作。
在全球經濟資料不佳以及對於疫情再度擴大的擔憂之下資金持續轉往避險貨幣仍為近期匯率市場的基調。聯準會主席鮑爾提及在經濟前景面臨極大不確定性時切勿過早撤回任何刺激措施的證詞暫時紓解投資人擔憂的情緒美元指數走弱一度激勵歐元期貨價格站回11300整數關卡但仍在6月中旬以來的箱型區間內。
由於歐元期貨上方有短、中均線的反壓因此在帶量突破前述均線前仍應保守看待歐元期貨走勢。（國泰期貨提供李娟萍整理）</t>
  </si>
  <si>
    <t>新冠肺炎 全球 確診 累計 人數 突破 千萬 單日 新增 確診 人數 來到 新高 who 示 警 疫情 進入 新 危險 階段 美國 多 州 紛紛 縮減 經濟 重 啟 的 措施 雖然 歐元區 6 月 消費者 信心 指數 仍 維持 於 147 但 根據 歐盟 執委會 資料 顯示 經濟 景氣指數 回升 至 757 服務業 與 工業 景氣指數 亦 分別 回升 至 356 與 217 美國 5 月 待 售房 銷售 月 率 突 增至 443 表現 優於 預期 的 經濟 資料 紓 解 投資人 的 避險 情緒 加上 市場 預期 歐元區 6 月 景氣 將 持續 回升 之下 激勵 歐元 期貨價格 盤中 一度 突破 月 線 反 壓 29 日 9 月 歐元 期貨 收盤 上漲 021 以 11241 作 收 國泰 證 期 顧問處 分析 師吳佩 奇 表示 對於 全球 新冠肺炎 二 度 疫情 擴大 的 擔憂 市場 資金 避險 需求 為 近期 支撐 美元 走勢 的 主因 然而 各國 政府 與 央行 競相 提出 的 經濟 刺激 方案 與 貨幣 寬鬆 計 畫 以及 各 地 試行 解 封後 經濟 資料 的 表現 則 影響 貨幣 間 價格 的 消長 在 籌碼 面 部分 從 6 月 23 日 當 周 cftc 大額 交易人 報告 中 管理 基金 與 投機 交易 在 歐元 期貨 的 多頭 部位 占 該 商品 未 平倉 量 的 比率 分別 達 435 與 202 顯示 國際 資金 持續 佈局 歐元 的 動作 在 全球 經濟 資料 不 佳 以及 對於 疫情 再度 擴大 的 擔憂 之下 資金 持續 轉 往 避險 貨幣 仍 為 近期 匯率 市場 的 基調 聯 准會 主席 鮑爾 提及 在 經濟 前景 面臨 極大 不 確定性 時 切 勿 過早 撤回 任何 刺激 措施 的 證詞 暫時 紓 解 投資人 擔憂 的 情緒 美元 指數 走弱 一度 激勵 歐元 期貨價格 站 回 11300 整數 關卡 但 仍 在 6 月 中旬 以來 的 箱 型 區間 內 由於 歐元 期貨 上方 有 短 中 均線 的 反 壓 因此 在 帶 量 突破 前述 均線 前 仍 應 保守 看待 歐元 期貨 走勢 國泰 期貨 提供 李娟萍 整理</t>
  </si>
  <si>
    <t>新冠肺炎持續襲捲美國全境至今已有160萬確診、96萬人死亡不論確診與死亡人數皆排名全球首位。雖然美國總統川普宣稱「美檢測能力領先全球」不過根據美媒「國家公共廣播電台」（NPR）報導美國疾病管制與預防中心（CDC）在報告檢測資料時合併了病毒檢測結果與抗體檢測結果專家擔憂可能會導致檢測能力的誤判使檢測率偏低而CDC也承認此一錯誤。
報導指出CDC檢測的報告中在大部分檢測是否確診的基因測試中結合了「聚合酶連鎖反應」以及檢測血液中是否早已感染而有抗體的血清檢測。美國霍普金斯大學流行病學家努佐（Jennifer Nuzzo）表示對檢測方式表達關切表示這兩種不同的檢測方式結合在一起恐怕留下「資料上的檢測量比實際上受檢量來得高」的印象。她表示「將這兩種檢測方式置於同一項目下是不適當的這兩種檢測方式差異很大它們有不同的檢測意義」。
努佐進一步表示血清檢測並不能檢驗出現有確診數量的即時資訊結合基因檢測是有問題的因為這將讓政府與企業對疫情誤認並指出足夠的檢測量是檢視疫情是否受控的關鍵特別是美國正準備重啟國門、放寬社交距離限制之際。她指出「唯有藉由『聚合酶連鎖反應』才能測出誰才是真正確診且並須列入病歷」「測試的目標就是要瞭解我們是否建立起足夠的檢驗病例唯有實際檢測病毒才做得到」。
努佐說結合血清檢測可能會減少「呈現陽性結果」的檢測量降低整體檢測陽性比率這又是另一項重要指標。霍普金斯大學流行病學家瑞物爾斯（Caitlin Rivers）甚至表示「我懷疑這是刻意降低確診比率」。
對此CDC發言人坦承了報告中大部分的資料是結合了病毒檢測與血清抗體檢測因為一些州的檢測資料中已包含了抗體檢測。不過發言人表示當前的資料可以幫助掌握疫情資訊但未來希望能把這兩項資料分開出來。</t>
  </si>
  <si>
    <t>聯發科(2454)5G再添新兵！聯發科今日最新發表5G系統單晶片SoC新品「天璣820」採用7奈米製程瞄準中高端5G智慧型手機聯發科在5G的佈局上自去年起就持續展現高度企圖心透過多元的產品佈局力求搶啖更多的市佔率。
聯發科無線通訊事業部協理李彥輯博士表示聯發科目前已推出旗艦級5G SoC天璣1000系列以及主攻中高端5G手機市場的天璣800系列天璣820是天璣800系列的成員綜合表現堪稱同級最強天璣820力拚5G市場的突破者之姿推動5G應用普及化。
聯發科目前已經有天璣1000、天璣800、天璣1000+以及最新的天璣820透過多元的產品佈局盼藉此加速5G的滲透率也可以讓終端品牌廠可以有更多的選擇儘管今年遭逢新冠肺炎衝擊但聯發科今年整體營運還是會力拚合理成長對全球以及大陸智慧型手機出貨量預估全球在17億至2億支大陸會佔其中的1億至12億支另外當下美國、大陸關係緊張也恐導致大陸手機品牌場降低對高通採購聯發科順勢受惠都將為今年營運契機預估進入下半年5G的貢獻將更加明確浮現。
聯發科表示天璣820採用旗艦級處理器常用的四大核CPU架構性能表現出色尤其在多核性能上遠超同級天璣820具備高性能的多核架構大幅提升遊戲性能。結合聯發科HyperEngine 20遊戲優化引擎不僅能加速遊戲啟動和轉場還可以讓遊戲滿幀運行更穩定天璣820承襲天璣1000系列的先進5G技術整合全球領先的聯發科5G資料機完整支持5G獨立及非獨立組網(SA/NSA)在全球率先為用戶帶來5G+5G雙卡雙待的功能先進的5G雙載波聚合技術還可增加30%高速5G訊號的覆蓋。
在5G實網測試中天璣820的5G上下行速率顯著超越同級甚至優於旗艦級競品高傳輸速率加上最低的遊戲平均延遲提供高速5G連網體驗同時天璣820搭載聯發科獨家5G UltraSave省電技術以全球最低5G功耗帶來更長效的電池續航力另外天璣820搭載獨立AI處理器APU30透過專屬硬體加速帶來強勁的浮點AI運算能力靈活運用聯發科技獨家的多任務排程技術在AI拍照、影像優化等多種日常應用中都展示最佳表現。</t>
  </si>
  <si>
    <t>冰島政府在疫情爆發初期便超前部署成為全球新冠肺炎病毒篩檢比例最高的國家成功減緩疫情並讓人民迅速回歸正常生活。
■&amp;quot;I didn&amp;apos;t expect the recovery to be this fast&amp;quot; said Iceland&amp;apos;s chief epidemiologist Thorolfur Gudnason
今年5月初許多歐洲國家的新冠肺炎疫情尚未脫離險境數百萬人仍被迫居家辦公但冰島人已回歸家家戶戶出門上班上課的日常生活。冰島衛生局長兼首席流行病學家古納森（Thorolfur Gudnason）表示：「我沒想到我們這麼快就能恢復正常。」
5月初搶先解封
除了酒吧、健身房及泳池以外冰島各類商家及高中以上學校5月4日起恢復正常營業民眾也能參與50人以內的集會活動只是人人之間須保持2公尺社交距離。
即便在5月4日前的六周封鎖期間冰島人的生活也沒受到太大限制因為國中以下學校照常上課餐廳、咖啡館在內用人數低於20人且保持社交距離的情況下也照樣營業。
截至5月8日為止冰島新冠肺炎確診病例1801人只有10人死亡。5月4日冰島解封以來單日新增確診病例只有個位數某幾日甚至單日零確診與疫情高峰期單日新增106例相比疫情大幅減緩而一切都要歸功於政府力行普篩、追蹤、隔離的三步驟防疫政策。
冰島在2月28日通報國內首位確診病例後便由政府和民間生技公司deCODE genetics合作擴大病毒篩檢對象。除了已出現症狀或老年人、慢性病患者等高風險族群是由國立大學醫院負責檢測之外無症狀的一般民眾都可透過deCODE genetics接受病毒篩檢。凡是篩檢結果呈陽性者皆強制隔離14天並由防疫單位追蹤接觸史再要求接觸者進行篩檢與隔離。
經濟合作暨發展組織（OECD）在4月底公佈的統計指出冰島全國36萬人口當中已有46萬人接受病毒篩檢相當於每千人中有135人受檢比例位居OECD會員國之冠其次是盧森堡平均每千人有645人受檢。愛沙尼亞平均每千人有37人受檢排名位居第三。
早在今年3月疫情開始蔓延全球時世界衛生組織（WHO）秘書長譚德塞就呼籲各國擴大篩檢因為在缺乏普篩的情況下各國政府等同是「蒙住眼睛救火」。然而許多國家因篩檢試劑不足、準確度偏低或醫療系統崩潰等種種因素無法落實全民普篩。
篩檢資料 全球最完整
美國在疫情惡化後雖然擴大病毒篩檢但醫療資源不足導致篩檢比例有限。資料統計網站Worldmeter依美國各州篩檢人數統計的結果顯示美國平均每百萬人有7100人受檢遠低於冰島的96萬人。
史丹佛大學公共衛生與生醫資料科學教授艾歐尼迪斯（John Ioannidis）表示目前全球最完整篩檢資料來自冰島且這批資料含有許多值得各國注意細節。資料顯示冰島僅有03％至08％人口感染新冠肺炎病毒但這些感染者當中多達半數在受檢時毫無症狀。
deCODE genetics執行長史蒂文生（Kari Stephansson）表示：「這個結果有點嚇人因為這些無症狀者可能在不知情的狀況下傳播病毒。」
但在冰島政府以疫情搭配普篩的政策操作下無症狀者一旦驗出病毒立刻隔離不僅降低傳染風險也讓大多數民眾得以保有正常生活。冰島根據普篩資料所做的研究也發現848名隨機抽樣的10歲以下受檢者當中無人呈現陽性使政府決定封鎖期間16歲以下學童可照常到校上課。
史蒂文生表示：「即便傳染病大流行情況下運用現代科學仍可有效減緩疫情擴散。」</t>
  </si>
  <si>
    <t>肺炎病毒篩檢冰島資料</t>
  </si>
  <si>
    <t>肺炎 病毒 篩檢 冰島 資料</t>
  </si>
  <si>
    <t>病毒冰島肺炎資料</t>
  </si>
  <si>
    <t>美國有線電視新聞網(CNN)與《衛報》30日報導美國莫德納生物技術公司公佈最新一波新冠肺炎疫苗第3階段臨床測試結果資料顯示其防疫效果高達941%且能完全避免染疫者惡化為重症。莫德納表示正向美國與歐洲的監管</t>
  </si>
  <si>
    <t>美國有線電視新聞網(CNN)與《衛報》30日報導美國莫德納生物技術公司公佈最新一波新冠肺炎疫苗第3階段臨床測試結果資料顯示其防疫效果高達941%且能完全避免染疫者惡化為重症。莫德納表示正向美國與歐洲的監管機構申請批准。
據CNN報導第3階段實驗共3萬人參與其中15萬施打疫苗令15萬人則接種安慰劑。接受疫苗的實驗組僅11人染疫施打安慰劑的則有185人感染疫苗有效性約941%。
甚至實驗組的11人並沒有轉為重症而對照組的185人中有30人轉為重症、1人死亡。對老人與少數族群而言莫德納的疫苗也有同樣功效。
《衛報》指出莫德納目前已將相關研究資料遞交美國、歐洲與英國的監管機構以獲得疫苗緊急授權。其希望美國食品暨藥物管理局(FDA)能在12月17日的會議上進行審查。除輝瑞已於20日提交申請外莫德納為第2家向FDA申請疫苗緊急授權的國家。
事實上英國已購買700萬劑的莫德納疫苗；隨著莫德納公佈中期結果為945%的有效性又再購買500萬劑而上週又採購200萬劑。但是要到2021年3月才能向英國供應疫苗。目前莫德納已獲得美聯邦政府248億美元的(約新臺幣72118億元)資金援助。</t>
  </si>
  <si>
    <t>多家媒體今天報導指出北韓已經解除3600多人的2019年新冠狀病毒隔離令。新冠肺炎肆虐全球95國確診病例超過10萬例。平壤當局實施嚴格限制措施關閉邊界試圖避免爆發疫情而當局也堅持境內沒有任何確診病例。
根據南韓聯合新聞通訊社北韓官方廣播電台報導說截至本月5日已解除江原道（Kangwon）和慈江道（Chagang）約3650人的隔離令。
而官媒北韓中央通信社6日表示380名接受「嚴格醫療監管」的外籍人士有221人已解除隔離。
北韓因其核子及彈道飛彈計畫而招致多項國際制裁。當地醫療基礎建設薄弱禁不起武漢肺炎爆發分析家表示防範未然是北韓唯一選項。
北韓領袖金正恩本月5日以親筆信「慰問」抗疫努力不懈的南韓總統文在寅。
南韓今天上午通報93起新增病例確診病例累計7134起為疫情源頭中國以外數量最多的國家。
根據南韓疾病管理本部資料死亡病例新增2起總數來到50起。
武漢肺炎蔓延全球95國和地區確診病例已突破10萬。</t>
  </si>
  <si>
    <t>美國食品藥物管理局（FDA）顧問小組週二（30日）以些微差距支持默沙東（Merck）新冠口服藥物molnupiravir主因在於最終試驗結果顯示該藥有30％功效可降低高風險族群住院與死亡。此藥可望於年底前獲得通過成為美國首款治療新冠肺炎的居家口服藥物。
FDA抗微生物藥物諮詢委員會（AMDAC）以13票同意、10票反對的表決結果支援FDA給予molnupiravir緊急使用授權但建議對象僅限於高風險族群。
FDA通常會遵循專家小組建議預計於年底前做出決定。molnupiravir在英國已獲授權使用。
該委員會歷經數小時辯論後決定支持該藥原因在於他們認為molnupiravir的好處勝於風險。該藥可讓患者在家口服不像抗體藥物須借助醫療人員在醫院注射因此被視為抗疫重大突破。
據默沙東最終臨床試驗結果顯示與服用安慰劑的成人相比molnupiravir可降低成人患者住院與死亡機率約30％遠低於初步資料顯示的50％。許多專家警告孕婦不應服用molnupiravir因為此藥可能導致胎兒畸形同時建議醫生開立此藥前須替女性驗孕。也有專家質疑此藥作用原理可能幫助病毒突變、成為更危險的變異株。
專家認為此藥適用於治療輕至中度新冠肺炎的高風險族群包括老年人以及患有氣喘與肥胖等疾病的人。多數專家表示已接種疫苗者不該服用此藥因為研究並未將他們涵蓋在內未有證據顯示利大於弊。鑒於天氣變冷恐導致新冠病例數量攀升加上非洲南部發現的新變種病毒Omicron來勢洶洶默沙東口服藥若獲授權可望為抗疫大戰增添利器。</t>
  </si>
  <si>
    <t>疫情升溫台股加權指數17日開在1555499點指數回測前波低點15165點護國神山台積電（2330）開在544元其他權值電子股如聯發科（2454）、鴻海（2317）等守住上周低占指數一度大跌500點部分遊戲股、電商股及防疫概念股逆勢上揚為盤面上少數亮點。
美股甩脫4月零售銷售資料不如預期的陰霾由逢低買盤帶動科技股領軍強彈但漲幅仍不足以收復過去一週因為通膨壓力跳高而引發的失土。
道瓊工業平均指數5月14日終場上漲106％（36068點）、收3438213點；周K線下跌114％。
那斯達克指數上漲232％（30499點）、收1342998點重新站回120日移動平均線（半年線）；周K線下跌234％。
費城半導體指數勁揚302％（8748點）、收298142點；周K線重挫42％。
法人分析在台股部分受新冠肺炎疫情擴大影響台股大幅震盪靜待買點浮現。
元富投顧指出從最近美國聯準會（FED）的發言推估貨幣政策雖持續寬鬆但通膨隱憂已再起不利熱錢流向。台股17650季線和頸線成多空重要關卡目前跌破中原則上可觀望也可少量跌深反彈股。
現階段選股優先選擇下半年展望佳跌深股或原物料創高拉回股操作觀念「低接電子跌深股；或價差應對多頭排列的原物料股」酌量操作包括國巨、祥碩和景碩最具指標。
另外傳產和金融股部分包括陽明、長榮、中鋼、中鴻、南紡等盤中波動大適合價差應對。目前虛擬貨幣市場走弱包括比特幣大震盪還有乙太幣和狗狗幣拉回視為投機資金風向球目前不利多方。
近期全球股市隨美股起舞國際股市紛紛出現高檔拉回包括美股和歐股都一樣未來台股高檔上下盪機會大。台積電量能變化將是本波觀察重點。比特幣和美元中期走勢將是多空最大變數。</t>
  </si>
  <si>
    <t>國內新冠疫情升溫引發國人高度擔心要求普篩的呼聲再起。但疫情指揮官陳時中仍然認為時候未到甚至認為連針對醫護人員進行普篩都沒有必要。目前疫情指揮中心仍以隔離為主要的防疫對策。陳時中還強調目前並未針對部桃醫院進行封院台灣也沒有社區感染民眾不需過度恐慌。
不過由於之前經常出現其他國家驗出由台灣出發的旅客為新冠陽性再加上國內一直沒有實施普篩不少國人對台灣是否已經出現指揮中心所未查覺的社區感染其實懷有相當的疑慮。
從衛福部所發布的相關統計資料來看國內是否有隱而未現的新冠肺炎患者確實值得關注。2020年國人肺炎及流感的死亡人數為21427人2019年死於肺炎者為15185人死於流感者為318人兩者相加為15503人因此2020年因肺炎及流感死亡的人數相較2019年大增5924人。
2018年死於肺炎者為13421人2017年為12480人而每年流感的死亡人數在300人上下。比較2019年、2018年和2017年的數字可以發現台灣每年死於肺炎和流感的人數較之前一年大約會增加1000人左右。
如此看來2020年比2019年大增近6000人增加的幅度實在太不尋常了不得不令人懷疑其中有沒有可能是因為國內未做普篩而將死於新冠肺炎者誤列為死於一般肺炎或流感以致於讓2020年出現了近年來超高的肺炎及流感死亡人數？衛福部必須進行深入的瞭解並給國人一個清楚的說明。
別為了要讓新冠防疫成績好看就忽略了疫情可能已在社區流行甚至造成大量死亡的疫情實況而疏於防範置國人健康安全於高度風險中。</t>
  </si>
  <si>
    <t>新冠肺炎疫情尚未趨緩房市是否受疫情影響而產生波動中信房屋研展室副理張漢超說需等到第一季後才會較為明朗民眾對房市、房價勿須太過悲觀恐慌。按照過往資料統計即使大環境負面因素衝擊房市但影響時間仍</t>
  </si>
  <si>
    <t>新冠肺炎疫情尚未趨緩房市是否受疫情影響而產生波動中信房屋研展室副理張漢超說需等到第一季後才會較為明朗民眾對房市、房價勿須太過悲觀恐慌。按照過往資料統計即使大環境負面因素衝擊房市但影響時間仍然有限如果區域基本面具有發展性、物件本質亦相當不錯那麼就不需太過擔心房市短期內的波動變化。中信房屋根據去年不動產交易實價資料以統計計量方式計算六都各行政區住宅大樓房價相對穩定的區域其中以新北、台中最多分別有5個行政區高雄有4區臺北、桃園和台南則分別各有2區。
臺北市的文山、北投分別位處北市南北的邊陲前往核心市中心距離較遠整體居住環境較為單純深受文教或退休族群的喜愛。實價資料統計住宅大樓成屋單價約在50多萬左右是六都價穩區中價格最高的區域。
仔細觀察南北價穩區就可以發現所在區位大不相同。雙北幾乎都位於市區邊陲地帶而桃園是緊鄰於房市交易熱區旁台中、台南與高雄則都位於市區核心之內張漢超指出上述現象可以反映市場價格敏感度的現象。北部核心區域房價波動度大對風吹草動較為敏感而中南部核心區域因有買氣撐盤房價波動反而較穩的現象這應該是南北市場結構上的差異使然。</t>
  </si>
  <si>
    <t>美國FDA核准近20年來首款阿茲海默症新藥以及新冠肺炎疫苗技術的重大突破使著醫療產業邁向另一個創新期法人表示預期生技醫療產業的創新研發技術將帶動相關企業獲利營收表現進而推升股價走勢。
生醫股今年來表現原本落後大盤然在近期FDA通過Biogen一款治療阿茲海默症的藥物Aducanumab為生醫股再度注入一劑強心針百達投顧表示Aducanumab是20年來首度通關的相關藥物並帶動股價出現大漲走勢這對於老齡化加劇的全球在對抗中樞神經疾病上面帶來重大影響市場解讀接下來類似的新藥研發項目有機會被通過。
過去許多公司因為臨床實驗結果不足而暫停了藥物的研發專案鑑於FDA此次的態度透露出在藥物有效性證據方面採取了較靈活性審查機制這對整體生技產業發展是相當正面的利多訊號。
保德信全球醫療生化基金經理人江宜虔指出以新冠肺炎疫苗開發為例人類透過已發展20年的基因序列技術作為基礎同時間基因排序的成本亦從20年前的1億美金大幅降低至現在的1千美元以下利用基因排序的技術合成出mRNA疫苗且從研發到上市僅耗費不到1年的時間成為醫療產業研發的一大突破。
百達投顧表示近期市場較關注的還包含幾場醫觀察過去五年生技指數逐季表現第二季與第三季平均上漲64％與427％是四個季度表現最佳的兩季也值得投資者留意。
鑑於近期通膨議題再起江宜虔分析回顧過往歷史資料中小型生技股、生命科學工具等以個股題材為主的族群在利率上揚期間股價整體平均領先美股近4～8％不妨可透過醫療生化基金來參與生技股漲升。</t>
  </si>
  <si>
    <t>美國生技大廠諾瓦瓦克斯（Novavax）蛋白次單位新冠疫苗在保護力及對抗變種病毒的能力都表現優異國產的高端及聯亞疫苗也是蛋白次單位疫苗能擁有如同諾瓦瓦克斯疫苗的效力嗎？專家認為諾瓦瓦克斯做這支疫苗用上兩項專利：奈米顆粒技術和佐劑國產疫苗恐怕很難望其項背。
我國開打新冠疫苗以來AZ猝死數字令人心驚莫德納開打後也陸續傳出猝死個案雖然到目前為止無法證明死亡與疫苗有直接關係不過國內有部分民眾堅定等待國產疫苗因為他們深信蛋白疫苗最安全。
●同是蛋白疫苗　高端聯亞也和諾瓦瓦克斯一樣優異嗎？
美國生技大廠諾瓦瓦克斯6月中旬宣佈該公司研發的蛋白次單位新冠疫苗第3期臨床試驗資料疫苗整體效力達904％可100%預防中度或重症對抗英國變種(Alpha)、南非(Beta)、巴西(Gamma)及印度(Delta)變異株效力達93%。
科學家兼醫藥作者巴斯廷（Hilda Bastian）在美國《大西洋（The Atlantic）》雜誌撰文指出最先上市的mRNA疫苗非常棒使用蛋白次單位技術的諾瓦瓦克斯又更好她認為諾瓦瓦克斯是現在最好的新冠疫苗。
國產高端及聯亞疫苗也是蛋白次單位疫苗可以據此類推也具有高保護力及對抗變種病毒的能力嗎？
●技術與做法不同　效果就不一樣
「不要以為蛋白疫苗都一樣」感染權威、台大兒童醫院院長黃立民表示「技術不一樣做法不一樣效果就不一樣。」諾瓦瓦克斯研發的新冠蛋白疫苗有獨特技術國產疫苗很難有一樣好的表現。
國家衛生研究院感染症與疫苗研究所研究員暨生物製劑廠執行長劉士任表示即使同是蛋白次單位疫苗每家公司在疫苗設計和生產技術上仍有不同。諾瓦瓦克斯與國產疫苗不同之處有3：
1抗原的蛋白質來源不同諾瓦瓦克斯用昆蟲（秋行軍蟲）細胞培養蛋白高端及聯亞則用哺乳類倉鼠的CHO細胞去培養。
2製作技術不同諾瓦瓦克斯以專利奈米顆粒技術聚合棘蛋白形成奈米顆粒。
3使用的佐劑不同。他解釋蛋白疫苗成份單純對免疫系統的刺激不強因此必須添加佐劑提高免疫反應佐劑對於蛋白疫苗的效力至關重要。
●培養蛋白　諾瓦瓦克斯用昆蟲細胞　國產疫苗用倉鼠細胞
長庚大學臨床醫學研究所副教授顧正崙表示抗體類的蛋白藥物一般使用哺乳類細胞生產因為製造蛋白時的醣基化過程（利用酵素將醣分子添加在蛋白質上）昆蟲細胞蛋白跟人類不太相同倉鼠細胞則跟人類極為類似理論上使用倉鼠蛋白效果會比較好高端與聯亞用的是倉鼠細胞蛋白諾瓦瓦克斯則選用的昆蟲細胞但臨床試驗上看起來效果很好顯示使用昆蟲細胞也沒問題而昆蟲細胞還具有產量好、價錢便宜的優勢。
●諾瓦瓦克斯強項之一：特殊的奈米顆粒技術
黃立民指出諾瓦瓦克斯最強的地方在於用專利的重組蛋白奈米顆粒技術跟該公司專利的佐劑Matrix-M混合讓多個抗原蛋白聚合形成奈米顆粒有效提高免疫反應。
「奈米顆粒的優點是提高免疫系統辨識的效率」劉士任解釋人體是靠免疫系統去辨識棘蛋白來刺激免疫反應「聚合成球的棘蛋白比單個棘蛋白醒目當棘蛋白目標愈顯著免疫系統愈容易辨識到奈米顆粒被免疫系統辨識的效率比較高抗原性也就比較好。」
●諾瓦瓦克斯強項之二：專利佐劑
顧正崙表示諾瓦瓦克斯除了棘蛋白可聚在一起的特殊設計佐劑Matrix-M也是該公司的研究成果主成分是皂素(Quillaja saponins)與膽固醇、磷脂以特殊比例組成可以刺激出非常好的免疫反應。
他指出佐劑概分3類一是傳統的鋁鹽非常安全並廣泛使用但刺激細胞免疫的效果不是很理想；二是一些免疫刺激性強的類微生物成分像是CpG；三是皂素等三萜（Triterpenes）類成分。
CpG與皂素屬於較新的佐劑除了誘發抗體反應好相較鋁鹽會誘發很好的T細胞反應近年逐漸使用在各種疫苗上。皂素與三萜類成分安全係數相當不錯產生的免疫刺激也非常好除了諾瓦瓦克斯英國葛蘭素史克藥廠（GlaxoSmithKline）的佐劑AS03與諾華（Novartis）藥廠的佐劑MF59也是以三萜類成分鯊烯（squalene）為主要成份效果也非常好與諾瓦瓦克斯各有各的專利。
國產的高端及聯亞各使用兩種佐劑高端是CpG1018及aluminum hydroxide（一種鋁鹽）聯亞則是CpG及aluminum phosphate（另一種鋁鹽）。
黃立民直言高端和聯亞使用的佐劑並不新「台灣的疫苗公司什麼專利都沒有技術底子沒有人家好」至於大眾最關切的保護效力高端及聯亞疫苗的人體試驗目前只進行到第2期只能證明安全性沒問題但還沒有進行3期人體試驗保護效力不得而知現在只能從中和抗體效價推估保護效力。
●國產疫苗保護力待驗證　可以施打嗎？
黃立民說疫苗抗體跟保護力大致成正比雖說不同實驗室做出來的結果不能直接比但現在國產疫苗也只有中和抗體效價可參考如果不看實驗室只看資料諾瓦瓦克斯是國際標準單位1800左右而同實驗室做出來的高端與聯亞分別是662與1023高端是聯亞的6倍諾瓦瓦克斯則比兩支國產疫苗都高出許多「一般認為疫苗效果一定會有差。」劉士任也認為在欠缺3期臨床資料情況下從中和抗體效價看起來國產疫苗的效力比較令人擔憂。
那國產疫苗還有打的價值嗎？黃立民說國產疫苗還是打得出抗體總會有一定保護力安全性也不必擔心要應付國內疫情可能是可以的在緊急情況可以使用。目前政府採取的做法是免疫橋接如果國產疫苗中和抗體的表現跟AZ一樣水準至少可有6、7成效力就可獲得緊急授權核准使用。「問題是打了國產疫苗的人要不要繼續打其他廠牌疫苗？以及國產疫苗未獲國際認證出國怎麼辦？這都是複雜的問題。」
不過顧正崙認為不同種類的疫苗與不同佐劑誘發的免疫反應是不一樣「只測抗體濃度或是體外病毒中和實驗只是疫苗誘發免疫反應的一小部分生物指標（biomarker）並不是疫苗誘發抗感染反應的全部；再者COVID-19避免重症或感染是抗體重要？那T細胞的免疫有多重要？目前沒有確切答案。」
顧正崙指出AZ疫苗所誘發抗體濃度相對於mRNA疫苗來說並不高但在真實世界中的保護效果還是相當好「若要經由免疫橋接的方式評量疫苗的保護力最好是比較兩個類似與近似佐劑的疫苗會有比較好的評估準確性。不過評估疫苗效力最好的方式還是經由臨床試驗研究它在真實世界中對抗病毒的效果。」</t>
  </si>
  <si>
    <t>國際機器人協會IFR發布最新報告指出全球工業機器人累計運作數量已達270萬台創歷史新高。法人指出在製造業現代化升級、數位轉型需求拉動下未來三年新增安裝量將逐年成長為機器人產業醞釀「估值再提升」的多頭行情！
根據IFR報告去年雖然受到美中貿易戰影響全球工業機器人新增安裝量只有373萬台低於40萬台水準但仍創歷年第三高紀錄；而且累計運作數量已達270萬台創歷史新高。
由於今年新冠肺炎疫情爆發造成工廠停工加上美中衝突升溫機器人新訂單增長不易不過隨著中國疫情已獲得控制歐美地區也出現轉折預期明年新訂單即可重拾成長動能並在2022或2023年重回疫情前水準。
第一金全球AI機器人及自動化產業基金經理人陳世傑表示過去五年全球智慧製造、自動化生產發展迅猛規模已擴增85％。去年來面對美中衝突、新冠肺炎的考驗機器人新訂單增長放緩但累計運作數量仍舊不斷增加。
從資料結果顯示機器人自動化趨勢並沒有改變。陳世傑分析美中衝突、疫情影響刺激企業調整中國佈局策略加快了製造業現代化升級、數位轉型的腳步而機器人具備快速生產、客製化與成本效益的三大優勢滿足工廠轉型升級的相關需求。
尤其人機協作機器人搭配AI人工智慧軟體的彈性調整特色提供多元化的生產方式是去年唯一逆勢成長的類別新增安裝量年成長11％。美林證券預估未來五年機器人的使用量將較目前倍增吸引更多投資人青睞。
陳世傑指出近幾年機器人指數的本益比落在21～39倍區間、股價淨值比為25～33倍區間。在AI技術的幫助下機器人走向更加智慧化預期也會帶來「估值再提升」的行情。</t>
  </si>
  <si>
    <t>國內新冠肺炎疫情持續延燒不少餐飲業者、大型百貨調整營業時間。稍早林口三井Outlet在臉書公告因應新北市疫情確診數不斷增加今起至25日將自主停業3日進行內部大清消並表示此決定與指揮中心並無關係。
林口三井Outlet稍早於臉書公告即日起至5月25日自主停業3日將進行內部大清消作業。國內疫情爆發後根據指揮中心公佈的確診資料顯示新北市1282例為全台最多為疫情重災區其次為臺北市1007例、桃園市131例。
事實上林口三井Outlet月初時就已配合新北市全市大消毒當時也提早閉館進行清消作業但連日以來新北市的疫情尚未趨緩經過開會後決定自主停業3日進行內部大規模消毒並強調與指揮中心沒有關係。
★《中時新聞網》提醒您：因應新冠肺炎疫情疾管署持續加強疫情監測與邊境管制措施 如有疑似症狀請撥打：1922專線或 0800-001922 並依指示配戴口罩儘速就醫同時主動告知醫師旅遊史及接觸史以利及時診斷及通報。</t>
  </si>
  <si>
    <t>使用共用汽車服務的人都希望租用的車輛能順利上路車內亦沒有惱人煙味。當共用車輛被刮傷、有凹痕或有人在車內吸煙時總讓人感到相當困擾。博世正為車隊經營業者和交通移動服務商開發全新Ridecare解決方案希望讓這些共用汽車的難題成為歷史並為使用者提供更安全、愉快的乘車體驗。
Ridecare的第一個標準功能是煙霧及損壞偵測為此博世結合車輛中的感測器盒透過人工智慧分析雲端資料再以更快速、貼近需求的方式進行修復或清潔優化車隊管理。共用服務商將可即時接收重要、易理解的資訊識別車輛是否遭受破壞或車內吸菸。
博世集團董事會成員Harald Kroeger表示以汽車共用而言提高客戶滿意度的關鍵之一是確保使用者安全愉快的駕駛體驗為此博世的Ridecare解決方案為共用市場的客戶體驗樹立新標竿。該全球技術與服務供應商正在亞洲、北美、及德國的共用服務領導廠商合作以推出量產的煙霧及損害偵測系統為目標進行前導專案。博世此項車隊服務日前已獲南德認證檢測公司（TUV Sud）的可靠度等正式認證。
汽車共用服務業者幾乎很少收到其車輛在給特定租賃期內遭受破壞或使用者於車內吸菸的資訊。使用者通常會回報車輛的嚴重損壞但服務商往往仍要承擔輕微損傷的維修成本。此外若前一位駕駛暗自在租用的車輛內吸菸亦可能造成使用者嚴重不滿其專業內部清潔的成本則可達到數百歐元。透過博世的Ridecare解決方案共用服務業者將可輕鬆掌握車隊實際狀況而非根據臆測。車輛中的感測器盒可偵測車內的香菸煙霧及車體的損壞狀況。
此外用單一感測器元件即可偵測上述損害更是業界創舉。當前市面上雖有可偵測煙霧或交通事故的感測器但皆無法同時兼顧兩者。Harald Kroeger表示博世結合煙霧及損壞檢測打造並計畫量產世界上第一個能可靠檢測、如實回報車內損壞及煙霧的解決方案。
此外盒中的感測器非常精準不僅可偵測事故亦能察覺停車時發生的意外損壞例如停在市中心且當下未出租的共用車輛的輕微碰撞。由此共用服務商得以確定車輛損壞或車內吸菸的責任歸屬。
博世的創新車隊服務包含永久安裝於擋風玻璃內側的感測器盒以及雲端資料分析智慧軟體。一旦車輛內部事故或煙霧的感測器資料上傳至雲端後台博世就可以運用人工智慧判讀其嚴重程度並為車隊操作人員提供分級依據。其智慧演算法結合車輛的動態資訊及道路狀況等附加資訊共用服務商將可精確地判斷車輛是否僅外觀損傷或極需立即檢測、維修以確保車輛可正常行駛。
Harald Kroeger表示Ridecare服務再一次證明人工智慧物聯網（AIoT）的潛力結合人工智慧及物聯網將造福共用服務使用者。此外借助人工智慧資料分析博世可以掌握車輛損壞的確切位置如保險桿或車體底部此將有助於紀錄及評估損壞狀況。若將感測器盒的資料與影像結合車隊及交通移動服務業者亦可推估維修成本。
對於共用服務業者來說快速、透明地記錄車隊中個別車輛的損壞狀況非常重要因為這是他們提高車輛性能和當機時間減為最低的唯一途徑。除了損壞分級外Ridecare服務亦會通報共用服務業者交通事故發生的確切地點和時間以及車內吸煙的明確時間點。此類訊息可協助車隊管理者和交通移動服務業者維持車輛的完美狀態增進駕駛和乘客的福祉。
儘管共用需求在新冠肺炎流行期間下降專家們仍預測汽車共用市場未來將蓬勃發展：取代私家車的交通移動服務在歐洲產值將達1270億美元其中170億美元來自德國市場。美國顧問公司Strategy&amp;更預估2035年歐洲汽車共用的業務潛力將成長四倍以上達5490億美元。</t>
  </si>
  <si>
    <t>國際生技大廠輝瑞、莫德納（Moderna）相繼宣佈好消息但國人最快何時可以打到新冠肺炎疫苗？對此中央流行疫情指揮中心發言人莊人祥今天表示指揮中心已經編列就是編列1155億元經費目標就是要購買到每劑要價約700元台幣約可購買1500萬劑疫苗來計算最快明年中後民眾就可以施打到國際的新冠疫苗。
美國研發中的莫德納（Moderna）新冠疫苗昨天宣佈第三階段試驗初步資料顯示疫苗在預防Covid-19方面有效性超過94％。而外電報導美國、加拿大都已經購買了一億劑台灣要買到的機會可能不大。
對此中央流行疫情指揮中心發言人莊人祥今天表示目前其實整個全球疫苗都是在臨床試驗階段連最近有好消息的ＢＮＴ和Moderna都在第三期候選疫苗眾多不會單一押寶還是先向COVAX購買。
至於指揮中心會向國際購買多少疫苗？莊人祥說目前就是編列1155億元經費換算下來就是總共預計購買1500萬劑的新冠肺炎疫苗換算每季要價700元台幣去計算他還說價格可能比700元更低。
莊人祥也表示有關Moderna這支疫苗仍要看它何時可以通過臨床試驗而這疫苗和ＢＮＴ相比冷鏈、冷藏上比較有利Moderna冷藏溫度需要零下20度但可以在普通冰箱存放二到三天對於儲存比較有利這是中間選項部分因此會去努力爭取。
莊人祥也強調目前Moderna雖不在COVAX釋出的首波候選名單會不會進入第二波指揮中心也沒有把握但是今年八、九月時我們曾和Ｍ聯繫過也有直接的管道未來是否有其他代理的廠商「有任何的管道我們都會去嘗試。」</t>
  </si>
  <si>
    <t>安盛生科（6734）在美國Future of Health 2020宣佈該公司規劃在今年第四季推出安必測新型冠狀肺炎智慧抗原快篩（PixoTest POCT COVID-19 Antigen Test）與數位健康通行證（PixoHealth Pass）。
安必測新冠肺炎智慧抗原快篩最快可以在5分鐘內偵測出陽性結果這將會是市面上檢測時間最短的新冠肺炎抗原快篩產品之一。安盛生科這一波將推出的檢測方案不僅止於精準的抗原快篩也結合具加密保護機制的PixoHealth Pass數位健康通行證可同步發出檢測結果到陰性受測者的智慧型手機以資證明。此數位健康通行證的應用將對於全球仍須嚴格把關的公共場所及公開聚會活動出入進行更有效率的門禁監控。
受測者在進行安必測新冠肺炎智慧抗原快篩檢測之前需先下載PixoHealth Pass APP完成註冊後此應用程式會產出具專一性的QR code（二維條碼）檢驗機構接著使用安必測專用機掃描受測者提供的PixoHealth Pass APP條碼；在完成測試後系統會自動發出檢驗結果到個別受測者的手機中。
安盛生科目前正與國際合作夥伴規劃臨床測試預計於第四季進行取證送審相關作業期望今年能在目標市場推出安必測R新冠肺炎智慧抗原快篩解決方案。
安盛生科成立於2012年是智慧行動醫療科技的先驅。整合三大技術－光電學、生化與影像處理發展出PixoTech技術平臺將智慧手機轉化為精準的醫療檢測儀器、透過即時的醫療檢測與無縫的資料同步促進以資料驅動的健康照護。
安盛生科在2017年推出PixoTest血糖監測系統是全球首獲美國FDA核准的智慧手機血液檢測產品。其致力於發展居家自我檢測和專業臨床診斷在感染疾病、婦女健康和慢性病領域的應用已推出專業IVD體外診斷儀器－PixoTest POCT（安必測）定點照護儀與Eveline（伊必測）智慧排卵檢測等多項產品並進行PixoTech技術授權及共同開發。</t>
  </si>
  <si>
    <t>美國供應商管理協會（ISM）最新資料表示7月份製造業指數自上個月的526升至542高於市場預期和前值產業活動擴張顯著此資料亦顯示美國製造業活動表現來到近一年半來最高水準。此一消息激勵油價續漲超過</t>
  </si>
  <si>
    <t>美國供應商管理協會（ISM）最新資料表示7月份製造業指數自上個月的526升至542高於市場預期和前值產業活動擴張顯著此資料亦顯示美國製造業活動表現來到近一年半來最高水準。
此一消息激勵油價續漲超過1％原油前一周收高WTI原油7月上漲約26％而布蘭特原油7月漲逾5％。
此外石油輸出國組織（OPEC+）在7月初同意從8月開始放寬產量限制從先前5月起每日減產970萬桶改為自8月起到年底每日減產770萬桶意味著即日起產量目標約增產150萬桶。
另一方面截至8月3日全球新冠肺炎疫情確診數超過1800萬例其中美國仍是疫情最嚴重國家、確診超過466萬因OPEC+放寬產量限制且新冠肺炎新增人數持續上升使得油價上漲空間有限。
就技術面觀察輕原油期貨價格持續在月線附近震盪整理短中期均線糾結下檔季線持續墊高可望成為支撐因此在價格帶量跌破40元整數關卡之前整體多方格局不變短線建議中性偏多看待為宜。
而投資人可透過期交所發行的布蘭特原油期貨參與原油行情以新台幣計價的布蘭特原油期貨保證金約一口63000元一個跳動（tick）為新台幣100元且交易時間涵蓋夜盤可完整涵蓋歐美等國際主要原油期貨市場交易時段滿足市場交易需求。（元富期貨提供李娟萍整理）</t>
  </si>
  <si>
    <t>美國疾病管制與預防中心（CDC）內部文件顯示Delta變種新冠病毒正在美國迅速蔓延似乎引發更嚴重的疾病並像水痘一樣容易傳播。
據CNN新聞網30日報導《華盛頓郵報》（The Washington Post）取得的CDC未公開的幻燈片報告說打過完整疫苗的人和沒打過的人一樣都會同樣快散播Delta變種。
一位聯邦衛生官員說CDC會公佈更新的戴口罩守則相關資料扮演了很大的角色。守則中建議在高傳染區完整接種疫苗的民眾在室內仍要戴口罩。
如今全美新冠病例不斷增加據約翰霍普金斯大學（Johns Hopkins University）的統計數字顯示近1個星期來美國平均一天新增61300宗病例但今年6月22日時曾有1天只新增11299宗病例的低點。
CDC主任瓦倫絲姬（Rochelle Walensky）週三說先前的新冠變種病毒顯示民眾接種疫苗後就算罕見地被感染也沒有能力把病毒傳染給別人。然而她強調近幾個星期來疫情爆發調查卻顯示接種疫苗的民眾感染具高度傳染性的Delta變種病毒株後如今其實還能傳染給別人。
美國總統拜登週四稍早宣佈了一連串將要採取的新措施設法讓更多美國人接種疫苗其中包括要求所有的聯邦雇員都得接種新冠疫苗不然將面臨嚴格的規範。「這是美國的悲劇人們奄奄一息並將死去——但他們不必死的」拜登在白宮說「看看新聞吧你們會看到沒打疫苗病患在醫院的報導就在他們躺在病床上垂死要求說『醫生我能打疫苗嗎？』醫生只能說『抱歉太晚了』。」</t>
  </si>
  <si>
    <t>全球首款可吸入式新冠疫苗在「2021第五屆海南國際健康產業博覽會」亮相觀眾可現場體驗。對於吸入式新冠疫苗的使用方法網友稱姿勢好像喝奶茶。據瞭解吸入式新冠疫苗與肌肉注射使用了同種疫苗其制劑配方未改變僅採用不同的給藥方式。
霧化吸入免疫採用霧化器將疫苗霧化成微小顆粒通過口部吸入的方式進入呼吸道和肺部從而激發黏膜免疫而這種免疫是通過肌肉注射所不能帶來的。
據《光明日報》報導全球首款吸入式新冠疫苗由軍事醫學研究院陳薇院士團隊與康希諾生物股份公司聯合研發目前Ⅱ期臨床試驗已取得階段性成果兩次臨床試驗資料分別於2020年5月22日、7月20日在國際著名醫學期刊《柳葉刀》發表。
資料充分證明低劑量疫苗安全且一針接種能引起顯著免疫原性可刺激平衡的體液免疫和細胞免疫志願者中未發現一例嚴重不良反應。
該疫苗已在開展全球多中心Ⅲ期臨床試驗目前在巴基斯坦、墨西哥、俄羅斯、智利、阿根廷等3個大洲5個國家開展共設78家臨床研究中心已完成對4萬餘受試者的接種。今年2月25日克威莎獲國家藥監局批准附條件上市。
此前由陳薇院士團隊領銜研製的霧化吸入新冠疫苗在《刺胳針傳染病》發表臨床研究資料這也是全球首個公開發表的新冠疫苗粘膜免疫臨床試驗結果。
研究結果顯示霧化吸入接種疫苗安全性好無肌肉注射局部不良反應。霧化吸入只需要使用1／5劑肌肉注射用的劑量細胞免疫反應水準就可以與1劑肌肉注射相當。肌肉注射後採用霧化吸入加強免疫可產生高水準中和抗體。</t>
  </si>
  <si>
    <t>新冠肺炎疫情重創美國確診突破百萬占全球3分之1死亡人數跨過6萬大關。受到疫情波及百業蕭條美國前5個星期資料顯示累計超過2640萬人因丟掉工作請領失業補助顯見疫情對就業市場的衝擊嚴峻。由於疫情轉趨</t>
  </si>
  <si>
    <t>新冠肺炎疫情重創美國確診突破百萬占全球3分之1死亡人數跨過6萬大關。受到疫情波及百業蕭條美國前5個星期資料顯示累計超過2640萬人因丟掉工作請領失業補助顯見疫情對就業市場的衝擊嚴峻。
由於疫情轉趨和緩美國多個州也開始漸進重啟經濟請領失業救濟金的人數也逐步下降。不過美國勞工部剛剛公佈的前周（到4月26日為止當周）的初領失業救濟金人數經季節性調整後達380萬人數字雖然比4月前3周低但比財經網站MarketWatch經濟學家估計的350萬高。這也意味受到新冠疫情波及美國過去1個半月以來至少增加3020萬失業人口。
富國銀行資深經濟學家布拉德表示儘管預期未來請領失業補助的會持續下降不過每週破百萬的偏高資料仍可能持續一段時間。2個月前新冠肺炎疫情尚未席捲美國每週平均新增失業人數僅20來萬寫下接近半世紀以來的新低。</t>
  </si>
  <si>
    <t>據英格蘭公共衛生署（Public Health England）估計接種兩劑阿斯特捷利康（AstraZeneca）新冠疫苗阻止出現症狀的效力可達90％。不過它也提醒目前還沒有足夠的資料顯示這就是決定性定論。據路透和《每日郵報</t>
  </si>
  <si>
    <t>據英格蘭公共衛生署（Public Health England）估計接種兩劑阿斯特捷利康（AstraZeneca）新冠疫苗阻止出現症狀的效力可達90％。不過它也提醒目前還沒有足夠的資料顯示這就是決定性定論。
據路透和《每日郵報》（Daily Mail）21日報導「疫苗大臣」紮哈維（Nadhim Zahawi）說要擊敗新冠病毒再也沒有比疫苗更好的武器。他並強調第二劑疫苗對確保有最強的保護力並使生活恢復正常來說很重要。
此外獨立專家也讚揚研究結果說阿斯特捷利康是全球對抗新冠肺炎大流行的「關鍵武器」。而就在公佈相關結果的同一天英國醫療監管機關同意讓美國輝瑞（Pfizer）疫苗在施打前能在正常冷凍狀態下保存31天而不必像原本要求的要在極冷的狀態下保存並必須在解凍後5天內使用。
雖然在新冠肺炎疫情衝擊下英國是全球死亡病例最多的國家之一但也是最快接種疫苗的國家之一獲得了許多有關接種疫苗的資料。</t>
  </si>
  <si>
    <t>臺北市文化大學爆出有4名住宿學生確診校方緊急匡列造冊快篩臺北市政府也緊急啟動機動快篩隊到文化大學替學生做篩檢北市聯合醫院總院長特助劉嘉仁指出部分同學篩檢出有陽性而機動隊成員都很優秀提早在下午2點40分就完成任務；臺北市長柯文哲也宣佈現場篩檢206位同學快篩陽性共有13位將送去居家旅館。
劉嘉仁說現在還有幾位同學檢體在等待會在記者會上報告有篩出同學是有陽性機動隊成員都很優秀仁濟醫院醫師進度超前把所有206位現場學生完成來不及來採檢的部分會安排到剝皮寮篩檢站。
文化大學教務長方元沂指出共用衛生部份能做的事情是定期消毒因為最近有無症狀的感染所以才會做普篩。
臺北市長柯文哲表示北市成立行動快篩站有需要的地區就做今天到文化大學第一次試辦只要狀況明顯的就送醫院狀況良好就送防疫旅館進行居家檢疫迅速將群聚感染給處理掉。
柯表示中央2日公佈549例本土個案 （新增本土372例加校正回歸177例）但大家不用太驚慌今天雖比1日327例多很多但應是PCR核酸檢測的時間卡住所以別緊張若大家不是很堅持當天就要資料資料就看一周的趨勢較正確因陸陸續續補件會比較不清楚。
柯還說這疾病一開始雖然從萬華區開始但萬華看起來有一定程度的控制住其他行政區則相繼出現現在萬華有3個快篩站1日快篩568人大約有30個陽性反映約53％但每天的快篩人數不一樣比例上上下下、不是很準雖然有一定程度的控制但感染問題尚未解決目前疫情戰況膠著還沒被消滅要思考如何以最低成本將疫情撐到可以普遍施打疫苗。</t>
  </si>
  <si>
    <t>高端疫苗昨正式開打台大小兒感染科醫師李秉穎今天表示疫苗會出現最重大的副作用是過敏性休克但幾十萬人去打頂多就出現一位而已且伴隨著接種人數增加未來肯定會出現猝死、嚴重過敏的狀況但只要不良事件的發生率沒超過沒打疫苗的背景值就不能隨便推論因果關係。
李秉穎今在廣播節目中表示所有的新冠疫苗包括高端會出現的最重大的副作用就是「過敏性休克」發生率是百萬分之一所以如果有幾十萬人去打頂多會出現一位但也不一定會出現。至於其他的副作用可能要等2-4天後才會出來。像是身體痠痛和發燒等。
李秉穎提醒如今幾十萬人去打高端一定會看到嚴重不良事件一定會有人猝死一定會有人嚴重過敏一定會有人神經麻痺。某些人在打疫苗之前本來就有可能出現這些反應而打疫苗並不能預防心肌梗塞、中風等疾病發生。
李秉穎強調打完之後發生上述所說的狀況只能夠稱作是「不良事件」不可以說是副作用也不能叫作不良反應。只要不良事件的發生率沒有超過之前沒有打疫苗的背景值那就不可以隨便推論兩者間的因果關係。
李秉穎提到高端臨床試驗中一人出現顏面神經麻痺的症狀許多人只看見這一個案例就大張旗鼓的說可能安全有問題他認為這不符合科學的原則。「將來若出現不良反應事件恐被擴大檢視但這對任何疫苗來說都是不公平的」。
李秉穎也說先前台灣大量施打AZ疫苗的時候出現幾十個人打完後死掉這個資料也被擴大檢視但死亡不一定與疫苗相關而數字也沒有高過背景值但還是有很多人隨便就說成是打疫苗的死亡率是多少這樣其實不符合科學。</t>
  </si>
  <si>
    <t>國內外購、美日外援新冠疫苗逐步進入台灣近期開始陸續施打因目前疫苗施打率不佳以及有不少長輩施打AZ疫苗後猝死。這讓國民黨立委陳以信看不下去直言這波日本AZ疫苗施打後已有342位國人不幸離世他多次呼籲由政府和CDC應先行給予受害者補償之後政府再行代位求償以減輕受害者家屬負擔。但CDC仍然不做調查和說明令他質疑蔡政府到底有沒有把人民的命放在眼裡？
陳以信9日在臉書發文表示根據最新公佈統計資料6月15日後打日本AZ疫苗的死亡通報率再度攀升到百萬分之295而7月1日後打美國Moderna疫苗的死亡通報率僅微幅上升為百萬分之6兩者差距高達49倍。
陳以信質疑如果CDC仍堅持長者死亡通報率會受到死亡背景值影響(陳以信認為不至於有顯著性)那CDC也必須解釋為何受到相同影響的兩條曲線竟然上升幅度有如此大區別。
陳以信坦言這波日本AZ疫苗施打後已有342位國人不幸離世許多案例死因仍難確定更多家屬基於自責不願再傷害遺體自願放棄解剖調查。他指出這不代表死者不是疫苗受害者只是家屬不願追究下去這也凸顯出現行政府作法錯誤。
陳以信提到針對新冠疫苗受害的救濟程式舉證責任不該放在受害者身上政府應將舉證責任倒置規定只要施打疫苗後一定時間內死亡不論原因均先列為疫苗受害者之後才由政府負舉證責任排除明顯非因施打疫苗而死的案例（如車禍或有其他明確原因而致死）並由政府先行給予受害者補償之後政府再行代位求償減少受害者家屬負擔。
最後陳以信強調每條人命都是命政府必須重視負責他公開反應此事多時CDC仍然不做調查、說明令人質疑這個政府到底有沒有把人民的命放在眼裡？
#615後打AZ死亡通報率是701後打Moderna的49倍
根據最新公佈統計
6/15後打日本AZ疫苗的死亡通報率
再度攀升到百萬分之295
而7/1後打美國Moderna的死亡通報率
僅微幅上升為百萬分之6
兩者差距高達49倍
如果C</t>
  </si>
  <si>
    <t>新冠肺炎疫情爆發以來身處風暴中心的陸股反而較全球股市相對抗跌。法人指出陸股擁有估值相對低、政策作多火力全開二大優勢目前看來大陸疫情流行高峰已經過去加上復工率逐步上升東部和南部地區多數省份工業企業復工率已達95％以上一旦經濟恢復動能陸股後市深具爆發力漲升行情建議可開始逢低分批佈局。
法人表示現階段首要觀察指標仍是歐美疫情再來緊盯大陸公司的情況。陸企2月訂單狀況並不理想需要觀察3月之後是否能恢復包含部分科技產業以及工業外銷為主產業。若情況到第二季依然持續不理想可能需要再修正預期。
在正向因數上包括人行3月16日定向降準、中期借貸便利MLF增強流動性；財政政策挹注約4％GDP；在負面因數上大陸3月經濟資料較去年同期衰退、GDP再下修的壓力、歐美經濟停擺影響需求。
台新中証消費服務領先指數基金經理人葉宇真表示本輪1月4日下跌前滬深300指數本益比約127倍在近期大跌後目前滬深300指數本益比為117倍仍遠低於均值165倍。
反觀美股2月20日下跌前S&amp;P 500指數本益比達245倍近期重挫後目前S&amp;P 500本益比173倍較陸股高出不少。A股相對美股漲幅較小但GDP增速較高陸股因而相對具吸引力。
第一金中國世紀基金經理人張帆表示大陸宣佈湖北省封鎖解除預期武漢市將在4月8日解除封城顯示肺炎疫情已得到控制帶動陸股近期止跌反彈。
歐美各國疫情發展進入高峰期影響消費需求訂單遞延下讓大陸工廠復工仍舊面臨考驗。因此陸股整體反彈幅度不大。</t>
  </si>
  <si>
    <t>2021台灣醫療科技展2日開幕新光醫院今年以「卓越體驗永續新光」主題推出6大展區特別規畫「健康達人講座」新光醫院副院長洪子仁帶頭開講面對Omicron的威脅呼籲大眾給醫界時間不要太害怕也提醒民眾別因疫情耽誤病情該做的檢查還是要做若讓將生日當成健檢日一輩子都不會忘記檢查。
台灣醫療科技展昨盛大登場包括新光醫院等均到場辦展。其中「尖端醫療能醒能走」希望之燈由尖端醫董事長蘇文龍等在開幕式上點亮象徵骨髓間質幹細胞治療脊髓損傷展開新紀元。
新光醫院則由董事長吳東進率領院長侯勝茂等人共同啟動儀式該院今年與新光人壽、新光銀行、新光保全以「卓越體驗永續新光」主題推出6大展區。為期4天展覽中新光醫院特別安排數場「健康達人講座」首日由洪子仁帶頭分享「防疫與國際醫療發展」。
洪子仁表示2020年是人類歷史轉折點嚴格來說台灣2020年沒有重大疫情第一波疫情真正開始是今年5月11日當時獅子會長確診、宜蘭遊藝場出現群聚隨後疫情就爆發確診人數高峰的7至10天死亡人數就到高峰。不過今年9月的Delta幼兒園群聚就未如5月嚴重原因在傳播時間、規模、強度都不同新北群聚發現的較早傳播的規模也因此不同幼兒園接觸的強度也不如阿公店高。
在5月15日到6月24日間國內每日確診人數達100至500人但6月25日至今都維持在百人以下包括新光在內全台醫院都扮演著防疫的角色近期國際間出現新變異株Omicron雖然傳播力比Delta高但不代表致死率高洪子仁籲給醫學界3周時間等待國外資料出來不要太害怕。
洪子仁提醒民眾不要因為疫情耽誤病情健康問題不是只有新冠肺炎還有癌症、心血管問題等該檢查就檢查。新光醫院已在板橋設立健檢中心開設3個月以來1600多人中有26％因健檢發現瘜肉另有21人確診癌症提醒大家多注意。</t>
  </si>
  <si>
    <t>《中時新聞網》精選5件不可不知的國際大事帶讀者掌握今（11）日的國際新聞重點。
【1】	WHO指台電郵裡未寫「人傳人」指揮中心反駁
世界衛生組織（WHO）世衛表示去年12月31日收到台灣所發電郵內容提及媒體報導指出武漢有非典型肺炎病例「但這封電郵沒有提到人與人之間的傳染」；針對WHO回應中央流行疫情指揮中心11日晚間反擊WHO「斷章取義」。
【2】	全球破10萬人死亡！英日增980人病歿 創單日新高
台灣時間11日淩晨全球新冠肺炎總確診人數超過165萬人死亡病例已逾10萬例。英國當天宣佈新增980例死亡病例創英國單日新高。
【3】	川普估死亡低於10萬 下周定奪如何砍WHO
美國總統川普表示他認為美國因新冠病毒的死亡人數應會低於最先估計的10萬人。此外他再次砲轟世界衛生組織以大陸為中心並表示下週將會就美國提供世衛的資金援助做出定奪他必須確定美國納稅人的資金能被妥善使用。
【4】	新冠確診100天 譚籲抗疫不要政治化
世界衛生組織祕書長譚德塞9日表示新冠肺炎疫情爆發100天以來WHO以公平、客觀和中立來處理疫情；針對外界批評他說大家不應將疫情政治化也不該藉此贏取政治分數。
【5】	稱疫情見頂 川普準備拚經濟
美國新冠肺炎疫情慘重經濟資料同樣慘澹令各界正迫切討論何時「解封」。川普總統9日形容美國疫情已見頂希望經濟以「大爆炸」方式重啟也相信經濟定會「強力反彈」之後的狀況會比疫情爆發前更好。</t>
  </si>
  <si>
    <t>新冠肺炎肆虐藝情攀升日本持續傳出相關病例旅居日本女星歐陽靖日前在臉書透露日本機場檢疫鬆散從大陸抵達日本機場的旅客未經檢測可直接出關沒想到此舉卻讓到日本旅遊的友人遭到網路霸淩讓她深感抱歉。
歐陽靖臉書PO文透露一名友人跟家人到日本熊本旅遊沒想到才PO出旅遊照就遭網友留言撻伐：「你怎麼可以不戴口罩」、「你怎麼敢出門玩」、「你回台灣小心被隔離」對此該名友人表示搭飛機、大眾交通工具都有戴口罩也有按規定洗手只不過拍照脫下口罩就被公審感到壓力非常大更有網友引用歐陽靖分享在臉書的日本疫情資料供參考讓歐陽靖感覺是自己煽動大家霸淩他對此感到相當抱歉。
歐陽靖表示分享日本疫情是希望台灣民眾別掉以輕心未料造成部分網友這麼大的壓力讓她對受到波及的人感到抱歉也強調需要「施壓」的對象應該是「身處疫情爆發地區卻沒做好自我保護的人」至於一般民眾就請網友手下留情畢竟「製造恐慌」並非好現象至於近期是否適合去日本？她表示台灣接下來極有可能提升日本旅遊警戒去之後不排除要被居家隔離14天建議還是先緩緩比較好。</t>
  </si>
  <si>
    <t>新冠肺炎病毒全球蔓延中國境外確診個案大增。其中伊朗義大利韓國等國新增確診病例以及死亡人數急劇上升不少中東和歐洲國家亦因而出現首宗確診。
新冠肺炎有機會變成全球大流行對於全球經濟前景的憂慮加劇觸發全球股市回吐。美國疾控中心亦警告公眾須為肺炎疫情爆發做好準備美國股市連續數天急跌美國三大主要股市指數從歷史高位回落8％～9％。
除了疫情發展之外投資者亦要留意左傾立場的桑德斯於2月22日以471％的壓倒性優勢贏得在內華達州舉行的民主黨初選而民主黨溫和派仍處於混戰。由於桑德斯政策是大幅增加政府支出其選情正面的消息不利美股。短期重點將放在3月初的超級星期二初選結果。此外美股之前漲幅較多估值較高於高位調整壓力相對較大。
美國經濟結構不算太受到疫情衝擊加上聯準會或會推出措施穩定經濟近期市場對聯準會降息預期亦有所升溫因此演變成系統性風險的機會不大。由於美國經濟增長相對穩定加上美國國債收益率進一步下跌至非常沒有吸引力的水準美股經過近日大幅調整預計部分資金將回流美股。類股方面龍頭科技股回調10％預期將會逐步有趁低吸納的買盤出現。
中國的資料顯示肺炎疫情在浙江江蘇和廣東等較發達地區的死亡率相對較小可能是由於它們擁有較好的醫療資源。因此如果疫情在全球蔓延醫療資源不足個人衛生水平較低以及人口稠密的國家風險較高。基於上述假設落後的新興國家會受到病毒的打擊最大。再加上預計的經濟因疫情而放緩新興國家經股市表現落後。相反已發展國家所受的影響相對較小。
儘管過去幾天全球股市遭受嚴重的拋售壓力但A股市場走勢變化不大累積跌幅度非常溫和。滬深兩市每日合計成交額已經連續七天突破人民幣（下同）1兆元市場成交非常活躍。
中國持續推出穩定經濟政策向市場注入大量流動性貨幣及財政政策趨向積極。加上中國疫情已經有改善的跡象（鍾南山表示有信心疫情在4月底基本受控）利多A股及中資股。由於中國國家主席習近平維持全年經濟增長目標預計官方將繼續採取措施使2020年下半年經濟增加速有利A股。
隨著中國A股成功納入MSCI及富時羅素滬深港通的北向交易2019年平均每日成交金額創新高按年上升104％至417億元。A股走勢強勁近日北向交易單升至近千億元成交金額。其中60％的北向資金透過深股通投資於深圳交易所上市的股票。實際上深圳股市有更多的高成長公司例如科技股和特斯拉概念股。相反上交所以以傳統股主導受經濟放緩影響盈利增長缺乏動力。
港股近日跌幅溫和明顯優於海外市場。然而由於海外股市依然動盪投資者可關注26500點或之下區位。另外澳門政府重開賭場但因中國為防止疫情傳播將謹慎的恢復跨省／跨境客流因此預計2020年第一季澳門博彩收入將按年下降50％第二季博彩收入仍可能受到疫情影響。</t>
  </si>
  <si>
    <t>政務委員唐鳳榮登疫情期間「好評影響力排行」第一名勝過衛福部長陳時中在此次台灣防疫中扮演舉足輕重角色。曾與唐同台直播的台大碩士楊涵婷表示其有別傳統政治人物的謙沖自牧、誠懇細膩當時便震撼了自己而造就了「天才唐鳳」的唐家尤令人無比震撼。
楊涵婷甫拿到台大國家發展研究所碩士上月中旬即受國家展望文教基金會彭百顯董事長、「全彩」論壇領銜人學者吳統雄之邀與唐鳳就言論自由、資訊流通、反假訊息、媒體自律與社會責任議題進行直播對談。楊也以個人研究社會經濟學和經營社群平臺的觀察向唐提出相關問題。
楊涵婷回憶這場活動開始前團隊光行前會議就開了兩次整整從下午三點一路談到晚上九點。彭百顯與吳統雄除了討論活動進程更針砭時政還構思出促進台灣與周邊政權維持穩定和平的概念。「我永遠不會忘記！」楊表示這足見團隊對與唐鳳對談的重視也令他懷著緊張忐忑的心情。
實際互動楊涵婷卻被唐鳳的談吐態度所顛覆。楊直言：「唐鳳政委相當有禮貌我在訪談中由於過度緊張忘記用敬稱但他卻從頭到尾都用『您』來稱呼大家。」楊更坦言：「政委出乎政治人物常理的細心解答我們的疑問在我某個靈光一閃的提問中他竟然回我近600多字我覺得相當感動！」
此外楊涵婷感嘆當自己面對擁有「天才IT大臣」、「世界百大天才頭腦」種種盛譽頭銜及跨性別、反文憑身份的唐鳳其實內心無比震撼而這種震撼是帶著欽佩與羨慕的。想起自己小時候曾做網頁父母卻連仔細看都沒有就一味誤會、指責他是在玩電動最終甚至沒收了網路資料機——若不是唐家的自由民主可能世上根本不會有「天才唐鳳」！此般自由民主的家風讓生長在傳統框架的孩子望塵莫及多少自由奔放的靈魂早已被食古不化所抹殺？
在防疫讓唐鳳走上「神壇」的同時楊涵婷盼以親身經歷帶大眾以不一樣的視角去看「唐鳳」；也以與其互動的心得對台灣長久的家庭、教育價值觀提出省思：「我外公受日本教育嚴謹有條影響頗深連帶我家人也理所當然認為『就該是這樣』但看到唐鳳在自由民主的家庭仍可將自己打造得如此優異難道真的有什麼一定是對的嗎？」</t>
  </si>
  <si>
    <t>澳洲墨爾本封城2周後疫情趨緩11日正式解封不過仍維持室外須戴口罩等規定專家表示沒有證據顯示應該強制民眾在室外也戴上口罩認為風會吹散病毒只有近距離聊天時才要戴上口罩。
澳洲維多利亞州在出現源自於印度的變種病毒「Kappa」後於5月底開始封城封城措施奏效維多利亞州睽違3周於11日首度通報0確診首府墨爾本同日也宣佈解封鬆綁外出限制官方原本預告室外可免戴口罩不過隔天政策大翻轉要求民眾在戶外仍得戴口罩。
墨爾本《世紀報》（The Age）報導政府仍強制民眾外出戴口罩的規定令部份專家不解與世界衛生組織（WHO）合作的國際空氣品質與健康實驗室（International Laboratory for Air Quality and Health）主任莫菈絲卡（Lidia Morawska）表示「在我看來沒有理由在室外也要戴口罩。」
「沒有證據顯示病毒在開放空間會造成感染風險」她說「在我看來要求在戶外所有地方都戴上口罩是有點誤導了人們因為覺得沒意義而不遵守規定。」
她認為戶外應該戴上口罩的時機是不能維持社交距離時例如講話或是排隊。
對此維州衛生首長沙頓（Brett Sutton）指出戴口罩仍是非常重要的幹預措施因為民眾一天到晚進出室內、室外很難判斷其他人距離有多近他也強調病毒在戶外也會傳播。
維州政府4月發布的一份研究報告指出戴口罩是讓維州走出第2波新冠疫情的最有效防疫措施官員指出雖然病毒在戶外傳播的機率比在室內低很多但是全球確實看到戶外也有超級傳播事件的案例。
不過關於室內、戶外戴口罩的見解專家看法相當不同報導指出有證據顯示新冠病毒在戶外的傳播力比在室內低很多因為在傳染給人之前風會先吹散病毒微維州當局也預估第2波疫情中只有5%病例是透過戶外傳播愛爾蘭政府今年4月公佈的資料則顯示戶外感染的佔比甚至只有01%。
澳洲拉籌伯大學流行病學副教授瓦利（Hassan Vally）表示病毒在戶外的傳播力降低了20倍他指出當社區病例很少時要求戶外戴口罩就是一個好處很少的措施。
不過澳洲餐飲業協會（Restaurant and Catering Industry Association）執行長蘭柏特（Wes Lambert）表示要求戶外戴口罩的最重要訊息就是提醒民眾仍有新冠風險。</t>
  </si>
  <si>
    <t>世界行動通訊大會（MWC）24日將如期舉行惟新冠肺炎攪局包括英特爾、亞馬遜及愛立信等國際大廠紛紛宣佈退展後台灣兩大廠商聯發科（2454）與中華電（2412）11日也雙雙退出法人認為現階段復工情況比展覽更為重要。
往年MWC展不但是非蘋陣營大秀肌肉的舞臺更是通訊科技領域的風向球惟今年受到疫情幹擾風光不再萬寶投顧董事長朱成志認為儘管各大廠商不參加MWC展投資人也無需過度解讀因現階段復工狀況相比規格更為重要若陸廠能夠順利復工後續新品各自發表對公司營運影響並不大。
朱成志指出新冠肺炎疫情高峰其實已過從兩大資料觀察其一非湖北地區確診人數持續下滑其二確診新增病例呈現波動下降因次預期大陸復工狀況只會越來越好電子股將回歸基本面。
儘管MWC在全球大廠紛紛退出後規模急縮相關個股題材熱度不再但非蘋陣營包括三星、華為、小米、OPPO等大廠在內上半年的新機仍將陸續發表相關供應鏈包括聯發科、華通、敦泰、臻鼎-KY、晶技等台廠供應鏈仍有望受惠11日股價同步出現強勁走勢。</t>
  </si>
  <si>
    <t>新冠肺炎疫苗擴大開放給高齡長者優先施打近日卻傳出多起老人接種後猝死案件儘管科學證據顯示「利大於弊」仍引起不少國人擔憂。對此重症醫療醫師黃軒表示為了預防意外發生長者若要出門接種疫苗應謹守「「三個不」並配合「天時地利人和」。
黃軒於臉書表示台灣老人接種後觸死事件頻傳儘管很多科學資料告知打疫苗真的是利大於弊自己也認為如此但一般民眾都聽不太懂。對此他建議老人接種疫苗前需謹記「三個不」分別是：
1不宜濕悶出門。
2不宜爬上爬下。
3不宜獨自一人。
另外也要搭配著「天時、地利、人和」不要出門：
【天時】
下大雨、悶熱天、中午大熱天、天雨路滑可以暫時不宜出門。
【地利】
地面凹凸不平不適合走路不要等老人出了遠門到了打針場所才發現還要爬上爬下。
【人和】
老人不宜久站近的看不淸遠的看不到。現場要有人引導老年人並設有機動的輪椅或坐位。
15日開放75歲以上長者接種疫苗截至19日為止我國接種後通報死亡案例累計73例。中央流行疫情指揮中心表示目前觀察到僅有時序相關尚未判定死因與疫苗直接關聯死因初步跟心血管疾病或慢性病有關當然專家還需要其他醫學研究做綜合性判斷。</t>
  </si>
  <si>
    <t>長庚醫院日前通過衛生福利部核准新冠肺炎疫苗第3劑混打計劃試驗對象為第一線醫護人員及航空機組人員人數共計400人。林口長庚醫院副院長邱政洵表示機組人員時間較難配合仍在邀請加入中醫護人員則非常踴躍他預計2周內可開始施打施打完1個月後得到初步資料。
邱政洵說國內最先取得的是AZ疫苗較其他疫苗相對弱一點許多醫護人員很希望加入試驗目前還在籌備中參與者也必須簽署同意書。
第3劑加強劑實驗將分為4組包括半劑莫德納、1劑莫德納、1劑BNT以及1劑高端並在施打1個月、6個月與12個月後抽血觀察綜合抗體變化以及T細胞反應。
邱政洵指出此試驗有2個特點包括台灣第一以及比較4種疫苗劑型是在全球第3劑試驗中少見的能做完整的免疫調查。他說最後抽血是1年後可以觀察第3劑的免疫狀況資料不只提供給台灣還有全世界對於新冠肺炎的研究。
邱政洵表示目前為施打前的準備期法規上也取得同意了希望2周內可打施打完1個月抽第1次血可以看到第3劑加強針的立即反應但重點還是要看半年、1年後的資料。
邱說各國拿到的疫苗廠牌、數量都不一樣如何利用不同資源做有效施打相關資訊是很必須的。至於未來要打到第幾劑疫苗才夠？他認為最近沒再看到更致命、傳染性更高的病毒演化也開始看到抗病毒藥物的研發他個人比較樂觀是否會像流感每年打1劑還言之過早。</t>
  </si>
  <si>
    <t>儘管美國新冠肺炎單日確診人數持續創新高加上市場預估即將登場的第二季財報季恐出現12年來最糟成績但仍無法抑制美股漲勢那斯達克指數10日再創新高。美國吉利德藥廠（Gilead Sciences）表示新冠肺炎藥物瑞德西韋（remdesivir）可改善臨床復原狀況並讓死亡風險降低62％。受此激勵吉利德10日股價大漲逾2％。
道瓊工業指數10日收盤大漲36921點或14％報260753點標普500指數揚升1％以318504點作收那斯達克指數終場上揚06％收在1061744點再創收盤新高紀錄。亞馬遜和網飛10日股價再次締造新猷帶領那指上攻。
就周線而言道瓊指數全周揚升09％標普指數收高17％那斯達克指數勁揚4％。2020年迄今道指和標指分別下跌86％和14％但那指漲幅超過18％。
新冠肺炎疫情重創全球經濟市場早已預期第二季企業獲利可能直線下滑美股可能不受黯淡的業績影響持續維持上漲趨勢。　　根據Refinitiv資料顯示標普500百大企業第二季獲利估計暴跌44％將創下全球金融危機以來最差季度表現；2008年第四季企業獲利崩跌67％。
網飛、百事可樂、美鋁以及多家重量級金融股將率先公佈業績包括摩根大通、富國銀行、花旗集團、高盛和美國銀行（BoA）等。根據Refinitiv資料金融股第二季獲利可能腰斬縮幅超過52％。網飛的財報將於23日出爐。
根據路透社統計美國10日新冠肺炎新增確診案例突破69萬人已連續三日刷新紀錄。美國九個州單日確診案例亦創下新高。截至11日美國確診案例逼近330萬例死亡人數超過136萬人。</t>
  </si>
  <si>
    <t>大陸當前積極研發新型冠狀病毒肺炎病毒滅活疫苗在美國總統川普於30日淩晨宣佈美國暫停與世界衛生組織（WHO）的關係後大陸國資委同日稍後表示大陸研發的肺炎疫苗預計最快在今年底或明年初上市。
香港信報30日報導大陸國資委表示國藥集團中國生物武漢生物製品研究所和北京生物製品研究所的新冠滅活疫苗目前已完成第1期及第2期入組共有2千多人接受注射。
臨床資料顯示疫苗安全性、有效性獲充分驗證不良反應發生率和程度均遠低於已上市各類疫苗。該疫苗臨床試驗分為3期完成第1至3期臨床直至上市預計最快在今年底或明年初。</t>
  </si>
  <si>
    <t>微軟、臉書、推特與Alphabet旗下的穀歌等美國科技公司今天發表聯合聲明說他們正在合作消除平臺上關於疫情的不實訊息。
路透社報導這些公司也包含領英公司（LinkedIn Corp）、Reddit與YouTube。聯合聲明說他們正與全球各地政府的醫療保健機構合作分享關於武漢肺炎的最新重要資訊。
聯合聲明說：「我們正在協助數以百萬計的民眾掌握疫情同時一起打擊關於病毒的詐騙與不實資訊提高我們平臺上權威性的內容並與全球各地政府的醫療保健機構合作以分享重要的最新資訊。」
美國財經媒體報導這些科技巨擘與社群網站龍頭說也歡迎其他公司加入他們的行列。白宮科技政策辦公室今天也表示「已與不同的美國科技公司與產業協會召開許多會議未來將會持續開會成為我們全美疫情對策一部分」。
根據約翰霍普金斯大學（Johns Hopkins University）與公共衛生機關的資料美國的2019冠狀病毒疾病（COVID-19俗稱武漢肺炎）病例激增目前累計超過3500起死亡病例至少74起。</t>
  </si>
  <si>
    <t>川普染疫肺受損機率高？醫揭驚人資料：老和胖是危險關鍵</t>
  </si>
  <si>
    <t>美國總統川普確診新冠肺炎住院四天後就出院引發各界關注重症暨胸腔醫師黃軒則引述國際研究分析其恢復後出現肺功能障礙的機率若川普是輕症將有425%的機率出現肺功能障礙、重症則有756%的可能性並羅列出新冠六種症候群及使用呼吸器的機率提醒年長與肥胖是危險關鍵。
黃軒表示「咳嗽、發燒和嗅覺喪失」一般被視為新冠肺炎的三大症狀但為了弄清特定症狀是否傾向於同時出現以及與疾病進展之間的關係研究大資料分析出「六種類型和使用呼吸器的機率」。
一、不發燒的「流感」
用呼吸器比率：15%
症狀：偏頭痛、嗅覺喪失、肌肉疼痛、咳嗽、喉嚨痛、胸痛、不發燒。
二、發燒的「流感」
用呼吸器比率：44%
症狀：偏頭痛、嗅覺喪失、咳嗽、喉嚨痛、聲音嘶啞、發燒、食慾不振。
三、胃腸道
用呼吸器比率：33%
症狀：偏頭痛、嗅覺喪失、食慾不振、腹瀉、嗓子痛、胸痛、無咳嗽。
四、一級嚴重（ 疲勞 ）
用呼吸器比率：33%
症狀：偏頭痛、嗅覺喪失、咳嗽、發燒、聲音嘶啞、胸痛、疲勞。
五、二級嚴重（意識混亂）
用呼吸器比率：33%
症狀：偏頭痛、嗅覺喪失、食慾不振、咳嗽、發燒、聲音嘶啞、嗓子痛、胸痛、疲勞、精神錯亂、肌肉疼痛。
六、三級嚴重（腹腔和呼吸道）
用呼吸器比率：198%
症狀：偏頭痛、嗅覺喪失、食慾不振、咳嗽、發燒、聲音嘶啞、嗓子疼、胸痛、疲勞、精神錯亂、肌肉疼痛、呼吸窘迫、腹瀉、腹痛。
黃軒補充說明組別6中幾乎一半的患者都得住院治療。而組別1中卻僅有16％才需住院。而老人、慢性疾病患者、肥胖和肺病患者多是呈現在組別4、組別5和組別6。
黃軒指出川普年紀較長又有肥胖問題先前確診後難掩疲態更曾有報導指出他呼吸困難而這些症狀都屬於組別6的三級嚴重症候群的症狀其中將近五成的患者必須要住院另根據美國廣播公司的報導川普還曾有發燒、畏寒和咳嗽的症狀。
黃軒表示臨床上有部分重症患者病發時會先「感到刺骨的寒意 」並伴隨全身性的痠痛嚴重還可能出現幻覺而這些都是呼吸衰竭前的重症表現之一。若川普有這些症狀的話就要小心了。另外即便川普的症狀改善了仍要小心後遺症。
川普住院治療4天後昨已出院回白宮。黃軒引述國際期刊論文研究感染新冠病毒出院30天後測確診患者的影像和肺功能情況其中543%的人其電腦斷層掃瞄仍發現異常即便再出院當天仍有833%的人電腦斷層掃描出現異常包括毛玻璃的肺、肺纖維化等。
黃軒補充康復1個月後的患者有754%的人仍存有肺功能障礙不因影像恢復正常肺功能就恢復正常！依國際期刊論文的資料川普若是輕症恢復後仍有425%的機率會肺功能障礙；若是重症恢復的話則有756%的可能會有顯著的肺功能障礙。
【本文獲黃軒醫師授權】</t>
  </si>
  <si>
    <t>新冠肺炎全球延燒大陸、南韓投入中藥療法台灣中醫團隊也研發獨家中藥方「臺灣清冠一號」經研究可阻斷新冠病毒感染、抑制細胞激素風暴出現5月已完成中藥廠非專屬授權最快7月進軍歐美。不過專家諮詢小組召集人張上淳認為目前僅試驗組臨床實證資料還不足建議可和其他如東南亞國家合作待實證證據齊全後再考量納入治療指引。
中醫師公會全國聯合會昨分享治療新冠肺炎成果由三軍總醫院、台中榮總、彰化基督教醫院、彰化醫院、以及高雄長庚共5家醫院參與治療研究醫院以衛福部中醫藥研究所公佈的《新冠病毒病中醫臨床分期治療指引》共21名確診者參與其中1名危重症、5名重症、15名輕症最後均康復出院。
國家中醫藥研究所所長蘇奕彰表示有數千年歷史的中醫在治療呼吸疫病已有豐富經驗SARS期間也有投入研究這次針對輕症、重症、危重症、恢復期患者給予不同藥方。
研究團隊發現多數病人在中醫介入後發燒症狀緩解心跳、血壓也明顯穩定8到10天就能三採陰性出院且無任何副作用；進一步研究發現中藥能阻斷患者朝重症發展並加速痊癒速度同時減少復陽、重症後肺纖維化等併發症。
三總中醫部主任黃怡嘉表示收治一對重症夫婦住院第一周服用奎寧時發生心律不整、發燒、咳嗽等副作用因此增加中醫會診開始服用中藥8天後就三次陰性解除隔離2人也在隔離1個多月後痊癒出院相擁而泣。</t>
  </si>
  <si>
    <t>先前曾多次稱「疫情很快過去」、「美國防疫工作很好」的美國總統川普在睽違數月的疫情記者會上一改先前樂觀態度坦承新冠疫情在美國在好轉前恐會更加惡化。不過就在川普態度轉變前幾小時美疾病管制與預防中心（CDC）21日報告透露根據不同地區與時段美國境內的實際確診數恐比現今通報數量高達2倍至24倍。
據美國有線電視新聞網（CNN）報導CDC研究團隊指出「對大多地方而言實際確診數可能是已報告的10倍之多」並以紐約為例CDC曾於4月1日時估計當地有64萬人確診但官方僅有通報53萬這代表當地實際確診數起碼是12倍之高。
CDC表示當前處於疫情重災區的佛羅裡達州、康乃狄克州以及明尼蘇達州比官方統計的確診數實際上起碼高出6至11倍。報導也指出根據美國醫學會雜誌（JMAM）的研究這些資料恐怕仍只是保守估計的。CDC主任芮斐德（Robert Redfield）也曾於6月25日坦言全美實際確診數恐怕比現在已確認的數量還要高10倍也就是起碼超過2千萬人確診。
此外就這CDC這份分析報告出爐不久後川普就在睽違數月的疫情記者會上警告美國人民「疫情在好轉之前恐會更糟」「有些事情我實在不想講但事實就是如此」並一改先前戴上口罩防疫曖昧不明的態度稱「每一位無法保持社交間距的人民請戴上口罩不論你是否喜歡它確實有影響」。
根據約翰霍普金斯大學統計全美至少有389萬人確診、14萬人死亡；而路透社統計21日的單日死亡人數增逾1000例是6月初以來新高。</t>
  </si>
  <si>
    <t>新冠肺炎疫情重創澳洲教育事業國際學生不來財務缺口擴大澳洲大學爆大規模裁員潮今年以來已經有超過11萬名大學教職員失業這還不包括臨時員工及兼職員工。
英國《衛報》（The Guardian）報導新冠肺炎疫情導致國際學生人數驟減、學校財源被砍斷澳洲國立大學（The Australian National University）與新南威爾斯大學（University of New South Wales）昨（16）日分別宣佈各裁員215人及256人澳洲國立大學為了因應疫情帶來的衝擊決定2021至2023年每年節省13億美元支出至今已經裁員465人。
多所大學同樣面臨財務缺口擴大的窘境澳洲全國高等教育聯盟（National Tertiary Education Union）指出目前各大學已經裁員逾11萬人這還不包括數千名已經被解雇或不被續約的臨時員工及兼職人員。非營利組織澳洲大學聯盟（Universities Australia）預估至年底大學失業人數將會攀上21萬人至2023年高等教育將會損失160億美元。
澳洲國立大學7月才表決通過節省1350萬美元的支出方案導致90人失業未來學校每年將再節省103億美元支出預期更多人將失業。新南斯威爾大學副校長賈可布斯（Ian Jacobs）在給員工的信件中指出學校明年面臨37億美元的財務缺口校方預計將削減38%人力。
針對大學龐大的資金壓力澳洲教育部長特漢（Dan Tehan）表示對於教育事業前景仍樂觀相信疫情趨緩後澳洲將能吸引更多國際學生不過澳洲廣播公司新聞網（ABC News）報導澳洲教育部也坦言很難說國際學生何時會回來。
根據澳洲內政部（Department of Home Affairs）的統計資料澳洲境內有555萬人持有學生簽證不過從國外入境的國際學生人數已經驟減澳洲統計局（Australian Bureau of Statistics）指出2019年7月有144萬名留學生入境不過今年7月只有40人入境根據澳洲廣播公司新聞網統計今年3月6萬名留學生入境後每月入境學生人數就驟降至2位數4月只有30人入境。</t>
  </si>
  <si>
    <t>（國人健康力指標變動趨勢。圖／中大台經中心提供）
新冠肺炎疫情重大打擊全球的方方面面？在台灣民眾可能不這樣想。今（25）日和2月消費者信心指數（CCI）同步公佈的國人健康力指標顯示民眾對自己健康感到樂觀雖然指數較上月有些微下降但相較於去（2019）年11月的流感大爆發期間的偏向悲觀指數仍反映民眾對個人健康呈現樂觀。
2月調查的「目前健康狀況」指標調查結果為1111點較上月的調查結果下降13點調查單位說明這顯示民眾對自己健康呈現樂觀。「預期健康狀況」指標部分本月調查結果為991點與上月的調查結果相較下降025點（109／01：1001）偏向悲觀。
此項民眾健康力指標為台灣產學合力作出的民眾健康自評指數由臺北醫學大學管理學院暨大資料研究中心與健康力股份有限公司調查協辦。此次調查期間為109年2月18日至21日。
健康力董事長黃千芬表示雖然新冠疫情在全球蔓延已然發生的國家、地點不同台灣醫療體系及防疫措施相對上有所成效染疫病患受到的照護也比較好民眾雖然會憂慮疫情看到台灣抗疫成效也比其他國家好對自己身體健康跟防疫能力就不是那麼擔憂。
由於此次調查是在21日結束至今一周來疫情在韓、日和義大利等地快速擴散甚至有出現社區感染中大台經中心執行長吳大任表示台灣民眾較能放心抗疫成效前題在台灣沒有發生社區感染這是防衛民眾對整體系統安心的重大關卡。</t>
  </si>
  <si>
    <t>美國勞工部週四公佈6月非農就業報告資料意外強勁單月就業人口大增480萬創史上新高紀錄失業率也下滑至111％由此顯示新冠肺炎造成的經濟衰退可能已經結束不過最近疫情再度升高則可能衝擊經濟復甦的力道與</t>
  </si>
  <si>
    <t>美國勞工部週四公佈6月非農就業報告資料意外強勁單月就業人口大增480萬創史上新高紀錄失業率也下滑至111％由此顯示新冠肺炎造成的經濟衰退可能已經結束不過最近疫情再度升高則可能衝擊經濟復甦的力道與時程。
受到官方就業報告資料出奇亮麗的激勵美股週四早盤跳空開高道瓊工業指數大漲近400點或15％來到26120點標普5百指數勁揚13％那斯達克綜合指數跳漲逾130點或13％來到10291點的歷史新高。
根據勞工部公佈的資料6月就業人口總共暴增480萬創下1939年開始此項統計以來的單月最大增幅紀錄其中民間部門大增4767萬政府部門小增33萬。
資料遠優於市場預期華爾街經濟學家的預估值為增加300萬5月就業人口增幅也從250萬上修至270萬。
失業率從5月的133％下滑至111％優於市場預期的123％。
儘管就業市場已展開復甦但離強盛狀態仍有一大段距離4月份就業人口狂減2000萬即使連續兩個月就業人口強勁反彈但經濟部門迄今仍流失約1000萬個就業而失業率今年2月時還創下35％的50年新低。
另一個值得觀察的重點是官方就業報告搜集資料的時間為6月中而6月下旬美國新冠肺炎疫情突然加溫每日新增確診人數甚至已突破前高恐為就業市場與經濟復甦埋下新變數。
此外上周（截至6月27日）初領失業救濟人數報143萬僅較前一周僅減少55萬請領人數高於市場預期的136萬。請領失業救濟人數3月底一度飆至近700萬歷史高點之後雖一路下滑但近來減幅明顯趨緩顯示企業仍持續裁員。
田納西大學勞動經濟學家華納梅克（Marinane Wanamaker）表示「我們正處於緩步復甦的初期疫情若無法獲得控制我認為復甦時程就會拉長。」
密西根州立大學經濟學教授庫克（Lisa Cook）也指出「整體局勢依然危急有很多的小企業與商家仍然處於永久停業狀態。」</t>
  </si>
  <si>
    <t>狀態大增疫情資料肺炎</t>
  </si>
  <si>
    <t>美國股市今天在抗新冠肺炎實驗性藥物瑞德西韋（remdesivir）取得正面結果大幅抵銷美國經濟衰退噩耗下大幅勁揚。道瓊收盤大漲53231點。
瑞德西韋的利多蓋過美國首季GDP萎縮48%的利空美股大漲。
道瓊工業指數收盤上漲53231點漲幅221%以2463386點作收。
標準普爾指數上漲7612點漲幅266%收293951點。
那斯達克指數收盤大漲30698點漲幅357%收891471點。
歐股今天也收紅。
倫敦FTSE 100指數收盤上漲15675點漲幅263%以611525點作收。
法蘭克福DAX 30指數生盤上揚31211點漲幅或289%收在1110774點。
巴黎CAC 40指數收盤上漲10132點漲幅222%收467111點。
美國藥廠吉利德（Gilead Sciences）製造的瑞德西韋發表第三期開放性臨床試驗的初段結果評估瑞德西韋5日或10日療程用於治療新冠重症個案的療效及安全性差異。報告指出重症個案從治療開始到第14天使用瑞德西韋5日療程者有60%可以出院10日療程者有523%；瑞德西韋組的死亡率為80%安慰劑組則為116%。
美國國家過敏與傳染病研究院（National Institute of Allergy and Infectious Diseases）聲明指出使用瑞德西韋的病患恢復速度比接受安慰劑的患者快31%「使用瑞德西韋治療的病患恢復的中位數時間為11天；接受安慰劑的患者則為15天」。美國傳染病專家佛奇表示這項資料顯示瑞德西韋在減少復原時間上具有明確、顯著、正面效果。研究結果也顯示使用瑞德西韋的病患死亡率較低但差異很小。
這項試驗從2月21日展開總計有美、歐、亞68地、總計1063人參與。</t>
  </si>
  <si>
    <t>美國確診人數已達全球之冠美國總統川普29日（周日）宣佈將全國社交距離準則實施時間延長至4月30日盼藉由嚴格的措施遏止疫情擴大致力讓預測死亡人數壓在10萬人以下。不過延後復工也代表美國經濟第二季恐進一步探底。
川普先前提出4月12日復活節以前復工的說法引發外界抨擊公衛專家警告復活節後放寬社交管制將造成不必要的死亡與經濟傷害。美國首席醫療顧問更直言新冠肺炎可能造成逾10萬美國人死亡。
眼見情況急速惡化川普一改先前說法強調未來兩周新冠肺炎死亡率可能達到高峰。他指出復活節復工只是「期待」如今希望美國可於6月1日前「邁向經濟復甦的路」。
川普表示政府延長社交距離準則以避免疫情造成重大傷亡。他呼籲美國民眾：「你們做得愈好這場夢魘就會愈快結束。」川普提及倘若沒有採取激進的減緩疫情措施根據預測模型顯示美國可能會有220萬人喪命。
川普指出政府努力讓模型的預測死亡人數維持在10萬人以下。他坦言10萬人是很可怕數字如果可以把預測死亡人數壓在10萬人或更少就代表所有人都做得很好了。
白宮衛生顧問、國家過敏與傳染病研究所（NIAID）主任佛奇（Anthony Fauci）接受CNN訪問時表示疫情最終可能造成20萬人喪命、數百萬人感染。不過他稍後在白宮玫瑰園簡報時改換較溫和的說法他解釋這些資料是依據模型預測反映美國人若未遵守居家令的最壞結果。
佛奇說：「我們認為目前所執行的減緩措施正發揮功效。延長這些措施至4月30日是明智且審慎的決定。」
根據約翰霍普金斯大學資料美國已有14萬人感染新冠肺炎為全球確診人數之冠死亡人數超過2400人。</t>
  </si>
  <si>
    <t>蘇內閣防疫連在野黨立委在立法院都多次稱讚行政院副院長陳其邁昨深夜在臉書表示今年1月底過年時行政院成立了防疫大資料小組。我們用智慧科技廣泛地應用在防疫工作連歐美都想取經。陳其邁說身為一個醫師</t>
  </si>
  <si>
    <t>蘇內閣防疫連在野黨立委在立法院都多次稱讚行政院副院長陳其邁昨深夜在臉書表示今年1月底過年時行政院成立了防疫大資料小組。我們用智慧科技廣泛地應用在防疫工作連歐美都想取經。
陳其邁說身為一個醫師畢業於台大公衛所如同大家知道他有一個亦師亦友的夥伴從學校到政治工作、到SARS到今天的新冠肺炎陳建仁可說是奮鬥不息。陳建仁當然教學嚴格（雖然看起來和藹可親）讓他不但能從臨床工作轉換到流行病學的領域也能瞭解各種資料分析及複雜的統計。
時代在轉變隨著計算機、通訊各種新技術的發達已經比他研究所時代突飛猛進；大資料分析、人工智慧中的機器學習也已讓過去不可能的任務可以在短時間完成開啟了防疫工作前所未有的新視野。  陳其邁表示二月初他邀請杜奕瑾及 AI Labs的工作夥伴一起協助政府防疫。這陣子相關的工作會議來來回回已開了好幾次。他們不僅放下手邊的工作也因此讓利用科技、大資料分析協助防疫的「台灣模式」獲許多國家詢問包括歐盟、美國等等也都想向台灣取經想深入瞭解AI、大資料在防疫上的應用。
他說下午Ethan打電話告訴他他們想到好方法了！急著與他分享討論。因此晚上討論了包括：1運用人工智慧協助臨床醫師在新冠肺炎 診斷。以大資料整合包括疫情調查、臨床、實驗室檢驗、病毒分析做流行病學的預測分析。2運用人工智慧輔助 防疫追蹤系統 落實居家檢疫管理。包含居家治療及居家檢疫雙向提供資訊與疫情指揮中心連線包括更多的衛教、健康資訊。
3老藥新用平臺已初步透過AI篩選出有效藥物現在持續針對更多藥物與實驗室深入進行精確比對。  超前部署需要大家Brainstorming 集思廣益想出更好的方法解決問題更是一個團隊的信念無私的分享彼此的知識。感謝健保署李伯璋署長、衛福部資訊處龐一鳴處長、行政院資安處簡宏偉處長在防疫結合科技用盡心思就像今天晚上燈火通明。</t>
  </si>
  <si>
    <t>防疫大資料陳其邁分析 新冠肺炎</t>
  </si>
  <si>
    <t>義大利新冠肺炎疫情惡化政府採取封城措施卻打擊經濟活動導致該國經濟陷入衰退的風險大增。而為了防範病毒擴散至全歐洲大陸花旗、瑞士信貸與野村控股等投行宣佈禁止員工至義國出差。最新資料顯示義大利新冠肺</t>
  </si>
  <si>
    <t>義大利新冠肺炎疫情惡化政府採取封城措施卻打擊經濟活動導致該國經濟陷入衰退的風險大增。而為了防範病毒擴散至全歐洲大陸花旗、瑞士信貸與野村控股等投行宣佈禁止員工至義國出差。
最新資料顯示義大利新冠肺炎確診人數至少229人、死亡7人成為歐洲疫情最嚴重的國家。有鑒於疫情持續擴大義國政府宣佈封鎖12個城鎮其中包括北部最富裕的倫巴底（Lombardy）和威尼托（Veneto）。
凱投宏觀（Capital Economics）資深歐洲經濟學家阿倫雷諾茲（Jack Allen-Reynolds）指出受到新冠疫情衝擊義大利恐難逃連兩季萎縮、經濟陷入衰退的命運。
阿倫雷諾茲表示義大利政府採取積極防疫措施封鎖城鎮大多是產值貢獻龐大的區域恐令該國經濟衰退機率升高。</t>
  </si>
  <si>
    <t>路透報導多家正研發新冠肺炎疫苗的藥商計劃本周發表聯合聲明強調在有足夠資料顯示其疫苗安全有效前不會急著向美國申請上市批准以消除外界對政治施壓加快疫苗上市所引發的安全疑慮。外傳輝瑞（Pfizer）、嬌生</t>
  </si>
  <si>
    <t>路透報導多家正研發新冠肺炎疫苗的藥商計劃本周發表聯合聲明強調在有足夠資料顯示其疫苗安全有效前不會急著向美國申請上市批准以消除外界對政治施壓加快疫苗上市所引發的安全疑慮。
外傳輝瑞（Pfizer）、嬌生（Johnson &amp; Johnson）、莫德納（Moderna）和賽諾菲（Sanofi）等參加聯合聲明。但這些藥商沒有立即就此做評論。華爾街日報上週五最先報導聯合聲明的消息。
據瞭解聯合聲明目的是公開承諾把接受注射疫苗民眾的安全列為首要任務只會在第三階段臨床實驗裡有足夠資料證明疫苗安全有效才會向政府申請緊急使用授權或上市批准。
外界揣測川普為勝選連任可能會向主管機關尤其食品藥物管理局（FDA）施壓在11月3日總統大選前批准疫苗使用來拉高聲勢。
FDA過去一些做法惹爭議。像3月對川普鼓吹的羥氯奎寧和氯奎寧發出緊急使用授權來治療新冠肺炎病患但6月因有證據顯示可能引發心臟併發症和增加死亡風險而取消授權。
川普8月開記者會高調宣佈FDA緊急授權以康復者血漿治療新冠肺炎病患但FDA局長哈恩（Stephen Hahn）後來就記者會提及一些未被正確引用的資料道歉。專家批評哈恩過度強調血漿療法的好處。
媒體報導疾病管制與預防中心（CDC）行文要求各州做好最快10月底配送疫苗準備和輝瑞對其疫苗可望10月底會有正面實驗結果表達極樂觀態度令外界揣測疫苗最快在大選前上市立即引發政治施壓聯想。
儘管白宮立即表明絕無政治施壓但不少科學家和公共衛生專家仍對可能的政治施壓表達憂慮。社會的氛圍促使藥商希望透過聯合聲明來消除民眾對疫苗安全性的疑慮。</t>
  </si>
  <si>
    <t>大陸國家主席習近平10日前往武漢他表示「疫情防控已取得階段性成果」。這是他於疫情爆發後首次抵達重災區的武漢考察分析指出這意味著中國大陸已控制住至今仍在全球肆虐的新冠肺炎（COVID-19）疫情。
根據大陸官方資料截至9日中國新增確診19例、死亡17例湖北新增病例創新低僅有17例武漢14家專收肺炎輕症病患的方艙醫院也全部休艙。此外根據潛江市新型冠狀病毒肺炎疫情防控指揮部會議決定自2月27日至3月10日該市已有13日未出現新增確診病例在做好疫情防控的前提下潛江市近日所有公共交通將恢復企業將全面復工復產成為湖北首個「解封」的城市。
在疫情爆發後習近平自1月底起數度對疫情防控召開政治局會議和專題會議啟動一系列最嚴格的全國性封城和隔離應急防控措施以遏止疫情在全中國的擴散途徑以及在武漢及其外部的傳播期間中國大陸調集全國醫療資源投入湖北救治延長企業停工時間受此衝擊其社會及經濟層面均付出沉痛代價。
在2月疫情最高峰期間中國日均確診人數在3000例以上2月間一度單日確診人數高達15萬人。湖北武漢的新增病患和死亡率均佔據全國最高比例。由於疫情已造成中國大陸逾3千人死亡其中有多名醫護人員。習近平昨日視察期間也特別表達對於逝者的哀悼。
習近平昨日在視察首座因應疫情緊急設立的火神山醫院以及民眾社區後強調湖北和武漢疫情防控形勢已經取得階段性重要成果但是未來防疫任務依然艱巨繁重大陸中央將繼續支援湖北、武漢抗疫工作。
湖北11日啟動全省復工針對未來經濟情勢習近平也表示疫情短期會給湖北經濟發展帶來陣痛但不影響長期看好的基本面。在加強防控的前提下採取差異化策略有針對性的展開援助企業、穩定就業、擴大就業等工作幫助湖北解決實際困難和具體問題早日全面步入正常軌道。</t>
  </si>
  <si>
    <t>大陸因介殼蟲檢疫從3月1日起暫停台灣鳳梨輸入突襲式的動作對兩岸局勢投下震撼彈。港媒評論表示相較1月禁止台灣將含萊克多巴胺肉品輸入大陸因這次鳳梨產區多在南台灣綠營票倉蔡政府明顯反應更加強烈。評論質疑從官方資料可見台灣經濟對大陸極度依賴民進黨「大內宣」都是假；肉品、鳳梨禁銷陸只是冰山一角兩岸再不破冰「民進黨民粹的大內宣能頂多久？」
香港媒體《中評社》27日評論引述農委會的資料台灣鳳梨1年出口大陸達4萬多公噸佔其外銷比例的97%數字相當驚人。評論直言過去蔡政府一再宣傳台灣農產品不能只靠大陸要賣美國、賣日本還說要新南向但這份資料直接揭穿了民進黨大內宣的騙術。
評論指出在台灣大到科技公司老闆、小到鳳梨老農大家都希望兩岸關係穩定大家可以平安做生意、過日子兩岸關係是台灣不得不正視的問題民進黨忙於政治操弄卻忽視了庶民老百姓「只要求生存」的最卑微要求。
不僅如此評論坦言：「台灣鳳梨因介殼蟲檢疫被大陸卡關技術面都是可以處理的難的是兩岸的政治鴻溝。」內文更痛批民進黨：「還要無腦抗中逢中必反？」怒指4萬多噸鳳梨都已經賣不出去了行政院院長蘇貞昌跟農委會主委陳吉仲開口閉口還是「中國」的叫如果中國是另一個國家又何須啟動「兩岸機制」去談？尤其蘇至今仍堅持肺炎前面要加「武漢」官方通訊社也是這樣每天嗆來嗆去搞得現在兩岸最大的問題就是氣氛太差。
針對鳳梨禁銷事件農委會已回函大陸盼就此事坐下懇談。評論表示兩岸能重啟協商與接觸是好事但重點是民進黨政府的「態度問題」必須真正將民眾的福祉放在政黨利益與意識形態之上兩岸方能早日破冰共創繁榮。</t>
  </si>
  <si>
    <t>大陸國家衛健委21日公佈資料顯示6月20日0～24時31個省（自治區、直轄市）和新疆生產建設兵團報告新增確診病例26例其中境外輸入病例1例（在福建）本土病例25例（北京22例河北3例）；無新增死亡病例；新增疑</t>
  </si>
  <si>
    <t>大陸國家衛健委21日公佈資料顯示6月20日0～24時31個省（自治區、直轄市）和新疆生產建設兵團報告新增確診病例26例其中境外輸入病例1例（在福建）本土病例25例（北京22例河北3例）；無新增死亡病例；新增疑似病例3例均為本土病例（均在北京）。
當日新增治癒出院病例3例解除醫學觀察的密切接觸者397人重症病例與前一日相比增加2例。
境外輸入現有確診病例82例（其中重症病例1例）無現有疑似病例。累計確診病例1869例累計治癒出院病例1787例無死亡病例。
截至6月20日24時據31個省（自治區、直轄市）和新疆生產建設兵團報告現有確診病例331例（其中重症病例15例）累計治癒出院病例78413例累計死亡病例4634例累計報告確診病例83378例現有疑似病例13例。累計追?到密切接觸者756965人尚在醫學觀察的密切接觸者6339人。</t>
  </si>
  <si>
    <t>日本捐贈124萬劑新冠肺炎疫苗給台灣大陸國台辦也表態要捐疫苗對此行政院長蘇貞昌今（4日）下午回應大陸疫苗依目前我國法律是不能進來。
蘇貞昌說對於任何關係國人健康的疫苗政府都以非常嚴謹的態度注重安全性、有效性同時用科學檢驗並且要符合法律規定。大陸疫苗依目前我國法律是不能進來同時中國對於所生產的疫苗相關的資料、資料都不給外界清楚瞭解也沒有辦法知道它的安全性、有效性。</t>
  </si>
  <si>
    <t>自從去年新冠疫情在世界各地大爆發以來台灣一直維持極低的感染人數。很不幸的最近出現了大轉折新冠疫情開始在台灣各地爆發讓政府官員、醫療人員、社會大眾措手不及恐慌及各種傳言四處快速蔓延。
這讓我想起去年一月下旬開始參與中國大陸對抗新冠肺炎的情況。那時中國大陸也是一團亂不但西醫對新冠病毒的肆虐無可奈何很多中醫師在沒有臨床治療新冠肺炎的經驗下跳出來討論如何治療新冠肺炎各地的中醫教授及中醫主管機關也不斷提出不同的看法建議各式各樣的「中藥通方」來應付新冠疫情讓人眼花繚亂不知所措。
隨著疫情的擴大中國大陸開始大幅度啓動中醫抗疫也有了很多的臨床統計及比較。去年四月中中國國務院基於大量的臨床反饋正式對國際推展中藥方「清肺排毒湯」認定是中西藥中唯一有大量臨床療效的「特效藥」。
四月之後中國大陸各地數萬人服用過「清肺排毒湯」成效卓越。另一方面中國領頭抗疫的鍾南山院士發表他團隊的中藥研究體外實驗顯示中藥方「連花清瘟」能抑制新冠病毒複製發揮抗炎作用。「連花清瘟」一時聲名大噪被很多中文媒體大幅報導也被推銷到世界各國華人聚集的地方。
台灣目前陷入病情恐慌之中即使醫療主管機關平時根本不重視中醫在不得已的情況下開始大力推展臺灣中醫團隊提出的「清冠一號」報章媒體也大幅度宣傳說是台灣的創舉拯救世界的特效藥。
真的如此嗎？根據台灣中醫團隊的解說以魚腥草和板藍根對抗新冠病毒為「清冠一號」的主力。我相當不認同這樣的說法這不是中醫的理論及思維中醫治病從來就不是利用什麽中藥材來對抗病毒而是設法改變身體內部平衡狀態。
另一方面台灣沒有發表有關新冠病毒對中藥反應的生化研究報告目前唯一可以引用的生化研究就是前面提到的鍾南山團隊對「連花清瘟」的體外測試。而我們也不難發現「清冠一號」是參考「連花清瘟」而來除了都以魚腥草和板藍根為主力「清冠一號」爲了避免使用一些國家管制嚴格的麻黃改用荊芥防風其它幾味中藥材的用意也和「連花清瘟」大同小異。
從別人經驗來學習無可厚非然而在肺家疫病清熱解毒的方向上「清冠一號」用藥不如「連花清瘟」到位。更重要的是如我書《當張仲景遇上史丹佛》及網頁文章中指出據中國大陸多個醫學團隊的研究分析後結論「連花清瘟」不能減少輕症轉重症的機率大多數的情況下「連花清瘟」也不能加速病毒核酸檢測轉陰所需要的時間而同樣的問題也會隨著「清冠一號」的廣泛使用而浮現出來。
提出「清冠一號」的中醫團隊臨床病例非常少屈指可數大半又是輕症病患而極少數的中重症病例也以西醫治療爲主中藥只是西藥下的輔助。
在這樣的情況下中醫團隊對新冠肺炎治療的理解有限卻大力推展「清冠一號」是很不負責任的。
雖然對肺家輕微發熱的病人而言「清冠一號」或許可以幫忙緩解症狀然而對於肺家嚴重發熱、肺寒或寒熱夾雜、肺部積液等等的病人而言不但效果不彰許多情況下可能反而加重病情。
不要忘記根據世界各地對新冠病逝病人的解剖分析因爲肺部胸腔積滿濃稠液體而死亡的病人數量遠大過肺部纖維化而死亡的病人數量。目前已經有海外確診華人自行購買「清冠一號」服用病情反而加劇緊急聯絡診所求助。
這樣的講解下許多讀者可能還是很迷惑我們再拿一個更容易理解的事情來討論。無論是mRNA疫苗或滅活病毒疫苗都是讓人體「模擬學習」被病毒攻擊後如何抵抗換句話説打完疫苗後的反應可以代表一個人剛剛感染新冠病毒時可能的初始反應。
美國是全世界施打新冠疫苗人數最多的國家已經有超過一億兩千五百萬人打了新冠疫苗（約美國人口的38%）。在這麽大量的個案統計下美國疾病管理局（CDC）指出大多數的人打完疫苗後除了打針處酸痛外最常看到的反應是疲勞、頭疼、肌肉酸痛、惡寒、發燒、噁心反胃等等。如果只憑這些症狀來判斷最接近的是傷寒論的「葛根湯證」而臨床上治療確診輕症病人葛根湯也確實是最常開的中藥方而非「清冠一號」的中藥組合。
瘟疫肆虐下人命關天我們應該讓資料説話應該讓有大量臨床成功治癒病例的醫生説話而不是看到病毒感染發熱就清熱解毒也不是抓著極少數的病例來無限放大。</t>
  </si>
  <si>
    <t>大陸國家衛健委26日資料顯示25日大陸31省市新增新冠肺炎確診病例67例均為境外輸入。這是近日大陸疫情資料緩和後又一次大增幅度較24日增加逾40％。衛健委指出3月25日大陸31省市新增新冠肺炎確診病例67例均</t>
  </si>
  <si>
    <t>大陸國家衛健委26日資料顯示25日大陸31省市新增新冠肺炎確診病例67例均為境外輸入。這是近日大陸疫情資料緩和後又一次大增幅度較24日增加逾40％。
衛健委指出3月25日大陸31省市新增新冠肺炎確診病例67例均為境外輸入其中上海18例內蒙古12例廣東11例北京6例福建6例陝西3例天津2例浙江2例江蘇2例雲南2例山西1例吉林1例河南1例。此外新增死亡病例6例。
截至3月25日24時大陸累計確診病例81285例累計死亡病例3287例。
中國政府網25日披露大陸國務院總理、中央應對疫情工作領導小組組長李克強23日在小組會議上強調各地不應為零報告而瞞報漏報要實事求是、公開透明發布疫情訊息。</t>
  </si>
  <si>
    <t>微控制器（MCU）廠紘康（6457）及松翰（5471）雙雙公告3月合併營收皆改寫單月歷史新高大啖額溫槍訂單商機。法人表示目前兩大廠訂單能見度已經看到今年中後續月營收將可望持續改寫新高表現。
此外紘康目前更開始著手打造新品預計將導入Type-C及藍牙功能未來將可望結合智慧手機應用預計下半年開始問世搭上居家辦公物聯網熱潮。
紘康、松翰3月合併營收雙創新高其中紘康第一季營收更改寫歷史次高。紘康公告3月合併營收達9609萬元、月增9013％相較2019年同期成長6636％累計第一季合併營收為189億元、年成長4221％；松翰公告3月合併營收452億元、月增11416％相較2019年同期上升7976％推動第一季合併營收年增3516％至834億元。
對於3月合併營收大幅成長紘康及松翰皆表示因新冠肺炎疫情全球延燒國內外因應防疫所需帶動防疫相關IC出貨量持續成長。松翰更指出影像晶片出貨量同步強勁。
法人表示目前新冠肺炎仍在全球肆虐現階段又以歐美國家最為嚴重各項防疫物資都成為炙手可熱的商品其中額溫槍及耳溫槍更是檢測肺炎的重要醫療裝置因此自中國疫情爆發後紘康及松翰訂單便源源不絕湧入目前訂單能見度已經放眼到7月且客戶皆願意加價以急單生產（hot run）方式生產使紘康及松翰營收大增。
由於紘康訂單量持續成長因此法人預估紘康單是3月每股獲利可能有機會上看05～07元可望超越往年的單季獲利從目前狀況來看紘康4月合併營收將有機會再度成長雙位數水準再度改寫單月新高表現。紘康不評論法人預估財測數字。
不僅如此紘康為搶攻居家隔離及防疫商機供應鏈傳出紘康目前在研發將額溫槍MCU導入藍牙及Type-C介面也就代表以額溫槍量測體溫後可將即時資料傳送至智慧手機藉此記錄體溫資料搶食物聯網防疫商機。</t>
  </si>
  <si>
    <t>委內瑞拉反對派領袖瓜伊多（Juan Guaido）今天表示他確診2019冠狀病毒疾病（COVID-19 ）有輕微症狀。
瓜伊多在自己的推特（Twitter）帳號表示正接受隔離同時對委內瑞拉的確診數字表達憂心。
瓜伊多寫道：「我想表達我與數以千計在這場疫病中受苦的委內瑞拉人休戚與共。」
「如今我們大家都有親戚或熟人感染COVID-19。」
委內瑞拉2018年的大選由總統馬杜洛（Nicolas Maduro）成功連任但西方政府形容這場選舉是騙局之後有數十個國家力挺瓜伊多擔任委內瑞拉臨時總統包括美國。
瓜伊多還說他把COVID-19疫苗運抵委內瑞拉視為迫切要務。
委內瑞拉已收到70萬劑COVID-19疫苗其中50萬劑是由中國國藥集團（Sinopharm）捐贈其餘則為俄羅斯的「衛星-V」（Sputnik-V）疫苗。
反對派領袖們正另行協商運用美國凍結的資金透過「COVID-19疫苗全球取得機制」（COVAX）來購買疫苗。
委內瑞拉官方資料顯示截至今天境內累計已有15 萬5663起病例、1555人病故。但反對派人士說由於檢測人數有限實際數字可能更高。</t>
  </si>
  <si>
    <t>善用大資料 增強防治力道</t>
  </si>
  <si>
    <t>新冠肺炎疫情不斷升溫不僅亞洲各國相繼爆發群聚感染案例國內的家庭群聚感染數目也來到6件中央流行疫情指揮中心對相關密切接觸者已框列數百人多位防疫專家也指出隨著時間推移台灣進入社區傳播只是時間問題因此前疾管局局長蘇益仁提出用大資料防疫的概念盼政府能結合國內IT產業建立資料庫增強防疫力道。
蘇益仁回憶2015年時台南登革熱疫情嚴峻當時他受到時任台南市長的賴清德懇託擔任防疫總顧問並提出大資料防疫的概念將每天發生的2、300名病例全部建檔詳列住家、工作地點等資料追蹤並用資料記錄轄區內的化學防治過程是能成功壓下登革熱疫情的關鍵。
至於這次的新冠肺炎蘇益仁說台灣以IT產業發達而自豪政府應利用優勢建立大資料防疫措施才能知道每一名旅客是從北京、日本或是其他疫區入境甚至能掌握確診個案的出沒路徑透過大資料可望讓防疫能有更即時的掌握過去政府未在防疫大資料這塊整合雖然可惜但若藉此機會推動台灣的防疫作為將更上一層樓。
外界對新冠肺炎疫情國內是否要延後開學有許多意見但蘇益仁卻認為現在防疫已進入要減災的階段政府一方面應盡可能的讓民眾去過正常生活另一方面也為疫情大爆發做好準備並且讓國人開始習慣醫療分流讓藥局、診所能發揮分擔醫療負擔的功能將大醫院留給重症患者使用。</t>
  </si>
  <si>
    <t>新冠肺炎 疫情 不斷 升溫 不僅 亞洲各國 相繼 爆發 群 聚 感染 案例 國內 的 家庭 群 聚 感染 數目 也 來到 6 件 中央流行疫情指揮中心 對 相關 密切接觸 者 已 框 列 數 百 人 多 位 防疫 專家 也 指出 隨 著 時間推移 臺灣 進入 社區 傳播 只 是 時間 問題 因 此前 疾 管 局局長 蘇益仁 提出 用 大 資料 防疫 的 概念 盼 政府 能 結合 國內 it 產業 建立 資料庫 增強 防疫 力 道 蘇益仁 回憶 2015 年 時 台南 登革熱 疫情 嚴峻 當時 他 受到 時任 台南 市長 的 賴清德 懇讬 擔任 防疫 總 顧問 並 提出 大 資料 防疫 的 概念 將 每天 發生 的 2300 名 病例 全部 建檔 詳列 住家 工作 地點 等 資料 追蹤 並用 資料 記錄 轄區 內 的 化學防治 過程 是 能 成功 壓下 登革熱 疫情 的 關鍵 至於 這 次 的 新冠肺炎 蘇益仁 說 臺灣 以 it 產業 發達 而 自豪 政府 應 利用 優勢 建立 大 資料 防疫 措施 才能 知道 每 一 名 旅客 是從 北京 日本 或是 其他 疫區入境 甚至 能 掌握 確診 個案 的 出沒 路徑 透過 大 資料 可望 讓 防疫 能 有 更 即時 的 掌握 過去 政府 未 在 防疫 大 資料 這塊 整合 雖然 可惜 但 若 藉 此 機會 推動 臺灣 的 防疫 作為 將 更上一層樓 外界 對 新冠肺炎 疫情 國內 是否 要 延後 開學 有 許多 意見 但 蘇益仁 卻 認為 現在 防疫 已 進入 要 減災 的 階段 政府 一方面 應 盡可能 的 讓 民眾 去 過 正常 生活 另一方面 也 為 疫情 大 爆發 做好 準備 並且 讓 國人 開始 習慣 醫療 分流 讓 藥局 診所 能 發揮 分擔 醫療 負擔 的 功能 將 大 醫院 留給 重症 患者 使用</t>
  </si>
  <si>
    <t>力道肺炎蘇益仁概念大資料</t>
  </si>
  <si>
    <t>美國食品藥物管理局（FDA）繼上周緊急授權使用血漿療法治療新冠肺炎病患後近日考慮對尚未通過第三階段人體試驗的候選疫苗核發緊急使用授權但強調絕非受到美國總統川普施壓。
FDA局長哈恩（Stephen Hahn）受訪時強調假設新冠肺炎候選疫苗的效用大於風險即便在尚未通過第三階段人體試驗的情況下也可能獲得緊急使用授權。
哈恩表示：「疫苗開發商必須先向政府提出緊急授權申請我們才會進行裁決。假設疫苗開發商在第三階段人體試驗完成前就提出申請我們可能核准也可能否決一切有待決策。」
眼看美國疫情遲遲未脫離險境FDA已在上周緊急授權醫院使用新冠肺炎痊癒者的血漿來治療住院病患儘管當時有許多公衛專家擔心臨床實驗資料不足難以確保血漿療法適用所有新冠肺炎患者。
時隔一周FDA又鬆口表示有可能跳脫聯邦政府許可程式提前對候選疫苗核發緊急使用授權不禁令外界質疑是否受到川普施壓因為川普不久前才指控FDA故意拖延疫苗審核程式企圖害他在大選中失利。
哈恩對此表示：「新冠肺炎疫情和總統大選時間重疊我們只能接受現況並堅持核心原則。」他強調無論FDA做出何種決策都是「基於科學、醫學及資料」絕非政治決策。
他也表示緊急使用授權與完全許可上市不同因為獲得緊急授權的候選疫苗只會用在特定的高危險族群。
但前任FDA局長考特利浦（Scott Gottlieb）對哈恩的說詞感到疑惑。他表示：「我不懂在第三階段人體試驗完成前緊急授權是什麼意思因為FDA需要這些臨床試驗資料來證明疫苗效用才能做決定。」
考特利浦認為就算FDA緊急授權候選疫苗一般民眾最快還是要等到明年才能在藥房施打完全核准上市的疫苗。</t>
  </si>
  <si>
    <t>博通（Broadcom）週四表示第四季財報可望優於預期原因在於使用較貴晶片的蘋果新機即將上市以及遠距辦公趨勢推升資料中心晶片需求。週五早盤股價上漲135％。蘋果晶片供應商博通亦指出他們今年提高晶片產量的</t>
  </si>
  <si>
    <t>博通（Broadcom）週四表示第四季財報可望優於預期原因在於使用較貴晶片的蘋果新機即將上市以及遠距辦公趨勢推升資料中心晶片需求。週五早盤股價上漲135％。
蘋果晶片供應商博通亦指出他們今年提高晶片產量的時間可能較往年慢一些暗示蘋果新機可能延後發布不像以往都在9月底發表。
博通表示今年晶片拉貨潮延遲要到最後一季才會顯現較以往晚上一季符合市場猜測蘋果新一代手機可能延後發布。據資料顯示博通2019年營收五分之一來自於蘋果。
博通6月時曾警告受「北美最大手機客戶」延後推出手機的影響該公司該季營收可能低於預期市場當時推測此大客戶即為蘋果。蘋果供應商在每年秋季新iPhone推出前通常會提高產量博通也不例外。
事實上新冠肺炎疫情爆發後全球多國實施旅遊限制連帶打亂蘋果裝置生產時程。多數分析師預測蘋果萬眾矚目的5G新機可能延至10月發表但蘋果對此不願多做回應。
據博通預測本財年第四季營收約為64億美元正負誤差15億美元優於市場普遍預期的618億美元。
博通同時公佈第三季（截至8月2日止）財報上季營收與獲利雙雙優於預期。上季營收年增56％至582億美元優於分析師預期的576億美元。
上季淨利跌至614億美元或每股145美元低於去年同期的715億美元或每股171美元。至於排除特定項目後上季每股獲利為54美元優於市場預期的524美元與去年同期的516美元。
博通執行長兼總裁陳福陽（Hock Tan）表示：「第三季營收符合我們預期理由在於雲端與電信顧客的需求攀升足以抵銷無線業務低迷。」</t>
  </si>
  <si>
    <t>紐約州州長古莫(Andre Cuomo)日前才出書暢談新冠肺炎大流行期間如何抗疫與領導統禦；孰料《紐約時報》4日卻爆料古莫資深助理要求衛生當局在官方報告中隱匿2020年6月護理之家已逾9000人死亡的真實數字最終衛生官好只好重寫報告。此舉不僅讓古莫團隊與衛生官員關係緊張也讓該州衛生高層爆出出走潮。深陷性騷擾醜聞的古莫不只被貼豬哥州長的標籤抗疫天王形象也破功還被譏為偽君子要他辭職下臺的聲音不絕於耳。
報導中指出在紐約州衛生官員寫的疫情報告中詳細記載大流行期間死於護理之家的具體患者數。然而古莫的最資深助理要求衛生官員不要將逾9000人死亡的數字寫出使得官員只得捧回報告重寫再呈上。最終此一數字遭刪除而未公開。
報導點名幕僚戴羅沙（Melissa DeRosa）、紐約州金融服務署（Department of Financial Services）署長萊斯威爾（Linda Lacewell）以及紐約州立大學校長馬拉崔斯（Jim Malatras）為要求報告改寫的藏鏡人。他們沒有一個有公共衛生專業背景。
報導披露衛生部負責撰寫報告的亞當斯(Eleanor Adams)其初稿遭馬拉崔斯要求大幅改寫。報告就在兩人間往返數次遠超過州長辦公室對機構報告的正常程式甚至可用「強烈」來形容。
衛生官員憂心馬拉崔斯的要求會讓報告過度簡化而不再是真實科學報告；卻擔心堅持下去飯碗會不保。不過即使如此經馬拉崔斯改寫的版本也沒有把死亡人數刪掉而是到戴羅沙與萊斯威爾那裏才將之刪除。
《紐約時報》披露原本紐約州衛生部門護理之家的報告中死亡數字遠比古莫版多出近5成。相較於其他州的護理之家紐約州死亡總數為9250人遠超過第2高的新澤西州(6150人)。
不過由於紐約州檢察官2021年初時吐露紐約州官方少算了數千名死於新冠肺炎的護理之家病患；古莫最終還是公佈完整資料。其緩頰道因為擔心川普見獵心喜因政治動機而發動調查故將其留中不發。
但根據《紐約時報》披露的檔以及訪談的6名衛生官員古莫與其助理實際施壓隱匿疫情的時間點還要再往前推數個月。當時古莫助理「激戰」衛生高層官員時間點早於聯邦當局要求紐約州提供資料之前。
然而助理此舉卻暴露古莫試圖控制大流行中的疫情數字置公共衛生專業知識不理只為了鞏固其「抗疫天王」的政治領導地位。《紐約時報》分析州長助理赤裸裸地要求改寫報告讓撰寫報告的官員和州政府團隊關係緊張進而引爆高級公共衛生官員的出走潮。
過去一週以來「古神」堅不可搖的地位因陸續有女性出面指控性騷擾而開始崩潰。就在性騷擾沸沸揚揚之際又再傳出古莫隱瞞護理之家疫情導致議員剝奪因大流行而授予的緊急權力聯邦檢察官也開始介入調查。
在疫情大流情初期古莫下令禁止療養院拒收曾在醫院接受新冠疫情治療的病患。這道命令與其他州命令相似目的在防止醫院因患者過多而不堪負荷。但到了春季末共和黨員批評古莫此舉讓護理之家疫情大爆發；更有人質疑紐約州的計算方式若護理之家的病患之後因症狀嚴重轉送醫院並在醫院逝世將不計入護理之家的死亡人數中從而模糊護理之家疫情嚴重性。
事實上官方最後發布的報告結合古莫個人出書成功塑造其抗疫英雄的形象。相較之下檢察總長辦公室公佈的新聞稿指出古莫針對護理之家的指導與聯邦政府雷同；卻讓身處其中的居民遭受傷害的風險增加。</t>
  </si>
  <si>
    <t>受新冠肺炎影響大陸每年3月初登場的全國「兩會」（全國人大、政協會議）今年將罕見延後舉行。大陸全國人大委員長會議和全國政協主席會議17日均建議2020年兩會延後召開這是改革開放以來大陸全國人大會議首次延後召開。
根據新華社17日報導中共中央政治局常委、全國人大常委會委員長栗戰書於13屆全國人大常委會第47次委員長會議上決定13屆全國人大常委會第16次會議2月24日在北京舉行。會議建議下週一審議關於禁止非法野生動物交易、革除濫食野生動物陋習、切實保障人民群眾生命健康安全的決定草案的議案以及關於推遲召開第13屆全國人民代表大會第3次會議的決定草案的議案等。
上述消息透露出大陸人大將審議的幾個重要事項一、與本次新冠肺炎疫情有關的野生動物保護法等；二、新冠肺炎疫情蔓延全球大陸兩會能否於3月如期召開。就在大陸人大開會的同時中共中央政治局常委、全國政協主席汪洋17日也主持主席會議會中同樣提到研究關於推遲召開政協第13屆全國委員會第3次會議和常務委員會第十次會議的有關事項等。三、人大還將在會議上審議人事任免等。
日前中共中央已調任上海市長應勇接替湖北省委書記蔣超良職務濟南市委書記王忠林接替武漢市委書記馬國強職務。
根據大陸憲法和有關法律規定大陸全國人民代表大會會議每年舉行一次全國人大會議由全國人民代表大會常務委員會召集因此推遲召開會議也需要全國人大常委會作出決定。全國人大常委會法工委發言人臧鐵偉17日受訪時表示全國人大代表近3千人其中多數人目前都在第一線防疫為疫情防控委員長會議認為有必要適當延後全國人大會議。
據大陸國家衛健委資料顯示16日大陸新增2048起確診、新增死亡案例105起累計確診病例突破7萬達70548例累計死亡病例達到1770例。</t>
  </si>
  <si>
    <t>美國總統川普週五說他已指示副總統彭斯（Mike Pence）別連絡那些不知為政府致力遏制新冠肺炎疫情蔓延而感激的州長。就在約翰霍普金斯大學（Johns Hopkins University）的統計資料顯示美國新冠肺炎確診病例突破</t>
  </si>
  <si>
    <t>美國總統川普週五說他已指示副總統彭斯（Mike Pence）別連絡那些不知為政府致力遏制新冠肺炎疫情蔓延而感激的州長。就在約翰霍普金斯大學（Johns Hopkins University）的統計資料顯示美國新冠肺炎確診病例突破10萬後不久川普便發表了相關談話。
據CNBC新聞網27日報導川普特別點名了華盛頓州州長英斯利（Jay Inslee）還有密西根州州長惠特茉（Gretchen Whitmer）。他們除了都是民主黨人外也不斷批評白宮防控新冠肺炎疫情所採取的行動。
「要是他們不好好對你我就不打電話」川普說「我認為他們應該感激。因為你們知道嗎？他們要是不感激我就不會感激陸軍（工程兵）也不會感激聯邦緊急事務管理署（FEMA）而那是不對的。」
川普說彭斯致電所有的州長而他告訴副手「我可是不一樣的人」。他隨即要求彭斯：「麥克別打電話給華盛頓州州長了你是在他身上浪費時間！」至於提到惠特茉時他說得更是直接：「別打電話給那在密西根的女人反正也沒差。」
President Trump on what he wants from the governors: &amp;quot;All I want them to do very simple I want them to be appreciative I don&amp;apos;t want them to say things that aren&amp;apos;t true I want them to be appreciative We&amp;apos;ve done a great job” Watch full video here: https://tco/DvN1Fakah0 pictwittercom/vGoitdhpSU
此外川普毫不諱言地向州長喊話「我們他們做的事很簡單不過就是感激我要他們懂得感激。我也沒要他們口是心非我要他們感激──我們做得很棒。」
川普說英斯利是失敗的總統參選人老是唧唧歪歪從他抱怨就可以看得出來。他也直指惠特茉根本就不知道發生了什麼事她只會說「噢都是聯邦政府的錯！」反之他大讚紐約州州長古莫（Andrew Cuomo）還有新澤西州州長墨菲（Phil Murphy）因為他們都說川普政府真的做得很棒。
由於疫情加速蔓延政府各級領導人都採取了極端措施以減緩新冠肺炎病毒傳播的速度。包括華盛頓州和密西根州在內有愈來愈多州都下了居家禁足令並暫時關閉了學校以及非必要的商家。
而在聯邦層級川普週五簽署了2兆美元（約60兆台幣）的新冠肺炎經濟刺激紓困方案。川普強調他的政府為華盛頓州做了很棒的事也把密西根州照顧得好到爆。</t>
  </si>
  <si>
    <t>首批BNT疫苗933萬劑到貨目前有3425萬人意願登記想打BNT有不少民眾期盼下一輪是否會開放BNT預約接種但中央流行疫情指揮中心發言人莊人祥今天透露第八輪預約接種不是BNT由於下周可能還有疫苗到貨待確定數量後才會公佈第八輪接種細節。
最新意願登記資料顯示截至今天下午5點共有342萬5005人想打BNT疫苗但根據中央流行疫情指揮中心目前規劃BNT疫苗須等到中秋節過後才會在校園開打12到17歲青少年其次是18到22歲族群。
莊人祥表示由於BNT疫苗最快9月16日才會完成封緘檢驗且須在負60至負90度低溫冷凍保存預計要等到中秋節（9月21日）後啟動校園接種力拼9月底前供18到22歲民眾施打；至於第八輪會開放哪個品牌預約他表示由於下周可能還有疫苗到貨目前仍在研議中。</t>
  </si>
  <si>
    <t>新冠肺炎疫情接連在各國回溫而且新增病例集中在40歲以下青壯人口美國的兒童確診人數甚至暴增9成。年輕人感染新冠肺炎雖然多無大礙傳染力卻不容小覷。
新冠肺炎（英文：Covid-19一稱武漢肺炎）疫情再度延燒這一次被感染的族群變成了年輕人。CNN引用世界衛生組織WHO的資料指出過去5個月之內全球兒童、青少年和年輕人的確診病例增加6倍幼童病例增加更多超過7倍。
在美國幼童感染新冠病毒的病例在過去1個月激增了9成佛州增加比例甚至飆到137％。「說新冠病毒對兒童無害的說法相當不公平」美國兒科傳染病委員會副主席歐利瑞（Sean O&amp;apos;Leary）說短短幾個月內多達90名兒童因為感染新冠肺炎而喪命已經逼近每年死於流感的病童人數。
根據臨床病例顯示感染新冠病毒的兒童很少出現重症死亡率也較低。不過新冠病毒對人體的影響目前還未知專家擔憂隨著病例變多恐怕也會增加兒童演變成重症的機率。
目前包括德國、法國、瑞典美國、加拿大、澳洲、日本、南韓等國新增病例全都呈現年輕化的趨勢。
《 美國今日報（USA Today）》分析全美17州的新增病例資料發現截至7月初為止確診病例的大宗不再是中老年人而是40歲以下的青壯人口。在加拿大截至7月底為止超過6成的每日新增病例平均年齡不到39歲。日本在7月初的新增病例中30歲以下的年輕族群一度佔8成之多。
原本已經趨緩的新冠疫情又死灰復燃多數專家把矛頭指向年輕人疏於防疫。各國陸續解封之後學生返校上課、畢業舞會、社團活動年輕人湧入夜店和娛樂場所都是疫情快速回流的原因。「對防疫鬆懈沒能保持社交距離提高年輕族群感染的風險。」WHO說。
各國臨床研究都顯示年輕人感染新冠病毒除了少數有慢性病史和其他疾病之外症狀多半輕微甚至於沒有症狀但病毒卻可能趁機傳播給周圍的中老年人導致演變成重症的機率也因而增加。
日本一項研究指出40歲以下的感染者多達4成以上並未出現任何症狀。南韓的研究則發現在疫情高峰時20多歲族群約佔確診病例總數的3成左右而許多確診個案的接觸史也顯示家中的年輕人在外面感染之後回家再傳染給家裡的長輩和家人。
「年輕人也會被傳染可能演變成重症更會把病毒傳染給別人。」WHO大聲疾呼年輕族群防疫的重要性公衛專家也呼籲防疫必須是不分時節的生活日常要落實勤洗手、維持社交距離、避免群聚、以及戴口罩。
「我們不能光坐著等疫苗等待奇蹟療法出現」美國公衛總監亞當斯（Jerome Adams）說年輕人也須採取和其他人一樣的防疫措施以保護自己和他人。</t>
  </si>
  <si>
    <t>就在未接種新冠疫苗的民眾確診率飆升之際美國新冠肺炎首席專家佛奇（Anthony Fauci）警告美國正朝「錯誤的方向」走。
據BBC新聞網26日報導Delta新冠變種病毒在接種率低的區域攀向感染高峰。佛奇說衛生官員為了遏制確診病例正考慮要修正已接種疫苗者的戴口罩守則。此外他指出有關單位也在評估要讓較容易患病者打加強疫苗。
佛奇說美國正變成未接種者新冠大流行的狀況。官方資料顯示美國有49%的人口也就是超過1627億人已完成疫苗接種。而在4月之前美國在接種疫苗上原本領先許多國家但4月後接種率卻開始下降。
而在接種率上美國南方各州特別低有些地方打第一劑疫苗的比例甚至還不到一半。就在5、6月新冠確診數降低後美國每天的確診數又開始攀升。美國至今已有超過3400萬人確診逾61萬人喪生在疫情復燃後相關數字也隨著上升而這趨勢有部分是因高傳染性的Delta變種病毒迅速蔓延所致。
其中疫情飆升最快的州是如佛州德州和密蘇裡州等接種率較低的州。稍早公共衛生局局長莫西（Vivek Murthy）說在新冠死者中有995%都沒有接種疫苗。另一方面原本美國疾病管制與預防中心（CDC）說接種過兩劑疫苗的民眾可以不戴口罩恢復疫情前的活動。但佛奇說地方政府可以在現有的CDC綱領下頒布自有的規則。例如洛杉磯就規定無論有沒有接種疫苗民眾在室內時都必須戴口罩。</t>
  </si>
  <si>
    <t>台灣新冠疫苗荒出現民眾赴美打疫苗現象也有報導稱近期有不少民眾希望能赴大陸接種疫苗大陸國台辦今天稱「願意盡最大努力提供幫助」對搭乘民航客運航班來大陸的臺胞在嚴格執行入境防疫規定、自願和知情同意前提下可在大陸接種疫苗。
國台辦今天以發言人馬曉光名義發出書面答記者問問題為「據台媒報導因台灣疫苗嚴重短缺近期有不少臺胞希望能赴大陸接種疫苗請問大陸方面對此持何態度？」
馬曉光先重申新冠肺炎疫情發生以來大陸在疫情防控、疫苗接種等方面對在大陸臺胞一視同仁同等對待台灣5月初疫情爆發後陸方從一開始就表示願意盡最大努力幫助台灣同胞讓廣大台灣同胞盡快有疫苗可用。
他說截至6月8日大陸已接種新冠疫苗超過8億劑次而世界衛生組織已將中國國藥和中國科興兩種疫苗納入全球緊急使用清單等此外大陸疫苗在90多個國家和地區獲批上市或緊急使用向全球供應超35億劑充分顯示大陸疫苗具有良好安全性和保護力。
馬曉光說台灣疫情持續蔓延盡快接種疫苗是台灣同胞盡早擺脫疫情肆虐之苦有效的途徑「我們十分理解台灣同胞為維護自身生命健康安全迫切希望盡早接種大陸疫苗的心情願意盡最大努力提供幫助」。
馬曉光指出對搭乘民航客運航班來大陸的臺胞只要符合接種條件可在嚴格執行入境防疫規定（包括登機前和抵達後)、自願和知情同意前提下按有關政策在大陸接種疫苗。
他提出資料稱據不完全統計截至5月31日在大陸接種疫苗的臺胞已達62萬人。</t>
  </si>
  <si>
    <t>AZ擋不住Delta病毒？醫揭最新研究資料</t>
  </si>
  <si>
    <t>許多民眾對AZ疫苗的保護力抱持懷疑的態度胸腔科醫師蘇一峰分享最新研究資料指出英國大規模施打後發現打2劑BNT可預防880%的Delta病毒株感染、打2劑AZ則可防670%的Delta病毒株感染雖然兩者資料有差異但研</t>
  </si>
  <si>
    <t>許多民眾對AZ疫苗的保護力抱持懷疑的態度胸腔科醫師蘇一峰分享最新研究資料指出英國大規模施打後發現打2劑BNT可預防880%的Delta病毒株感染、打2劑AZ則可防670%的Delta病毒株感染雖然兩者資料有差異但研究者認為不管是哪個廠牌打完2劑疫苗都能有效防護Delta變異株的感染引發網友討論。
蘇一峰昨在臉書發文表示新英格蘭醫學雜誌（NEJM）刊登來自英國大規模施打的研究發現接種2劑BNT疫苗可預防937%的Alpha病毒株感染880%的Delta病毒株感染；打2劑AZ則能預防745%的Alpha病毒株感染670%的Delta病毒株感染。
蘇一峰指出研究者認為雖然2個疫苗之間有小差異但研究結果顯示打完兩劑疫苗都可以有效防護Delta變異株的感染。
醫藥粉專「MedPartner 美的好朋友」也分享該研究說遇到Delta變異株如果只打一劑疫苗受到的影響較大但無論是打完兩劑BNT或兩劑AZ都能有效應付Delta變異株因此建議體弱族群無論是打哪種疫苗都應儘速完成兩劑接種。
貼文引起網友熱烈討論「AZ要逆空高飛了嗎？（看向那些嫌棄AZ的人）」、「都可以防重症WHO國際認可的都打起來」、「打完疫苗至少有抗體期待9月份完成第二劑AZ疫苗接種。」但也有網友質疑「原來BNT考90分跟AZ考70分是差不多的」、「差了20%」、「只有AZ和BNT比較讓AZ看起來更像是配角和丑角」。</t>
  </si>
  <si>
    <t>美國商務部週五公佈1月個人所得創11個月來最大月增幅個人支出符合市場預期至於個人消費支出物價（PCE）指數持續上升但仍低於Fed通膨率目標。相關資料顯示新冠肺炎疫情未爆發前的美國經濟仍穩定成長但消費</t>
  </si>
  <si>
    <t>美國商務部週五公佈1月個人所得創11個月來最大月增幅個人支出符合市場預期至於個人消費支出物價（PCE）指數持續上升但仍低於Fed通膨率目標。相關資料顯示新冠肺炎疫情未爆發前的美國經濟仍穩定成長但消費成長力道有減弱之勢恐拉低經濟表現。
1月個人所得經季調後月增06％高於市場預估的月增04％。
1月薪資月增05％高於12月的月增03％反映全美21個州最低薪資在增加和勞動市場的人力供應緊張而增加薪資上升壓力。
1月個人支出月增02％低於12月往上修正後的月增04％；原先公佈月增03％。
1月個人儲蓄率從12月的75％上升至79％創九個月新高。
美國三分之二經濟活動來自消費者支出是推動美國經濟增長的重要力量因此美國人消費成長力道減弱同時儲蓄卻增加可能減弱經濟表現。
Fed偏好的通膨衡量指標－PCE指數月增01％年增17％主要是能源價格高於去年同期所致並分別高於12月和11月的年增15％和13％。
扣除波動性較大的食品和能源後的1月核心PCE指數月增01％低於12月的月增02％；年增16％跟12月增幅一樣。
儘管美國通膨在過去兩個月持續增溫但仍然低於Fed的2％通膨率目標。
專家認為美國近期通膨增溫情況可能只屬暫時性因為在中國大陸等約50個國家爆發新冠肺炎疫情後至少會在未來數周內對石油等大宗商品與其他貨品等需求減少從而抑制美國通膨持續增溫的態勢。
像紐約西德州油價在1月初時每桶逾60美元但疫情衝擊油價在本周跌破50美元關卡。
此外商務部人口普查局公佈1月國際貨物貿易赤字經季調後從12月的687億美元縮減至655億美元。</t>
  </si>
  <si>
    <t>哈佛醫學院根據到醫院就診的衛星圖像和搜尋引擎資料進行的研究顯示新型冠狀病毒可能最早是在去年8月於大陸傳播。研究顯示去年12月正式有新冠肺炎疫情記錄之前武漢民眾到醫院就診、以及有關症狀的網路搜尋就已</t>
  </si>
  <si>
    <t>哈佛醫學院根據到醫院就診的衛星圖像和搜尋引擎資料進行的研究顯示新型冠狀病毒可能最早是在去年8月於大陸傳播。研究顯示去年12月正式有新冠肺炎疫情記錄之前武漢民眾到醫院就診、以及有關症狀的網路搜尋就已經增多。
據路透報導哈佛研究指出雖然不能證實這些跡象的增加與新冠肺炎直接有關但證據支持了最近的其他研究這些研究表明在確定華南海鮮市場之前病毒就已經出現。
而大陸國家衛健委8日公告8日大陸31個省（自治區、直轄市）和新疆生產建設兵團報告新增新冠肺炎確診病例3例均為境外輸入病例（廣東2例四川1例）；當日新增無症狀感染者21例（境外輸入2例）；無新增死亡病例；無新增疑似病例。
截至8日24時據大陸31個省（自治區、直轄市）和新疆生產建設兵團報告現有確診病例58例（無重症病例）累計治癒出院病例7萬8351例累計死亡病例4634例累計報告確診病例8萬3043例現有疑似病例1例；累計追蹤到密切接觸者74萬7232人尚在醫學觀察的密切接觸者2971人。</t>
  </si>
  <si>
    <t>57歲的葉彥伯擔任彰化縣衛生局長長達16年創下全台最資深衛生局長紀錄但這位聲名大噪的食安英雄卻在積極對抗新冠肺炎防疫時慘遭中央動用政風單位嚴打嚴辦只因他戳破了衛福部拒不普篩的神話！
葉彥伯是全台唯一具有醫師身分而且擁有公衛博士學位的衛生局長在偏鄉衛生所擔任醫師、出身基層充滿使命感2004年起掌舵彰化縣衛生局迄今歷經藍、綠4任縣長也與台大公共衛生學院攜手合作16年年年針對彰化縣26鄉鎮市健檢建立龐大的流行病學資料分析資料庫更在癌症防治上有顯著貢獻而獲獎並獲陽明大學傑出校友表揚。
2011年彰化縣衛生局率先揭發塑化劑事件；2013年在食安稽查中在發現大統橄欖油成分有異進而與檢方攜手查獲轟動全國的黑心油品事件從塑化劑、瘦肉精、毒奶粉、金墩米等案件食安英雄團隊聲名大噪。
新冠肺炎疫情全球延燒台灣累計已有486人確診、7人死亡；彰化縣不僅曾出現全國首例白牌車司機死亡案例也是全國第1起本土境內感染所在地在衛生局主導下結合警政單位疫調工作有如偵辦刑案地毯式追查、滴水不漏。
多數人對公務體制總抱持僵化、被動習於安逸等印象葉彥伯卻認為公務員不能對不起老百姓一定要有民間企業的衝勁多數同仁因此覺得他太嚴厲但他仍堅持緊盯每項繁瑣細節。
這次彰化縣衛生局超前部署主動揪出無症狀感染者的確診少年卻反遭中央可能以未依程式甚至涉及圖利、貪汙等送政風單位調查讓地方藍綠民代感到不解、為他抱屈對於長年總穿著同樣那幾套襯衫、POLO衫廉潔自持的葉彥伯而言恐怕是公務生涯的重大打擊。</t>
  </si>
  <si>
    <t>何時才能歡樂聚餐？醫曝1資料：免疫力夠的人先吃</t>
  </si>
  <si>
    <t>何時 才能 歡樂 聚餐 醫 曝 1 資料 免疫力 夠 的 人 先 吃</t>
  </si>
  <si>
    <t>2020年全球最嚴峻的問題目前看來非新冠肺炎莫屬更讓人擔心的是透過醫療技術研發出疫苗解藥從醫學研究、研發到動物測試、臨床測試至少要半年時間實在緩不濟急。所幸世界衛生組織（WHO）傳出一個好消息他們意外發現治療伊波拉病毒的藥物可能也可對抗新冠肺炎。WHO表示這款藥物的有效率為98%可大幅減少感染新冠肺炎者的死亡機會。這讓我對老藥新用的議題感到好奇於是就教了一些相關領域的專家。
老藥新用指的是經由食藥署核准能用來治療特定症狀的老藥被賦予治療其他疾病的新用途。這究竟有何好處呢？
老藥的優勢在研發時間較新藥短能有效降低成本。一個新藥從研發到上市大約12年這期間必須通過細胞實驗、動物實驗、3個階段的人體臨床試驗和新藥查驗登記除了確認新藥是否有助於抑制疾病發展外藥品殘留在體內時間的長短、是否造成其他臟器不適、有沒有嚴重的副作用等都有一連串的檢驗把關新藥在通過3階段的人體試驗後就可以上市並進入新藥查驗登記階段主要用來監控新藥在醫療單位大量流通後的成效及副作用。根據Nature於2010年的統計每100個進入臨床試驗的新藥大約只有4個會通過檢測並上市嚇人的是不論成功與否平均花費達數億到數十億美元。
比起新藥老藥已是臨床用藥安全性資料和作用機制相對齊全能節省不少收集樣本、臨床試驗的時間。說到老藥新用的經典非阿斯匹靈莫屬了它在線上超過1世紀一開始註冊為消炎、退燒的止痛藥後來發現它能抑制血小板凝結進而降低心血管疾病的發生率所以常出現在中風、心肌梗塞病人的處方籤裡。2017年美國預防醫學委員會更報導阿斯匹靈可預防大腸癌。
老藥新用確實能讓人類對抗疾病更有效率但也有不肖商人利用這個概念趁機大削一筆。CNBC就曾報導一個被用來抗發炎、抑制免疫反應的類固醇藥物Deflazacort藥廠發現它可以治療罕見的遺傳性肌肉萎縮症並通過臨床試驗後它便成了這個罕見疾病目前唯一的解藥藥廠藉此拉抬價格讓原本用這個類固醇藥物的病患每年的負擔額從1200美元漲到89000美元足足漲了76倍。
這樣的案例屢見不鮮尤其在美國因缺少與藥廠的議價平臺藥商握有藥品定價權全國最大的保險系統─美國聯邦醫保又沒有和藥商議價的權力只能被動買入藥品再昂貴的報價也只能照單全收。老藥在被發現能治療新適應症後立刻漲價實現收益在美國已成常態主因是沒有同行競爭。
藥品上市會有獨賣期藥廠在獨賣期生產的藥就是原廠藥過了獨賣期其他藥廠便可生產販售結構、成分相同所謂的「學名藥」。學名藥在市場流通前也必須經過檢驗除非是流通率特別高的藥否則生產成本也相當可觀。這讓原廠藥獨占市場變相漲價又無法可管。為此美國總統川普的《平價醫療法案》鼓勵學名藥開發美國食品藥品監督管理局（FDA）甚至公佈目前市場上還沒有學名藥的原廠藥清單更主張新學名藥可享180天的市場獨占期。雖然過去3年新學名藥批准數量增加28%根據CNN報導2020年457個原廠藥的平均漲幅還是有51%。
美國政府提倡學名藥開發以避免大藥廠持續壟斷市場希望可以打擊老藥新用的策略型漲價。反觀台灣因為有全民健保把持藥品進價一壓再壓讓許多原廠藥紛紛退出日前全國憂鬱症患者使用、市占率3成5的百憂解和細菌感染最後一道防線的泰寧抗生素都因藥價暴跌而陸續退出台灣。這兩種藥雖然目前在台灣都有10種以上的學名藥但維持它外形、促進吸收的賦形劑未必與原廠相同是引起醫界反彈的主因。
綜合以上論述與其投入新藥、學名藥開發台灣生技業更適合專注老藥新用的研究畢竟2018年FDA認可上市的新藥只有57件學名藥和原廠藥的差距短時間也難以克服。老藥新用能以有限資源追求最大效益外在大資料的推波助瀾下藥物透過什麼路徑治癒疾病的分析也越來越全面善加利用老骨頭還是變得出新把戲的。（作者為科技媒體專欄作家）</t>
  </si>
  <si>
    <t>洋基隊的春訓20頗為不順首日投手田中將大受傷主力打者勒瑪修(DJ LeMahieu)與投手瑟薩(Luis Cessa)同時宣佈感染了新冠肺炎！勒馬修沒有症狀瑟沙則是症狀輕微。
勒瑪修早年效力國聯洛磯隊上季首度轉到美聯球隊洋基繳出打擊率0327、26轟、102打點的MVP級資料季後賽亦表現傑出被認為是洋基打線第一戰將本季預定擔任二壘手。
總教練波恩(Aaron Boone)只能祈禱勒瑪修快點痊癒他表示球隊士氣仍然高昂至今沒有人放棄復賽。終結者查普曼(Aroldis Chapman)、捕手桑契斯(Gary Sanchez)還在等待檢驗結果。</t>
  </si>
  <si>
    <t>洋基隊 的 春 訓 20 頗為 不順 首日 投手 田中 將 大 受傷 主力 打者 勒 瑪 修 dj lemahieu 與 投手 瑟 薩 luis cessa 同時 宣佈 感染 了 新冠肺炎 勒馬修 沒有 症狀 瑟 沙則 是 症狀 輕微 勒 瑪 修 早年 效力 國聯 洛磯 隊 上 季 首度 轉到 美 聯 球隊 洋基 繳 出 打擊率 032726 轟 102 打點 的 mvp 級 資料 季後 賽 亦 表現 傑出 被 認為 是 洋基 打 線 第一 戰將 本 季 預定 擔任 二壘手 總 教練 波恩 aaron boone 只能 祈禱 勒 瑪 修 快點 痊癒 他 表示 球隊 士氣 仍然 高昂 至今 沒有 人 放棄 複賽 終結者 查普曼 aroldis chapman 捕手 桑 契斯 gary sanchez 還 在 等待 檢驗 結果</t>
  </si>
  <si>
    <t>投手沒有洋基球隊症狀sanchezgary契斯捕手不順chapmanaroldis首日查普曼終結者複賽田中放棄資料mvp季後</t>
  </si>
  <si>
    <t>市場持續關注大陸新冠肺炎疫情發展日、韓確診人數增加台灣出現首例新冠病毒患者死亡案例對市場投資信心造成影響台股17日開盤開在1177030點下跌454點。
美國政府將推動下一輪減稅方案及給予免稅優惠來激勵美國家庭投資股市美股14日漲跌互見標普500指數與那斯達克指數續創收盤歷史新高雖然零售銷售資料有一些疲弱跡象但消費信心的表現仍舊較佳。
但台股則因死亡病例出現台積電、鴻海、聯發科、國巨等權值電子股走勢偏弱壓抑加權指數表現。
本土大型投顧指出在疫情未明顯趨緩下指數仍需要時間整理但因外資賣壓趨緩、融資大幅釋出下加上外資在期貨淨多單偏多下大盤籌碼正面操作上勿隨市場情緒波動、追高殺低。
統一投顧董事長黎方國指出雖疫情持續延燒但考量大陸企業逐漸復工加上全球央行寬鬆資金行情持續且與全球股市表現相比美股續創新高陸股收復跌幅台股明顯超跌股價低估。
他建議逢低佈局短線操作在類股選擇上看好蘋概股、半導體、面板及被動元件等族群。</t>
  </si>
  <si>
    <t>五一連假將近為了避免清明連假部分景點人潮過多拉高感染新冠肺炎風險的情況重演政府推出1968app用不同顏色燈號提醒民眾各景點人潮但台南市長黃偉哲不滿當中台南景點被列最多認為有些景點人潮根本不多質疑列管標準。對此中央流行疫情指揮中心副指揮官陳宗彥今天在指揮中心記者會上表示黃偉哲應該感到高興表示台南市很多人想去他也應該感謝指揮中心幫忙提醒。
陳宗彥還說這些景點是由國家公園、觀光局、經濟部等跨部會協調出來的未來也不排除增加更多景點讓民眾知道那些地方人潮較多加以疏散。指揮官陳時中也說必須在開放和疫情控制間取得平衡。地方政府有想法都可以提出來跟指揮中心商量討論而政府是根據大資料予以管制的。</t>
  </si>
  <si>
    <t>台灣雲端新創CloudMile萬裡雲近期擴大營運觸角創辦人暨執行長劉永信表示有鑒於新加坡政府對AI和雲端運算的重視和投入萬裡雲在新加坡設立新總部辦公室15日正式啟用。
劉永信指出新據點成立將成為萬裡雲推動東南亞AI經濟的樞紐也是往國際化、跨區域市場目標邁進的重要一步。
萬裡雲成立於2017年主要提供雲端運算和AI的顧問諮詢及導入服務並提供管理與應用的實際解決方案透過深度學習及大資料分析協助企業進行商業預測與產業升級2021年為止已服務海內外超過400家企業。
劉永信指出會選擇新加坡作為新開幕的據點主要是基於萬裡雲未來在亞洲市場的戰略加上新加坡政府對於雲端運算、AI等相當重視且大量投入資源因此將新據點設在新加坡也是未來邁向國際化、跨區域市場的重要一步。
目前萬裡雲在新加坡推進公私雙領域的數位轉型例如近期與新加坡管理大學的合作中萬裡雲藉由機器學習技術強化當地新創的駕駛引導服務DGS系統由新加坡管理大學研究人員開發用於預測並協調計程車的需求來改善其效率推動運輸產業轉型發展。
此外新冠肺炎疫情爆發期間萬裡雲也幫助新加坡政府數位轉型例如其數位app與機器學習服務在合約追蹤、疫苗接種計畫以及旅行安全管理上都對新加坡政府發揮重要作用。另外新加坡當地食品外送新創Oddle、非營利機構Our Better World等都是萬裡雲的合作夥伴。</t>
  </si>
  <si>
    <t>美國商務部今天發布經濟資料指出受到新冠肺炎疫情衝擊百業蕭條並導致數千萬人丟掉工作第二季失業率衝上147％。4到6月國內生產毛額（GDP）比去年同期大幅萎縮33％創下1947年有記載以來的史上最慘烈紀錄</t>
  </si>
  <si>
    <t>美國商務部今天發布經濟資料指出受到新冠肺炎疫情衝擊百業蕭條並導致數千萬人丟掉工作第二季失業率衝上147％。4到6月國內生產毛額（GDP）比去年同期大幅萎縮33％創下1947年有記載以來的史上最慘烈紀錄原紀錄為1958年艾森豪政府時期的10％。
另一個更糟的現像是今年1到3月GDP萎縮了5％由於經濟連續2季倒退意味著美國經濟正式走入衰退也代表美國連續11年的史上最長經濟擴張期就此告一段落。
商務部表示占經濟活動高達7成的消費者支出驟降是第二季經濟萎縮的主因。因疫情各地祭出封鎖令航空旅遊商場餐館全面關閉造成4到6月消費者支出比去年同期暴跌34％。</t>
  </si>
  <si>
    <t>美國藥廠莫德納今天向美國食品暨藥物管理局申請全面批准其研發的COVID-19疫苗成為第2家尋求監管機關核准並廣泛使用的藥廠。目前莫德納在美國只取得緊急使用授權。
莫德納（Moderna Inc）的競爭對手美國藥廠輝瑞（Pfizer Inc）和其合作夥伴德國生技公司BioNTech已於數週前向美國食品暨藥物管理局（FDA）申請全面批准使用它們研發的2019冠狀病毒疾病（COVID-19）疫苗。
全面批准使用疫苗可能是緩和疫苗猶豫（vaccine hesitancy）的重要步驟美國和其他富裕國家境內的疫苗猶豫愈來愈令人憂心。
全面批准使用疫苗也可讓藥廠可以直接行銷它們的疫苗以及幫助企業和政府機關為員工施打疫苗。
莫德納表示未來數週將持續以滾動方式提供資料給食品暨藥物管理局並要求優先審查。
莫德納已與美國政府達成協議供應3億劑COVID-19疫苗。根據美國疾病管制暨預防中心（CDC）超過1億5100萬劑莫德納疫苗已配送至美國各地截至5月30日為止已施打約1億2450萬劑。（譯者：陳昱婷/核稿：劉學源）1100601</t>
  </si>
  <si>
    <t>新冠肺炎疫情持續蔓延國泰人壽貼心提醒民眾在積極防疫的過程中除了注意健康外也別忘了檢視自身保障是否完善而到底保障要多少才算足夠？只要上網搜尋國泰人壽與學界合作開發的「幸福保障七彩盤」就可以藉由生動的體驗與專業的資料一舉掌握全家人的保障缺口。
「安安醫療終身保險」3000元日額為例一旦因新冠肺炎入住負壓病房即可等同加護病房每日給付12000元另外還有1500元的出院療養金總計每日13500元的給付金額。
若有保戶因治療新冠肺炎申請醫療險理賠不論條款是否將法定傳染病列為除外責任國泰人壽一律依契約條款約定給付保險金。
若醫院或診所執業人員為國泰人壽個人險保戶在醫療機構執行職務時不幸確診感染新冠肺炎國泰人壽將額外提供5萬元慰問金。</t>
  </si>
  <si>
    <t>在英國政府擔任科學顧問的傳染病學家弗格森(Neil Ferguson)在被確診感染新冠病毒後違反社交隔離規定在家中會見一名與自已有不倫關係的已婚情婦。此事遭英媒爆料曝光後弗格森被輿論冠以「傲慢的偽君子」封號不得不主動宣佈辭去英國政府防疫顧問的職務。
據英國《每日電訊報》獨家報導現年51歲的弗格森是帝國理工大學傳染病學教授一直擔任英國政府科學顧問為英國的防疫與隔離措施提供意見。英國首相強生宣佈封鎖英國的多項防疫措施就是出自他的建議因此弗格森亦被外界稱為「封鎖教授」。
報導說弗格森在確診感染新冠病毒後在進行了14天強制隔離後認為自己已擁有抗體因此違反社交隔離規定2次在家中約見了這名與他有不倫戀情的38歲已婚婦女史塔絲(Antonia Staats)。史塔絲是一名左派的社會運動家平時與丈夫及2個孩子居住在倫敦南區過著開放性的婚姻生活。
而就在違反隔離規定私會情婦的3月30日當天弗格森還接受BBC的採訪表示社交距離封鎖措施必須保留到6月。至於其情婦史塔絲4月8日曾向朋友表示懷疑自己的丈夫感染新冠肺炎且已出現相關症狀但她依然前往與弗格森約會。
事情曝光後弗格森表示：「我做了錯誤的決定」違反了社交隔離的規定因此辭去英國緊急狀態科學顧問團（SAGE)顧問一職並對自己的行為傳達了錯誤訊息表示後悔。
《每日郵報》(Daily Mail)報導說民眾對弗格森的虛偽做法冠之以「傲慢的偽君子」稱號因為他不斷要求民眾要遵守社交隔離規定卻自己破壞自己制定的規定。
英媒指出多年來弗格森以傳染病學專家身份對政府所做的建議一直飽受爭議。他在口蹄疫流行期大量撲殺農場動物的做法受到許多同行質疑在瘋牛症傳染期間他曾做出15人病死的預測但實際只有200人死亡。此外他在2005年大膽預測會有2億人死於禽流感其後的豬流感將有65萬人死亡事後都證明全部失準。這次新冠病毒爆發弗格森也曾預測英國將有25萬人死亡據說此項研究資料成功說服英國政府改變原有防疫政策。</t>
  </si>
  <si>
    <t>世衛組織6日統計全球新冠肺炎新增病例數連續3天超過20萬。據美國約翰霍普金斯大學資料美國累計確診人數逾293萬死亡人數在當天突破13萬人。美國總統川普推文再次使用「中國病毒」還說「該病毒在美國的致死率</t>
  </si>
  <si>
    <t>世衛組織6日統計全球新冠肺炎新增病例數連續3天超過20萬。據美國約翰霍普金斯大學資料美國累計確診人數逾293萬死亡人數在當天突破13萬人。美國總統川普推文再次使用「中國病毒」還說「該病毒在美國的致死率幾乎是世界最低」。有南美川普之稱的巴西總統波索納洛正式確診。
川普推文說「中國病毒」在美國的致死率幾乎是世界最低而且美國的病歿人數已大幅減少比疫情高峰期下降了近十倍而經濟正在強勁地復甦。他還引述一間醫療集團的研究資料稱抗瘧疾藥物羥氯奎寧可降低新冠肺炎患者約一半的死亡率。
美國疫情嚴峻喬治亞州首府亞特蘭大市長波托斯（Keisha Lance Bottoms）確診罹患新冠肺炎但無相關症狀。波托斯是民主黨準總統候選人拜登的副手熱門人選之一。
白宮防疫專家、美國國家過敏與傳染病研究所所長佛奇直言美國現階段的疫情狀態「確實不妙」情況很嚴重必須立即處理不過他強調美國仍「深陷第一波疫情當中」「這不算新一波疫情而是原有疫情升溫或回升根本還沒降至我們所期望的基準線就再度升高」。
巴西是全球疫情第二嚴重的國家僅次於美國。有「巴西川普」之稱的巴西總統波索納洛6日再度接受新冠病毒檢測結果正式確診。稍早他戴著口罩告訴總統府外的支持者說：「你們不能靠我太近。」
波索納洛曾形容新冠肺炎只不過是「小感冒」而且經常不遵守社交距離規定他之前接受過3次新冠病毒檢測結果均呈陰性。他6日表示剛剛去過醫院接受新型冠狀病毒採檢又說檢驗報告顯示他的肺部「沒問題」。
在澳洲維多利亞省首府墨爾本24小時內通報新增191起確診案例再創新高。由於病例激增維多利亞省省長安德魯宣佈從8日午夜12時開始對墨爾本超過500萬居民實施封鎖措施封城時間暫定6周。為了防止疫情擴大維多利亞與新南威爾斯這兩個澳洲人口最大的省已自7日起無限期關閉省界為百年以來首見。</t>
  </si>
  <si>
    <t>蓬佩奧：陸網路行為體企圖偷美新冠病毒資料</t>
  </si>
  <si>
    <t>美國國務卿蓬佩奧（Mike Pompeo）於美東時間14日表示美國譴責中國相關「網路行為體及其下屬的非傳統情報收集者」企圖竊取與新冠病毒研究有關的美國智慧財產權及資料。路透報導蓬佩奧在一份聲明中指出「中國在</t>
  </si>
  <si>
    <t>美國國務卿蓬佩奧（Mike Pompeo）於美東時間14日表示美國譴責中國相關「網路行為體及其下屬的非傳統情報收集者」企圖竊取與新冠病毒研究有關的美國智慧財產權及資料。
路透報導蓬佩奧在一份聲明中指出「中國在網路空間的行為是其在新冠肺炎疫情大流行期間事與願違行動的延續」。
5月13日美國聯邦調查局（FBI）與國土安全部下屬的網路安全和基礎設施安全局（CISA）發表聯合聲明指與中方有關聯的駭客可能發動網路攻擊目標對準美國研究新冠肺炎疫苗、醫療及測試部門並警告這些部門採取必要保護措施。</t>
  </si>
  <si>
    <t>新北市14日新增確診數為2人新北市侯友宜14日表示這兩人都是居家隔離轉陽的案件可說新北今天沒有新增個案新北市從5月22日的384例用了54天走到今天這是用民眾低度活動與嚴重經濟衝擊換來的但他強調一天的零不是永遠的零要更努力、更務實全力以赴抱著戒慎恐懼小心翼翼一步一腳印把防疫做好期待清零讓民眾恢復正常生活。
侯友宜說今天新增0這2例是居家隔離陰轉陽1例是新店在醫院陪病被居家隔離居隔離陰轉陽另一個是板橋上次汽車場陰轉陽沒有傳播鏈穩穩控制住；今天整個居家隔離也從最高6000多人降到今天963人。
侯友宜說從5月9日以後整整兩個半月66天每天都有市民確診第一次看到這樣資料他還記得5月22日有384人感謝所有市民朋友用犧牲所有活動與嚴重經濟衝擊換來的感謝所有夥伴跟市民並肩作戰才守住疫情。
侯友宜說面對疫情變化雖然看到零也期待能夠清零因為走到社區感染他必須要誠實報告社區多少還有隱形傳播鏈存在面對病毒隨時有反撲要更謙卑、更努力、更務實。
侯友宜說他常說一天的零不會代表現在以後天天都是零一天數字高也不會代表永遠數字高目前中和已經不再是熱區剩下板橋、新莊、三重各有1個高風險裡。
★《中時新聞網》提醒您：因應新冠肺炎疫情疾管署持續加強疫情監測與邊境管制措施 如有疑似症狀請撥打：1922專線或 0800-001922 並依指示配戴口罩儘速就醫同時主動告知醫師旅遊史及接觸史以利及時診斷及通報。</t>
  </si>
  <si>
    <t>疫情指揮中心日前宣佈可開放混打不少人仍猶豫第二劑該選輝瑞／BNT或莫德納。衛福部草屯療養院醫師沈政男表示若擔心心肌炎副作用混打就選BNT；如果是追求保護力就選莫德納。
沈政男昨（22）日於個人臉書分析台大醫院公佈混打研究時許多人不相信打兩劑AZ疫苗遇到Delta變異株時保護力會「趴在地上」甚至還有人說「英國人打那麼多AZ都沒有趴在地上」對此他反駁「歹勢英國打最多的不是AZ而是BNT」。
沈政男指出若不是mRNA疫苗擋著英國的疫情絕對不只現在這樣英國官方每週統計疫苗保護力施打AZ疫苗5個月後保護力就降到5成不到但該資料是連同Alpha變異株一起看如果只單看Delta變異株資料會更難看。
沈政男說反觀mRNA疫苗尤其是莫德納保護力依然高高在上挺立在病毒間整體的保護力及預防重症都有極佳效果且目前已知道AZ混打默德納的保護力不會比兩劑莫德納差。
至有人問20幾歲年輕人該混打BNT或莫德納？沈政男建議如果擔心心肌炎副作用就選BNT；若追求保護力就選莫德納作為第二劑。至於第三劑根據英國官方說第三劑不是打BNT就是莫德納「除非你沒有mRNA疫苗」。</t>
  </si>
  <si>
    <t>疫情 指揮中心 日前 宣佈 可 開放 混打 不少 人 仍 猶豫 第二 劑 該 選 輝瑞 bnt 或 莫德納 衛福部 草屯 療養院 醫師 沈政男 表示 若 擔心 心肌炎 副作用 混打 就 選 bnt 如果 是 追求 保護 力 就 選 莫德納 沈政男 昨 22 日 於 個人 臉書 分析 台大醫院 公佈 混打 研究 時 許多 人 不 相信 打 兩劑 az 疫苗 遇到 delta 變異 株 時 保護 力會 趴 在 地上 甚至 還 有人 說 英國 人 打 那麼 多 az 都 沒有 趴 在 地上 對 此 他 反駁 歹 勢 英國 打 最 多 的 不是 az 而是 bnt 沈政男 指出 若 不是 mrna 疫苗 擋 著 英國 的 疫情 絕對 不 只 現在 這樣 英國 官方 每週 統計 疫苗 保護 力 施打 az 疫苗 5 個 月 後 保護 力就 降到 5 成 不到 但 該 資料 是 連同 alpha 變異 株 一起 看 如果 只 單看 delta 變異 株 資料 會 更 難看 沈政男 說 反觀 mrna 疫苗 尤其 是 莫德納 保護 力 依然 高高在上 挺立 在 病毒 間 整體 的 保護 力及預防 重症 都 有 極 佳 效果 且 目前 已 知道 az 混打 默德納 的 保護 力 不 會 比 兩劑 莫德納差 至 有人 問 20 幾 歲 年輕人 該 混打 bnt 或 莫德納 沈政男 建議 如果 擔心 心肌炎 副作用 就 選 bnt 若 追求 保護 力 就 選 莫德納 作為 第二 劑 至於 第 三 劑 根據 英國 官方 說 第 三 劑 不是 打 bnt 就 是 莫德納 除非 你 沒有 mrna 疫苗</t>
  </si>
  <si>
    <t>受新冠狀病毒疫情與相關封鎖措施影響德國第一季資本投資、民間消費與出口急凍經濟創下金融危機以來的最大跌幅並宣告陷入衰退。
德國統計廳週一公佈繼2019年第四季國內生產毛額（GDP）萎縮01%後德國第一季實質GDP季減22%與先前公佈的初值相符為東西德統一以來創下的第二大跌幅僅次於2009年第一季的季減47%。
與去年同期相比首季GDP下滑23%。
此外第一季德國民間消費終值季減32%機械與設備資本支出銳減69%出口季減31%。
首季營建投資增加41%為德國首季GDP帶來些許支撐。營建業是德國最大的雇主其投資額貢獻德國全國總產值將近10%。
政府支出提高02%成為慘淡資料中的另一個亮點。政府支出與營建投資的增長使德國首季GDP免於跌得更深。
德國從3月中旬起實施防疫封鎖措施亦即其首季經濟資料僅反映該國封鎖兩周的衝擊以及亞洲實施封鎖措施導致的供應斷鏈經濟學家預期德國第二季GDP將加速下跌。</t>
  </si>
  <si>
    <t>新型冠狀病毒未見趨緩民眾出外用餐總是擔憂有鑒於此遠傳(4904)今日宣佈推出智慧餐飲工具「一指點」餐飲業者免建置系統僅須前往遠傳直營門市申辦客人掃描就能用自己的手機完成零接觸的點餐、結帳。
遠傳表示防疫期間儘管人人戴口罩但進入餐廳不免取下點餐交談仍有風險遠傳「一指點」可讓客人免下載App只要掃描桌邊QR-Code點餐店家前臺就能收到品項並憑單出餐避免點餐交談可能的飛沫傳染；「一指點」也提供客人選擇現金、信用卡、LINE Pay等支付方式選擇信用卡或LINE Pay則可連同結帳也避免交談。
對於餐飲業者遠傳「一指點」不但能使客人更加安心也可趁防疫期間化危機為轉機完成數位轉型不但一舉導入刷卡、行動支付等工具也節省前臺點餐端的人力而點餐數位化也便於店家盤點。「一指點」支援內用與外帶接單分流店家也能透過「自行外送」選項免去平臺抽成費用內建「營業報表」功能更讓店家可透過後台檢視銷售資料。
遠傳企業暨國際事業群執行副總經理曾詩淵表示數位經濟大幅改變全球產業樣貌遠傳致力成為中小企業最佳數位夥伴能快速滿足不同產業類型企業多樣化需求遠傳憑藉著電信專長自行開發軟體推出「一指點」協助店家提高效率、拓展客源落實以科技應用。
餐飲業導入「一指點」不須增購設備即日起遠傳全台340間直營門市開放申辦月租費688元防疫期間遠傳額外提供店家「點餐美食廣告平臺」加值服務透過電信大資料暨演算法藉由導客增加流量的平臺經濟模式幫助業者精準行銷目標族群。</t>
  </si>
  <si>
    <t>日本新冠疫情突然降溫連當地人都無法確定原因不過最新研究發現日本疫情突然降溫可能是Delta變異株自我毀滅的結果。
日本第5波新冠疫情在9月之後突然降溫連當地人都相當困惑外媒大致統整出幾個原因包括日本疫苗接種率衝高、日本人的戴口罩習慣、日本人減少出遊等。
不過最新研究發現主要原因可能是Delta變異株自爆。綜合共同社、《中日新聞》報導日本國立遺傳研究所及新潟大學的研究團隊於30日得出結論指出第5波疫情降溫可能是因為負責修復Delta基因組突變的酵素「nsp14」出現變化導致病毒活性喪失。
According to the National Institute of Genetics in Japan #Coronavirus #Delta are self-destructed in lack of self-recovery of genome ?  due to change of enzyme “nsp14”That may be on of the factors that decreasing the new positive cases in Japan#nsp14 https://tco/DaCYtynIwx
研究指出病毒在傳播時會複製基因組但有時會發生錯誤及突變這類突變累計過多的話將導致病毒無法繼續繁殖但是如果nsp14及時修復基因組的話無法繁殖的狀況將可以預防。
The termination of covid-19 infection in Japan may have been influenced by the death of the Delta strain which failed to repair the genomic mutation It is speculated that an enzyme called &amp;quot;APOBEC&amp;quot; that mutates and destroys the virus in the human body changed nsp14 pictwittercom/ZAQUS2ksHe
研究團隊分析日本國立傳染病研究所公開的日本新冠基因組資料發現第5波疫情中隨著感染蔓延nsp14酵素已經發生變化的病毒佔比也愈來愈多到8月下旬日本疫情進入高峰之前大部份病毒幾乎已被這類酵素發生變化的病毒所取代。
國立遺傳研究所教授井上逸朗表示病毒的基因組都突變了「修復跟不上所以就死了。」指出病毒來不及自我修復而滅絕。
研究還發現2020年秋天至今年3月的第3波疫情也有類似趨勢。
這份研究已在10月於日本人類遺傳學會上公開。</t>
  </si>
  <si>
    <t>全球興起新冠疫苗混打風潮為什麼許多國家採取混打策略？混打有什麼優缺點？《康健》20日邀請振興醫院感染科主任級醫師顏慕庸直播開講從全球疫苗混打經驗分析台灣應有的作為並釋疑臉書粉絲提出的疑問。以下為顏慕庸直播內容QA重點摘要：
顏慕庸的疫苗混打面面觀Q&amp;A
●Q：全球已有不少國家鼓勵混打疫苗混打為什麼會興起這股風潮？
→A：混打興起的原因最開始是因為AZ疫苗罕見的副作用令人疑慮讓歐洲多國對第2劑是否仍續打AZ持保留態度同時也展開第1劑打AZ、第2劑打mRNA疫苗（輝瑞BNT或莫德納）的研究來避開第2劑也打AZ潛藏的風險。
二是全球疫苗供不應求自然就產生混打的需求；三是全球針對方興未艾的Delta變種病毒必須盡速完成兩劑接種的需求。混打可說是自然而然發展出來的趨勢。
●Q：目前已有的混打研究獲得什麼樣的結果？
→A：牛津大學進行的AZ＋輝瑞BNT疫苗的混打研究將受試者分成4組：AZ＋AZ、 BNT＋BNT、AZ＋BNT、BNT＋AZ。結果發現在棘蛋白抗體表現（IgG）方面表現最好的是2劑都打BNT；其次是先打AZ再打BNT第3是先打BNT再打AZ最後是兩劑都打AZ。在T細胞免疫效價方面混打組合都比單打同一種疫苗效果佳不過AZ混BNT疫苗的表現又比BNT混AZ更優。
此外瑞典一項先打AZ再打莫德納疫苗的小型研究也顯示2劑都打AZ疫苗體內棘蛋白抗體表現（IgG）上升5倍、血清中和抗體效價增加2倍；但如果第1劑打AZ第2劑打莫德納棘蛋白抗體表現上升115倍、血清中和抗體效價上升20倍。
●Q：疫苗混打可以對抗變種病毒嗎？
→A：研究發現面臨變種病毒施打單一品牌疫苗中和保護力有下降現象時混打疫苗可能有機會再刺激人體免疫細胞將抗體再往上提升。
研究顯示無論AZ混輝瑞BNT還是AZ混莫德納都比單打2劑AZ效果好這是因為AZ疫苗是腺病毒載體的DNA疫苗當經過基因重組不再具備致傳染力的腺病毒DNA進到人體細胞裡能夠利用人體細胞工廠所提供的原物料製造S蛋白的抗原同時有效啟動細胞免疫刺激所以當第2劑施打同樣針對S蛋白的抗原抗體表現的mRNA疫苗馬上發揮非常好的效果對於現在要嚴加防範的Detla變種病毒都有幫助。
●Q：混打一定要拿AZ當第1劑？莫德納不行嗎？
→A：用莫德納或同屬mRNA疫苗的輝瑞BNT當第1劑沒有不行只是如果先打莫德納再打AZ效果不如2劑都打莫德納好。
因為學理及研究結果都顯示先打AZ對細胞免疫力的刺激比較有效之後再以mRNA做為第2劑能讓抗體躍升很快。每種疫苗引發免疫反應的機轉不同原則上AZ適合當第1劑把底子打好。
●Q：混打沒有缺點嗎？
→A：混打的缺點就是目前欠缺長期大型研究疫苗需要長期觀察我們對流感疫苗有把握是因為我們已經打了幾十年但新冠疫苗問世時間短目前只有施打疫苗3～6個月的短期研究需要長期觀察成效。
●Q：目前全球混打疫苗的國家有哪些？
→A：目前全球已實施混打的國家在美洲有加拿大在歐洲有挪威、丹麥、瑞典、芬蘭、德國、荷蘭、法國、西班牙、義大利以及中東地區的阿拉伯聯合大公國、巴林還有亞洲地區的南韓、越南、泰國以及不丹。混打方式多是第1劑AZ疫苗第2劑mRNA疫苗。
●Q：混打會成為各國普遍採行的做法嗎？
→A：國外陸續完成的疫苗混打研究顯示混打不但可行效果還更好可相當程度解決單一疫苗副作用及供貨不穩定問題而依疫情發展人類至少還要跟COVID-19奮戰好幾年因此混打是疫苗缺貨國家必須考慮的做法。
面對COVID-19這個百年大疫只有全球疫苗的群體免疫達到70％才能有效壓制病毒讓它不繼續產生變種但現在全球疫苗覆蓋率只有將近25％離全球群體免疫還遠可以預期病毒會繼續變種橫行。
全球疫苗覆蓋率低與疫苗供貨有關大家都在搶疫苗當單一廠牌疫苗供貨不穩定必須靠混打趕快把全球疫苗覆蓋率拉高到70％建構全球防疫力。
●Q：台灣需要跟隨國際腳步開放疫苗混打嗎？
→A：疫苗混打在台灣其實是更重要的議題因為我們正面臨無法有充分疫苗供應的窘境已採購的疫苗到貨時間也難掌握因此混打是台灣一定要討論的議題。
不過雖然我們可以拿國外的資料做參考但畢竟亞洲人跟西方人體質不一樣台灣還是要有自己本土的混打研究資料才好。據瞭解台大醫院已展開AZ混打莫德納疫苗的研究結果預計3個月出爐將可做為我國研訂疫苗混打政策參考。
●Q：疫苗混打副作用會比較強嗎？
→A：從現在的已經發表的研究來看混打的副作用都是輕微而且可以忍受的。2種疫苗的副作用都可能發生但強度會減半比如2劑都打莫德納疫苗有人形容打第2劑後的副作用好像撞上火車這麼強但如果第1劑打AZ第2劑再打莫德納嚴重副作用就少一點也就是撞火車的力道會減輕很多。
●Q：國產高端疫苗與其他疫苗混打也可以提升保護力嗎？
→A：雖然目前全球都還沒有混打蛋白疫苗的研究不過從學理上看蛋白疫苗將來也可望以第2劑加入混打行列。不過因為次單位蛋白疫苗並不是從一般細胞內啟動免疫反應它刺激細胞免疫的效能沒有AZ疫苗那麼好所以不適合打先鋒混打時建議仍以AZ做為第1劑打底蛋白疫苗適合做為第2劑施打。
但像如同AZ＋莫德納也要經過人體實驗才曉得混打的效益如果政府能夠就這方面預作研究會更適切。</t>
  </si>
  <si>
    <t>從昨晚傳出北部某醫院出現緊急事件到指揮中心公佈今（12）日有本土2確診台灣民眾一直關注此消息現在得知發生首例醫生感染大家都很緊張。對此精神科醫師沈政男認為醫師照顧病患時被感染沒人會怪罪他們反該審視哪個環節出錯必須補強院內感控。他還特別指出桃園市長鄭文燦也露臉宣佈相關防疫措施應是想角逐大位告訴大家自己有在做事在防疫上不能失分。
沈政男今在臉書上評論首例醫生染疫事件表示官員今天急著說「不要責難醫療人員」事實上臺灣人大都能體諒他們的辛勞根本沒人怪罪只是如果是照顧病患時被感染尤其是台灣首例醫生被感染當然應該審視到底哪個環節出了問題才能減少類似情形發生。
至於醫師是否在插管時被感染？指揮中心已經講得很清楚插管是由麻醉科醫師執行那位被感染的主治醫師只是站在旁邊。沈政男認為事情是這樣主治醫師當時站在旁邊也不意味就是那時被感染而是必須回想可能是什麼時候疏忽了給了病毒機會。第一個可以改進的是：新冠插管準則國外都已編定但台灣呢？只有個別醫學會的建議。指揮中心應結合專家意見整理出新冠插管準則給醫療人員參考。新冠插管的醫療人員感染率已有研究資料大約是一成左右台灣因為重症個案相對較少目前問題不大但仍須訂出準則。
沈政男指出雖然不是插管時被感染但國外插管準則有說「插管時其他非必要醫療人員儘量不要在場」這就讓人納悶被感染的醫生為什麼當時要待在旁邊了。至於一般照顧新冠病患的醫療人員感染風險根據國外大規模研究約是一般人的3倍而醫療人員的家屬注意了約是17倍因此醫療人員的家屬必須比一般人更注意感控避免被傳染。
再來的問題是病毒有沒有傳給其他院內人員？以疫情初期那起北部醫學中心的院內感染來說只傳給直接照顧的護理人員或清潔工並沒有繼續傳播下去因此如果此次這家發生院內感染的醫院也能做到類似的感控水準就不用太擔心。但如果不是呢？那就必須等看看後續的病毒檢測結果。雖然如此目前住院中的患者與家屬以及前往就診的民眾也不必太擔心因為只要大家戴好外科口罩傳染率極低。
「至於封院那是對病毒不瞭解或者醫療資源崩潰之下才可能有的決策台灣感控早已脫離了那個時代。」沈政男指出現在要加強的是有沒有注意到醫生的女友有在念書而且到學校考試？試問當時教室內的師生都有戴口罩嗎？秋冬防疫專案對於教室上課並沒有強制戴口罩但還是戴上比較好。
對於指揮中心隔了一晚才公佈這起疫情沈政男頗不以為然社會上早就傳得沸沸揚揚其實可以在昨晚說「北部傳出有限度院內與社區感染狀況已在掌握中大家不要驚慌但必須加強自我防護。」這樣一來那些潛在接觸者是不是可以提早把口罩戴好把社交距離拉出來多少降低後續感染的風險？
觀察這起本土醫護雙染疫案例沈政男特別點出鄭文燦的出場意義。他說鄭文燦出來開記者會他有講到什麼嗎？不過是露露臉讓大家知道我有在做事。鄭文燦想要角逐大位當然在防疫上不能失分。事實上元旦前傳出社區感染後如果不是總統府先取消元旦升旗聚會桃園恐怕也還是會辦。事實證明減少不必要的大型聚會利多於弊因為當你沉醉於歡樂氛圍就會鬆懈防疫給了病毒可乘之機。</t>
  </si>
  <si>
    <t>根據聯合國統計受到新冠肺炎影響全球近8億高中以下學子無法上學這還不計大學以上的停課情況。這個數字幾乎是3天前的一倍。
聯合國教科文組織16日指出因為新冠肺炎的傳播無法上學的兒童和青少年人數達到空前水準截至3月16日已經有100國宣佈或實施了學校停課措施以減緩疫情蔓延。教科文組織正為各國提供包容性遠端學習解決方案等緊急支持。
聯合國教科文組織表示迄今為止已有85國全國停課導致從學前到高中階段的7767億兒童和青少年無法繼續學業。此外還有15國局部停課以預防或遏制新冠肺炎疫情。若這些國家也全國停課無法上學的兒童和青年人數還將增加數億。
全球停課情況急速攀升短短3天幾乎翻倍。根據3月13日聯合國教科文組織官網資料全球39個國家地區有421億兒童和青少年受疫情影響而停課當時計入了大學以上學生是6688萬人學前到高中是3545億。</t>
  </si>
  <si>
    <t>BNT疫苗抵達台灣即將開打藍委洪孟楷今在臉書表示再次感謝民間企業、宗教團體及醫護、第一線公務人員的努力並提醒民眾若施打BNT疫苗有三件事情需要注意。
洪孟楷今（5日）表示接種BNT疫苗除了一般常見疼痛、發燒等不良反應有下列狀況請務必留意首先是有急性或持續性胸痛、呼吸急促和心悸反應。
其次洪孟楷指出新冠疫苗保護力比較在delta病毒防護力還未有足夠資料前BNT以926%最高、其次是莫德納的921%、AZ則有76%居三。
洪孟楷文末直言：美國FDA食藥局在8月底正式批准BNT疫苗獲得藥證可供16歲以上人口接種這也是目前全球第一支獲美國正式批准的新冠肺炎疫苗。洪認為打國際合格認證的疫苗是全民的權益！大家要求政府購買到位、早日施打形成集體保護力才能脫離疫情、恢復正常生活！</t>
  </si>
  <si>
    <t>新冠肺炎有數起確診個案沒有特別症狀但出現低血氧快速惡化後猝死情形及時掌握生理資料已成防疫重要課題。經濟部技術處支持工研院聯合跨域業者與新竹台大分院共同合作開發「生理訊號即時監測整合平臺」可望成</t>
  </si>
  <si>
    <t>新冠肺炎有數起確診個案沒有特別症狀但出現低血氧快速惡化後猝死情形及時掌握生理資料已成防疫重要課題。經濟部技術處支持工研院聯合跨域業者與新竹台大分院共同合作開發「生理訊號即時監測整合平臺」可望成為醫護人員防疫照護的利器。
工研院生醫所所長林啟萬表示「生理訊號即時監測整合平臺」是將體溫、脈搏次數、呼吸頻率、血壓數值、血氧濃度等五大生理資料蒐集置平臺上所有資料都要求須去個資化並且符合醫院規範目前已導入新竹台大分院進行臨床應用合作。
林啟萬說初期目標是依據臨床醫護人員的使用需求評估平臺中蒐集生理資訊的適用性與穩定性希望能快速導入使用讓醫療照護生理資料監控更即時化、自動化、非接觸化能降低醫護人員接觸感染的機會。
新竹台大分院副院長譚慶鼎副表示疫情期間更突顯遠距即時監測的重要性透過與工研院合作的「生理訊號即時監測整合平臺」可跨越空間與時間限制自動蒐集生理資料並持續監控解決醫護人力不足問題同時也能提升醫療品質。
目前各醫院每個護理師平時約照顧7到10個病人未來該平臺運用後可望提供醫院專責病房、集中檢疫所、防疫旅館甚至居家進行遠端即時掌握患者生理狀況減少醫護人員與確診患者接觸感染風險更能時時守護生命跡 象提升病人安全。
工研院同時會持續透過開放平臺銜接進入國內重要防疫單位如新北雙和醫院、北市聯醫、深坑集中檢疫所、蘭陽集中檢疫所等擴大場域連接應用加強國內防疫照護能量。</t>
  </si>
  <si>
    <t>危機就是轉機當新型冠狀病毒肆虐人們紛紛躲在家中時各種「應景」 的應用紛紛出爐。
有鑑於許多國家與地區已有疫情傳出有人腦筋動得快想到以 WebXR 應 用程式來追蹤疫情。由MIT畢業生和XR策略師 Michael DiBenigno 創建的追蹤程式「nCoV-2019 Tracker」可以瞭解有關病毒爆發至今的傳播地區與一些基本訊息。基本上它與華爾街日報最近發布的 2D 圖形資料相同比較不同的地方是如果用 AR／VR 裝置來觀看就可以看到立體的圖形。
像華爾街日報的圖形一樣這款應用程式提供了疫情的時間表包括每個國家發布的感染數量然用以一個可以轉動的3D地球儀和輔助的2D圖形呈現。 儘管用一般的智慧型手機或桌上型電腦也可以看到圖形但是只有用AR／VR 裝 置才能看到強大的資料可視化功能。不僅如此它還可以讓使用者瞭解該病毒在 武漢的傳播速度爆發的零點位置以及其在外圍的傳播方式。
這款跟?程式是在 FlowImmersive 資料可視化平臺上產生可幫助人們使用 AR／VR 裝置瞭解資料的內容。WebXR 則是一個應用程式介面（API）允許開發人員創造XR體驗包括AR和VR頭戴裝置。由於網頁跨平臺的特性所以不論是手機、桌上型電腦或者是AR／VR 裝置（如Microsoft HoloLens 和 Magic Leap 1）。 使用者只需打開支援WebXR的瀏覽器點選超連結連接到網頁無需下載任何擴充功能即可啟動XR體驗。
中國在此次冠狀病毒受害最深許多人被迫留在家中因此促進了諸如雜貨店購物、線上學習甚至是線上娛樂等的活動蓬勃發展。而今連地產業也跟著進。 中國房地產巨頭恆大集團在一次線上新聞發布會上表示三天之內在線上已銷售了47500 套房屋總價值達人民幣580億元。該公司還表示現在有超過1000萬的人使用其應用程式進行線上房地產瀏覽與購買用戶可以與銷售顧問聯繫並進行 VR 房屋參觀。在中國問答網站知乎上有關恆大線上促銷方式的問題日益流行吸引了超過 300 萬的觀看次數。
而根據新華社報導包括萬科和中國保利集團在內的其他房地產巨頭也紛紛跟進加強了線上服務它們讓銷售人員設置直播方便看屋並且可以隨時回應 客戶詢問。在疫情尚未好轉之際AR／VR 不啻是滿足顧客需求的一個出海口。</t>
  </si>
  <si>
    <t>新冠病毒至今已奪走全球逾21萬人性命英國研究指出由於染上新冠肺炎平均每位死者少活11至13年。
綜合英國《每日郵報》（Daily Mail）、《每日星報》（Daily Star）報導由蘇格蘭公共衛生局（Public Health Scotland）及蘇格蘭格拉斯哥大學（Glasgow University）科學家組成的團隊近期公佈研究資料指出因為染上新冠肺炎平均每位男性死者少活13年女性死者少活11年。
這份研究主要採用義大利新冠肺炎死者資料庫將死者的其他疾病背景例如心臟方面疾病、心律不整、中風、高血壓、糖尿病、阿茲海默症、癌症等疾病全部考量進去比對世界衛生組織（WHO）針對這些疾病發展出的壽命年限量表最後統計出每位死者因為染上新冠肺炎壽命平均減少10年以上。
研究團隊想要強調的是即便部分死者因為本身患有其他疾病壽命可能本來就比一般人短但是染上新冠肺炎後更讓他們大幅度減少原本可以存活的時間。
帶領研究的格拉斯哥大學麥卡利斯特博士（David McAllister）表示新冠肺炎對患者壽命的影響堪比冠狀動脈心臟病（coronary heart disease）或一般肺炎。
研究也發現死者當中原先患有高血壓的人比例最多高達73%；其下依序是糖尿病313%、心臟疾病278%、心律不整237%。</t>
  </si>
  <si>
    <t>新冠肺炎疫情改變民眾生活型態並醞釀出新商機。資策會產業情報研究所（MIC）針對台灣網友調查發現有533％在上半年疫情時間曾使用美食外送服務且首度使用者占109％另有221％曾使用的網友在疫情期間增加使用美食外送服務。
調查結果顯示最常使用的前5大平臺依序為foodpanda（796％）、UberEats（608％）、foodmo（83％）、餐廳自營平臺（76％）與街口美食外送（53％）。疫情期間用戶平均每次美食外送服務訂購金額345元不同區域與使用頻率不同的用戶消費區間為300～350元。
資策會MIC產業分析師王琬昀表示foodpanda與UberEats穩坐2大龍頭但餐廳自營平臺仍具市場潛力使用率在「首次使用」（69％）與「維持疫前相同使用頻率」（97％）2大族群中皆取得第3名。
針對疫情期間用戶的使用動機有504％為省去外出與排隊時間、394％認為可減少外出接觸人群機會折扣優惠（387％）、天氣不佳／不想出門（383％）、餐點多元可選擇（264％）也是考量重點。
調查發現觀測「首次使用」與「頻率增加」者動機可發現「減少接觸機會」為最主要驅動力。而疫情期間曾使用美食外送服務的消費者高達773％表示未來有繼續使用意願首次使用者亦有604％有意願在疫情後繼續使用認為美食外送服務將成為新常態。
至於未使用或是無意願繼續使用的網友前5大影響因素依序為不想額外支付外送服務費（443％）、平臺商品單價比實體店家貴（237％）、沒有任何訂美食外送經驗（233％）、想直接到餐廳享受氣氛及服務（198％）、所在地區的餐點選項不夠多元（122％）。
王琬昀指出台灣消費者對美食外送的需求與接受度確有逐漸提升但仍需要更多時間才能使消費者養成付運費習慣。同時未來有意投入外送平臺的餐飲業者在制定組合餐價格或考量上架餐點品項時建議可參考平均消費價格區間。
展望後市王琬昀認為業者可思考發展訂閱模式但要留住訂閱客戶的關鍵包括持續強化餐廳選項的獨特性、外送員素質與態度等也可透過評分機制累積更多資料、發展餐點推薦系統或根據不同地域的消費者飲食偏好為餐廳打造適合的外送餐點等創新商模。</t>
  </si>
  <si>
    <t>新冠肺炎在2020年重擊全球經濟隨之而來的是因封鎖措施帶來的經濟衰退亞洲國家在同年下半年疫情獲得控制後迎來復甦歐美各國則是在疫苗接種下預計在2021年下半年迎來復甦。但根據外媒報導為計算國內生產毛額(GDP)之一的指標：外國直接投資(FDI)在成熟經濟體朝著正常水位前進新興國家的慘況依然沒有獲得解決。
據《華爾街日報》報導經濟合作發展組織（OECD）4月發布的資料2020年FDI下降38%達到2005年以來的最低水準。外國直接投資對於跨國旅行能力相當敏感。外資投入當地土地、建設等來興建廠區對於當地資金流動影響相當大除非商務旅行恢復到疫情前水位
外國直接投資對投資者的旅行能力特別敏感。在外國購買一家製造公司的股份是一回事。而購買一塊土地建造一個設施並自己經營工廠完全是另一回事。除非國際旅行開始朝著以前的水準恢復否則外國直接投資無法完全恢復。
報導提到即便是那些可以輕鬆負擔疫苗供應的國家接種率也相當低許多地方的旅行限制看起來還會延長1年甚至超過。諮詢公司科爾尼公司指出在2028年前都無法恢復到2016年峰值。專家分析在2018年美國前總統川普發動陸美貿易戰後FDI資料就出現疲弱。
表面來看雖然一些新興經濟體的投資狀況似乎更好聯合國貿易和發展會議(United Nations Conference on Trade and Development)今年初宣佈大陸已經超過美國成為全球最大FDI目的國印度獲得資金也有顯著成長。不過新興國家與開發中經濟體獲得的綠地投資(全新業務的投資並非購買現有廠房與設施的投資)降幅高達43%。
FDI流入量占GDP比重較大的經濟體往往是富裕的小型經濟體例如香港、新加坡或是新興市場。2019年匈牙利的FDI流入量占整體GDP的186%柬埔寨135%越南62%巴西38%遠超全球平均的18%。
這些新興市場受到的衝擊相較於成熟經濟體來說即使不考慮對於FDI占整體經濟影響度也不如這些富裕國家擁有更多資金與貨幣政策寬鬆程度來支持經濟復甦。</t>
  </si>
  <si>
    <t>新華社2日報導根據香港特區政府入境事務處的最新資料「五一」勞動節假期首日有1528人次入境香港其中香港居民占比超過9成大陸訪港旅客僅有119人次。而去年5月1日當天有逾106萬人次進出香港其中訪港陸客</t>
  </si>
  <si>
    <t>新華社2日報導根據香港特區政府入境事務處的最新資料「五一」勞動節假期首日有1528人次入境香港其中香港居民占比超過9成大陸訪港旅客僅有119人次。而去年5月1日當天有逾106萬人次進出香港其中訪港陸客量接近50萬人次。香港立法會旅遊界議員姚思榮表示今年是自2003年大陸赴港「個人遊」推出以來香港首次出現「零團來港」的勞動節假期。
姚思榮指出以往勞動節假期陸客紛紛來港遊玩主力來自廣東省。受新冠肺炎疫情、大陸與香港隔離檢疫和出入境安排等多重因素影響今年五一假期迎數年來最少客流。
2019年下半年以來受修例風波影響香港旅遊業經歷了持續半年多的慘澹期不少旅遊業從業者顆粒無收。今年上半年多個國家和地區為了防控疫情而限制遊客入境許多航空公司縮減航班數加上實施保持社交距離的防疫措施香港旅遊業雪上加霜。
今年1月底香港迪士尼樂園、海洋公園暫停營業。隨後香港多個旅遊景點陸續關閉不少知名餐廳、商店、酒店也先後出現停業潮、倒閉潮。
報導稱受雇於香港一家旅行社資深日語導遊唐寧說去年9月開始來港遊客陸續減少元旦至今他只在年初接待過5位日本遊客。「往年這個時候我應該在外面奔波但現在我擔心的是公司下個月還在不在。」他表示為了減少開支公司兩個月前開始給員工發半薪他每月薪水直接縮水至不足8000港元只能勉強應付房租完全不夠日常花銷。
從業多年的導遊溫先生表示為了維持生計很多導遊都轉行去做兼職、打「散工」。他沒房貸壓力一家人還能依靠存款過活「我有同事得『供樓』養家壓力真的好大」。
為緩解疫情給香港居民帶來的經濟壓力香港特區政府已出臺兩輪防疫抗疫基金及多種紓困措施扶助本地「打工仔」。對於符合要求的旅遊業從業者每個月撥發5000港元補貼資助半年。
對此唐寧和溫先生表示感謝。他們說對比香港的高消費共計3萬港元的資助雖然不算多但這筆錢能增加家庭收入解燃眉之急。
香港旅遊發展局主席彭耀佳2日表示旅發局正籌備重振香港旅遊業詳盡的計畫。預計疫情過後旅遊業或將出現新常態旅客將更加注重旅遊目的地的公共衛生並傾向短途旅行。香港旅遊業可趁此重新審視旅遊定位提升服務水準為長遠穩定發展鋪路提供更好的「待客之道」。</t>
  </si>
  <si>
    <t>受新冠肺炎疫情影響大陸深圳鹽田港缺櫃、塞港情況持續惡化貨物進出口時程遭嚴重推遲有專家預估鹽田港卡船的狀況已超過2周對全球航運影響超過長賜輪事件。
英國媒體The Loadstar報導大陸廣東新冠肺炎疫情爆發讓深圳鹽田港被迫進行更嚴格的防疫管制貨物進出口人員都必須篩檢陰性原先預估船期受延遲7至8天時間但近期疫情並未趨緩多家航運商都認為貨物延誤時間已拉長至14天以上。
航運分析機構Vespucci Maritime分析師Lars Jensen表示長賜輪事件僅延續6天左右但鹽田港擁塞狀況已拉長至兩周且接下來沒有恢復時間表初估鹽田港造成的塞港效應對貿易影響已經比長賜輪事件還要嚴重。
丹麥物流巨頭DSV Panalpina執行副總裁Henrik Nielsen持同樣看法他說：「大陸目前的狀況可以與３月長賜輪事件相提並論但這次的影響更巨大而且持續進行中。」
物流公司Kuehne+Nagel海運副總Otto Schacht則認為未來半年甚至9個月以上鹽田港事件都會對全球各行各業產生影響「餘震」將會持續至少2季整體產業鏈緊繃會持續好一陣子。
此外深圳不只鹽田港受影響鄰近的南山港、蛇口港也同樣有相關防疫規定這也讓全球航運衝擊擴大。
鹽田港為全球第四、大陸第三大港口資料顯示鹽田港去年輸送量達1334萬個20呎標準貨櫃占廣東省超過1/3的進出口貨量及大陸對美國1/4的貨量角色相當吃重。</t>
  </si>
  <si>
    <t>高端疫苗啟動混打試驗將召集上百名接種過一劑莫德納疫苗的受試者安排接種第二劑高端疫苗衛福部長陳時中 今天表示由於試驗將用到莫德納疫苗必須經由總公司同意這部分需要先獲准將由指揮中心來擔任視窗進行協調。
ACIP召集人李秉穎今天表示高端啟動混打試驗目的並非解決到貨量不足的問題而是要降低心肌炎的風險陳時中說心肌炎發生率不是特別高但值得大家注意大家可能聽到心肌炎、心包膜炎會覺得可怕但到目前為止都沒有出現死亡案例。
指揮中心醫療應變組副組長羅一鈞表示根據美國公佈的資料目前幾乎沒有看到打完莫德納疫苗後因心肌炎而要住到加護病房的個案香港近期雖傳出有三十七名年輕人接種後出現心肌炎、心包膜炎其中有三十位是打第二針後才出現平均年齡十五歲但通常住院幾天後就能出院。
資深媒體人趙少康今天痛批中央流行疫情指揮中心啟動高端疫苗的混打試驗是狗急跳牆絕不會被三百萬名等待第二劑莫德納疫苗的民眾接受。衛福部長陳時中 今天解釋啟動高端混打試驗並非要推銷高端「這樣的批評不太合理應該要更理性一些」。
陳時中表示啟動高端混打試驗只是提供一些資料、情境讓外界瞭解基本上使用還是會尊重大家的選擇絕非要推銷高端外界批評有些不合理應該更理性一點。</t>
  </si>
  <si>
    <t>據湖北黃石市黃石港區紀檢監察部門7日通報2月2日晚黃石港區新閘社區計生專幹程繽漫向新閘社區書記陳亞麗通電話提出辭職未說明辭職原因經陳亞麗勸說程繽漫仍執意辭職。面對嚴峻的疫情防控工作在社區人員力量不足情況下程繽漫臨危退縮、臨陣脫逃造成不良影響。6日黃石港街道給予程繽漫責令辭職處理。
同在2月6日黃石港區覆盆山社區民政專幹陳茜瑤被責令辭職。據通報黃石港區覆盆山社區民政專幹陳茜瑤從1月24日至2月2日連續1日無故脫崗未辦理請假手續與社區、街道失聯。
被黃石港街道通報批評後陳茜瑤於2月3日到社區正常上班於2月4日通過微信向覆盆山社區書記葉軍華提出辭職申請經社區書記勸說仍一意孤行。
最新資料顯示截至2月13日24時黃石市累計確診新型冠狀病毒感染943例死亡11例。</t>
  </si>
  <si>
    <t>新冠病毒在全球如火如荼延燒眾所關切的是全球疫情對台灣的影響為何？我國前3月表現雖亮麗未來將面臨哪些挑戰？應有何系統化的因應作為？
剖析全球疫情不難發現：一、愈早著手具體防疫措施降低疫情的宏效也愈大。二、若能掌控新冠病毒確定病例的「感染源」達愈高百分比與其後徹底追蹤防治作為如南韓在高危險區與高危險群的病毒偵測與全面接觸史追蹤檢測仿天花根絕前的「偵測與圍剿」策略病例數愈易驟降。三、各國民眾的教育水準、公共衛生與健康保險體制、群聚病例多寡與持久性、醫療應對湧現病例的處理能力、科技團隊研發力及專業建議與民情上達決策者之速被採納率均決定疫情的嚴重度與致死率。
台灣疫情明顯地隨著全球流行而無明確感染源的病例正快速上升有些病例的發病日至確診日過長（如第268病例）其防疫難度也將愈大。令人擔憂的是許多年輕人駐足的餐飲店、娛樂場所仍大排長龍店內高堂滿座彼此卻沒足夠的距離；尤其大學生與研究人員旅遊回台後致生病例在在顯示登機前與機內的宣導不足導致防疫漏洞再加上清明節將至、學校春假、大陸早期重災區的陸續解封與勞動節長假、暑假旅遊季恰遇新冠病毒可在南美冬季發威及後續民間活動等我國未來挑戰的變數仍大！
面對下一波的新冠肺炎疫情挑戰我們必須要有更積極的前瞻作為：
一、我國即將進入腸病毒、日本腦炎與登革熱的流行季須以傳染病整體觀來防疫如類似病徵需採檢。
二、記者會宜由疾管署全權負責並公佈台灣北、中、南、東區及人口密集機構的0～19、20～39、40～59、60～79及80歲以上共5年齡層的輕症（發燒、上呼吸道病癥、發燒+上呼吸道病癥）與重症（呼吸困難、肺炎）症候群偵測每週資料敦促醫療單位對高風險群能及早提供治療降低重症及死亡率。
三、交通部必須在陸、海、空運輸上播影片實例宣導居家檢疫。四、行政院科發基管會應協調科技部、衛福部與國衛院統整新冠病毒的科研內設病毒、免疫、臨床、流行病、衛生教育與衛生政策共6組並就快篩檢驗試劑、抗病毒藥劑與疫苗研發規畫國家隊的進度經國際合作以台灣優勢如生產GMP藥劑和疫苗協助國際早日製出足量疫苗台灣也能優先享用。
五、不同風險層級者的採檢、求醫與治療宜有全盤規畫。
綜言之我國至今的防疫策略在病例數少時易見成效未來必須整合臨床、基礎醫學與公共衛生以基層跨域專業諮詢團與科研審慎態度尋找防疫漏網處與風險評估並備妥醫技檢驗、呼吸道病患的醫療照護與公共衛生防疫人力尤要考慮不同病原的共同流行的防控。
（作者金傳春為台大公共衛生學院兼任教授暨台灣公共衛生促進協會顧問、顏慕庸為臺北市立聯合醫院感染科醫師、詹大千為中央研究院人文社會科學研究中心副研究員、顧家綺為台大醫學院免疫所副教授）</t>
  </si>
  <si>
    <t>莫德納混打高端疫苗臨床試驗將啟動。臺北市青工總會長滿志剛表示高端未做三期臨床試驗且招募混打的受試對象也不過百人再加上品管及生產都不穩定痛批政府如此護航高端只會讓民眾更加反感「高端還是老實做完三期試驗再來討論其他可能性吧」。
滿志剛今（16）日於個人臉書指出莫德納應該優先混打BNT絕對不是高端由於高端沒做第三期臨床試驗在保護力都未知的情況下Delta變異株又不斷地進攻社區應該高風險族群取得完整保護力降低重症及死亡風險不要將希望寄託在只有「嘴砲」缺乏資料的高端。
滿志剛說若輝瑞／BNT週週到貨、穩定供應總計1500萬劑的疫苗就是國內疫苗的主力絕對能解決300萬莫德納孤兒打不到第二劑的問題且目前高端的品管和生產都不穩定若要混打「怎麼會捨BNT而就高端？」
滿志剛認為目前國際上已有莫德納混BNT的研究資料也有多國正在執行這樣的混打方式；反觀高端才剛開始要研究招募的受試對象也不過百人僅利用免疫橋接比較抗體資料既不科學也無法取信於民。
滿志剛說政府這麼不尋常地護航高端只會讓民眾更加認定其中藏有貓膩只會加深對高端的質疑及反感政府若要發展國產疫苗當然無人會反對但如此揠苗助長反而正是親手摧毀了國產疫苗的機會「高端還是老老實實做完三期試驗再來討論其他可能性吧」。
★《中時新聞網》提醒您：因應新冠肺炎疫情疾管署持續加強疫情監測與邊境管制措施 如有疑似症狀請撥打：1922專線或 0800-001922 並依指示配戴口罩儘速就醫同時主動告知醫師旅遊史及接觸史以利及時診斷及通報。</t>
  </si>
  <si>
    <t>美國勞工部20日上午公佈的前周（8月15日為止的當周）新增的初次申請失業救濟金人數再度回升到百萬以上來到111萬也遠高於經濟學家預測的925萬人。
前一個星期初領失業救濟金人數才以971萬寫下疫情3月初大爆炸後首度跌破百萬的新低紀錄但7天後就被打回原形。
新冠肺炎疫情在美國持續肆虐迄今確診人數達553萬死亡173萬經濟和就業市場更是百廢待舉。疫情3月在美國炸裂後初次申請失業救濟金的人數就扶搖直上3月底甚至飆上697萬的史上高點但隨各地陸續解封經濟重開大門初次申請失業補助的人數也一路下探。
券商嘉信理財英國區執行董事佛林認為「資料反轉上揚將會讓金融市場大失所望尤其是在上周資料令人充滿希望之後。」他指出雖然受創最深的產業7月把員工找回來但勞動市場的疲弱依然前所未見因疫情相關衝擊而造成的封關仍可能持續讓資料由好轉壞。
疫情在美國鋪天蓋地之前每週平均新增請領人數僅20來萬寫下接近半世紀以來的新低。</t>
  </si>
  <si>
    <t>大陸新型冠狀病毒（簡稱新冠肺炎）疫情持續延燒恐將影響美國的GDP？國際學生為美國各大學收入的重要來源新型肺炎疫情在大陸各地爆發一些國家先後發布具針對性的旅行禁令導致許多大陸學生被困在國內無法返回就讀的國外學校；少掉來自大陸的生源校方財政即將面臨吃緊甚至可能進一步波及美國的GDP。
為此緊張的不單是美國澳洲新南威爾斯大學（UNSW）亦表示該校仍滯留海外的1萬名大陸留學生可申請於6月開學「我們期待他們在第二學期加入我們在不犧牲教育品質的基礎上。」學校已決定將不為這群大陸留學生提供短期的網路課程。
2018年逾36萬陸生留美
由於國際學生學費歸類為美國的出口學費下降可能讓美國的GDP受影響。美國國際教育工作者協會曾指出2018年國際學生共計為美國經濟貢獻達390億美元。大陸國教育部的最新資料顯示2018年至海外求學的大陸學生人數達到662萬按照國際教育協會的統計數字當中超過36萬人在美國學習。
以伊利諾大學香檳分校為例財務方面即相當依賴大陸學生的學費為此甚至購買一份保險保障該校不受政治事件、簽證問題或健康問題導致大陸學生入學率驟降的影響。
澳洲至少損失50億美元
美國教育理事會負責全球事務的副主席布拉德法恩斯沃思指出美國的大學一般在美國實施旅行限制前即開學大多數大陸留學生已返回美國的校園；但「如果限制持續數月今年秋季入學可能會受到影響。」
加拿大、澳洲的大學同樣也依賴國際學生為兩國的經濟挹注數十億美元並創造數十萬個就業機會2018-2019學年國際學生對澳洲經濟的貢獻約250億美元。大陸學生為加拿大、澳洲最大宗的國際學生族群在加拿大占1/3、澳洲則近半。
新冠肺炎疫情擴散適逢澳洲大學暑假、農曆春節大陸留學生大都返國與親人團聚。2月1日澳洲政府宣佈禁止過去14天內自大陸出境或過境者進入澳洲；一半以上、為數約10萬人的中國留學生未能返回澳洲。據估計澳洲的大學、英語語言學院等可能「至少」損失超過50億美元。
UNSW副校長Ian Jacobs表示若大陸學生無法在2月28日前返校可申請於6月開學。</t>
  </si>
  <si>
    <t>香港新冠疫苗顧問專家委員會今（15日）下午開會討論將科興疫苗接種年齡限制降至3歲。香港醫院藥劑師學會會長崔俊明今早表示科興有關兒童接種疫苗的第1、2期資料非常少涉及3至5歲兒童只有50多名6至11歲者約80</t>
  </si>
  <si>
    <t>香港新冠疫苗顧問專家委員會今（15日）下午開會討論將科興疫苗接種年齡限制降至3歲。香港醫院藥劑師學會會長崔俊明今早表示科興有關兒童接種疫苗的第1、2期資料非常少涉及3至5歲兒童只有50多名6至11歲者約80名但相信委員會會通過申請因為大陸已有逾1億名兒童接種科興且免疫反應良好。
崔俊明表示兒童接種復必泰的劑量為成年人三分一但接種科興就需要成年人劑量才能產生免疫反應因此日後或需接種第3劑。崔指出BNT疫苗產生的抗體較高但科興的副作用較輕微。他建議應同時商討將BNT的接種年齡限制降至5歲以供家長選擇。
另外香港大學感染及傳染病中心總監何栢今在另一電台節目亦同樣認為基於大陸降低科興疫苗接種年齡後的情況理想香港也可考慮逐步降低接種年齡有助家長接受。</t>
  </si>
  <si>
    <t>香港《文匯報》報導香港新冠疫苗接種計畫昨日推出第100天有約50400人接種首次單日突破5萬大關成為歷來新高紀錄。
香港公務員事務局局長聶德權表示近日接種、預約的人數都較踴躍令人鼓舞希望各界快打疫苗建立穩固的保護屏障。BNT復必泰疫苗接種年齡降至12歲港府在未來一星期將與學校商討12至15歲學童接種疫苗安排。
香港政府公佈資料顯示截至昨晚8時1503萬人已接種第一針接種率為229％約1095萬人已打第二針接種率為167％。為提醒市民盡快打針政府昨日在網上公佈社區疫苗接種中心運作進入倒數88天復必泰疫苗在接種中心尚餘名額為大約1936萬人科興疫苗約528萬人。</t>
  </si>
  <si>
    <t>台灣企盼已久的首批新冠疫苗終於到手了！今日上午自韓國運送抵台的20萬劑AstraZeneca疫苗按照疫情指揮中心預定的時程將在一周內開打。AZ到底是何種類型的疫苗？接種後會產生哪些副作用第一、二劑須間隔多久施打？有哪些應注意禁忌？《中時新聞網》透過疾管署官網彙整出一份完整的AZ疫苗懶人包作為大家施打疫苗前參考。
疾管署官網指出新冠肺炎AstraZeneca疫苗是一種含有可表現新型冠狀病毒棘蛋白(S protein)的腺病毒載體之疫苗用於預防新冠肺炎感染可避免因新冠肺炎感染引起的嚴重併發症。此疫苗目前已通過世界衛生組織（WHO）、歐盟等其他先進國家及我國緊急授權使用目前優先施打對象為第一線醫護人員。
AZ疫苗在保存條件上具有優勢其冷儲條件只須在2 ~8°C冷藏儲存不須要特別的冷鏈系統。在接種的劑量及間隔時間方面目前依據疫苗仿單的適用接種年齡為18歲以上接種劑量為05mL。AZ疫苗的分2劑接種目前依WHO建議AZ的接種間隔為8至12周；衛福部傳染病防治諮詢會預防接種組(ACIP)則建議間隔施打至少要8周以上。
對於民眾關心的疫苗安全性及保護效果疾管署指出AZ疫苗不含可複製的SARS-CoV-2新型冠狀病毒顆粒不會因為接種本疫苗而感染新冠肺炎。另外依據目前臨床試驗結果顯示此疫苗接種完成2劑間隔12周保護力可達824% (627%~917%)並可降低新冠肺炎傳播率達67%並且能有效預防因新冠肺炎感染而造成的嚴重併發症。疫苗的保護效果則視接種對象的年齡或身體狀況而有不同差異。
疫苗接種時仍有禁忌須注意對於疫苗成分有嚴重過敏反應史或對於先前接種之疫苗劑次發生嚴重過敏反應者應不予接種。而在接種過程中也5個注意事項要留意。
1本疫苗不得與其他疫苗同時接種目前依ACIP建議應完成新冠肺炎疫苗接種時程後再接種其他疫苗並與其他疫苗間隔至少28天如小於上述間隔各該疫苗無需再補種。
2本疫苗不得與其他廠牌交替使用。若不慎使用了兩劑不同新冠肺炎疫苗產品時不建議再接種任何一種產品。
3發燒或正患有急性中重度疾病者宜待病情穩定後再接種。
4免疫功能低下者包括接受免疫抑制劑治療的人對疫苗的免疫反應可能減弱。尚無免疫低下者或正在接受免疫抑制治療者的資料。
5目前沒有足夠資料建議孕婦可常規接種新冠肺炎疫苗若自身為高感染風險者或可能因感染新冠肺炎導致嚴重併發症的情形可經醫師評估是否接種疫苗且請醫師告知民眾目前缺乏孕婦接種新冠肺炎疫苗之安全性資料。接種新冠肺炎疫苗前不需進行懷孕篩檢接種新冠肺炎疫苗後亦不需避孕。
接種後2注意事項也要加以遵守。為即時處理接種後發生率極低的立即型嚴重過敏反應接種後應在接種單位或附近稍做休息並觀察至少30分鐘無恙後再離開。若有使用抗血小板或抗凝血藥物或凝血功能異常者施打後於注射部位加壓至少2分鐘並觀察是否仍有出血或血腫情形。
最後接種後可能發生的副作用反應及因應措施以下4狀況須進行相關處置。
1此疫苗接種後可能發生的反應大多為接種部位疼痛、紅腫通常於數天內消失可適度冰敷請勿揉；抓接種部位。
2接種疫苗後可能有發燒反應(≧38℃)通常約48小時可緩解。其他可能反應包含疲倦、頭痛、肌肉痠痛、體溫升高、寒顫、關節痛及噁心這些症狀隨年齡層增加而減少通常輕微並於數天內消失。
3如有接種部位紅腫及硬塊發生膿瘍、持續發燒或嚴重過敏反應(如呼吸困難、氣喘、眩暈、心跳加速、全身紅疹)等不適症狀應儘速就醫並告知醫師曾接種疫苗以做為診斷參考同時請醫師通報當地衛生局或疾病管制署。
4完成疫苗接種後雖可降低感染新型冠狀病毒的機率但仍有可能罹患嚴重特殊傳染性肺炎民眾還需注重保健與各種防疫措施以維護身體健康。</t>
  </si>
  <si>
    <t>桃園一名女子上月接種莫德納後腋下摸到顆粒般的腫塊由於沒有任何痛感因此並未放在心上後來至醫院檢查後才發現右乳侵襲癌和右腋下淋巴轉移確診乳癌目前正接受治療。乳房外科醫師黃鴻銘表示打完疫苗後若有腋下有痛感或無痛腫塊應立即就醫檢查。
黃鴻銘日前於臉書粉專《杏妍診所》指出一名近40歲的女子上月施打莫德兩周後摸到右邊腋下有顆粒般的腫塊但並無任何不適及疼痛感一開始不以為意後來還是決定就醫檢查。黃鴻銘替她觸診右側乳房外側時隱約摸到一塊軟軟、有彈性的腫塊但女子卻毫無感覺。
黃鴻銘表示經超音波檢查後發現該腫塊大約3公分再加上女子主訴右腋下摸到腫塊令他驚覺有異趕緊將兩處的檢體送至病理中心檢查結果為右乳異常處侵襲癌以及右腋下淋巴結淋巴轉移確診乳癌
黃鴻銘提國外資料說有高達11%的女性接種第一劑莫德納或輝瑞／BNT後會有淋巴結腫大的情況發生；打完第二劑疫苗後同樣的情形在女性身上的比例更提高至16%且時間長達1至2周。
黃鴻銘進一步說明疫苗造成一定比例淋巴結腫大的情形可能會讓不少打疫苗的女性輕忽因為淋巴結腫大也是罹患乳癌的表徵未放在心上恐會造成病情延誤。不過他也提醒打完疫苗後發現淋巴腫大不一定是沒事但也不一定就是罹患乳癌若腋下有痛感或無痛腫塊務必尋求適當的醫療院所安排檢查。
★《中時新聞網》提醒您：因應新冠肺炎疫情疾管署持續加強疫情監測與邊境管制措施 如有疑似症狀請撥打：1922專線或 0800-001922 並依指示配戴口罩儘速就醫同時主動告知醫師旅遊史及接觸史以利及時診斷及通報。</t>
  </si>
  <si>
    <t>第六輪高端預約今中午截止將在8月23日開打但有許多民眾仍在觀望無法下定決心。對此一名網友認為大家糾結的主因是目前政策規定不能混打因此現在選高端豈不是把自己未來的路封死了？貼文引起眾人討論不少人表示現在就是不確定有效否如果三期保護力資料出來是有效的那大家就會主動預約了。
一名網友昨天在PTT上發文表示先撇開高端疫苗究竟有沒有效棘蛋白疫苗的副作用較小但為何很多人還是不去打？他認為主要的原因是目前政策不能混打所以現在打高端以後就一定要打高端。
該網友指出如果政策改成可混打也許會有更多人預約畢竟現在打高端雖不知效果但優點是副作用小若疫苗有效那就賺到沒效還能混打國外的疫苗。而且混打完一劑國外的疫苗至少染疫後不至於重症之後若有機會再去國外補打第三劑。
該網友認為如今選高端就等於是把後面打其他疫苗的路給封死了一個不確定效果怎麼樣的疫苗畢竟大家也不是傻子為什麼要賭上自己未來的機會在上面？
貼文引起網友討論「根本就不知道有沒有效力為什麼要打？」、「高端最大副作用把其他疫苗的路封死」、「三期保護力資料出來我就預約這麼簡單的道理都不懂」、「真的不知道有沒有效」、「高端保護力資料都生不出來我為何要放一個來路不明的疫苗進入身體？」
但也有網友認為疫苗沒有效怎麼可能不開放混打那打到沒有效或是效果不好的疫苗不就等死？這有可能嗎？現在打疫苗如果接種者發生嚴重副作用也是可以改打其他廠牌的疫苗沒道理如果疫苗沒效或效果差政府會不給你補。
另有網友表示如果疫苗真的沒效就會開放混打其他疫苗這件事情其實很難說因為有沒有效果是政府認定的也就是說如果你們相信政府的審核那你現在應該已經相信高端了反之若不信政府的人也沒理由相信政府未來會給公正的審核。</t>
  </si>
  <si>
    <t>英國官方21日公佈英國接種第一劑新冠疫苗的人口超過1760萬此外近來單日新冠肺炎死亡數及確診數都見下滑。官方周日的資料顯示28天內確診罹患新冠肺炎的人數中又有215人死亡但較上週六報告445人病故的資料</t>
  </si>
  <si>
    <t>英國官方21日公佈英國接種第一劑新冠疫苗的人口超過1760萬此外近來單日新冠肺炎死亡數及確診數都見下滑。
官方周日的資料顯示28天內確診罹患新冠肺炎的人數中又有215人死亡但較上週六報告445人病故的資料來得少。全英迄今的新冠肺炎死亡數總計120580人然7天平均死亡數降低27％。
英國政府周日稍早也宣佈7月31日之前所有英國成人將完成第一劑新冠疫苗接種比預定目標起碼提早1個月原本預計要到9月才能施打完畢。另外50歲以上的健康成人將在4月15日之前打完第1劑疫苗也較預定的5月1日提前。</t>
  </si>
  <si>
    <t>新冠肺炎(COVID-19)疫情期間為了讓使用者能夠瞭解即時且正確的資訊微軟(Microsoft)、Google 以及蘋果(Apple)三大巨頭都不約而同推出了新冠肺炎專屬網站。不僅如此Twitter、Facebook 等社群平臺也都優化介面優先顯示在地公衛機構的網站連結。稍早之前身為全球搜尋引擎龍頭的 Google又針對新冠肺炎相關搜尋結果進行了介面優化期待可以協助使用者搜尋到最完整、正確的相關資訊。
目前無論是透過 Google 搜尋的桌面端。或是手機端的網頁進行新冠肺炎相關關鍵字的搜尋都會主動呈現固定的新冠肺炎警示欄位。以桌面端為例搜尋畫面左邊會呈現固定的「COVID-19警示」區塊並且提供「總覽、症狀、預防方法、統計資料」的選項點選後可以快速搜尋(症狀、預防方法等)。右側的知識圖譜面板則會顯示目前全球新冠肺炎疫情地圖還有以確診數排序的資料並且在全球確診數下方就呈現了台灣地區的確診數搜尋結果很直觀。且如果持續往下滾動網頁只要沒有離開第一頁的搜尋介面左側的新冠肺炎警示就會持續存在。
在Google 搜尋手機端搜尋新冠肺炎的話也會呈現類似的資料。當然因為手機顯示介面較小無法容納過多資訊。因此新冠肺炎總覽欄位、援助與資訊欄位、統計資料等內容會依序呈現。且同樣在往下滾動畫面時最頂端的新冠肺炎警示欄位都會持續存在且以淡粉紅的顏色顯示很具提醒效果。
以實際測試為例上述優化搜尋頁面的呈現方式凡是搜尋新冠肺炎、武漢肺炎、肺炎、COVID-19、COVID、coronavirus、冠狀病毒、SARS-CoV-2等關鍵字都會呈現同樣的效果無一疏漏。
為了防止新冠肺炎疫情在全球持續蔓延Google、蘋果以及 Facebook 都不約而同了公佈了以大資料追蹤人群移動情況的資料結果顯示如果人群降低移動頻率確實對於有效防控疫情帶來幫助。而 Google 與蘋果也破天荒合作將會共同開發應用程式介面(API)來讓 Android 與 iOS App 之間可以共用部分資料協助追蹤曾與確診者接觸過的使用者以期進一步防控疫情擴散。這個 API 預計 5 月釋出已經有 27 個歐洲國家都表態有意使但是這項技術可能牽涉到的隱私議題也引發關注歐盟方面將會深入瞭解。</t>
  </si>
  <si>
    <t>日盛投信日盛基金經理人楊遠瀚今（14）日表示新冠肺炎短期受到控制但仍需觀察病例變化與城市封城、復工狀況全球景氣原處於緩步回溫狀態惟新冠肺炎疫情將衝擊中國內需、製造業並可能影響全球經濟短期資料</t>
  </si>
  <si>
    <t>日盛投信日盛基金經理人楊遠瀚今（14）日表示新冠肺炎短期受到控制但仍需觀察病例變化與城市封城、復工狀況全球景氣原處於緩步回溫狀態惟新冠肺炎疫情將衝擊中國內需、製造業並可能影響全球經濟短期資料可能受創幸好中國積極注資支撐股市與經濟廠商2月上旬也逐漸復工但由於封城與疫情仍嚴峻使回工率偏低電子供應鏈仍亂消費也受衝擊廠商2、3月營收受害大惟若疫情未再顯著惡化則最壞情況已過訂單目前仍未消失而遞延的機率高可趁震盪期間佈局後續產業趨勢明確、產品期待性高的相關個股。
楊遠瀚指出產業方面可留意包括Macbook鍵盤剪刀腳設計2020年改款陸續推出；資料中心建置增加server需求也回溫；Mini Led 下半年Apple將開始採用產業將開始起飛；CIS供需吃緊IC、封裝受惠；iPhone 11淡季備貨優於預期iPhone 12換機潮期待；Intel、AMD、Nvidia新平臺、新顯卡及美日的新款遊戲機將陸續推出；供給受限、需求改善的上游受惠族群如被動元件、記憶體；5G基地台仍處快速增長期100G/400G升級趨勢光通訊正向看待；遊戲股為新冠肺炎下的防禦族群挑選2020年將推出大作的族群。</t>
  </si>
  <si>
    <t>勤業眾信（Deloitte）聯合會計師事務所23日舉辦「勤業眾信消費產業2021零售力量趨勢與展望OMO虛實整合全通路」線上論壇面對新冠肺炎帶來的產業衝擊台灣企業應投入數位資源整合全通路以緩和疫情期間下滑的業績並從中建立消費者信心。
針對2021年的零售產業勤業眾信提出「加速數位元化、強化供應鏈韌性、提高健康安全意識及優化企業營運模式」四個發展方向零售業者應思考如何建構核心能力並活用各個通路建構新零售模式來應對多元化的消費行為將會是在後疫情時代中脫穎而出的關鍵。
勤業眾信消費產業負責人謝明忠表示疫情改變人類的工作、學習和消費型態而消費產業也隨著金流支付、線上線下整合及資料分析等創新工具與系統發展帶出前所未見的商業模式及新價值創造出「無接觸經濟」之概念。
台灣2020年的經濟逐漸自疫情中復甦經濟呈正成長成長率也突破3％但消費行為已明顯受到疫情影響產生變化。2020年消費者透過網路購物的比例增加網路銷售額年增率達到175％。
勤業眾信風險諮詢服務部資深執行副總經理張益紳指出過去傳統零售業數位轉型時聚焦於客戶體驗和資料收集以建立互動通路、取得信任和品牌忠誠度。
但面對不斷變革的消費者行為張益紳建議零售業的市場策略應從「產品、地點和通路」轉至24小時全天服務並以消費者體驗做為基石打造全方位的新競爭模式。
勤業眾信聯合會計師事務所管理顧問服務部協理辜卓洋指出在疫情的影響下消費者行為的轉變帶動了市場進入「以客戶為中心、精準溝通和多管道、全場域」的新零售模式也形成了競爭者M型化的樣態以擁有及分析顧客資料而繼續長大全通路、一站式的大型零售商與以追求特定消費客群、高度客製化產品為主的「微商」業者同時活躍於市場。
在數位趨勢下零售業者可利用APP、客戶資料及消費軌跡等資訊精準地在不同管道做連結及導購有效縮短與顧客的距離也貼近顧客的時間及生活。但除了科技得應用與商機的取得業者應該在導入科技工具之前謹慎思考策略或商業目的並且認真看待科技導入之後的獲利狀況包括資源分配、人力投入、以及通路經營力度等實際效益。</t>
  </si>
  <si>
    <t>新冠肺炎從開始出現明顯疫情至今已將近半年對於這種完全新的病毒疫苗進展如何？何時可以上市？是不是人人都要打？上海復旦大學附屬華山醫院感染科主任、上海市新冠肺炎醫療救治專家組組長張文宏教授接受陸媒訪問時一一回應。
張文宏說新冠肺炎疫苗大陸已經走在前面而且是幾條線路齊頭並進有的已經進入二期臨床研究。美國也有疫苗開始進入二期了。到底哪個效果好還要評估它的不良反應抗體滴度、保護性還有安全性、阻斷成功率等綜合起來才能判斷。
安全第一 不怕淪白老鼠
我們會不會成為疫苗的白老鼠？張文宏指出加快研發疫苗進度不代表放棄對它的療效跟不良反應的評估。就算你想做白老鼠流程都不可以。安全有效是底線絕對不能突破再著急也不能突破。
疫苗為什麼做出來了現在不能馬上打？張文宏解釋說就是因為盡快加快了審批流程但不能降低它的品質不可以降低對疫苗的要求。肯定是完成了三期臨床研究安全後再給老百姓打。
新冠疫苗是不是人人都要打？張文宏表示取決於幾個資料：第一不良反應有多大；第二它的保護率有多高；第三當時全世界的疫情有多高；第四病死率會降到什麼樣的程度。
每年都打？ 概率偏低
新冠疫苗需要每年都打嗎？他說如果這個病毒沒有發生大的突變不需要反復接種。但是談論這個事情為時過早。對於新冠疫苗以後怎麼打先把它弄出來弄出來以後再來解決將來是不是需要每年都要打。現在看起來每年都要打的概率偏低。
常陽患者 仍具傳染性
常陽患者會不會傳染？張文宏表示對新冠常陽他不是特別同意因為武漢病例大概是在1月出來的現在才3個月3個月一般不認為是常陽國際上對於慢性攜帶的狀態要長達6個月才算常陽但是如果3個月到6月一直出現陽性也會充分關注。
第二所謂的常陽特別關注這個是活病毒還是死病毒查到核酸不代表是活病毒還有很多科學的東西要做。他覺得關於防控不需要過於糾結現在所謂的常陽、慢性攜帶在科學上還沒有確鑿的依據來證實它對整個人群目前不會造成特別大的影響。
什麼是「常陽患者」？是否具有傳染性？專家表示這部分患者可能沒有呼吸道症狀CT（電腦斷層掃描）影像明顯吸收後持續陽性時間比較長。若患者體內存在活病毒那麼理論上仍有傳染性。最終能否轉陰、是否可能長期攜帶病毒還需進一步研究。
24日武漢新冠肺炎重症病例清零。據大陸國家衛健委醫政醫管局監察專員焦雅輝介紹常陽患者只是核酸一直不轉陰但已無需治療。
常陽患者是否具有傳染性？北京世紀壇醫院感染科副主任醫師苑曉冬介紹要看患者體內是否存在活病毒如果有理論上仍有傳染性只不過症狀不明顯者一般傳染性較弱；如果只是死病毒會在一段時間內自然代謝掉不具傳染性。這種陽性會持續多久還沒有標準參考流感病毒一般轉陰不會超過一周。
為什麼會出現常陽患者？大陸中央指導組專家、呼吸感染與危重症專家童朝暉介紹針對常陽這一現狀產生的原因目前還在研究觀察。既往對其他病毒的研究發現高齡、合併較多基礎疾病、使用激素的患者轉陰時間較長。苑曉冬分析轉陰時長與患者自身免疫反應有關。</t>
  </si>
  <si>
    <t>新冠肺炎疫情重創美國死亡人數27日正式跨過10萬大關。儘管各州逐步解封重開經濟但先前各種防疫、封鎖限制導致百業蕭條失業人口暴增。據勞工部28日上午公佈的前周（5月23日為止的當周）新增的申請失業救濟金人數達212萬人也就是說10周累計申請失業補助的人口已經正式突破4千萬大關。
這資料比前一周的244萬人略降是自3月以來連續第3周降到3百萬以下也是連續第8周下降；另外資料也與財經網站MarketWatch經濟學家估計的212萬持平。10周以來累計已有4094萬人丟掉工作換算等於每4個人就有1個人申請失業補助金。
3月疫情在美國大爆炸後申請失業救濟金的人數就扶搖直上其中3月底甚至衝到690萬人。</t>
  </si>
  <si>
    <t>美聯社指出美國東岸新英格蘭地區已經成為全美各州的防疫典範該地區6個州超過60%民眾至少接種過1劑疫苗即便當地擴大疫苗接種順位元的速度較慢但是專家指出當地政府更專注在讓脆弱族群優先施打疫苗現在疫苗接種率甚至超越全美平均。
美聯社指出美國新英格蘭地區（New England）成功對抗新冠病毒的經驗或許能夠成為其他州的典範。新英格蘭地區一共包含緬因州、新罕布夏州、佛蒙特州、麻州、羅德島州、康乃狄克州等東岸6個州。
以麻州為例麻州衛生官員上周才宣佈州內沒有一座城市處於新冠高風險狀態羅德島州的新冠住院數降至8個月來新低佛蒙特州、新罕布夏州過去7天的平均每日新冠死亡數降至不到1人。
波士頓布裡翰婦女醫院（Brigham and Women&amp;apos;s Hospital）急診醫師佛斯特（Jeremy Faust）表示5月底陣亡將士紀念日（Memorial Day）後他才意識到新冠肺炎已經不再是他工作的重心因為2次值班他都沒有遇到新冠患者。當地最繁忙的波士頓醫學中心（Boston Medical Center）也是同樣狀況急診護士拉巴貝拉（Kerry LaBarbera）說同一個週末她只遇到2名新冠患者她描述過去一年半來就像經歷了龍捲風為了活下去拚命堅持然後就克服了她說現在感覺像是「剛剛發生了什麼事？」
美聯社指出新英格蘭地區成為防疫典範在於當地疫苗接種率更高尤其6個州的居民至少接種過1劑疫苗的比例全部都超過60%讓當地新病例、住院數、死亡數快速下降。這個數字高於全美的50%更遠高於南部由阿拉巴馬州、路易斯安那州、密西西比州等組成的深南部（Deep South）州當地只有35%民眾接種過1劑疫苗
根據《紐約時報》（New York Times）追蹤的疫苗資料新英格蘭6州佔全美完整接種疫苗比例前6名全部超過50%目前全美完整接種疫苗比例為42%。
前美國疾病管制暨預防中心（CDC）主任佛利登（Thomas Frieden）指出新英格蘭地區做對了一件事是：它擴大疫苗接種資格的速度比美國其他地區還要慢但是它更專注在讓脆弱族群施打疫苗。
Bostoncom報導除了第一線醫護人員之外麻州將街友收容所、監獄等列為第一順位接種名單比高齡長者還要前面多數州民甚至直到4月才有機會接種疫苗。
除此之外耶魯大學公共衛生學院（Yale School of Public Health）流行病學系主任柯博士（Dr Albert Ko）表示整個疫情期間新英格蘭地區的主管機關聽從公衛專家建議將防疫置於經濟發展之前也有助疫情降溫。他說新冠散播初期當地疫情真的非常嚴重那段經歷在當地居民心中留下了很大印記。
儘管新英格蘭地區疫苗接種率名列前茅但是布朗大學（Brown University）公衛學院院長吉哈（Ashish Jha）仍提醒「工作還沒結束」貧困區域的疫苗接種率仍低還有種族不平衡問題需要加把勁。
目前全美每日平均新增確診數約為15萬例平均新冠死亡數降至約430人據約翰霍普金斯大學（Johns Hopkins University）全球疫情統計目前全美累積確診人數超過3337萬人死亡人數將近60萬人。
現在新英格蘭地區的醫院已經開始處理其他疾病患者即使新冠病例下降但是醫院繁忙不減因為疫情延後醫療照護的患者一波波返回醫院。</t>
  </si>
  <si>
    <t>美聯社 指出 美國 東岸 新英格蘭 地區 已經 成為 全美 各州 的 防疫 典範 該 地區 6 個 州 超過 60 民眾 至少 接種 過 1 劑 疫苗 即便 當地 擴大 疫苗 接種 順位元 的 速度 較 慢 但是 專家 指出 當地政府 更 專注 在 讓 脆弱 族群 優先 施打 疫苗 現在 疫苗 接種 率 甚至 超越 全美 平均 美聯社 指出 美國 新英格蘭 地區 new england 成功 對抗 新冠 病毒 的 經驗 或許 能夠 成為 其他 州 的 典範 新英格蘭 地區 一共 包含 緬 因 州 新罕布夏 州 佛蒙特 州 麻州 羅德島州 康乃 狄克州 等 東岸 6 個 州 以 麻州 為 例 麻州 衛生 官員 上周 才 宣佈 州 內 沒有 一 座 城市 處於 新冠 高風險 狀態 羅德島州 的 新冠 住院 數 降 至 8 個 月 來 新低 佛蒙特 州 新罕布夏 州 過去 7 天 的 平均 每日 新冠 死亡數 降 至 不 到 1 人 波士頓 布裡翰 婦女 醫院 brigham and women&amp;apos s hospital 急診 醫師 佛斯特 jeremy faust 表示 5月底 陣亡將士 紀念日 memorial day 後 他 才 意識 到 新冠肺炎 已經 不再 是 他 工作 的 重心 因為 2 次 值班 他 都 沒有 遇到 新冠 患者 當地 最 繁忙 的 波士頓 醫學 中心 boston medical center 也 是 同樣 狀況 急診 護士 拉巴貝拉 kerry labarbera 說 同一個 週末 她 只 遇到 2 名 新冠 患者 她 描述 過去 一 年 半 來 就 像 經歷 了 龍捲風 為了 活 下去 拼命 堅持 然後 就 克服 了 她 說 現在 感覺 像是 剛剛 發生 了 什麼 事 美聯社 指出 新英格蘭 地區 成為 防疫 典範 在於 當地 疫苗 接種 率 更 高 尤其 6 個 州 的 居民 至少 接種 過 1 劑 疫苗 的 比例 全部 都 超過 60 讓 當地 新 病例 住院 數 死亡數 快速 下降 這個 數字 高於 全美 的 50 更 遠 高於 南部 由 阿拉巴馬州 路易斯安那州 密西西比州 等 組成 的 深 南部 deep south 州 當地 只 有 35 民眾 接種 過 1 劑 疫苗 根據 紐約時報 new york times 追蹤 的 疫苗 資料 新英格蘭 6 州 占 全 美 完整 接種 疫苗 比例 前 6 名 全部 超過 50 目前 全美 完整 接種 疫苗 比例 為 42 前 美國 疾病 管制 暨 預防 中心 cdc 主任 佛利 登 thomas frieden 指出 新英格蘭 地區 做 對 了 一 件 事 是 它 擴大 疫苗 接種 資格 的 速度 比 美國 其他 地區 還要 慢 但是 它 更 專注 在 讓 脆弱 族群 施打 疫苗 boston com 報導 除了 第一線 醫護人員 之外 麻州 將 街 友 收容所 監獄 等 列為 第一 順位 接種 名單 比 高齡 長者 還要 前面 多數 州 民 甚至 直到 4 月 才 有 機會 接種 疫苗 除此之外 耶魯大學 公共 衛生學 院 yale school of public health 流行病 學 系主任 柯博士 dr albert ko 表示 整個 疫情 期間 新英格蘭 地區 的 主管機關 聽從 公衛 專家建議 將 防疫 置於 經濟 發展 之前 也 有助 疫情 降溫 他 說 新冠 散播 初期 當地 疫情 真的 非常 嚴重 那段 經歷 在當地 居民 心中 留下 了 很 大 印記 儘管 新英格蘭 地區 疫苗 接種 率 名列前茅 但是 布朗大學 brown university 公衛 學院院長 吉 哈 ashish jha 仍 提醒 工作 還 沒 結束 貧困 區域 的 疫苗 接種 率 仍 低 還有 種族 不平 衡 問題 需要 加把勁 目前 全美 每日 平均 新增 確診 數 約 為 15萬 例 平均 新冠 死亡數 降 至 約 430 人 據 約翰霍普金斯大學 johns hopkins university 全球 疫情 統計 目前 全美 累積 確診 人數 超過 3337萬 人 死亡 人數 將近 60萬 人 現在 新英格蘭 地區 的 醫院 已經 開始 處理 其他 疾病 患者 即使 新冠 病例 下降 但是 醫院 繁忙 不減 因為 疫情 延後 醫療 照 護 的 患者 一 波 波 返回 醫院</t>
  </si>
  <si>
    <t>據日本NHK在15日報導聯合國國際民航組織（ICAO）發表的預測資料顯示由於新冠肺炎疫情不斷蔓延大陸遊客大幅減少日本的旅遊產業在截至今年3月末的3個月期間預計損失約1400億日圓（約台幣382億元）。這一預測</t>
  </si>
  <si>
    <t>據日本NHK在15日報導聯合國國際民航組織（ICAO）發表的預測資料顯示由於新冠肺炎疫情不斷蔓延大陸遊客大幅減少日本的旅遊產業在截至今年3月末的3個月期間預計損失約1400億日圓（約台幣382億元）。
這一預測是由制定民航國際規則的聯合國專門機構ICAO公佈的。預測顯示由於新冠肺炎疫情的影響世界各家航空公司紛紛做出應對已有70家航空公司暫停了在大陸起飛和降落的國際航線50家航空公司減少了相關航線等運送能力下降至正常水準的80％。國際民航組織認為此次疫情的影響將超過2003年非典型肺炎SARS流行時。
因此國際民航組織預測大陸遊客大幅減少日本的旅遊產業在截至今年3月末的3個月期間預計損失12億9000萬美元約合1400億日圓。</t>
  </si>
  <si>
    <t>巴西央行週三宣佈調降Selic基準利率75個基點至3%改寫歷史新低雖然已是連續第7度降息但該央行暗示將進一步降息以緩解新冠肺炎疫情與相關封鎖措施對經濟造成的衝擊。
巴西央行貨幣政策委員會（Copom）週三一致通過降息決議其中有兩位委員建議提高降息幅度。市場普遍預期巴西央行此次降息50個基點。
該央行在政策聲明中表示下次會議的決定將取決於財政狀況與經濟資料委員會將考慮貨幣政策的最後一次調整但調整幅度不會超過本次。
巴西已經成為新冠狀病毒大流行的新熱區近來感染病例急速飆升根據該國衛生部的資料過去24小時內巴西新冠肺炎確診病例新增10503人改寫4月30日創下單日新高記錄7288人。新增死亡病例達615人亦創單日新高。
截至目前為止巴西的新冠肺炎總確診病例已經達到12萬5218人累計死亡病例達8536人。該國衛生部長提出警告應該在疫情嚴重的地區實施嚴格的封鎖措施。目前巴西多數州已經關閉非必要事業但僅有聖路易士一個城市實施封城令。</t>
  </si>
  <si>
    <t>對本來就受電商衝擊而身處困境的傳統零售業來說新冠肺炎疫情造成了更致命打擊這慘況在美國是現在進行式。據美國勞工統計局統計全美零售業員工有近1600萬人多面臨衝擊且面臨無薪假風險的多是基層員工；另外據彭博社統計自疫情爆發以來美國零售業無薪休假的人數已超過60萬。
為了應對疫情美國總統川普已經下令諸如零售服飾店面之類的非必要商業停工相關保持社交距離的限制令又延長到了4月30日；有鑑於此全美零售業連鎖商店兩周前開始出現關閉門市潮數百萬名傳統零售業勞工面臨無薪假或被解僱的風險。
此前梅西百貨就在3月30日表示旗下775家門店全部暫停營業公司125萬名員工中的一部分人將於當周開始無薪休假至少延續到5月；同時該公司還宣佈下調其董事及以上級別管理人員的薪酬公司執行長Jeff Gennette在此期間將不會獲得任何薪資。
而知名平價服飾GAP也宣佈門市暫停營業的時間超乎預期因此決定讓美國和加拿大的部分員工休無薪假不過GAP也承諾將持續支付津貼直到重新營業。而GAP也提到要進行人員精簡措施但裁員數並未透露。
受到衝擊美國勞工統計局的資料顯示全美零售業員工有近1600萬人且面臨無薪假風險的許多人都是底層員工。根據彭博社統計的資料自新冠肺炎疫情暴發以來美國零售業無薪休假的人數已超過60萬。
另外美國研究機構Coresight分析顯示防疫措施將重創美國零售業全美將有約63萬家零售業商店面臨關閉。對此美國零售商協會（NRF）預期美國零售業未來3個月的營業額恐少收4300億元（美元下同）多少業者能支撐到疫情過後是未知數。
目前美國政府批准了總共3000億元的延期納稅加上計畫推出的上兆美元財政刺激計畫有望為在疫情中苦苦掙紮的零售企業找到一條生機。</t>
  </si>
  <si>
    <t>新冠肺炎在亞洲全面蔓延亞股昨幾乎全倒晚間開盤的美股期指也重挫道瓊指數一度大跌近千點達99704點歐股開盤重挫3％、義大利更是跌破4％宛如2008年金融海嘯重現；華南投顧董事長儲祥生解讀疫情擴散比想像中嚴重全球無一倖免美股收盤若無法控制在15％跌幅內台股恐守不住前波低點。
國泰證期研究部分析師蔡明翰表示亞股這波下跌是疫情對亞洲股市進行第二波攻勢第一波是在陸股農曆年後第一天開市；除南韓跌幅374％最顯著外同是疫情災區的香港、新加坡等也都超過1％以上。
蔡明翰認為大陸疫情高峰已過預估韓國再經歷2、3個交易日應該能緩和甚至出現跌深反彈的跡象。
摩根投信環球市場策略師林雅慧指出新冠肺炎疫情延燒韓國、日本確診病例有驟增跡象加上美國最新製造業、服務業資料雙雙陷入停滯引發投資人對全球景氣疑慮上周主要國家股價指數均已下跌坐收從股票、金融市場的資金動能上可以窺探出國際資金佈局力道有收斂趨勢。
安聯台灣科技基金經理人廖哲宏表示連美股都表現出擔憂的氣氛美股四大指數上周皆呈跌勢是壓抑亞股近來表現的原因之一；觀察近期台股盤勢加上2月營收公佈期靠近市場可能持續受幹擾或提前反應台股近期將呈持續盤整的格局。</t>
  </si>
  <si>
    <t>是方(6561)堪稱中華電(2412)小雞金去年每股大賺867元以歷史成長軌跡來看今年有機會挺進1個股本獲利在疫情中突圍加上101%的配息率台股績優生當之無愧市場就斷言「在這波疫情下、帶動靠雲端相關維繫生命的技術大獲全勝」可以預期在2021年以及之後雲市場將持續呈現雙位數成長是方不僅有雲加上IDC機房、資料網路等產品相互幫襯長線發展確實值得拭目以待。
總經理劉耀元接受專訪時就表示是方一直在邁向國際化的路上也持續在為國際化做準備包括FAMG四大科技巨頭(Facebook+Amazon+Microsoft+Google)都是是方客戶是方也與東南亞各地電信業者緊密合作持續增加電信機房服務據點「國際化」將為是方絕對也必須走的路！
問：2020年全球遭到covid-19衝擊產業環境遭逢重大改變是方營運卻逆勢突圍去年每股獲利867元營收、獲利同創新高 2020年是方營運表現及成長因素？此外是方嗅到的「疫」外商機？
是方產品主要分為四大類別包括IDC機房、資料網路、語音通信以及雲端應用服務等劉耀元談到就去年這波疫情來看衍生出來的就是「無接觸式服務」其帶來許多數位商機市場對於雲端的需求攀升網路流量使用增加也促使對IDC機房的擴增還有視訊會議等服務上述服務不僅不受到疫情打擊反而是因更多公司往雲端化、數位化發展且電商生意更好對流量的要求也更高這都是是方2020年在疫情下加分的項目。
當然有利則有弊劉耀元說疫情對是方也有帶來負面影響是方的客戶群很廣其中也有旅行社、餐飲業等採用是方主機代管這方面營收服務就突然銳減但整體來說正面的貢獻絕對大於負面的衝擊而類似旅行社、餐飲業等佔比是方客戶不到5%。
以是方070遠端視訊系統來說最主要不僅是雲端視訊系統也是一個雲端總機以前客戶需要自己安裝交換器但透過是方的雲端總機客戶只要透過申請服務不管事企業內部分機、視訊會議以及電子白板等對客戶來說相當方便也因為疫情客戶多出2~3成。</t>
  </si>
  <si>
    <t>新冠肺炎疫情攻入南半球澳洲和紐西蘭19日皆宣佈將自20日晚間起全面禁止外國人入境因為確診病例以境外移入為主。不過一場婚禮讓澳洲GG了確診病例一下子暴增35例而且全是境內感染。
新冠肺炎疫情嚴峻敏感期間該辦婚禮嗎？澳洲南威爾斯一對新人沒想到自己一場喜事竟然會造成群聚感染。該省衛生局下令所有參與3月6日在雪梨以南海灘小鎮這場婚禮的人士都必須在家隔離14天直到3月20日。據報導已知31名與會者受到感染確診繼而再傳染給另外4人其中一位確診者是聯邦參議員佈雷格（Andrew Bragg）。
佈雷格推文表示自己之前出現流感症狀遵循指示接受篩檢結果為陽性。他會按規定居家隔離14天。
澳洲當局宣佈自20日晚間起禁止外籍人士入境並呼籲所有海外國人返國但返國後必須自主隔離14天。根據最新資料澳洲確診人數已超過700人死亡人數累計至7人。</t>
  </si>
  <si>
    <t>繼西班牙巴塞隆那大學研究指出當地在2019年3月12日採集的廢水發現新冠病毒後巴西聖卡塔琳娜聯邦大學昨(2)日宣佈在巴西聖卡塔琳娜州首府弗洛裡亞諾波利斯市發現去年11月份的下水道水樣中存在新冠肺炎病毒。顯示新冠肺炎病毒早在大陸武漢爆發疫情前已散佈世界各地。
據報導巴西這份題為《2019年11月巴西聖卡塔琳娜下水道發現新冠肺炎病毒》的研究報告由14位聖卡塔琳娜聯邦大學的研究人員聯名發布。這一發現比美洲大陸官方宣佈的第一例新冠肺炎確診病例——今年1月21日美國確診第一例新冠肺炎病例早兩個月比巴西政府宣佈的今年2月底出現的新冠肺炎確診病例早了三個月。
參與這一研究的方格羅教授稱他們對弗洛裡亞諾波利斯市每個月的下水道水樣冰凍樣本做例行檢查時在去年11月的樣本中發現了新冠肺炎病毒。起初科學家們對這一結果有所懷疑然後在不同實驗室間用不同病毒標記物進行了二次測試重複了所有資料跟蹤了病毒基因組得出的結論始終一致。</t>
  </si>
  <si>
    <t>新冠肺炎疫情未退香港有確診病患飼養的寵物犬驗出冠狀病毒弱陽性香港證實新型冠狀病毒會人畜傳播。我中央流行疫情指揮中心執行官周志浩28日在記者會說明目前不排除這種可能但仍需要檢測。此外最新研究指出龜類也可能是新冠病毒潛在中間宿主。
疫情中心稱 不排除可能性
《香港01》報導港府漁農自然護理署昨天淩晨0時55分發稿指有一名新冠肺炎確診者的小狗需交給漁護署暫管。漁護署人員26日傍晚接走狗並從其口腔、鼻腔及肛門取樣測試新冠病毒結果發現口腔及鼻腔的樣本呈弱陽性反應。但小狗並沒有出現任何症狀或是相關病兆還要確認是否真的感染還是僅沾染到病毒。
香港食物及衛生局長陳肇始表示現時漁護署沒有足夠資料顯示狗如何受感染或發病也沒有證據顯示狗會傳播病毒給人呼籲養寵物民眾注意個人衛生。
哺乳類寵物 必要時應檢驗
漁護署發言人表示雖然沒有資料證明「寵物會感染而發病或傳播新冠肺炎」但強烈建議確診者的「哺乳類寵物」接受14天的檢疫、監察必要時也要進行病毒的檢驗。
世界衛生組織稍早曾指出沒有證據顯示貓狗等寵物會感染新冠肺炎病毒但建議接觸寵物後「要用肥皂及清水洗手永遠是好主意」以減少其他常見細菌在寵物和人類之間的傳播。
病毒感染龜 恐演化傳給人
香港東網報導最新研究指出繼早前有研究指新冠病毒的潛在中間宿主是穿山甲後由廣州暨南大學、湖北醫藥學院組成的團隊26日發表研究論文稱龜類也是病毒的潛在中間宿主不排除病毒感染龜類後演化成可感染人類。
研究人員對比新冠病毒、非典病毒、動物樣本中發現的疑似SARS冠狀病毒及其他冠狀病毒間的刺突蛋白在結構模擬中發現相比蝙蝠龜類、穿山甲與人類的相互作用更為近似。西部錦龜、綠海龜、中華鱉等可能是將新冠病毒傳播給人類的潛在中間宿主但仍需進一步確認。目前已知龜類作為宿主能攜帶多種病毒與禁止交易的穿山甲相比龜類在動物市場上更普遍。</t>
  </si>
  <si>
    <t>台股拚重新吸聚人氣外資圈再出招麥格理證券看好景碩（3189）營運自2020年起翻揚、最壞情況已過升評至「優於大盤」摩根士丹利除同步重申看好景碩還針對華邦電（2344）發出戰術性買進報告（RTI）疾呼現在就是買點給予21元推測合理股價估值。
全球股市頂著新冠肺炎逆風近期走出反彈波台股也跟上腳步且除了高價股得研究機構關注最能有效吸引當地投資人目光的中低價、低基期股也獲得外資青睞。
麥格理證券指出景碩經連三季淨損2019年第四季受惠智慧機與DRAM表現優於預期單季營業利益終於轉正亦超越市場共識。且儘管元月開工天數因農曆年假期影響景碩營收年減也僅11％意味營運動能正在轉佳。
麥格理進一步說明景碩於2019年全年每股淨損453元後隨淡出虧損的SLP事業將產能轉向ABF2020年營運狀況將會持續好轉；其次儘管目前有新冠肺炎影響需求但偏向高端奢侈品的智慧型手機（蘋果iPhone）需求不會消失只是遞延到第二季與下半年對景碩衝擊非常有限。
摩根士丹利證券表示景碩中長線受惠5G的系統級晶片（SoC）、資料機、整合天線封裝（AiP）、基地台加上穿戴式裝置（AirPods Pro）與高頻寬行動裝置DRAM貢獻毛利率將持續回溫現在股價淨值比只有08倍比起過去循環中間值的12倍低了不少評價十分便宜看好估值修復賦予60元推測合理股價。
大摩在低價、低基期族群中也特別點名因2019年第四季意外轉虧、股價近期回檔劇烈的華邦電並向客戶分析該虧損為一次性且主要是因美國主要客戶訂單變更公司方面需要花一點時間尋求新客戶因而打消25奈米新產品（2Gb LPDDR 4 DRAM）。
必須留意的是華邦電先前也說明此問題將在3月獲得解決大摩判斷這代表該批庫存最終將售往終端客戶處華邦電上半年可望獲得庫存回沖挹注。
外資分析不論是DRAM或NOR的報價都還處在上升軌道推估華邦電每股純益將從2019年的03元數倍增長為2020年的103元2021年再持續大增近八成至18元。</t>
  </si>
  <si>
    <t>近期影響美股盤面主要在於聯準會主席鮑爾的聽證演說、肺炎疫情發展、企業財報及經濟資料公佈。鮑爾的演說內容再次強調對於美國經濟的正面看待且景氣擴張將邁入第11年目前的低失業率、薪資穩健成長將持續支撐</t>
  </si>
  <si>
    <t>近期影響美股盤面主要在於聯準會主席鮑爾的聽證演說、肺炎疫情發展、企業財報及經濟資料公佈。鮑爾的演說內容再次強調對於美國經濟的正面看待且景氣擴張將邁入第11年目前的低失業率、薪資穩健成長將持續支撐經濟成長。
不過鮑爾也提到債務日益上升的問題因數十年後政府大多稅收必須用來償還債務將排擠其他支出但整體談話內容偏向正面帶動市場情緒持續樂觀美股近期表現相對強勢。然而目前市場最大不確定性仍在新冠肺炎後續發展湖北感染人數暴增主要原因是將臨床診斷病例數字納入確診病例進行公佈並非疫情急速擴大而美國境內出現第15例病患確診為先前自大陸撤離的人士返美後已在德州的空軍基地進行隔離因此疫情擴散的機率並不高對市場影響不大。
從技術線型來看由於美股受到疫情衝擊相對亞股較小目前三大指數在1月底回測季線後多方攻勢重啟目前皆回到原先的上升軌道多方氣勢高漲。
操作上可先以月線當作支撐參考依據只要月線未跌破前短線創高格局不至於遭到破壞多方操作依舊存在優勢建議投資人可多加利用「美國道瓊期貨」、「美國標普500期貨」與「美國那斯達克100期貨」三項商品來參與美股行情波動。</t>
  </si>
  <si>
    <t>辛辛那提紅人隊被驗出有1位球員感染新冠肺炎大聯盟緊急喊停16日、17日剩餘的兩場海盜系列賽進一步檢測與追蹤。國聯中區由於聖路易紅雀隊長期停賽被搞得賽程混亂唯一沒受影響的是紅人現在紅人終於也中鏢了預估最快週二回歸打雙重賽。
苦熬17天的「憤怒鳥」紅雀隊16日重見天日復賽首局就打了4分奮力以5比1、6比3連續兩場擊退白襪這是只打7局的雙重賽他們用14局打了11分一吐怨氣。紅雀接下來要瘋狂趕進度到8月底都沒有休息日每天都要比賽週二開始有「小熊5連戰」。
大聯盟設計的雙重賽打7局制度引來球迷不滿但對於進度落後的球隊很有幫助如果紅雀沒再碰到意外9月28日例行賽結束時仍可以完賽60場；只是打者的資料會比較吃虧紅雀復賽後有22場比賽都只打7局每場都會損失1至2局的打擊機會。</t>
  </si>
  <si>
    <t>南非爆出最新變種病毒Omicron各國嚴陣以待擔心疫情再次蔓延；高端今指出已著手展開因應方案評估高端疫苗第3劑追加施打的免疫生成性及疫苗混打評估的可行性。
高端疫苗指出已建構Omicron偽病毒評估現有高端新冠肺炎疫苗對Omicron的中和抗體效價。
在全球展開第3劑追加免疫的評估藉由高劑量或第3劑疫苗誘導更高的免疫反應提升中和抗體濃度以對抗Omicron這種高突變變異株；高端疫苗也評估追加施打第3劑的延伸試驗已在進行中此外包含兩劑AZ疫苗與第3針混打高端疫苗的試驗結果也已在進行資料分析；期望能以優異的免疫生成性對抗變種病毒。
高端疫苗指出日前參加WHO團結試驗受試者族群橫跨美、亞、非三大洲目前Omicron變異株的流行地區也在收案範疇中；倘若該病毒於團結試驗位於非洲之臨床試驗點流行將可以評估現有疫苗對抗Omicron變異株之保護力等實證資料。
對於新種突變Omicron變異株目前雖尚無強烈證據顯示Omicron的免疫脫逃程度高端表示已同步進行基因序列評估並開始進行抗原建立之測試工作以利在最短的時間內啟動Omicron株抗原的量產準備。</t>
  </si>
  <si>
    <t>日本贈送的124萬劑AZ（AstraZeneca）疫苗日前開打連日來已傳出多例接種後死亡事件國民黨立委陳以信指出「這五天累計死亡通報數是65例除下來發現最近五天打AZ後的死亡通報率高達「百萬分之105」已經突破萬分之一這麼高的長者死亡率CDC（指揮中心）還要繼續鼓吹長者打AZ嗎？」
陳以信表示現在美國贈送250萬劑莫德納疫苗「我們非常感謝美國的愛心對台灣太有幫助但是現在長者施打AZ疫苗死亡通報率這麼高CDC應該認真考慮長者是否應即停打AZ和孕婦產婦一樣改打莫德納疫苗。」陳以信建議AZ留給年輕人來打「這樣才能增加國人存活率不是嗎？」
陳以信指出從6月15日開打的AZ疫苗到昨天6月19日為止施打人數是470951人四天內的死亡通報數是47例死亡通報率是百萬分之99點7幾乎達到萬分之一「（今天）下午兩點所公佈最新資料昨天確診者有11例死亡打AZ疫苗後卻新增18例死亡通報沒想到打疫苗後死亡的人數竟比確診後死亡的人數還要多。」
陳以信直言「人命關天請CDC根據真實資料結果儘快調整施打疫苗順序才能挽救更多長者寶貴性命。」</t>
  </si>
  <si>
    <t>中央疫情指揮中心今天公佈國內323例新冠肺炎確診病例另有400例本土個案為校正回歸上週各日個案藍委陳玉珍痛批真的是有政府會作帳人民將對政府公佈資料的公信力失去信心；國民黨文傳會副主委鄭照新開酸「這</t>
  </si>
  <si>
    <t>中央疫情指揮中心今天公佈國內323例新冠肺炎確診病例另有400例本土個案為校正回歸上週各日個案藍委陳玉珍痛批真的是有政府會作帳人民將對政府公佈資料的公信力失去信心；國民黨文傳會副主委鄭照新開酸「這不是蓋牌而是校正回歸」；朱立倫辦公室發言人淩濤嘲諷如此玩弄數字指揮官陳時中簡直媲美「數字管理大師」。
今天新增的323例新冠肺炎確診病例其中有321例本土、2例境外移入另有400例本土個案為校正回歸上週各日個案指揮中心指揮官陳時中下午表示由於採檢塞車因此依照採檢日把確診案例回歸到先前從5月16日起本土案例統統增加加上今天的數字7天累計2365人。
「校正回歸」說法一出引發熱議藍委陳玉珍痛批真的是「有政府、會作帳」照疫情揮中心的說法過兩天後也可以說今天的323例也會被校正回歸成423、523例？她指出甚至有民眾希望校正回歸到沒有民進黨的日子。
陳玉珍質疑政府公佈數字沒有一個標準嗎？那每天公佈的數字有何意義所有數字都可隨指揮中心調整民眾將對政府公佈資料的公信力失去信心。
「這不是蓋牌而是校正回歸喔」國民黨文傳會副主委鄭照新嘲諷大家懷疑的「520少報降低衝擊這件事一定又是中共認知作戰」並拿自己體重來比擬「我沒有破百昨天以前一直是75公斤標準身材只是今天宣佈我的體重」。
朱立倫辦公室發言人淩濤驚呼新增確診總計仍是721名其中400名回歸前幾日這種統計方式前所未聞他質疑那前幾天數字是怎樣？蓋牌？隱匿資訊？行政流程還沒報上來？如此玩弄數字當「數字管理大師」只會讓人民對於政府資訊越來越不信任而已絕對不利於整體防疫工作。</t>
  </si>
  <si>
    <t>就連保險套都出現缺貨潮！受到新冠肺炎影響台灣曾出現搶購衛生紙、口罩等物資的狀況沒想到由於全球最大的保險套生產商停產造成保險套在某些國家、地區成為了被瘋搶的物資。
根據陸媒《每日經濟新聞》報導全球最大的保險套生產商馬來西亞Karex因為疫情停產雖然工廠在上月27日復工但只有正常時期的一半停產期間更是導致保險套的數量短缺１億個而每年大陸會消耗上百億個保險套零售商蘇寧國際的銷售資料也顯示不少消費者為了未雨綢繆而紛紛囤貨。
蘇寧國際的資料顯示4/1-20進口保險套的銷售成長了27351%尤其是4/20進口日當天的杜蕾斯（Durex）銷量暴增43763%。
蘇寧國際的負責人則解釋因為無法預測疫情會持續多久又受到國外保險套短缺消息影響不少使用進口保險套的消費者抓緊進口日當天的優惠時機大量囤貨。</t>
  </si>
  <si>
    <t>新冠肺炎本土疫情延燒國民黨青年部主委陳冠安指出過半民眾認為這次疫情危機係屬人禍有關他並觀察網路社群討論發現綠營負面聲量大漲衛福部長陳時中成為負面聲量王疫情討論藍營吃香綠營吃鱉現在的蔡政府已面臨民意全面崩盤的情形。
陳冠安今（31日）在臉書發文表示近來由於3+11決策曝光、疫苗爭議、篩檢與封城等相關防疫措施的討論網路社群對整體疫情的討論又出現新的趨勢他這次對比近兩周的疫情大資料也就是16日至22日與23日至29日的大資料來看民進黨在「疫情」的社群討論裡已然出現負面聲量大漲在這個議題面臨全面崩盤的情形。
首先陳冠安觀察到綠營負面聲量大漲在過去民進黨通常能透過「疫情」討論在社群加到分甚至成為總統蔡英文與行政院長蘇貞昌施政滿意度高居不下的主要原因然而正如同他日前所做的分析與預測般目前「疫情」對綠營來說已成負分議題。
陳冠安指出對比這兩周綠營很明顯地又再度呈現負面聲量上升的情形以每個心情數所產生憤怒數的心情憤怒比來看社群對整體「疫情」的心情憤怒比略為上升從0011提升到0015這相當可能與台灣民意基金會的調查顯示有過半民眾認為這次疫情危機係屬人禍有關因為無論是陳時中、蔡英文還是民進黨三者的心情憤怒比都顯著提升顯示整體社群對心情憤怒比的上升很可能是對民進黨政府不滿所導致。
其次過去被認為是抗疫第一功臣的陳時中陳冠安稱相當驚人的是現在陳時中成為負面聲量王在23日至29日這周已經成為臉書社群裡討論「疫情」時最令人憤怒的政治人物心情憤怒比大增145倍高達0055一個人就佔「疫情」憤怒數的近四分之一可以說是榮登負面聲量王的地位這自然與陳近期的表現有直接關聯包括校正回歸事件、疫苗政策以及指揮荒腔走板。尤其3+11事件新聞的出現更是讓陳時中在29日當天收穫近42萬個憤怒數佔一周的4成左右。
最後陳冠安發現國、民兩黨則出現相當有意思的變化首先是國民黨的總聲量雖然增加23倍但心情憤怒比卻有顯著減少從0035降低到003也就是說在成功增加網路討論的同時減少負面聲量比重。反倒是民進黨在總聲量成長145倍的同時心情憤怒比卻有所提升從0034增加到0039。
陳冠安從趨勢分析在臉書社群對「疫情」的討論裡民進黨不只被討論的多且負面聲量比重從之前與國民黨的五五開在短短一個禮拜之間就超過國民黨成為眾矢之的。而從陳時中、蔡英文的高心情憤怒比以及上升的趨勢來看在未來很可能會持續讓綠營陷入選後前所未見的負面聲量風暴成為蔡政府民意崩盤的關鍵因素。</t>
  </si>
  <si>
    <t>新冠肺炎 本土 疫情 延 燒 國民黨 青年 部 主委 陳冠安 指出 過 半 民眾 認為 這次 疫情 危機 系 屬 人禍 有關 他 並 觀察 網路 社 群 討論 發現 綠 營 負面 聲 量 大 漲 衛福 部長 陳時中 成為 負面 聲 量 王 疫情 討論 藍營 吃香 綠 營 吃 鱉 現在 的 蔡 政府 已 面臨 民意 全面 崩 盤 的 情形 陳 冠安今 31 日 在 臉書 發文 表示 近來 由於 3 11 決策 曝光 疫苗 爭議 篩檢 與 封城 等 相關 防疫 措施 的 討論 網路 社 群 對 整體 疫情 的 討論 又 出現 新 的 趨勢 他 這次 對比 近 兩 周 的 疫情 大 資料 也 就 是 16 日 至 22 日 與 23 日 至 29 日 的 大 資料 來看 民進黨 在 疫情 的 社 群 討論 裡 已然 出現 負面 聲 量 大 漲 在 這個 議題 面臨 全面 崩 盤 的 情形 首先 陳冠安 觀察 到 綠 營 負面 聲 量 大 漲 在 過去 民進黨 通常 能 透過 疫情 討論 在 社 群 加到 分 甚至 成為 總統 蔡英文 與 行政院長 蘇貞昌 施政 滿意度 高居 不下 的 主要 原因 然而 正如 同 他 日前 所 做 的 分析 與 預測 般 目前 疫情 對 綠 營 來說 已成 負分 議題 陳 冠安 指出 對比 這 兩 周 綠 營 很 明顯 地 又 再度 呈現 負面 聲 量 上升 的 情形 以 每個 心情 數所 產生 憤怒 數 的 心情 憤怒 比 來看 社 群 對 整體 疫情 的 心情 憤怒 比 略為 上升 從 0011 提升 到 0015 這 相當 可能 與 臺灣 民意 基金會 的 調查 顯示 有 過 半 民眾 認為 這次 疫情 危機 系 屬 人禍 有關 因為 無論是 陳時中 蔡英文 還是 民進黨 三者 的 心情 憤怒 比 都 顯著 提升 顯示 整體 社 群 對 心情 憤怒 比 的 上升 很 可能 是 對 民進黨 政府 不滿 所 導致 其次 過去 被 認為 是 抗 疫 第一 功臣 的 陳時中 陳冠安 稱 相當 驚人 的 是 現在 陳時中 成為 負面 聲 量 王 在 23 日 至 29 日 這周 已經 成為 臉書社 群 裡 討論 疫情 時 最 令 人 憤怒 的 政治 人物 心情 憤怒 比 大 增 145 倍 高達 0055 一個 人 就 占 疫情 憤怒 數 的 近 四 分之一 可以 說是 榮登 負面 聲 量 王 的 地位 這 自然 與 陳 近期 的 表現 有 直接 關聯 包括 校正 回歸 事件 疫苗 政策 以及 指揮 荒 腔 走板 尤其 3 11 事件 新聞 的 出現 更是 讓 陳時中 在 29 日 當天 收穫 近 42萬 個 憤怒 數 占一周 的 4 成 左右 最後 陳冠安 發現 國 民 兩 黨則 出現 相當 有意思 的 變化 首先 是 國民黨 的 總 聲 量 雖然 增加 23 倍 但 心情 憤怒 比 卻 有 顯著 減少 從 0035 降低 到 003 也就是說 在 成功 增加 網路 討論 的 同時 減少 負面 聲 量 比重 反倒 是 民進黨 在 總 聲 量成 長 145 倍 的 同時 心情 憤怒 比 卻 有所 提升 從 0034 增加 到 0039 陳 冠安 從 趨勢 分析 在 臉書社 群 對 疫情 的 討論 裡 民進黨 不只 被 討論 的 多 且 負面 聲 量 比重 從 之前 與 國民黨 的 五五 開 在 短短 一個 禮拜 之間 就 超過 國民黨 成為 眾矢之的 而 從 陳時中 蔡英文 的 高 心情 憤怒 比 以及 上升 的 趨勢 來看 在 未來 很 可能 會 持續 讓 綠 營 陷入 選 後 前所未見 的 負面 聲 量 風暴 成為 蔡 政府 民意 崩 盤 的 關鍵因素</t>
  </si>
  <si>
    <t>技嘉(2376)5月營收再創單月歷史新高站上11601億元月增5%年增52%連續第3個月營收站上百億元；累計前5個月營收為51014億元年增64%。今年以來宅經濟發酵品牌大廠輝達、超微新品推出帶動技嘉板卡、伺服器等產品出貨暢旺、營收吃補！外資持股技嘉由年初的27%增加到32%。
技嘉是目前市面上AMD伺服器產品數量最多、陣容最齊全、應用範圍最廣的品牌致力提供各種高效能運算的商用情境優化的產品解決方案。除了協助歐洲頂尖理工學院建置資料運算中心以及歐洲核子研究組織(CERN)選擇技嘉AMD伺服器來處理大型強子對撞機(LHC)的實驗巨量資料之外技嘉運算叢集與伺服器的高效能運算讓探索外星生命、研究氣候變遷到追蹤新冠肺炎足跡變得更加容易。
技嘉也切入自動駕駛車輛決策控制平臺技嘉科技ADCU3-100車載決策控制與AI邊緣運算平臺支援各類型加速器可提供自駕車感知融合與決策判斷所需的強大算力提供各式高速介面介面靈活性連接車輛周邊感測器即時收集與傳輸資料藉以分析車輛與駕駛人狀態並做出即時行為調整和決策。
技嘉目前業績占比最大的產品線為顯卡約40%主機板為30%伺服器經過多年耕耘占比已來到20%。</t>
  </si>
  <si>
    <t>儘管伊朗官方資料顯示新冠肺炎確診病例破萬死亡超過400人。除了中國大陸外這疫情仍在災情慘重的義大利之後。不過據《華盛頓郵報》（Washington Post）和《每日郵報》（Daily Mail）報導衛星影像顯示伊朗</t>
  </si>
  <si>
    <t>儘管伊朗官方資料顯示新冠肺炎確診病例破萬死亡超過400人。除了中國大陸外這疫情仍在災情慘重的義大利之後。
不過據《華盛頓郵報》（Washington Post）和《每日郵報》（Daily Mail）報導衛星影像顯示伊朗疫情中心庫姆（Qom）的墓地正在擴大。專家說種種跡象顯示這新出現的300英尺（約91公尺）大溝是埋新冠肺炎死者的萬人塚。
此外多支影片顯示挖掘大溝的當事人證實他們是為了因應爆發的新冠肺炎疫情。專家認為從伊朗的衛星影像可以看出匆匆挖出的萬人塚是為了因應節節攀升的新冠肺炎死者。
伊朗是目前全球新冠肺炎疫情十分慘重的國家之一各方廣泛懷疑當局隱瞞了危機的實際規模。
馬薩爾科技（Maxar Technologies）公開的衛星畫面顯示聖城庫姆的貝謝赫馬蘇梅（Behesht-e Masoumeh）公墓直到去年10月時大都還是空著。不過從今年3月起原本半空的1/4墓地都滿了另一個原本還沒使用的區域也開始啟用。
而在第二塊區域內出現了兩條長達約91公尺的大溝從衛星圖像上清晰可見。馬薩爾科技的分析師說這匆忙挖出的壕溝和先前的墓地不同。此外他指出墓穴旁堆積的白色物質可能是群葬所用防止屍體快速腐敗的石灰。</t>
  </si>
  <si>
    <t>治療新冠肺炎住院病患可望有全新療法！國衛院近日發布最新研究成果指出使用瑞德西韋搭配一款用於器官移植抗排斥的免疫製劑「環孢素」老藥來治療新冠中、重症患者可達成「一加一大於二」的療效進一步縮短病患病程提高新冠中重度病患的存活率。
瑞德西韋具有抑制新冠病毒效果一開始被稱為「神藥」但臨床實證使用瑞德西韋對插管或裝葉克膜的重症患者預後及降低死亡沒有幫助；目前是建議「住院須用氧氣」或「使用高流量氧或非侵襲性呼吸器」的患者使用。
國衛院生技與藥物研究所研究員李秀珠率其研究團隊尋找除瑞德西韋以外的新冠肺炎解藥起初多半是找國內沒有的藥物實驗但沒有特別發現後來研究團隊從國內健保給付藥物尋寶發現環孢素搭配瑞德西韋使用能有效縮短新冠肺炎病程。
李秀珠表示瑞德西韋雖是新冠病毒的解藥但僅能抑制病毒在體內轉錄、複製降低病患體內病毒量然而新冠肺炎對人體所帶來的影響卻不僅止於病毒複製還會引發人體的細胞因數風暴而加入環孢素的使用後即可降低細胞風暴的產生提高治癒率。
至於兩者最適合搭配劑量為何？李秀珠說目前實驗結果還很難用單一資料表現但透過大資料運算大多數的配法都能達到一加一大於二的效果只是效果究竟能達多高？還有待進一步的人體試驗驗證。</t>
  </si>
  <si>
    <t>新冠肺炎疫情嚴峻網路上常流傳假訊息引發民眾恐慌屏東縣警察局近期接獲6起關於疫情的假訊息已移送4件。有鑑於網路、數位化犯罪愈來愈多縣警局2年多前成立「科技犯罪偵查隊」及「數位證物實驗室」去年協助偵破227件刑案。
因應科技時代犯罪手法日新月異屏警2年多前成立「科技犯罪偵查隊」及「數位證物實驗室」除了將刑案資料建檔進行資料整理及分析外也主動偵查網路假資訊蒐集數位跡證達到打擊犯罪源頭的效果。
這次肺炎疫情科偵隊也受理6件肺炎假訊息的案件目前已移送4件1件緩起訴。移送的4件都是一般民眾接收到網路假訊息指出某醫院有肺炎確診案例後轉PO到自己的臉書或line群組上；另外2件則以假帳號進行惡意傳播。
警方表示傳播疫情假訊息除了違反《傳染病防治法》第63條最高可科50萬元罰金也違反《嚴重特殊傳染性肺炎防治及紓困振興特別條例》第14條可處3年以下有期徒刑、拘役或科或併科300萬元以下罰金。
警方表示網路時代所衍生的網路駭客、詐欺、恐嚇、勒索等犯罪更需要有電腦資訊、網路偵查技巧的專業人才在既有的傳統刑事偵查基礎上透過橫向連結、整合發揮打擊犯罪最大成效。</t>
  </si>
  <si>
    <t>Delta變種病毒不只入侵台灣也在全球各地投下震撼彈疫苗施打率搶先全球的以色列解除口罩令才短短一週也擋不住Delta來勢洶洶單日確診暴增200例不禁讓各界恐慌：連疫苗也沒效了嗎？群體免疫策略該往哪裡去？
世衛才剛公佈2月以來最低的確診與死亡數全球疫情趨緩沒維持多久近百個國家又因Delta印度變種（B16172）強襲才剛要開啟的解封之門馬上又闔上。
「解封標竿」領頭羊的以色列近日更傳出噩耗：部分接種完2劑疫苗的成人確診新冠肺炎確診者中高達半數是孩童。高達九成的新增病例全是感染Delta變種病毒。
●口罩脫太早？　解封標竿以色列日增200例
以色列在疫情初期就搶訂疫苗為國民購入大批的輝瑞和莫德納也研發自己的國產疫苗想靠疫苗迎戰病毒。今年他們快馬加鞭只花短短6個月接種完成率就攀升到57%其中約80%超過16歲的成人施打的是輝瑞（Pfizer/BNT）疫苗。
高接種率遏止以色列的疫情衛生部在6月16日宣佈解除口罩令更準備重開國境、迎接國際遊客。前段時間幾乎所有國家都拿以色列當榜樣加速施打疫苗。
但就在上週情勢大逆轉以色列單日暴增破百例確診24日甚至新增多達249例且還出現令人擔憂的現象：
1確診的成人中有將近半數都已打完2劑新冠疫苗；
2新增確診者中有一半是不到16歲的學童當地2所中學爆出學生確診他們大多沒有施打疫苗。
這可能意味著新冠疫苗對變種病毒的保護力不足還有過去被認為染疫風險低的孩童很可能也需要疫苗。當地學校在5月全面開放室內外都不必戴口罩；6月初以色列才開始幫12～15歲孩童的接種疫苗該年齡層接種率目前只有2～4%。
因應疫情生變以色列當局翌日即下令：恢復室內戴口罩規定也加強佈署機場檢疫更將原訂於7月1日開放國外旅遊的政策順延至8月。
●Delta傳染力有多強？　5～10秒擦肩就恐傳播
Delta變種病毒肆虐各地秘書長譚德塞（Tedros Adhanom Ghebreyesus）說：「Delta變種是目前已知傳染力最強的出現於至少85國在尚未接種疫苗的群體裡快速散播。」
根據以色列初步統計當地有高達9成的新增確診都是Delta變種病毒引起。美國公衛官員推測接下來1個月以色列恐怕還無法立即擺脫Delta病毒。
究竟Delta有多容易傳染？澳洲防疫專家根據疫調研判把Delta病毒傳染給別人很可能只需約5～10秒比如到室內的超級市場購物時對方與你擦肩而過單單是這樣的短暫接觸就足以讓人感染到Delta病毒。
面對如此驚人的傳染力科學家至今還不知原因。諾克推測Delta變異株之所以傳播迅速可能有3個主因：
1個體的Delta病毒負載量大因此會容易傳染；
2感染Delta病毒所需的病毒量較小；
3感染Delta病毒所需的時間較短。
諾克說如果符合上面任何一種猜想那麼當一名未感染者靠近帶原者只需短短數秒鐘就可能吸入足以感染的病毒量。但她也說這還有一定的機率因素也就是帶原者呼氣、而被感染者剛好吸入了空氣。
有鑑於Delta病毒的超強傳染力世衛警告即便是已經打完2劑疫苗的人仍應「謹慎為上」持續戴口罩、保持社交距離、並遵守所有防疫措施。在此之前包括以色列、澳洲、美國等地都不強制已經施打疫苗的人戴口罩。
世衛助理秘書長艾沃德（Bruce Aylward）說：「必須小心不要再傳遞這種訊息給民眾讓他們以為只要打完疫苗就什麼都能做了。」
●確診數增、重症卻少　以色列：疫苗仍具保護力
不幸之幸是：以色列雖然出現了更多新增確診但病情惡化的患者並不多。以色列官方安撫民眾說他們相信打疫苗仍然有效可以保護患者免於最糟的狀況。也因此除了恢復室內口罩令他們暫時不會回到封鎖狀態也不會再祭出其他嚴格的限制措施。
「雖然新增確診數變多了但住院人數卻沒有大增」以色列新任總理班奈特（Naftali Bennett）說：「不過我們確實得當心已經打完疫苗的人還是會被Delta病毒感染。」
資料先前也顯示打完2劑疫苗確實能有效對Delta病毒產生防護力。英國公共衛生署發現接種2劑輝瑞疫苗對住院的防護力達96%；而施打2劑AZ疫苗防護力則有92%。
英國緊急科學技術顧問、裡茲大學空氣傳染病專家諾克（Catherine Noakes）則說即便沒有爆出大量的死亡案例病毒在社會中流竄仍讓社會存在許多隱憂：民眾必須負擔隔離成本、很多人身體不適當然還包括後遺症。
●專家：疫苗之外還需要高規格防堵、16歲以下也該施打
在專家眼中要對付Delta變異株多數國家寄望打疫苗的思維還是太過大意。英國裡茲大學病毒學家葛裡芬（Stephen Griffin）認為：「把所有期待放在疫苗上覺得達到群體免疫就能解決問題這種想法本身很有問題。」
「要對付傳染力強大的變異株得靠更高規格的防堵行動應該做好做滿而不是半調子的策略。」他認為最理想的情況是在變異株侵門踏戶之前趕快加緊腳步幫人民全數打完疫苗這樣即便爆發大規模感染也有足數的人具備抗體。
葛裡芬也認為除了儘速完成接種以外替孩童施打疫苗更是當務之急。此外「在一邊施打疫苗同時也不能掉以輕心仍然必須同步控制住確診數才能有效阻止疫情擴散。」
輝瑞、莫德納都已個別針對年輕孩童做試驗保護力資料分別是96%、還有將近100%。目前全球僅以色列、美國等少數國家有替18歲以下的孩童施打疫苗美國兒童傳染病學家拜蘭（Wassim Ballan）說兩款疫苗的原理差不多推薦家長不必特別挑選哪一支有疫苗就趕快讓孩子接種。
資料來源：Washington Post、The Guardian、WSJ、Forbes</t>
  </si>
  <si>
    <t>青少年下周開打BNT第九輪的BNT疫苗預計在九月底開打不過近日頻傳打BNT恐誘發心肌炎讓不少民眾擔憂緊張。對此胸腔科醫師蘇一峰表示打第二劑出現心肌炎的風險比較高建議家長可讓孩子先打第一劑再觀望是否要打第二劑。另根據美國統計年輕人與老人打BNT後發生心肌炎的機率差了快百倍老人打其實相對較安全。
蘇一峰今在臉書發文表示近日許多人都注意到打mRNA疫苗（BNT和莫德納）須注意心肌炎副作用特別是年輕的男性為高風險族群根據美國的疫苗副作用統計資料來看年紀越大的人打mRNA疫苗越安全「年輕人與老人的心肌炎發生機率相差近百倍！」
從圖表中可見接種mRNA疫苗男性發生心肌炎的機率遠高於女性而男性發生心肌炎的比例又以年輕男性的發生率為最高接著依年齡增加而遞減。
蘇一峰指出青少年預計下周開打BNT許多家長擔憂孩子打疫苗恐誘發心肌炎但他認為可先打第一劑BNT看看第二劑的部分則可再觀望因為打第二劑BNT出現心肌炎的風險才會增加幾十倍加上青少年染疫本就不易重症因此打一劑預防重症就夠了。
不少家長看完表示「這樣的說法有讓心放一點下來了感覺很徬徨」、「我有一點安心了」、「這是對家長很好的建議」、「BNT和莫德納第一劑比較不會有症狀是第二劑才會有家長會擔心的可先打第一劑第二劑可觀望」。</t>
  </si>
  <si>
    <t>不少民眾盼能解封但專家認為須先達到群體免疫。胸腔暨重症醫師黃軒今發文表示感染過新冠肺炎仍可能二次染疫未來若大規模打疫苗新冠肺炎仍沒被消滅那麼疫情恐會進入地方性的戰役面對這樣的狀況各國該如何讓人民在疫情下過正常生活則須好好思考。
黃軒今在臉書發文表示如果大家都達成群體免疫但新冠肺炎仍在社區大流行怎麼辦？他表示會出現這樣的想法是因為「新冠肺炎流感化」以及「反覆感染」。
黃軒指出反覆感染是呼吸道病毒顯著的特徵我們都不知道受同一病毒種類感染多少次而人類常感染的呼吸道病毒包括流感病毒、呼吸道道合胞病毒（RSV）鼻病毒和冠狀病毒一直都存在很大程度上是由於它們產生了「反覆感染」的能力。
黃軒說確診新冠肺炎的病人無論病情的嚴重程度身體都會誘導產生抗體但是隨著時間拉長抗體濃度會下降甚至不足以提供長時間的「殺菌免疫力」以防止再度感染。而消失的抗體、減弱的免疫和病毒的免疫逃脫這些都會破壞或規避免疫系統功能導致再度感染新冠病毒。
黃軒也說如果人體的免疫系統接受反覆被病毒感染的訓練免疫系統必須要「有能力」長期保護身體否則可能會出現3種結局分別是「持續全球大流行」、「死亡人數繼續增加」或是前兩者同時出現。
黃軒透露上述所謂的「有能力」是指接種疫苗或體內自己生成免疫記憶細胞記住新冠病毒之前對身體進行的攻擊這樣才有機會把新冠肺炎變成地方性流行病。不過若現正全球大規模地施打疫苗但新冠病毒仍舊沒有被消滅那麼疫情恐會進入下一場「地方性的戰疫」。
黃軒表示目前已是地方性流行病的冠狀病毒共四種分別是OC43、HKU1、229E和NL63。 受冠狀病毒感染後在1年內受到同一冠狀病毒株感染是很常見的；流感病毒株同樣也可在不到2年的時間內連續感染；呼吸道合胞病毒也是會在1年內再次受到感染。而現正流行的新冠病毒正符合這樣「萬世留存」的病毒特質。
黃軒透露根據法國研究指出流感死亡率是58%新冠肺炎死亡率則是169%幾乎是流感的3倍。而感染新冠肺炎的患者須住加護病房治療的有163%比流感患者的108%來得多且確診新冠肺炎者入住的平均天數幾乎是流感患者的2倍。
黃軒提醒目前並沒有資料可以證實「新冠肺炎流感化之後病毒就會變弱」。若未來達到群體免疫但新冠肺炎仍繼續流行新加坡已針對「如何讓人民在疫情下過正常生活」進行規劃預計在8/9至少有三分之二的人口完成2劑疫苗接種每日監控有多少重症而非確診數字確診者將獲准在家中康復減少醫療體系的壓力篩檢的目的從匡列接觸者轉變成確保比賽項目、社交活動和海外旅遊能安全進行。</t>
  </si>
  <si>
    <t>新冠肺炎疫情仍持續發燒死亡人數連日創新高。不過前綠委沈富雄發現新冠肺炎致死率和年齡似乎有關係有驚人關係！沈認為「對青壯之士以佛系之眼待此病毒對70歲以上的老人家以魔網全力反向圍堵」。
沈富雄在臉書發文表示有關新冠肺炎的各種資料由於各地、各城、各州、各國的篩檢率及及篩檢結果的可信度互異至今眾說紛紜難以比較。
沈富雄接著表示西雅圖市是他的第三故鄉（台南市第一、臺北市第二）該市所屬的華盛頓州及州屬的科克蘭市是全美爆發疫情的第一州及第一市。開始時防疫工作七零八落篩檢技術嚴重落後不過至今情況已趨穩定一項重要的資料：致死率與年齡的關係其落差十分驚人！
沈富雄認為如果一切可以重來放之四海而皆準的戰略似乎是：(1)阻絶或攔截病毒於境外或境上：這個「境」包括廣義的國境、州境、市境、鄉鎮境以及人與人之間的境。(2)一旦本土個案起跳應盡全力保護70歲以上的老人將老人群聚的地方完全封閉不許進出公家提供所有生活必須品直到疫情過去。「對青壯之士以佛系之眼待此病毒對70歲以上的老人家以魔網全力反向圍堵」。</t>
  </si>
  <si>
    <t>新冠肺炎爆發至今全球確診人數高達3300萬多死亡人數已逾百萬《美國醫學會雜誌》研究報告指出美國境內的新冠死亡數可能少算了將近28％世界衛生組織WHO坦言目前的死亡人數可能被低估並警告各國若不團結死亡人數恐怕倍增至200萬人。
根據7月份出刊的《美國醫學會雜誌》（JAMA Internal Medicine）研究報告指出耶魯大學研究員依據美國衛生統計中心的資料發現美國境內的新冠肺炎死亡人數可能少算了將近28％。
「約翰霍普金斯大學」統計顯示新冠死亡人數最多的國家前3名依序是美國204萬人、巴西141萬人以及印度95萬人但WHO世衛突發衛生事件執行主任萊恩直言計算時沒辦法做到完美甚至保證無論是確診或死亡人數官方的統計數字很可能被低估。
《華盛頓郵報》日前報導美國休斯頓一個研究團隊23日公佈的研究發現病毒不斷突變可能變得更具傳染性而且更適合在人類之間傳播。美國國家過敏和傳染病研究所病毒學家莫倫斯表示值得注意的是病毒傳染性增加恐影響目前的防疫政策戴口罩、洗手等防疫措施可能都無法有效阻隔病毒。</t>
  </si>
  <si>
    <t>由於新冠肺炎確診人數持續上升加州州政府13日宣佈取消解封該州的兩大學區秋季將不會有面對面課程。在此同時美國衛生官員透露一項好消息表示新冠肺炎疫苗將在夏末開始生產。
川普內閣資深官員13日在電話會議向媒體表示疫苗生產工作已經開始進行與政府合作的製藥廠預計在夏季結束之前開始生產疫苗美國的目標是在2021年初之前製造3億劑疫苗。
該匿名衛生官員表示政府資助了四種最有贏面的潛在疫苗但資助名單可能會增加。美國政府補助對象包括Moderna、嬌生（Johnson＆Johnson）、阿斯特捷利康（AstraZeneca）和Novovax的疫苗。
Moderna與嬌生的疫苗將在7月底之前進行後期階段人體試驗。
儘管目前仍不確定疫苗的成效但官員表示藥廠已經開始準備生產工作例如採購設備、選擇生產據點甚至是取得原物料。
該官員在美國衛生及公共服務部主持的電話會議中指出：「疫苗確切的製造與生產時間可能在四至六周之後但我們會在夏季結束前積極生產。」
另一方面加州的新冠肺炎疫情不斷升溫州長紐森（Gavin Newsom）13日下午宣佈取消解封下令餐廳、酒吧、博物館、動物園和電影院等場所的室內活動即刻暫停意味著甫於數周前重啟商業活動的商家得再次停止營運。
此外洛杉磯和聖地牙哥學區表示8月開學時只會提供線上教學。兩大學區透過聲明稿表示過去幾周加州的確診人數急速躥揚凸顯疫情尚未得到控制。兩個學區合計約有80萬名學生。
據約翰霍普金斯大學統計資料顯示截至14日止美國的新冠肺炎確診病例突破336萬例死亡人數超過135萬人。</t>
  </si>
  <si>
    <t>亞太電(3682)瞄準近年來興起的618檔期即日起至6月18日順勢推出限時7天的「88勁量吃到飽單門號」方案看好本次疫情加速宅經濟發酵亞太電也看好此波年中慶帶來的商機。
對電商來說618年中慶也成為繼「雙11」活動之後的第二大年度電商盛會亞太電數位門市趁勢推出限時7天的「88勁量吃到飽單門號」方案即日起至6月18日凡六個月內未申辦過亞太電門號之新申辦/攜碼用戶月付88元綁約18個月贈送10GB資料流量超量享12Mbps上網吃到飽上網追劇、瀏覽網頁及臉書等使用行為均綽綽有餘；語音部分不僅網外/市話贈送30分鐘超過分鐘數每分鐘也只要1元語音和上網優惠都超值。
亞太電表示近年電商購物氛圍持續發酵除雙11檔期外618年中慶陸續也有許多電商平臺加入成為網購的年中促銷大檔亞太電數位門市去年雙11檔期業績創下近3年銷售最佳紀錄業績較平日翻倍成長今年因為疫情關係加速宅經濟發酵亞太電看好此波年中慶帶來的商機。
另外國內疫情趨緩防疫政策逐步解封國人休閒活動慢慢復甦亞太電也乘勝追擊提供更多元網商服務即日起至8月25日結合Kono Digital旗下專屬結合店家新服務Kono＠電子雜誌推出「萊看Kono＠電子雜誌」活動不限亞太電用戶民眾在全台超過千家的萊爾富指定門市掃描休息區桌上的QRCode下載[email protected] App即可免費觀看90分鐘Kono＠電子雜誌Kono電子雜誌擁有數百萬本日、韓、台、港、歐暢銷雜誌文章更可使用影音播放文字與影音雙管齊下讓學習更有效率。</t>
  </si>
  <si>
    <t>微軟26日（週三）盤後警告由於新冠肺炎疫情蔓延使供應鏈受阻本季負責Windows事業的個人運算部門營收將低於預期。這是繼蘋果之後又一家因大陸疫情衝擊供應鏈而發布財測預警的科技巨擘。
受此拖累微軟周早盤開盤跌逾4％報16319美元尖牙股（FAANG）亦全面重挫。
微軟發表聲明提及「雖然Windows需求一如我們預期的強勁但供應鏈重返正常運作的速度比之前預期更慢。」該公司指出Surface裝置、Windows等產品銷售受打擊的程度比預估嚴重。
微軟表示本會計年度第3季（1到3月）個人運算部門營收將無法達到先前預測的1075億到1115億美元。微軟未提供最新預測資料該部門負責業務包括Windows軟體、Surface平板電腦等上季合計約占微軟營收的35％。
蘋果17日美股盤後開出第一槍宣佈因新冠肺炎爆發波及iPhone大陸產能影響全球供貨及打擊大陸對蘋果產品的需求本季營收無法達到原估區間630億至670億美元成為美國首家受疫情影響而公告獲利預警的重量級大型企業。此一消息讓全球股市倒成一片。微軟是第二家發布財測預警的市值逾1兆美元企業。
其他科技廠商也發布預警紛紛表示疫情導致大陸部分廠房關閉市場需求下滑前景不確定性大增。繪圖晶片大廠輝達（Nvidia）本月指出疫情可能使本季營收減少1億美元。PC廠商惠普（HP）則稱企業更新至Windows 10的計畫可能延後到接下來幾季此外因冠狀病毒疫情引發供應鏈中斷本季調整後的每股盈餘減少008美元。
傑富瑞(Jefferies)分析師席爾（Brent Thill）直言「沒有人能夠倖免即便是地球上最厲害的科技企業。」席爾提及微軟更重要的收入來源如Office軟體、雲端運算部門、Xbox遊戲事業都不包含在此次預警裡但他也表示：「畢竟本季還有一個月的時間情況也有可能進一步惡化。」</t>
  </si>
  <si>
    <t>新冠肺炎延燒至今影響各產業甚巨新創投資市場信心更是受到動搖。然而台灣創新能量豐碩新型態的服務與產品不斷出現仍然有龐大的資金或企業資源需求創夢市集今年選出可進入加速育成階段的團隊漁拓等9家新創團隊為台灣新創注入資源。
依據企業服務資料庫公司Crunchbase統計2020年第1季新創投資筆數相較前一年同期下降4％投資金額亦下降8％並預測第2季影響可能更明顯。由網銀國際、橘子(6180)、華義(3086)、昱泉(6169)、齊民等五家遊戲業者及新光金國際創投共同出資成立的創新平臺創夢市集一直以來提供台灣新創團隊加速成長與種子輪投資的資源。今年依然不受疫情影響透過初步書審、面審、與募資簡報訓練等多階段的關卡在近140家的新創團隊中選出可進入加速育成階段的團隊包含互動娛樂類的漁拓、數位卡夫特、炎姬；民生創新類的毛小愛、燊厤Poop out、玩藝星球；電商科技類的印花樂、深義分析、Quickper Checkout共9家新創團隊。創夢評審團以團隊組成與磨合度、核心技術能力、商業模式、以及產品服務是否已接受市場驗證等等做為評選考量的條件。
新創團隊往往因為本身產業類型或各別需求而對外尋求政府企業的資源或資金挹注例如本次入選團隊之一的印花樂表示雖曾獲得其他企業與創投公司的投資但三位創辦人的專業背景雷同因此希望透過如創夢市集這樣的加速器獲得更多不同的激盪。創作人才媒合社群「ArtzyPlanet玩藝星球」與旗下行銷快速出圖服務PICASSO希望透過加速輔導的過程將更強化品牌商業模式以立足與建立新市場。燊厤則希望藉由創夢市集背後股東資源吸引策略性投資人挹注並增加電商合作與國際業務擴展能力。
入選育成階段的團隊將在創夢市集的協助下展開至少兩個月的深度輔導包含重新釐清價值主張、商業模式、目標顧客及設定目標和關鍵成果並且由內外部不同的領域專家進行兩到三次的客製化一對一輔導經過盡職調查(due-diligence)後最終有機會獲得200萬的投資金額挹注甚至促成與創夢市集股東或其他企業的策略合作。</t>
  </si>
  <si>
    <t>清零不是天方夜譚！他揭資料曝：唯獨1縣市非常可惜</t>
  </si>
  <si>
    <t>清零 不是 天方夜譚 他 揭 資料 曝 唯獨 1 縣 市 非常 可惜</t>
  </si>
  <si>
    <t>接種新冠疫苗常見副作用為注射部位紅腫、頭痛、畏寒及發燒等不過日本一名女子接種完莫德納後竟開始不斷地掉髮令她崩潰地上網查詢相關副作用但始終找不到答案便將其過程PO上網而現在她也接受生髮門診治療中。對此中央流行疫情指揮中心發言人莊人祥表示目前仍要進一步瞭解狀況。
今（12）日下午中央流行疫情指揮中心召開記者會時有媒體關心打莫德納後副作用引發掉髮一事詢問發言人莊人祥則回應關於打莫德納造成掉髮的副作用目前仍要進一步瞭解狀況。
據瞭解該名女子日前於個人部落格指出6月29日接種施打莫德納後手臂出現注射部位疼痛但並沒有發燒直到7月1日早上起床發現自己掉落的髮量比平常還要多當時她以為是季節交替所致因此並未放在心上。
豈知7月7日她從鏡中發現頭頂出現3個圓形禿且持續掉髮尤其是洗頭時頭髮更隨著水沖洗下掉落。而接下來的幾天女子的頭髮竟愈來愈少使她心情大受打擊進而影響到工作；沒想到7月31日時女子的頭髮幾近掉光只剩些許的細毛從發拍攝的照片中已可見大片頭皮。
女子8月10日再度更新貼文表示去醫院看了生髮門診後醫師研判為圓形禿也進一步作血液檢查目前正等待檢查報告不過醫生也建議她2周後要再進行皮膚生檢並告知她「目前未有相關資料顯示打疫苗會有掉髮的副作用」目前最重要的是治療。
★《中時新聞網》提醒您：因應新冠肺炎疫情疾管署持續加強疫情監測與邊境管制措施 如有疑似症狀請撥打：1922專線或 0800-001922 並依指示配戴口罩儘速就醫同時主動告知醫師旅遊史及接觸史以利及時診斷及通報。</t>
  </si>
  <si>
    <t>鴻海（2317）今（23）日召開股東常會通過2019年財報及盈餘分配案決議配發每股現金股利42元以今日平盤價789元計算現金殖利率約532％。展望今年集團將持續求新求變透過3階段措施持續轉型升級提升集團營運績效。
鴻海2019年合併營收創534兆元新高年增093％但歸屬母公司稅後淨利115308億元年減1066％為近6年低點獲利「3率」毛利率591％、營益率215％、淨利率216％均創新低。不過由於股本減少每股盈餘（EPS）832元創近3年高點。
鴻海董事長劉揚偉在營業報告書中表示去年外有中美貿易大戰、內有公司領導團隊接棒內外均處於高度變動時期對集團是相當不容易的一年。所幸在創辦人郭台銘打下的紮實基礎下鴻海面對充滿挑戰的一年仍繳出營收創新高的成績單。
對於上半年新冠肺炎衝擊全球劉揚偉表示儘管疫情對全球經濟帶來挑戰但鴻海向來認為任何一個時刻都可以是「最壞的時代也是最好的時代」對此從一開始的核心製造技術到近年積極網工業互聯網發展與致力資通訊科技領域研發成績都有目共睹。
劉揚偉強調集團仍持續求新求變從原本的「勞力」密集為本體質脫胎換骨為以「腦力」密集為主結構因此依循F10現況優化、F20數位轉型、F30轉型升級等看似有別、實則合而為一的道路朝「好、還要更好」目標大步向前。
劉揚偉指出去年針對現有業務已宣示分工、分享、興利、除弊等F10四大重點目前均已產生成效。其中分工、分享協作已在疫情時期發揮功效透過在採購流程中導入系統化機制亦達成興利及除弊效果。
在F20數位轉型方面鴻海善用數位科技使整體營運更有效益並著手建立各種大資料庫形成自動化智慧決策流程。劉揚偉指出去年9月已從其中1個次集團開始試行1年來已有相當不錯成效預計將在5年間陸續推廣至整個集團。
至於F30轉型方面鴻海設定投資電動車、數位健康、機器人等3大產業以及人工智慧、半導體、新世代通訊技術等3大技術的「3+3」重要發展策略並於年中成立鴻海研究院下設5大研究所提供前瞻支援5年後的成長計畫以鞏固技術領域領先地位。</t>
  </si>
  <si>
    <t>國內新冠肺炎疫情持續延燒醫療量能緊繃臺北市長柯文哲今（26）日上午在北市防疫會議上指出如果要等到8月打疫苗且是國產疫苗這等於把國運賭在一個不可知的期望上面若要撐到8月恐撐不下去「會死傷慘重」。而今下午柯文哲在北市疫情例行記者會中談到地方政府自行採購疫苗問題他說若被逼到不行再等不到疫苗臺北市只好「自謀生路」。
今日指揮中心公佈國內新增302例本土個案另有校正回歸本土個案331例總計635例；確診個案中新增11例死亡。其中臺北市有87例本土確診、校正回歸221例。柯文哲在記者會中將針對疫情進行最新說明。
柯文哲表示根據指揮中心的資料校正回歸比當日公佈的確診多已經失去實質意義還是要看整體趨勢比較重要。他說5月16到20日這週萬華確診病例還是最多但有踩煞車其他11個行政區多多少少都有上升所以萬華疫情趨緩不過其他行政區都有相當程度的病例因此不要誤以為在臺北市只有萬華是疫區在其他地方還是有感染的可能甚至中南部也會有小型群聚的現象。他並提到昨日萬華三個篩檢站篩檢800多人結果陽性率為74%。
柯文哲也提到中央預計配發2200萬劑疫苗給臺北市政府原則按照優先順序施打除發給各專責醫院處理其他則會入冊處理。對於救護車被擋在醫院外的情況柯文哲說今日雖有所緩減但還是有發生且急診室病床也是滿床他強調醫療量能仍相當緊繃。
柯文哲說三級警戒短期內無法結束除非硬性封城；另外則是打疫苗才是最終解決方法而疫苗還是有種類和數量的問題呼籲中央慎重處理。柯也批過去大官都說幾月疫苗要來「蘇貞昌說什麼時候（疫苗）會來現在幾月了？」蔡總統剛剛也說疫苗買了3000多劑但重點是疫苗到底什麼時候會來有答案才能充分準備。</t>
  </si>
  <si>
    <t>過去一周資料低於4月初 美疫苗 接種速度放緩 官員緊張</t>
  </si>
  <si>
    <t>美國民眾持續接種新冠肺炎疫苗但施打進度近日出現放緩跡象美國高階衛生官員敦促更多民眾接種疫苗。根據美國疾病管制預防中心（CDC）資料顯示過去一周美國每日平均施打約280萬劑疫苗低於4月初的平均320萬劑。</t>
  </si>
  <si>
    <t>美國民眾持續接種新冠肺炎疫苗但施打進度近日出現放緩跡象美國高階衛生官員敦促更多民眾接種疫苗。
根據美國疾病管制預防中心（CDC）資料顯示過去一周美國每日平均施打約280萬劑疫苗低於4月初的平均320萬劑。
美國每週平均施打的疫苗數量自2020年12月中起呈現上升趨勢但上周資料卻下滑。美國接種首劑疫苗的7日平均數更由4月11日的190萬劑降至4月17日的140萬劑。
美國約有286％的民眾已經打完兩劑疫苗還有422％的人口至少接種一劑疫苗。然而各州疫苗接種進度不一緬因州有362％的民眾完成兩劑疫苗接種但阿拉巴馬州的資料僅有217％。
根據約翰霍普金斯大學統計截至26日美國新冠肺炎確診案例超過3200萬人死亡人數逾572萬人。美國25日的新增確診案例不到32萬例低於前一日的53363例。不過值得注意的是週末接受篩檢的人數較少新增案例往往也較低。
截至24日美國每日新增確診案例的7日平均數為59586例14日平均為63830例。7日平均值低於14日平均值是因為自4月17日起美國的確診人數下滑。
至於多少人接種疫苗才能達到群體免疫？各界估算各不相同但許多衛生專家將接種率70％至80％視為目標。
鑑於美國疫苗施打速度放緩美國高階衛生官員敦促民眾接受疫苗接種並警告對疫苗接種猶豫不決將影響美國阻止新冠肺炎病毒擴散的努力。
美國國家衛生研究院（NIH）院長柯林斯（Francis Collins）25日表示如果想要徹底擺脫新冠肺炎需要全美民眾齊心協力實現該目標。
此外拜登內閣首席醫療顧問佛奇（Anthony Fauci）亦表示美國整體疫苗施打進展不錯但新增確診人數仍構成危險。</t>
  </si>
  <si>
    <t>美國職籃（NBA）7月即將於奧蘭多迪士尼世界（Disney World）復賽主辦單位打算出動穿戴式裝置與大資料分析希望確保22支隊伍球員與工作人員免於新冠肺炎的感染威脅。NBA為了復賽做足準備備妥超過100頁的備忘錄</t>
  </si>
  <si>
    <t>美國職籃（NBA）7月即將於奧蘭多迪士尼世界（Disney World）復賽主辦單位打算出動穿戴式裝置與大資料分析希望確保22支隊伍球員與工作人員免於新冠肺炎的感染威脅。
NBA為了復賽做足準備備妥超過100頁的備忘錄裡頭詳述他們計畫如何保護球員健康以及使用的工具技術。參賽球員必須接受全面健康檢測、與親友隔離同時也得遵守維持社交距離等嚴格規定。
在工具方面NBA要求球員配戴「智慧戒指」（smart ring）此裝置能量測體溫、呼吸功能與心率等生理資料藉此判斷球員是否生病。
這枚鈦金戒指由芬蘭新創公司Oura打造據說可提早三天偵測民眾是否感染肺炎準確度高達九成。戒指收集到的資料將送往密西根大學判讀與分析目的在於掌握所有人完整健康狀況。
達拉斯獨行俠隊老闆庫班（Mark Cuban）表示：「我們將盡一切力量確保大家健康無虞。我深信這些方法絕對有用。」
球員也必須隨時配戴「魔術手環」（MagicBand）但練習時間與比賽除外。此手環功能類似門卡也是球員通過篩檢站的依據。手環會依據球員健康狀況顯示不同顏色只有合格者才能通過。
此手環亦能記錄球員的接觸史。萬一球員真的感染肺炎的話便能迅速查出他過去與誰有過接觸。
至於維持社交距離更是防疫一大重點。NBA希望球員在證件上頭安裝一個小型裝置當球員之間距離少於6英尺、時間超過5秒時裝置便會發出警告聲響但球員可自由選擇配戴與否。
此外所有球員都會分配到一部私人血氧飽和儀與智慧溫度計以量測他們每天的血氧飽和度與體溫。</t>
  </si>
  <si>
    <t>疫情過後為了未來防疫你願意犧牲個人隱私換取代表你健康無虞的證明當成恢復日常生活和行走各地的「通行證」嗎？
COVID-19（新冠肺炎一稱武漢肺炎）在多國出現觸頂跡象但這場大流行病恐怕就此改變人類生活方式尤其是實施封城的國家民眾要恢復日常生活可能需要一張「通行證」。美國正討論「免疫護照」的可行性中國大陸則實行「健康碼」。
現在進入中國大陸的飯店、餐廳、購物中心甚至一般社區可能都會聽到這一句話：「把健康碼打開來看一看。」
健康碼是一種手機APP所顯示的QR code和美國打算推出的免疫護照一樣都是疫後用來追蹤或判定是否可復工、復學的機制。兩者都高度仰賴科技根據美國媒體《Business Insider》報導美國政府正與新創公司Onfido洽談打算利用AI技術發展免疫護照。
大陸的健康碼則已施行2個多月並快速覆蓋200多座城市除了被質疑徒具形式之外這種系統若無限上綱個人隱私可能蕩然無存形同電子監控。
健康碼如何運作？
CNN記者敘述他在上海的真實經驗走進飯店除了例行的測體溫、清潔雙手飯店人員請他打開手機上的健康碼確認是綠色後才放行。
其實「健康碼」只是一個泛稱指所有呈現用戶健康狀況的手機APP。最早來自阿裡巴巴旗下網銀平臺「螞蟻金服」開發的「支付寶健康碼」自杭州2月復工後上線。接著騰訊微信也推出類似系統覆蓋範圍更廣。
簡單來說打開手機APPQR code可能呈現紅、黃、綠3種顏色各代表集中觀察、居家觀察、未見異常3種狀態。問題來了APP如何能確認用戶健康狀況？
CNN記者表示他從頭到尾都沒接受過任何檢測APP是透過手機定位來判定他是否曾接近確診者。除了行蹤還透過用戶登錄的個資、自行填報的個人健康情況等判讀QR code顏色並依狀況變色例如假使地理位置接近確診者就可能由綠轉黃。
簡言之健康碼是「確認行蹤」的APP而不是「呈現檢測結果」的APP；判定用戶健康狀況的不是醫生而是大資料和AI。
此外還有這些疑慮：
1 資料不實、徒具形式
雖然手機可定位大陸購買火車票、高鐵票也都採實名制可掌握部分行蹤。但APP仍仰賴用戶自行填寫的個資如果填寫不實判讀自然不準進出還是得靠現場量體溫以體溫為準。
2判斷標準不明、各省市不統一
健康碼未詳細公開判定標準也有誤判的疑慮。有民眾表示只因勾選有鼻塞、疲倦等普通流感症狀就被系統判定為「紅碼」而不能出門。另外健康碼雖是統一研發但大資料資料來自各地方政府且彼此不互通因此跨省市的健康碼不一定能互相承認各地對於綠黃紅的分類標準也不一。甚至可能因判讀不準確而誤放行例如就曾有「綠碼」湖北民眾進入甘肅卻在甘肅境內確診。
3 侵犯隱私、管制無限上綱
外界批評以顏色區分群眾只是「一刀切」的管制大陸已有人臉辨識等系統現在再加上覆蓋範圍更廣的健康碼管控力道更大。打著防疫旗幟未來民眾恐怕出入任何場所都得刷碼形同行蹤全透明。
健康碼假使不夠可靠美國的免疫護照是否比較可行？
與新創公司合作免疫護照？美拚加快復工
美國總統川普已表示將採3階段逐步重啟經濟活動為了讓民眾盡早復工、復學美國過敏與傳染病研究院主任、也是這次抗疫大將佛奇（Anthony Fauci）打算推出大規模的抗體檢測讓已有抗體的人取得證明。英國、德國也正朝此方向努力義大利的免疫護照政策則包括強制性的抗體檢測及非強制性的接觸追蹤APP但具體怎麼施行這些國家都還沒勾勒出像健康碼那樣的明確模式。
其中美國可能已有初步動作《Business Insider》表示美國政府正與Onfido洽談打算仰賴Onfido的技術推出免疫護照。
Onfido是一家英國新創公司透過ID資料、自拍照以及AI演算來幫助客戶辨認使用者身分。Onfido透露可能將抗體檢測結果與個人ID綑綁方便辨識已痊癒的患者有信心能快速施行到全美。
美國官方對此還沒有正面回應不過有抗體真的就萬無一失嗎？
中央流行疫情指揮中心專家諮詢小組召集人、台灣大學副校長張上淳曾接受《康健》訪問表示：「通常來說有抗體代表已有免疫力。」抗體會將體內病菌清除且自然感染幾乎都能終生免疫。
不過也有抗體是「無效抗體」的例外。例如C型肝炎病毒的RNA會躲在細胞裡面抗體無法將它完全清除愛滋病毒HIV也是類似情況。而全新的新冠病毒只能依照一般呼吸道感染病毒推測它所產生的都是有效抗體但張上淳表示目前也有看到例子是「患者產生了抗體病毒卻沒有立刻被清除掉還維持了一段時間。」
國際間也有媒體質疑抗體持續的時間以及在歐美確診數眾多的情況下假使抗體不持久難保解封後接觸人群不會再次染病。抗體護照怎麼做、效力如何、會不會是另一種形式的健康碼都還沒有答案。這或許是一張通行證但暫時恐怕還不會是你的保命符。
資料來源：CNN、Business Insider</t>
  </si>
  <si>
    <t>武漢市已連續多日宣佈新增新冠肺炎確診人數為0但日前網路上出現一篇名為「我最難忘的一天」的文章文中聲稱目前武漢仍有多地出現確診病患甚至聲稱有確診病患遭官方互踢皮球。武漢當局也火速出面澄清表示該文章情節不實。
「我最難忘的一天」文章作者自稱是名湖北的主流媒體記者描述了自己在3月19日從淩晨到晚上的親身經歷並在文章撰寫完成後向親友發送。
而這篇文章提及玫瑰西園社區以及麗水康城小區都有新增確診病例同濟醫院新增更多達百起確診病例甚至指出有名老婦人在湖北省人民醫院就診卻遭踢皮球。
由於事關重大武漢市疫情防控指揮部與流行病學調查組在22日淩晨緊急於武漢市衛健委官網發布通報指「我最難忘的一天」文章中描述的情節與武漢新冠肺炎確診個案數目都是不實的。
通報中提到文章指涉的同濟醫院本部、光穀院區、中法新城院區近日來都沒有新增確診個案；被指稱遭踢皮球的老婦人則是因為出現上呼吸道症狀因此被轉院但後來檢驗後顯示為陰性；另外麗水康城小區的個案應屬於無症狀感染者非確診病例。
該通報也重申近幾天武漢市新冠肺炎確診病例皆為0均為各醫療機構、各級疾控部門依法依規進行網路直報資料客觀真實。</t>
  </si>
  <si>
    <t>新冠肺炎(COVID-19)疫情持續延燒受到疫情影響有多場全球性的大型展會包含今年 2 月份 MWC(全球行動通訊大會)以及日本橫濱攝影器材展CP+等都已經確定取消在台灣的臺北國際書展(TiBE)以及臺北國際電玩展(TpGS)也都因此延後到年中舉行對於全球各產業的影響仍舊在持續中。而繼宣佈取消自家的年度行銷高峰會(Global Marketing Summit)之後Facebook 再度宣佈取消 5 月份的 F8 開發者大會。是美國一線科技巨頭中第一個宣佈取消年度開發者大會的廠商。
Facebook 平臺合作夥伴總監 Konstantinos Papamiltiadis 稍早之前在 Facebook for developers 網站中指出：「F8 對於 Facebook 來說是極為重要的活動但是我們需要優先考量員工、合作夥伴以及開發者的安全與健康。也認為在強調該公司包容文化的基礎上若沒有來自國際的開者者參與 F8是不妥當的做法。」因此Facebook 發出聲明表示「因對於新冠肺炎疫情憂心日益增加在優先考量員工、開發者、合作夥伴的健康與安全的前提下不得不作出取消今年 F8 大會的決定。」
由於新冠肺炎疫情影響Facebook 已經退出了不少今年大型展會而且都屬於較早做出反應的廠商包含今年的 MWC、GDC(遊戲開發者大會)Facebook 先前都率先宣佈退出。值得關注的是Facebook 目前宣佈取消的是預定 5/5-5/6 在加州聖荷西舉辦的開發者大會相距目前還有 2 個多月。會提前這麼早宣佈取消活動或許是觀察到新冠肺炎在美國的疫情也逐漸升溫此外也不排除還有其他相關統計資料的輔助而做出的艱困決定。這會不會引發骨牌效應讓微軟(Microsoft)、Google 以及蘋果(Apple)等科技大廠跟進值得觀察。
Facebook is cancelling F8 more than 2 months in advance which is a very big deal in the tech industry Obviously a data-driven decision FB would not cancel such an important conference unless they were confident that the #coronavirus situation in USA is about to blow up https://tco/laAzOJZUOB
Facebook 一般來說都會在開發者大會中宣佈接下來一年之內對於旗下產品的規劃。在 F8 2019 當中Facebook 宣佈 Facebook 平臺要轉向私密化(private)並強化社團(group)功能也針對 Messenger 加入端對端加密、針對 Facebook 桌上出版改版(FB5版本)等等。除此之外Facebook 也規劃長期要進一步整合 Instagram、Messenger 以及 WhatsApp 的底層讓使用者不需要選用不同的社群工具都能找到你的朋友。在今年 F8則預期 Facebook 除了宣佈針對旗下社群平臺的新功能規劃外也將公開對於數位貨幣 Libra 的現階段規劃。
Facebook 宣佈取消今年的 F8 大會後表示仍會舉辦在地的活動並且以影片、線上直播的方式來發表原本預計在 F8 要發表的計畫。會這麼早決定取消 F8推測 Facebook 也是需要有更多時間反應盡快推動取消 F8 後的各樣應變計畫。</t>
  </si>
  <si>
    <t>拜登當選總統美國防疫展開新局與美國總統川普用諸如「中國病毒」等歧視用語不同拜登防疫的重點在科學而非政治；在美國防疫要轉向下是否台灣的政治防疫也該下架了放台商、大陸專業人士一條活路吧。
拜登勝選後已承諾將把應對疫情作為首要任務將組防疫新團隊雖然他曾經透露當選後希望派專家到大陸本土詳盡調查新冠肺炎的起源並且盡快掌握一切的最新資訊。對照川普把防疫荒腔走板全部推給大陸拜登則是強調讓科學說話。
否定大陸檢測結果
台灣爆發新冠肺炎至今諸如陳時中等官員只要聽聞大陸防疫成功或大規模檢測的成果一律以大陸資料「不可信、不可能」來質疑。
防疫是門科學而非政治資料會說話從2月至今即便兩岸仍有四個航點人員往來不斷從大陸返台人士已經10個月沒出現病例難道這個事實民進黨政府故意看不到嗎？
目前台港澳陸四地的疫情皆控制得當人員往來在疫情前非常頻繁要等到疫苗問世達成群體免疫最快恐怕也要明年下半年。
在此情況下考量到家庭團圓、公司經營在核酸檢驗、強化自主管理下或許可以思考把14天隔離期縮短到7天如果要就此展開談判相信大陸不會拒絕也可以透過台企聯等團體居中協調。
對於大陸專業人士來台也應在配合防疫隔離措施下盡速開放。
口水抗疫於事無補
先前川普枉顧醫療專家建議不要求戴口罩、更批評封城的地方是扼殺經濟開口閉口就是中國病毒、中國肺炎一切都是中共的陰謀但美國確診病例一再攀高說明口水防疫於事無補只是讓更多無辜生命犧牲。現在拜登要帶美國走上科學防疫之路我政府在有關應對大陸防疫措施上也該是回歸專業的時候了。</t>
  </si>
  <si>
    <t>俄羅斯總統普丁11日搶先宣佈俄羅斯已成全球第一個註冊疫苗的國家且他的女兒也已完成了疫苗注射此疫苗以蘇聯人造衛星之名命名為「史普尼克5號」（Sputnik V）。之後俄羅斯衛生部表示已開始大規模生產。
《俄羅斯國際傳真社》（Interfax）引述俄羅斯衛生局說法衛生局稱俄羅斯已正式開始大規模生產由「加馬列亞」流行病學研究中心（Gamaleya Institute）所開發的冠狀病毒疫苗。該研究院所長日前表示到12月或1月疫苗的產量將達到每月500萬劑。
不過由於俄羅斯的疫苗仍處於測試的初期階段且研究尚未進行第三期試驗效果令人存疑。	世界衛生組織（WHO）表示Sputnik V尚未獲得批准正與俄羅斯保持密切聯繫。世衛組織發言人指出任何疫苗的資格預審都需要對所有必需的安全性和功效資料進行嚴格的審查和評估但這一切他們都尚未看到。
更多 CTWANT 報導</t>
  </si>
  <si>
    <t>新冠疫苗擴大施打中央流行疫情指中心日前開放18歲以上民眾預約登記願意施打AZ的人仍不多。對此有醫療背景的花蓮縣衛生局長朱家祥表示看到這樣的狀況真的很擔心他形容打AZ是倒吃甘蔗；莫德納則為順吃甘蔗且打莫德納後不能混打他牌疫苗「宛如是魔鬼的圈套」呼籲大家別再排斥AZ。
花蓮縣13至15日完成COVID-19公費疫苗意願登記選擇AZ或AZ、莫德納皆可有25875人已完成預約7292人包括預約至10家醫院施打的1683人、10家衛生所1021人以及31家合約診所的4588人。
朱家祥昨（15）日於個人臉書指出依據疫苗接種資料來看願意施打AZ疫苗的人很少大多數的民眾仍對莫德納情有獨鍾「這讓我很擔心也很佩服」這會使疫苗覆蓋率緩慢增加只因為大家都不願意接納AZ。
朱家祥說起初是AZ最先在台灣展開接種絕大多數的第一線醫護人員、警消等行政機關皆是施打AZ「這些人不是都好好的嗎？」日前有不少長者打AZ後發生猝死事件許多人將矛頭指向疫苗但他認為花蓮幾位百歲人瑞也都有接種AZ「我相信莫德納在高齡長者身上造成死亡和重症也會不少」。
朱家祥透露近日聽到醫院同仁報告施打第二劑莫德納的醫護同仁不敵副作用全倒一片不僅發高燒至40度還全身痠痛連續2日都無法出勤反觀AZ第二劑接種者幾乎沒有明顯不適。
朱家祥認為AZ是倒吃甘蔗、苦盡甘來；莫德納則是順吃甘蔗、樂極生悲且第一劑打AZ第二劑可混打他牌疫苗但第一劑打莫德納後第二劑也必須打莫德納「像是魔鬼的圈套套住你就被控制」最後他也呼籲趕快打AZ疫苗才能保護自己也提高覆蓋率。
★《中時新聞網》提醒您：因應新冠肺炎疫情疾管署持續加強疫情監測與邊境管制措施 如有疑似症狀請撥打：1922專線或 0800-001922 並依指示配戴口罩儘速就醫同時主動告知醫師旅遊史及接觸史以利及時診斷及通報。</t>
  </si>
  <si>
    <t>大陸自去年底爆發新冠肺炎疫情連日來確診與死亡數字不斷增高尤其湖北省病例上升快速在2月11日有了轉折。這一日湖北近10天來新增病例首次在2000例以下並連續第12天新增出院病例超過新增死亡病例；也在這一日武漢自封城20天來首次明確打開人員返漢的門。此外大陸專家鍾南山表示新冠肺炎疫情有望4月前結束。
綜合陸媒報導湖北2月11日新增新冠肺炎病例1638例新增死亡94例新增出院417例。這是湖北近10天來新增病例首次在2000例以下。2月2日至10日湖北連續9天日新增病例逾2000例4日高峰還達到3156例。
新增患者減2成
同日湖北連續第12天新增出院病例超過新增死亡病例。2月8日以來湖北日新增出院病例均在300例以上遠超新增死亡病例。
截至2月12日晚間10時大陸境內新冠肺炎累計確診4萬4687例治癒5031例死亡1116例。其中湖北省累計確診3萬3366例治癒2649例死亡1068例。
疫情最嚴重的武漢自1月23日封城2月11日武漢市江漢區、江岸區等7個區先後發布通知提出將優先安排醫療防疫機構、重要國計民生相關企業等方面從業人員返回武漢為封城20天以來首次明確打開人員返漢的門。
據大陸衛健委資料至2月10日24時武漢累計確診病例1萬8454例占湖北省累計確診病例近6成；10日新增確診1552例較前日明顯下降降幅達1921%。從累計確診增速的指標來看10日為918%半個月以來首次降到兩位數以下。
疫情同樣嚴峻的浙江省11日新增確診病例14例新增出院病例28例是近20天以來最少。
大陸專家鍾南山表示新冠肺炎新增病例已在一些地區出現下滑疫情有望出現緩解預計峰值將會在2月中下旬出現4月前可能結束。
潛伏期24天罕見
鍾南山承認目前人們對新型冠狀病毒還有很多未知不確定性包括能否透過糞便傳播、是否有「超級傳播者」等問題。
11日山東菏澤市有一名男子離開武漢22天後確診先前乾咳兩次檢測呈陰性。據鍾南山最新研究新冠肺炎中位潛伏期為30天最長可達24天在1099例樣本中僅1例為24天。
目前病毒核酸檢測出現「假陰性」的結果令人疑惑。陸學者剖析多因素致核酸檢測呈假陰性呼籲用靈敏度高特異性好試劑。香港理工大學11日表示已研發一套全自動快速多重診斷系統號稱1小時內就可驗出新冠肺炎病毒正準備量產廣泛應用。</t>
  </si>
  <si>
    <t>日本第4波新冠肺炎疫情嚴峻包括大阪等14個都道府縣今年以來至少有77人在家身亡他們多半是在居家療養、或是等待住院期間症狀惡化後喪命。日本共同社指出由於變種病毒易導致患者重症化呼籲政府當務之急是要完善能應對病情突然變化的醫療體制
日本第4波新冠肺炎疫情居高不下根據美國約翰霍普金斯大學（Johns Hopkins University）全球疫情統計至今日本已經累計逾694萬人確診、超過11萬人染疫身亡先前傳出關西醫療體系瀕臨崩潰老人安養院出現大規模感染情形許多長者因為等不到病床在安養機構中辭世官方也坦言大阪重症病床使用率高達99%上萬病患等待住院。
日本共同社18日報導根據調查包括北海道、栃木、埼玉、千葉、東京、神奈川、岐阜、愛知、京都、大阪、兵庫、岡山、廣島、福岡等14個已經發布緊急事態宣言的都道府縣今年以來至少有78人在家中、住宿設施療養期間、等待住院期間症狀惡化身亡當中有77人是在居家療養、等待住院期間過世1人是在住宿設施療養期間死亡當中也有人是基於家屬等意願選擇在家裡度過臨終階段。值得注意的是由於部分地方政府並未納入統計因此實際案例可能更多。
各都道府縣的死亡人數由高至低依序為兵庫29人、大阪20人、東京10人、神奈川5人等年齡層多為高齡長者例如兵庫縣有19人為80歲以上長者。
共同社分析統計資料反映出日本新冠疫情急速擴大導致病床數量緊張、患者無法接受適當治療最終喪命的情形。此外文章也指出變種病毒容易導致患者重症化日本政府的當務之急是要完善能夠應對病情突然變化的醫療體制。
另根據日本厚生勞動省截至12日日本全國居家療養人數已達34537人當中大阪府最多達15031人佔全日本達4成。
日本國立感染症研究所12日指出目前變種病毒已經涵蓋日本境內超過90%的新冠病毒這些變種病毒都帶有傳染性更強的「N501Y」變異除了讓感染人數增加導致重症的風險也是原始新冠病毒株的14倍他們推測東京超過90%的病例都和N501Y變異有關京都、大阪、兵庫的病例則全部都有N501Y變異。
根據美國疾病管制暨預防中心（CDC）英國變種病毒株「B117」、南非變種病毒株「B1351」、巴西變種病毒株「P1」都帶有N501Y變異。</t>
  </si>
  <si>
    <t>青少年到底該不該打BNT第二劑讓許多家長非常掙紮對此台大前感染科醫師林氏璧今表示台灣青少年打BNT發生心肌炎機率較美國和日本都高其中台灣年輕男生心肌炎發生率為百萬分之225比美國多了4倍而國外研究顯示第二劑心肌炎發生率又會比第一劑高10倍若按此來算台灣年輕男生第二劑心肌炎機率恐高達百萬分之200。認為青少年第二劑也許不用那麼急著打。
林氏璧今在節目《POP撞新聞》上表示當初台灣規畫要打青少年新冠疫苗的時候就有不少專家學者很擔心。而台灣12至17歲青少年已大批接種第一劑BNT後其中統計出年輕男生心肌炎發生率為百萬分之225、女生百萬分之55；對比美國第一劑心肌炎的發生率為百萬分之5看起來相差了4倍左右。
林氏璧指出國外研究顯示接種第二劑心肌炎的機率較第一劑多會高10倍以上第二劑的不良反應較多以台灣資料來看年輕男生的發生率恐變成百萬分之200而台灣現在大約有50萬名青少年男性已打完第一劑這樣換算下來等於會有100人出現心肌炎。
林氏璧也說是否讓青少年打疫苗需判斷利有沒有大於弊而打疫苗的好處包括「減少重症住院的比例」、「減少後遺症出現」及「不幸染疫停課恐讓就學權益受損」；壞處則是「心肌炎」等不良反應的發生除此之外也必須將當地的疫情狀況納入考量。
林氏璧透露日本第一劑BNT心肌炎發生率也是百萬分之5左右台灣的數字真的看起來比較高。不過明明日本與台灣都是東方人心肌炎發生率卻差這麼多他認為可能有幾個原因包括人種的問題、或是台灣比較小心因為大家不斷提醒可能會出現心肌炎所以有小症狀就立刻跑去檢查而台灣目前心肌炎的個案症狀多很輕微。
林氏璧指出台灣目前打疫苗後出現心肌炎的個案中僅1例屬於嚴重案例為一名桃園女學生個案一住院就要裝葉克膜。不過他認為這有可能不是疫苗造成的因為她的症狀與打疫苗後出現心肌炎的症狀稍稍不太一樣因此推估也有可能是感染其他病毒導致的但詳情還要等指揮中心調查為主。
林氏璧坦言依照台灣目前疫情的現況來看青少年現在打一劑就很夠用不需要急著去打第二劑疫苗而且現在說的也只是「暫緩施打」並不是就不讓這些青少年打第二劑只是可以妥善分析利弊、釐清狀況後再打。
而中研院生醫所兼任研究員何美鄉昨發文建議青少年不要去打第二劑的BNT她認為目前打第一劑出現副作用的比例較美國高2倍根據美國資料顯示打第二劑出現心肌炎的機率會比第一劑高10倍因此她認為青少年的第二劑施打可再緩緩。</t>
  </si>
  <si>
    <t>根據美國約翰斯霍普金斯大學最新資料顯示全球新冠肺炎確診人數今(28日)正式突破300萬人累計死亡人數超過20萬人。其中美國共有近98萬人確診佔全球確診人數將近三分之一。目前美國新冠確診人數逼近百萬大關</t>
  </si>
  <si>
    <t>根據美國約翰斯霍普金斯大學最新資料顯示全球新冠肺炎確診人數今(28日)正式突破300萬人累計死亡人數超過20萬人。其中美國共有近98萬人確診佔全球確診人數將近三分之一。
目前美國新冠確診人數逼近百萬大關共有55萬人死亡。西班牙、義大利及法國總確診人數分別排名全球第2至4名。
亞洲國家當中伊朗91萬確診俄羅斯87萬確診雙雙超越中國大陸。</t>
  </si>
  <si>
    <t>近來美國公佈企業財報截至14日止美國S&amp;P500近八成企業公佈營運成果其中有七成以上企業獲利優於預期幅度達45％隨實際亮眼財報陸續發布美國S&amp;P500企業去年第四季盈餘成長率由1月底-03％上修至09％雖反映疫情不確定影響季度盈收預估增長有所調降但投信法人預估新冠肺炎疫情屬短暫現象企業基本面好轉有助資金持續簇擁投資等級債。
保德信投信表示新冠肺炎疫情有機會在第一季受到控制但仍須觀察新增確診人數能否連續下降但肺炎疫情所造成經濟衝擊以大陸為主可能僅影響美國第一季GDP約02～04％且第二季有望反彈。美國擁經濟資料支持預期市場的悲觀情緒應屬短暫現象。
保德信美國投資級企業債券基金經理人毛宗毅表示美國ISM製造業指數重返擴張領域非農資料亦表現強勁美國經濟動能持續回溫。
儘管1月底爆發的新型冠狀病毒一度引發風險資產下挫、信用利差擴大在避險買盤湧入下10年期美債殖利率最低回落至15％。
近來市場情緒回穩後已再度收斂至年初水準反映企業良好基本面。債市供需方面疫情發展主導資金流向今年以來投資級債約占整體債市流入的63％。新債發行部分年初往往為市場發債旺季據統計1月美投資級企業債發行規模達1517億美元預期在2月將可回落目前債市供需前景依然良好。
毛宗毅認為美國聯準會料將維持寬鬆貨幣政策公債殖利率有望延續低檔震盪走勢；中美貿易紛爭有緩解情況加上第四季企業營收目前表現優於預期債券信用利差有收窄空間。
展望今年債市美中將進入更困難第二階段談判、美國總統選舉等市場變數新冠肺炎短期更將主導市場情緒市場將不時震盪建議投資人應納入一定比重投資等級債以降低投資組合波動若欲加碼或空手的投資人可趁美債殖利率彈升至17～2％時進場佈局。
群益全民優質樂退組合基金經理人林宗慧表示在新冠肺炎疫情加重且擴散至他國市場恐慌情緒升高避險需求上升促使資金持續流入債信品質較佳、利率水準優於公債之投資及債市場進而推動投資等級債走揚。
後市來看在疫情尚未明顯受到控制以及其所引發的景氣前景疑慮的影響下同時市場維持在低利環境投資級債仍有望吸引穩健資金配置惟其利差相較高息債較窄因此操作上需留意利率反轉上行風險。</t>
  </si>
  <si>
    <t>國光生（4142）子公司安特羅（6564）宣佈開發之開發「Speedy新型冠狀病毒抗原快速檢驗試劑」已正式取得歐盟CE-IVD認證得於歐洲市場銷售將積極進軍海外市場。
安特羅表示已規劃向食品藥物管理署（TFDA）提出國內專案製造與美國EUA（緊急使用授權）申請目標瞄準國際市場為全球新冠防疫貢獻心力。
國際新冠肺炎疫情持續延燒至今未減緩歐美不少國家準備啟動新一波的封鎖動作加上各國逐步調整邊境防疫標準推動檢測試劑需求大增。在破傷風疫苗及腸病毒疫苗後安特羅新冠肺炎抗原快篩試劑再傳捷報。
安特羅指出開發之「Speedy新型冠狀病毒抗原快速檢驗試劑」依據臨床試驗資料顯示具有高靈敏度（Sensitivity）及高度專一性（Specificity）可透過簡易的操作方式無須任何儀器設備於15分鐘內可得知結果。
尤其近日英國封城三十萬人逃離倫敦導致邊境交通大亂如果能運用快篩在機場、車站等運輸據點快速檢疫可立即對於任何疑似新冠肺炎感染者提供初步、快速之判斷依據將有助於兼顧邊境防疫及民眾交通。
安特羅已開始銷售破傷風疫苗而腸病毒疫苗在台完成臨床三期第1次期中分析結果顯示疫苗保護率達法規標準預計明年取得藥證將可搶台灣自費市場營收將突破億元關卡今、明年成長可期。
安特羅除新冠快篩試劑有進展外與國衛院共同開發的新冠病毒DNA疫苗此DNA疫苗在動物試驗結果中發現具有專一性抗體與中和病毒抗體可望減少有害反應風險目標今年底進行一期人體臨床試驗。</t>
  </si>
  <si>
    <t>期盼全美加速重啟經濟、藉此恢復低迷選情的美國總統川普近期一再宣稱美國疫情已控制住死亡率是全球最低但隨著25日單日新確診已逾4萬人打破4月時創下的最高紀錄後讓媒體評論疫情惡化正戳破川普聲稱美國進入「後疫情」的幻想。
美國有線電視新聞網（CNN）指出根據霍普金斯大學全球追蹤疫情網站顯示美國25日單日確診已超過4萬人這項資料也顯示先前上千萬美國人為了「居家隔離」令所付出的經濟代價恐化為流水。此外那些由川普擁戴讚揚而加速重啟經濟的多數南方州正面臨疫情恐失控的處境。但報導稱已共有30州的單日新確診數創下新高之際川普仍活在自己癡迷於政治仇恨的泡泡中向那些很少討論疫情的保守派媒體擁抱取暖。
隨著防疫管制放寬反而造成美國一連串後續衝擊。被川普視為典範的德州也因面臨單日確診以及住院病人數創新高宣佈暫停重啟經濟的計畫。蘋果避免客戶與員工受到感染暫時關閉了在德州、亞利桑那、佛羅裡達、北卡羅來納以及南卡羅萊納等州內的直營店原定7月重新開張的加州迪士尼也宣佈延期。另外連上周參加川普造勢活動的工作人員與特勤局員工共8人也傳出確診。
另外諸多跡象證明川普先前聲稱會有「火箭加速般」的經濟復甦也並未正在實現中。白宮經濟顧問庫德洛（Larry Kudlow）25日表示截至年底失業率僅會略低於10%也就是川普11月選舉時此資料仍居高不下。而美國零售業巨擘梅西百貨（Macy&amp;apos;s）也於25日宣佈將裁員3900名員工以整頓人事降低公司成本。
CNN也指出對於美國確診連連攀升川普卻一再聲稱是美國檢測優於全世界其他國家但他近日內完全忽略了疫情與病毒存在只在乎對那些推倒雕像的示威份子嗆聲。</t>
  </si>
  <si>
    <t>期盼 全美 加速 重 啟 經濟 藉 此 恢復 低迷 選情 的 美國總統 川普 近期 一再 宣 稱 美國 疫情 已 控制 住 死亡率 是 全球 最低 但 隨 著 25 日 單日 新 確診 已 逾 4萬 人 打破 4 月 時 創下 的 最高 紀錄 後 讓 媒體 評論 疫情 惡化 正 戳 破 川普 聲稱 美國 進入 後 疫情 的 幻想 美國有線電視新聞網 cnn 指出 根據 霍普金斯大學 全球 追蹤 疫情 網站 顯示 美國 25 日 單日 確診 已 超過 4萬 人 這項 資料 也 顯示 先前 上 千萬 美國 人 為了 居家 隔離 令 所 付出 的 經濟 代價 恐 化為 流水 此外 那些 由 川普 擁戴 讚揚 而 加速 重 啟 經濟 的 多數 南方 州 正 面臨 疫情 恐 失控 的 處境 但 報導 稱 已 共有 30 州 的 單日 新 確診 數 創下 新高 之際 川普 仍 活 在 自己 癡迷 於 政治 仇恨 的 泡泡 中 向 那些 很 少 討論 疫情 的 保守派 媒體 擁抱 取暖 隨 著 防疫 管制 放寬 反而 造成 美國 一連串 後續 衝擊 被 川普 視為 典範 的 德州 也 因 面臨單日 確診 以及 住院病人 數 創 新高 宣佈 暫停 重 啟 經濟 的 計畫 蘋果 避免 客戶 與 員工 受到 感染 暫時 關閉 了 在 德州 亞利桑那 佛羅里達 北卡羅來納 以及 南卡 羅萊納 等 州 內 的 直 營 店 原定 7 月 重新 開張 的 加州 迪士尼 也 宣佈 延期 另外 連 上周 參加 川普 造 勢 活動 的 工作人員 與 特勤局 員工 共 8 人 也 傳出 確診 另外 諸多 跡象 證明 川普 先前 聲稱 會 有 火箭 加速 般 的 經濟 復蘇 也 並未 正 在 實現 中 白宮 經濟 顧問 庫德洛 larry kudlow 25 日 表示 截至 年底 失業率 僅 會 略低於 10 也 就 是 川普 11 月 選舉 時 此 資料 仍 居高不下 而 美國 零售業 巨擘 梅西 百貨 macy&amp;apos s 也 於 25 日 宣佈 將 裁員 3900 名 員工 以 整頓 人事 降低 公司 成本 cnn 也 指出 對於 美國 確診 連連 攀升 川普 卻 一再 聲稱 是 美國 檢測 優於 全世界 其他 國家 但 他 近日 內 完全 忽略 了 疫情 與 病毒 存在 只在乎 對 那些 推倒 雕像 的 示威 份子 嗆 聲</t>
  </si>
  <si>
    <t>新冠病毒到底從何時開始傳播？美國學者以疫情相對和緩的加州為例認為早在去年秋天加州居民就已經暴露在新冠病毒的環境中部分人口有了抗體讓後來的疫情相對溫和。台灣也是這樣嗎？
史丹福大學胡佛研究所資深研究員韓森（Victor Davis Hanson）說去年秋天進入流感流行季時中美的往來航班仍如常頻繁加州的地理位置首當其衝「想想這個時間點和其他資訊說加州沒有暴露在新冠病毒風險裡就太天真。」
韓森分析美國開始進行大規模檢測之前加州灣區居民就已接觸到病毒部分人體也產生抗體從而延緩病毒的傳播。由於當時正值流感季新冠肺炎和流感的症狀有諸多類似之處造成診斷困難。美國疾管局CDC主任雷德菲爾德（Robert Redfield）3月就曾透露部分新冠肺炎患者有可能被誤診為流感而沒被納入新冠肺炎疫情的統計數字裡。
在官方的確診數字之外到底有多少人感染了新冠病毒？洛杉磯公衛部和南加大合作的抗體檢測研究日前公佈結果有41％的成人、相當於22萬～44萬的人口已經感染過新冠病毒比官方數字（1萬3千多人至21日為止）多出31倍。
早在4月初史丹福大學在舊金山聖塔克拉拉郡的3個灣區城市進行血液採樣檢測3千3百多名自願受試者的抗體結果也發現帶有新冠病毒抗體反應的人數比官方的確診病例要多出50～85倍。
歐洲國家進行的抗體檢測資料也都出現了共同的現象亦即實際的感染人數遠超過官方的確診數字。例如義大利羅比歐市1千多人的抗體檢測結果顯示感染率超過10％。在德國疫情嚴重的甘格爾特市則有近15％的感染率。
這些數字同時也透露新冠肺炎的致死率可能沒有原先預期地高以加州聖塔克拉拉為例致死率介於012％～02％之間。
英國《衛報（The Guardian）》報導有學者分析資料研判這些地區有可能早就出現初期的「群體免疫（herd immunity）」亦即一定數量的人口已具有抗體對病毒產生免疫作用。不過研究人員認為這項推論言之過早需要更多研究才能證實抗體的效用。
歐美國家將抗體檢測列入防疫措施做為解封的評估依據之一。加州大學柏克萊分校流行病學教授雷恩葛德（Arthur Reingold）提醒目前對於新冠病毒的抗體所知甚少居家隔離令也不宜貿然過早解除。「我們還無法確定抗體是否真能發揮保護作用、能持續多久。」
愈來愈多的研究顯示感染新冠病毒的人不少屬於症狀輕微或無症狀。病毒侵入人體之後啟動免疫系統需要一段時間才會產生抗體去中和（清除）病毒。在抗體還沒出現或抗體未完全清除病毒之前體內仍存有感染力的病毒。如果這些人沒有發病或症狀輕微到被忽略就會形成防疫的隱憂。
去年12月8日中國大陸宣佈第1起確診病例1個多月後的1月21日台灣也傳出第1例確診。台灣早早就啟動了邊境檢疫應變措施針對自武漢直航入境的班機進行登機檢疫。只是台灣和對岸在這段時間的往來仍密切頻繁這段時間病毒是否真的乖乖待在境外？
根據疾管署的資料從去年底到今年初台灣流感和肺炎的死亡率排名短短12週就有8週進入死亡人數最高的30週內。另外類流感的急診就診數歷年來排名前21週裡去年底到今年初就佔了10週。到底有多少人接觸了病毒？台灣會不會就像美國其實早就和新冠病毒為伍？在防疫仍需謹慎的時刻這些都等待解答。</t>
  </si>
  <si>
    <t>飛機坐哪個位子最不易染病？專家曝驚人資料</t>
  </si>
  <si>
    <t>國際貨幣基金組織（IMF）發言人Gerry Rice 27日表示迅速蔓延的新冠肺炎疫情將對全球經濟增長造成影響IMF可能因此下調其增長預估。
據路透報導IMF總裁格奧爾基耶娃22日在利雅德召開的20國集團（G20）財金領導人會議上警告預計將下調經濟成長預估。她在一份聲明中說預期新冠肺炎疫情可能會使大陸今年經濟增速降至56％較1月的預期下降04個百分點並使全球經濟增長下降01個百分點。
Gerry Rice表示可能下調全球經濟成長預估他補充在格奧爾基耶娃的聲明發表的資料外他沒有其他新的資料但他說隨著IMF準備在4月發布新的世界經濟展望更多細節將會浮出水面。
Gerry Rice說很明顯病毒將對經濟成長產生影響這在很大程度上取決於大陸和其他國家的復甦速度、溢出效應、對供應鏈的影響以及其他國家可能受到的影響嚴重程度。</t>
  </si>
  <si>
    <t>新冠變異株Omicron入侵台灣學界傾向認為Omicron更具傳染力但症狀較輕根據南非官方公開的資料近幾周來因新冠住院的患者中約有30%症狀嚴重重症率較當地先前幾波疫情少了一半南非當地醫生觀察到的現象也是O</t>
  </si>
  <si>
    <t>新冠變異株Omicron入侵台灣學界傾向認為Omicron更具傳染力但症狀較輕根據南非官方公開的資料近幾周來因新冠住院的患者中約有30%症狀嚴重重症率較當地先前幾波疫情少了一半南非當地醫生觀察到的現象也是Omicron的症狀較Delta輕微。
距離南非專家11月底警告全球出現可能更具傳染力的Omicron變異株以來至今已逾2周當地醫生先前觀察到Omicron更具傳染力但是患者症狀更輕微不過不少專家也警告目前都只是初步觀察病程要經過數周才會演變成重症。
美聯社報導儘管需要蒐集數周的資料才能確認Omicron的症狀更溫和不過至今2周南非當地醫生仍不斷看到類似的現象。
當地醫生皮萊（Unben Pillay）表示他平均每天為數十名新冠患者看診但至今未送任何人住院就醫這也是為什麼他同其他醫生一樣認為Omicron引發的症狀較Delta溫和。
他說這些患者都能在家中療養身體多數人能在10至14天的隔離期內康復當中也包含年長患者以及本身有疾病的重症高危險群。
美聯社指出根據南非國家傳染病研究所（National Institute for Communicable DiseasesNICD）公佈的資料近幾周來因為新冠肺炎住院的患者中約有30%病情嚴重重症率較當地前幾波疫情還少了一半。
患者的平均住院天數也較短前幾波疫情約長達8天不過此次疫情約只有28天。
住院患者中只有3%死亡遠低於前幾波疫情的20%死亡率。
南非非洲衛生研究所（Africa Health Research Institute）所長哈尼孔（Willem Hanekom）表示「現階段幾乎所有一切都指向它的症狀較輕。」不過他也強調目前距離疫情爆發只有2周還需要更多資料才能瞭解Omicron造成的住院率及死亡率。
南非人口最多的豪登省（Gauteng）在12月第一周新增病例激增400%當中90%都是Omicron變異株。
皮萊指出上一波Delta疫情下他的患者有呼吸困難及血氧濃度低等問題多數人在發病幾天內就需要住院但是他現在治療的患者症狀較輕比較像是流感症狀包括身體疼痛及咳嗽。
儘管症狀較輕但是南非當地新冠確診數仍暴增10日南非新增19萬人確診這波疫情初期平均單日確診數約為200人過去一個月來已經新增9萬人確診。
南非衛生部長法拉（Joe Phaahla）表示Omicron驅動這波疫情反撲至今全國約有70%的新病例為Omicron目前南非當地的新冠基本傳染數（reproduction rate又稱R值）為25是當地疫情以來最高。
南非公衛專家賈薩特（Waasila Jassat）指出南非病例激增前所未見不過住院患者中86%未打疫苗患者也多為年輕人高達2/3未滿40歲。</t>
  </si>
  <si>
    <t>因應新冠肺炎的人力缺口恆智重機致力於智慧機械的推動推出無人駕駛自動導引搬運車全台唯一自動初始定位搭配無偵測死角的3D LiDAR感測器自然導航定位精準度高讓搬運自動化、無人化節省搬運的耗時及人力的浪費。
今年更研發出「高速懸吊全電動拖板車」跟一般拖板車相比速度快50％可折式側保桿同時兼顧高速運作時的安全性是倉儲物流業者最佳的選擇。
恆智重機秉持「持續創新、客戶滿意」的理念配合一般客戶在進出封閉型塑膠棧板時的卡板或不易進出的痛點推出「懸浮型電動拖板車」當進出封閉型塑膠棧板時前方貨叉在降至最低時靠著貨叉尾端的導輪能使貨叉前端可懸臂式的進出封閉型塑膠棧板能有效解決客戶使用封閉型塑膠棧板時不易進出的困難點可適用建築業、倉儲業、物流業、食品業等有使用封閉型塑膠棧板進出需求的業者。
恆智重機董事長翟毓溶表示除了一般室內型自動導引無人駕駛電動拖板車以及自動導引無人駕駛電動堆高車適合戶外型自動導引搬運設備的無人駕駛電動拖車頭拖曳重量可達平地6噸的載重只要搭配磁條導引即可從倉庫區透過自動導引系統往返生產線榮獲自動導引電動拖板車台灣精品獎的獎項並拿下2019年中華民國國際工商經營研究社全國創新比賽製造科技類的第一名同時結合產、官、學方面的合作、整合導入中國生產力中心價值供應鏈系統結合供應鏈系統及雲端保養作業讓客戶管理及供應鏈管理透過雲端作業模式即可收集大資料資料透過線上發單、回復交期及客戶管理的智慧化生產模式讓恆智重機創新的團隊堅持公司理念可讓工廠物流搬運及客戶管理的工作輕鬆達到線上雲端智慧化的方式加速管理及搬運的效率。</t>
  </si>
  <si>
    <t>新冠肺炎治療與預防藥物的研發迫在眉睫。懷特生技(4108)旗下「懷特精製黃耆多醣研究中心」展開研發計畫與國立陽明大學黃奇英教授合作借重大資料資料庫和電腦軟體分析進一步驗證「黃耆多醣」、「新冠肺炎病毒」</t>
  </si>
  <si>
    <t>新冠肺炎治療與預防藥物的研發迫在眉睫。懷特生技(4108)旗下「懷特精製黃耆多醣研究中心」展開研發計畫與國立陽明大學黃奇英教授合作借重大資料資料庫和電腦軟體分析進一步驗證「黃耆多醣」、「新冠肺炎病毒」、「抑制病毒的基因片段」三者間關聯性並探討防止肺部纖維化發生的可能性期盼盡速研發出抗病毒藥物。
新冠肺炎具有高致病性與傳播性短期內引發全球大流行衝擊各國公衛體系此外患者痊癒後的後遺症也不容小覷。我國首例確診女台商痊癒後就出現肺纖維化症狀雖並非人人均有此症狀但肺纖維化通常不可逆避免發生就顯得相當重要。懷特生技總經理鄭建新博士指出「懷特精製黃耆多醣研究中心」現正啟動「黃耆多醣用於調控細胞因數風暴與肺部纖維化」研發計畫探討黃耆多醣的調節免疫反應作用應用在防止肺纖維化發生同時研究是否具阻斷新冠肺炎(COVID-19)惡化的作用。
此外依據精準醫學的概念「懷特精製黃耆多醣研究中心」利用大資料資料、電腦軟體分析與文獻回顧為立基推測出至少有4個可能用來抑制新冠肺炎病毒的小分子核酸(miRNA)且令人振奮的是透過用藥預測分析黃耆多醣與此4個小分子核酸關係密切有望透過誘發這些小分子核酸、降低病毒複製的能力達到抑制新冠肺炎惡化的結果。
懷特生技李伊伶執行董事表示傳統醫學認為黃耆除了能預防病毒感染治療多種病毒導致的呼吸道感染和肺炎也有助於病患康復；現正積極透過更多的研究來加以驗證期盼能盡速開發出治療與預防的有效藥物。</t>
  </si>
  <si>
    <t>經濟部資料公佈第1季我國受理3種專利申請合計17156件商標申請22385件雙雙成長各較上年同期增加3%及10%。本國人發明專利及商標申請件數均有2位數以上的成長率。台積電及高通再度分居本國人及外國人發明專利</t>
  </si>
  <si>
    <t>經濟部資料公佈第1季我國受理3種專利申請合計17156件商標申請22385件雙雙成長各較上年同期增加3%及10%。本國人發明專利及商標申請件數均有2位數以上的成長率。台積電及高通再度分居本國人及外國人發明專利申請之首台積電之件數更達到史上新高紀錄首季本國企業發明專利件數成長28%其中中小企業已連續12季呈現正成長整體而言110年第1季的智慧財產權趨勢表現亮眼。
經濟部資料顯示首季我國受理申請之三種專利件數中發明專利為11888件本國人及外國人件數均較上年同期增加尤其是本國人成長率達19%是整體發明專利成長的主要推力而其他專利則呈現下降趨勢。
首季我國企業整體發明專利申請3821件較上年同期增加28%於本國人發明專利總件數之占比亦上升至81%。大型企業與中小企業發明專利件數分別成長31%及16%；各季與去年同期相較中小企業已連續12季正成長在新冠疫情尚未平息下仍持續穩定成長。
申請人方面台積電(2330)發明專利申請678件除了創下單季申請件數最高紀錄也已連續8季位居本國人發明專利申請件數之首。另設計專利申請則以宏碁(2353)21件最多。</t>
  </si>
  <si>
    <t>總統蔡英文及副總統賴清德今天上午接種第二劑高端由於高端尚未有保護力資料加上指揮中心開放自費驗抗體外界好奇總統是否會在完整接種2劑高端後自驗抗體並公佈資料為國產疫苗增加信心對此指揮中心指揮官陳</t>
  </si>
  <si>
    <t>總統蔡英文及副總統賴清德今天上午接種第二劑高端由於高端尚未有保護力資料加上指揮中心開放自費驗抗體外界好奇總統是否會在完整接種2劑高端後自驗抗體並公佈資料為國產疫苗增加信心對此指揮中心指揮官陳時中表示如果總統要驗可以驗中和抗體但「意義不大」。
總統蔡英文及副總統賴清德今早7點左右至台大醫學院體育館接種第二劑高端疫苗但高端疫苗的保護力仍未知疫苗效力遭到質疑使得民眾紛紛去驗抗體瞭解昨(29日)網紅四叉貓公佈打第一劑高端一個月後的抗體資料與打2周相比IgG抗體從354提高到9075飆升25倍以上效果震驚眾人也讓外界好奇總統是否會考慮在完整接種2劑高端後自驗抗體並公佈資料增加國產疫苗信心。
對此陳時中 今天接受廣播節目採訪表示高端的抗體研究現在還在進行中如果總統要特別驗可以驗中和抗體才能代表疫苗保護力但他表示這樣做的意義不大。
陳時中強調高端的中和抗體表現絕對沒有問題確實公佈抗體數字能增加大家對高端的信心但這是科學的事情從單一個案的表現並不能代表整體。</t>
  </si>
  <si>
    <t>新北市COVID-19確診案例不斷攀升新北市政府為強化三級防疫繼板橋、中和、三重、新莊接連成立熱區防疫中心今（26）日永和、新店跟進成立防疫中心上午市長侯友宜前往2處視察呼籲民眾配合保持低度活動齊心對抗病毒。
侯友宜除視察熱區防疫中心作業情形也到附近賣場、餐飲店瞭解上班人潮與相關防疫措施。
侯友宜表示市府根據大資料分析找出熱區加強做熱區防疫中心從板橋、中和、新莊、三重今天又加了永和跟新店不管是區長、區公所的夥伴、裡長以及國軍單位、清潔隊、民政體系、員警同仁們全部總動員除了加強熱區清消外民眾也自動配合非必要的營業全部停止包括公園都被裡長封閉起來減少活動。
侯友宜說只要大家能夠保持低度活動希望市民們能夠配合加上全面大清消減少非必要營業場所這樣疫情就可以舒緩下來。</t>
  </si>
  <si>
    <t>隨著新冠肺炎疫情全球升溫台灣也連帶受到波及中央疫情指揮中心24日宣佈台灣新增20例病例皆為境外移入個案發病前分別在英國、愛爾蘭、義大利、土耳其、印尼、西班牙、法國、美國、泰國、德國、保加利和比利時等國有活動史。
台灣目前累計215人確診2人死亡確診案例中哪個年齡層發生機率比較最高？結果發現並非65歲以上的高年族群而是落在20至24歲發生率是每10萬人就有22人確診。
根據疾管署公佈的「全國嚴重特殊傳染性肺炎本土病例及境外移入病例年齡別發生率趨勢圖（2020年01至2020年13周)」統計發現發生率最高的落在20至24歲也就是每10萬人有22人第二高的為25到29歲每10萬人有181人第三高為30至34歲每10萬人有16人發生率前三高都是年輕族群。
至於被認為是新冠肺炎易感染對象的中高年齡族群55至59歲每10萬人發生率有11人60到64歲每10萬人發生率為055人65至69歲每10萬人發生率有045人70歲以上每10萬人發生率是055人。
若以「本土病例年齡別發生率趨勢圖」來看發生率最高為55至59歲每10萬人有038人次高25至29歲每10萬人有031人第三高為30到34歲每10萬人有025人。
若是「境外移入病例年齡別發生率趨勢圖」來看最高仍在20到24歲每10萬人有202人。第二高的為25到29歲之間每10萬人有15人第三高則是30到34歲每10萬人有136人。近來大量從國外返台民眾多是年輕人也跟統計資料呈現符合。</t>
  </si>
  <si>
    <t>阿斯特捷利康（AstraZeneca AZ）的新冠疫苗因為有罕見副作用血栓接連在世界各國核准與使用受阻。譬如日本剛核准AZ疫苗時就不讓其進入大規模接種計畫中丹麥在4月全面禁用 AZ 疫苗美國直至目前也還沒核准AZ疫苗。
而近期牛津大學一篇研究顯示COVID-19引發血栓的機率遠大於AZ疫苗指出施打疫苗的利大於弊有望平反 AZ 疫苗因血栓而來的負面形象。
近 3000 萬人的新冠副作用研究
牛津大學是 AZ 疫苗的開發單位之一不過研究指出作者獨立於 AZ 疫苗開發團隊不會影響研究內容。
研究分析近 3000 萬人資料分別為 1960 萬施打 1 劑 AZ 疫苗的人、951 萬施打 1 劑 BNT 疫苗的人還有 175 萬 COVID-19 確診者 3 個族群。
他們比較 3 個族群在接種或確診 28 日內出現血小板減少症（thrombocytopenia）、血栓栓塞事件（thromboembolic）、靜脈栓塞（venous thromboembolism）、動脈栓塞（arterial thromboembolism）的機率。而相關研究也發表於《British Medical Journal》期刊上。
●COVID-19 引發血栓機率遠超新冠疫苗
從結論來看研究結果共 2 大要點一是 AZ 與 BNT 新冠疫苗的確會增加血栓、中風等副作用的機率二是 COVID-19 產生副作用的機率遠比新冠疫苗來得高。
在每 1000 萬人中接種 AZ 疫苗增加了 107 個血小板減少症、66 個出現靜脈栓塞、7 個出現腦靜脈竇血栓（cerebral venous and sinus thrombosis CVST）案例接種 BNT 疫苗則增加 143 個缺血性中風（ischaemic stroke）案例。
但 COVID-19 卻新增 934 個血小板減少症、約 12 萬個靜脈栓塞、20 個 CVST 與近 1700 個缺血性中風案例。
換句話說施打 AZ 疫苗後血小板減少症​的發生率增加了 33%但感染 COVID-19 讓該疾病的發生率提升 527 倍。
另外施打 AZ 疫苗會增加靜脈栓塞的發生率 10%而感染 COVID-19 則讓該疾病的發生率提升 1386 倍。至於接種 BNT 疫苗該疫苗會增加約 6% 動脈栓塞的發生率而感染 COVID-19 卻會增加 102% 的比例。
這顯示了AZ 疫苗與 BNT 疫苗會使一些疾病的發生率上升但不打疫苗的患者卻得面對更高的風險所以儘管疫苗出現罕見副作用施打新冠疫苗仍是在疫情下保護自我的最佳解方。</t>
  </si>
  <si>
    <t>波羅的海國家立陶宛22日宣佈捐贈台灣2萬劑AZ疫苗預計9月底前配送讓外界好奇立陶宛本身擁有多少疫苗根據外媒報導立陶宛政府已經批准採購約1620萬劑疫苗目前超過34%人口已經完整接種疫苗預計9月可讓70%人口至少接種1劑疫苗立陶宛政府不只捐贈外國疫苗還打算讓觀光客打疫苗。
根據「波羅的海通訊社」（Baltic News Service）於2020年12月底的報導立國政府當時計畫採購約780萬劑疫苗政府官網提供給民眾的訊息也指出立陶宛將會收到超過700萬劑疫苗。
不過據波羅的海通訊社、Baltic News Network於今年6月中旬的報導立國政府目前已經批准採購總計達1620萬的疫苗劑量這些疫苗分佈8個廠牌分別為186萬劑AZ疫苗、70萬劑嬌生疫苗、506萬劑莫德納疫苗、9296萬劑輝瑞/BNT疫苗、633萬劑Novavax疫苗、150萬劑法國藥廠賽諾菲（Sanofi）與英國藥廠葛蘭素史克（GSK）合作研發的疫苗、138萬劑德國CureVac疫苗、以及372萬劑法國Valneva疫苗。
目前歐盟藥品管理局（European Medicines AgencyEMA）僅批准AZ、嬌生、莫德納、BNT等4款新冠疫苗的緊急使用授權德國CureVac疫苗的第3期臨床試驗期中報告更顯示保護效力僅達47%因此立陶宛未來實際能取得多少疫苗劑量也面臨變數。
■立陶宛已經有34%人口完整接種疫苗 民眾可選擇廠牌施打
據立陶宛政府官網統計截至26日人口約280萬的立陶宛目前已經收到超過254萬劑疫苗包括約1747萬劑BNT疫苗、487萬劑AZ疫苗、255萬劑莫德納疫苗及約52萬劑嬌生疫苗當中已經施打逾2155萬劑超過1226萬人至少接種過1劑疫苗佔總人口近44%974萬人已經完整接種疫苗佔比為348%。
根據政府官網介紹歐盟執委會（European Commission）會為所有歐盟會員國聯合採購疫苗採購的廠牌包含AZ、嬌生、輝瑞/BNT、莫德納、CureVac及賽諾菲/葛蘭素史克。波羅的海通訊社先前報導一直到2020年底立陶宛都還在向歐盟確定要購買多少劑疫苗。
取得疫苗後歐盟會根據各國人口等比例配發疫苗至各個會員國立陶宛是在去年12月底收到第一批BNT疫苗供醫護人員施打。
目前立陶宛境內一共有AZ、嬌生、BNT、莫德納等4個廠牌的疫苗供民眾施打今年第1季起優先讓醫護、前線工作人員、65歲以上長者接種疫苗隨著疫苗供貨穩定政府於5月10日起開放55歲以上民眾接種疫苗接下來每隔7天依序開放45歲、35歲以上人士接種並且提前自5月31日起推行大規模接種計畫16歲以上民眾都可接種疫苗。
官網指出各地方政府會主動通知現階段符合接種條件的民眾前往當地醫療機構免費施打疫苗自5月起民眾也可以透過撥打電話、全國統一預約網站預約接種時間具備永久居留身份以及有強制加入健保的外國人也可以接種疫苗。
民眾可以選擇接種疫苗的廠牌通常地方政府在通知接種疫苗時就會告知民眾可能會接種哪一支疫苗如果民眾不願接種這支疫苗當當地醫療機構有其他廠牌的疫苗可供施打時地方政府會再聯絡民眾前來施打。另外如果當地的疫苗接種站有不同的廠牌可供施打疫苗也沒有被保留起來讓接種第2劑的人優先施打民眾便可以直接選擇想要接種的廠牌。
■立陶宛也曾經歷AZ緩打潮
事實上立陶宛也曾經歷台灣目前面臨的長者緩打朝據立陶宛國家廣播電視台（Lithuanian National Radio and Television）、波羅的海通訊社報導今年春天AZ疫苗爆出血栓疑慮立陶宛長者拒打AZ疫苗寧願等莫德納、BNT疫苗導致AZ疫苗累積大量庫存雖然政府開放讓民眾挑選疫苗但實情是初期BNT、莫德納疫苗供貨不足許多地方接種單位只有AZ疫苗可以施打為瞭解決爭議加上新一批疫苗陸續到位政府才擴大提供接種站不同廠牌的疫苗讓民眾選擇同時也向下開放接種資格讓更多人施打AZ疫苗總統瑙塞達（​Gitanas Nausėda）、總理席莫尼特（Ingrida Simonyte）及各部首長、議員也公開接種AZ疫苗展現對AZ的信心。
立陶宛預計最快8月開放12歲以上青少年接種疫苗立陶宛電視台TV3報導立陶宛衛生部長杜爾基斯（Arunas Dulkys）21日表示如果疫苗施打率恢復到4月的水準最快9月就能讓全國70%人口至少接種1劑疫苗他說目前疫苗接種速率有下降趨勢因此政府正在考慮擴大設立疫苗接種中心在現場說服民眾來打疫苗。
不過疫苗接種率下降已經成為政府擔憂問題立陶宛總統瑙塞達顧問克雷普斯塔（Simonas Krėpšta）23日表示目前仍有數十萬劑疫苗尚未使用7月還會有另外100萬劑疫苗到位「我們有足夠的疫苗但沒有足夠的人來打。」他說還差36萬人才能達成70%人口至少施打1劑疫苗的目標。
■立陶宛擬擴大讓觀光客接種疫苗
有趣的是根據《波羅的海時報》（The Baltic Times）報導立陶宛經濟與創新部6月中提案擬擴大讓即將在立陶宛待超過1周的觀光客接種疫苗以及讓住在海外的立陶宛公民返國接種疫苗。
立陶宛經濟部副部長尤爾古蒂斯（Vincas Jurgutis）表示最大目的是要確保在立陶宛境內的人獲得最大保護如此才能控制疫情。他說這項提案在夏天尤其重要因為夏季會有更多人來到立陶宛「愈多人接種疫苗愈安全」「因此我們需要為那些待在立陶宛、且希望接種疫苗的人提供施打機會。」
不過尤爾古蒂斯也強調這項提案的重點並不是要發展疫苗觀光「不過如果有人因為那個更改計畫我們也不會覺得是大問題。」
■立陶宛曾經一天將近4000人確診 全國封鎖8個月
立陶宛26日新增44人確診及0例死亡案例據約翰霍普金斯大學（Johns Hopkins University）全球疫情統計至今立陶宛累計逾278萬人確診、逾4300人病歿。
根據世界實時統計資料Worldometer網站立陶宛第2波新冠疫情已有所趨緩4月底疫情最嚴重時單日確診數曾飆至1599例目前疫情已緩和。不過實際上2020年秋冬立陶宛曾經歷非常嚴峻的第1波疫情12月下旬單日確診數曾來到3928例每日確診人數破千的狀況幾乎維持了約3個月一直到今年1月下旬疫情才有趨緩跡象不過春季第2波疫情又起。
為了壓制疫情立陶宛從2020年11月7日起實施全國封鎖根據立國衛生部官網說明封鎖期間的隔離措施包括外出強制戴口罩戶外聚會人數上限為10人餐廳、咖啡店、酒吧等必須全數關閉但能提供外帶、戶外用餐、室內用餐能維持一桌上限2人者例外藝文活動也有人數上限。
立陶宛目前仍處在封鎖期間預計6月30日到期立國政府28日將研議30日封鎖期到期後是否放寬隔離措施。</t>
  </si>
  <si>
    <t>大陸湖北省衛生健康委員會今公佈昨天（11日）新增1638例新冠肺炎（俗稱武漢肺炎）確診病例創2月以來單日新增最少紀錄且是連兩天下降亦是自2月2日以來單日新增病例首度跌破2千似透露出湖北疫情已出現趨緩的訊號。
湖北省新冠肺炎確診病例目前累計達3萬3366例2月5日單日暴增3156例更一舉突破3千例門檻之後也維持每天新增2千多名確診病例的速度不斷累加直到昨天單日新增1638例創下2月以來增加最少紀錄且是連二天病例數減少。
除了湖北省新增病例數減少大陸其他各地的新冠肺炎新增病例數更連續7天下降從2月3日單日新增890例降至2月9日的443例。
對於確診資料的變化《中央社》報導上海華山醫院感染科主任、上海市新型冠狀病毒感染的肺炎醫療救治專家組組長張文宏在微信發文說目前看來湖北以外地區的新增病例轉折點似乎已經出現。</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 x14ac:knownFonts="1">
    <font>
      <sz val="11"/>
      <color indexed="8"/>
      <name val="新細明體"/>
      <family val="2"/>
      <scheme val="minor"/>
    </font>
    <font>
      <sz val="9"/>
      <name val="新細明體"/>
      <family val="3"/>
      <charset val="136"/>
      <scheme val="minor"/>
    </font>
    <font>
      <sz val="11"/>
      <color rgb="FF000000"/>
      <name val="新細明體"/>
      <family val="1"/>
      <charset val="136"/>
      <scheme val="minor"/>
    </font>
  </fonts>
  <fills count="3">
    <fill>
      <patternFill patternType="none"/>
    </fill>
    <fill>
      <patternFill patternType="gray125"/>
    </fill>
    <fill>
      <patternFill patternType="solid">
        <fgColor indexed="49"/>
      </patternFill>
    </fill>
  </fills>
  <borders count="1">
    <border>
      <left/>
      <right/>
      <top/>
      <bottom/>
      <diagonal/>
    </border>
  </borders>
  <cellStyleXfs count="1">
    <xf numFmtId="0" fontId="0" fillId="0" borderId="0">
      <alignment vertical="center"/>
    </xf>
  </cellStyleXfs>
  <cellXfs count="6">
    <xf numFmtId="0" fontId="0" fillId="0" borderId="0" xfId="0">
      <alignment vertical="center"/>
    </xf>
    <xf numFmtId="0" fontId="0" fillId="0" borderId="0" xfId="0" applyAlignment="1">
      <alignment horizontal="left" vertical="center"/>
    </xf>
    <xf numFmtId="1" fontId="0" fillId="0" borderId="0" xfId="0" applyNumberFormat="1" applyAlignment="1">
      <alignment horizontal="left" vertical="center"/>
    </xf>
    <xf numFmtId="0" fontId="0" fillId="2" borderId="0" xfId="0" applyFill="1" applyAlignment="1">
      <alignment horizontal="left" vertical="center"/>
    </xf>
    <xf numFmtId="0" fontId="0" fillId="0" borderId="0" xfId="0" applyAlignment="1">
      <alignment horizontal="left" vertical="center" wrapText="1"/>
    </xf>
    <xf numFmtId="0" fontId="2" fillId="0" borderId="0" xfId="0" applyFont="1" applyAlignment="1">
      <alignment horizontal="left" vertical="center" wrapText="1"/>
    </xf>
  </cellXfs>
  <cellStyles count="1">
    <cellStyle name="一般"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H27270"/>
  <sheetViews>
    <sheetView tabSelected="1" workbookViewId="0">
      <selection activeCell="B1" sqref="B1"/>
    </sheetView>
  </sheetViews>
  <sheetFormatPr defaultRowHeight="15.75" x14ac:dyDescent="0.25"/>
  <sheetData>
    <row r="1" spans="1:5" x14ac:dyDescent="0.25">
      <c r="A1" s="3" t="s">
        <v>63921</v>
      </c>
      <c r="B1" s="3" t="s">
        <v>63922</v>
      </c>
      <c r="C1" s="3" t="s">
        <v>4958</v>
      </c>
      <c r="D1" s="3" t="s">
        <v>4959</v>
      </c>
      <c r="E1" s="3" t="s">
        <v>4960</v>
      </c>
    </row>
    <row r="2" spans="1:5" x14ac:dyDescent="0.25">
      <c r="A2" s="2">
        <v>0</v>
      </c>
      <c r="B2" s="2">
        <v>0</v>
      </c>
      <c r="C2" s="1" t="s">
        <v>0</v>
      </c>
      <c r="D2" s="2">
        <v>152830</v>
      </c>
    </row>
    <row r="3" spans="1:5" x14ac:dyDescent="0.25">
      <c r="A3" s="1" t="s">
        <v>1</v>
      </c>
      <c r="B3" s="1" t="s">
        <v>58053</v>
      </c>
      <c r="C3" s="1" t="s">
        <v>13341</v>
      </c>
      <c r="D3" s="2">
        <v>152831</v>
      </c>
    </row>
    <row r="4" spans="1:5" x14ac:dyDescent="0.25">
      <c r="A4" s="1" t="s">
        <v>13342</v>
      </c>
      <c r="B4" s="1" t="s">
        <v>63864</v>
      </c>
      <c r="C4" s="1" t="s">
        <v>13343</v>
      </c>
      <c r="D4" s="2">
        <v>152832</v>
      </c>
    </row>
    <row r="5" spans="1:5" ht="409.5" x14ac:dyDescent="0.25">
      <c r="A5" s="4" t="s">
        <v>63923</v>
      </c>
      <c r="B5" s="1" t="s">
        <v>63865</v>
      </c>
      <c r="C5" s="1" t="s">
        <v>13344</v>
      </c>
      <c r="D5" s="2">
        <v>152833</v>
      </c>
    </row>
    <row r="6" spans="1:5" x14ac:dyDescent="0.25">
      <c r="A6" s="1" t="s">
        <v>13345</v>
      </c>
      <c r="B6" s="1" t="s">
        <v>51110</v>
      </c>
      <c r="C6" s="1" t="s">
        <v>13346</v>
      </c>
      <c r="D6" s="2">
        <v>152834</v>
      </c>
      <c r="E6" s="1" t="s">
        <v>0</v>
      </c>
    </row>
    <row r="7" spans="1:5" x14ac:dyDescent="0.25">
      <c r="A7" s="2">
        <v>1</v>
      </c>
      <c r="B7" s="2">
        <v>1</v>
      </c>
      <c r="C7" s="1" t="s">
        <v>0</v>
      </c>
      <c r="D7" s="2">
        <v>152835</v>
      </c>
      <c r="E7" s="1" t="s">
        <v>0</v>
      </c>
    </row>
    <row r="8" spans="1:5" x14ac:dyDescent="0.25">
      <c r="A8" s="1" t="s">
        <v>2</v>
      </c>
      <c r="B8" s="1" t="s">
        <v>58679</v>
      </c>
      <c r="C8" s="1" t="s">
        <v>13347</v>
      </c>
      <c r="D8" s="2">
        <v>152836</v>
      </c>
      <c r="E8" s="1" t="s">
        <v>0</v>
      </c>
    </row>
    <row r="9" spans="1:5" x14ac:dyDescent="0.25">
      <c r="A9" s="1" t="s">
        <v>13348</v>
      </c>
      <c r="B9" s="1" t="s">
        <v>61918</v>
      </c>
      <c r="C9" s="1" t="s">
        <v>13349</v>
      </c>
      <c r="D9" s="2">
        <v>152837</v>
      </c>
      <c r="E9" s="1" t="s">
        <v>0</v>
      </c>
    </row>
    <row r="10" spans="1:5" ht="409.5" x14ac:dyDescent="0.25">
      <c r="A10" s="4" t="s">
        <v>13350</v>
      </c>
      <c r="B10" s="1" t="s">
        <v>61919</v>
      </c>
      <c r="C10" s="1" t="s">
        <v>13351</v>
      </c>
      <c r="D10" s="2">
        <v>152838</v>
      </c>
      <c r="E10" s="1" t="s">
        <v>0</v>
      </c>
    </row>
    <row r="11" spans="1:5" x14ac:dyDescent="0.25">
      <c r="A11" s="1" t="s">
        <v>13352</v>
      </c>
      <c r="B11" s="1" t="s">
        <v>58680</v>
      </c>
      <c r="C11" s="1" t="s">
        <v>13353</v>
      </c>
      <c r="D11" s="2">
        <v>152839</v>
      </c>
      <c r="E11" s="1" t="s">
        <v>0</v>
      </c>
    </row>
    <row r="12" spans="1:5" x14ac:dyDescent="0.25">
      <c r="A12" s="2">
        <v>2</v>
      </c>
      <c r="B12" s="2">
        <v>2</v>
      </c>
      <c r="C12" s="1" t="s">
        <v>0</v>
      </c>
      <c r="D12" s="2">
        <v>152840</v>
      </c>
      <c r="E12" s="1" t="s">
        <v>0</v>
      </c>
    </row>
    <row r="13" spans="1:5" x14ac:dyDescent="0.25">
      <c r="A13" s="1" t="s">
        <v>3</v>
      </c>
      <c r="B13" s="1" t="s">
        <v>4961</v>
      </c>
      <c r="C13" s="1" t="s">
        <v>13354</v>
      </c>
      <c r="D13" s="2">
        <v>152841</v>
      </c>
      <c r="E13" s="1" t="s">
        <v>0</v>
      </c>
    </row>
    <row r="14" spans="1:5" x14ac:dyDescent="0.25">
      <c r="A14" s="1" t="s">
        <v>13355</v>
      </c>
      <c r="B14" s="1" t="s">
        <v>58898</v>
      </c>
      <c r="C14" s="1" t="s">
        <v>13356</v>
      </c>
      <c r="D14" s="2">
        <v>152842</v>
      </c>
      <c r="E14" s="1" t="s">
        <v>0</v>
      </c>
    </row>
    <row r="15" spans="1:5" ht="409.5" x14ac:dyDescent="0.25">
      <c r="A15" s="4" t="s">
        <v>13357</v>
      </c>
      <c r="B15" s="1" t="s">
        <v>58899</v>
      </c>
      <c r="C15" s="1" t="s">
        <v>13358</v>
      </c>
      <c r="D15" s="2">
        <v>152843</v>
      </c>
      <c r="E15" s="1" t="s">
        <v>0</v>
      </c>
    </row>
    <row r="16" spans="1:5" x14ac:dyDescent="0.25">
      <c r="A16" s="1" t="s">
        <v>13359</v>
      </c>
      <c r="B16" s="1" t="s">
        <v>58900</v>
      </c>
      <c r="C16" s="1" t="s">
        <v>13360</v>
      </c>
      <c r="D16" s="2">
        <v>152844</v>
      </c>
      <c r="E16" s="1" t="s">
        <v>0</v>
      </c>
    </row>
    <row r="17" spans="1:5" x14ac:dyDescent="0.25">
      <c r="A17" s="2">
        <v>3</v>
      </c>
      <c r="B17" s="2">
        <v>3</v>
      </c>
      <c r="C17" s="1" t="s">
        <v>0</v>
      </c>
      <c r="D17" s="2">
        <v>152845</v>
      </c>
      <c r="E17" s="1" t="s">
        <v>0</v>
      </c>
    </row>
    <row r="18" spans="1:5" x14ac:dyDescent="0.25">
      <c r="A18" s="1" t="s">
        <v>4</v>
      </c>
      <c r="B18" s="1" t="s">
        <v>4962</v>
      </c>
      <c r="C18" s="1" t="s">
        <v>13361</v>
      </c>
      <c r="D18" s="2">
        <v>152846</v>
      </c>
      <c r="E18" s="1" t="s">
        <v>0</v>
      </c>
    </row>
    <row r="19" spans="1:5" x14ac:dyDescent="0.25">
      <c r="A19" s="1" t="s">
        <v>13362</v>
      </c>
      <c r="B19" s="1" t="s">
        <v>50327</v>
      </c>
      <c r="C19" s="1" t="s">
        <v>13363</v>
      </c>
      <c r="D19" s="2">
        <v>152847</v>
      </c>
      <c r="E19" s="1" t="s">
        <v>0</v>
      </c>
    </row>
    <row r="20" spans="1:5" ht="409.5" x14ac:dyDescent="0.25">
      <c r="A20" s="4" t="s">
        <v>13364</v>
      </c>
      <c r="B20" s="1" t="s">
        <v>63160</v>
      </c>
      <c r="C20" s="1" t="s">
        <v>13365</v>
      </c>
      <c r="D20" s="2">
        <v>152848</v>
      </c>
      <c r="E20" s="1" t="s">
        <v>0</v>
      </c>
    </row>
    <row r="21" spans="1:5" x14ac:dyDescent="0.25">
      <c r="A21" s="1" t="s">
        <v>13366</v>
      </c>
      <c r="B21" s="1" t="s">
        <v>4963</v>
      </c>
      <c r="C21" s="1" t="s">
        <v>13367</v>
      </c>
      <c r="D21" s="2">
        <v>152849</v>
      </c>
      <c r="E21" s="1" t="s">
        <v>0</v>
      </c>
    </row>
    <row r="22" spans="1:5" x14ac:dyDescent="0.25">
      <c r="A22" s="2">
        <v>4</v>
      </c>
      <c r="B22" s="2">
        <v>4</v>
      </c>
      <c r="C22" s="1" t="s">
        <v>0</v>
      </c>
      <c r="D22" s="2">
        <v>152850</v>
      </c>
      <c r="E22" s="1" t="s">
        <v>0</v>
      </c>
    </row>
    <row r="23" spans="1:5" x14ac:dyDescent="0.25">
      <c r="A23" s="1" t="s">
        <v>5</v>
      </c>
      <c r="B23" s="1" t="s">
        <v>58681</v>
      </c>
      <c r="C23" s="1" t="s">
        <v>13368</v>
      </c>
      <c r="D23" s="2">
        <v>152851</v>
      </c>
      <c r="E23" s="1" t="s">
        <v>0</v>
      </c>
    </row>
    <row r="24" spans="1:5" x14ac:dyDescent="0.25">
      <c r="A24" s="1" t="s">
        <v>13369</v>
      </c>
      <c r="B24" s="1" t="s">
        <v>61920</v>
      </c>
      <c r="C24" s="1" t="s">
        <v>13370</v>
      </c>
      <c r="D24" s="2">
        <v>152852</v>
      </c>
      <c r="E24" s="1" t="s">
        <v>0</v>
      </c>
    </row>
    <row r="25" spans="1:5" ht="409.5" x14ac:dyDescent="0.25">
      <c r="A25" s="4" t="s">
        <v>13371</v>
      </c>
      <c r="B25" s="1" t="s">
        <v>61921</v>
      </c>
      <c r="C25" s="1" t="s">
        <v>13372</v>
      </c>
      <c r="D25" s="2">
        <v>152853</v>
      </c>
      <c r="E25" s="1" t="s">
        <v>0</v>
      </c>
    </row>
    <row r="26" spans="1:5" x14ac:dyDescent="0.25">
      <c r="A26" s="1" t="s">
        <v>13373</v>
      </c>
      <c r="B26" s="1" t="s">
        <v>58682</v>
      </c>
      <c r="C26" s="1" t="s">
        <v>13374</v>
      </c>
      <c r="D26" s="2">
        <v>152854</v>
      </c>
      <c r="E26" s="1" t="s">
        <v>0</v>
      </c>
    </row>
    <row r="27" spans="1:5" x14ac:dyDescent="0.25">
      <c r="A27" s="2">
        <v>5</v>
      </c>
      <c r="B27" s="2">
        <v>5</v>
      </c>
      <c r="C27" s="1" t="s">
        <v>0</v>
      </c>
      <c r="D27" s="2">
        <v>152855</v>
      </c>
      <c r="E27" s="1" t="s">
        <v>0</v>
      </c>
    </row>
    <row r="28" spans="1:5" x14ac:dyDescent="0.25">
      <c r="A28" s="1" t="s">
        <v>6</v>
      </c>
      <c r="B28" s="1" t="s">
        <v>4964</v>
      </c>
      <c r="C28" s="1" t="s">
        <v>13375</v>
      </c>
      <c r="D28" s="2">
        <v>152856</v>
      </c>
      <c r="E28" s="1" t="s">
        <v>0</v>
      </c>
    </row>
    <row r="29" spans="1:5" x14ac:dyDescent="0.25">
      <c r="A29" s="1" t="s">
        <v>13376</v>
      </c>
      <c r="B29" s="1" t="s">
        <v>51111</v>
      </c>
      <c r="C29" s="1" t="s">
        <v>13377</v>
      </c>
      <c r="D29" s="2">
        <v>152857</v>
      </c>
      <c r="E29" s="1" t="s">
        <v>0</v>
      </c>
    </row>
    <row r="30" spans="1:5" ht="409.5" x14ac:dyDescent="0.25">
      <c r="A30" s="4" t="s">
        <v>13378</v>
      </c>
      <c r="B30" s="1" t="s">
        <v>51112</v>
      </c>
      <c r="C30" s="1" t="s">
        <v>13379</v>
      </c>
      <c r="D30" s="2">
        <v>152858</v>
      </c>
      <c r="E30" s="1" t="s">
        <v>0</v>
      </c>
    </row>
    <row r="31" spans="1:5" x14ac:dyDescent="0.25">
      <c r="A31" s="1" t="s">
        <v>13380</v>
      </c>
      <c r="B31" s="1" t="s">
        <v>51113</v>
      </c>
      <c r="C31" s="1" t="s">
        <v>13381</v>
      </c>
      <c r="D31" s="2">
        <v>152859</v>
      </c>
      <c r="E31" s="1" t="s">
        <v>0</v>
      </c>
    </row>
    <row r="32" spans="1:5" x14ac:dyDescent="0.25">
      <c r="A32" s="2">
        <v>6</v>
      </c>
      <c r="B32" s="2">
        <v>6</v>
      </c>
      <c r="C32" s="1" t="s">
        <v>0</v>
      </c>
      <c r="D32" s="2">
        <v>152860</v>
      </c>
      <c r="E32" s="1" t="s">
        <v>0</v>
      </c>
    </row>
    <row r="33" spans="1:5" x14ac:dyDescent="0.25">
      <c r="A33" s="1" t="s">
        <v>7</v>
      </c>
      <c r="B33" s="1" t="s">
        <v>4965</v>
      </c>
      <c r="C33" s="1" t="s">
        <v>13382</v>
      </c>
      <c r="D33" s="2">
        <v>152861</v>
      </c>
      <c r="E33" s="1" t="s">
        <v>0</v>
      </c>
    </row>
    <row r="34" spans="1:5" x14ac:dyDescent="0.25">
      <c r="A34" s="1" t="s">
        <v>13383</v>
      </c>
      <c r="B34" s="1" t="s">
        <v>51114</v>
      </c>
      <c r="C34" s="1" t="s">
        <v>13384</v>
      </c>
      <c r="D34" s="2">
        <v>152862</v>
      </c>
      <c r="E34" s="1" t="s">
        <v>0</v>
      </c>
    </row>
    <row r="35" spans="1:5" ht="409.5" x14ac:dyDescent="0.25">
      <c r="A35" s="4" t="s">
        <v>13385</v>
      </c>
      <c r="B35" s="1" t="s">
        <v>51115</v>
      </c>
      <c r="C35" s="1" t="s">
        <v>13386</v>
      </c>
      <c r="D35" s="2">
        <v>152863</v>
      </c>
      <c r="E35" s="1" t="s">
        <v>0</v>
      </c>
    </row>
    <row r="36" spans="1:5" x14ac:dyDescent="0.25">
      <c r="A36" s="1" t="s">
        <v>13387</v>
      </c>
      <c r="B36" s="1" t="s">
        <v>57101</v>
      </c>
      <c r="C36" s="1" t="s">
        <v>13388</v>
      </c>
      <c r="D36" s="2">
        <v>152864</v>
      </c>
      <c r="E36" s="1" t="s">
        <v>0</v>
      </c>
    </row>
    <row r="37" spans="1:5" x14ac:dyDescent="0.25">
      <c r="A37" s="2">
        <v>7</v>
      </c>
      <c r="B37" s="2">
        <v>7</v>
      </c>
      <c r="C37" s="1" t="s">
        <v>0</v>
      </c>
      <c r="D37" s="2">
        <v>152865</v>
      </c>
      <c r="E37" s="1" t="s">
        <v>0</v>
      </c>
    </row>
    <row r="38" spans="1:5" x14ac:dyDescent="0.25">
      <c r="A38" s="1" t="s">
        <v>8</v>
      </c>
      <c r="B38" s="1" t="s">
        <v>4966</v>
      </c>
      <c r="C38" s="1" t="s">
        <v>13389</v>
      </c>
      <c r="D38" s="2">
        <v>152866</v>
      </c>
      <c r="E38" s="1" t="s">
        <v>0</v>
      </c>
    </row>
    <row r="39" spans="1:5" x14ac:dyDescent="0.25">
      <c r="A39" s="1" t="s">
        <v>13390</v>
      </c>
      <c r="B39" s="1" t="s">
        <v>60530</v>
      </c>
      <c r="C39" s="1" t="s">
        <v>13391</v>
      </c>
      <c r="D39" s="2">
        <v>152867</v>
      </c>
      <c r="E39" s="1" t="s">
        <v>0</v>
      </c>
    </row>
    <row r="40" spans="1:5" ht="409.5" x14ac:dyDescent="0.25">
      <c r="A40" s="4" t="s">
        <v>13392</v>
      </c>
      <c r="B40" s="1" t="s">
        <v>60684</v>
      </c>
      <c r="C40" s="1" t="s">
        <v>13393</v>
      </c>
      <c r="D40" s="2">
        <v>152868</v>
      </c>
      <c r="E40" s="1" t="s">
        <v>0</v>
      </c>
    </row>
    <row r="41" spans="1:5" x14ac:dyDescent="0.25">
      <c r="A41" s="1" t="s">
        <v>13394</v>
      </c>
      <c r="B41" s="1" t="s">
        <v>51116</v>
      </c>
      <c r="C41" s="1" t="s">
        <v>13395</v>
      </c>
      <c r="D41" s="2">
        <v>152869</v>
      </c>
      <c r="E41" s="1" t="s">
        <v>0</v>
      </c>
    </row>
    <row r="42" spans="1:5" x14ac:dyDescent="0.25">
      <c r="A42" s="2">
        <v>8</v>
      </c>
      <c r="B42" s="2">
        <v>8</v>
      </c>
      <c r="C42" s="1" t="s">
        <v>0</v>
      </c>
      <c r="D42" s="2">
        <v>152870</v>
      </c>
      <c r="E42" s="1" t="s">
        <v>0</v>
      </c>
    </row>
    <row r="43" spans="1:5" x14ac:dyDescent="0.25">
      <c r="A43" s="1" t="s">
        <v>9</v>
      </c>
      <c r="B43" s="1" t="s">
        <v>4967</v>
      </c>
      <c r="C43" s="1" t="s">
        <v>13396</v>
      </c>
      <c r="D43" s="2">
        <v>152871</v>
      </c>
      <c r="E43" s="1" t="s">
        <v>0</v>
      </c>
    </row>
    <row r="44" spans="1:5" x14ac:dyDescent="0.25">
      <c r="A44" s="1" t="s">
        <v>13397</v>
      </c>
      <c r="B44" s="1" t="s">
        <v>51117</v>
      </c>
      <c r="C44" s="1" t="s">
        <v>13398</v>
      </c>
      <c r="D44" s="2">
        <v>152872</v>
      </c>
      <c r="E44" s="1" t="s">
        <v>0</v>
      </c>
    </row>
    <row r="45" spans="1:5" ht="409.5" x14ac:dyDescent="0.25">
      <c r="A45" s="4" t="s">
        <v>13399</v>
      </c>
      <c r="B45" s="1" t="s">
        <v>51118</v>
      </c>
      <c r="C45" s="1" t="s">
        <v>13400</v>
      </c>
      <c r="D45" s="2">
        <v>152873</v>
      </c>
      <c r="E45" s="1" t="s">
        <v>0</v>
      </c>
    </row>
    <row r="46" spans="1:5" x14ac:dyDescent="0.25">
      <c r="A46" s="1" t="s">
        <v>13401</v>
      </c>
      <c r="B46" s="1" t="s">
        <v>60844</v>
      </c>
      <c r="C46" s="1" t="s">
        <v>13402</v>
      </c>
      <c r="D46" s="2">
        <v>152874</v>
      </c>
      <c r="E46" s="1" t="s">
        <v>0</v>
      </c>
    </row>
    <row r="47" spans="1:5" x14ac:dyDescent="0.25">
      <c r="A47" s="2">
        <v>9</v>
      </c>
      <c r="B47" s="2">
        <v>9</v>
      </c>
      <c r="C47" s="1" t="s">
        <v>0</v>
      </c>
      <c r="D47" s="2">
        <v>152875</v>
      </c>
      <c r="E47" s="1" t="s">
        <v>0</v>
      </c>
    </row>
    <row r="48" spans="1:5" x14ac:dyDescent="0.25">
      <c r="A48" s="1" t="s">
        <v>10</v>
      </c>
      <c r="B48" s="1" t="s">
        <v>4968</v>
      </c>
      <c r="C48" s="1" t="s">
        <v>13403</v>
      </c>
      <c r="D48" s="2">
        <v>152876</v>
      </c>
      <c r="E48" s="1" t="s">
        <v>0</v>
      </c>
    </row>
    <row r="49" spans="1:5" x14ac:dyDescent="0.25">
      <c r="A49" s="1" t="s">
        <v>63924</v>
      </c>
      <c r="B49" s="1" t="s">
        <v>51119</v>
      </c>
      <c r="C49" s="1" t="s">
        <v>13404</v>
      </c>
      <c r="D49" s="2">
        <v>152877</v>
      </c>
      <c r="E49" s="1" t="s">
        <v>0</v>
      </c>
    </row>
    <row r="50" spans="1:5" ht="409.5" x14ac:dyDescent="0.25">
      <c r="A50" s="4" t="s">
        <v>63925</v>
      </c>
      <c r="B50" s="1" t="s">
        <v>58956</v>
      </c>
      <c r="C50" s="1" t="s">
        <v>13405</v>
      </c>
      <c r="D50" s="2">
        <v>152878</v>
      </c>
      <c r="E50" s="1" t="s">
        <v>0</v>
      </c>
    </row>
    <row r="51" spans="1:5" x14ac:dyDescent="0.25">
      <c r="A51" s="1" t="s">
        <v>13406</v>
      </c>
      <c r="B51" s="1" t="s">
        <v>4969</v>
      </c>
      <c r="C51" s="1" t="s">
        <v>13407</v>
      </c>
      <c r="D51" s="2">
        <v>152879</v>
      </c>
      <c r="E51" s="1" t="s">
        <v>0</v>
      </c>
    </row>
    <row r="52" spans="1:5" x14ac:dyDescent="0.25">
      <c r="A52" s="2">
        <v>10</v>
      </c>
      <c r="B52" s="2">
        <v>10</v>
      </c>
      <c r="C52" s="1" t="s">
        <v>0</v>
      </c>
      <c r="D52" s="2">
        <v>152880</v>
      </c>
      <c r="E52" s="1" t="s">
        <v>0</v>
      </c>
    </row>
    <row r="53" spans="1:5" x14ac:dyDescent="0.25">
      <c r="A53" s="1" t="s">
        <v>11</v>
      </c>
      <c r="B53" s="1" t="s">
        <v>59710</v>
      </c>
      <c r="C53" s="1" t="s">
        <v>13408</v>
      </c>
      <c r="D53" s="2">
        <v>152881</v>
      </c>
      <c r="E53" s="1" t="s">
        <v>0</v>
      </c>
    </row>
    <row r="54" spans="1:5" x14ac:dyDescent="0.25">
      <c r="A54" s="1" t="s">
        <v>13409</v>
      </c>
      <c r="B54" s="1" t="s">
        <v>59533</v>
      </c>
      <c r="C54" s="1" t="s">
        <v>13410</v>
      </c>
      <c r="D54" s="2">
        <v>152882</v>
      </c>
      <c r="E54" s="1" t="s">
        <v>0</v>
      </c>
    </row>
    <row r="55" spans="1:5" ht="409.5" x14ac:dyDescent="0.25">
      <c r="A55" s="4" t="s">
        <v>13411</v>
      </c>
      <c r="B55" s="1" t="s">
        <v>60382</v>
      </c>
      <c r="C55" s="1" t="s">
        <v>13412</v>
      </c>
      <c r="D55" s="2">
        <v>152883</v>
      </c>
      <c r="E55" s="1" t="s">
        <v>0</v>
      </c>
    </row>
    <row r="56" spans="1:5" x14ac:dyDescent="0.25">
      <c r="A56" s="1" t="s">
        <v>13413</v>
      </c>
      <c r="B56" s="1" t="s">
        <v>60845</v>
      </c>
      <c r="C56" s="1" t="s">
        <v>13414</v>
      </c>
      <c r="D56" s="2">
        <v>152884</v>
      </c>
      <c r="E56" s="1" t="s">
        <v>0</v>
      </c>
    </row>
    <row r="57" spans="1:5" x14ac:dyDescent="0.25">
      <c r="A57" s="2">
        <v>11</v>
      </c>
      <c r="B57" s="2">
        <v>11</v>
      </c>
      <c r="C57" s="1" t="s">
        <v>0</v>
      </c>
      <c r="D57" s="2">
        <v>152885</v>
      </c>
      <c r="E57" s="1" t="s">
        <v>0</v>
      </c>
    </row>
    <row r="58" spans="1:5" x14ac:dyDescent="0.25">
      <c r="A58" s="1" t="s">
        <v>12</v>
      </c>
      <c r="B58" s="1" t="s">
        <v>4970</v>
      </c>
      <c r="C58" s="1" t="s">
        <v>13415</v>
      </c>
      <c r="D58" s="2">
        <v>152886</v>
      </c>
      <c r="E58" s="1" t="s">
        <v>0</v>
      </c>
    </row>
    <row r="59" spans="1:5" x14ac:dyDescent="0.25">
      <c r="A59" s="1" t="s">
        <v>13416</v>
      </c>
      <c r="B59" s="1" t="s">
        <v>57365</v>
      </c>
      <c r="C59" s="1" t="s">
        <v>13417</v>
      </c>
      <c r="D59" s="2">
        <v>152887</v>
      </c>
      <c r="E59" s="1" t="s">
        <v>0</v>
      </c>
    </row>
    <row r="60" spans="1:5" ht="409.5" x14ac:dyDescent="0.25">
      <c r="A60" s="4" t="s">
        <v>13418</v>
      </c>
      <c r="B60" s="1" t="s">
        <v>59534</v>
      </c>
      <c r="C60" s="1" t="s">
        <v>13419</v>
      </c>
      <c r="D60" s="2">
        <v>152888</v>
      </c>
      <c r="E60" s="1" t="s">
        <v>0</v>
      </c>
    </row>
    <row r="61" spans="1:5" x14ac:dyDescent="0.25">
      <c r="A61" s="1" t="s">
        <v>13420</v>
      </c>
      <c r="B61" s="1" t="s">
        <v>51120</v>
      </c>
      <c r="C61" s="1" t="s">
        <v>13421</v>
      </c>
      <c r="D61" s="2">
        <v>152889</v>
      </c>
      <c r="E61" s="1" t="s">
        <v>0</v>
      </c>
    </row>
    <row r="62" spans="1:5" x14ac:dyDescent="0.25">
      <c r="A62" s="2">
        <v>12</v>
      </c>
      <c r="B62" s="2">
        <v>12</v>
      </c>
      <c r="C62" s="1" t="s">
        <v>0</v>
      </c>
      <c r="D62" s="2">
        <v>152890</v>
      </c>
      <c r="E62" s="1" t="s">
        <v>0</v>
      </c>
    </row>
    <row r="63" spans="1:5" x14ac:dyDescent="0.25">
      <c r="A63" s="1" t="s">
        <v>13</v>
      </c>
      <c r="B63" s="1" t="s">
        <v>4971</v>
      </c>
      <c r="C63" s="1" t="s">
        <v>13422</v>
      </c>
      <c r="D63" s="2">
        <v>152891</v>
      </c>
      <c r="E63" s="1" t="s">
        <v>0</v>
      </c>
    </row>
    <row r="64" spans="1:5" x14ac:dyDescent="0.25">
      <c r="A64" s="1" t="s">
        <v>13423</v>
      </c>
      <c r="B64" s="1" t="s">
        <v>50328</v>
      </c>
      <c r="C64" s="1" t="s">
        <v>13424</v>
      </c>
      <c r="D64" s="2">
        <v>152892</v>
      </c>
      <c r="E64" s="1" t="s">
        <v>0</v>
      </c>
    </row>
    <row r="65" spans="1:5" ht="409.5" x14ac:dyDescent="0.25">
      <c r="A65" s="4" t="s">
        <v>13425</v>
      </c>
      <c r="B65" s="1" t="s">
        <v>50329</v>
      </c>
      <c r="C65" s="1" t="s">
        <v>13426</v>
      </c>
      <c r="D65" s="2">
        <v>152893</v>
      </c>
      <c r="E65" s="1" t="s">
        <v>0</v>
      </c>
    </row>
    <row r="66" spans="1:5" x14ac:dyDescent="0.25">
      <c r="A66" s="1" t="s">
        <v>13427</v>
      </c>
      <c r="B66" s="1" t="s">
        <v>4972</v>
      </c>
      <c r="C66" s="1" t="s">
        <v>13428</v>
      </c>
      <c r="D66" s="2">
        <v>152894</v>
      </c>
      <c r="E66" s="1" t="s">
        <v>0</v>
      </c>
    </row>
    <row r="67" spans="1:5" x14ac:dyDescent="0.25">
      <c r="A67" s="2">
        <v>13</v>
      </c>
      <c r="B67" s="2">
        <v>13</v>
      </c>
      <c r="C67" s="1" t="s">
        <v>0</v>
      </c>
      <c r="D67" s="2">
        <v>152895</v>
      </c>
      <c r="E67" s="1" t="s">
        <v>0</v>
      </c>
    </row>
    <row r="68" spans="1:5" x14ac:dyDescent="0.25">
      <c r="A68" s="1" t="s">
        <v>14</v>
      </c>
      <c r="B68" s="1" t="s">
        <v>4973</v>
      </c>
      <c r="C68" s="1" t="s">
        <v>13429</v>
      </c>
      <c r="D68" s="2">
        <v>152896</v>
      </c>
      <c r="E68" s="1" t="s">
        <v>0</v>
      </c>
    </row>
    <row r="69" spans="1:5" x14ac:dyDescent="0.25">
      <c r="A69" s="1" t="s">
        <v>13430</v>
      </c>
      <c r="B69" s="1" t="s">
        <v>59535</v>
      </c>
      <c r="C69" s="1" t="s">
        <v>13431</v>
      </c>
      <c r="D69" s="2">
        <v>152897</v>
      </c>
      <c r="E69" s="1" t="s">
        <v>0</v>
      </c>
    </row>
    <row r="70" spans="1:5" ht="409.5" x14ac:dyDescent="0.25">
      <c r="A70" s="4" t="s">
        <v>13432</v>
      </c>
      <c r="B70" s="1" t="s">
        <v>61922</v>
      </c>
      <c r="C70" s="1" t="s">
        <v>13433</v>
      </c>
      <c r="D70" s="2">
        <v>152898</v>
      </c>
      <c r="E70" s="1" t="s">
        <v>0</v>
      </c>
    </row>
    <row r="71" spans="1:5" x14ac:dyDescent="0.25">
      <c r="A71" s="1" t="s">
        <v>13434</v>
      </c>
      <c r="B71" s="1" t="s">
        <v>51121</v>
      </c>
      <c r="C71" s="1" t="s">
        <v>13435</v>
      </c>
      <c r="D71" s="2">
        <v>152899</v>
      </c>
      <c r="E71" s="1" t="s">
        <v>0</v>
      </c>
    </row>
    <row r="72" spans="1:5" x14ac:dyDescent="0.25">
      <c r="A72" s="2">
        <v>14</v>
      </c>
      <c r="B72" s="2">
        <v>14</v>
      </c>
      <c r="C72" s="1" t="s">
        <v>0</v>
      </c>
      <c r="D72" s="2">
        <v>152900</v>
      </c>
      <c r="E72" s="1" t="s">
        <v>0</v>
      </c>
    </row>
    <row r="73" spans="1:5" x14ac:dyDescent="0.25">
      <c r="A73" s="1" t="s">
        <v>15</v>
      </c>
      <c r="B73" s="1" t="s">
        <v>4974</v>
      </c>
      <c r="C73" s="1" t="s">
        <v>13436</v>
      </c>
      <c r="D73" s="2">
        <v>152901</v>
      </c>
      <c r="E73" s="1" t="s">
        <v>0</v>
      </c>
    </row>
    <row r="74" spans="1:5" x14ac:dyDescent="0.25">
      <c r="A74" s="1" t="s">
        <v>13437</v>
      </c>
      <c r="B74" s="1" t="s">
        <v>4975</v>
      </c>
      <c r="C74" s="1" t="s">
        <v>13438</v>
      </c>
      <c r="D74" s="2">
        <v>152902</v>
      </c>
      <c r="E74" s="1" t="s">
        <v>0</v>
      </c>
    </row>
    <row r="75" spans="1:5" ht="409.5" x14ac:dyDescent="0.25">
      <c r="A75" s="4" t="s">
        <v>13439</v>
      </c>
      <c r="B75" s="1" t="s">
        <v>4976</v>
      </c>
      <c r="C75" s="1" t="s">
        <v>13440</v>
      </c>
      <c r="D75" s="2">
        <v>152903</v>
      </c>
      <c r="E75" s="1" t="s">
        <v>0</v>
      </c>
    </row>
    <row r="76" spans="1:5" x14ac:dyDescent="0.25">
      <c r="A76" s="1" t="s">
        <v>13441</v>
      </c>
      <c r="B76" s="1" t="s">
        <v>4977</v>
      </c>
      <c r="C76" s="1" t="s">
        <v>13442</v>
      </c>
      <c r="D76" s="2">
        <v>152904</v>
      </c>
      <c r="E76" s="1" t="s">
        <v>0</v>
      </c>
    </row>
    <row r="77" spans="1:5" x14ac:dyDescent="0.25">
      <c r="A77" s="2">
        <v>15</v>
      </c>
      <c r="B77" s="2">
        <v>15</v>
      </c>
      <c r="C77" s="1" t="s">
        <v>0</v>
      </c>
      <c r="D77" s="2">
        <v>152905</v>
      </c>
      <c r="E77" s="1" t="s">
        <v>0</v>
      </c>
    </row>
    <row r="78" spans="1:5" x14ac:dyDescent="0.25">
      <c r="A78" s="1" t="s">
        <v>16</v>
      </c>
      <c r="B78" s="1" t="s">
        <v>4978</v>
      </c>
      <c r="C78" s="1" t="s">
        <v>13443</v>
      </c>
      <c r="D78" s="2">
        <v>152906</v>
      </c>
      <c r="E78" s="1" t="s">
        <v>0</v>
      </c>
    </row>
    <row r="79" spans="1:5" x14ac:dyDescent="0.25">
      <c r="A79" s="1" t="s">
        <v>13444</v>
      </c>
      <c r="B79" s="1" t="s">
        <v>13445</v>
      </c>
      <c r="C79" s="1" t="s">
        <v>13446</v>
      </c>
      <c r="D79" s="2">
        <v>152907</v>
      </c>
      <c r="E79" s="1" t="s">
        <v>0</v>
      </c>
    </row>
    <row r="80" spans="1:5" ht="409.5" x14ac:dyDescent="0.25">
      <c r="A80" s="4" t="s">
        <v>13447</v>
      </c>
      <c r="B80" s="1" t="s">
        <v>51122</v>
      </c>
      <c r="C80" s="1" t="s">
        <v>13448</v>
      </c>
      <c r="D80" s="2">
        <v>152908</v>
      </c>
      <c r="E80" s="1" t="s">
        <v>0</v>
      </c>
    </row>
    <row r="81" spans="1:5" x14ac:dyDescent="0.25">
      <c r="A81" s="1" t="s">
        <v>13449</v>
      </c>
      <c r="B81" s="1" t="s">
        <v>4979</v>
      </c>
      <c r="C81" s="1" t="s">
        <v>13450</v>
      </c>
      <c r="D81" s="2">
        <v>152909</v>
      </c>
      <c r="E81" s="1" t="s">
        <v>0</v>
      </c>
    </row>
    <row r="82" spans="1:5" x14ac:dyDescent="0.25">
      <c r="A82" s="2">
        <v>16</v>
      </c>
      <c r="B82" s="2">
        <v>16</v>
      </c>
      <c r="C82" s="1" t="s">
        <v>0</v>
      </c>
      <c r="D82" s="2">
        <v>152910</v>
      </c>
      <c r="E82" s="1" t="s">
        <v>0</v>
      </c>
    </row>
    <row r="83" spans="1:5" x14ac:dyDescent="0.25">
      <c r="A83" s="1" t="s">
        <v>17</v>
      </c>
      <c r="B83" s="1" t="s">
        <v>4980</v>
      </c>
      <c r="C83" s="1" t="s">
        <v>13451</v>
      </c>
      <c r="D83" s="2">
        <v>152911</v>
      </c>
      <c r="E83" s="1" t="s">
        <v>0</v>
      </c>
    </row>
    <row r="84" spans="1:5" x14ac:dyDescent="0.25">
      <c r="A84" s="1" t="s">
        <v>13452</v>
      </c>
      <c r="B84" s="1" t="s">
        <v>61923</v>
      </c>
      <c r="C84" s="1" t="s">
        <v>13453</v>
      </c>
      <c r="D84" s="2">
        <v>152912</v>
      </c>
      <c r="E84" s="1" t="s">
        <v>0</v>
      </c>
    </row>
    <row r="85" spans="1:5" ht="409.5" x14ac:dyDescent="0.25">
      <c r="A85" s="4" t="s">
        <v>13454</v>
      </c>
      <c r="B85" s="1" t="s">
        <v>61924</v>
      </c>
      <c r="C85" s="1" t="s">
        <v>13455</v>
      </c>
      <c r="D85" s="2">
        <v>152913</v>
      </c>
      <c r="E85" s="1" t="s">
        <v>0</v>
      </c>
    </row>
    <row r="86" spans="1:5" x14ac:dyDescent="0.25">
      <c r="A86" s="1" t="s">
        <v>13456</v>
      </c>
      <c r="B86" s="1" t="s">
        <v>51123</v>
      </c>
      <c r="C86" s="1" t="s">
        <v>13457</v>
      </c>
      <c r="D86" s="2">
        <v>152914</v>
      </c>
      <c r="E86" s="1" t="s">
        <v>0</v>
      </c>
    </row>
    <row r="87" spans="1:5" x14ac:dyDescent="0.25">
      <c r="A87" s="2">
        <v>17</v>
      </c>
      <c r="B87" s="2">
        <v>17</v>
      </c>
      <c r="C87" s="1" t="s">
        <v>0</v>
      </c>
      <c r="D87" s="2">
        <v>152915</v>
      </c>
      <c r="E87" s="1" t="s">
        <v>0</v>
      </c>
    </row>
    <row r="88" spans="1:5" x14ac:dyDescent="0.25">
      <c r="A88" s="1" t="s">
        <v>18</v>
      </c>
      <c r="B88" s="1" t="s">
        <v>4981</v>
      </c>
      <c r="C88" s="1" t="s">
        <v>13458</v>
      </c>
      <c r="D88" s="2">
        <v>152916</v>
      </c>
      <c r="E88" s="1" t="s">
        <v>0</v>
      </c>
    </row>
    <row r="89" spans="1:5" x14ac:dyDescent="0.25">
      <c r="A89" s="1" t="s">
        <v>13459</v>
      </c>
      <c r="B89" s="1" t="s">
        <v>50330</v>
      </c>
      <c r="C89" s="1" t="s">
        <v>13460</v>
      </c>
      <c r="D89" s="2">
        <v>152917</v>
      </c>
      <c r="E89" s="1" t="s">
        <v>0</v>
      </c>
    </row>
    <row r="90" spans="1:5" ht="409.5" x14ac:dyDescent="0.25">
      <c r="A90" s="4" t="s">
        <v>13461</v>
      </c>
      <c r="B90" s="1" t="s">
        <v>50331</v>
      </c>
      <c r="C90" s="1" t="s">
        <v>13462</v>
      </c>
      <c r="D90" s="2">
        <v>152918</v>
      </c>
      <c r="E90" s="1" t="s">
        <v>0</v>
      </c>
    </row>
    <row r="91" spans="1:5" x14ac:dyDescent="0.25">
      <c r="A91" s="1" t="s">
        <v>13463</v>
      </c>
      <c r="B91" s="1" t="s">
        <v>51124</v>
      </c>
      <c r="C91" s="1" t="s">
        <v>13464</v>
      </c>
      <c r="D91" s="2">
        <v>152919</v>
      </c>
      <c r="E91" s="1" t="s">
        <v>0</v>
      </c>
    </row>
    <row r="92" spans="1:5" x14ac:dyDescent="0.25">
      <c r="A92" s="2">
        <v>18</v>
      </c>
      <c r="B92" s="2">
        <v>18</v>
      </c>
      <c r="C92" s="1" t="s">
        <v>0</v>
      </c>
      <c r="D92" s="2">
        <v>152920</v>
      </c>
      <c r="E92" s="1" t="s">
        <v>0</v>
      </c>
    </row>
    <row r="93" spans="1:5" x14ac:dyDescent="0.25">
      <c r="A93" s="1" t="s">
        <v>19</v>
      </c>
      <c r="B93" s="1" t="s">
        <v>4982</v>
      </c>
      <c r="C93" s="1" t="s">
        <v>13465</v>
      </c>
      <c r="D93" s="2">
        <v>152921</v>
      </c>
      <c r="E93" s="1" t="s">
        <v>0</v>
      </c>
    </row>
    <row r="94" spans="1:5" x14ac:dyDescent="0.25">
      <c r="A94" s="1" t="s">
        <v>13466</v>
      </c>
      <c r="B94" s="1" t="s">
        <v>4983</v>
      </c>
      <c r="C94" s="1" t="s">
        <v>13467</v>
      </c>
      <c r="D94" s="2">
        <v>152922</v>
      </c>
      <c r="E94" s="1" t="s">
        <v>0</v>
      </c>
    </row>
    <row r="95" spans="1:5" ht="409.5" x14ac:dyDescent="0.25">
      <c r="A95" s="4" t="s">
        <v>13468</v>
      </c>
      <c r="B95" s="1" t="s">
        <v>57688</v>
      </c>
      <c r="C95" s="1" t="s">
        <v>13469</v>
      </c>
      <c r="D95" s="2">
        <v>152923</v>
      </c>
      <c r="E95" s="1" t="s">
        <v>0</v>
      </c>
    </row>
    <row r="96" spans="1:5" x14ac:dyDescent="0.25">
      <c r="A96" s="1" t="s">
        <v>13470</v>
      </c>
      <c r="B96" s="1" t="s">
        <v>4984</v>
      </c>
      <c r="C96" s="1" t="s">
        <v>13471</v>
      </c>
      <c r="D96" s="2">
        <v>152924</v>
      </c>
      <c r="E96" s="1" t="s">
        <v>0</v>
      </c>
    </row>
    <row r="97" spans="1:5" x14ac:dyDescent="0.25">
      <c r="A97" s="2">
        <v>19</v>
      </c>
      <c r="B97" s="2">
        <v>19</v>
      </c>
      <c r="C97" s="1" t="s">
        <v>0</v>
      </c>
      <c r="D97" s="2">
        <v>152925</v>
      </c>
      <c r="E97" s="1" t="s">
        <v>0</v>
      </c>
    </row>
    <row r="98" spans="1:5" x14ac:dyDescent="0.25">
      <c r="A98" s="1" t="s">
        <v>20</v>
      </c>
      <c r="B98" s="1" t="s">
        <v>4985</v>
      </c>
      <c r="C98" s="1" t="s">
        <v>13472</v>
      </c>
      <c r="D98" s="2">
        <v>152926</v>
      </c>
      <c r="E98" s="1" t="s">
        <v>0</v>
      </c>
    </row>
    <row r="99" spans="1:5" x14ac:dyDescent="0.25">
      <c r="A99" s="1" t="s">
        <v>13473</v>
      </c>
      <c r="B99" s="1" t="s">
        <v>51125</v>
      </c>
      <c r="C99" s="1" t="s">
        <v>13474</v>
      </c>
      <c r="D99" s="2">
        <v>152927</v>
      </c>
      <c r="E99" s="1" t="s">
        <v>0</v>
      </c>
    </row>
    <row r="100" spans="1:5" ht="409.5" x14ac:dyDescent="0.25">
      <c r="A100" s="4" t="s">
        <v>13475</v>
      </c>
      <c r="B100" s="1" t="s">
        <v>58957</v>
      </c>
      <c r="C100" s="1" t="s">
        <v>13476</v>
      </c>
      <c r="D100" s="2">
        <v>152928</v>
      </c>
      <c r="E100" s="1" t="s">
        <v>0</v>
      </c>
    </row>
    <row r="101" spans="1:5" x14ac:dyDescent="0.25">
      <c r="A101" s="1" t="s">
        <v>13477</v>
      </c>
      <c r="B101" s="1" t="s">
        <v>4986</v>
      </c>
      <c r="C101" s="1" t="s">
        <v>13478</v>
      </c>
      <c r="D101" s="2">
        <v>152929</v>
      </c>
      <c r="E101" s="1" t="s">
        <v>0</v>
      </c>
    </row>
    <row r="102" spans="1:5" x14ac:dyDescent="0.25">
      <c r="A102" s="2">
        <v>20</v>
      </c>
      <c r="B102" s="2">
        <v>20</v>
      </c>
      <c r="C102" s="1" t="s">
        <v>0</v>
      </c>
      <c r="D102" s="2">
        <v>152930</v>
      </c>
      <c r="E102" s="1" t="s">
        <v>0</v>
      </c>
    </row>
    <row r="103" spans="1:5" x14ac:dyDescent="0.25">
      <c r="A103" s="1" t="s">
        <v>21</v>
      </c>
      <c r="B103" s="1" t="s">
        <v>4987</v>
      </c>
      <c r="C103" s="1" t="s">
        <v>13479</v>
      </c>
      <c r="D103" s="2">
        <v>152931</v>
      </c>
      <c r="E103" s="1" t="s">
        <v>0</v>
      </c>
    </row>
    <row r="104" spans="1:5" x14ac:dyDescent="0.25">
      <c r="A104" s="1" t="s">
        <v>13480</v>
      </c>
      <c r="B104" s="1" t="s">
        <v>4988</v>
      </c>
      <c r="C104" s="1" t="s">
        <v>13481</v>
      </c>
      <c r="D104" s="2">
        <v>152932</v>
      </c>
      <c r="E104" s="1" t="s">
        <v>0</v>
      </c>
    </row>
    <row r="105" spans="1:5" ht="409.5" x14ac:dyDescent="0.25">
      <c r="A105" s="4" t="s">
        <v>13482</v>
      </c>
      <c r="B105" s="1" t="s">
        <v>4989</v>
      </c>
      <c r="C105" s="1" t="s">
        <v>13483</v>
      </c>
      <c r="D105" s="2">
        <v>152933</v>
      </c>
      <c r="E105" s="1" t="s">
        <v>0</v>
      </c>
    </row>
    <row r="106" spans="1:5" x14ac:dyDescent="0.25">
      <c r="A106" s="1" t="s">
        <v>13484</v>
      </c>
      <c r="B106" s="1" t="s">
        <v>51126</v>
      </c>
      <c r="C106" s="1" t="s">
        <v>13485</v>
      </c>
      <c r="D106" s="2">
        <v>152934</v>
      </c>
      <c r="E106" s="1" t="s">
        <v>0</v>
      </c>
    </row>
    <row r="107" spans="1:5" x14ac:dyDescent="0.25">
      <c r="A107" s="2">
        <v>21</v>
      </c>
      <c r="B107" s="2">
        <v>21</v>
      </c>
      <c r="C107" s="1" t="s">
        <v>0</v>
      </c>
      <c r="D107" s="2">
        <v>152935</v>
      </c>
      <c r="E107" s="1" t="s">
        <v>0</v>
      </c>
    </row>
    <row r="108" spans="1:5" x14ac:dyDescent="0.25">
      <c r="A108" s="1" t="s">
        <v>22</v>
      </c>
      <c r="B108" s="1" t="s">
        <v>4990</v>
      </c>
      <c r="C108" s="1" t="s">
        <v>13486</v>
      </c>
      <c r="D108" s="2">
        <v>152936</v>
      </c>
      <c r="E108" s="1" t="s">
        <v>0</v>
      </c>
    </row>
    <row r="109" spans="1:5" x14ac:dyDescent="0.25">
      <c r="A109" s="1" t="s">
        <v>13487</v>
      </c>
      <c r="B109" s="1" t="s">
        <v>51127</v>
      </c>
      <c r="C109" s="1" t="s">
        <v>13488</v>
      </c>
      <c r="D109" s="2">
        <v>152937</v>
      </c>
      <c r="E109" s="1" t="s">
        <v>0</v>
      </c>
    </row>
    <row r="110" spans="1:5" ht="409.5" x14ac:dyDescent="0.25">
      <c r="A110" s="4" t="s">
        <v>13489</v>
      </c>
      <c r="B110" s="1" t="s">
        <v>51128</v>
      </c>
      <c r="C110" s="1" t="s">
        <v>13490</v>
      </c>
      <c r="D110" s="2">
        <v>152938</v>
      </c>
      <c r="E110" s="1" t="s">
        <v>0</v>
      </c>
    </row>
    <row r="111" spans="1:5" x14ac:dyDescent="0.25">
      <c r="A111" s="1" t="s">
        <v>13491</v>
      </c>
      <c r="B111" s="1" t="s">
        <v>57102</v>
      </c>
      <c r="C111" s="1" t="s">
        <v>13492</v>
      </c>
      <c r="D111" s="2">
        <v>152939</v>
      </c>
      <c r="E111" s="1" t="s">
        <v>0</v>
      </c>
    </row>
    <row r="112" spans="1:5" x14ac:dyDescent="0.25">
      <c r="A112" s="2">
        <v>22</v>
      </c>
      <c r="B112" s="2">
        <v>22</v>
      </c>
      <c r="C112" s="1" t="s">
        <v>0</v>
      </c>
      <c r="D112" s="2">
        <v>152940</v>
      </c>
      <c r="E112" s="1" t="s">
        <v>0</v>
      </c>
    </row>
    <row r="113" spans="1:5" x14ac:dyDescent="0.25">
      <c r="A113" s="1" t="s">
        <v>23</v>
      </c>
      <c r="B113" s="1" t="s">
        <v>4991</v>
      </c>
      <c r="C113" s="1" t="s">
        <v>13493</v>
      </c>
      <c r="D113" s="2">
        <v>152941</v>
      </c>
      <c r="E113" s="1" t="s">
        <v>0</v>
      </c>
    </row>
    <row r="114" spans="1:5" x14ac:dyDescent="0.25">
      <c r="A114" s="1" t="s">
        <v>13494</v>
      </c>
      <c r="B114" s="1" t="s">
        <v>57689</v>
      </c>
      <c r="C114" s="1" t="s">
        <v>13495</v>
      </c>
      <c r="D114" s="2">
        <v>152942</v>
      </c>
      <c r="E114" s="1" t="s">
        <v>0</v>
      </c>
    </row>
    <row r="115" spans="1:5" ht="409.5" x14ac:dyDescent="0.25">
      <c r="A115" s="4" t="s">
        <v>13496</v>
      </c>
      <c r="B115" s="1" t="s">
        <v>57690</v>
      </c>
      <c r="C115" s="1" t="s">
        <v>13497</v>
      </c>
      <c r="D115" s="2">
        <v>152943</v>
      </c>
      <c r="E115" s="1" t="s">
        <v>0</v>
      </c>
    </row>
    <row r="116" spans="1:5" x14ac:dyDescent="0.25">
      <c r="A116" s="1" t="s">
        <v>13498</v>
      </c>
      <c r="B116" s="1" t="s">
        <v>57103</v>
      </c>
      <c r="C116" s="1" t="s">
        <v>13499</v>
      </c>
      <c r="D116" s="2">
        <v>152944</v>
      </c>
      <c r="E116" s="1" t="s">
        <v>0</v>
      </c>
    </row>
    <row r="117" spans="1:5" x14ac:dyDescent="0.25">
      <c r="A117" s="2">
        <v>23</v>
      </c>
      <c r="B117" s="2">
        <v>23</v>
      </c>
      <c r="C117" s="1" t="s">
        <v>0</v>
      </c>
      <c r="D117" s="2">
        <v>152945</v>
      </c>
      <c r="E117" s="1" t="s">
        <v>0</v>
      </c>
    </row>
    <row r="118" spans="1:5" x14ac:dyDescent="0.25">
      <c r="A118" s="1" t="s">
        <v>24</v>
      </c>
      <c r="B118" s="1" t="s">
        <v>4992</v>
      </c>
      <c r="C118" s="1" t="s">
        <v>13500</v>
      </c>
      <c r="D118" s="2">
        <v>152946</v>
      </c>
      <c r="E118" s="1" t="s">
        <v>0</v>
      </c>
    </row>
    <row r="119" spans="1:5" x14ac:dyDescent="0.25">
      <c r="A119" s="1" t="s">
        <v>13501</v>
      </c>
      <c r="B119" s="1" t="s">
        <v>61925</v>
      </c>
      <c r="C119" s="1" t="s">
        <v>13502</v>
      </c>
      <c r="D119" s="2">
        <v>152947</v>
      </c>
      <c r="E119" s="1" t="s">
        <v>0</v>
      </c>
    </row>
    <row r="120" spans="1:5" ht="409.5" x14ac:dyDescent="0.25">
      <c r="A120" s="4" t="s">
        <v>13503</v>
      </c>
      <c r="B120" s="1" t="s">
        <v>61926</v>
      </c>
      <c r="C120" s="1" t="s">
        <v>13504</v>
      </c>
      <c r="D120" s="2">
        <v>152948</v>
      </c>
      <c r="E120" s="1" t="s">
        <v>0</v>
      </c>
    </row>
    <row r="121" spans="1:5" x14ac:dyDescent="0.25">
      <c r="A121" s="1" t="s">
        <v>13505</v>
      </c>
      <c r="B121" s="1" t="s">
        <v>51129</v>
      </c>
      <c r="C121" s="1" t="s">
        <v>13506</v>
      </c>
      <c r="D121" s="2">
        <v>152949</v>
      </c>
      <c r="E121" s="1" t="s">
        <v>0</v>
      </c>
    </row>
    <row r="122" spans="1:5" x14ac:dyDescent="0.25">
      <c r="A122" s="2">
        <v>24</v>
      </c>
      <c r="B122" s="2">
        <v>24</v>
      </c>
      <c r="C122" s="1" t="s">
        <v>0</v>
      </c>
      <c r="D122" s="2">
        <v>152950</v>
      </c>
      <c r="E122" s="1" t="s">
        <v>0</v>
      </c>
    </row>
    <row r="123" spans="1:5" x14ac:dyDescent="0.25">
      <c r="A123" s="1" t="s">
        <v>25</v>
      </c>
      <c r="B123" s="1" t="s">
        <v>4993</v>
      </c>
      <c r="C123" s="1" t="s">
        <v>13507</v>
      </c>
      <c r="D123" s="2">
        <v>152951</v>
      </c>
      <c r="E123" s="1" t="s">
        <v>0</v>
      </c>
    </row>
    <row r="124" spans="1:5" x14ac:dyDescent="0.25">
      <c r="A124" s="1" t="s">
        <v>13508</v>
      </c>
      <c r="B124" s="1" t="s">
        <v>51130</v>
      </c>
      <c r="C124" s="1" t="s">
        <v>13509</v>
      </c>
      <c r="D124" s="2">
        <v>152952</v>
      </c>
      <c r="E124" s="1" t="s">
        <v>0</v>
      </c>
    </row>
    <row r="125" spans="1:5" ht="409.5" x14ac:dyDescent="0.25">
      <c r="A125" s="4" t="s">
        <v>13510</v>
      </c>
      <c r="B125" s="1" t="s">
        <v>60383</v>
      </c>
      <c r="C125" s="1" t="s">
        <v>13511</v>
      </c>
      <c r="D125" s="2">
        <v>152953</v>
      </c>
      <c r="E125" s="1" t="s">
        <v>0</v>
      </c>
    </row>
    <row r="126" spans="1:5" x14ac:dyDescent="0.25">
      <c r="A126" s="1" t="s">
        <v>13512</v>
      </c>
      <c r="B126" s="1" t="s">
        <v>51131</v>
      </c>
      <c r="C126" s="1" t="s">
        <v>13513</v>
      </c>
      <c r="D126" s="2">
        <v>152954</v>
      </c>
      <c r="E126" s="1" t="s">
        <v>0</v>
      </c>
    </row>
    <row r="127" spans="1:5" x14ac:dyDescent="0.25">
      <c r="A127" s="2">
        <v>25</v>
      </c>
      <c r="B127" s="2">
        <v>25</v>
      </c>
      <c r="C127" s="1" t="s">
        <v>0</v>
      </c>
      <c r="D127" s="2">
        <v>152955</v>
      </c>
      <c r="E127" s="1" t="s">
        <v>0</v>
      </c>
    </row>
    <row r="128" spans="1:5" x14ac:dyDescent="0.25">
      <c r="A128" s="1" t="s">
        <v>26</v>
      </c>
      <c r="B128" s="1" t="s">
        <v>50332</v>
      </c>
      <c r="C128" s="1" t="s">
        <v>13514</v>
      </c>
      <c r="D128" s="2">
        <v>152956</v>
      </c>
      <c r="E128" s="1" t="s">
        <v>0</v>
      </c>
    </row>
    <row r="129" spans="1:5" x14ac:dyDescent="0.25">
      <c r="A129" s="1" t="s">
        <v>13515</v>
      </c>
      <c r="B129" s="1" t="s">
        <v>51132</v>
      </c>
      <c r="C129" s="1" t="s">
        <v>13516</v>
      </c>
      <c r="D129" s="2">
        <v>152957</v>
      </c>
      <c r="E129" s="1" t="s">
        <v>0</v>
      </c>
    </row>
    <row r="130" spans="1:5" ht="409.5" x14ac:dyDescent="0.25">
      <c r="A130" s="4" t="s">
        <v>13517</v>
      </c>
      <c r="B130" s="1" t="s">
        <v>63161</v>
      </c>
      <c r="C130" s="1" t="s">
        <v>13518</v>
      </c>
      <c r="D130" s="2">
        <v>152958</v>
      </c>
      <c r="E130" s="1" t="s">
        <v>0</v>
      </c>
    </row>
    <row r="131" spans="1:5" x14ac:dyDescent="0.25">
      <c r="A131" s="1" t="s">
        <v>13519</v>
      </c>
      <c r="B131" s="1" t="s">
        <v>60846</v>
      </c>
      <c r="C131" s="1" t="s">
        <v>13520</v>
      </c>
      <c r="D131" s="2">
        <v>152959</v>
      </c>
      <c r="E131" s="1" t="s">
        <v>0</v>
      </c>
    </row>
    <row r="132" spans="1:5" x14ac:dyDescent="0.25">
      <c r="A132" s="2">
        <v>26</v>
      </c>
      <c r="B132" s="2">
        <v>26</v>
      </c>
      <c r="C132" s="1" t="s">
        <v>0</v>
      </c>
      <c r="D132" s="2">
        <v>152960</v>
      </c>
      <c r="E132" s="1" t="s">
        <v>0</v>
      </c>
    </row>
    <row r="133" spans="1:5" x14ac:dyDescent="0.25">
      <c r="A133" s="1" t="s">
        <v>13521</v>
      </c>
      <c r="B133" s="1" t="s">
        <v>51133</v>
      </c>
      <c r="C133" s="1" t="s">
        <v>13522</v>
      </c>
      <c r="D133" s="2">
        <v>152961</v>
      </c>
      <c r="E133" s="1" t="s">
        <v>0</v>
      </c>
    </row>
    <row r="134" spans="1:5" x14ac:dyDescent="0.25">
      <c r="A134" s="1" t="s">
        <v>13523</v>
      </c>
      <c r="B134" s="1" t="s">
        <v>60847</v>
      </c>
      <c r="C134" s="1" t="s">
        <v>13524</v>
      </c>
      <c r="D134" s="2">
        <v>152962</v>
      </c>
      <c r="E134" s="1" t="s">
        <v>0</v>
      </c>
    </row>
    <row r="135" spans="1:5" x14ac:dyDescent="0.25">
      <c r="A135" s="1" t="s">
        <v>13523</v>
      </c>
      <c r="B135" s="1" t="s">
        <v>60847</v>
      </c>
      <c r="C135" s="1" t="s">
        <v>13524</v>
      </c>
      <c r="D135" s="2">
        <v>152963</v>
      </c>
      <c r="E135" s="1" t="s">
        <v>0</v>
      </c>
    </row>
    <row r="136" spans="1:5" x14ac:dyDescent="0.25">
      <c r="A136" s="1" t="s">
        <v>13525</v>
      </c>
      <c r="B136" s="1" t="s">
        <v>60848</v>
      </c>
      <c r="C136" s="1" t="s">
        <v>13526</v>
      </c>
      <c r="D136" s="2">
        <v>152964</v>
      </c>
      <c r="E136" s="1" t="s">
        <v>0</v>
      </c>
    </row>
    <row r="137" spans="1:5" x14ac:dyDescent="0.25">
      <c r="A137" s="2">
        <v>27</v>
      </c>
      <c r="B137" s="2">
        <v>27</v>
      </c>
      <c r="C137" s="1" t="s">
        <v>0</v>
      </c>
      <c r="D137" s="2">
        <v>152965</v>
      </c>
      <c r="E137" s="1" t="s">
        <v>0</v>
      </c>
    </row>
    <row r="138" spans="1:5" x14ac:dyDescent="0.25">
      <c r="A138" s="1" t="s">
        <v>27</v>
      </c>
      <c r="B138" s="1" t="s">
        <v>4994</v>
      </c>
      <c r="C138" s="1" t="s">
        <v>13527</v>
      </c>
      <c r="D138" s="2">
        <v>152966</v>
      </c>
      <c r="E138" s="1" t="s">
        <v>0</v>
      </c>
    </row>
    <row r="139" spans="1:5" x14ac:dyDescent="0.25">
      <c r="A139" s="1" t="s">
        <v>13528</v>
      </c>
      <c r="B139" s="1" t="s">
        <v>51134</v>
      </c>
      <c r="C139" s="1" t="s">
        <v>13529</v>
      </c>
      <c r="D139" s="2">
        <v>152967</v>
      </c>
      <c r="E139" s="1" t="s">
        <v>0</v>
      </c>
    </row>
    <row r="140" spans="1:5" ht="409.5" x14ac:dyDescent="0.25">
      <c r="A140" s="4" t="s">
        <v>13530</v>
      </c>
      <c r="B140" s="1" t="s">
        <v>51135</v>
      </c>
      <c r="C140" s="1" t="s">
        <v>13531</v>
      </c>
      <c r="D140" s="2">
        <v>152968</v>
      </c>
      <c r="E140" s="1" t="s">
        <v>0</v>
      </c>
    </row>
    <row r="141" spans="1:5" x14ac:dyDescent="0.25">
      <c r="A141" s="1" t="s">
        <v>13532</v>
      </c>
      <c r="B141" s="1" t="s">
        <v>57104</v>
      </c>
      <c r="C141" s="1" t="s">
        <v>13533</v>
      </c>
      <c r="D141" s="2">
        <v>152969</v>
      </c>
      <c r="E141" s="1" t="s">
        <v>0</v>
      </c>
    </row>
    <row r="142" spans="1:5" x14ac:dyDescent="0.25">
      <c r="A142" s="2">
        <v>28</v>
      </c>
      <c r="B142" s="2">
        <v>28</v>
      </c>
      <c r="C142" s="1" t="s">
        <v>0</v>
      </c>
      <c r="D142" s="2">
        <v>152970</v>
      </c>
      <c r="E142" s="1" t="s">
        <v>0</v>
      </c>
    </row>
    <row r="143" spans="1:5" x14ac:dyDescent="0.25">
      <c r="A143" s="1" t="s">
        <v>28</v>
      </c>
      <c r="B143" s="1" t="s">
        <v>4995</v>
      </c>
      <c r="C143" s="1" t="s">
        <v>13534</v>
      </c>
      <c r="D143" s="2">
        <v>152971</v>
      </c>
      <c r="E143" s="1" t="s">
        <v>0</v>
      </c>
    </row>
    <row r="144" spans="1:5" x14ac:dyDescent="0.25">
      <c r="A144" s="1" t="s">
        <v>13535</v>
      </c>
      <c r="B144" s="1" t="s">
        <v>61927</v>
      </c>
      <c r="C144" s="1" t="s">
        <v>13536</v>
      </c>
      <c r="D144" s="2">
        <v>152972</v>
      </c>
      <c r="E144" s="1" t="s">
        <v>0</v>
      </c>
    </row>
    <row r="145" spans="1:5" ht="409.5" x14ac:dyDescent="0.25">
      <c r="A145" s="4" t="s">
        <v>13537</v>
      </c>
      <c r="B145" s="1" t="s">
        <v>61928</v>
      </c>
      <c r="C145" s="1" t="s">
        <v>13538</v>
      </c>
      <c r="D145" s="2">
        <v>152973</v>
      </c>
      <c r="E145" s="1" t="s">
        <v>0</v>
      </c>
    </row>
    <row r="146" spans="1:5" x14ac:dyDescent="0.25">
      <c r="A146" s="1" t="s">
        <v>13539</v>
      </c>
      <c r="B146" s="1" t="s">
        <v>51136</v>
      </c>
      <c r="C146" s="1" t="s">
        <v>13540</v>
      </c>
      <c r="D146" s="2">
        <v>152974</v>
      </c>
      <c r="E146" s="1" t="s">
        <v>0</v>
      </c>
    </row>
    <row r="147" spans="1:5" x14ac:dyDescent="0.25">
      <c r="A147" s="2">
        <v>29</v>
      </c>
      <c r="B147" s="2">
        <v>29</v>
      </c>
      <c r="C147" s="1" t="s">
        <v>0</v>
      </c>
      <c r="D147" s="2">
        <v>152975</v>
      </c>
      <c r="E147" s="1" t="s">
        <v>0</v>
      </c>
    </row>
    <row r="148" spans="1:5" x14ac:dyDescent="0.25">
      <c r="A148" s="1" t="s">
        <v>29</v>
      </c>
      <c r="B148" s="1" t="s">
        <v>4996</v>
      </c>
      <c r="C148" s="1" t="s">
        <v>13541</v>
      </c>
      <c r="D148" s="2">
        <v>152976</v>
      </c>
      <c r="E148" s="1" t="s">
        <v>0</v>
      </c>
    </row>
    <row r="149" spans="1:5" x14ac:dyDescent="0.25">
      <c r="A149" s="1" t="s">
        <v>13542</v>
      </c>
      <c r="B149" s="1" t="s">
        <v>58123</v>
      </c>
      <c r="C149" s="1" t="s">
        <v>13543</v>
      </c>
      <c r="D149" s="2">
        <v>152977</v>
      </c>
      <c r="E149" s="1" t="s">
        <v>0</v>
      </c>
    </row>
    <row r="150" spans="1:5" ht="409.5" x14ac:dyDescent="0.25">
      <c r="A150" s="4" t="s">
        <v>13544</v>
      </c>
      <c r="B150" s="1" t="s">
        <v>58124</v>
      </c>
      <c r="C150" s="1" t="s">
        <v>13545</v>
      </c>
      <c r="D150" s="2">
        <v>152978</v>
      </c>
      <c r="E150" s="1" t="s">
        <v>0</v>
      </c>
    </row>
    <row r="151" spans="1:5" x14ac:dyDescent="0.25">
      <c r="A151" s="1" t="s">
        <v>13546</v>
      </c>
      <c r="B151" s="1" t="s">
        <v>60849</v>
      </c>
      <c r="C151" s="1" t="s">
        <v>13547</v>
      </c>
      <c r="D151" s="2">
        <v>152979</v>
      </c>
      <c r="E151" s="1" t="s">
        <v>0</v>
      </c>
    </row>
    <row r="152" spans="1:5" x14ac:dyDescent="0.25">
      <c r="A152" s="2">
        <v>30</v>
      </c>
      <c r="B152" s="2">
        <v>30</v>
      </c>
      <c r="C152" s="1" t="s">
        <v>0</v>
      </c>
      <c r="D152" s="2">
        <v>152980</v>
      </c>
      <c r="E152" s="1" t="s">
        <v>0</v>
      </c>
    </row>
    <row r="153" spans="1:5" x14ac:dyDescent="0.25">
      <c r="A153" s="1" t="s">
        <v>30</v>
      </c>
      <c r="B153" s="1" t="s">
        <v>4997</v>
      </c>
      <c r="C153" s="1" t="s">
        <v>13548</v>
      </c>
      <c r="D153" s="2">
        <v>152981</v>
      </c>
      <c r="E153" s="1" t="s">
        <v>0</v>
      </c>
    </row>
    <row r="154" spans="1:5" x14ac:dyDescent="0.25">
      <c r="A154" s="1" t="s">
        <v>13549</v>
      </c>
      <c r="B154" s="1" t="s">
        <v>50333</v>
      </c>
      <c r="C154" s="1" t="s">
        <v>13550</v>
      </c>
      <c r="D154" s="2">
        <v>152982</v>
      </c>
      <c r="E154" s="1" t="s">
        <v>0</v>
      </c>
    </row>
    <row r="155" spans="1:5" ht="409.5" x14ac:dyDescent="0.25">
      <c r="A155" s="4" t="s">
        <v>13551</v>
      </c>
      <c r="B155" s="1" t="s">
        <v>58901</v>
      </c>
      <c r="C155" s="1" t="s">
        <v>13552</v>
      </c>
      <c r="D155" s="2">
        <v>152983</v>
      </c>
      <c r="E155" s="1" t="s">
        <v>0</v>
      </c>
    </row>
    <row r="156" spans="1:5" x14ac:dyDescent="0.25">
      <c r="A156" s="1" t="s">
        <v>13553</v>
      </c>
      <c r="B156" s="1" t="s">
        <v>51137</v>
      </c>
      <c r="C156" s="1" t="s">
        <v>13554</v>
      </c>
      <c r="D156" s="2">
        <v>152984</v>
      </c>
      <c r="E156" s="1" t="s">
        <v>0</v>
      </c>
    </row>
    <row r="157" spans="1:5" x14ac:dyDescent="0.25">
      <c r="A157" s="2">
        <v>31</v>
      </c>
      <c r="B157" s="2">
        <v>31</v>
      </c>
      <c r="C157" s="1" t="s">
        <v>0</v>
      </c>
      <c r="D157" s="2">
        <v>152985</v>
      </c>
      <c r="E157" s="1" t="s">
        <v>0</v>
      </c>
    </row>
    <row r="158" spans="1:5" x14ac:dyDescent="0.25">
      <c r="A158" s="1" t="s">
        <v>12952</v>
      </c>
      <c r="B158" s="1" t="s">
        <v>12953</v>
      </c>
      <c r="C158" s="1" t="s">
        <v>13555</v>
      </c>
      <c r="D158" s="2">
        <v>152986</v>
      </c>
      <c r="E158" s="1" t="s">
        <v>0</v>
      </c>
    </row>
    <row r="159" spans="1:5" x14ac:dyDescent="0.25">
      <c r="A159" s="1" t="s">
        <v>13556</v>
      </c>
      <c r="B159" s="1" t="s">
        <v>51138</v>
      </c>
      <c r="C159" s="1" t="s">
        <v>13557</v>
      </c>
      <c r="D159" s="2">
        <v>152987</v>
      </c>
      <c r="E159" s="1" t="s">
        <v>0</v>
      </c>
    </row>
    <row r="160" spans="1:5" ht="409.5" x14ac:dyDescent="0.25">
      <c r="A160" s="4" t="s">
        <v>13558</v>
      </c>
      <c r="B160" s="1" t="s">
        <v>51139</v>
      </c>
      <c r="C160" s="1" t="s">
        <v>13559</v>
      </c>
      <c r="D160" s="2">
        <v>152988</v>
      </c>
      <c r="E160" s="1" t="s">
        <v>0</v>
      </c>
    </row>
    <row r="161" spans="1:5" x14ac:dyDescent="0.25">
      <c r="A161" s="1" t="s">
        <v>13560</v>
      </c>
      <c r="B161" s="1" t="s">
        <v>4998</v>
      </c>
      <c r="C161" s="1" t="s">
        <v>13561</v>
      </c>
      <c r="D161" s="2">
        <v>152989</v>
      </c>
      <c r="E161" s="1" t="s">
        <v>0</v>
      </c>
    </row>
    <row r="162" spans="1:5" x14ac:dyDescent="0.25">
      <c r="A162" s="2">
        <v>32</v>
      </c>
      <c r="B162" s="2">
        <v>32</v>
      </c>
      <c r="C162" s="1" t="s">
        <v>0</v>
      </c>
      <c r="D162" s="2">
        <v>152990</v>
      </c>
      <c r="E162" s="1" t="s">
        <v>0</v>
      </c>
    </row>
    <row r="163" spans="1:5" x14ac:dyDescent="0.25">
      <c r="A163" s="1" t="s">
        <v>31</v>
      </c>
      <c r="B163" s="1" t="s">
        <v>4999</v>
      </c>
      <c r="C163" s="1" t="s">
        <v>13562</v>
      </c>
      <c r="D163" s="2">
        <v>152991</v>
      </c>
      <c r="E163" s="1" t="s">
        <v>0</v>
      </c>
    </row>
    <row r="164" spans="1:5" x14ac:dyDescent="0.25">
      <c r="A164" s="1" t="s">
        <v>13563</v>
      </c>
      <c r="B164" s="1" t="s">
        <v>51140</v>
      </c>
      <c r="C164" s="1" t="s">
        <v>13564</v>
      </c>
      <c r="D164" s="2">
        <v>152992</v>
      </c>
      <c r="E164" s="1" t="s">
        <v>0</v>
      </c>
    </row>
    <row r="165" spans="1:5" ht="409.5" x14ac:dyDescent="0.25">
      <c r="A165" s="4" t="s">
        <v>13565</v>
      </c>
      <c r="B165" s="1" t="s">
        <v>51141</v>
      </c>
      <c r="C165" s="1" t="s">
        <v>13566</v>
      </c>
      <c r="D165" s="2">
        <v>152993</v>
      </c>
      <c r="E165" s="1" t="s">
        <v>0</v>
      </c>
    </row>
    <row r="166" spans="1:5" x14ac:dyDescent="0.25">
      <c r="A166" s="1" t="s">
        <v>13567</v>
      </c>
      <c r="B166" s="1" t="s">
        <v>5000</v>
      </c>
      <c r="C166" s="1" t="s">
        <v>13568</v>
      </c>
      <c r="D166" s="2">
        <v>152994</v>
      </c>
      <c r="E166" s="1" t="s">
        <v>0</v>
      </c>
    </row>
    <row r="167" spans="1:5" x14ac:dyDescent="0.25">
      <c r="A167" s="2">
        <v>33</v>
      </c>
      <c r="B167" s="2">
        <v>33</v>
      </c>
      <c r="C167" s="1" t="s">
        <v>0</v>
      </c>
      <c r="D167" s="2">
        <v>152995</v>
      </c>
      <c r="E167" s="1" t="s">
        <v>0</v>
      </c>
    </row>
    <row r="168" spans="1:5" x14ac:dyDescent="0.25">
      <c r="A168" s="1" t="s">
        <v>32</v>
      </c>
      <c r="B168" s="1" t="s">
        <v>5001</v>
      </c>
      <c r="C168" s="1" t="s">
        <v>13569</v>
      </c>
      <c r="D168" s="2">
        <v>152996</v>
      </c>
      <c r="E168" s="1" t="s">
        <v>0</v>
      </c>
    </row>
    <row r="169" spans="1:5" x14ac:dyDescent="0.25">
      <c r="A169" s="1" t="s">
        <v>13570</v>
      </c>
      <c r="B169" s="1" t="s">
        <v>63162</v>
      </c>
      <c r="C169" s="1" t="s">
        <v>13571</v>
      </c>
      <c r="D169" s="2">
        <v>152997</v>
      </c>
      <c r="E169" s="1" t="s">
        <v>0</v>
      </c>
    </row>
    <row r="170" spans="1:5" ht="409.5" x14ac:dyDescent="0.25">
      <c r="A170" s="4" t="s">
        <v>13572</v>
      </c>
      <c r="B170" s="1" t="s">
        <v>63163</v>
      </c>
      <c r="C170" s="1" t="s">
        <v>13573</v>
      </c>
      <c r="D170" s="2">
        <v>152998</v>
      </c>
      <c r="E170" s="1" t="s">
        <v>0</v>
      </c>
    </row>
    <row r="171" spans="1:5" x14ac:dyDescent="0.25">
      <c r="A171" s="1" t="s">
        <v>13574</v>
      </c>
      <c r="B171" s="1" t="s">
        <v>51142</v>
      </c>
      <c r="C171" s="1" t="s">
        <v>13575</v>
      </c>
      <c r="D171" s="2">
        <v>152999</v>
      </c>
      <c r="E171" s="1" t="s">
        <v>0</v>
      </c>
    </row>
    <row r="172" spans="1:5" x14ac:dyDescent="0.25">
      <c r="A172" s="2">
        <v>34</v>
      </c>
      <c r="B172" s="2">
        <v>34</v>
      </c>
      <c r="C172" s="1" t="s">
        <v>0</v>
      </c>
      <c r="D172" s="2">
        <v>153000</v>
      </c>
      <c r="E172" s="1" t="s">
        <v>0</v>
      </c>
    </row>
    <row r="173" spans="1:5" x14ac:dyDescent="0.25">
      <c r="A173" s="1" t="s">
        <v>33</v>
      </c>
      <c r="B173" s="1" t="s">
        <v>5002</v>
      </c>
      <c r="C173" s="1" t="s">
        <v>13576</v>
      </c>
      <c r="D173" s="2">
        <v>153001</v>
      </c>
      <c r="E173" s="1" t="s">
        <v>0</v>
      </c>
    </row>
    <row r="174" spans="1:5" x14ac:dyDescent="0.25">
      <c r="A174" s="1" t="s">
        <v>13577</v>
      </c>
      <c r="B174" s="1" t="s">
        <v>51143</v>
      </c>
      <c r="C174" s="1" t="s">
        <v>13578</v>
      </c>
      <c r="D174" s="2">
        <v>153002</v>
      </c>
      <c r="E174" s="1" t="s">
        <v>0</v>
      </c>
    </row>
    <row r="175" spans="1:5" ht="409.5" x14ac:dyDescent="0.25">
      <c r="A175" s="4" t="s">
        <v>13579</v>
      </c>
      <c r="B175" s="1" t="s">
        <v>51144</v>
      </c>
      <c r="C175" s="1" t="s">
        <v>13580</v>
      </c>
      <c r="D175" s="2">
        <v>153003</v>
      </c>
      <c r="E175" s="1" t="s">
        <v>0</v>
      </c>
    </row>
    <row r="176" spans="1:5" x14ac:dyDescent="0.25">
      <c r="A176" s="1" t="s">
        <v>13581</v>
      </c>
      <c r="B176" s="1" t="s">
        <v>51145</v>
      </c>
      <c r="C176" s="1" t="s">
        <v>13582</v>
      </c>
      <c r="D176" s="2">
        <v>153004</v>
      </c>
      <c r="E176" s="1" t="s">
        <v>0</v>
      </c>
    </row>
    <row r="177" spans="1:5" x14ac:dyDescent="0.25">
      <c r="A177" s="2">
        <v>35</v>
      </c>
      <c r="B177" s="2">
        <v>35</v>
      </c>
      <c r="C177" s="1" t="s">
        <v>0</v>
      </c>
      <c r="D177" s="2">
        <v>153005</v>
      </c>
      <c r="E177" s="1" t="s">
        <v>0</v>
      </c>
    </row>
    <row r="178" spans="1:5" x14ac:dyDescent="0.25">
      <c r="A178" s="1" t="s">
        <v>34</v>
      </c>
      <c r="B178" s="1" t="s">
        <v>5003</v>
      </c>
      <c r="C178" s="1" t="s">
        <v>13583</v>
      </c>
      <c r="D178" s="2">
        <v>153006</v>
      </c>
      <c r="E178" s="1" t="s">
        <v>0</v>
      </c>
    </row>
    <row r="179" spans="1:5" x14ac:dyDescent="0.25">
      <c r="A179" s="1" t="s">
        <v>13584</v>
      </c>
      <c r="B179" s="1" t="s">
        <v>63866</v>
      </c>
      <c r="C179" s="1" t="s">
        <v>13585</v>
      </c>
      <c r="D179" s="2">
        <v>153007</v>
      </c>
      <c r="E179" s="1" t="s">
        <v>0</v>
      </c>
    </row>
    <row r="180" spans="1:5" ht="409.5" x14ac:dyDescent="0.25">
      <c r="A180" s="4" t="s">
        <v>13586</v>
      </c>
      <c r="B180" s="1" t="s">
        <v>63867</v>
      </c>
      <c r="C180" s="1" t="s">
        <v>13587</v>
      </c>
      <c r="D180" s="2">
        <v>153008</v>
      </c>
      <c r="E180" s="1" t="s">
        <v>0</v>
      </c>
    </row>
    <row r="181" spans="1:5" x14ac:dyDescent="0.25">
      <c r="A181" s="1" t="s">
        <v>13588</v>
      </c>
      <c r="B181" s="1" t="s">
        <v>60850</v>
      </c>
      <c r="C181" s="1" t="s">
        <v>13589</v>
      </c>
      <c r="D181" s="2">
        <v>153009</v>
      </c>
      <c r="E181" s="1" t="s">
        <v>0</v>
      </c>
    </row>
    <row r="182" spans="1:5" x14ac:dyDescent="0.25">
      <c r="A182" s="2">
        <v>36</v>
      </c>
      <c r="B182" s="2">
        <v>36</v>
      </c>
      <c r="C182" s="1" t="s">
        <v>0</v>
      </c>
      <c r="D182" s="2">
        <v>153010</v>
      </c>
      <c r="E182" s="1" t="s">
        <v>0</v>
      </c>
    </row>
    <row r="183" spans="1:5" x14ac:dyDescent="0.25">
      <c r="A183" s="1" t="s">
        <v>35</v>
      </c>
      <c r="B183" s="1" t="s">
        <v>5004</v>
      </c>
      <c r="C183" s="1" t="s">
        <v>13590</v>
      </c>
      <c r="D183" s="2">
        <v>153011</v>
      </c>
      <c r="E183" s="1" t="s">
        <v>0</v>
      </c>
    </row>
    <row r="184" spans="1:5" x14ac:dyDescent="0.25">
      <c r="A184" s="1" t="s">
        <v>13591</v>
      </c>
      <c r="B184" s="1" t="s">
        <v>51146</v>
      </c>
      <c r="C184" s="1" t="s">
        <v>13592</v>
      </c>
      <c r="D184" s="2">
        <v>153012</v>
      </c>
      <c r="E184" s="1" t="s">
        <v>0</v>
      </c>
    </row>
    <row r="185" spans="1:5" ht="409.5" x14ac:dyDescent="0.25">
      <c r="A185" s="4" t="s">
        <v>63926</v>
      </c>
      <c r="B185" s="1" t="s">
        <v>51147</v>
      </c>
      <c r="C185" s="1" t="s">
        <v>13593</v>
      </c>
      <c r="D185" s="2">
        <v>153013</v>
      </c>
      <c r="E185" s="1" t="s">
        <v>0</v>
      </c>
    </row>
    <row r="186" spans="1:5" x14ac:dyDescent="0.25">
      <c r="A186" s="1" t="s">
        <v>13594</v>
      </c>
      <c r="B186" s="1" t="s">
        <v>51148</v>
      </c>
      <c r="C186" s="1" t="s">
        <v>13595</v>
      </c>
      <c r="D186" s="2">
        <v>153014</v>
      </c>
      <c r="E186" s="1" t="s">
        <v>0</v>
      </c>
    </row>
    <row r="187" spans="1:5" x14ac:dyDescent="0.25">
      <c r="A187" s="2">
        <v>37</v>
      </c>
      <c r="B187" s="2">
        <v>37</v>
      </c>
      <c r="C187" s="1" t="s">
        <v>0</v>
      </c>
      <c r="D187" s="2">
        <v>153015</v>
      </c>
      <c r="E187" s="1" t="s">
        <v>0</v>
      </c>
    </row>
    <row r="188" spans="1:5" x14ac:dyDescent="0.25">
      <c r="A188" s="1" t="s">
        <v>36</v>
      </c>
      <c r="B188" s="1" t="s">
        <v>51149</v>
      </c>
      <c r="C188" s="1" t="s">
        <v>13596</v>
      </c>
      <c r="D188" s="2">
        <v>153016</v>
      </c>
      <c r="E188" s="1" t="s">
        <v>0</v>
      </c>
    </row>
    <row r="189" spans="1:5" x14ac:dyDescent="0.25">
      <c r="A189" s="1" t="s">
        <v>13597</v>
      </c>
      <c r="B189" s="1" t="s">
        <v>51150</v>
      </c>
      <c r="C189" s="1" t="s">
        <v>13598</v>
      </c>
      <c r="D189" s="2">
        <v>153017</v>
      </c>
      <c r="E189" s="1" t="s">
        <v>0</v>
      </c>
    </row>
    <row r="190" spans="1:5" ht="409.5" x14ac:dyDescent="0.25">
      <c r="A190" s="4" t="s">
        <v>13599</v>
      </c>
      <c r="B190" s="1" t="s">
        <v>51151</v>
      </c>
      <c r="C190" s="1" t="s">
        <v>13600</v>
      </c>
      <c r="D190" s="2">
        <v>153018</v>
      </c>
      <c r="E190" s="1" t="s">
        <v>0</v>
      </c>
    </row>
    <row r="191" spans="1:5" x14ac:dyDescent="0.25">
      <c r="A191" s="1" t="s">
        <v>13601</v>
      </c>
      <c r="B191" s="1" t="s">
        <v>5005</v>
      </c>
      <c r="C191" s="1" t="s">
        <v>13602</v>
      </c>
      <c r="D191" s="2">
        <v>153019</v>
      </c>
      <c r="E191" s="1" t="s">
        <v>0</v>
      </c>
    </row>
    <row r="192" spans="1:5" x14ac:dyDescent="0.25">
      <c r="A192" s="2">
        <v>38</v>
      </c>
      <c r="B192" s="2">
        <v>38</v>
      </c>
      <c r="C192" s="1" t="s">
        <v>0</v>
      </c>
      <c r="D192" s="2">
        <v>153020</v>
      </c>
      <c r="E192" s="1" t="s">
        <v>0</v>
      </c>
    </row>
    <row r="193" spans="1:5" x14ac:dyDescent="0.25">
      <c r="A193" s="1" t="s">
        <v>37</v>
      </c>
      <c r="B193" s="1" t="s">
        <v>5006</v>
      </c>
      <c r="C193" s="1" t="s">
        <v>13603</v>
      </c>
      <c r="D193" s="2">
        <v>153021</v>
      </c>
      <c r="E193" s="1" t="s">
        <v>0</v>
      </c>
    </row>
    <row r="194" spans="1:5" x14ac:dyDescent="0.25">
      <c r="A194" s="1" t="s">
        <v>13604</v>
      </c>
      <c r="B194" s="1" t="s">
        <v>51152</v>
      </c>
      <c r="C194" s="1" t="s">
        <v>13605</v>
      </c>
      <c r="D194" s="2">
        <v>153022</v>
      </c>
      <c r="E194" s="1" t="s">
        <v>0</v>
      </c>
    </row>
    <row r="195" spans="1:5" ht="409.5" x14ac:dyDescent="0.25">
      <c r="A195" s="4" t="s">
        <v>13606</v>
      </c>
      <c r="B195" s="1" t="s">
        <v>61929</v>
      </c>
      <c r="C195" s="1" t="s">
        <v>13607</v>
      </c>
      <c r="D195" s="2">
        <v>153023</v>
      </c>
      <c r="E195" s="1" t="s">
        <v>0</v>
      </c>
    </row>
    <row r="196" spans="1:5" x14ac:dyDescent="0.25">
      <c r="A196" s="1" t="s">
        <v>13608</v>
      </c>
      <c r="B196" s="1" t="s">
        <v>51153</v>
      </c>
      <c r="C196" s="1" t="s">
        <v>13609</v>
      </c>
      <c r="D196" s="2">
        <v>153024</v>
      </c>
      <c r="E196" s="1" t="s">
        <v>0</v>
      </c>
    </row>
    <row r="197" spans="1:5" x14ac:dyDescent="0.25">
      <c r="A197" s="2">
        <v>39</v>
      </c>
      <c r="B197" s="2">
        <v>39</v>
      </c>
      <c r="C197" s="1" t="s">
        <v>0</v>
      </c>
      <c r="D197" s="2">
        <v>153025</v>
      </c>
      <c r="E197" s="1" t="s">
        <v>0</v>
      </c>
    </row>
    <row r="198" spans="1:5" x14ac:dyDescent="0.25">
      <c r="A198" s="1" t="s">
        <v>38</v>
      </c>
      <c r="B198" s="1" t="s">
        <v>51154</v>
      </c>
      <c r="C198" s="1" t="s">
        <v>13610</v>
      </c>
      <c r="D198" s="2">
        <v>153026</v>
      </c>
      <c r="E198" s="1" t="s">
        <v>0</v>
      </c>
    </row>
    <row r="199" spans="1:5" x14ac:dyDescent="0.25">
      <c r="A199" s="1" t="s">
        <v>13611</v>
      </c>
      <c r="B199" s="1" t="s">
        <v>51155</v>
      </c>
      <c r="C199" s="1" t="s">
        <v>13612</v>
      </c>
      <c r="D199" s="2">
        <v>153027</v>
      </c>
      <c r="E199" s="1" t="s">
        <v>0</v>
      </c>
    </row>
    <row r="200" spans="1:5" ht="409.5" x14ac:dyDescent="0.25">
      <c r="A200" s="4" t="s">
        <v>63927</v>
      </c>
      <c r="B200" s="1" t="s">
        <v>57366</v>
      </c>
      <c r="C200" s="1" t="s">
        <v>13613</v>
      </c>
      <c r="D200" s="2">
        <v>153028</v>
      </c>
      <c r="E200" s="1" t="s">
        <v>0</v>
      </c>
    </row>
    <row r="201" spans="1:5" x14ac:dyDescent="0.25">
      <c r="A201" s="1" t="s">
        <v>13614</v>
      </c>
      <c r="B201" s="1" t="s">
        <v>51156</v>
      </c>
      <c r="C201" s="1" t="s">
        <v>13615</v>
      </c>
      <c r="D201" s="2">
        <v>153029</v>
      </c>
      <c r="E201" s="1" t="s">
        <v>0</v>
      </c>
    </row>
    <row r="202" spans="1:5" x14ac:dyDescent="0.25">
      <c r="A202" s="2">
        <v>40</v>
      </c>
      <c r="B202" s="2">
        <v>40</v>
      </c>
      <c r="C202" s="1" t="s">
        <v>0</v>
      </c>
      <c r="D202" s="2">
        <v>153030</v>
      </c>
      <c r="E202" s="1" t="s">
        <v>0</v>
      </c>
    </row>
    <row r="203" spans="1:5" x14ac:dyDescent="0.25">
      <c r="A203" s="1" t="s">
        <v>39</v>
      </c>
      <c r="B203" s="1" t="s">
        <v>5007</v>
      </c>
      <c r="C203" s="1" t="s">
        <v>13616</v>
      </c>
      <c r="D203" s="2">
        <v>153031</v>
      </c>
      <c r="E203" s="1" t="s">
        <v>0</v>
      </c>
    </row>
    <row r="204" spans="1:5" x14ac:dyDescent="0.25">
      <c r="A204" s="1" t="s">
        <v>63928</v>
      </c>
      <c r="B204" s="1" t="s">
        <v>5008</v>
      </c>
      <c r="C204" s="1" t="s">
        <v>13617</v>
      </c>
      <c r="D204" s="2">
        <v>153032</v>
      </c>
      <c r="E204" s="1" t="s">
        <v>0</v>
      </c>
    </row>
    <row r="205" spans="1:5" ht="409.5" x14ac:dyDescent="0.25">
      <c r="A205" s="4" t="s">
        <v>63929</v>
      </c>
      <c r="B205" s="1" t="s">
        <v>58958</v>
      </c>
      <c r="C205" s="1" t="s">
        <v>13618</v>
      </c>
      <c r="D205" s="2">
        <v>153033</v>
      </c>
      <c r="E205" s="1" t="s">
        <v>0</v>
      </c>
    </row>
    <row r="206" spans="1:5" x14ac:dyDescent="0.25">
      <c r="A206" s="1" t="s">
        <v>13619</v>
      </c>
      <c r="B206" s="1" t="s">
        <v>51157</v>
      </c>
      <c r="C206" s="1" t="s">
        <v>13620</v>
      </c>
      <c r="D206" s="2">
        <v>153034</v>
      </c>
      <c r="E206" s="1" t="s">
        <v>0</v>
      </c>
    </row>
    <row r="207" spans="1:5" x14ac:dyDescent="0.25">
      <c r="A207" s="2">
        <v>41</v>
      </c>
      <c r="B207" s="2">
        <v>41</v>
      </c>
      <c r="C207" s="1" t="s">
        <v>0</v>
      </c>
      <c r="D207" s="2">
        <v>153035</v>
      </c>
      <c r="E207" s="1" t="s">
        <v>0</v>
      </c>
    </row>
    <row r="208" spans="1:5" x14ac:dyDescent="0.25">
      <c r="A208" s="1" t="s">
        <v>40</v>
      </c>
      <c r="B208" s="1" t="s">
        <v>5009</v>
      </c>
      <c r="C208" s="1" t="s">
        <v>13621</v>
      </c>
      <c r="D208" s="2">
        <v>153036</v>
      </c>
      <c r="E208" s="1" t="s">
        <v>0</v>
      </c>
    </row>
    <row r="209" spans="1:5" x14ac:dyDescent="0.25">
      <c r="A209" s="1" t="s">
        <v>13622</v>
      </c>
      <c r="B209" s="1" t="s">
        <v>57367</v>
      </c>
      <c r="C209" s="1" t="s">
        <v>13623</v>
      </c>
      <c r="D209" s="2">
        <v>153037</v>
      </c>
      <c r="E209" s="1" t="s">
        <v>0</v>
      </c>
    </row>
    <row r="210" spans="1:5" ht="409.5" x14ac:dyDescent="0.25">
      <c r="A210" s="4" t="s">
        <v>13624</v>
      </c>
      <c r="B210" s="1" t="s">
        <v>57368</v>
      </c>
      <c r="C210" s="1" t="s">
        <v>13625</v>
      </c>
      <c r="D210" s="2">
        <v>153038</v>
      </c>
      <c r="E210" s="1" t="s">
        <v>0</v>
      </c>
    </row>
    <row r="211" spans="1:5" x14ac:dyDescent="0.25">
      <c r="A211" s="1" t="s">
        <v>13626</v>
      </c>
      <c r="B211" s="1" t="s">
        <v>57369</v>
      </c>
      <c r="C211" s="1" t="s">
        <v>13627</v>
      </c>
      <c r="D211" s="2">
        <v>153039</v>
      </c>
      <c r="E211" s="1" t="s">
        <v>0</v>
      </c>
    </row>
    <row r="212" spans="1:5" x14ac:dyDescent="0.25">
      <c r="A212" s="2">
        <v>42</v>
      </c>
      <c r="B212" s="2">
        <v>42</v>
      </c>
      <c r="C212" s="1" t="s">
        <v>0</v>
      </c>
      <c r="D212" s="2">
        <v>153040</v>
      </c>
      <c r="E212" s="1" t="s">
        <v>0</v>
      </c>
    </row>
    <row r="213" spans="1:5" x14ac:dyDescent="0.25">
      <c r="A213" s="1" t="s">
        <v>41</v>
      </c>
      <c r="B213" s="1" t="s">
        <v>50334</v>
      </c>
      <c r="C213" s="1" t="s">
        <v>13628</v>
      </c>
      <c r="D213" s="2">
        <v>153041</v>
      </c>
      <c r="E213" s="1" t="s">
        <v>0</v>
      </c>
    </row>
    <row r="214" spans="1:5" x14ac:dyDescent="0.25">
      <c r="A214" s="1" t="s">
        <v>13629</v>
      </c>
      <c r="B214" s="1" t="s">
        <v>50335</v>
      </c>
      <c r="C214" s="1" t="s">
        <v>13630</v>
      </c>
      <c r="D214" s="2">
        <v>153042</v>
      </c>
      <c r="E214" s="1" t="s">
        <v>0</v>
      </c>
    </row>
    <row r="215" spans="1:5" ht="409.5" x14ac:dyDescent="0.25">
      <c r="A215" s="4" t="s">
        <v>13631</v>
      </c>
      <c r="B215" s="1" t="s">
        <v>59536</v>
      </c>
      <c r="C215" s="1" t="s">
        <v>13632</v>
      </c>
      <c r="D215" s="2">
        <v>153043</v>
      </c>
      <c r="E215" s="1" t="s">
        <v>0</v>
      </c>
    </row>
    <row r="216" spans="1:5" x14ac:dyDescent="0.25">
      <c r="A216" s="1" t="s">
        <v>13633</v>
      </c>
      <c r="B216" s="1" t="s">
        <v>50336</v>
      </c>
      <c r="C216" s="1" t="s">
        <v>13634</v>
      </c>
      <c r="D216" s="2">
        <v>153044</v>
      </c>
      <c r="E216" s="1" t="s">
        <v>0</v>
      </c>
    </row>
    <row r="217" spans="1:5" x14ac:dyDescent="0.25">
      <c r="A217" s="2">
        <v>43</v>
      </c>
      <c r="B217" s="2">
        <v>43</v>
      </c>
      <c r="C217" s="1" t="s">
        <v>0</v>
      </c>
      <c r="D217" s="2">
        <v>153045</v>
      </c>
      <c r="E217" s="1" t="s">
        <v>0</v>
      </c>
    </row>
    <row r="218" spans="1:5" x14ac:dyDescent="0.25">
      <c r="A218" s="1" t="s">
        <v>42</v>
      </c>
      <c r="B218" s="1" t="s">
        <v>5010</v>
      </c>
      <c r="C218" s="1" t="s">
        <v>13635</v>
      </c>
      <c r="D218" s="2">
        <v>153046</v>
      </c>
      <c r="E218" s="1" t="s">
        <v>0</v>
      </c>
    </row>
    <row r="219" spans="1:5" x14ac:dyDescent="0.25">
      <c r="A219" s="1" t="s">
        <v>13636</v>
      </c>
      <c r="B219" s="1" t="s">
        <v>61930</v>
      </c>
      <c r="C219" s="1" t="s">
        <v>13637</v>
      </c>
      <c r="D219" s="2">
        <v>153047</v>
      </c>
      <c r="E219" s="1" t="s">
        <v>0</v>
      </c>
    </row>
    <row r="220" spans="1:5" ht="409.5" x14ac:dyDescent="0.25">
      <c r="A220" s="4" t="s">
        <v>13638</v>
      </c>
      <c r="B220" s="1" t="s">
        <v>61931</v>
      </c>
      <c r="C220" s="1" t="s">
        <v>13639</v>
      </c>
      <c r="D220" s="2">
        <v>153048</v>
      </c>
      <c r="E220" s="1" t="s">
        <v>0</v>
      </c>
    </row>
    <row r="221" spans="1:5" x14ac:dyDescent="0.25">
      <c r="A221" s="1" t="s">
        <v>13640</v>
      </c>
      <c r="B221" s="1" t="s">
        <v>51158</v>
      </c>
      <c r="C221" s="1" t="s">
        <v>13641</v>
      </c>
      <c r="D221" s="2">
        <v>153049</v>
      </c>
      <c r="E221" s="1" t="s">
        <v>0</v>
      </c>
    </row>
    <row r="222" spans="1:5" x14ac:dyDescent="0.25">
      <c r="A222" s="2">
        <v>44</v>
      </c>
      <c r="B222" s="2">
        <v>44</v>
      </c>
      <c r="C222" s="1" t="s">
        <v>0</v>
      </c>
      <c r="D222" s="2">
        <v>153050</v>
      </c>
      <c r="E222" s="1" t="s">
        <v>0</v>
      </c>
    </row>
    <row r="223" spans="1:5" x14ac:dyDescent="0.25">
      <c r="A223" s="1" t="s">
        <v>43</v>
      </c>
      <c r="B223" s="1" t="s">
        <v>5011</v>
      </c>
      <c r="C223" s="1" t="s">
        <v>13642</v>
      </c>
      <c r="D223" s="2">
        <v>153051</v>
      </c>
      <c r="E223" s="1" t="s">
        <v>0</v>
      </c>
    </row>
    <row r="224" spans="1:5" x14ac:dyDescent="0.25">
      <c r="A224" s="1" t="s">
        <v>13643</v>
      </c>
      <c r="B224" s="1" t="s">
        <v>50337</v>
      </c>
      <c r="C224" s="1" t="s">
        <v>13644</v>
      </c>
      <c r="D224" s="2">
        <v>153052</v>
      </c>
      <c r="E224" s="1" t="s">
        <v>0</v>
      </c>
    </row>
    <row r="225" spans="1:5" ht="409.5" x14ac:dyDescent="0.25">
      <c r="A225" s="4" t="s">
        <v>13645</v>
      </c>
      <c r="B225" s="1" t="s">
        <v>51159</v>
      </c>
      <c r="C225" s="1" t="s">
        <v>13646</v>
      </c>
      <c r="D225" s="2">
        <v>153053</v>
      </c>
      <c r="E225" s="1" t="s">
        <v>0</v>
      </c>
    </row>
    <row r="226" spans="1:5" x14ac:dyDescent="0.25">
      <c r="A226" s="1" t="s">
        <v>13647</v>
      </c>
      <c r="B226" s="1" t="s">
        <v>51160</v>
      </c>
      <c r="C226" s="1" t="s">
        <v>13648</v>
      </c>
      <c r="D226" s="2">
        <v>153054</v>
      </c>
      <c r="E226" s="1" t="s">
        <v>0</v>
      </c>
    </row>
    <row r="227" spans="1:5" x14ac:dyDescent="0.25">
      <c r="A227" s="2">
        <v>45</v>
      </c>
      <c r="B227" s="2">
        <v>45</v>
      </c>
      <c r="C227" s="1" t="s">
        <v>0</v>
      </c>
      <c r="D227" s="2">
        <v>153055</v>
      </c>
      <c r="E227" s="1" t="s">
        <v>0</v>
      </c>
    </row>
    <row r="228" spans="1:5" x14ac:dyDescent="0.25">
      <c r="A228" s="1" t="s">
        <v>44</v>
      </c>
      <c r="B228" s="1" t="s">
        <v>5012</v>
      </c>
      <c r="C228" s="1" t="s">
        <v>13649</v>
      </c>
      <c r="D228" s="2">
        <v>153056</v>
      </c>
      <c r="E228" s="1" t="s">
        <v>0</v>
      </c>
    </row>
    <row r="229" spans="1:5" x14ac:dyDescent="0.25">
      <c r="A229" s="1" t="s">
        <v>13650</v>
      </c>
      <c r="B229" s="1" t="s">
        <v>61932</v>
      </c>
      <c r="C229" s="1" t="s">
        <v>13651</v>
      </c>
      <c r="D229" s="2">
        <v>153057</v>
      </c>
      <c r="E229" s="1" t="s">
        <v>0</v>
      </c>
    </row>
    <row r="230" spans="1:5" ht="409.5" x14ac:dyDescent="0.25">
      <c r="A230" s="4" t="s">
        <v>13652</v>
      </c>
      <c r="B230" s="1" t="s">
        <v>61933</v>
      </c>
      <c r="C230" s="1" t="s">
        <v>13653</v>
      </c>
      <c r="D230" s="2">
        <v>153058</v>
      </c>
      <c r="E230" s="1" t="s">
        <v>0</v>
      </c>
    </row>
    <row r="231" spans="1:5" x14ac:dyDescent="0.25">
      <c r="A231" s="1" t="s">
        <v>13654</v>
      </c>
      <c r="B231" s="1" t="s">
        <v>60851</v>
      </c>
      <c r="C231" s="1" t="s">
        <v>13655</v>
      </c>
      <c r="D231" s="2">
        <v>153059</v>
      </c>
      <c r="E231" s="1" t="s">
        <v>0</v>
      </c>
    </row>
    <row r="232" spans="1:5" x14ac:dyDescent="0.25">
      <c r="A232" s="2">
        <v>46</v>
      </c>
      <c r="B232" s="2">
        <v>46</v>
      </c>
      <c r="C232" s="1" t="s">
        <v>0</v>
      </c>
      <c r="D232" s="2">
        <v>153060</v>
      </c>
      <c r="E232" s="1" t="s">
        <v>0</v>
      </c>
    </row>
    <row r="233" spans="1:5" x14ac:dyDescent="0.25">
      <c r="A233" s="1" t="s">
        <v>45</v>
      </c>
      <c r="B233" s="1" t="s">
        <v>5013</v>
      </c>
      <c r="C233" s="1" t="s">
        <v>13656</v>
      </c>
      <c r="D233" s="2">
        <v>153061</v>
      </c>
      <c r="E233" s="1" t="s">
        <v>0</v>
      </c>
    </row>
    <row r="234" spans="1:5" x14ac:dyDescent="0.25">
      <c r="A234" s="1" t="s">
        <v>13657</v>
      </c>
      <c r="B234" s="1" t="s">
        <v>51161</v>
      </c>
      <c r="C234" s="1" t="s">
        <v>13658</v>
      </c>
      <c r="D234" s="2">
        <v>153062</v>
      </c>
      <c r="E234" s="1" t="s">
        <v>0</v>
      </c>
    </row>
    <row r="235" spans="1:5" ht="409.5" x14ac:dyDescent="0.25">
      <c r="A235" s="4" t="s">
        <v>13659</v>
      </c>
      <c r="B235" s="1" t="s">
        <v>51162</v>
      </c>
      <c r="C235" s="1" t="s">
        <v>13660</v>
      </c>
      <c r="D235" s="2">
        <v>153063</v>
      </c>
      <c r="E235" s="1" t="s">
        <v>0</v>
      </c>
    </row>
    <row r="236" spans="1:5" x14ac:dyDescent="0.25">
      <c r="A236" s="1" t="s">
        <v>13661</v>
      </c>
      <c r="B236" s="1" t="s">
        <v>5014</v>
      </c>
      <c r="C236" s="1" t="s">
        <v>13662</v>
      </c>
      <c r="D236" s="2">
        <v>153064</v>
      </c>
      <c r="E236" s="1" t="s">
        <v>0</v>
      </c>
    </row>
    <row r="237" spans="1:5" x14ac:dyDescent="0.25">
      <c r="A237" s="2">
        <v>47</v>
      </c>
      <c r="B237" s="2">
        <v>47</v>
      </c>
      <c r="C237" s="1" t="s">
        <v>0</v>
      </c>
      <c r="D237" s="2">
        <v>153065</v>
      </c>
      <c r="E237" s="1" t="s">
        <v>0</v>
      </c>
    </row>
    <row r="238" spans="1:5" x14ac:dyDescent="0.25">
      <c r="A238" s="1" t="s">
        <v>46</v>
      </c>
      <c r="B238" s="1" t="s">
        <v>5015</v>
      </c>
      <c r="C238" s="1" t="s">
        <v>13663</v>
      </c>
      <c r="D238" s="2">
        <v>153066</v>
      </c>
      <c r="E238" s="1" t="s">
        <v>0</v>
      </c>
    </row>
    <row r="239" spans="1:5" x14ac:dyDescent="0.25">
      <c r="A239" s="1" t="s">
        <v>13664</v>
      </c>
      <c r="B239" s="1" t="s">
        <v>5016</v>
      </c>
      <c r="C239" s="1" t="s">
        <v>13665</v>
      </c>
      <c r="D239" s="2">
        <v>153067</v>
      </c>
      <c r="E239" s="1" t="s">
        <v>0</v>
      </c>
    </row>
    <row r="240" spans="1:5" ht="409.5" x14ac:dyDescent="0.25">
      <c r="A240" s="4" t="s">
        <v>13666</v>
      </c>
      <c r="B240" s="1" t="s">
        <v>12954</v>
      </c>
      <c r="C240" s="1" t="s">
        <v>13667</v>
      </c>
      <c r="D240" s="2">
        <v>153068</v>
      </c>
      <c r="E240" s="1" t="s">
        <v>0</v>
      </c>
    </row>
    <row r="241" spans="1:5" x14ac:dyDescent="0.25">
      <c r="A241" s="1" t="s">
        <v>13668</v>
      </c>
      <c r="B241" s="1" t="s">
        <v>47</v>
      </c>
      <c r="C241" s="1" t="s">
        <v>13669</v>
      </c>
      <c r="D241" s="2">
        <v>153069</v>
      </c>
      <c r="E241" s="1" t="s">
        <v>0</v>
      </c>
    </row>
    <row r="242" spans="1:5" x14ac:dyDescent="0.25">
      <c r="A242" s="2">
        <v>48</v>
      </c>
      <c r="B242" s="2">
        <v>48</v>
      </c>
      <c r="C242" s="1" t="s">
        <v>0</v>
      </c>
      <c r="D242" s="2">
        <v>153070</v>
      </c>
      <c r="E242" s="1" t="s">
        <v>0</v>
      </c>
    </row>
    <row r="243" spans="1:5" x14ac:dyDescent="0.25">
      <c r="A243" s="1" t="s">
        <v>48</v>
      </c>
      <c r="B243" s="1" t="s">
        <v>5017</v>
      </c>
      <c r="C243" s="1" t="s">
        <v>13670</v>
      </c>
      <c r="D243" s="2">
        <v>153071</v>
      </c>
      <c r="E243" s="1" t="s">
        <v>0</v>
      </c>
    </row>
    <row r="244" spans="1:5" x14ac:dyDescent="0.25">
      <c r="A244" s="1" t="s">
        <v>13671</v>
      </c>
      <c r="B244" s="1" t="s">
        <v>51163</v>
      </c>
      <c r="C244" s="1" t="s">
        <v>13672</v>
      </c>
      <c r="D244" s="2">
        <v>153072</v>
      </c>
      <c r="E244" s="1" t="s">
        <v>0</v>
      </c>
    </row>
    <row r="245" spans="1:5" ht="409.5" x14ac:dyDescent="0.25">
      <c r="A245" s="4" t="s">
        <v>13673</v>
      </c>
      <c r="B245" s="1" t="s">
        <v>63164</v>
      </c>
      <c r="C245" s="1" t="s">
        <v>13674</v>
      </c>
      <c r="D245" s="2">
        <v>153073</v>
      </c>
      <c r="E245" s="1" t="s">
        <v>0</v>
      </c>
    </row>
    <row r="246" spans="1:5" x14ac:dyDescent="0.25">
      <c r="A246" s="1" t="s">
        <v>13675</v>
      </c>
      <c r="B246" s="1" t="s">
        <v>5018</v>
      </c>
      <c r="C246" s="1" t="s">
        <v>13676</v>
      </c>
      <c r="D246" s="2">
        <v>153074</v>
      </c>
      <c r="E246" s="1" t="s">
        <v>0</v>
      </c>
    </row>
    <row r="247" spans="1:5" x14ac:dyDescent="0.25">
      <c r="A247" s="2">
        <v>49</v>
      </c>
      <c r="B247" s="2">
        <v>49</v>
      </c>
      <c r="C247" s="1" t="s">
        <v>0</v>
      </c>
      <c r="D247" s="2">
        <v>153075</v>
      </c>
      <c r="E247" s="1" t="s">
        <v>0</v>
      </c>
    </row>
    <row r="248" spans="1:5" x14ac:dyDescent="0.25">
      <c r="A248" s="1" t="s">
        <v>49</v>
      </c>
      <c r="B248" s="1" t="s">
        <v>58125</v>
      </c>
      <c r="C248" s="1" t="s">
        <v>13677</v>
      </c>
      <c r="D248" s="2">
        <v>153076</v>
      </c>
      <c r="E248" s="1" t="s">
        <v>0</v>
      </c>
    </row>
    <row r="249" spans="1:5" x14ac:dyDescent="0.25">
      <c r="A249" s="1" t="s">
        <v>13678</v>
      </c>
      <c r="B249" s="1" t="s">
        <v>61934</v>
      </c>
      <c r="C249" s="1" t="s">
        <v>13679</v>
      </c>
      <c r="D249" s="2">
        <v>153077</v>
      </c>
      <c r="E249" s="1" t="s">
        <v>0</v>
      </c>
    </row>
    <row r="250" spans="1:5" ht="409.5" x14ac:dyDescent="0.25">
      <c r="A250" s="4" t="s">
        <v>13680</v>
      </c>
      <c r="B250" s="1" t="s">
        <v>61935</v>
      </c>
      <c r="C250" s="1" t="s">
        <v>13681</v>
      </c>
      <c r="D250" s="2">
        <v>153078</v>
      </c>
      <c r="E250" s="1" t="s">
        <v>0</v>
      </c>
    </row>
    <row r="251" spans="1:5" x14ac:dyDescent="0.25">
      <c r="A251" s="1" t="s">
        <v>13682</v>
      </c>
      <c r="B251" s="1" t="s">
        <v>51164</v>
      </c>
      <c r="C251" s="1" t="s">
        <v>13683</v>
      </c>
      <c r="D251" s="2">
        <v>153079</v>
      </c>
      <c r="E251" s="1" t="s">
        <v>0</v>
      </c>
    </row>
    <row r="252" spans="1:5" x14ac:dyDescent="0.25">
      <c r="A252" s="2">
        <v>50</v>
      </c>
      <c r="B252" s="2">
        <v>50</v>
      </c>
      <c r="C252" s="1" t="s">
        <v>0</v>
      </c>
      <c r="D252" s="2">
        <v>153080</v>
      </c>
      <c r="E252" s="1" t="s">
        <v>0</v>
      </c>
    </row>
    <row r="253" spans="1:5" x14ac:dyDescent="0.25">
      <c r="A253" s="1" t="s">
        <v>50</v>
      </c>
      <c r="B253" s="1" t="s">
        <v>5019</v>
      </c>
      <c r="C253" s="1" t="s">
        <v>13684</v>
      </c>
      <c r="D253" s="2">
        <v>153081</v>
      </c>
      <c r="E253" s="1" t="s">
        <v>0</v>
      </c>
    </row>
    <row r="254" spans="1:5" x14ac:dyDescent="0.25">
      <c r="A254" s="1" t="s">
        <v>13685</v>
      </c>
      <c r="B254" s="1" t="s">
        <v>5020</v>
      </c>
      <c r="C254" s="1" t="s">
        <v>13686</v>
      </c>
      <c r="D254" s="2">
        <v>153082</v>
      </c>
      <c r="E254" s="1" t="s">
        <v>0</v>
      </c>
    </row>
    <row r="255" spans="1:5" ht="409.5" x14ac:dyDescent="0.25">
      <c r="A255" s="4" t="s">
        <v>13687</v>
      </c>
      <c r="B255" s="1" t="s">
        <v>63165</v>
      </c>
      <c r="C255" s="1" t="s">
        <v>13688</v>
      </c>
      <c r="D255" s="2">
        <v>153083</v>
      </c>
      <c r="E255" s="1" t="s">
        <v>0</v>
      </c>
    </row>
    <row r="256" spans="1:5" x14ac:dyDescent="0.25">
      <c r="A256" s="1" t="s">
        <v>13689</v>
      </c>
      <c r="B256" s="1" t="s">
        <v>51165</v>
      </c>
      <c r="C256" s="1" t="s">
        <v>13690</v>
      </c>
      <c r="D256" s="2">
        <v>153084</v>
      </c>
      <c r="E256" s="1" t="s">
        <v>0</v>
      </c>
    </row>
    <row r="257" spans="1:5" x14ac:dyDescent="0.25">
      <c r="A257" s="2">
        <v>51</v>
      </c>
      <c r="B257" s="2">
        <v>51</v>
      </c>
      <c r="C257" s="1" t="s">
        <v>0</v>
      </c>
      <c r="D257" s="2">
        <v>153085</v>
      </c>
      <c r="E257" s="1" t="s">
        <v>0</v>
      </c>
    </row>
    <row r="258" spans="1:5" x14ac:dyDescent="0.25">
      <c r="A258" s="1" t="s">
        <v>51</v>
      </c>
      <c r="B258" s="1" t="s">
        <v>5021</v>
      </c>
      <c r="C258" s="1" t="s">
        <v>13691</v>
      </c>
      <c r="D258" s="2">
        <v>153086</v>
      </c>
      <c r="E258" s="1" t="s">
        <v>0</v>
      </c>
    </row>
    <row r="259" spans="1:5" x14ac:dyDescent="0.25">
      <c r="A259" s="1" t="s">
        <v>13692</v>
      </c>
      <c r="B259" s="1" t="s">
        <v>56988</v>
      </c>
      <c r="C259" s="1" t="s">
        <v>13693</v>
      </c>
      <c r="D259" s="2">
        <v>153087</v>
      </c>
      <c r="E259" s="1" t="s">
        <v>0</v>
      </c>
    </row>
    <row r="260" spans="1:5" ht="409.5" x14ac:dyDescent="0.25">
      <c r="A260" s="4" t="s">
        <v>13694</v>
      </c>
      <c r="B260" s="1" t="s">
        <v>56989</v>
      </c>
      <c r="C260" s="1" t="s">
        <v>13695</v>
      </c>
      <c r="D260" s="2">
        <v>153088</v>
      </c>
      <c r="E260" s="1" t="s">
        <v>0</v>
      </c>
    </row>
    <row r="261" spans="1:5" x14ac:dyDescent="0.25">
      <c r="A261" s="1" t="s">
        <v>13696</v>
      </c>
      <c r="B261" s="1" t="s">
        <v>5022</v>
      </c>
      <c r="C261" s="1" t="s">
        <v>13697</v>
      </c>
      <c r="D261" s="2">
        <v>153089</v>
      </c>
      <c r="E261" s="1" t="s">
        <v>0</v>
      </c>
    </row>
    <row r="262" spans="1:5" x14ac:dyDescent="0.25">
      <c r="A262" s="2">
        <v>52</v>
      </c>
      <c r="B262" s="2">
        <v>52</v>
      </c>
      <c r="C262" s="1" t="s">
        <v>0</v>
      </c>
      <c r="D262" s="2">
        <v>153090</v>
      </c>
      <c r="E262" s="1" t="s">
        <v>0</v>
      </c>
    </row>
    <row r="263" spans="1:5" x14ac:dyDescent="0.25">
      <c r="A263" s="1" t="s">
        <v>52</v>
      </c>
      <c r="B263" s="1" t="s">
        <v>5023</v>
      </c>
      <c r="C263" s="1" t="s">
        <v>13698</v>
      </c>
      <c r="D263" s="2">
        <v>153091</v>
      </c>
      <c r="E263" s="1" t="s">
        <v>0</v>
      </c>
    </row>
    <row r="264" spans="1:5" x14ac:dyDescent="0.25">
      <c r="A264" s="1" t="s">
        <v>13699</v>
      </c>
      <c r="B264" s="1" t="s">
        <v>63591</v>
      </c>
      <c r="C264" s="1" t="s">
        <v>13700</v>
      </c>
      <c r="D264" s="2">
        <v>153092</v>
      </c>
      <c r="E264" s="1" t="s">
        <v>0</v>
      </c>
    </row>
    <row r="265" spans="1:5" ht="409.5" x14ac:dyDescent="0.25">
      <c r="A265" s="4" t="s">
        <v>13701</v>
      </c>
      <c r="B265" s="1" t="s">
        <v>63592</v>
      </c>
      <c r="C265" s="1" t="s">
        <v>13702</v>
      </c>
      <c r="D265" s="2">
        <v>153093</v>
      </c>
      <c r="E265" s="1" t="s">
        <v>0</v>
      </c>
    </row>
    <row r="266" spans="1:5" x14ac:dyDescent="0.25">
      <c r="A266" s="1" t="s">
        <v>13413</v>
      </c>
      <c r="B266" s="1" t="s">
        <v>60845</v>
      </c>
      <c r="C266" s="1" t="s">
        <v>13414</v>
      </c>
      <c r="D266" s="2">
        <v>153094</v>
      </c>
      <c r="E266" s="1" t="s">
        <v>0</v>
      </c>
    </row>
    <row r="267" spans="1:5" x14ac:dyDescent="0.25">
      <c r="A267" s="2">
        <v>53</v>
      </c>
      <c r="B267" s="2">
        <v>53</v>
      </c>
      <c r="C267" s="1" t="s">
        <v>0</v>
      </c>
      <c r="D267" s="2">
        <v>153095</v>
      </c>
      <c r="E267" s="1" t="s">
        <v>0</v>
      </c>
    </row>
    <row r="268" spans="1:5" x14ac:dyDescent="0.25">
      <c r="A268" s="1" t="s">
        <v>53</v>
      </c>
      <c r="B268" s="1" t="s">
        <v>5024</v>
      </c>
      <c r="C268" s="1" t="s">
        <v>13703</v>
      </c>
      <c r="D268" s="2">
        <v>153096</v>
      </c>
      <c r="E268" s="1" t="s">
        <v>0</v>
      </c>
    </row>
    <row r="269" spans="1:5" x14ac:dyDescent="0.25">
      <c r="A269" s="1" t="s">
        <v>13704</v>
      </c>
      <c r="B269" s="1" t="s">
        <v>51166</v>
      </c>
      <c r="C269" s="1" t="s">
        <v>13705</v>
      </c>
      <c r="D269" s="2">
        <v>153097</v>
      </c>
      <c r="E269" s="1" t="s">
        <v>0</v>
      </c>
    </row>
    <row r="270" spans="1:5" ht="409.5" x14ac:dyDescent="0.25">
      <c r="A270" s="4" t="s">
        <v>13706</v>
      </c>
      <c r="B270" s="1" t="s">
        <v>51167</v>
      </c>
      <c r="C270" s="1" t="s">
        <v>13707</v>
      </c>
      <c r="D270" s="2">
        <v>153098</v>
      </c>
      <c r="E270" s="1" t="s">
        <v>0</v>
      </c>
    </row>
    <row r="271" spans="1:5" x14ac:dyDescent="0.25">
      <c r="A271" s="1" t="s">
        <v>13708</v>
      </c>
      <c r="B271" s="1" t="s">
        <v>5025</v>
      </c>
      <c r="C271" s="1" t="s">
        <v>13709</v>
      </c>
      <c r="D271" s="2">
        <v>153099</v>
      </c>
      <c r="E271" s="1" t="s">
        <v>0</v>
      </c>
    </row>
    <row r="272" spans="1:5" x14ac:dyDescent="0.25">
      <c r="A272" s="2">
        <v>54</v>
      </c>
      <c r="B272" s="2">
        <v>54</v>
      </c>
      <c r="C272" s="1" t="s">
        <v>0</v>
      </c>
      <c r="D272" s="2">
        <v>153100</v>
      </c>
      <c r="E272" s="1" t="s">
        <v>0</v>
      </c>
    </row>
    <row r="273" spans="1:5" x14ac:dyDescent="0.25">
      <c r="A273" s="1" t="s">
        <v>54</v>
      </c>
      <c r="B273" s="1" t="s">
        <v>5026</v>
      </c>
      <c r="C273" s="1" t="s">
        <v>13710</v>
      </c>
      <c r="D273" s="2">
        <v>153101</v>
      </c>
      <c r="E273" s="1" t="s">
        <v>0</v>
      </c>
    </row>
    <row r="274" spans="1:5" x14ac:dyDescent="0.25">
      <c r="A274" s="1" t="s">
        <v>13711</v>
      </c>
      <c r="B274" s="1" t="s">
        <v>5027</v>
      </c>
      <c r="C274" s="1" t="s">
        <v>13712</v>
      </c>
      <c r="D274" s="2">
        <v>153102</v>
      </c>
      <c r="E274" s="1" t="s">
        <v>0</v>
      </c>
    </row>
    <row r="275" spans="1:5" ht="409.5" x14ac:dyDescent="0.25">
      <c r="A275" s="4" t="s">
        <v>13713</v>
      </c>
      <c r="B275" s="1" t="s">
        <v>57666</v>
      </c>
      <c r="C275" s="1" t="s">
        <v>13714</v>
      </c>
      <c r="D275" s="2">
        <v>153103</v>
      </c>
      <c r="E275" s="1" t="s">
        <v>0</v>
      </c>
    </row>
    <row r="276" spans="1:5" x14ac:dyDescent="0.25">
      <c r="A276" s="1" t="s">
        <v>13715</v>
      </c>
      <c r="B276" s="1" t="s">
        <v>51168</v>
      </c>
      <c r="C276" s="1" t="s">
        <v>13716</v>
      </c>
      <c r="D276" s="2">
        <v>153104</v>
      </c>
      <c r="E276" s="1" t="s">
        <v>0</v>
      </c>
    </row>
    <row r="277" spans="1:5" x14ac:dyDescent="0.25">
      <c r="A277" s="2">
        <v>55</v>
      </c>
      <c r="B277" s="2">
        <v>55</v>
      </c>
      <c r="C277" s="1" t="s">
        <v>0</v>
      </c>
      <c r="D277" s="2">
        <v>153105</v>
      </c>
      <c r="E277" s="1" t="s">
        <v>0</v>
      </c>
    </row>
    <row r="278" spans="1:5" x14ac:dyDescent="0.25">
      <c r="A278" s="1" t="s">
        <v>55</v>
      </c>
      <c r="B278" s="1" t="s">
        <v>5028</v>
      </c>
      <c r="C278" s="1" t="s">
        <v>13717</v>
      </c>
      <c r="D278" s="2">
        <v>153106</v>
      </c>
      <c r="E278" s="1" t="s">
        <v>0</v>
      </c>
    </row>
    <row r="279" spans="1:5" x14ac:dyDescent="0.25">
      <c r="A279" s="1" t="s">
        <v>13718</v>
      </c>
      <c r="B279" s="1" t="s">
        <v>56990</v>
      </c>
      <c r="C279" s="1" t="s">
        <v>13719</v>
      </c>
      <c r="D279" s="2">
        <v>153107</v>
      </c>
      <c r="E279" s="1" t="s">
        <v>0</v>
      </c>
    </row>
    <row r="280" spans="1:5" ht="409.5" x14ac:dyDescent="0.25">
      <c r="A280" s="4" t="s">
        <v>13720</v>
      </c>
      <c r="B280" s="1" t="s">
        <v>56991</v>
      </c>
      <c r="C280" s="1" t="s">
        <v>13721</v>
      </c>
      <c r="D280" s="2">
        <v>153108</v>
      </c>
      <c r="E280" s="1" t="s">
        <v>0</v>
      </c>
    </row>
    <row r="281" spans="1:5" x14ac:dyDescent="0.25">
      <c r="A281" s="1" t="s">
        <v>13722</v>
      </c>
      <c r="B281" s="1" t="s">
        <v>5029</v>
      </c>
      <c r="C281" s="1" t="s">
        <v>13723</v>
      </c>
      <c r="D281" s="2">
        <v>153109</v>
      </c>
      <c r="E281" s="1" t="s">
        <v>0</v>
      </c>
    </row>
    <row r="282" spans="1:5" x14ac:dyDescent="0.25">
      <c r="A282" s="2">
        <v>56</v>
      </c>
      <c r="B282" s="2">
        <v>56</v>
      </c>
      <c r="C282" s="1" t="s">
        <v>0</v>
      </c>
      <c r="D282" s="2">
        <v>153110</v>
      </c>
      <c r="E282" s="1" t="s">
        <v>0</v>
      </c>
    </row>
    <row r="283" spans="1:5" x14ac:dyDescent="0.25">
      <c r="A283" s="1" t="s">
        <v>56</v>
      </c>
      <c r="B283" s="1" t="s">
        <v>57370</v>
      </c>
      <c r="C283" s="1" t="s">
        <v>13724</v>
      </c>
      <c r="D283" s="2">
        <v>153111</v>
      </c>
      <c r="E283" s="1" t="s">
        <v>0</v>
      </c>
    </row>
    <row r="284" spans="1:5" x14ac:dyDescent="0.25">
      <c r="A284" s="1" t="s">
        <v>13725</v>
      </c>
      <c r="B284" s="1" t="s">
        <v>60685</v>
      </c>
      <c r="C284" s="1" t="s">
        <v>13726</v>
      </c>
      <c r="D284" s="2">
        <v>153112</v>
      </c>
      <c r="E284" s="1" t="s">
        <v>0</v>
      </c>
    </row>
    <row r="285" spans="1:5" ht="409.5" x14ac:dyDescent="0.25">
      <c r="A285" s="4" t="s">
        <v>13727</v>
      </c>
      <c r="B285" s="1" t="s">
        <v>60686</v>
      </c>
      <c r="C285" s="1" t="s">
        <v>13728</v>
      </c>
      <c r="D285" s="2">
        <v>153113</v>
      </c>
      <c r="E285" s="1" t="s">
        <v>0</v>
      </c>
    </row>
    <row r="286" spans="1:5" x14ac:dyDescent="0.25">
      <c r="A286" s="1" t="s">
        <v>13729</v>
      </c>
      <c r="B286" s="1" t="s">
        <v>57371</v>
      </c>
      <c r="C286" s="1" t="s">
        <v>13730</v>
      </c>
      <c r="D286" s="2">
        <v>153114</v>
      </c>
      <c r="E286" s="1" t="s">
        <v>0</v>
      </c>
    </row>
    <row r="287" spans="1:5" x14ac:dyDescent="0.25">
      <c r="A287" s="2">
        <v>57</v>
      </c>
      <c r="B287" s="2">
        <v>57</v>
      </c>
      <c r="C287" s="1" t="s">
        <v>0</v>
      </c>
      <c r="D287" s="2">
        <v>153115</v>
      </c>
      <c r="E287" s="1" t="s">
        <v>0</v>
      </c>
    </row>
    <row r="288" spans="1:5" x14ac:dyDescent="0.25">
      <c r="A288" s="1" t="s">
        <v>57</v>
      </c>
      <c r="B288" s="1" t="s">
        <v>5030</v>
      </c>
      <c r="C288" s="1" t="s">
        <v>13731</v>
      </c>
      <c r="D288" s="2">
        <v>153116</v>
      </c>
      <c r="E288" s="1" t="s">
        <v>0</v>
      </c>
    </row>
    <row r="289" spans="1:5" x14ac:dyDescent="0.25">
      <c r="A289" s="1" t="s">
        <v>13732</v>
      </c>
      <c r="B289" s="1" t="s">
        <v>51169</v>
      </c>
      <c r="C289" s="1" t="s">
        <v>13733</v>
      </c>
      <c r="D289" s="2">
        <v>153117</v>
      </c>
      <c r="E289" s="1" t="s">
        <v>0</v>
      </c>
    </row>
    <row r="290" spans="1:5" ht="409.5" x14ac:dyDescent="0.25">
      <c r="A290" s="4" t="s">
        <v>13734</v>
      </c>
      <c r="B290" s="1" t="s">
        <v>51170</v>
      </c>
      <c r="C290" s="1" t="s">
        <v>13735</v>
      </c>
      <c r="D290" s="2">
        <v>153118</v>
      </c>
      <c r="E290" s="1" t="s">
        <v>0</v>
      </c>
    </row>
    <row r="291" spans="1:5" x14ac:dyDescent="0.25">
      <c r="A291" s="1" t="s">
        <v>13736</v>
      </c>
      <c r="B291" s="1" t="s">
        <v>5031</v>
      </c>
      <c r="C291" s="1" t="s">
        <v>13737</v>
      </c>
      <c r="D291" s="2">
        <v>153119</v>
      </c>
      <c r="E291" s="1" t="s">
        <v>0</v>
      </c>
    </row>
    <row r="292" spans="1:5" x14ac:dyDescent="0.25">
      <c r="A292" s="2">
        <v>58</v>
      </c>
      <c r="B292" s="2">
        <v>58</v>
      </c>
      <c r="C292" s="1" t="s">
        <v>0</v>
      </c>
      <c r="D292" s="2">
        <v>153120</v>
      </c>
      <c r="E292" s="1" t="s">
        <v>0</v>
      </c>
    </row>
    <row r="293" spans="1:5" x14ac:dyDescent="0.25">
      <c r="A293" s="1" t="s">
        <v>58</v>
      </c>
      <c r="B293" s="1" t="s">
        <v>5032</v>
      </c>
      <c r="C293" s="1" t="s">
        <v>13738</v>
      </c>
      <c r="D293" s="2">
        <v>153121</v>
      </c>
      <c r="E293" s="1" t="s">
        <v>0</v>
      </c>
    </row>
    <row r="294" spans="1:5" x14ac:dyDescent="0.25">
      <c r="A294" s="1" t="s">
        <v>13739</v>
      </c>
      <c r="B294" s="1" t="s">
        <v>5033</v>
      </c>
      <c r="C294" s="1" t="s">
        <v>13740</v>
      </c>
      <c r="D294" s="2">
        <v>153122</v>
      </c>
      <c r="E294" s="1" t="s">
        <v>0</v>
      </c>
    </row>
    <row r="295" spans="1:5" ht="409.5" x14ac:dyDescent="0.25">
      <c r="A295" s="4" t="s">
        <v>13741</v>
      </c>
      <c r="B295" s="1" t="s">
        <v>59537</v>
      </c>
      <c r="C295" s="1" t="s">
        <v>13742</v>
      </c>
      <c r="D295" s="2">
        <v>153123</v>
      </c>
      <c r="E295" s="1" t="s">
        <v>0</v>
      </c>
    </row>
    <row r="296" spans="1:5" x14ac:dyDescent="0.25">
      <c r="A296" s="1" t="s">
        <v>13743</v>
      </c>
      <c r="B296" s="1" t="s">
        <v>51171</v>
      </c>
      <c r="C296" s="1" t="s">
        <v>13744</v>
      </c>
      <c r="D296" s="2">
        <v>153124</v>
      </c>
      <c r="E296" s="1" t="s">
        <v>0</v>
      </c>
    </row>
    <row r="297" spans="1:5" x14ac:dyDescent="0.25">
      <c r="A297" s="2">
        <v>59</v>
      </c>
      <c r="B297" s="2">
        <v>59</v>
      </c>
      <c r="C297" s="1" t="s">
        <v>0</v>
      </c>
      <c r="D297" s="2">
        <v>153125</v>
      </c>
      <c r="E297" s="1" t="s">
        <v>0</v>
      </c>
    </row>
    <row r="298" spans="1:5" x14ac:dyDescent="0.25">
      <c r="A298" s="1" t="s">
        <v>59</v>
      </c>
      <c r="B298" s="1" t="s">
        <v>5034</v>
      </c>
      <c r="C298" s="1" t="s">
        <v>13745</v>
      </c>
      <c r="D298" s="2">
        <v>153126</v>
      </c>
      <c r="E298" s="1" t="s">
        <v>0</v>
      </c>
    </row>
    <row r="299" spans="1:5" x14ac:dyDescent="0.25">
      <c r="A299" s="1" t="s">
        <v>13746</v>
      </c>
      <c r="B299" s="1" t="s">
        <v>58126</v>
      </c>
      <c r="C299" s="1" t="s">
        <v>13747</v>
      </c>
      <c r="D299" s="2">
        <v>153127</v>
      </c>
      <c r="E299" s="1" t="s">
        <v>0</v>
      </c>
    </row>
    <row r="300" spans="1:5" x14ac:dyDescent="0.25">
      <c r="A300" s="1" t="s">
        <v>13748</v>
      </c>
      <c r="B300" s="1" t="s">
        <v>58127</v>
      </c>
      <c r="C300" s="1" t="s">
        <v>13749</v>
      </c>
      <c r="D300" s="2">
        <v>153128</v>
      </c>
      <c r="E300" s="1" t="s">
        <v>0</v>
      </c>
    </row>
    <row r="301" spans="1:5" x14ac:dyDescent="0.25">
      <c r="A301" s="1" t="s">
        <v>13750</v>
      </c>
      <c r="B301" s="1" t="s">
        <v>51172</v>
      </c>
      <c r="C301" s="1" t="s">
        <v>13751</v>
      </c>
      <c r="D301" s="2">
        <v>153129</v>
      </c>
      <c r="E301" s="1" t="s">
        <v>0</v>
      </c>
    </row>
    <row r="302" spans="1:5" x14ac:dyDescent="0.25">
      <c r="A302" s="2">
        <v>60</v>
      </c>
      <c r="B302" s="2">
        <v>60</v>
      </c>
      <c r="C302" s="1" t="s">
        <v>0</v>
      </c>
      <c r="D302" s="2">
        <v>153130</v>
      </c>
      <c r="E302" s="1" t="s">
        <v>0</v>
      </c>
    </row>
    <row r="303" spans="1:5" x14ac:dyDescent="0.25">
      <c r="A303" s="1" t="s">
        <v>60</v>
      </c>
      <c r="B303" s="1" t="s">
        <v>51173</v>
      </c>
      <c r="C303" s="1" t="s">
        <v>13752</v>
      </c>
      <c r="D303" s="2">
        <v>153131</v>
      </c>
      <c r="E303" s="1" t="s">
        <v>0</v>
      </c>
    </row>
    <row r="304" spans="1:5" x14ac:dyDescent="0.25">
      <c r="A304" s="1" t="s">
        <v>13753</v>
      </c>
      <c r="B304" s="1" t="s">
        <v>57105</v>
      </c>
      <c r="C304" s="1" t="s">
        <v>13754</v>
      </c>
      <c r="D304" s="2">
        <v>153132</v>
      </c>
      <c r="E304" s="1" t="s">
        <v>0</v>
      </c>
    </row>
    <row r="305" spans="1:8" x14ac:dyDescent="0.25">
      <c r="A305" s="1" t="s">
        <v>13753</v>
      </c>
      <c r="B305" s="1" t="s">
        <v>57105</v>
      </c>
      <c r="C305" s="1" t="s">
        <v>13754</v>
      </c>
      <c r="D305" s="2">
        <v>153133</v>
      </c>
      <c r="E305" s="1" t="s">
        <v>0</v>
      </c>
    </row>
    <row r="306" spans="1:8" x14ac:dyDescent="0.25">
      <c r="A306" s="1" t="s">
        <v>13755</v>
      </c>
      <c r="B306" s="1" t="s">
        <v>5035</v>
      </c>
      <c r="C306" s="1" t="s">
        <v>13756</v>
      </c>
      <c r="D306" s="2">
        <v>153134</v>
      </c>
      <c r="E306" s="1" t="s">
        <v>0</v>
      </c>
    </row>
    <row r="307" spans="1:8" x14ac:dyDescent="0.25">
      <c r="A307" s="2">
        <v>61</v>
      </c>
      <c r="B307" s="2">
        <v>61</v>
      </c>
      <c r="C307" s="1" t="s">
        <v>0</v>
      </c>
      <c r="D307" s="2">
        <v>153135</v>
      </c>
      <c r="E307" s="1" t="s">
        <v>0</v>
      </c>
    </row>
    <row r="308" spans="1:8" x14ac:dyDescent="0.25">
      <c r="A308" s="1" t="s">
        <v>61</v>
      </c>
      <c r="B308" s="1" t="s">
        <v>5036</v>
      </c>
      <c r="C308" s="1" t="s">
        <v>13757</v>
      </c>
      <c r="D308" s="2">
        <v>153136</v>
      </c>
      <c r="E308" s="1" t="s">
        <v>0</v>
      </c>
    </row>
    <row r="309" spans="1:8" x14ac:dyDescent="0.25">
      <c r="A309" s="1" t="s">
        <v>13758</v>
      </c>
      <c r="B309" s="1" t="s">
        <v>51174</v>
      </c>
      <c r="C309" s="1" t="s">
        <v>13759</v>
      </c>
      <c r="D309" s="2">
        <v>153137</v>
      </c>
      <c r="E309" s="1" t="s">
        <v>0</v>
      </c>
    </row>
    <row r="310" spans="1:8" ht="409.5" x14ac:dyDescent="0.25">
      <c r="A310" s="4" t="s">
        <v>13760</v>
      </c>
      <c r="B310" s="1" t="s">
        <v>58128</v>
      </c>
      <c r="C310" s="1" t="s">
        <v>13761</v>
      </c>
      <c r="D310" s="2">
        <v>153138</v>
      </c>
      <c r="E310" s="1" t="s">
        <v>0</v>
      </c>
    </row>
    <row r="311" spans="1:8" x14ac:dyDescent="0.25">
      <c r="A311" s="1" t="s">
        <v>13762</v>
      </c>
      <c r="B311" s="1" t="s">
        <v>5037</v>
      </c>
      <c r="C311" s="1" t="s">
        <v>13763</v>
      </c>
      <c r="D311" s="2">
        <v>153139</v>
      </c>
      <c r="E311" s="1" t="s">
        <v>0</v>
      </c>
    </row>
    <row r="312" spans="1:8" x14ac:dyDescent="0.25">
      <c r="A312" s="2">
        <v>62</v>
      </c>
      <c r="B312" s="2">
        <v>62</v>
      </c>
      <c r="C312" s="1" t="s">
        <v>0</v>
      </c>
      <c r="D312" s="2">
        <v>153140</v>
      </c>
      <c r="E312" s="1" t="s">
        <v>0</v>
      </c>
    </row>
    <row r="313" spans="1:8" x14ac:dyDescent="0.25">
      <c r="A313" s="1" t="s">
        <v>12955</v>
      </c>
      <c r="B313" s="1" t="s">
        <v>12956</v>
      </c>
      <c r="C313" s="1" t="s">
        <v>13764</v>
      </c>
      <c r="D313" s="2">
        <v>153141</v>
      </c>
      <c r="E313" s="1" t="s">
        <v>0</v>
      </c>
    </row>
    <row r="314" spans="1:8" x14ac:dyDescent="0.25">
      <c r="A314" s="1" t="s">
        <v>13765</v>
      </c>
      <c r="B314" s="1" t="s">
        <v>5038</v>
      </c>
      <c r="C314" s="1" t="s">
        <v>50325</v>
      </c>
      <c r="D314" s="2">
        <v>153142</v>
      </c>
      <c r="E314" s="1" t="s">
        <v>0</v>
      </c>
      <c r="H314" t="s">
        <v>50324</v>
      </c>
    </row>
    <row r="315" spans="1:8" ht="409.5" x14ac:dyDescent="0.25">
      <c r="A315" s="4" t="s">
        <v>13766</v>
      </c>
      <c r="B315" s="1" t="s">
        <v>60482</v>
      </c>
      <c r="C315" s="1" t="s">
        <v>13767</v>
      </c>
      <c r="D315" s="2">
        <v>153143</v>
      </c>
      <c r="E315" s="1" t="s">
        <v>0</v>
      </c>
    </row>
    <row r="316" spans="1:8" x14ac:dyDescent="0.25">
      <c r="A316" s="1" t="s">
        <v>13768</v>
      </c>
      <c r="B316" s="1" t="s">
        <v>51175</v>
      </c>
      <c r="C316" s="1" t="s">
        <v>13769</v>
      </c>
      <c r="D316" s="2">
        <v>153144</v>
      </c>
      <c r="E316" s="1" t="s">
        <v>0</v>
      </c>
    </row>
    <row r="317" spans="1:8" x14ac:dyDescent="0.25">
      <c r="A317" s="2">
        <v>63</v>
      </c>
      <c r="B317" s="2">
        <v>63</v>
      </c>
      <c r="C317" s="1" t="s">
        <v>0</v>
      </c>
      <c r="D317" s="2">
        <v>153145</v>
      </c>
      <c r="E317" s="1" t="s">
        <v>0</v>
      </c>
    </row>
    <row r="318" spans="1:8" x14ac:dyDescent="0.25">
      <c r="A318" s="1" t="s">
        <v>62</v>
      </c>
      <c r="B318" s="1" t="s">
        <v>5039</v>
      </c>
      <c r="C318" s="1" t="s">
        <v>13770</v>
      </c>
      <c r="D318" s="2">
        <v>153146</v>
      </c>
      <c r="E318" s="1" t="s">
        <v>0</v>
      </c>
    </row>
    <row r="319" spans="1:8" x14ac:dyDescent="0.25">
      <c r="A319" s="1" t="s">
        <v>13771</v>
      </c>
      <c r="B319" s="1" t="s">
        <v>5040</v>
      </c>
      <c r="C319" s="1" t="s">
        <v>13772</v>
      </c>
      <c r="D319" s="2">
        <v>153147</v>
      </c>
      <c r="E319" s="1" t="s">
        <v>0</v>
      </c>
    </row>
    <row r="320" spans="1:8" ht="409.5" x14ac:dyDescent="0.25">
      <c r="A320" s="4" t="s">
        <v>13773</v>
      </c>
      <c r="B320" s="1" t="s">
        <v>57667</v>
      </c>
      <c r="C320" s="1" t="s">
        <v>13774</v>
      </c>
      <c r="D320" s="2">
        <v>153148</v>
      </c>
      <c r="E320" s="1" t="s">
        <v>0</v>
      </c>
    </row>
    <row r="321" spans="1:5" x14ac:dyDescent="0.25">
      <c r="A321" s="1" t="s">
        <v>13775</v>
      </c>
      <c r="B321" s="1" t="s">
        <v>5041</v>
      </c>
      <c r="C321" s="1" t="s">
        <v>13776</v>
      </c>
      <c r="D321" s="2">
        <v>153149</v>
      </c>
      <c r="E321" s="1" t="s">
        <v>0</v>
      </c>
    </row>
    <row r="322" spans="1:5" x14ac:dyDescent="0.25">
      <c r="A322" s="2">
        <v>64</v>
      </c>
      <c r="B322" s="2">
        <v>64</v>
      </c>
      <c r="C322" s="1" t="s">
        <v>0</v>
      </c>
      <c r="D322" s="2">
        <v>153150</v>
      </c>
      <c r="E322" s="1" t="s">
        <v>0</v>
      </c>
    </row>
    <row r="323" spans="1:5" x14ac:dyDescent="0.25">
      <c r="A323" s="1" t="s">
        <v>63</v>
      </c>
      <c r="B323" s="1" t="s">
        <v>5042</v>
      </c>
      <c r="C323" s="1" t="s">
        <v>13777</v>
      </c>
      <c r="D323" s="2">
        <v>153151</v>
      </c>
      <c r="E323" s="1" t="s">
        <v>0</v>
      </c>
    </row>
    <row r="324" spans="1:5" x14ac:dyDescent="0.25">
      <c r="A324" s="1" t="s">
        <v>13778</v>
      </c>
      <c r="B324" s="1" t="s">
        <v>12957</v>
      </c>
      <c r="C324" s="1" t="s">
        <v>13779</v>
      </c>
      <c r="D324" s="2">
        <v>153152</v>
      </c>
      <c r="E324" s="1" t="s">
        <v>0</v>
      </c>
    </row>
    <row r="325" spans="1:5" ht="409.5" x14ac:dyDescent="0.25">
      <c r="A325" s="4" t="s">
        <v>13780</v>
      </c>
      <c r="B325" s="1" t="s">
        <v>57668</v>
      </c>
      <c r="C325" s="1" t="s">
        <v>13781</v>
      </c>
      <c r="D325" s="2">
        <v>153153</v>
      </c>
      <c r="E325" s="1" t="s">
        <v>0</v>
      </c>
    </row>
    <row r="326" spans="1:5" x14ac:dyDescent="0.25">
      <c r="A326" s="1" t="s">
        <v>13782</v>
      </c>
      <c r="B326" s="1" t="s">
        <v>57669</v>
      </c>
      <c r="C326" s="1" t="s">
        <v>13783</v>
      </c>
      <c r="D326" s="2">
        <v>153154</v>
      </c>
      <c r="E326" s="1" t="s">
        <v>0</v>
      </c>
    </row>
    <row r="327" spans="1:5" x14ac:dyDescent="0.25">
      <c r="A327" s="2">
        <v>65</v>
      </c>
      <c r="B327" s="2">
        <v>65</v>
      </c>
      <c r="C327" s="1" t="s">
        <v>0</v>
      </c>
      <c r="D327" s="2">
        <v>153155</v>
      </c>
      <c r="E327" s="1" t="s">
        <v>0</v>
      </c>
    </row>
    <row r="328" spans="1:5" x14ac:dyDescent="0.25">
      <c r="A328" s="1" t="s">
        <v>5043</v>
      </c>
      <c r="B328" s="1" t="s">
        <v>5044</v>
      </c>
      <c r="C328" s="1" t="s">
        <v>13784</v>
      </c>
      <c r="D328" s="2">
        <v>153156</v>
      </c>
      <c r="E328" s="1" t="s">
        <v>0</v>
      </c>
    </row>
    <row r="329" spans="1:5" x14ac:dyDescent="0.25">
      <c r="A329" s="1" t="s">
        <v>13785</v>
      </c>
      <c r="B329" s="1" t="s">
        <v>51176</v>
      </c>
      <c r="C329" s="1" t="s">
        <v>13786</v>
      </c>
      <c r="D329" s="2">
        <v>153157</v>
      </c>
      <c r="E329" s="1" t="s">
        <v>0</v>
      </c>
    </row>
    <row r="330" spans="1:5" ht="409.5" x14ac:dyDescent="0.25">
      <c r="A330" s="4" t="s">
        <v>13787</v>
      </c>
      <c r="B330" s="1" t="s">
        <v>51177</v>
      </c>
      <c r="C330" s="1" t="s">
        <v>13788</v>
      </c>
      <c r="D330" s="2">
        <v>153158</v>
      </c>
      <c r="E330" s="1" t="s">
        <v>0</v>
      </c>
    </row>
    <row r="331" spans="1:5" x14ac:dyDescent="0.25">
      <c r="A331" s="1" t="s">
        <v>13789</v>
      </c>
      <c r="B331" s="1" t="s">
        <v>51178</v>
      </c>
      <c r="C331" s="1" t="s">
        <v>13790</v>
      </c>
      <c r="D331" s="2">
        <v>153159</v>
      </c>
      <c r="E331" s="1" t="s">
        <v>0</v>
      </c>
    </row>
    <row r="332" spans="1:5" x14ac:dyDescent="0.25">
      <c r="A332" s="2">
        <v>66</v>
      </c>
      <c r="B332" s="2">
        <v>66</v>
      </c>
      <c r="C332" s="1" t="s">
        <v>0</v>
      </c>
      <c r="D332" s="2">
        <v>153160</v>
      </c>
      <c r="E332" s="1" t="s">
        <v>0</v>
      </c>
    </row>
    <row r="333" spans="1:5" x14ac:dyDescent="0.25">
      <c r="A333" s="1" t="s">
        <v>64</v>
      </c>
      <c r="B333" s="1" t="s">
        <v>51179</v>
      </c>
      <c r="C333" s="1" t="s">
        <v>13791</v>
      </c>
      <c r="D333" s="2">
        <v>153161</v>
      </c>
      <c r="E333" s="1" t="s">
        <v>0</v>
      </c>
    </row>
    <row r="334" spans="1:5" x14ac:dyDescent="0.25">
      <c r="A334" s="1" t="s">
        <v>13792</v>
      </c>
      <c r="B334" s="1" t="s">
        <v>51180</v>
      </c>
      <c r="C334" s="1" t="s">
        <v>13793</v>
      </c>
      <c r="D334" s="2">
        <v>153162</v>
      </c>
      <c r="E334" s="1" t="s">
        <v>0</v>
      </c>
    </row>
    <row r="335" spans="1:5" ht="409.5" x14ac:dyDescent="0.25">
      <c r="A335" s="4" t="s">
        <v>13794</v>
      </c>
      <c r="B335" s="1" t="s">
        <v>51181</v>
      </c>
      <c r="C335" s="1" t="s">
        <v>13795</v>
      </c>
      <c r="D335" s="2">
        <v>153163</v>
      </c>
      <c r="E335" s="1" t="s">
        <v>0</v>
      </c>
    </row>
    <row r="336" spans="1:5" x14ac:dyDescent="0.25">
      <c r="A336" s="1" t="s">
        <v>13796</v>
      </c>
      <c r="B336" s="1" t="s">
        <v>5045</v>
      </c>
      <c r="C336" s="1" t="s">
        <v>13797</v>
      </c>
      <c r="D336" s="2">
        <v>153164</v>
      </c>
      <c r="E336" s="1" t="s">
        <v>0</v>
      </c>
    </row>
    <row r="337" spans="1:5" x14ac:dyDescent="0.25">
      <c r="A337" s="2">
        <v>67</v>
      </c>
      <c r="B337" s="2">
        <v>67</v>
      </c>
      <c r="C337" s="1" t="s">
        <v>0</v>
      </c>
      <c r="D337" s="2">
        <v>153165</v>
      </c>
      <c r="E337" s="1" t="s">
        <v>0</v>
      </c>
    </row>
    <row r="338" spans="1:5" x14ac:dyDescent="0.25">
      <c r="A338" s="1" t="s">
        <v>65</v>
      </c>
      <c r="B338" s="1" t="s">
        <v>51182</v>
      </c>
      <c r="C338" s="1" t="s">
        <v>13798</v>
      </c>
      <c r="D338" s="2">
        <v>153166</v>
      </c>
      <c r="E338" s="1" t="s">
        <v>0</v>
      </c>
    </row>
    <row r="339" spans="1:5" x14ac:dyDescent="0.25">
      <c r="A339" s="1" t="s">
        <v>13799</v>
      </c>
      <c r="B339" s="1" t="s">
        <v>59711</v>
      </c>
      <c r="C339" s="1" t="s">
        <v>13800</v>
      </c>
      <c r="D339" s="2">
        <v>153167</v>
      </c>
      <c r="E339" s="1" t="s">
        <v>0</v>
      </c>
    </row>
    <row r="340" spans="1:5" ht="409.5" x14ac:dyDescent="0.25">
      <c r="A340" s="4" t="s">
        <v>13801</v>
      </c>
      <c r="B340" s="1" t="s">
        <v>59712</v>
      </c>
      <c r="C340" s="1" t="s">
        <v>13802</v>
      </c>
      <c r="D340" s="2">
        <v>153168</v>
      </c>
      <c r="E340" s="1" t="s">
        <v>0</v>
      </c>
    </row>
    <row r="341" spans="1:5" x14ac:dyDescent="0.25">
      <c r="A341" s="1" t="s">
        <v>13803</v>
      </c>
      <c r="B341" s="1" t="s">
        <v>5046</v>
      </c>
      <c r="C341" s="1" t="s">
        <v>13804</v>
      </c>
      <c r="D341" s="2">
        <v>153169</v>
      </c>
      <c r="E341" s="1" t="s">
        <v>0</v>
      </c>
    </row>
    <row r="342" spans="1:5" x14ac:dyDescent="0.25">
      <c r="A342" s="2">
        <v>68</v>
      </c>
      <c r="B342" s="2">
        <v>68</v>
      </c>
      <c r="C342" s="1" t="s">
        <v>0</v>
      </c>
      <c r="D342" s="2">
        <v>153170</v>
      </c>
      <c r="E342" s="1" t="s">
        <v>0</v>
      </c>
    </row>
    <row r="343" spans="1:5" x14ac:dyDescent="0.25">
      <c r="A343" s="1" t="s">
        <v>5047</v>
      </c>
      <c r="B343" s="1" t="s">
        <v>5048</v>
      </c>
      <c r="C343" s="1" t="s">
        <v>13805</v>
      </c>
      <c r="D343" s="2">
        <v>153171</v>
      </c>
      <c r="E343" s="1" t="s">
        <v>0</v>
      </c>
    </row>
    <row r="344" spans="1:5" x14ac:dyDescent="0.25">
      <c r="A344" s="1" t="s">
        <v>13806</v>
      </c>
      <c r="B344" s="1" t="s">
        <v>50338</v>
      </c>
      <c r="C344" s="1" t="s">
        <v>13807</v>
      </c>
      <c r="D344" s="2">
        <v>153172</v>
      </c>
      <c r="E344" s="1" t="s">
        <v>0</v>
      </c>
    </row>
    <row r="345" spans="1:5" ht="409.5" x14ac:dyDescent="0.25">
      <c r="A345" s="4" t="s">
        <v>13808</v>
      </c>
      <c r="B345" s="1" t="s">
        <v>50339</v>
      </c>
      <c r="C345" s="1" t="s">
        <v>13809</v>
      </c>
      <c r="D345" s="2">
        <v>153173</v>
      </c>
      <c r="E345" s="1" t="s">
        <v>0</v>
      </c>
    </row>
    <row r="346" spans="1:5" x14ac:dyDescent="0.25">
      <c r="A346" s="1" t="s">
        <v>13810</v>
      </c>
      <c r="B346" s="1" t="s">
        <v>51183</v>
      </c>
      <c r="C346" s="1" t="s">
        <v>13811</v>
      </c>
      <c r="D346" s="2">
        <v>153174</v>
      </c>
      <c r="E346" s="1" t="s">
        <v>0</v>
      </c>
    </row>
    <row r="347" spans="1:5" x14ac:dyDescent="0.25">
      <c r="A347" s="2">
        <v>69</v>
      </c>
      <c r="B347" s="2">
        <v>69</v>
      </c>
      <c r="C347" s="1" t="s">
        <v>0</v>
      </c>
      <c r="D347" s="2">
        <v>153175</v>
      </c>
      <c r="E347" s="1" t="s">
        <v>0</v>
      </c>
    </row>
    <row r="348" spans="1:5" x14ac:dyDescent="0.25">
      <c r="A348" s="1" t="s">
        <v>66</v>
      </c>
      <c r="B348" s="1" t="s">
        <v>5049</v>
      </c>
      <c r="C348" s="1" t="s">
        <v>13812</v>
      </c>
      <c r="D348" s="2">
        <v>153176</v>
      </c>
      <c r="E348" s="1" t="s">
        <v>0</v>
      </c>
    </row>
    <row r="349" spans="1:5" x14ac:dyDescent="0.25">
      <c r="A349" s="1" t="s">
        <v>13813</v>
      </c>
      <c r="B349" s="1" t="s">
        <v>5050</v>
      </c>
      <c r="C349" s="1" t="s">
        <v>13814</v>
      </c>
      <c r="D349" s="2">
        <v>153177</v>
      </c>
      <c r="E349" s="1" t="s">
        <v>0</v>
      </c>
    </row>
    <row r="350" spans="1:5" ht="409.5" x14ac:dyDescent="0.25">
      <c r="A350" s="4" t="s">
        <v>13815</v>
      </c>
      <c r="B350" s="1" t="s">
        <v>58129</v>
      </c>
      <c r="C350" s="1" t="s">
        <v>13816</v>
      </c>
      <c r="D350" s="2">
        <v>153178</v>
      </c>
      <c r="E350" s="1" t="s">
        <v>0</v>
      </c>
    </row>
    <row r="351" spans="1:5" x14ac:dyDescent="0.25">
      <c r="A351" s="1" t="s">
        <v>13817</v>
      </c>
      <c r="B351" s="1" t="s">
        <v>60852</v>
      </c>
      <c r="C351" s="1" t="s">
        <v>13818</v>
      </c>
      <c r="D351" s="2">
        <v>153179</v>
      </c>
      <c r="E351" s="1" t="s">
        <v>0</v>
      </c>
    </row>
    <row r="352" spans="1:5" x14ac:dyDescent="0.25">
      <c r="A352" s="2">
        <v>70</v>
      </c>
      <c r="B352" s="2">
        <v>70</v>
      </c>
      <c r="C352" s="1" t="s">
        <v>0</v>
      </c>
      <c r="D352" s="2">
        <v>153180</v>
      </c>
      <c r="E352" s="1" t="s">
        <v>0</v>
      </c>
    </row>
    <row r="353" spans="1:5" x14ac:dyDescent="0.25">
      <c r="A353" s="1" t="s">
        <v>67</v>
      </c>
      <c r="B353" s="1" t="s">
        <v>51184</v>
      </c>
      <c r="C353" s="1" t="s">
        <v>13819</v>
      </c>
      <c r="D353" s="2">
        <v>153181</v>
      </c>
      <c r="E353" s="1" t="s">
        <v>0</v>
      </c>
    </row>
    <row r="354" spans="1:5" x14ac:dyDescent="0.25">
      <c r="A354" s="1" t="s">
        <v>13820</v>
      </c>
      <c r="B354" s="1" t="s">
        <v>51185</v>
      </c>
      <c r="C354" s="1" t="s">
        <v>13821</v>
      </c>
      <c r="D354" s="2">
        <v>153182</v>
      </c>
      <c r="E354" s="1" t="s">
        <v>0</v>
      </c>
    </row>
    <row r="355" spans="1:5" ht="409.5" x14ac:dyDescent="0.25">
      <c r="A355" s="4" t="s">
        <v>13822</v>
      </c>
      <c r="B355" s="1" t="s">
        <v>61936</v>
      </c>
      <c r="C355" s="1" t="s">
        <v>13823</v>
      </c>
      <c r="D355" s="2">
        <v>153183</v>
      </c>
      <c r="E355" s="1" t="s">
        <v>0</v>
      </c>
    </row>
    <row r="356" spans="1:5" x14ac:dyDescent="0.25">
      <c r="A356" s="1" t="s">
        <v>13824</v>
      </c>
      <c r="B356" s="1" t="s">
        <v>5051</v>
      </c>
      <c r="C356" s="1" t="s">
        <v>13825</v>
      </c>
      <c r="D356" s="2">
        <v>153184</v>
      </c>
      <c r="E356" s="1" t="s">
        <v>0</v>
      </c>
    </row>
    <row r="357" spans="1:5" x14ac:dyDescent="0.25">
      <c r="A357" s="2">
        <v>71</v>
      </c>
      <c r="B357" s="2">
        <v>71</v>
      </c>
      <c r="C357" s="1" t="s">
        <v>0</v>
      </c>
      <c r="D357" s="2">
        <v>153185</v>
      </c>
      <c r="E357" s="1" t="s">
        <v>0</v>
      </c>
    </row>
    <row r="358" spans="1:5" x14ac:dyDescent="0.25">
      <c r="A358" s="1" t="s">
        <v>68</v>
      </c>
      <c r="B358" s="1" t="s">
        <v>5052</v>
      </c>
      <c r="C358" s="1" t="s">
        <v>13826</v>
      </c>
      <c r="D358" s="2">
        <v>153186</v>
      </c>
      <c r="E358" s="1" t="s">
        <v>0</v>
      </c>
    </row>
    <row r="359" spans="1:5" x14ac:dyDescent="0.25">
      <c r="A359" s="1" t="s">
        <v>13827</v>
      </c>
      <c r="B359" s="1" t="s">
        <v>59538</v>
      </c>
      <c r="C359" s="1" t="s">
        <v>13828</v>
      </c>
      <c r="D359" s="2">
        <v>153187</v>
      </c>
      <c r="E359" s="1" t="s">
        <v>0</v>
      </c>
    </row>
    <row r="360" spans="1:5" ht="409.5" x14ac:dyDescent="0.25">
      <c r="A360" s="4" t="s">
        <v>13829</v>
      </c>
      <c r="B360" s="1" t="s">
        <v>59539</v>
      </c>
      <c r="C360" s="1" t="s">
        <v>13830</v>
      </c>
      <c r="D360" s="2">
        <v>153188</v>
      </c>
      <c r="E360" s="1" t="s">
        <v>0</v>
      </c>
    </row>
    <row r="361" spans="1:5" x14ac:dyDescent="0.25">
      <c r="A361" s="1" t="s">
        <v>13831</v>
      </c>
      <c r="B361" s="1" t="s">
        <v>51186</v>
      </c>
      <c r="C361" s="1" t="s">
        <v>13832</v>
      </c>
      <c r="D361" s="2">
        <v>153189</v>
      </c>
      <c r="E361" s="1" t="s">
        <v>0</v>
      </c>
    </row>
    <row r="362" spans="1:5" x14ac:dyDescent="0.25">
      <c r="A362" s="2">
        <v>72</v>
      </c>
      <c r="B362" s="2">
        <v>72</v>
      </c>
      <c r="C362" s="1" t="s">
        <v>0</v>
      </c>
      <c r="D362" s="2">
        <v>153190</v>
      </c>
      <c r="E362" s="1" t="s">
        <v>0</v>
      </c>
    </row>
    <row r="363" spans="1:5" x14ac:dyDescent="0.25">
      <c r="A363" s="1" t="s">
        <v>69</v>
      </c>
      <c r="B363" s="1" t="s">
        <v>5053</v>
      </c>
      <c r="C363" s="1" t="s">
        <v>13833</v>
      </c>
      <c r="D363" s="2">
        <v>153191</v>
      </c>
      <c r="E363" s="1" t="s">
        <v>0</v>
      </c>
    </row>
    <row r="364" spans="1:5" x14ac:dyDescent="0.25">
      <c r="A364" s="1" t="s">
        <v>13834</v>
      </c>
      <c r="B364" s="1" t="s">
        <v>57372</v>
      </c>
      <c r="C364" s="1" t="s">
        <v>13835</v>
      </c>
      <c r="D364" s="2">
        <v>153192</v>
      </c>
      <c r="E364" s="1" t="s">
        <v>0</v>
      </c>
    </row>
    <row r="365" spans="1:5" ht="409.5" x14ac:dyDescent="0.25">
      <c r="A365" s="4" t="s">
        <v>13836</v>
      </c>
      <c r="B365" s="1" t="s">
        <v>57373</v>
      </c>
      <c r="C365" s="1" t="s">
        <v>13837</v>
      </c>
      <c r="D365" s="2">
        <v>153193</v>
      </c>
      <c r="E365" s="1" t="s">
        <v>0</v>
      </c>
    </row>
    <row r="366" spans="1:5" x14ac:dyDescent="0.25">
      <c r="A366" s="1" t="s">
        <v>13838</v>
      </c>
      <c r="B366" s="1" t="s">
        <v>51187</v>
      </c>
      <c r="C366" s="1" t="s">
        <v>13839</v>
      </c>
      <c r="D366" s="2">
        <v>153194</v>
      </c>
      <c r="E366" s="1" t="s">
        <v>0</v>
      </c>
    </row>
    <row r="367" spans="1:5" x14ac:dyDescent="0.25">
      <c r="A367" s="2">
        <v>73</v>
      </c>
      <c r="B367" s="2">
        <v>73</v>
      </c>
      <c r="C367" s="1" t="s">
        <v>0</v>
      </c>
      <c r="D367" s="2">
        <v>153195</v>
      </c>
      <c r="E367" s="1" t="s">
        <v>0</v>
      </c>
    </row>
    <row r="368" spans="1:5" x14ac:dyDescent="0.25">
      <c r="A368" s="1" t="s">
        <v>70</v>
      </c>
      <c r="B368" s="1" t="s">
        <v>5054</v>
      </c>
      <c r="C368" s="1" t="s">
        <v>13840</v>
      </c>
      <c r="D368" s="2">
        <v>153196</v>
      </c>
      <c r="E368" s="1" t="s">
        <v>0</v>
      </c>
    </row>
    <row r="369" spans="1:5" x14ac:dyDescent="0.25">
      <c r="A369" s="1" t="s">
        <v>13841</v>
      </c>
      <c r="B369" s="1" t="s">
        <v>5055</v>
      </c>
      <c r="C369" s="1" t="s">
        <v>13842</v>
      </c>
      <c r="D369" s="2">
        <v>153197</v>
      </c>
      <c r="E369" s="1" t="s">
        <v>0</v>
      </c>
    </row>
    <row r="370" spans="1:5" ht="409.5" x14ac:dyDescent="0.25">
      <c r="A370" s="4" t="s">
        <v>13843</v>
      </c>
      <c r="B370" s="1" t="s">
        <v>5056</v>
      </c>
      <c r="C370" s="1" t="s">
        <v>13844</v>
      </c>
      <c r="D370" s="2">
        <v>153198</v>
      </c>
      <c r="E370" s="1" t="s">
        <v>0</v>
      </c>
    </row>
    <row r="371" spans="1:5" x14ac:dyDescent="0.25">
      <c r="A371" s="1" t="s">
        <v>13845</v>
      </c>
      <c r="B371" s="1" t="s">
        <v>60853</v>
      </c>
      <c r="C371" s="1" t="s">
        <v>13846</v>
      </c>
      <c r="D371" s="2">
        <v>153199</v>
      </c>
      <c r="E371" s="1" t="s">
        <v>0</v>
      </c>
    </row>
    <row r="372" spans="1:5" x14ac:dyDescent="0.25">
      <c r="A372" s="2">
        <v>74</v>
      </c>
      <c r="B372" s="2">
        <v>74</v>
      </c>
      <c r="C372" s="1" t="s">
        <v>0</v>
      </c>
      <c r="D372" s="2">
        <v>153200</v>
      </c>
      <c r="E372" s="1" t="s">
        <v>0</v>
      </c>
    </row>
    <row r="373" spans="1:5" x14ac:dyDescent="0.25">
      <c r="A373" s="1" t="s">
        <v>71</v>
      </c>
      <c r="B373" s="1" t="s">
        <v>5057</v>
      </c>
      <c r="C373" s="1" t="s">
        <v>13847</v>
      </c>
      <c r="D373" s="2">
        <v>153201</v>
      </c>
      <c r="E373" s="1" t="s">
        <v>0</v>
      </c>
    </row>
    <row r="374" spans="1:5" x14ac:dyDescent="0.25">
      <c r="A374" s="1" t="s">
        <v>13848</v>
      </c>
      <c r="B374" s="1" t="s">
        <v>51188</v>
      </c>
      <c r="C374" s="1" t="s">
        <v>13849</v>
      </c>
      <c r="D374" s="2">
        <v>153202</v>
      </c>
      <c r="E374" s="1" t="s">
        <v>0</v>
      </c>
    </row>
    <row r="375" spans="1:5" ht="409.5" x14ac:dyDescent="0.25">
      <c r="A375" s="4" t="s">
        <v>13850</v>
      </c>
      <c r="B375" s="1" t="s">
        <v>51189</v>
      </c>
      <c r="C375" s="1" t="s">
        <v>13851</v>
      </c>
      <c r="D375" s="2">
        <v>153203</v>
      </c>
      <c r="E375" s="1" t="s">
        <v>0</v>
      </c>
    </row>
    <row r="376" spans="1:5" x14ac:dyDescent="0.25">
      <c r="A376" s="1" t="s">
        <v>13852</v>
      </c>
      <c r="B376" s="1" t="s">
        <v>5058</v>
      </c>
      <c r="C376" s="1" t="s">
        <v>13853</v>
      </c>
      <c r="D376" s="2">
        <v>153204</v>
      </c>
      <c r="E376" s="1" t="s">
        <v>0</v>
      </c>
    </row>
    <row r="377" spans="1:5" x14ac:dyDescent="0.25">
      <c r="A377" s="2">
        <v>75</v>
      </c>
      <c r="B377" s="2">
        <v>75</v>
      </c>
      <c r="C377" s="1" t="s">
        <v>0</v>
      </c>
      <c r="D377" s="2">
        <v>153205</v>
      </c>
      <c r="E377" s="1" t="s">
        <v>0</v>
      </c>
    </row>
    <row r="378" spans="1:5" x14ac:dyDescent="0.25">
      <c r="A378" s="1" t="s">
        <v>72</v>
      </c>
      <c r="B378" s="1" t="s">
        <v>51190</v>
      </c>
      <c r="C378" s="1" t="s">
        <v>13854</v>
      </c>
      <c r="D378" s="2">
        <v>153206</v>
      </c>
      <c r="E378" s="1" t="s">
        <v>0</v>
      </c>
    </row>
    <row r="379" spans="1:5" x14ac:dyDescent="0.25">
      <c r="A379" s="1" t="s">
        <v>13855</v>
      </c>
      <c r="B379" s="1" t="s">
        <v>61937</v>
      </c>
      <c r="C379" s="1" t="s">
        <v>13856</v>
      </c>
      <c r="D379" s="2">
        <v>153207</v>
      </c>
      <c r="E379" s="1" t="s">
        <v>0</v>
      </c>
    </row>
    <row r="380" spans="1:5" ht="409.5" x14ac:dyDescent="0.25">
      <c r="A380" s="4" t="s">
        <v>13857</v>
      </c>
      <c r="B380" s="1" t="s">
        <v>61938</v>
      </c>
      <c r="C380" s="1" t="s">
        <v>13858</v>
      </c>
      <c r="D380" s="2">
        <v>153208</v>
      </c>
      <c r="E380" s="1" t="s">
        <v>0</v>
      </c>
    </row>
    <row r="381" spans="1:5" x14ac:dyDescent="0.25">
      <c r="A381" s="1" t="s">
        <v>13859</v>
      </c>
      <c r="B381" s="1" t="s">
        <v>51191</v>
      </c>
      <c r="C381" s="1" t="s">
        <v>13860</v>
      </c>
      <c r="D381" s="2">
        <v>153209</v>
      </c>
      <c r="E381" s="1" t="s">
        <v>0</v>
      </c>
    </row>
    <row r="382" spans="1:5" x14ac:dyDescent="0.25">
      <c r="A382" s="2">
        <v>76</v>
      </c>
      <c r="B382" s="2">
        <v>76</v>
      </c>
      <c r="C382" s="1" t="s">
        <v>0</v>
      </c>
      <c r="D382" s="2">
        <v>153210</v>
      </c>
      <c r="E382" s="1" t="s">
        <v>0</v>
      </c>
    </row>
    <row r="383" spans="1:5" x14ac:dyDescent="0.25">
      <c r="A383" s="1" t="s">
        <v>73</v>
      </c>
      <c r="B383" s="1" t="s">
        <v>5059</v>
      </c>
      <c r="C383" s="1" t="s">
        <v>13861</v>
      </c>
      <c r="D383" s="2">
        <v>153211</v>
      </c>
      <c r="E383" s="1" t="s">
        <v>0</v>
      </c>
    </row>
    <row r="384" spans="1:5" x14ac:dyDescent="0.25">
      <c r="A384" s="1" t="s">
        <v>13862</v>
      </c>
      <c r="B384" s="1" t="s">
        <v>12958</v>
      </c>
      <c r="C384" s="1" t="s">
        <v>13863</v>
      </c>
      <c r="D384" s="2">
        <v>153212</v>
      </c>
      <c r="E384" s="1" t="s">
        <v>0</v>
      </c>
    </row>
    <row r="385" spans="1:5" ht="409.5" x14ac:dyDescent="0.25">
      <c r="A385" s="4" t="s">
        <v>13864</v>
      </c>
      <c r="B385" s="1" t="s">
        <v>60384</v>
      </c>
      <c r="C385" s="1" t="s">
        <v>13865</v>
      </c>
      <c r="D385" s="2">
        <v>153213</v>
      </c>
      <c r="E385" s="1" t="s">
        <v>0</v>
      </c>
    </row>
    <row r="386" spans="1:5" x14ac:dyDescent="0.25">
      <c r="A386" s="1" t="s">
        <v>13866</v>
      </c>
      <c r="B386" s="1" t="s">
        <v>51192</v>
      </c>
      <c r="C386" s="1" t="s">
        <v>13867</v>
      </c>
      <c r="D386" s="2">
        <v>153214</v>
      </c>
      <c r="E386" s="1" t="s">
        <v>0</v>
      </c>
    </row>
    <row r="387" spans="1:5" x14ac:dyDescent="0.25">
      <c r="A387" s="2">
        <v>77</v>
      </c>
      <c r="B387" s="2">
        <v>77</v>
      </c>
      <c r="C387" s="1" t="s">
        <v>0</v>
      </c>
      <c r="D387" s="2">
        <v>153215</v>
      </c>
      <c r="E387" s="1" t="s">
        <v>0</v>
      </c>
    </row>
    <row r="388" spans="1:5" x14ac:dyDescent="0.25">
      <c r="A388" s="1" t="s">
        <v>13868</v>
      </c>
      <c r="B388" s="1" t="s">
        <v>5060</v>
      </c>
      <c r="C388" s="1" t="s">
        <v>13869</v>
      </c>
      <c r="D388" s="2">
        <v>153216</v>
      </c>
      <c r="E388" s="1" t="s">
        <v>0</v>
      </c>
    </row>
    <row r="389" spans="1:5" x14ac:dyDescent="0.25">
      <c r="A389" s="1" t="s">
        <v>13870</v>
      </c>
      <c r="B389" s="1" t="s">
        <v>56669</v>
      </c>
      <c r="C389" s="1" t="s">
        <v>13871</v>
      </c>
      <c r="D389" s="2">
        <v>153217</v>
      </c>
      <c r="E389" s="1" t="s">
        <v>0</v>
      </c>
    </row>
    <row r="390" spans="1:5" ht="409.5" x14ac:dyDescent="0.25">
      <c r="A390" s="4" t="s">
        <v>13872</v>
      </c>
      <c r="B390" s="1" t="s">
        <v>56670</v>
      </c>
      <c r="C390" s="1" t="s">
        <v>13873</v>
      </c>
      <c r="D390" s="2">
        <v>153218</v>
      </c>
      <c r="E390" s="1" t="s">
        <v>0</v>
      </c>
    </row>
    <row r="391" spans="1:5" x14ac:dyDescent="0.25">
      <c r="A391" s="1" t="s">
        <v>13874</v>
      </c>
      <c r="B391" s="1" t="s">
        <v>5061</v>
      </c>
      <c r="C391" s="1" t="s">
        <v>13875</v>
      </c>
      <c r="D391" s="2">
        <v>153219</v>
      </c>
      <c r="E391" s="1" t="s">
        <v>0</v>
      </c>
    </row>
    <row r="392" spans="1:5" x14ac:dyDescent="0.25">
      <c r="A392" s="2">
        <v>78</v>
      </c>
      <c r="B392" s="2">
        <v>78</v>
      </c>
      <c r="C392" s="1" t="s">
        <v>0</v>
      </c>
      <c r="D392" s="2">
        <v>153220</v>
      </c>
      <c r="E392" s="1" t="s">
        <v>0</v>
      </c>
    </row>
    <row r="393" spans="1:5" x14ac:dyDescent="0.25">
      <c r="A393" s="1" t="s">
        <v>74</v>
      </c>
      <c r="B393" s="1" t="s">
        <v>5062</v>
      </c>
      <c r="C393" s="1" t="s">
        <v>13876</v>
      </c>
      <c r="D393" s="2">
        <v>153221</v>
      </c>
      <c r="E393" s="1" t="s">
        <v>0</v>
      </c>
    </row>
    <row r="394" spans="1:5" x14ac:dyDescent="0.25">
      <c r="A394" s="1" t="s">
        <v>13877</v>
      </c>
      <c r="B394" s="1" t="s">
        <v>5063</v>
      </c>
      <c r="C394" s="1" t="s">
        <v>13878</v>
      </c>
      <c r="D394" s="2">
        <v>153222</v>
      </c>
      <c r="E394" s="1" t="s">
        <v>0</v>
      </c>
    </row>
    <row r="395" spans="1:5" ht="409.5" x14ac:dyDescent="0.25">
      <c r="A395" s="4" t="s">
        <v>13879</v>
      </c>
      <c r="B395" s="1" t="s">
        <v>56902</v>
      </c>
      <c r="C395" s="1" t="s">
        <v>13880</v>
      </c>
      <c r="D395" s="2">
        <v>153223</v>
      </c>
      <c r="E395" s="1" t="s">
        <v>0</v>
      </c>
    </row>
    <row r="396" spans="1:5" x14ac:dyDescent="0.25">
      <c r="A396" s="1" t="s">
        <v>13881</v>
      </c>
      <c r="B396" s="1" t="s">
        <v>5064</v>
      </c>
      <c r="C396" s="1" t="s">
        <v>13882</v>
      </c>
      <c r="D396" s="2">
        <v>153224</v>
      </c>
      <c r="E396" s="1" t="s">
        <v>0</v>
      </c>
    </row>
    <row r="397" spans="1:5" x14ac:dyDescent="0.25">
      <c r="A397" s="2">
        <v>79</v>
      </c>
      <c r="B397" s="2">
        <v>79</v>
      </c>
      <c r="C397" s="1" t="s">
        <v>0</v>
      </c>
      <c r="D397" s="2">
        <v>153225</v>
      </c>
      <c r="E397" s="1" t="s">
        <v>0</v>
      </c>
    </row>
    <row r="398" spans="1:5" x14ac:dyDescent="0.25">
      <c r="A398" s="1" t="s">
        <v>75</v>
      </c>
      <c r="B398" s="1" t="s">
        <v>5065</v>
      </c>
      <c r="C398" s="1" t="s">
        <v>13883</v>
      </c>
      <c r="D398" s="2">
        <v>153226</v>
      </c>
      <c r="E398" s="1" t="s">
        <v>0</v>
      </c>
    </row>
    <row r="399" spans="1:5" x14ac:dyDescent="0.25">
      <c r="A399" s="1" t="s">
        <v>13884</v>
      </c>
      <c r="B399" s="1" t="s">
        <v>5066</v>
      </c>
      <c r="C399" s="1" t="s">
        <v>13885</v>
      </c>
      <c r="D399" s="2">
        <v>153227</v>
      </c>
      <c r="E399" s="1" t="s">
        <v>0</v>
      </c>
    </row>
    <row r="400" spans="1:5" ht="409.5" x14ac:dyDescent="0.25">
      <c r="A400" s="4" t="s">
        <v>13886</v>
      </c>
      <c r="B400" s="1" t="s">
        <v>59540</v>
      </c>
      <c r="C400" s="1" t="s">
        <v>13887</v>
      </c>
      <c r="D400" s="2">
        <v>153228</v>
      </c>
      <c r="E400" s="1" t="s">
        <v>0</v>
      </c>
    </row>
    <row r="401" spans="1:5" x14ac:dyDescent="0.25">
      <c r="A401" s="1" t="s">
        <v>13888</v>
      </c>
      <c r="B401" s="1" t="s">
        <v>5067</v>
      </c>
      <c r="C401" s="1" t="s">
        <v>13889</v>
      </c>
      <c r="D401" s="2">
        <v>153229</v>
      </c>
      <c r="E401" s="1" t="s">
        <v>0</v>
      </c>
    </row>
    <row r="402" spans="1:5" x14ac:dyDescent="0.25">
      <c r="A402" s="2">
        <v>80</v>
      </c>
      <c r="B402" s="2">
        <v>80</v>
      </c>
      <c r="C402" s="1" t="s">
        <v>0</v>
      </c>
      <c r="D402" s="2">
        <v>153230</v>
      </c>
      <c r="E402" s="1" t="s">
        <v>0</v>
      </c>
    </row>
    <row r="403" spans="1:5" x14ac:dyDescent="0.25">
      <c r="A403" s="1" t="s">
        <v>76</v>
      </c>
      <c r="B403" s="1" t="s">
        <v>5068</v>
      </c>
      <c r="C403" s="1" t="s">
        <v>13890</v>
      </c>
      <c r="D403" s="2">
        <v>153231</v>
      </c>
      <c r="E403" s="1" t="s">
        <v>0</v>
      </c>
    </row>
    <row r="404" spans="1:5" x14ac:dyDescent="0.25">
      <c r="A404" s="1" t="s">
        <v>13891</v>
      </c>
      <c r="B404" s="1" t="s">
        <v>61939</v>
      </c>
      <c r="C404" s="1" t="s">
        <v>13892</v>
      </c>
      <c r="D404" s="2">
        <v>153232</v>
      </c>
      <c r="E404" s="1" t="s">
        <v>0</v>
      </c>
    </row>
    <row r="405" spans="1:5" ht="409.5" x14ac:dyDescent="0.25">
      <c r="A405" s="4" t="s">
        <v>13893</v>
      </c>
      <c r="B405" s="1" t="s">
        <v>61940</v>
      </c>
      <c r="C405" s="1" t="s">
        <v>13894</v>
      </c>
      <c r="D405" s="2">
        <v>153233</v>
      </c>
      <c r="E405" s="1" t="s">
        <v>0</v>
      </c>
    </row>
    <row r="406" spans="1:5" x14ac:dyDescent="0.25">
      <c r="A406" s="1" t="s">
        <v>13895</v>
      </c>
      <c r="B406" s="1" t="s">
        <v>60854</v>
      </c>
      <c r="C406" s="1" t="s">
        <v>13896</v>
      </c>
      <c r="D406" s="2">
        <v>153234</v>
      </c>
      <c r="E406" s="1" t="s">
        <v>0</v>
      </c>
    </row>
    <row r="407" spans="1:5" x14ac:dyDescent="0.25">
      <c r="A407" s="2">
        <v>81</v>
      </c>
      <c r="B407" s="2">
        <v>81</v>
      </c>
      <c r="C407" s="1" t="s">
        <v>0</v>
      </c>
      <c r="D407" s="2">
        <v>153235</v>
      </c>
      <c r="E407" s="1" t="s">
        <v>0</v>
      </c>
    </row>
    <row r="408" spans="1:5" x14ac:dyDescent="0.25">
      <c r="A408" s="1" t="s">
        <v>77</v>
      </c>
      <c r="B408" s="1" t="s">
        <v>50340</v>
      </c>
      <c r="C408" s="1" t="s">
        <v>13897</v>
      </c>
      <c r="D408" s="2">
        <v>153236</v>
      </c>
      <c r="E408" s="1" t="s">
        <v>0</v>
      </c>
    </row>
    <row r="409" spans="1:5" x14ac:dyDescent="0.25">
      <c r="A409" s="1" t="s">
        <v>13898</v>
      </c>
      <c r="B409" s="1" t="s">
        <v>5069</v>
      </c>
      <c r="C409" s="1" t="s">
        <v>13899</v>
      </c>
      <c r="D409" s="2">
        <v>153237</v>
      </c>
      <c r="E409" s="1" t="s">
        <v>0</v>
      </c>
    </row>
    <row r="410" spans="1:5" ht="409.5" x14ac:dyDescent="0.25">
      <c r="A410" s="4" t="s">
        <v>13900</v>
      </c>
      <c r="B410" s="1" t="s">
        <v>50341</v>
      </c>
      <c r="C410" s="1" t="s">
        <v>13901</v>
      </c>
      <c r="D410" s="2">
        <v>153238</v>
      </c>
      <c r="E410" s="1" t="s">
        <v>0</v>
      </c>
    </row>
    <row r="411" spans="1:5" x14ac:dyDescent="0.25">
      <c r="A411" s="1" t="s">
        <v>13902</v>
      </c>
      <c r="B411" s="1" t="s">
        <v>60855</v>
      </c>
      <c r="C411" s="1" t="s">
        <v>13903</v>
      </c>
      <c r="D411" s="2">
        <v>153239</v>
      </c>
      <c r="E411" s="1" t="s">
        <v>0</v>
      </c>
    </row>
    <row r="412" spans="1:5" x14ac:dyDescent="0.25">
      <c r="A412" s="2">
        <v>82</v>
      </c>
      <c r="B412" s="2">
        <v>82</v>
      </c>
      <c r="C412" s="1" t="s">
        <v>0</v>
      </c>
      <c r="D412" s="2">
        <v>153240</v>
      </c>
      <c r="E412" s="1" t="s">
        <v>0</v>
      </c>
    </row>
    <row r="413" spans="1:5" x14ac:dyDescent="0.25">
      <c r="A413" s="1" t="s">
        <v>78</v>
      </c>
      <c r="B413" s="1" t="s">
        <v>5070</v>
      </c>
      <c r="C413" s="1" t="s">
        <v>13904</v>
      </c>
      <c r="D413" s="2">
        <v>153241</v>
      </c>
      <c r="E413" s="1" t="s">
        <v>0</v>
      </c>
    </row>
    <row r="414" spans="1:5" x14ac:dyDescent="0.25">
      <c r="A414" s="1" t="s">
        <v>13905</v>
      </c>
      <c r="B414" s="1" t="s">
        <v>5071</v>
      </c>
      <c r="C414" s="1" t="s">
        <v>13906</v>
      </c>
      <c r="D414" s="2">
        <v>153242</v>
      </c>
      <c r="E414" s="1" t="s">
        <v>0</v>
      </c>
    </row>
    <row r="415" spans="1:5" ht="409.5" x14ac:dyDescent="0.25">
      <c r="A415" s="4" t="s">
        <v>13907</v>
      </c>
      <c r="B415" s="1" t="s">
        <v>60385</v>
      </c>
      <c r="C415" s="1" t="s">
        <v>13908</v>
      </c>
      <c r="D415" s="2">
        <v>153243</v>
      </c>
      <c r="E415" s="1" t="s">
        <v>0</v>
      </c>
    </row>
    <row r="416" spans="1:5" x14ac:dyDescent="0.25">
      <c r="A416" s="1" t="s">
        <v>13909</v>
      </c>
      <c r="B416" s="1" t="s">
        <v>5072</v>
      </c>
      <c r="C416" s="1" t="s">
        <v>13910</v>
      </c>
      <c r="D416" s="2">
        <v>153244</v>
      </c>
      <c r="E416" s="1" t="s">
        <v>0</v>
      </c>
    </row>
    <row r="417" spans="1:5" x14ac:dyDescent="0.25">
      <c r="A417" s="2">
        <v>83</v>
      </c>
      <c r="B417" s="2">
        <v>83</v>
      </c>
      <c r="C417" s="1" t="s">
        <v>0</v>
      </c>
      <c r="D417" s="2">
        <v>153245</v>
      </c>
      <c r="E417" s="1" t="s">
        <v>0</v>
      </c>
    </row>
    <row r="418" spans="1:5" x14ac:dyDescent="0.25">
      <c r="A418" s="1" t="s">
        <v>79</v>
      </c>
      <c r="B418" s="1" t="s">
        <v>5073</v>
      </c>
      <c r="C418" s="1" t="s">
        <v>13911</v>
      </c>
      <c r="D418" s="2">
        <v>153246</v>
      </c>
      <c r="E418" s="1" t="s">
        <v>0</v>
      </c>
    </row>
    <row r="419" spans="1:5" x14ac:dyDescent="0.25">
      <c r="A419" s="1" t="s">
        <v>13912</v>
      </c>
      <c r="B419" s="1" t="s">
        <v>56671</v>
      </c>
      <c r="C419" s="1" t="s">
        <v>13913</v>
      </c>
      <c r="D419" s="2">
        <v>153247</v>
      </c>
      <c r="E419" s="1" t="s">
        <v>0</v>
      </c>
    </row>
    <row r="420" spans="1:5" ht="409.5" x14ac:dyDescent="0.25">
      <c r="A420" s="4" t="s">
        <v>13914</v>
      </c>
      <c r="B420" s="1" t="s">
        <v>58130</v>
      </c>
      <c r="C420" s="1" t="s">
        <v>13915</v>
      </c>
      <c r="D420" s="2">
        <v>153248</v>
      </c>
      <c r="E420" s="1" t="s">
        <v>0</v>
      </c>
    </row>
    <row r="421" spans="1:5" x14ac:dyDescent="0.25">
      <c r="A421" s="1" t="s">
        <v>13916</v>
      </c>
      <c r="B421" s="1" t="s">
        <v>51193</v>
      </c>
      <c r="C421" s="1" t="s">
        <v>13917</v>
      </c>
      <c r="D421" s="2">
        <v>153249</v>
      </c>
      <c r="E421" s="1" t="s">
        <v>0</v>
      </c>
    </row>
    <row r="422" spans="1:5" x14ac:dyDescent="0.25">
      <c r="A422" s="2">
        <v>84</v>
      </c>
      <c r="B422" s="2">
        <v>84</v>
      </c>
      <c r="C422" s="1" t="s">
        <v>0</v>
      </c>
      <c r="D422" s="2">
        <v>153250</v>
      </c>
      <c r="E422" s="1" t="s">
        <v>0</v>
      </c>
    </row>
    <row r="423" spans="1:5" x14ac:dyDescent="0.25">
      <c r="A423" s="1" t="s">
        <v>80</v>
      </c>
      <c r="B423" s="1" t="s">
        <v>51194</v>
      </c>
      <c r="C423" s="1" t="s">
        <v>13918</v>
      </c>
      <c r="D423" s="2">
        <v>153251</v>
      </c>
      <c r="E423" s="1" t="s">
        <v>0</v>
      </c>
    </row>
    <row r="424" spans="1:5" x14ac:dyDescent="0.25">
      <c r="A424" s="1" t="s">
        <v>13919</v>
      </c>
      <c r="B424" s="1" t="s">
        <v>51195</v>
      </c>
      <c r="C424" s="1" t="s">
        <v>13920</v>
      </c>
      <c r="D424" s="2">
        <v>153252</v>
      </c>
      <c r="E424" s="1" t="s">
        <v>0</v>
      </c>
    </row>
    <row r="425" spans="1:5" ht="409.5" x14ac:dyDescent="0.25">
      <c r="A425" s="4" t="s">
        <v>13921</v>
      </c>
      <c r="B425" s="1" t="s">
        <v>61941</v>
      </c>
      <c r="C425" s="1" t="s">
        <v>13922</v>
      </c>
      <c r="D425" s="2">
        <v>153253</v>
      </c>
      <c r="E425" s="1" t="s">
        <v>0</v>
      </c>
    </row>
    <row r="426" spans="1:5" x14ac:dyDescent="0.25">
      <c r="A426" s="1" t="s">
        <v>13923</v>
      </c>
      <c r="B426" s="1" t="s">
        <v>5074</v>
      </c>
      <c r="C426" s="1" t="s">
        <v>13924</v>
      </c>
      <c r="D426" s="2">
        <v>153254</v>
      </c>
      <c r="E426" s="1" t="s">
        <v>0</v>
      </c>
    </row>
    <row r="427" spans="1:5" x14ac:dyDescent="0.25">
      <c r="A427" s="2">
        <v>85</v>
      </c>
      <c r="B427" s="2">
        <v>85</v>
      </c>
      <c r="C427" s="1" t="s">
        <v>0</v>
      </c>
      <c r="D427" s="2">
        <v>153255</v>
      </c>
      <c r="E427" s="1" t="s">
        <v>0</v>
      </c>
    </row>
    <row r="428" spans="1:5" x14ac:dyDescent="0.25">
      <c r="A428" s="1" t="s">
        <v>81</v>
      </c>
      <c r="B428" s="1" t="s">
        <v>5075</v>
      </c>
      <c r="C428" s="1" t="s">
        <v>13925</v>
      </c>
      <c r="D428" s="2">
        <v>153256</v>
      </c>
      <c r="E428" s="1" t="s">
        <v>0</v>
      </c>
    </row>
    <row r="429" spans="1:5" x14ac:dyDescent="0.25">
      <c r="A429" s="1" t="s">
        <v>13926</v>
      </c>
      <c r="B429" s="1" t="s">
        <v>51196</v>
      </c>
      <c r="C429" s="1" t="s">
        <v>13927</v>
      </c>
      <c r="D429" s="2">
        <v>153257</v>
      </c>
      <c r="E429" s="1" t="s">
        <v>0</v>
      </c>
    </row>
    <row r="430" spans="1:5" ht="409.5" x14ac:dyDescent="0.25">
      <c r="A430" s="4" t="s">
        <v>13928</v>
      </c>
      <c r="B430" s="1" t="s">
        <v>57691</v>
      </c>
      <c r="C430" s="1" t="s">
        <v>13929</v>
      </c>
      <c r="D430" s="2">
        <v>153258</v>
      </c>
      <c r="E430" s="1" t="s">
        <v>0</v>
      </c>
    </row>
    <row r="431" spans="1:5" x14ac:dyDescent="0.25">
      <c r="A431" s="1" t="s">
        <v>13930</v>
      </c>
      <c r="B431" s="1" t="s">
        <v>5076</v>
      </c>
      <c r="C431" s="1" t="s">
        <v>13931</v>
      </c>
      <c r="D431" s="2">
        <v>153259</v>
      </c>
      <c r="E431" s="1" t="s">
        <v>0</v>
      </c>
    </row>
    <row r="432" spans="1:5" x14ac:dyDescent="0.25">
      <c r="A432" s="2">
        <v>86</v>
      </c>
      <c r="B432" s="2">
        <v>86</v>
      </c>
      <c r="C432" s="1" t="s">
        <v>0</v>
      </c>
      <c r="D432" s="2">
        <v>153260</v>
      </c>
      <c r="E432" s="1" t="s">
        <v>0</v>
      </c>
    </row>
    <row r="433" spans="1:5" x14ac:dyDescent="0.25">
      <c r="A433" s="1" t="s">
        <v>82</v>
      </c>
      <c r="B433" s="1" t="s">
        <v>5077</v>
      </c>
      <c r="C433" s="1" t="s">
        <v>13932</v>
      </c>
      <c r="D433" s="2">
        <v>153261</v>
      </c>
      <c r="E433" s="1" t="s">
        <v>0</v>
      </c>
    </row>
    <row r="434" spans="1:5" x14ac:dyDescent="0.25">
      <c r="A434" s="1" t="s">
        <v>13933</v>
      </c>
      <c r="B434" s="1" t="s">
        <v>5078</v>
      </c>
      <c r="C434" s="1" t="s">
        <v>13934</v>
      </c>
      <c r="D434" s="2">
        <v>153262</v>
      </c>
      <c r="E434" s="1" t="s">
        <v>0</v>
      </c>
    </row>
    <row r="435" spans="1:5" ht="409.5" x14ac:dyDescent="0.25">
      <c r="A435" s="4" t="s">
        <v>13935</v>
      </c>
      <c r="B435" s="1" t="s">
        <v>61942</v>
      </c>
      <c r="C435" s="1" t="s">
        <v>13936</v>
      </c>
      <c r="D435" s="2">
        <v>153263</v>
      </c>
      <c r="E435" s="1" t="s">
        <v>0</v>
      </c>
    </row>
    <row r="436" spans="1:5" x14ac:dyDescent="0.25">
      <c r="A436" s="1" t="s">
        <v>13937</v>
      </c>
      <c r="B436" s="1" t="s">
        <v>5079</v>
      </c>
      <c r="C436" s="1" t="s">
        <v>13938</v>
      </c>
      <c r="D436" s="2">
        <v>153264</v>
      </c>
      <c r="E436" s="1" t="s">
        <v>0</v>
      </c>
    </row>
    <row r="437" spans="1:5" x14ac:dyDescent="0.25">
      <c r="A437" s="2">
        <v>87</v>
      </c>
      <c r="B437" s="2">
        <v>87</v>
      </c>
      <c r="C437" s="1" t="s">
        <v>0</v>
      </c>
      <c r="D437" s="2">
        <v>153265</v>
      </c>
      <c r="E437" s="1" t="s">
        <v>0</v>
      </c>
    </row>
    <row r="438" spans="1:5" x14ac:dyDescent="0.25">
      <c r="A438" s="1" t="s">
        <v>83</v>
      </c>
      <c r="B438" s="1" t="s">
        <v>5080</v>
      </c>
      <c r="C438" s="1" t="s">
        <v>13939</v>
      </c>
      <c r="D438" s="2">
        <v>153266</v>
      </c>
      <c r="E438" s="1" t="s">
        <v>0</v>
      </c>
    </row>
    <row r="439" spans="1:5" x14ac:dyDescent="0.25">
      <c r="A439" s="1" t="s">
        <v>13940</v>
      </c>
      <c r="B439" s="1" t="s">
        <v>61556</v>
      </c>
      <c r="C439" s="1" t="s">
        <v>13941</v>
      </c>
      <c r="D439" s="2">
        <v>153267</v>
      </c>
      <c r="E439" s="1" t="s">
        <v>0</v>
      </c>
    </row>
    <row r="440" spans="1:5" ht="409.5" x14ac:dyDescent="0.25">
      <c r="A440" s="4" t="s">
        <v>13942</v>
      </c>
      <c r="B440" s="1" t="s">
        <v>61557</v>
      </c>
      <c r="C440" s="1" t="s">
        <v>13943</v>
      </c>
      <c r="D440" s="2">
        <v>153268</v>
      </c>
      <c r="E440" s="1" t="s">
        <v>0</v>
      </c>
    </row>
    <row r="441" spans="1:5" x14ac:dyDescent="0.25">
      <c r="A441" s="1" t="s">
        <v>13944</v>
      </c>
      <c r="B441" s="1" t="s">
        <v>61558</v>
      </c>
      <c r="C441" s="1" t="s">
        <v>13945</v>
      </c>
      <c r="D441" s="2">
        <v>153269</v>
      </c>
      <c r="E441" s="1" t="s">
        <v>0</v>
      </c>
    </row>
    <row r="442" spans="1:5" x14ac:dyDescent="0.25">
      <c r="A442" s="2">
        <v>88</v>
      </c>
      <c r="B442" s="2">
        <v>88</v>
      </c>
      <c r="C442" s="1" t="s">
        <v>0</v>
      </c>
      <c r="D442" s="2">
        <v>153270</v>
      </c>
      <c r="E442" s="1" t="s">
        <v>0</v>
      </c>
    </row>
    <row r="443" spans="1:5" x14ac:dyDescent="0.25">
      <c r="A443" s="1" t="s">
        <v>84</v>
      </c>
      <c r="B443" s="1" t="s">
        <v>5081</v>
      </c>
      <c r="C443" s="1" t="s">
        <v>13946</v>
      </c>
      <c r="D443" s="2">
        <v>153271</v>
      </c>
      <c r="E443" s="1" t="s">
        <v>0</v>
      </c>
    </row>
    <row r="444" spans="1:5" x14ac:dyDescent="0.25">
      <c r="A444" s="1" t="s">
        <v>13947</v>
      </c>
      <c r="B444" s="1" t="s">
        <v>61943</v>
      </c>
      <c r="C444" s="1" t="s">
        <v>13948</v>
      </c>
      <c r="D444" s="2">
        <v>153272</v>
      </c>
      <c r="E444" s="1" t="s">
        <v>0</v>
      </c>
    </row>
    <row r="445" spans="1:5" ht="409.5" x14ac:dyDescent="0.25">
      <c r="A445" s="4" t="s">
        <v>13949</v>
      </c>
      <c r="B445" s="1" t="s">
        <v>61944</v>
      </c>
      <c r="C445" s="1" t="s">
        <v>13950</v>
      </c>
      <c r="D445" s="2">
        <v>153273</v>
      </c>
      <c r="E445" s="1" t="s">
        <v>0</v>
      </c>
    </row>
    <row r="446" spans="1:5" x14ac:dyDescent="0.25">
      <c r="A446" s="1" t="s">
        <v>13951</v>
      </c>
      <c r="B446" s="1" t="s">
        <v>51197</v>
      </c>
      <c r="C446" s="1" t="s">
        <v>13952</v>
      </c>
      <c r="D446" s="2">
        <v>153274</v>
      </c>
      <c r="E446" s="1" t="s">
        <v>0</v>
      </c>
    </row>
    <row r="447" spans="1:5" x14ac:dyDescent="0.25">
      <c r="A447" s="2">
        <v>89</v>
      </c>
      <c r="B447" s="2">
        <v>89</v>
      </c>
      <c r="C447" s="1" t="s">
        <v>0</v>
      </c>
      <c r="D447" s="2">
        <v>153275</v>
      </c>
      <c r="E447" s="1" t="s">
        <v>0</v>
      </c>
    </row>
    <row r="448" spans="1:5" x14ac:dyDescent="0.25">
      <c r="A448" s="1" t="s">
        <v>85</v>
      </c>
      <c r="B448" s="1" t="s">
        <v>5082</v>
      </c>
      <c r="C448" s="1" t="s">
        <v>13953</v>
      </c>
      <c r="D448" s="2">
        <v>153276</v>
      </c>
      <c r="E448" s="1" t="s">
        <v>0</v>
      </c>
    </row>
    <row r="449" spans="1:5" x14ac:dyDescent="0.25">
      <c r="A449" s="1" t="s">
        <v>13954</v>
      </c>
      <c r="B449" s="1" t="s">
        <v>60531</v>
      </c>
      <c r="C449" s="1" t="s">
        <v>13955</v>
      </c>
      <c r="D449" s="2">
        <v>153277</v>
      </c>
      <c r="E449" s="1" t="s">
        <v>0</v>
      </c>
    </row>
    <row r="450" spans="1:5" ht="409.5" x14ac:dyDescent="0.25">
      <c r="A450" s="4" t="s">
        <v>13956</v>
      </c>
      <c r="B450" s="1" t="s">
        <v>60532</v>
      </c>
      <c r="C450" s="1" t="s">
        <v>13957</v>
      </c>
      <c r="D450" s="2">
        <v>153278</v>
      </c>
      <c r="E450" s="1" t="s">
        <v>0</v>
      </c>
    </row>
    <row r="451" spans="1:5" x14ac:dyDescent="0.25">
      <c r="A451" s="1" t="s">
        <v>13958</v>
      </c>
      <c r="B451" s="1" t="s">
        <v>5083</v>
      </c>
      <c r="C451" s="1" t="s">
        <v>13959</v>
      </c>
      <c r="D451" s="2">
        <v>153279</v>
      </c>
      <c r="E451" s="1" t="s">
        <v>0</v>
      </c>
    </row>
    <row r="452" spans="1:5" x14ac:dyDescent="0.25">
      <c r="A452" s="2">
        <v>90</v>
      </c>
      <c r="B452" s="2">
        <v>90</v>
      </c>
      <c r="C452" s="1" t="s">
        <v>0</v>
      </c>
      <c r="D452" s="2">
        <v>153280</v>
      </c>
      <c r="E452" s="1" t="s">
        <v>0</v>
      </c>
    </row>
    <row r="453" spans="1:5" x14ac:dyDescent="0.25">
      <c r="A453" s="1" t="s">
        <v>5084</v>
      </c>
      <c r="B453" s="1" t="s">
        <v>5085</v>
      </c>
      <c r="C453" s="1" t="s">
        <v>13960</v>
      </c>
      <c r="D453" s="2">
        <v>153281</v>
      </c>
      <c r="E453" s="1" t="s">
        <v>0</v>
      </c>
    </row>
    <row r="454" spans="1:5" x14ac:dyDescent="0.25">
      <c r="A454" s="1" t="s">
        <v>63930</v>
      </c>
      <c r="B454" s="1" t="s">
        <v>5086</v>
      </c>
      <c r="C454" s="1" t="s">
        <v>13961</v>
      </c>
      <c r="D454" s="2">
        <v>153282</v>
      </c>
      <c r="E454" s="1" t="s">
        <v>0</v>
      </c>
    </row>
    <row r="455" spans="1:5" ht="409.5" x14ac:dyDescent="0.25">
      <c r="A455" s="4" t="s">
        <v>63931</v>
      </c>
      <c r="B455" s="1" t="s">
        <v>51198</v>
      </c>
      <c r="C455" s="1" t="s">
        <v>13962</v>
      </c>
      <c r="D455" s="2">
        <v>153283</v>
      </c>
      <c r="E455" s="1" t="s">
        <v>0</v>
      </c>
    </row>
    <row r="456" spans="1:5" x14ac:dyDescent="0.25">
      <c r="A456" s="1" t="s">
        <v>13963</v>
      </c>
      <c r="B456" s="1" t="s">
        <v>5087</v>
      </c>
      <c r="C456" s="1" t="s">
        <v>13964</v>
      </c>
      <c r="D456" s="2">
        <v>153284</v>
      </c>
      <c r="E456" s="1" t="s">
        <v>0</v>
      </c>
    </row>
    <row r="457" spans="1:5" x14ac:dyDescent="0.25">
      <c r="A457" s="2">
        <v>91</v>
      </c>
      <c r="B457" s="2">
        <v>91</v>
      </c>
      <c r="C457" s="1" t="s">
        <v>0</v>
      </c>
      <c r="D457" s="2">
        <v>153285</v>
      </c>
      <c r="E457" s="1" t="s">
        <v>0</v>
      </c>
    </row>
    <row r="458" spans="1:5" x14ac:dyDescent="0.25">
      <c r="A458" s="1" t="s">
        <v>86</v>
      </c>
      <c r="B458" s="1" t="s">
        <v>51199</v>
      </c>
      <c r="C458" s="1" t="s">
        <v>13965</v>
      </c>
      <c r="D458" s="2">
        <v>153286</v>
      </c>
      <c r="E458" s="1" t="s">
        <v>0</v>
      </c>
    </row>
    <row r="459" spans="1:5" x14ac:dyDescent="0.25">
      <c r="A459" s="1" t="s">
        <v>13966</v>
      </c>
      <c r="B459" s="1" t="s">
        <v>63166</v>
      </c>
      <c r="C459" s="1" t="s">
        <v>13967</v>
      </c>
      <c r="D459" s="2">
        <v>153287</v>
      </c>
      <c r="E459" s="1" t="s">
        <v>0</v>
      </c>
    </row>
    <row r="460" spans="1:5" x14ac:dyDescent="0.25">
      <c r="A460" s="1" t="s">
        <v>13966</v>
      </c>
      <c r="B460" s="1" t="s">
        <v>63166</v>
      </c>
      <c r="C460" s="1" t="s">
        <v>13967</v>
      </c>
      <c r="D460" s="2">
        <v>153288</v>
      </c>
      <c r="E460" s="1" t="s">
        <v>0</v>
      </c>
    </row>
    <row r="461" spans="1:5" x14ac:dyDescent="0.25">
      <c r="A461" s="1" t="s">
        <v>13968</v>
      </c>
      <c r="B461" s="1" t="s">
        <v>5088</v>
      </c>
      <c r="C461" s="1" t="s">
        <v>13969</v>
      </c>
      <c r="D461" s="2">
        <v>153289</v>
      </c>
      <c r="E461" s="1" t="s">
        <v>0</v>
      </c>
    </row>
    <row r="462" spans="1:5" x14ac:dyDescent="0.25">
      <c r="A462" s="2">
        <v>92</v>
      </c>
      <c r="B462" s="2">
        <v>92</v>
      </c>
      <c r="C462" s="1" t="s">
        <v>0</v>
      </c>
      <c r="D462" s="2">
        <v>153290</v>
      </c>
      <c r="E462" s="1" t="s">
        <v>0</v>
      </c>
    </row>
    <row r="463" spans="1:5" x14ac:dyDescent="0.25">
      <c r="A463" s="1" t="s">
        <v>87</v>
      </c>
      <c r="B463" s="1" t="s">
        <v>5089</v>
      </c>
      <c r="C463" s="1" t="s">
        <v>13970</v>
      </c>
      <c r="D463" s="2">
        <v>153291</v>
      </c>
      <c r="E463" s="1" t="s">
        <v>0</v>
      </c>
    </row>
    <row r="464" spans="1:5" x14ac:dyDescent="0.25">
      <c r="A464" s="1" t="s">
        <v>13971</v>
      </c>
      <c r="B464" s="1" t="s">
        <v>51200</v>
      </c>
      <c r="C464" s="1" t="s">
        <v>13972</v>
      </c>
      <c r="D464" s="2">
        <v>153292</v>
      </c>
      <c r="E464" s="1" t="s">
        <v>0</v>
      </c>
    </row>
    <row r="465" spans="1:5" ht="409.5" x14ac:dyDescent="0.25">
      <c r="A465" s="4" t="s">
        <v>13973</v>
      </c>
      <c r="B465" s="1" t="s">
        <v>51201</v>
      </c>
      <c r="C465" s="1" t="s">
        <v>13974</v>
      </c>
      <c r="D465" s="2">
        <v>153293</v>
      </c>
      <c r="E465" s="1" t="s">
        <v>0</v>
      </c>
    </row>
    <row r="466" spans="1:5" x14ac:dyDescent="0.25">
      <c r="A466" s="1" t="s">
        <v>13975</v>
      </c>
      <c r="B466" s="1" t="s">
        <v>5090</v>
      </c>
      <c r="C466" s="1" t="s">
        <v>13976</v>
      </c>
      <c r="D466" s="2">
        <v>153294</v>
      </c>
      <c r="E466" s="1" t="s">
        <v>0</v>
      </c>
    </row>
    <row r="467" spans="1:5" x14ac:dyDescent="0.25">
      <c r="A467" s="2">
        <v>93</v>
      </c>
      <c r="B467" s="2">
        <v>93</v>
      </c>
      <c r="C467" s="1" t="s">
        <v>0</v>
      </c>
      <c r="D467" s="2">
        <v>153295</v>
      </c>
      <c r="E467" s="1" t="s">
        <v>0</v>
      </c>
    </row>
    <row r="468" spans="1:5" x14ac:dyDescent="0.25">
      <c r="A468" s="1" t="s">
        <v>88</v>
      </c>
      <c r="B468" s="1" t="s">
        <v>5091</v>
      </c>
      <c r="C468" s="1" t="s">
        <v>13977</v>
      </c>
      <c r="D468" s="2">
        <v>153296</v>
      </c>
      <c r="E468" s="1" t="s">
        <v>0</v>
      </c>
    </row>
    <row r="469" spans="1:5" x14ac:dyDescent="0.25">
      <c r="A469" s="1" t="s">
        <v>13978</v>
      </c>
      <c r="B469" s="1" t="s">
        <v>63167</v>
      </c>
      <c r="C469" s="1" t="s">
        <v>13979</v>
      </c>
      <c r="D469" s="2">
        <v>153297</v>
      </c>
      <c r="E469" s="1" t="s">
        <v>0</v>
      </c>
    </row>
    <row r="470" spans="1:5" ht="409.5" x14ac:dyDescent="0.25">
      <c r="A470" s="4" t="s">
        <v>13980</v>
      </c>
      <c r="B470" s="1" t="s">
        <v>63168</v>
      </c>
      <c r="C470" s="1" t="s">
        <v>13981</v>
      </c>
      <c r="D470" s="2">
        <v>153298</v>
      </c>
      <c r="E470" s="1" t="s">
        <v>0</v>
      </c>
    </row>
    <row r="471" spans="1:5" x14ac:dyDescent="0.25">
      <c r="A471" s="1" t="s">
        <v>13982</v>
      </c>
      <c r="B471" s="1" t="s">
        <v>60856</v>
      </c>
      <c r="C471" s="1" t="s">
        <v>13983</v>
      </c>
      <c r="D471" s="2">
        <v>153299</v>
      </c>
      <c r="E471" s="1" t="s">
        <v>0</v>
      </c>
    </row>
    <row r="472" spans="1:5" x14ac:dyDescent="0.25">
      <c r="A472" s="2">
        <v>94</v>
      </c>
      <c r="B472" s="2">
        <v>94</v>
      </c>
      <c r="C472" s="1" t="s">
        <v>0</v>
      </c>
      <c r="D472" s="2">
        <v>153300</v>
      </c>
      <c r="E472" s="1" t="s">
        <v>0</v>
      </c>
    </row>
    <row r="473" spans="1:5" x14ac:dyDescent="0.25">
      <c r="A473" s="1" t="s">
        <v>89</v>
      </c>
      <c r="B473" s="1" t="s">
        <v>51202</v>
      </c>
      <c r="C473" s="1" t="s">
        <v>13984</v>
      </c>
      <c r="D473" s="2">
        <v>153301</v>
      </c>
      <c r="E473" s="1" t="s">
        <v>0</v>
      </c>
    </row>
    <row r="474" spans="1:5" x14ac:dyDescent="0.25">
      <c r="A474" s="1" t="s">
        <v>13985</v>
      </c>
      <c r="B474" s="1" t="s">
        <v>56672</v>
      </c>
      <c r="C474" s="1" t="s">
        <v>13986</v>
      </c>
      <c r="D474" s="2">
        <v>153302</v>
      </c>
      <c r="E474" s="1" t="s">
        <v>0</v>
      </c>
    </row>
    <row r="475" spans="1:5" ht="409.5" x14ac:dyDescent="0.25">
      <c r="A475" s="4" t="s">
        <v>13987</v>
      </c>
      <c r="B475" s="1" t="s">
        <v>57106</v>
      </c>
      <c r="C475" s="1" t="s">
        <v>13988</v>
      </c>
      <c r="D475" s="2">
        <v>153303</v>
      </c>
      <c r="E475" s="1" t="s">
        <v>0</v>
      </c>
    </row>
    <row r="476" spans="1:5" x14ac:dyDescent="0.25">
      <c r="A476" s="1" t="s">
        <v>13989</v>
      </c>
      <c r="B476" s="1" t="s">
        <v>5092</v>
      </c>
      <c r="C476" s="1" t="s">
        <v>13990</v>
      </c>
      <c r="D476" s="2">
        <v>153304</v>
      </c>
      <c r="E476" s="1" t="s">
        <v>0</v>
      </c>
    </row>
    <row r="477" spans="1:5" x14ac:dyDescent="0.25">
      <c r="A477" s="2">
        <v>95</v>
      </c>
      <c r="B477" s="2">
        <v>95</v>
      </c>
      <c r="C477" s="1" t="s">
        <v>0</v>
      </c>
      <c r="D477" s="2">
        <v>153305</v>
      </c>
      <c r="E477" s="1" t="s">
        <v>0</v>
      </c>
    </row>
    <row r="478" spans="1:5" x14ac:dyDescent="0.25">
      <c r="A478" s="1" t="s">
        <v>90</v>
      </c>
      <c r="B478" s="1" t="s">
        <v>5093</v>
      </c>
      <c r="C478" s="1" t="s">
        <v>13991</v>
      </c>
      <c r="D478" s="2">
        <v>153306</v>
      </c>
      <c r="E478" s="1" t="s">
        <v>0</v>
      </c>
    </row>
    <row r="479" spans="1:5" x14ac:dyDescent="0.25">
      <c r="A479" s="1" t="s">
        <v>13992</v>
      </c>
      <c r="B479" s="1" t="s">
        <v>59541</v>
      </c>
      <c r="C479" s="1" t="s">
        <v>13993</v>
      </c>
      <c r="D479" s="2">
        <v>153307</v>
      </c>
      <c r="E479" s="1" t="s">
        <v>0</v>
      </c>
    </row>
    <row r="480" spans="1:5" ht="409.5" x14ac:dyDescent="0.25">
      <c r="A480" s="4" t="s">
        <v>13994</v>
      </c>
      <c r="B480" s="1" t="s">
        <v>59542</v>
      </c>
      <c r="C480" s="1" t="s">
        <v>13995</v>
      </c>
      <c r="D480" s="2">
        <v>153308</v>
      </c>
      <c r="E480" s="1" t="s">
        <v>0</v>
      </c>
    </row>
    <row r="481" spans="1:5" x14ac:dyDescent="0.25">
      <c r="A481" s="1" t="s">
        <v>13996</v>
      </c>
      <c r="B481" s="1" t="s">
        <v>51203</v>
      </c>
      <c r="C481" s="1" t="s">
        <v>13997</v>
      </c>
      <c r="D481" s="2">
        <v>153309</v>
      </c>
      <c r="E481" s="1" t="s">
        <v>0</v>
      </c>
    </row>
    <row r="482" spans="1:5" x14ac:dyDescent="0.25">
      <c r="A482" s="2">
        <v>96</v>
      </c>
      <c r="B482" s="2">
        <v>96</v>
      </c>
      <c r="C482" s="1" t="s">
        <v>0</v>
      </c>
      <c r="D482" s="2">
        <v>153310</v>
      </c>
      <c r="E482" s="1" t="s">
        <v>0</v>
      </c>
    </row>
    <row r="483" spans="1:5" x14ac:dyDescent="0.25">
      <c r="A483" s="1" t="s">
        <v>91</v>
      </c>
      <c r="B483" s="1" t="s">
        <v>5094</v>
      </c>
      <c r="C483" s="1" t="s">
        <v>13998</v>
      </c>
      <c r="D483" s="2">
        <v>153311</v>
      </c>
      <c r="E483" s="1" t="s">
        <v>0</v>
      </c>
    </row>
    <row r="484" spans="1:5" x14ac:dyDescent="0.25">
      <c r="A484" s="1" t="s">
        <v>13999</v>
      </c>
      <c r="B484" s="1" t="s">
        <v>56673</v>
      </c>
      <c r="C484" s="1" t="s">
        <v>14000</v>
      </c>
      <c r="D484" s="2">
        <v>153312</v>
      </c>
      <c r="E484" s="1" t="s">
        <v>0</v>
      </c>
    </row>
    <row r="485" spans="1:5" ht="409.5" x14ac:dyDescent="0.25">
      <c r="A485" s="4" t="s">
        <v>14001</v>
      </c>
      <c r="B485" s="1" t="s">
        <v>61945</v>
      </c>
      <c r="C485" s="1" t="s">
        <v>14002</v>
      </c>
      <c r="D485" s="2">
        <v>153313</v>
      </c>
      <c r="E485" s="1" t="s">
        <v>0</v>
      </c>
    </row>
    <row r="486" spans="1:5" x14ac:dyDescent="0.25">
      <c r="A486" s="1" t="s">
        <v>14003</v>
      </c>
      <c r="B486" s="1" t="s">
        <v>51204</v>
      </c>
      <c r="C486" s="1" t="s">
        <v>14004</v>
      </c>
      <c r="D486" s="2">
        <v>153314</v>
      </c>
      <c r="E486" s="1" t="s">
        <v>0</v>
      </c>
    </row>
    <row r="487" spans="1:5" x14ac:dyDescent="0.25">
      <c r="A487" s="2">
        <v>97</v>
      </c>
      <c r="B487" s="2">
        <v>97</v>
      </c>
      <c r="C487" s="1" t="s">
        <v>0</v>
      </c>
      <c r="D487" s="2">
        <v>153315</v>
      </c>
      <c r="E487" s="1" t="s">
        <v>0</v>
      </c>
    </row>
    <row r="488" spans="1:5" x14ac:dyDescent="0.25">
      <c r="A488" s="1" t="s">
        <v>92</v>
      </c>
      <c r="B488" s="1" t="s">
        <v>5095</v>
      </c>
      <c r="C488" s="1" t="s">
        <v>14005</v>
      </c>
      <c r="D488" s="2">
        <v>153316</v>
      </c>
      <c r="E488" s="1" t="s">
        <v>0</v>
      </c>
    </row>
    <row r="489" spans="1:5" x14ac:dyDescent="0.25">
      <c r="A489" s="1" t="s">
        <v>14006</v>
      </c>
      <c r="B489" s="1" t="s">
        <v>51205</v>
      </c>
      <c r="C489" s="1" t="s">
        <v>14007</v>
      </c>
      <c r="D489" s="2">
        <v>153317</v>
      </c>
      <c r="E489" s="1" t="s">
        <v>0</v>
      </c>
    </row>
    <row r="490" spans="1:5" ht="409.5" x14ac:dyDescent="0.25">
      <c r="A490" s="4" t="s">
        <v>14008</v>
      </c>
      <c r="B490" s="1" t="s">
        <v>51206</v>
      </c>
      <c r="C490" s="1" t="s">
        <v>14009</v>
      </c>
      <c r="D490" s="2">
        <v>153318</v>
      </c>
      <c r="E490" s="1" t="s">
        <v>0</v>
      </c>
    </row>
    <row r="491" spans="1:5" x14ac:dyDescent="0.25">
      <c r="A491" s="1" t="s">
        <v>14010</v>
      </c>
      <c r="B491" s="1" t="s">
        <v>51207</v>
      </c>
      <c r="C491" s="1" t="s">
        <v>14011</v>
      </c>
      <c r="D491" s="2">
        <v>153319</v>
      </c>
      <c r="E491" s="1" t="s">
        <v>0</v>
      </c>
    </row>
    <row r="492" spans="1:5" x14ac:dyDescent="0.25">
      <c r="A492" s="2">
        <v>98</v>
      </c>
      <c r="B492" s="2">
        <v>98</v>
      </c>
      <c r="C492" s="1" t="s">
        <v>0</v>
      </c>
      <c r="D492" s="2">
        <v>153320</v>
      </c>
      <c r="E492" s="1" t="s">
        <v>0</v>
      </c>
    </row>
    <row r="493" spans="1:5" x14ac:dyDescent="0.25">
      <c r="A493" s="1" t="s">
        <v>93</v>
      </c>
      <c r="B493" s="1" t="s">
        <v>5096</v>
      </c>
      <c r="C493" s="1" t="s">
        <v>14012</v>
      </c>
      <c r="D493" s="2">
        <v>153321</v>
      </c>
      <c r="E493" s="1" t="s">
        <v>0</v>
      </c>
    </row>
    <row r="494" spans="1:5" x14ac:dyDescent="0.25">
      <c r="A494" s="1" t="s">
        <v>14013</v>
      </c>
      <c r="B494" s="1" t="s">
        <v>63593</v>
      </c>
      <c r="C494" s="1" t="s">
        <v>14014</v>
      </c>
      <c r="D494" s="2">
        <v>153322</v>
      </c>
      <c r="E494" s="1" t="s">
        <v>0</v>
      </c>
    </row>
    <row r="495" spans="1:5" ht="409.5" x14ac:dyDescent="0.25">
      <c r="A495" s="4" t="s">
        <v>14015</v>
      </c>
      <c r="B495" s="1" t="s">
        <v>63594</v>
      </c>
      <c r="C495" s="1" t="s">
        <v>14016</v>
      </c>
      <c r="D495" s="2">
        <v>153323</v>
      </c>
      <c r="E495" s="1" t="s">
        <v>0</v>
      </c>
    </row>
    <row r="496" spans="1:5" x14ac:dyDescent="0.25">
      <c r="A496" s="1" t="s">
        <v>14017</v>
      </c>
      <c r="B496" s="1" t="s">
        <v>5097</v>
      </c>
      <c r="C496" s="1" t="s">
        <v>14018</v>
      </c>
      <c r="D496" s="2">
        <v>153324</v>
      </c>
      <c r="E496" s="1" t="s">
        <v>0</v>
      </c>
    </row>
    <row r="497" spans="1:5" x14ac:dyDescent="0.25">
      <c r="A497" s="2">
        <v>99</v>
      </c>
      <c r="B497" s="2">
        <v>99</v>
      </c>
      <c r="C497" s="1" t="s">
        <v>0</v>
      </c>
      <c r="D497" s="2">
        <v>153325</v>
      </c>
      <c r="E497" s="1" t="s">
        <v>0</v>
      </c>
    </row>
    <row r="498" spans="1:5" x14ac:dyDescent="0.25">
      <c r="A498" s="1" t="s">
        <v>94</v>
      </c>
      <c r="B498" s="1" t="s">
        <v>59713</v>
      </c>
      <c r="C498" s="1" t="s">
        <v>14019</v>
      </c>
      <c r="D498" s="2">
        <v>153326</v>
      </c>
      <c r="E498" s="1" t="s">
        <v>0</v>
      </c>
    </row>
    <row r="499" spans="1:5" x14ac:dyDescent="0.25">
      <c r="A499" s="1" t="s">
        <v>14020</v>
      </c>
      <c r="B499" s="1" t="s">
        <v>51208</v>
      </c>
      <c r="C499" s="1" t="s">
        <v>14021</v>
      </c>
      <c r="D499" s="2">
        <v>153327</v>
      </c>
      <c r="E499" s="1" t="s">
        <v>0</v>
      </c>
    </row>
    <row r="500" spans="1:5" ht="409.5" x14ac:dyDescent="0.25">
      <c r="A500" s="4" t="s">
        <v>14022</v>
      </c>
      <c r="B500" s="1" t="s">
        <v>57374</v>
      </c>
      <c r="C500" s="1" t="s">
        <v>14023</v>
      </c>
      <c r="D500" s="2">
        <v>153328</v>
      </c>
      <c r="E500" s="1" t="s">
        <v>0</v>
      </c>
    </row>
    <row r="501" spans="1:5" x14ac:dyDescent="0.25">
      <c r="A501" s="1" t="s">
        <v>14024</v>
      </c>
      <c r="B501" s="1" t="s">
        <v>51209</v>
      </c>
      <c r="C501" s="1" t="s">
        <v>14025</v>
      </c>
      <c r="D501" s="2">
        <v>153329</v>
      </c>
      <c r="E501" s="1" t="s">
        <v>0</v>
      </c>
    </row>
    <row r="502" spans="1:5" x14ac:dyDescent="0.25">
      <c r="A502" s="2">
        <v>100</v>
      </c>
      <c r="B502" s="2">
        <v>100</v>
      </c>
      <c r="C502" s="1" t="s">
        <v>0</v>
      </c>
      <c r="D502" s="2">
        <v>153330</v>
      </c>
      <c r="E502" s="1" t="s">
        <v>0</v>
      </c>
    </row>
    <row r="503" spans="1:5" x14ac:dyDescent="0.25">
      <c r="A503" s="1" t="s">
        <v>95</v>
      </c>
      <c r="B503" s="1" t="s">
        <v>5098</v>
      </c>
      <c r="C503" s="1" t="s">
        <v>14026</v>
      </c>
      <c r="D503" s="2">
        <v>153331</v>
      </c>
      <c r="E503" s="1" t="s">
        <v>0</v>
      </c>
    </row>
    <row r="504" spans="1:5" x14ac:dyDescent="0.25">
      <c r="A504" s="1" t="s">
        <v>14027</v>
      </c>
      <c r="B504" s="1" t="s">
        <v>5099</v>
      </c>
      <c r="C504" s="1" t="s">
        <v>14028</v>
      </c>
      <c r="D504" s="2">
        <v>153332</v>
      </c>
      <c r="E504" s="1" t="s">
        <v>0</v>
      </c>
    </row>
    <row r="505" spans="1:5" ht="409.5" x14ac:dyDescent="0.25">
      <c r="A505" s="4" t="s">
        <v>14029</v>
      </c>
      <c r="B505" s="1" t="s">
        <v>60857</v>
      </c>
      <c r="C505" s="1" t="s">
        <v>14030</v>
      </c>
      <c r="D505" s="2">
        <v>153333</v>
      </c>
      <c r="E505" s="1" t="s">
        <v>0</v>
      </c>
    </row>
    <row r="506" spans="1:5" x14ac:dyDescent="0.25">
      <c r="A506" s="1" t="s">
        <v>14031</v>
      </c>
      <c r="B506" s="1" t="s">
        <v>51210</v>
      </c>
      <c r="C506" s="1" t="s">
        <v>14032</v>
      </c>
      <c r="D506" s="2">
        <v>153334</v>
      </c>
      <c r="E506" s="1" t="s">
        <v>0</v>
      </c>
    </row>
    <row r="507" spans="1:5" x14ac:dyDescent="0.25">
      <c r="A507" s="2">
        <v>101</v>
      </c>
      <c r="B507" s="2">
        <v>101</v>
      </c>
      <c r="C507" s="1" t="s">
        <v>0</v>
      </c>
      <c r="D507" s="2">
        <v>153335</v>
      </c>
      <c r="E507" s="1" t="s">
        <v>0</v>
      </c>
    </row>
    <row r="508" spans="1:5" x14ac:dyDescent="0.25">
      <c r="A508" s="1" t="s">
        <v>96</v>
      </c>
      <c r="B508" s="1" t="s">
        <v>51211</v>
      </c>
      <c r="C508" s="1" t="s">
        <v>14033</v>
      </c>
      <c r="D508" s="2">
        <v>153336</v>
      </c>
      <c r="E508" s="1" t="s">
        <v>0</v>
      </c>
    </row>
    <row r="509" spans="1:5" x14ac:dyDescent="0.25">
      <c r="A509" s="1" t="s">
        <v>14034</v>
      </c>
      <c r="B509" s="1" t="s">
        <v>60858</v>
      </c>
      <c r="C509" s="1" t="s">
        <v>14035</v>
      </c>
      <c r="D509" s="2">
        <v>153337</v>
      </c>
      <c r="E509" s="1" t="s">
        <v>0</v>
      </c>
    </row>
    <row r="510" spans="1:5" ht="409.5" x14ac:dyDescent="0.25">
      <c r="A510" s="4" t="s">
        <v>14036</v>
      </c>
      <c r="B510" s="1" t="s">
        <v>60859</v>
      </c>
      <c r="C510" s="1" t="s">
        <v>14037</v>
      </c>
      <c r="D510" s="2">
        <v>153338</v>
      </c>
      <c r="E510" s="1" t="s">
        <v>0</v>
      </c>
    </row>
    <row r="511" spans="1:5" x14ac:dyDescent="0.25">
      <c r="A511" s="1" t="s">
        <v>14038</v>
      </c>
      <c r="B511" s="1" t="s">
        <v>5100</v>
      </c>
      <c r="C511" s="1" t="s">
        <v>14039</v>
      </c>
      <c r="D511" s="2">
        <v>153339</v>
      </c>
      <c r="E511" s="1" t="s">
        <v>0</v>
      </c>
    </row>
    <row r="512" spans="1:5" x14ac:dyDescent="0.25">
      <c r="A512" s="2">
        <v>102</v>
      </c>
      <c r="B512" s="2">
        <v>102</v>
      </c>
      <c r="C512" s="1" t="s">
        <v>0</v>
      </c>
      <c r="D512" s="2">
        <v>153340</v>
      </c>
      <c r="E512" s="1" t="s">
        <v>0</v>
      </c>
    </row>
    <row r="513" spans="1:5" x14ac:dyDescent="0.25">
      <c r="A513" s="1" t="s">
        <v>97</v>
      </c>
      <c r="B513" s="1" t="s">
        <v>5101</v>
      </c>
      <c r="C513" s="1" t="s">
        <v>14040</v>
      </c>
      <c r="D513" s="2">
        <v>153341</v>
      </c>
      <c r="E513" s="1" t="s">
        <v>0</v>
      </c>
    </row>
    <row r="514" spans="1:5" x14ac:dyDescent="0.25">
      <c r="A514" s="1" t="s">
        <v>14041</v>
      </c>
      <c r="B514" s="1" t="s">
        <v>51212</v>
      </c>
      <c r="C514" s="1" t="s">
        <v>14042</v>
      </c>
      <c r="D514" s="2">
        <v>153342</v>
      </c>
      <c r="E514" s="1" t="s">
        <v>0</v>
      </c>
    </row>
    <row r="515" spans="1:5" ht="409.5" x14ac:dyDescent="0.25">
      <c r="A515" s="4" t="s">
        <v>14043</v>
      </c>
      <c r="B515" s="1" t="s">
        <v>51213</v>
      </c>
      <c r="C515" s="1" t="s">
        <v>14044</v>
      </c>
      <c r="D515" s="2">
        <v>153343</v>
      </c>
      <c r="E515" s="1" t="s">
        <v>0</v>
      </c>
    </row>
    <row r="516" spans="1:5" x14ac:dyDescent="0.25">
      <c r="A516" s="1" t="s">
        <v>14045</v>
      </c>
      <c r="B516" s="1" t="s">
        <v>5102</v>
      </c>
      <c r="C516" s="1" t="s">
        <v>14046</v>
      </c>
      <c r="D516" s="2">
        <v>153344</v>
      </c>
      <c r="E516" s="1" t="s">
        <v>0</v>
      </c>
    </row>
    <row r="517" spans="1:5" x14ac:dyDescent="0.25">
      <c r="A517" s="2">
        <v>103</v>
      </c>
      <c r="B517" s="2">
        <v>103</v>
      </c>
      <c r="C517" s="1" t="s">
        <v>0</v>
      </c>
      <c r="D517" s="2">
        <v>153345</v>
      </c>
      <c r="E517" s="1" t="s">
        <v>0</v>
      </c>
    </row>
    <row r="518" spans="1:5" x14ac:dyDescent="0.25">
      <c r="A518" s="1" t="s">
        <v>98</v>
      </c>
      <c r="B518" s="1" t="s">
        <v>5103</v>
      </c>
      <c r="C518" s="1" t="s">
        <v>14047</v>
      </c>
      <c r="D518" s="2">
        <v>153346</v>
      </c>
      <c r="E518" s="1" t="s">
        <v>0</v>
      </c>
    </row>
    <row r="519" spans="1:5" x14ac:dyDescent="0.25">
      <c r="A519" s="1" t="s">
        <v>14048</v>
      </c>
      <c r="B519" s="1" t="s">
        <v>5104</v>
      </c>
      <c r="C519" s="1" t="s">
        <v>14049</v>
      </c>
      <c r="D519" s="2">
        <v>153347</v>
      </c>
      <c r="E519" s="1" t="s">
        <v>0</v>
      </c>
    </row>
    <row r="520" spans="1:5" ht="409.5" x14ac:dyDescent="0.25">
      <c r="A520" s="4" t="s">
        <v>14050</v>
      </c>
      <c r="B520" s="1" t="s">
        <v>5105</v>
      </c>
      <c r="C520" s="1" t="s">
        <v>14051</v>
      </c>
      <c r="D520" s="2">
        <v>153348</v>
      </c>
      <c r="E520" s="1" t="s">
        <v>0</v>
      </c>
    </row>
    <row r="521" spans="1:5" x14ac:dyDescent="0.25">
      <c r="A521" s="1" t="s">
        <v>14052</v>
      </c>
      <c r="B521" s="1" t="s">
        <v>51214</v>
      </c>
      <c r="C521" s="1" t="s">
        <v>14053</v>
      </c>
      <c r="D521" s="2">
        <v>153349</v>
      </c>
      <c r="E521" s="1" t="s">
        <v>0</v>
      </c>
    </row>
    <row r="522" spans="1:5" x14ac:dyDescent="0.25">
      <c r="A522" s="2">
        <v>104</v>
      </c>
      <c r="B522" s="2">
        <v>104</v>
      </c>
      <c r="C522" s="1" t="s">
        <v>0</v>
      </c>
      <c r="D522" s="2">
        <v>153350</v>
      </c>
      <c r="E522" s="1" t="s">
        <v>0</v>
      </c>
    </row>
    <row r="523" spans="1:5" x14ac:dyDescent="0.25">
      <c r="A523" s="1" t="s">
        <v>99</v>
      </c>
      <c r="B523" s="1" t="s">
        <v>5106</v>
      </c>
      <c r="C523" s="1" t="s">
        <v>14054</v>
      </c>
      <c r="D523" s="2">
        <v>153351</v>
      </c>
      <c r="E523" s="1" t="s">
        <v>0</v>
      </c>
    </row>
    <row r="524" spans="1:5" x14ac:dyDescent="0.25">
      <c r="A524" s="1" t="s">
        <v>14055</v>
      </c>
      <c r="B524" s="1" t="s">
        <v>51215</v>
      </c>
      <c r="C524" s="1" t="s">
        <v>14056</v>
      </c>
      <c r="D524" s="2">
        <v>153352</v>
      </c>
      <c r="E524" s="1" t="s">
        <v>0</v>
      </c>
    </row>
    <row r="525" spans="1:5" ht="409.5" x14ac:dyDescent="0.25">
      <c r="A525" s="4" t="s">
        <v>14057</v>
      </c>
      <c r="B525" s="1" t="s">
        <v>51216</v>
      </c>
      <c r="C525" s="1" t="s">
        <v>14058</v>
      </c>
      <c r="D525" s="2">
        <v>153353</v>
      </c>
      <c r="E525" s="1" t="s">
        <v>0</v>
      </c>
    </row>
    <row r="526" spans="1:5" x14ac:dyDescent="0.25">
      <c r="A526" s="1" t="s">
        <v>14059</v>
      </c>
      <c r="B526" s="1" t="s">
        <v>51217</v>
      </c>
      <c r="C526" s="1" t="s">
        <v>14060</v>
      </c>
      <c r="D526" s="2">
        <v>153354</v>
      </c>
      <c r="E526" s="1" t="s">
        <v>0</v>
      </c>
    </row>
    <row r="527" spans="1:5" x14ac:dyDescent="0.25">
      <c r="A527" s="2">
        <v>105</v>
      </c>
      <c r="B527" s="2">
        <v>105</v>
      </c>
      <c r="C527" s="1" t="s">
        <v>0</v>
      </c>
      <c r="D527" s="2">
        <v>153355</v>
      </c>
      <c r="E527" s="1" t="s">
        <v>0</v>
      </c>
    </row>
    <row r="528" spans="1:5" x14ac:dyDescent="0.25">
      <c r="A528" s="1" t="s">
        <v>12959</v>
      </c>
      <c r="B528" s="1" t="s">
        <v>5107</v>
      </c>
      <c r="C528" s="1" t="s">
        <v>14061</v>
      </c>
      <c r="D528" s="2">
        <v>153356</v>
      </c>
      <c r="E528" s="1" t="s">
        <v>0</v>
      </c>
    </row>
    <row r="529" spans="1:6" x14ac:dyDescent="0.25">
      <c r="A529" s="1" t="s">
        <v>14062</v>
      </c>
      <c r="B529" s="1" t="s">
        <v>51218</v>
      </c>
      <c r="C529" s="1" t="s">
        <v>14063</v>
      </c>
      <c r="D529" s="2">
        <v>153357</v>
      </c>
      <c r="E529" s="1" t="s">
        <v>0</v>
      </c>
      <c r="F529" s="1" t="s">
        <v>50326</v>
      </c>
    </row>
    <row r="530" spans="1:6" ht="409.5" x14ac:dyDescent="0.25">
      <c r="A530" s="4" t="s">
        <v>14064</v>
      </c>
      <c r="B530" s="1" t="s">
        <v>57692</v>
      </c>
      <c r="C530" s="1" t="s">
        <v>14065</v>
      </c>
      <c r="D530" s="2">
        <v>153358</v>
      </c>
      <c r="E530" s="1" t="s">
        <v>0</v>
      </c>
    </row>
    <row r="531" spans="1:6" x14ac:dyDescent="0.25">
      <c r="A531" s="1" t="s">
        <v>14066</v>
      </c>
      <c r="B531" s="1" t="s">
        <v>51219</v>
      </c>
      <c r="C531" s="1" t="s">
        <v>14067</v>
      </c>
      <c r="D531" s="2">
        <v>153359</v>
      </c>
      <c r="E531" s="1" t="s">
        <v>0</v>
      </c>
    </row>
    <row r="532" spans="1:6" x14ac:dyDescent="0.25">
      <c r="A532" s="2">
        <v>106</v>
      </c>
      <c r="B532" s="2">
        <v>106</v>
      </c>
      <c r="C532" s="1" t="s">
        <v>0</v>
      </c>
      <c r="D532" s="2">
        <v>153360</v>
      </c>
      <c r="E532" s="1" t="s">
        <v>0</v>
      </c>
    </row>
    <row r="533" spans="1:6" x14ac:dyDescent="0.25">
      <c r="A533" s="1" t="s">
        <v>100</v>
      </c>
      <c r="B533" s="1" t="s">
        <v>5108</v>
      </c>
      <c r="C533" s="1" t="s">
        <v>14068</v>
      </c>
      <c r="D533" s="2">
        <v>153361</v>
      </c>
      <c r="E533" s="1" t="s">
        <v>0</v>
      </c>
    </row>
    <row r="534" spans="1:6" x14ac:dyDescent="0.25">
      <c r="A534" s="1" t="s">
        <v>14069</v>
      </c>
      <c r="B534" s="1" t="s">
        <v>51220</v>
      </c>
      <c r="C534" s="1" t="s">
        <v>14070</v>
      </c>
      <c r="D534" s="2">
        <v>153362</v>
      </c>
      <c r="E534" s="1" t="s">
        <v>0</v>
      </c>
    </row>
    <row r="535" spans="1:6" ht="409.5" x14ac:dyDescent="0.25">
      <c r="A535" s="4" t="s">
        <v>14071</v>
      </c>
      <c r="B535" s="1" t="s">
        <v>51221</v>
      </c>
      <c r="C535" s="1" t="s">
        <v>14072</v>
      </c>
      <c r="D535" s="2">
        <v>153363</v>
      </c>
      <c r="E535" s="1" t="s">
        <v>0</v>
      </c>
    </row>
    <row r="536" spans="1:6" x14ac:dyDescent="0.25">
      <c r="A536" s="1" t="s">
        <v>14073</v>
      </c>
      <c r="B536" s="1" t="s">
        <v>51222</v>
      </c>
      <c r="C536" s="1" t="s">
        <v>14074</v>
      </c>
      <c r="D536" s="2">
        <v>153364</v>
      </c>
      <c r="E536" s="1" t="s">
        <v>0</v>
      </c>
    </row>
    <row r="537" spans="1:6" x14ac:dyDescent="0.25">
      <c r="A537" s="2">
        <v>107</v>
      </c>
      <c r="B537" s="2">
        <v>107</v>
      </c>
      <c r="C537" s="1" t="s">
        <v>0</v>
      </c>
      <c r="D537" s="2">
        <v>153365</v>
      </c>
      <c r="E537" s="1" t="s">
        <v>0</v>
      </c>
    </row>
    <row r="538" spans="1:6" x14ac:dyDescent="0.25">
      <c r="A538" s="1" t="s">
        <v>101</v>
      </c>
      <c r="B538" s="1" t="s">
        <v>5109</v>
      </c>
      <c r="C538" s="1" t="s">
        <v>14075</v>
      </c>
      <c r="D538" s="2">
        <v>153366</v>
      </c>
      <c r="E538" s="1" t="s">
        <v>0</v>
      </c>
    </row>
    <row r="539" spans="1:6" x14ac:dyDescent="0.25">
      <c r="A539" s="1" t="s">
        <v>14076</v>
      </c>
      <c r="B539" s="1" t="s">
        <v>51223</v>
      </c>
      <c r="C539" s="1" t="s">
        <v>14077</v>
      </c>
      <c r="D539" s="2">
        <v>153367</v>
      </c>
      <c r="E539" s="1" t="s">
        <v>0</v>
      </c>
    </row>
    <row r="540" spans="1:6" ht="409.5" x14ac:dyDescent="0.25">
      <c r="A540" s="4" t="s">
        <v>14078</v>
      </c>
      <c r="B540" s="1" t="s">
        <v>57670</v>
      </c>
      <c r="C540" s="1" t="s">
        <v>14079</v>
      </c>
      <c r="D540" s="2">
        <v>153368</v>
      </c>
      <c r="E540" s="1" t="s">
        <v>0</v>
      </c>
    </row>
    <row r="541" spans="1:6" x14ac:dyDescent="0.25">
      <c r="A541" s="1" t="s">
        <v>14080</v>
      </c>
      <c r="B541" s="1" t="s">
        <v>51224</v>
      </c>
      <c r="C541" s="1" t="s">
        <v>14081</v>
      </c>
      <c r="D541" s="2">
        <v>153369</v>
      </c>
      <c r="E541" s="1" t="s">
        <v>0</v>
      </c>
    </row>
    <row r="542" spans="1:6" x14ac:dyDescent="0.25">
      <c r="A542" s="2">
        <v>108</v>
      </c>
      <c r="B542" s="2">
        <v>108</v>
      </c>
      <c r="C542" s="1" t="s">
        <v>0</v>
      </c>
      <c r="D542" s="2">
        <v>153370</v>
      </c>
      <c r="E542" s="1" t="s">
        <v>0</v>
      </c>
    </row>
    <row r="543" spans="1:6" x14ac:dyDescent="0.25">
      <c r="A543" s="1" t="s">
        <v>102</v>
      </c>
      <c r="B543" s="1" t="s">
        <v>50342</v>
      </c>
      <c r="C543" s="1" t="s">
        <v>14082</v>
      </c>
      <c r="D543" s="2">
        <v>153371</v>
      </c>
      <c r="E543" s="1" t="s">
        <v>0</v>
      </c>
    </row>
    <row r="544" spans="1:6" x14ac:dyDescent="0.25">
      <c r="A544" s="1" t="s">
        <v>14083</v>
      </c>
      <c r="B544" s="1" t="s">
        <v>51225</v>
      </c>
      <c r="C544" s="1" t="s">
        <v>14084</v>
      </c>
      <c r="D544" s="2">
        <v>153372</v>
      </c>
      <c r="E544" s="1" t="s">
        <v>0</v>
      </c>
    </row>
    <row r="545" spans="1:5" ht="409.5" x14ac:dyDescent="0.25">
      <c r="A545" s="4" t="s">
        <v>14085</v>
      </c>
      <c r="B545" s="1" t="s">
        <v>51226</v>
      </c>
      <c r="C545" s="1" t="s">
        <v>14086</v>
      </c>
      <c r="D545" s="2">
        <v>153373</v>
      </c>
      <c r="E545" s="1" t="s">
        <v>0</v>
      </c>
    </row>
    <row r="546" spans="1:5" x14ac:dyDescent="0.25">
      <c r="A546" s="1" t="s">
        <v>14087</v>
      </c>
      <c r="B546" s="1" t="s">
        <v>5110</v>
      </c>
      <c r="C546" s="1" t="s">
        <v>14088</v>
      </c>
      <c r="D546" s="2">
        <v>153374</v>
      </c>
      <c r="E546" s="1" t="s">
        <v>0</v>
      </c>
    </row>
    <row r="547" spans="1:5" x14ac:dyDescent="0.25">
      <c r="A547" s="2">
        <v>109</v>
      </c>
      <c r="B547" s="2">
        <v>109</v>
      </c>
      <c r="C547" s="1" t="s">
        <v>0</v>
      </c>
      <c r="D547" s="2">
        <v>153375</v>
      </c>
      <c r="E547" s="1" t="s">
        <v>0</v>
      </c>
    </row>
    <row r="548" spans="1:5" x14ac:dyDescent="0.25">
      <c r="A548" s="1" t="s">
        <v>103</v>
      </c>
      <c r="B548" s="1" t="s">
        <v>5111</v>
      </c>
      <c r="C548" s="1" t="s">
        <v>14089</v>
      </c>
      <c r="D548" s="2">
        <v>153376</v>
      </c>
      <c r="E548" s="1" t="s">
        <v>0</v>
      </c>
    </row>
    <row r="549" spans="1:5" x14ac:dyDescent="0.25">
      <c r="A549" s="1" t="s">
        <v>14090</v>
      </c>
      <c r="B549" s="1" t="s">
        <v>63595</v>
      </c>
      <c r="C549" s="1" t="s">
        <v>14091</v>
      </c>
      <c r="D549" s="2">
        <v>153377</v>
      </c>
      <c r="E549" s="1" t="s">
        <v>0</v>
      </c>
    </row>
    <row r="550" spans="1:5" ht="409.5" x14ac:dyDescent="0.25">
      <c r="A550" s="4" t="s">
        <v>63932</v>
      </c>
      <c r="B550" s="1" t="s">
        <v>63596</v>
      </c>
      <c r="C550" s="1" t="s">
        <v>14092</v>
      </c>
      <c r="D550" s="2">
        <v>153378</v>
      </c>
      <c r="E550" s="1" t="s">
        <v>0</v>
      </c>
    </row>
    <row r="551" spans="1:5" x14ac:dyDescent="0.25">
      <c r="A551" s="1" t="s">
        <v>14093</v>
      </c>
      <c r="B551" s="1" t="s">
        <v>5112</v>
      </c>
      <c r="C551" s="1" t="s">
        <v>14094</v>
      </c>
      <c r="D551" s="2">
        <v>153379</v>
      </c>
      <c r="E551" s="1" t="s">
        <v>0</v>
      </c>
    </row>
    <row r="552" spans="1:5" x14ac:dyDescent="0.25">
      <c r="A552" s="2">
        <v>110</v>
      </c>
      <c r="B552" s="2">
        <v>110</v>
      </c>
      <c r="C552" s="1" t="s">
        <v>0</v>
      </c>
      <c r="D552" s="2">
        <v>153380</v>
      </c>
      <c r="E552" s="1" t="s">
        <v>0</v>
      </c>
    </row>
    <row r="553" spans="1:5" x14ac:dyDescent="0.25">
      <c r="A553" s="1" t="s">
        <v>104</v>
      </c>
      <c r="B553" s="1" t="s">
        <v>5113</v>
      </c>
      <c r="C553" s="1" t="s">
        <v>14095</v>
      </c>
      <c r="D553" s="2">
        <v>153381</v>
      </c>
      <c r="E553" s="1" t="s">
        <v>0</v>
      </c>
    </row>
    <row r="554" spans="1:5" x14ac:dyDescent="0.25">
      <c r="A554" s="1" t="s">
        <v>14096</v>
      </c>
      <c r="B554" s="1" t="s">
        <v>5114</v>
      </c>
      <c r="C554" s="1" t="s">
        <v>14097</v>
      </c>
      <c r="D554" s="2">
        <v>153382</v>
      </c>
      <c r="E554" s="1" t="s">
        <v>0</v>
      </c>
    </row>
    <row r="555" spans="1:5" ht="409.5" x14ac:dyDescent="0.25">
      <c r="A555" s="4" t="s">
        <v>14098</v>
      </c>
      <c r="B555" s="1" t="s">
        <v>57693</v>
      </c>
      <c r="C555" s="1" t="s">
        <v>14099</v>
      </c>
      <c r="D555" s="2">
        <v>153383</v>
      </c>
      <c r="E555" s="1" t="s">
        <v>0</v>
      </c>
    </row>
    <row r="556" spans="1:5" x14ac:dyDescent="0.25">
      <c r="A556" s="1" t="s">
        <v>14100</v>
      </c>
      <c r="B556" s="1" t="s">
        <v>51227</v>
      </c>
      <c r="C556" s="1" t="s">
        <v>14101</v>
      </c>
      <c r="D556" s="2">
        <v>153384</v>
      </c>
      <c r="E556" s="1" t="s">
        <v>0</v>
      </c>
    </row>
    <row r="557" spans="1:5" x14ac:dyDescent="0.25">
      <c r="A557" s="2">
        <v>111</v>
      </c>
      <c r="B557" s="2">
        <v>111</v>
      </c>
      <c r="C557" s="1" t="s">
        <v>0</v>
      </c>
      <c r="D557" s="2">
        <v>153385</v>
      </c>
      <c r="E557" s="1" t="s">
        <v>0</v>
      </c>
    </row>
    <row r="558" spans="1:5" x14ac:dyDescent="0.25">
      <c r="A558" s="1" t="s">
        <v>105</v>
      </c>
      <c r="B558" s="1" t="s">
        <v>50343</v>
      </c>
      <c r="C558" s="1" t="s">
        <v>14102</v>
      </c>
      <c r="D558" s="2">
        <v>153386</v>
      </c>
      <c r="E558" s="1" t="s">
        <v>0</v>
      </c>
    </row>
    <row r="559" spans="1:5" x14ac:dyDescent="0.25">
      <c r="A559" s="1" t="s">
        <v>14103</v>
      </c>
      <c r="B559" s="1" t="s">
        <v>50344</v>
      </c>
      <c r="C559" s="1" t="s">
        <v>14104</v>
      </c>
      <c r="D559" s="2">
        <v>153387</v>
      </c>
      <c r="E559" s="1" t="s">
        <v>0</v>
      </c>
    </row>
    <row r="560" spans="1:5" ht="409.5" x14ac:dyDescent="0.25">
      <c r="A560" s="4" t="s">
        <v>14105</v>
      </c>
      <c r="B560" s="1" t="s">
        <v>51228</v>
      </c>
      <c r="C560" s="1" t="s">
        <v>14106</v>
      </c>
      <c r="D560" s="2">
        <v>153388</v>
      </c>
      <c r="E560" s="1" t="s">
        <v>0</v>
      </c>
    </row>
    <row r="561" spans="1:5" x14ac:dyDescent="0.25">
      <c r="A561" s="1" t="s">
        <v>14107</v>
      </c>
      <c r="B561" s="1" t="s">
        <v>5115</v>
      </c>
      <c r="C561" s="1" t="s">
        <v>14108</v>
      </c>
      <c r="D561" s="2">
        <v>153389</v>
      </c>
      <c r="E561" s="1" t="s">
        <v>0</v>
      </c>
    </row>
    <row r="562" spans="1:5" x14ac:dyDescent="0.25">
      <c r="A562" s="2">
        <v>112</v>
      </c>
      <c r="B562" s="2">
        <v>112</v>
      </c>
      <c r="C562" s="1" t="s">
        <v>0</v>
      </c>
      <c r="D562" s="2">
        <v>153390</v>
      </c>
      <c r="E562" s="1" t="s">
        <v>0</v>
      </c>
    </row>
    <row r="563" spans="1:5" x14ac:dyDescent="0.25">
      <c r="A563" s="1" t="s">
        <v>5116</v>
      </c>
      <c r="B563" s="1" t="s">
        <v>5117</v>
      </c>
      <c r="C563" s="1" t="s">
        <v>14109</v>
      </c>
      <c r="D563" s="2">
        <v>153391</v>
      </c>
      <c r="E563" s="1" t="s">
        <v>0</v>
      </c>
    </row>
    <row r="564" spans="1:5" x14ac:dyDescent="0.25">
      <c r="A564" s="1" t="s">
        <v>14110</v>
      </c>
      <c r="B564" s="1" t="s">
        <v>58683</v>
      </c>
      <c r="C564" s="1" t="s">
        <v>14111</v>
      </c>
      <c r="D564" s="2">
        <v>153392</v>
      </c>
      <c r="E564" s="1" t="s">
        <v>0</v>
      </c>
    </row>
    <row r="565" spans="1:5" ht="409.5" x14ac:dyDescent="0.25">
      <c r="A565" s="4" t="s">
        <v>14112</v>
      </c>
      <c r="B565" s="1" t="s">
        <v>59714</v>
      </c>
      <c r="C565" s="1" t="s">
        <v>14113</v>
      </c>
      <c r="D565" s="2">
        <v>153393</v>
      </c>
      <c r="E565" s="1" t="s">
        <v>0</v>
      </c>
    </row>
    <row r="566" spans="1:5" x14ac:dyDescent="0.25">
      <c r="A566" s="1" t="s">
        <v>14114</v>
      </c>
      <c r="B566" s="1" t="s">
        <v>57694</v>
      </c>
      <c r="C566" s="1" t="s">
        <v>14115</v>
      </c>
      <c r="D566" s="2">
        <v>153394</v>
      </c>
      <c r="E566" s="1" t="s">
        <v>0</v>
      </c>
    </row>
    <row r="567" spans="1:5" x14ac:dyDescent="0.25">
      <c r="A567" s="2">
        <v>113</v>
      </c>
      <c r="B567" s="2">
        <v>113</v>
      </c>
      <c r="C567" s="1" t="s">
        <v>0</v>
      </c>
      <c r="D567" s="2">
        <v>153395</v>
      </c>
      <c r="E567" s="1" t="s">
        <v>0</v>
      </c>
    </row>
    <row r="568" spans="1:5" x14ac:dyDescent="0.25">
      <c r="A568" s="1" t="s">
        <v>106</v>
      </c>
      <c r="B568" s="1" t="s">
        <v>5118</v>
      </c>
      <c r="C568" s="1" t="s">
        <v>14116</v>
      </c>
      <c r="D568" s="2">
        <v>153396</v>
      </c>
      <c r="E568" s="1" t="s">
        <v>0</v>
      </c>
    </row>
    <row r="569" spans="1:5" x14ac:dyDescent="0.25">
      <c r="A569" s="1" t="s">
        <v>14117</v>
      </c>
      <c r="B569" s="1" t="s">
        <v>5119</v>
      </c>
      <c r="C569" s="1" t="s">
        <v>14118</v>
      </c>
      <c r="D569" s="2">
        <v>153397</v>
      </c>
      <c r="E569" s="1" t="s">
        <v>0</v>
      </c>
    </row>
    <row r="570" spans="1:5" ht="409.5" x14ac:dyDescent="0.25">
      <c r="A570" s="4" t="s">
        <v>14119</v>
      </c>
      <c r="B570" s="1" t="s">
        <v>51229</v>
      </c>
      <c r="C570" s="1" t="s">
        <v>14120</v>
      </c>
      <c r="D570" s="2">
        <v>153398</v>
      </c>
      <c r="E570" s="1" t="s">
        <v>0</v>
      </c>
    </row>
    <row r="571" spans="1:5" x14ac:dyDescent="0.25">
      <c r="A571" s="1" t="s">
        <v>14121</v>
      </c>
      <c r="B571" s="1" t="s">
        <v>51230</v>
      </c>
      <c r="C571" s="1" t="s">
        <v>14122</v>
      </c>
      <c r="D571" s="2">
        <v>153399</v>
      </c>
      <c r="E571" s="1" t="s">
        <v>0</v>
      </c>
    </row>
    <row r="572" spans="1:5" x14ac:dyDescent="0.25">
      <c r="A572" s="2">
        <v>114</v>
      </c>
      <c r="B572" s="2">
        <v>114</v>
      </c>
      <c r="C572" s="1" t="s">
        <v>0</v>
      </c>
      <c r="D572" s="2">
        <v>153400</v>
      </c>
      <c r="E572" s="1" t="s">
        <v>0</v>
      </c>
    </row>
    <row r="573" spans="1:5" x14ac:dyDescent="0.25">
      <c r="A573" s="1" t="s">
        <v>107</v>
      </c>
      <c r="B573" s="1" t="s">
        <v>59715</v>
      </c>
      <c r="C573" s="1" t="s">
        <v>14123</v>
      </c>
      <c r="D573" s="2">
        <v>153401</v>
      </c>
      <c r="E573" s="1" t="s">
        <v>0</v>
      </c>
    </row>
    <row r="574" spans="1:5" x14ac:dyDescent="0.25">
      <c r="A574" s="1" t="s">
        <v>14124</v>
      </c>
      <c r="B574" s="1" t="s">
        <v>59716</v>
      </c>
      <c r="C574" s="1" t="s">
        <v>14125</v>
      </c>
      <c r="D574" s="2">
        <v>153402</v>
      </c>
      <c r="E574" s="1" t="s">
        <v>0</v>
      </c>
    </row>
    <row r="575" spans="1:5" ht="409.5" x14ac:dyDescent="0.25">
      <c r="A575" s="4" t="s">
        <v>14126</v>
      </c>
      <c r="B575" s="1" t="s">
        <v>61946</v>
      </c>
      <c r="C575" s="1" t="s">
        <v>14127</v>
      </c>
      <c r="D575" s="2">
        <v>153403</v>
      </c>
      <c r="E575" s="1" t="s">
        <v>0</v>
      </c>
    </row>
    <row r="576" spans="1:5" x14ac:dyDescent="0.25">
      <c r="A576" s="1" t="s">
        <v>14128</v>
      </c>
      <c r="B576" s="1" t="s">
        <v>51231</v>
      </c>
      <c r="C576" s="1" t="s">
        <v>14129</v>
      </c>
      <c r="D576" s="2">
        <v>153404</v>
      </c>
      <c r="E576" s="1" t="s">
        <v>0</v>
      </c>
    </row>
    <row r="577" spans="1:5" x14ac:dyDescent="0.25">
      <c r="A577" s="2">
        <v>115</v>
      </c>
      <c r="B577" s="2">
        <v>115</v>
      </c>
      <c r="C577" s="1" t="s">
        <v>0</v>
      </c>
      <c r="D577" s="2">
        <v>153405</v>
      </c>
      <c r="E577" s="1" t="s">
        <v>0</v>
      </c>
    </row>
    <row r="578" spans="1:5" x14ac:dyDescent="0.25">
      <c r="A578" s="1" t="s">
        <v>108</v>
      </c>
      <c r="B578" s="1" t="s">
        <v>5120</v>
      </c>
      <c r="C578" s="1" t="s">
        <v>14130</v>
      </c>
      <c r="D578" s="2">
        <v>153406</v>
      </c>
      <c r="E578" s="1" t="s">
        <v>0</v>
      </c>
    </row>
    <row r="579" spans="1:5" x14ac:dyDescent="0.25">
      <c r="A579" s="1" t="s">
        <v>14131</v>
      </c>
      <c r="B579" s="1" t="s">
        <v>5121</v>
      </c>
      <c r="C579" s="1" t="s">
        <v>14132</v>
      </c>
      <c r="D579" s="2">
        <v>153407</v>
      </c>
      <c r="E579" s="1" t="s">
        <v>0</v>
      </c>
    </row>
    <row r="580" spans="1:5" ht="409.5" x14ac:dyDescent="0.25">
      <c r="A580" s="4" t="s">
        <v>14133</v>
      </c>
      <c r="B580" s="1" t="s">
        <v>5122</v>
      </c>
      <c r="C580" s="1" t="s">
        <v>14134</v>
      </c>
      <c r="D580" s="2">
        <v>153408</v>
      </c>
      <c r="E580" s="1" t="s">
        <v>0</v>
      </c>
    </row>
    <row r="581" spans="1:5" x14ac:dyDescent="0.25">
      <c r="A581" s="1" t="s">
        <v>14135</v>
      </c>
      <c r="B581" s="1" t="s">
        <v>51232</v>
      </c>
      <c r="C581" s="1" t="s">
        <v>14136</v>
      </c>
      <c r="D581" s="2">
        <v>153409</v>
      </c>
      <c r="E581" s="1" t="s">
        <v>0</v>
      </c>
    </row>
    <row r="582" spans="1:5" x14ac:dyDescent="0.25">
      <c r="A582" s="2">
        <v>116</v>
      </c>
      <c r="B582" s="2">
        <v>116</v>
      </c>
      <c r="C582" s="1" t="s">
        <v>0</v>
      </c>
      <c r="D582" s="2">
        <v>153410</v>
      </c>
      <c r="E582" s="1" t="s">
        <v>0</v>
      </c>
    </row>
    <row r="583" spans="1:5" x14ac:dyDescent="0.25">
      <c r="A583" s="1" t="s">
        <v>109</v>
      </c>
      <c r="B583" s="1" t="s">
        <v>5123</v>
      </c>
      <c r="C583" s="1" t="s">
        <v>14137</v>
      </c>
      <c r="D583" s="2">
        <v>153411</v>
      </c>
      <c r="E583" s="1" t="s">
        <v>0</v>
      </c>
    </row>
    <row r="584" spans="1:5" x14ac:dyDescent="0.25">
      <c r="A584" s="1" t="s">
        <v>14138</v>
      </c>
      <c r="B584" s="1" t="s">
        <v>50345</v>
      </c>
      <c r="C584" s="1" t="s">
        <v>14139</v>
      </c>
      <c r="D584" s="2">
        <v>153412</v>
      </c>
      <c r="E584" s="1" t="s">
        <v>0</v>
      </c>
    </row>
    <row r="585" spans="1:5" ht="409.5" x14ac:dyDescent="0.25">
      <c r="A585" s="4" t="s">
        <v>14140</v>
      </c>
      <c r="B585" s="1" t="s">
        <v>51233</v>
      </c>
      <c r="C585" s="1" t="s">
        <v>14141</v>
      </c>
      <c r="D585" s="2">
        <v>153413</v>
      </c>
      <c r="E585" s="1" t="s">
        <v>0</v>
      </c>
    </row>
    <row r="586" spans="1:5" x14ac:dyDescent="0.25">
      <c r="A586" s="1" t="s">
        <v>14142</v>
      </c>
      <c r="B586" s="1" t="s">
        <v>50346</v>
      </c>
      <c r="C586" s="1" t="s">
        <v>14143</v>
      </c>
      <c r="D586" s="2">
        <v>153414</v>
      </c>
      <c r="E586" s="1" t="s">
        <v>0</v>
      </c>
    </row>
    <row r="587" spans="1:5" x14ac:dyDescent="0.25">
      <c r="A587" s="2">
        <v>117</v>
      </c>
      <c r="B587" s="2">
        <v>117</v>
      </c>
      <c r="C587" s="1" t="s">
        <v>0</v>
      </c>
      <c r="D587" s="2">
        <v>153415</v>
      </c>
      <c r="E587" s="1" t="s">
        <v>0</v>
      </c>
    </row>
    <row r="588" spans="1:5" x14ac:dyDescent="0.25">
      <c r="A588" s="1" t="s">
        <v>110</v>
      </c>
      <c r="B588" s="1" t="s">
        <v>5124</v>
      </c>
      <c r="C588" s="1" t="s">
        <v>14144</v>
      </c>
      <c r="D588" s="2">
        <v>153416</v>
      </c>
      <c r="E588" s="1" t="s">
        <v>0</v>
      </c>
    </row>
    <row r="589" spans="1:5" x14ac:dyDescent="0.25">
      <c r="A589" s="1" t="s">
        <v>14145</v>
      </c>
      <c r="B589" s="1" t="s">
        <v>51234</v>
      </c>
      <c r="C589" s="1" t="s">
        <v>14146</v>
      </c>
      <c r="D589" s="2">
        <v>153417</v>
      </c>
      <c r="E589" s="1" t="s">
        <v>0</v>
      </c>
    </row>
    <row r="590" spans="1:5" ht="409.5" x14ac:dyDescent="0.25">
      <c r="A590" s="4" t="s">
        <v>14147</v>
      </c>
      <c r="B590" s="1" t="s">
        <v>51235</v>
      </c>
      <c r="C590" s="1" t="s">
        <v>14148</v>
      </c>
      <c r="D590" s="2">
        <v>153418</v>
      </c>
      <c r="E590" s="1" t="s">
        <v>0</v>
      </c>
    </row>
    <row r="591" spans="1:5" x14ac:dyDescent="0.25">
      <c r="A591" s="1" t="s">
        <v>14149</v>
      </c>
      <c r="B591" s="1" t="s">
        <v>51236</v>
      </c>
      <c r="C591" s="1" t="s">
        <v>14150</v>
      </c>
      <c r="D591" s="2">
        <v>153419</v>
      </c>
      <c r="E591" s="1" t="s">
        <v>0</v>
      </c>
    </row>
    <row r="592" spans="1:5" x14ac:dyDescent="0.25">
      <c r="A592" s="2">
        <v>118</v>
      </c>
      <c r="B592" s="2">
        <v>118</v>
      </c>
      <c r="C592" s="1" t="s">
        <v>0</v>
      </c>
      <c r="D592" s="2">
        <v>153420</v>
      </c>
      <c r="E592" s="1" t="s">
        <v>0</v>
      </c>
    </row>
    <row r="593" spans="1:5" x14ac:dyDescent="0.25">
      <c r="A593" s="1" t="s">
        <v>111</v>
      </c>
      <c r="B593" s="1" t="s">
        <v>50347</v>
      </c>
      <c r="C593" s="1" t="s">
        <v>14151</v>
      </c>
      <c r="D593" s="2">
        <v>153421</v>
      </c>
      <c r="E593" s="1" t="s">
        <v>0</v>
      </c>
    </row>
    <row r="594" spans="1:5" x14ac:dyDescent="0.25">
      <c r="A594" s="1" t="s">
        <v>14152</v>
      </c>
      <c r="B594" s="1" t="s">
        <v>51237</v>
      </c>
      <c r="C594" s="1" t="s">
        <v>14153</v>
      </c>
      <c r="D594" s="2">
        <v>153422</v>
      </c>
      <c r="E594" s="1" t="s">
        <v>0</v>
      </c>
    </row>
    <row r="595" spans="1:5" ht="409.5" x14ac:dyDescent="0.25">
      <c r="A595" s="4" t="s">
        <v>14154</v>
      </c>
      <c r="B595" s="1" t="s">
        <v>59717</v>
      </c>
      <c r="C595" s="1" t="s">
        <v>14155</v>
      </c>
      <c r="D595" s="2">
        <v>153423</v>
      </c>
      <c r="E595" s="1" t="s">
        <v>0</v>
      </c>
    </row>
    <row r="596" spans="1:5" x14ac:dyDescent="0.25">
      <c r="A596" s="1" t="s">
        <v>13413</v>
      </c>
      <c r="B596" s="1" t="s">
        <v>60845</v>
      </c>
      <c r="C596" s="1" t="s">
        <v>13414</v>
      </c>
      <c r="D596" s="2">
        <v>153424</v>
      </c>
      <c r="E596" s="1" t="s">
        <v>0</v>
      </c>
    </row>
    <row r="597" spans="1:5" x14ac:dyDescent="0.25">
      <c r="A597" s="2">
        <v>119</v>
      </c>
      <c r="B597" s="2">
        <v>119</v>
      </c>
      <c r="C597" s="1" t="s">
        <v>0</v>
      </c>
      <c r="D597" s="2">
        <v>153425</v>
      </c>
      <c r="E597" s="1" t="s">
        <v>0</v>
      </c>
    </row>
    <row r="598" spans="1:5" x14ac:dyDescent="0.25">
      <c r="A598" s="1" t="s">
        <v>14156</v>
      </c>
      <c r="B598" s="1" t="s">
        <v>5125</v>
      </c>
      <c r="C598" s="1" t="s">
        <v>14157</v>
      </c>
      <c r="D598" s="2">
        <v>153426</v>
      </c>
      <c r="E598" s="1" t="s">
        <v>0</v>
      </c>
    </row>
    <row r="599" spans="1:5" x14ac:dyDescent="0.25">
      <c r="A599" s="1" t="s">
        <v>14158</v>
      </c>
      <c r="B599" s="1" t="s">
        <v>51238</v>
      </c>
      <c r="C599" s="1" t="s">
        <v>14159</v>
      </c>
      <c r="D599" s="2">
        <v>153427</v>
      </c>
      <c r="E599" s="1" t="s">
        <v>0</v>
      </c>
    </row>
    <row r="600" spans="1:5" ht="409.5" x14ac:dyDescent="0.25">
      <c r="A600" s="4" t="s">
        <v>14160</v>
      </c>
      <c r="B600" s="1" t="s">
        <v>60386</v>
      </c>
      <c r="C600" s="1" t="s">
        <v>14161</v>
      </c>
      <c r="D600" s="2">
        <v>153428</v>
      </c>
      <c r="E600" s="1" t="s">
        <v>0</v>
      </c>
    </row>
    <row r="601" spans="1:5" x14ac:dyDescent="0.25">
      <c r="A601" s="1" t="s">
        <v>14162</v>
      </c>
      <c r="B601" s="1" t="s">
        <v>51239</v>
      </c>
      <c r="C601" s="1" t="s">
        <v>14163</v>
      </c>
      <c r="D601" s="2">
        <v>153429</v>
      </c>
      <c r="E601" s="1" t="s">
        <v>0</v>
      </c>
    </row>
    <row r="602" spans="1:5" x14ac:dyDescent="0.25">
      <c r="A602" s="2">
        <v>120</v>
      </c>
      <c r="B602" s="2">
        <v>120</v>
      </c>
      <c r="C602" s="1" t="s">
        <v>0</v>
      </c>
      <c r="D602" s="2">
        <v>153430</v>
      </c>
      <c r="E602" s="1" t="s">
        <v>0</v>
      </c>
    </row>
    <row r="603" spans="1:5" x14ac:dyDescent="0.25">
      <c r="A603" s="1" t="s">
        <v>112</v>
      </c>
      <c r="B603" s="1" t="s">
        <v>58131</v>
      </c>
      <c r="C603" s="1" t="s">
        <v>14164</v>
      </c>
      <c r="D603" s="2">
        <v>153431</v>
      </c>
      <c r="E603" s="1" t="s">
        <v>0</v>
      </c>
    </row>
    <row r="604" spans="1:5" x14ac:dyDescent="0.25">
      <c r="A604" s="1" t="s">
        <v>14165</v>
      </c>
      <c r="B604" s="1" t="s">
        <v>51240</v>
      </c>
      <c r="C604" s="1" t="s">
        <v>14166</v>
      </c>
      <c r="D604" s="2">
        <v>153432</v>
      </c>
      <c r="E604" s="1" t="s">
        <v>0</v>
      </c>
    </row>
    <row r="605" spans="1:5" ht="409.5" x14ac:dyDescent="0.25">
      <c r="A605" s="4" t="s">
        <v>14167</v>
      </c>
      <c r="B605" s="1" t="s">
        <v>61947</v>
      </c>
      <c r="C605" s="1" t="s">
        <v>14168</v>
      </c>
      <c r="D605" s="2">
        <v>153433</v>
      </c>
      <c r="E605" s="1" t="s">
        <v>0</v>
      </c>
    </row>
    <row r="606" spans="1:5" x14ac:dyDescent="0.25">
      <c r="A606" s="1" t="s">
        <v>14169</v>
      </c>
      <c r="B606" s="1" t="s">
        <v>5126</v>
      </c>
      <c r="C606" s="1" t="s">
        <v>14170</v>
      </c>
      <c r="D606" s="2">
        <v>153434</v>
      </c>
      <c r="E606" s="1" t="s">
        <v>0</v>
      </c>
    </row>
    <row r="607" spans="1:5" x14ac:dyDescent="0.25">
      <c r="A607" s="2">
        <v>121</v>
      </c>
      <c r="B607" s="2">
        <v>121</v>
      </c>
      <c r="C607" s="1" t="s">
        <v>0</v>
      </c>
      <c r="D607" s="2">
        <v>153435</v>
      </c>
      <c r="E607" s="1" t="s">
        <v>0</v>
      </c>
    </row>
    <row r="608" spans="1:5" x14ac:dyDescent="0.25">
      <c r="A608" s="1" t="s">
        <v>113</v>
      </c>
      <c r="B608" s="1" t="s">
        <v>5127</v>
      </c>
      <c r="C608" s="1" t="s">
        <v>14171</v>
      </c>
      <c r="D608" s="2">
        <v>153436</v>
      </c>
      <c r="E608" s="1" t="s">
        <v>0</v>
      </c>
    </row>
    <row r="609" spans="1:5" x14ac:dyDescent="0.25">
      <c r="A609" s="1" t="s">
        <v>14172</v>
      </c>
      <c r="B609" s="1" t="s">
        <v>51241</v>
      </c>
      <c r="C609" s="1" t="s">
        <v>14173</v>
      </c>
      <c r="D609" s="2">
        <v>153437</v>
      </c>
      <c r="E609" s="1" t="s">
        <v>0</v>
      </c>
    </row>
    <row r="610" spans="1:5" ht="409.5" x14ac:dyDescent="0.25">
      <c r="A610" s="4" t="s">
        <v>14174</v>
      </c>
      <c r="B610" s="1" t="s">
        <v>51242</v>
      </c>
      <c r="C610" s="1" t="s">
        <v>14175</v>
      </c>
      <c r="D610" s="2">
        <v>153438</v>
      </c>
      <c r="E610" s="1" t="s">
        <v>0</v>
      </c>
    </row>
    <row r="611" spans="1:5" x14ac:dyDescent="0.25">
      <c r="A611" s="1" t="s">
        <v>14176</v>
      </c>
      <c r="B611" s="1" t="s">
        <v>60860</v>
      </c>
      <c r="C611" s="1" t="s">
        <v>14177</v>
      </c>
      <c r="D611" s="2">
        <v>153439</v>
      </c>
      <c r="E611" s="1" t="s">
        <v>0</v>
      </c>
    </row>
    <row r="612" spans="1:5" x14ac:dyDescent="0.25">
      <c r="A612" s="2">
        <v>122</v>
      </c>
      <c r="B612" s="2">
        <v>122</v>
      </c>
      <c r="C612" s="1" t="s">
        <v>0</v>
      </c>
      <c r="D612" s="2">
        <v>153440</v>
      </c>
      <c r="E612" s="1" t="s">
        <v>0</v>
      </c>
    </row>
    <row r="613" spans="1:5" x14ac:dyDescent="0.25">
      <c r="A613" s="1" t="s">
        <v>114</v>
      </c>
      <c r="B613" s="1" t="s">
        <v>5128</v>
      </c>
      <c r="C613" s="1" t="s">
        <v>14178</v>
      </c>
      <c r="D613" s="2">
        <v>153441</v>
      </c>
      <c r="E613" s="1" t="s">
        <v>0</v>
      </c>
    </row>
    <row r="614" spans="1:5" x14ac:dyDescent="0.25">
      <c r="A614" s="1" t="s">
        <v>14179</v>
      </c>
      <c r="B614" s="1" t="s">
        <v>51243</v>
      </c>
      <c r="C614" s="1" t="s">
        <v>14180</v>
      </c>
      <c r="D614" s="2">
        <v>153442</v>
      </c>
      <c r="E614" s="1" t="s">
        <v>0</v>
      </c>
    </row>
    <row r="615" spans="1:5" ht="409.5" x14ac:dyDescent="0.25">
      <c r="A615" s="4" t="s">
        <v>14181</v>
      </c>
      <c r="B615" s="1" t="s">
        <v>51244</v>
      </c>
      <c r="C615" s="1" t="s">
        <v>14182</v>
      </c>
      <c r="D615" s="2">
        <v>153443</v>
      </c>
      <c r="E615" s="1" t="s">
        <v>0</v>
      </c>
    </row>
    <row r="616" spans="1:5" x14ac:dyDescent="0.25">
      <c r="A616" s="1" t="s">
        <v>14183</v>
      </c>
      <c r="B616" s="1" t="s">
        <v>51245</v>
      </c>
      <c r="C616" s="1" t="s">
        <v>14184</v>
      </c>
      <c r="D616" s="2">
        <v>153444</v>
      </c>
      <c r="E616" s="1" t="s">
        <v>0</v>
      </c>
    </row>
    <row r="617" spans="1:5" x14ac:dyDescent="0.25">
      <c r="A617" s="2">
        <v>123</v>
      </c>
      <c r="B617" s="2">
        <v>123</v>
      </c>
      <c r="C617" s="1" t="s">
        <v>0</v>
      </c>
      <c r="D617" s="2">
        <v>153445</v>
      </c>
      <c r="E617" s="1" t="s">
        <v>0</v>
      </c>
    </row>
    <row r="618" spans="1:5" x14ac:dyDescent="0.25">
      <c r="A618" s="1" t="s">
        <v>12960</v>
      </c>
      <c r="B618" s="1" t="s">
        <v>50348</v>
      </c>
      <c r="C618" s="1" t="s">
        <v>14185</v>
      </c>
      <c r="D618" s="2">
        <v>153446</v>
      </c>
      <c r="E618" s="1" t="s">
        <v>0</v>
      </c>
    </row>
    <row r="619" spans="1:5" x14ac:dyDescent="0.25">
      <c r="A619" s="1" t="s">
        <v>14186</v>
      </c>
      <c r="B619" s="1" t="s">
        <v>60861</v>
      </c>
      <c r="C619" s="1" t="s">
        <v>14187</v>
      </c>
      <c r="D619" s="2">
        <v>153447</v>
      </c>
      <c r="E619" s="1" t="s">
        <v>0</v>
      </c>
    </row>
    <row r="620" spans="1:5" ht="409.5" x14ac:dyDescent="0.25">
      <c r="A620" s="4" t="s">
        <v>14188</v>
      </c>
      <c r="B620" s="1" t="s">
        <v>60862</v>
      </c>
      <c r="C620" s="1" t="s">
        <v>14189</v>
      </c>
      <c r="D620" s="2">
        <v>153448</v>
      </c>
      <c r="E620" s="1" t="s">
        <v>0</v>
      </c>
    </row>
    <row r="621" spans="1:5" x14ac:dyDescent="0.25">
      <c r="A621" s="1" t="s">
        <v>14190</v>
      </c>
      <c r="B621" s="1" t="s">
        <v>60863</v>
      </c>
      <c r="C621" s="1" t="s">
        <v>14191</v>
      </c>
      <c r="D621" s="2">
        <v>153449</v>
      </c>
      <c r="E621" s="1" t="s">
        <v>0</v>
      </c>
    </row>
    <row r="622" spans="1:5" x14ac:dyDescent="0.25">
      <c r="A622" s="2">
        <v>124</v>
      </c>
      <c r="B622" s="2">
        <v>124</v>
      </c>
      <c r="C622" s="1" t="s">
        <v>0</v>
      </c>
      <c r="D622" s="2">
        <v>153450</v>
      </c>
      <c r="E622" s="1" t="s">
        <v>0</v>
      </c>
    </row>
    <row r="623" spans="1:5" x14ac:dyDescent="0.25">
      <c r="A623" s="1" t="s">
        <v>115</v>
      </c>
      <c r="B623" s="1" t="s">
        <v>50349</v>
      </c>
      <c r="C623" s="1" t="s">
        <v>14192</v>
      </c>
      <c r="D623" s="2">
        <v>153451</v>
      </c>
      <c r="E623" s="1" t="s">
        <v>0</v>
      </c>
    </row>
    <row r="624" spans="1:5" x14ac:dyDescent="0.25">
      <c r="A624" s="1" t="s">
        <v>14193</v>
      </c>
      <c r="B624" s="1" t="s">
        <v>51246</v>
      </c>
      <c r="C624" s="1" t="s">
        <v>14194</v>
      </c>
      <c r="D624" s="2">
        <v>153452</v>
      </c>
      <c r="E624" s="1" t="s">
        <v>0</v>
      </c>
    </row>
    <row r="625" spans="1:5" ht="409.5" x14ac:dyDescent="0.25">
      <c r="A625" s="4" t="s">
        <v>14195</v>
      </c>
      <c r="B625" s="1" t="s">
        <v>51247</v>
      </c>
      <c r="C625" s="1" t="s">
        <v>14196</v>
      </c>
      <c r="D625" s="2">
        <v>153453</v>
      </c>
      <c r="E625" s="1" t="s">
        <v>0</v>
      </c>
    </row>
    <row r="626" spans="1:5" x14ac:dyDescent="0.25">
      <c r="A626" s="1" t="s">
        <v>14197</v>
      </c>
      <c r="B626" s="1" t="s">
        <v>5129</v>
      </c>
      <c r="C626" s="1" t="s">
        <v>14198</v>
      </c>
      <c r="D626" s="2">
        <v>153454</v>
      </c>
      <c r="E626" s="1" t="s">
        <v>0</v>
      </c>
    </row>
    <row r="627" spans="1:5" x14ac:dyDescent="0.25">
      <c r="A627" s="2">
        <v>125</v>
      </c>
      <c r="B627" s="2">
        <v>125</v>
      </c>
      <c r="C627" s="1" t="s">
        <v>0</v>
      </c>
      <c r="D627" s="2">
        <v>153455</v>
      </c>
      <c r="E627" s="1" t="s">
        <v>0</v>
      </c>
    </row>
    <row r="628" spans="1:5" x14ac:dyDescent="0.25">
      <c r="A628" s="1" t="s">
        <v>116</v>
      </c>
      <c r="B628" s="1" t="s">
        <v>50350</v>
      </c>
      <c r="C628" s="1" t="s">
        <v>14199</v>
      </c>
      <c r="D628" s="2">
        <v>153456</v>
      </c>
      <c r="E628" s="1" t="s">
        <v>0</v>
      </c>
    </row>
    <row r="629" spans="1:5" x14ac:dyDescent="0.25">
      <c r="A629" s="1" t="s">
        <v>14200</v>
      </c>
      <c r="B629" s="1" t="s">
        <v>59718</v>
      </c>
      <c r="C629" s="1" t="s">
        <v>14201</v>
      </c>
      <c r="D629" s="2">
        <v>153457</v>
      </c>
      <c r="E629" s="1" t="s">
        <v>0</v>
      </c>
    </row>
    <row r="630" spans="1:5" ht="409.5" x14ac:dyDescent="0.25">
      <c r="A630" s="4" t="s">
        <v>14202</v>
      </c>
      <c r="B630" s="1" t="s">
        <v>60687</v>
      </c>
      <c r="C630" s="1" t="s">
        <v>14203</v>
      </c>
      <c r="D630" s="2">
        <v>153458</v>
      </c>
      <c r="E630" s="1" t="s">
        <v>0</v>
      </c>
    </row>
    <row r="631" spans="1:5" x14ac:dyDescent="0.25">
      <c r="A631" s="1" t="s">
        <v>14204</v>
      </c>
      <c r="B631" s="1" t="s">
        <v>51248</v>
      </c>
      <c r="C631" s="1" t="s">
        <v>14205</v>
      </c>
      <c r="D631" s="2">
        <v>153459</v>
      </c>
      <c r="E631" s="1" t="s">
        <v>0</v>
      </c>
    </row>
    <row r="632" spans="1:5" x14ac:dyDescent="0.25">
      <c r="A632" s="2">
        <v>126</v>
      </c>
      <c r="B632" s="2">
        <v>126</v>
      </c>
      <c r="C632" s="1" t="s">
        <v>0</v>
      </c>
      <c r="D632" s="2">
        <v>153460</v>
      </c>
      <c r="E632" s="1" t="s">
        <v>0</v>
      </c>
    </row>
    <row r="633" spans="1:5" x14ac:dyDescent="0.25">
      <c r="A633" s="1" t="s">
        <v>117</v>
      </c>
      <c r="B633" s="1" t="s">
        <v>5130</v>
      </c>
      <c r="C633" s="1" t="s">
        <v>14206</v>
      </c>
      <c r="D633" s="2">
        <v>153461</v>
      </c>
      <c r="E633" s="1" t="s">
        <v>0</v>
      </c>
    </row>
    <row r="634" spans="1:5" x14ac:dyDescent="0.25">
      <c r="A634" s="1" t="s">
        <v>14207</v>
      </c>
      <c r="B634" s="1" t="s">
        <v>51249</v>
      </c>
      <c r="C634" s="1" t="s">
        <v>14208</v>
      </c>
      <c r="D634" s="2">
        <v>153462</v>
      </c>
      <c r="E634" s="1" t="s">
        <v>0</v>
      </c>
    </row>
    <row r="635" spans="1:5" ht="409.5" x14ac:dyDescent="0.25">
      <c r="A635" s="4" t="s">
        <v>63933</v>
      </c>
      <c r="B635" s="1" t="s">
        <v>63169</v>
      </c>
      <c r="C635" s="1" t="s">
        <v>14209</v>
      </c>
      <c r="D635" s="2">
        <v>153463</v>
      </c>
      <c r="E635" s="1" t="s">
        <v>0</v>
      </c>
    </row>
    <row r="636" spans="1:5" x14ac:dyDescent="0.25">
      <c r="A636" s="1" t="s">
        <v>14210</v>
      </c>
      <c r="B636" s="1" t="s">
        <v>5131</v>
      </c>
      <c r="C636" s="1" t="s">
        <v>14211</v>
      </c>
      <c r="D636" s="2">
        <v>153464</v>
      </c>
      <c r="E636" s="1" t="s">
        <v>0</v>
      </c>
    </row>
    <row r="637" spans="1:5" x14ac:dyDescent="0.25">
      <c r="A637" s="2">
        <v>127</v>
      </c>
      <c r="B637" s="2">
        <v>127</v>
      </c>
      <c r="C637" s="1" t="s">
        <v>0</v>
      </c>
      <c r="D637" s="2">
        <v>153465</v>
      </c>
      <c r="E637" s="1" t="s">
        <v>0</v>
      </c>
    </row>
    <row r="638" spans="1:5" x14ac:dyDescent="0.25">
      <c r="A638" s="1" t="s">
        <v>118</v>
      </c>
      <c r="B638" s="1" t="s">
        <v>59719</v>
      </c>
      <c r="C638" s="1" t="s">
        <v>14212</v>
      </c>
      <c r="D638" s="2">
        <v>153466</v>
      </c>
      <c r="E638" s="1" t="s">
        <v>0</v>
      </c>
    </row>
    <row r="639" spans="1:5" x14ac:dyDescent="0.25">
      <c r="A639" s="1" t="s">
        <v>14213</v>
      </c>
      <c r="B639" s="1" t="s">
        <v>51250</v>
      </c>
      <c r="C639" s="1" t="s">
        <v>14214</v>
      </c>
      <c r="D639" s="2">
        <v>153467</v>
      </c>
      <c r="E639" s="1" t="s">
        <v>0</v>
      </c>
    </row>
    <row r="640" spans="1:5" ht="409.5" x14ac:dyDescent="0.25">
      <c r="A640" s="4" t="s">
        <v>14215</v>
      </c>
      <c r="B640" s="1" t="s">
        <v>51251</v>
      </c>
      <c r="C640" s="1" t="s">
        <v>14216</v>
      </c>
      <c r="D640" s="2">
        <v>153468</v>
      </c>
      <c r="E640" s="1" t="s">
        <v>0</v>
      </c>
    </row>
    <row r="641" spans="1:5" x14ac:dyDescent="0.25">
      <c r="A641" s="1" t="s">
        <v>14217</v>
      </c>
      <c r="B641" s="1" t="s">
        <v>5132</v>
      </c>
      <c r="C641" s="1" t="s">
        <v>14218</v>
      </c>
      <c r="D641" s="2">
        <v>153469</v>
      </c>
      <c r="E641" s="1" t="s">
        <v>0</v>
      </c>
    </row>
    <row r="642" spans="1:5" x14ac:dyDescent="0.25">
      <c r="A642" s="2">
        <v>128</v>
      </c>
      <c r="B642" s="2">
        <v>128</v>
      </c>
      <c r="C642" s="1" t="s">
        <v>0</v>
      </c>
      <c r="D642" s="2">
        <v>153470</v>
      </c>
      <c r="E642" s="1" t="s">
        <v>0</v>
      </c>
    </row>
    <row r="643" spans="1:5" x14ac:dyDescent="0.25">
      <c r="A643" s="1" t="s">
        <v>119</v>
      </c>
      <c r="B643" s="1" t="s">
        <v>5133</v>
      </c>
      <c r="C643" s="1" t="s">
        <v>14219</v>
      </c>
      <c r="D643" s="2">
        <v>153471</v>
      </c>
      <c r="E643" s="1" t="s">
        <v>0</v>
      </c>
    </row>
    <row r="644" spans="1:5" x14ac:dyDescent="0.25">
      <c r="A644" s="1" t="s">
        <v>14220</v>
      </c>
      <c r="B644" s="1" t="s">
        <v>61948</v>
      </c>
      <c r="C644" s="1" t="s">
        <v>14221</v>
      </c>
      <c r="D644" s="2">
        <v>153472</v>
      </c>
      <c r="E644" s="1" t="s">
        <v>0</v>
      </c>
    </row>
    <row r="645" spans="1:5" ht="409.5" x14ac:dyDescent="0.25">
      <c r="A645" s="4" t="s">
        <v>14222</v>
      </c>
      <c r="B645" s="1" t="s">
        <v>61949</v>
      </c>
      <c r="C645" s="1" t="s">
        <v>14223</v>
      </c>
      <c r="D645" s="2">
        <v>153473</v>
      </c>
      <c r="E645" s="1" t="s">
        <v>0</v>
      </c>
    </row>
    <row r="646" spans="1:5" x14ac:dyDescent="0.25">
      <c r="A646" s="1" t="s">
        <v>14224</v>
      </c>
      <c r="B646" s="1" t="s">
        <v>60864</v>
      </c>
      <c r="C646" s="1" t="s">
        <v>14225</v>
      </c>
      <c r="D646" s="2">
        <v>153474</v>
      </c>
      <c r="E646" s="1" t="s">
        <v>0</v>
      </c>
    </row>
    <row r="647" spans="1:5" x14ac:dyDescent="0.25">
      <c r="A647" s="2">
        <v>129</v>
      </c>
      <c r="B647" s="2">
        <v>129</v>
      </c>
      <c r="C647" s="1" t="s">
        <v>0</v>
      </c>
      <c r="D647" s="2">
        <v>153475</v>
      </c>
      <c r="E647" s="1" t="s">
        <v>0</v>
      </c>
    </row>
    <row r="648" spans="1:5" x14ac:dyDescent="0.25">
      <c r="A648" s="1" t="s">
        <v>120</v>
      </c>
      <c r="B648" s="1" t="s">
        <v>5134</v>
      </c>
      <c r="C648" s="1" t="s">
        <v>14226</v>
      </c>
      <c r="D648" s="2">
        <v>153476</v>
      </c>
      <c r="E648" s="1" t="s">
        <v>0</v>
      </c>
    </row>
    <row r="649" spans="1:5" x14ac:dyDescent="0.25">
      <c r="A649" s="1" t="s">
        <v>14227</v>
      </c>
      <c r="B649" s="1" t="s">
        <v>58132</v>
      </c>
      <c r="C649" s="1" t="s">
        <v>14228</v>
      </c>
      <c r="D649" s="2">
        <v>153477</v>
      </c>
      <c r="E649" s="1" t="s">
        <v>0</v>
      </c>
    </row>
    <row r="650" spans="1:5" ht="409.5" x14ac:dyDescent="0.25">
      <c r="A650" s="4" t="s">
        <v>14229</v>
      </c>
      <c r="B650" s="1" t="s">
        <v>58133</v>
      </c>
      <c r="C650" s="1" t="s">
        <v>14230</v>
      </c>
      <c r="D650" s="2">
        <v>153478</v>
      </c>
      <c r="E650" s="1" t="s">
        <v>0</v>
      </c>
    </row>
    <row r="651" spans="1:5" x14ac:dyDescent="0.25">
      <c r="A651" s="1" t="s">
        <v>14231</v>
      </c>
      <c r="B651" s="1" t="s">
        <v>5135</v>
      </c>
      <c r="C651" s="1" t="s">
        <v>14232</v>
      </c>
      <c r="D651" s="2">
        <v>153479</v>
      </c>
      <c r="E651" s="1" t="s">
        <v>0</v>
      </c>
    </row>
    <row r="652" spans="1:5" x14ac:dyDescent="0.25">
      <c r="A652" s="2">
        <v>130</v>
      </c>
      <c r="B652" s="2">
        <v>130</v>
      </c>
      <c r="C652" s="1" t="s">
        <v>0</v>
      </c>
      <c r="D652" s="2">
        <v>153480</v>
      </c>
      <c r="E652" s="1" t="s">
        <v>0</v>
      </c>
    </row>
    <row r="653" spans="1:5" x14ac:dyDescent="0.25">
      <c r="A653" s="1" t="s">
        <v>121</v>
      </c>
      <c r="B653" s="1" t="s">
        <v>5136</v>
      </c>
      <c r="C653" s="1" t="s">
        <v>14233</v>
      </c>
      <c r="D653" s="2">
        <v>153481</v>
      </c>
      <c r="E653" s="1" t="s">
        <v>0</v>
      </c>
    </row>
    <row r="654" spans="1:5" x14ac:dyDescent="0.25">
      <c r="A654" s="1" t="s">
        <v>14234</v>
      </c>
      <c r="B654" s="1" t="s">
        <v>5137</v>
      </c>
      <c r="C654" s="1" t="s">
        <v>14235</v>
      </c>
      <c r="D654" s="2">
        <v>153482</v>
      </c>
      <c r="E654" s="1" t="s">
        <v>0</v>
      </c>
    </row>
    <row r="655" spans="1:5" ht="409.5" x14ac:dyDescent="0.25">
      <c r="A655" s="4" t="s">
        <v>14236</v>
      </c>
      <c r="B655" s="1" t="s">
        <v>63170</v>
      </c>
      <c r="C655" s="1" t="s">
        <v>14237</v>
      </c>
      <c r="D655" s="2">
        <v>153483</v>
      </c>
      <c r="E655" s="1" t="s">
        <v>0</v>
      </c>
    </row>
    <row r="656" spans="1:5" x14ac:dyDescent="0.25">
      <c r="A656" s="1" t="s">
        <v>14238</v>
      </c>
      <c r="B656" s="1" t="s">
        <v>60865</v>
      </c>
      <c r="C656" s="1" t="s">
        <v>14239</v>
      </c>
      <c r="D656" s="2">
        <v>153484</v>
      </c>
      <c r="E656" s="1" t="s">
        <v>0</v>
      </c>
    </row>
    <row r="657" spans="1:5" x14ac:dyDescent="0.25">
      <c r="A657" s="2">
        <v>131</v>
      </c>
      <c r="B657" s="2">
        <v>131</v>
      </c>
      <c r="C657" s="1" t="s">
        <v>0</v>
      </c>
      <c r="D657" s="2">
        <v>153485</v>
      </c>
      <c r="E657" s="1" t="s">
        <v>0</v>
      </c>
    </row>
    <row r="658" spans="1:5" x14ac:dyDescent="0.25">
      <c r="A658" s="1" t="s">
        <v>122</v>
      </c>
      <c r="B658" s="1" t="s">
        <v>5138</v>
      </c>
      <c r="C658" s="1" t="s">
        <v>14240</v>
      </c>
      <c r="D658" s="2">
        <v>153486</v>
      </c>
      <c r="E658" s="1" t="s">
        <v>0</v>
      </c>
    </row>
    <row r="659" spans="1:5" x14ac:dyDescent="0.25">
      <c r="A659" s="1" t="s">
        <v>14241</v>
      </c>
      <c r="B659" s="1" t="s">
        <v>5139</v>
      </c>
      <c r="C659" s="1" t="s">
        <v>14242</v>
      </c>
      <c r="D659" s="2">
        <v>153487</v>
      </c>
      <c r="E659" s="1" t="s">
        <v>0</v>
      </c>
    </row>
    <row r="660" spans="1:5" ht="409.5" x14ac:dyDescent="0.25">
      <c r="A660" s="4" t="s">
        <v>14243</v>
      </c>
      <c r="B660" s="1" t="s">
        <v>60533</v>
      </c>
      <c r="C660" s="1" t="s">
        <v>14244</v>
      </c>
      <c r="D660" s="2">
        <v>153488</v>
      </c>
      <c r="E660" s="1" t="s">
        <v>0</v>
      </c>
    </row>
    <row r="661" spans="1:5" x14ac:dyDescent="0.25">
      <c r="A661" s="1" t="s">
        <v>14245</v>
      </c>
      <c r="B661" s="1" t="s">
        <v>51252</v>
      </c>
      <c r="C661" s="1" t="s">
        <v>14246</v>
      </c>
      <c r="D661" s="2">
        <v>153489</v>
      </c>
      <c r="E661" s="1" t="s">
        <v>0</v>
      </c>
    </row>
    <row r="662" spans="1:5" x14ac:dyDescent="0.25">
      <c r="A662" s="2">
        <v>132</v>
      </c>
      <c r="B662" s="2">
        <v>132</v>
      </c>
      <c r="C662" s="1" t="s">
        <v>0</v>
      </c>
      <c r="D662" s="2">
        <v>153490</v>
      </c>
      <c r="E662" s="1" t="s">
        <v>0</v>
      </c>
    </row>
    <row r="663" spans="1:5" x14ac:dyDescent="0.25">
      <c r="A663" s="1" t="s">
        <v>123</v>
      </c>
      <c r="B663" s="1" t="s">
        <v>5140</v>
      </c>
      <c r="C663" s="1" t="s">
        <v>14247</v>
      </c>
      <c r="D663" s="2">
        <v>153491</v>
      </c>
      <c r="E663" s="1" t="s">
        <v>0</v>
      </c>
    </row>
    <row r="664" spans="1:5" x14ac:dyDescent="0.25">
      <c r="A664" s="1" t="s">
        <v>14248</v>
      </c>
      <c r="B664" s="1" t="s">
        <v>5141</v>
      </c>
      <c r="C664" s="1" t="s">
        <v>14249</v>
      </c>
      <c r="D664" s="2">
        <v>153492</v>
      </c>
      <c r="E664" s="1" t="s">
        <v>0</v>
      </c>
    </row>
    <row r="665" spans="1:5" ht="409.5" x14ac:dyDescent="0.25">
      <c r="A665" s="4" t="s">
        <v>14250</v>
      </c>
      <c r="B665" s="1" t="s">
        <v>51253</v>
      </c>
      <c r="C665" s="1" t="s">
        <v>14251</v>
      </c>
      <c r="D665" s="2">
        <v>153493</v>
      </c>
      <c r="E665" s="1" t="s">
        <v>0</v>
      </c>
    </row>
    <row r="666" spans="1:5" x14ac:dyDescent="0.25">
      <c r="A666" s="1" t="s">
        <v>14252</v>
      </c>
      <c r="B666" s="1" t="s">
        <v>5142</v>
      </c>
      <c r="C666" s="1" t="s">
        <v>14253</v>
      </c>
      <c r="D666" s="2">
        <v>153494</v>
      </c>
      <c r="E666" s="1" t="s">
        <v>0</v>
      </c>
    </row>
    <row r="667" spans="1:5" x14ac:dyDescent="0.25">
      <c r="A667" s="2">
        <v>133</v>
      </c>
      <c r="B667" s="2">
        <v>133</v>
      </c>
      <c r="C667" s="1" t="s">
        <v>0</v>
      </c>
      <c r="D667" s="2">
        <v>153495</v>
      </c>
      <c r="E667" s="1" t="s">
        <v>0</v>
      </c>
    </row>
    <row r="668" spans="1:5" x14ac:dyDescent="0.25">
      <c r="A668" s="1" t="s">
        <v>124</v>
      </c>
      <c r="B668" s="1" t="s">
        <v>58134</v>
      </c>
      <c r="C668" s="1" t="s">
        <v>14254</v>
      </c>
      <c r="D668" s="2">
        <v>153496</v>
      </c>
      <c r="E668" s="1" t="s">
        <v>0</v>
      </c>
    </row>
    <row r="669" spans="1:5" x14ac:dyDescent="0.25">
      <c r="A669" s="1" t="s">
        <v>61734</v>
      </c>
      <c r="B669" s="1" t="s">
        <v>5143</v>
      </c>
      <c r="C669" s="1" t="s">
        <v>14255</v>
      </c>
      <c r="D669" s="2">
        <v>153497</v>
      </c>
      <c r="E669" s="1" t="s">
        <v>0</v>
      </c>
    </row>
    <row r="670" spans="1:5" ht="409.5" x14ac:dyDescent="0.25">
      <c r="A670" s="4" t="s">
        <v>61735</v>
      </c>
      <c r="B670" s="1" t="s">
        <v>58135</v>
      </c>
      <c r="C670" s="1" t="s">
        <v>14256</v>
      </c>
      <c r="D670" s="2">
        <v>153498</v>
      </c>
      <c r="E670" s="1" t="s">
        <v>0</v>
      </c>
    </row>
    <row r="671" spans="1:5" x14ac:dyDescent="0.25">
      <c r="A671" s="1" t="s">
        <v>14257</v>
      </c>
      <c r="B671" s="1" t="s">
        <v>5144</v>
      </c>
      <c r="C671" s="1" t="s">
        <v>14258</v>
      </c>
      <c r="D671" s="2">
        <v>153499</v>
      </c>
      <c r="E671" s="1" t="s">
        <v>0</v>
      </c>
    </row>
    <row r="672" spans="1:5" x14ac:dyDescent="0.25">
      <c r="A672" s="2">
        <v>134</v>
      </c>
      <c r="B672" s="2">
        <v>134</v>
      </c>
      <c r="C672" s="1" t="s">
        <v>0</v>
      </c>
      <c r="D672" s="2">
        <v>153500</v>
      </c>
      <c r="E672" s="1" t="s">
        <v>0</v>
      </c>
    </row>
    <row r="673" spans="1:5" x14ac:dyDescent="0.25">
      <c r="A673" s="1" t="s">
        <v>125</v>
      </c>
      <c r="B673" s="1" t="s">
        <v>5145</v>
      </c>
      <c r="C673" s="1" t="s">
        <v>14259</v>
      </c>
      <c r="D673" s="2">
        <v>153501</v>
      </c>
      <c r="E673" s="1" t="s">
        <v>0</v>
      </c>
    </row>
    <row r="674" spans="1:5" x14ac:dyDescent="0.25">
      <c r="A674" s="1" t="s">
        <v>14260</v>
      </c>
      <c r="B674" s="1" t="s">
        <v>51254</v>
      </c>
      <c r="C674" s="1" t="s">
        <v>14261</v>
      </c>
      <c r="D674" s="2">
        <v>153502</v>
      </c>
      <c r="E674" s="1" t="s">
        <v>0</v>
      </c>
    </row>
    <row r="675" spans="1:5" ht="409.5" x14ac:dyDescent="0.25">
      <c r="A675" s="4" t="s">
        <v>14262</v>
      </c>
      <c r="B675" s="1" t="s">
        <v>51255</v>
      </c>
      <c r="C675" s="1" t="s">
        <v>14263</v>
      </c>
      <c r="D675" s="2">
        <v>153503</v>
      </c>
      <c r="E675" s="1" t="s">
        <v>0</v>
      </c>
    </row>
    <row r="676" spans="1:5" x14ac:dyDescent="0.25">
      <c r="A676" s="1" t="s">
        <v>14264</v>
      </c>
      <c r="B676" s="1" t="s">
        <v>5146</v>
      </c>
      <c r="C676" s="1" t="s">
        <v>14265</v>
      </c>
      <c r="D676" s="2">
        <v>153504</v>
      </c>
      <c r="E676" s="1" t="s">
        <v>0</v>
      </c>
    </row>
    <row r="677" spans="1:5" x14ac:dyDescent="0.25">
      <c r="A677" s="2">
        <v>135</v>
      </c>
      <c r="B677" s="2">
        <v>135</v>
      </c>
      <c r="C677" s="1" t="s">
        <v>0</v>
      </c>
      <c r="D677" s="2">
        <v>153505</v>
      </c>
      <c r="E677" s="1" t="s">
        <v>0</v>
      </c>
    </row>
    <row r="678" spans="1:5" x14ac:dyDescent="0.25">
      <c r="A678" s="1" t="s">
        <v>126</v>
      </c>
      <c r="B678" s="1" t="s">
        <v>5147</v>
      </c>
      <c r="C678" s="1" t="s">
        <v>14266</v>
      </c>
      <c r="D678" s="2">
        <v>153506</v>
      </c>
      <c r="E678" s="1" t="s">
        <v>0</v>
      </c>
    </row>
    <row r="679" spans="1:5" x14ac:dyDescent="0.25">
      <c r="A679" s="1" t="s">
        <v>14267</v>
      </c>
      <c r="B679" s="1" t="s">
        <v>50351</v>
      </c>
      <c r="C679" s="1" t="s">
        <v>14268</v>
      </c>
      <c r="D679" s="2">
        <v>153507</v>
      </c>
      <c r="E679" s="1" t="s">
        <v>0</v>
      </c>
    </row>
    <row r="680" spans="1:5" ht="409.5" x14ac:dyDescent="0.25">
      <c r="A680" s="4" t="s">
        <v>14269</v>
      </c>
      <c r="B680" s="1" t="s">
        <v>51256</v>
      </c>
      <c r="C680" s="1" t="s">
        <v>14270</v>
      </c>
      <c r="D680" s="2">
        <v>153508</v>
      </c>
      <c r="E680" s="1" t="s">
        <v>0</v>
      </c>
    </row>
    <row r="681" spans="1:5" x14ac:dyDescent="0.25">
      <c r="A681" s="1" t="s">
        <v>14271</v>
      </c>
      <c r="B681" s="1" t="s">
        <v>60866</v>
      </c>
      <c r="C681" s="1" t="s">
        <v>14272</v>
      </c>
      <c r="D681" s="2">
        <v>153509</v>
      </c>
      <c r="E681" s="1" t="s">
        <v>0</v>
      </c>
    </row>
    <row r="682" spans="1:5" x14ac:dyDescent="0.25">
      <c r="A682" s="2">
        <v>136</v>
      </c>
      <c r="B682" s="2">
        <v>136</v>
      </c>
      <c r="C682" s="1" t="s">
        <v>0</v>
      </c>
      <c r="D682" s="2">
        <v>153510</v>
      </c>
      <c r="E682" s="1" t="s">
        <v>0</v>
      </c>
    </row>
    <row r="683" spans="1:5" x14ac:dyDescent="0.25">
      <c r="A683" s="1" t="s">
        <v>127</v>
      </c>
      <c r="B683" s="1" t="s">
        <v>5148</v>
      </c>
      <c r="C683" s="1" t="s">
        <v>14273</v>
      </c>
      <c r="D683" s="2">
        <v>153511</v>
      </c>
      <c r="E683" s="1" t="s">
        <v>0</v>
      </c>
    </row>
    <row r="684" spans="1:5" x14ac:dyDescent="0.25">
      <c r="A684" s="1" t="s">
        <v>14274</v>
      </c>
      <c r="B684" s="1" t="s">
        <v>5149</v>
      </c>
      <c r="C684" s="1" t="s">
        <v>14275</v>
      </c>
      <c r="D684" s="2">
        <v>153512</v>
      </c>
      <c r="E684" s="1" t="s">
        <v>0</v>
      </c>
    </row>
    <row r="685" spans="1:5" ht="409.5" x14ac:dyDescent="0.25">
      <c r="A685" s="4" t="s">
        <v>14276</v>
      </c>
      <c r="B685" s="1" t="s">
        <v>51257</v>
      </c>
      <c r="C685" s="1" t="s">
        <v>14277</v>
      </c>
      <c r="D685" s="2">
        <v>153513</v>
      </c>
      <c r="E685" s="1" t="s">
        <v>0</v>
      </c>
    </row>
    <row r="686" spans="1:5" x14ac:dyDescent="0.25">
      <c r="A686" s="1" t="s">
        <v>14278</v>
      </c>
      <c r="B686" s="1" t="s">
        <v>57107</v>
      </c>
      <c r="C686" s="1" t="s">
        <v>14279</v>
      </c>
      <c r="D686" s="2">
        <v>153514</v>
      </c>
      <c r="E686" s="1" t="s">
        <v>0</v>
      </c>
    </row>
    <row r="687" spans="1:5" x14ac:dyDescent="0.25">
      <c r="A687" s="2">
        <v>137</v>
      </c>
      <c r="B687" s="2">
        <v>137</v>
      </c>
      <c r="C687" s="1" t="s">
        <v>0</v>
      </c>
      <c r="D687" s="2">
        <v>153515</v>
      </c>
      <c r="E687" s="1" t="s">
        <v>0</v>
      </c>
    </row>
    <row r="688" spans="1:5" x14ac:dyDescent="0.25">
      <c r="A688" s="1" t="s">
        <v>12961</v>
      </c>
      <c r="B688" s="1" t="s">
        <v>5150</v>
      </c>
      <c r="C688" s="1" t="s">
        <v>128</v>
      </c>
      <c r="D688" s="2">
        <v>153516</v>
      </c>
      <c r="E688" s="1" t="s">
        <v>0</v>
      </c>
    </row>
    <row r="689" spans="1:5" x14ac:dyDescent="0.25">
      <c r="A689" s="1" t="s">
        <v>14280</v>
      </c>
      <c r="B689" s="1" t="s">
        <v>12962</v>
      </c>
      <c r="C689" s="1" t="s">
        <v>14281</v>
      </c>
      <c r="D689" s="2">
        <v>153517</v>
      </c>
      <c r="E689" s="1" t="s">
        <v>0</v>
      </c>
    </row>
    <row r="690" spans="1:5" ht="409.5" x14ac:dyDescent="0.25">
      <c r="A690" s="4" t="s">
        <v>14282</v>
      </c>
      <c r="B690" s="1" t="s">
        <v>51258</v>
      </c>
      <c r="C690" s="1" t="s">
        <v>14283</v>
      </c>
      <c r="D690" s="2">
        <v>153518</v>
      </c>
      <c r="E690" s="1" t="s">
        <v>0</v>
      </c>
    </row>
    <row r="691" spans="1:5" x14ac:dyDescent="0.25">
      <c r="A691" s="1" t="s">
        <v>14284</v>
      </c>
      <c r="B691" s="1" t="s">
        <v>5151</v>
      </c>
      <c r="C691" s="1" t="s">
        <v>14285</v>
      </c>
      <c r="D691" s="2">
        <v>153519</v>
      </c>
      <c r="E691" s="1" t="s">
        <v>0</v>
      </c>
    </row>
    <row r="692" spans="1:5" x14ac:dyDescent="0.25">
      <c r="A692" s="2">
        <v>138</v>
      </c>
      <c r="B692" s="2">
        <v>138</v>
      </c>
      <c r="C692" s="1" t="s">
        <v>0</v>
      </c>
      <c r="D692" s="2">
        <v>153520</v>
      </c>
      <c r="E692" s="1" t="s">
        <v>0</v>
      </c>
    </row>
    <row r="693" spans="1:5" x14ac:dyDescent="0.25">
      <c r="A693" s="1" t="s">
        <v>129</v>
      </c>
      <c r="B693" s="1" t="s">
        <v>5152</v>
      </c>
      <c r="C693" s="1" t="s">
        <v>14286</v>
      </c>
      <c r="D693" s="2">
        <v>153521</v>
      </c>
      <c r="E693" s="1" t="s">
        <v>0</v>
      </c>
    </row>
    <row r="694" spans="1:5" x14ac:dyDescent="0.25">
      <c r="A694" s="1" t="s">
        <v>14287</v>
      </c>
      <c r="B694" s="1" t="s">
        <v>61950</v>
      </c>
      <c r="C694" s="1" t="s">
        <v>14288</v>
      </c>
      <c r="D694" s="2">
        <v>153522</v>
      </c>
      <c r="E694" s="1" t="s">
        <v>0</v>
      </c>
    </row>
    <row r="695" spans="1:5" ht="409.5" x14ac:dyDescent="0.25">
      <c r="A695" s="4" t="s">
        <v>14289</v>
      </c>
      <c r="B695" s="1" t="s">
        <v>61951</v>
      </c>
      <c r="C695" s="1" t="s">
        <v>14290</v>
      </c>
      <c r="D695" s="2">
        <v>153523</v>
      </c>
      <c r="E695" s="1" t="s">
        <v>0</v>
      </c>
    </row>
    <row r="696" spans="1:5" x14ac:dyDescent="0.25">
      <c r="A696" s="1" t="s">
        <v>14291</v>
      </c>
      <c r="B696" s="1" t="s">
        <v>5153</v>
      </c>
      <c r="C696" s="1" t="s">
        <v>14292</v>
      </c>
      <c r="D696" s="2">
        <v>153524</v>
      </c>
      <c r="E696" s="1" t="s">
        <v>0</v>
      </c>
    </row>
    <row r="697" spans="1:5" x14ac:dyDescent="0.25">
      <c r="A697" s="2">
        <v>139</v>
      </c>
      <c r="B697" s="2">
        <v>139</v>
      </c>
      <c r="C697" s="1" t="s">
        <v>0</v>
      </c>
      <c r="D697" s="2">
        <v>153525</v>
      </c>
      <c r="E697" s="1" t="s">
        <v>0</v>
      </c>
    </row>
    <row r="698" spans="1:5" x14ac:dyDescent="0.25">
      <c r="A698" s="1" t="s">
        <v>130</v>
      </c>
      <c r="B698" s="1" t="s">
        <v>5154</v>
      </c>
      <c r="C698" s="1" t="s">
        <v>14293</v>
      </c>
      <c r="D698" s="2">
        <v>153526</v>
      </c>
      <c r="E698" s="1" t="s">
        <v>0</v>
      </c>
    </row>
    <row r="699" spans="1:5" x14ac:dyDescent="0.25">
      <c r="A699" s="1" t="s">
        <v>14294</v>
      </c>
      <c r="B699" s="1" t="s">
        <v>12963</v>
      </c>
      <c r="C699" s="1" t="s">
        <v>14295</v>
      </c>
      <c r="D699" s="2">
        <v>153527</v>
      </c>
      <c r="E699" s="1" t="s">
        <v>0</v>
      </c>
    </row>
    <row r="700" spans="1:5" ht="409.5" x14ac:dyDescent="0.25">
      <c r="A700" s="4" t="s">
        <v>63934</v>
      </c>
      <c r="B700" s="1" t="s">
        <v>12964</v>
      </c>
      <c r="C700" s="1" t="s">
        <v>14296</v>
      </c>
      <c r="D700" s="2">
        <v>153528</v>
      </c>
      <c r="E700" s="1" t="s">
        <v>0</v>
      </c>
    </row>
    <row r="701" spans="1:5" x14ac:dyDescent="0.25">
      <c r="A701" s="1" t="s">
        <v>14297</v>
      </c>
      <c r="B701" s="1" t="s">
        <v>5155</v>
      </c>
      <c r="C701" s="1" t="s">
        <v>14298</v>
      </c>
      <c r="D701" s="2">
        <v>153529</v>
      </c>
      <c r="E701" s="1" t="s">
        <v>0</v>
      </c>
    </row>
    <row r="702" spans="1:5" x14ac:dyDescent="0.25">
      <c r="A702" s="2">
        <v>140</v>
      </c>
      <c r="B702" s="2">
        <v>140</v>
      </c>
      <c r="C702" s="1" t="s">
        <v>0</v>
      </c>
      <c r="D702" s="2">
        <v>153530</v>
      </c>
      <c r="E702" s="1" t="s">
        <v>0</v>
      </c>
    </row>
    <row r="703" spans="1:5" x14ac:dyDescent="0.25">
      <c r="A703" s="1" t="s">
        <v>131</v>
      </c>
      <c r="B703" s="1" t="s">
        <v>50352</v>
      </c>
      <c r="C703" s="1" t="s">
        <v>14299</v>
      </c>
      <c r="D703" s="2">
        <v>153531</v>
      </c>
      <c r="E703" s="1" t="s">
        <v>0</v>
      </c>
    </row>
    <row r="704" spans="1:5" x14ac:dyDescent="0.25">
      <c r="A704" s="1" t="s">
        <v>14300</v>
      </c>
      <c r="B704" s="1" t="s">
        <v>50353</v>
      </c>
      <c r="C704" s="1" t="s">
        <v>14301</v>
      </c>
      <c r="D704" s="2">
        <v>153532</v>
      </c>
      <c r="E704" s="1" t="s">
        <v>0</v>
      </c>
    </row>
    <row r="705" spans="1:5" x14ac:dyDescent="0.25">
      <c r="A705" s="1" t="s">
        <v>14300</v>
      </c>
      <c r="B705" s="1" t="s">
        <v>50353</v>
      </c>
      <c r="C705" s="1" t="s">
        <v>14301</v>
      </c>
      <c r="D705" s="2">
        <v>153533</v>
      </c>
      <c r="E705" s="1" t="s">
        <v>0</v>
      </c>
    </row>
    <row r="706" spans="1:5" x14ac:dyDescent="0.25">
      <c r="A706" s="1" t="s">
        <v>14302</v>
      </c>
      <c r="B706" s="1" t="s">
        <v>5156</v>
      </c>
      <c r="C706" s="1" t="s">
        <v>14303</v>
      </c>
      <c r="D706" s="2">
        <v>153534</v>
      </c>
      <c r="E706" s="1" t="s">
        <v>0</v>
      </c>
    </row>
    <row r="707" spans="1:5" x14ac:dyDescent="0.25">
      <c r="A707" s="2">
        <v>141</v>
      </c>
      <c r="B707" s="2">
        <v>141</v>
      </c>
      <c r="C707" s="1" t="s">
        <v>0</v>
      </c>
      <c r="D707" s="2">
        <v>153535</v>
      </c>
      <c r="E707" s="1" t="s">
        <v>0</v>
      </c>
    </row>
    <row r="708" spans="1:5" x14ac:dyDescent="0.25">
      <c r="A708" s="1" t="s">
        <v>132</v>
      </c>
      <c r="B708" s="1" t="s">
        <v>5157</v>
      </c>
      <c r="C708" s="1" t="s">
        <v>14304</v>
      </c>
      <c r="D708" s="2">
        <v>153536</v>
      </c>
      <c r="E708" s="1" t="s">
        <v>0</v>
      </c>
    </row>
    <row r="709" spans="1:5" x14ac:dyDescent="0.25">
      <c r="A709" s="1" t="s">
        <v>14305</v>
      </c>
      <c r="B709" s="1" t="s">
        <v>5158</v>
      </c>
      <c r="C709" s="1" t="s">
        <v>14306</v>
      </c>
      <c r="D709" s="2">
        <v>153537</v>
      </c>
      <c r="E709" s="1" t="s">
        <v>0</v>
      </c>
    </row>
    <row r="710" spans="1:5" ht="409.5" x14ac:dyDescent="0.25">
      <c r="A710" s="4" t="s">
        <v>14307</v>
      </c>
      <c r="B710" s="1" t="s">
        <v>51259</v>
      </c>
      <c r="C710" s="1" t="s">
        <v>14308</v>
      </c>
      <c r="D710" s="2">
        <v>153538</v>
      </c>
      <c r="E710" s="1" t="s">
        <v>0</v>
      </c>
    </row>
    <row r="711" spans="1:5" x14ac:dyDescent="0.25">
      <c r="A711" s="1" t="s">
        <v>14309</v>
      </c>
      <c r="B711" s="1" t="s">
        <v>5159</v>
      </c>
      <c r="C711" s="1" t="s">
        <v>14310</v>
      </c>
      <c r="D711" s="2">
        <v>153539</v>
      </c>
      <c r="E711" s="1" t="s">
        <v>0</v>
      </c>
    </row>
    <row r="712" spans="1:5" x14ac:dyDescent="0.25">
      <c r="A712" s="2">
        <v>142</v>
      </c>
      <c r="B712" s="2">
        <v>142</v>
      </c>
      <c r="C712" s="1" t="s">
        <v>0</v>
      </c>
      <c r="D712" s="2">
        <v>153540</v>
      </c>
      <c r="E712" s="1" t="s">
        <v>0</v>
      </c>
    </row>
    <row r="713" spans="1:5" x14ac:dyDescent="0.25">
      <c r="A713" s="1" t="s">
        <v>133</v>
      </c>
      <c r="B713" s="1" t="s">
        <v>5160</v>
      </c>
      <c r="C713" s="1" t="s">
        <v>14311</v>
      </c>
      <c r="D713" s="2">
        <v>153541</v>
      </c>
      <c r="E713" s="1" t="s">
        <v>0</v>
      </c>
    </row>
    <row r="714" spans="1:5" x14ac:dyDescent="0.25">
      <c r="A714" s="1" t="s">
        <v>14312</v>
      </c>
      <c r="B714" s="1" t="s">
        <v>50354</v>
      </c>
      <c r="C714" s="1" t="s">
        <v>14313</v>
      </c>
      <c r="D714" s="2">
        <v>153542</v>
      </c>
      <c r="E714" s="1" t="s">
        <v>0</v>
      </c>
    </row>
    <row r="715" spans="1:5" ht="409.5" x14ac:dyDescent="0.25">
      <c r="A715" s="4" t="s">
        <v>14314</v>
      </c>
      <c r="B715" s="1" t="s">
        <v>51260</v>
      </c>
      <c r="C715" s="1" t="s">
        <v>14315</v>
      </c>
      <c r="D715" s="2">
        <v>153543</v>
      </c>
      <c r="E715" s="1" t="s">
        <v>0</v>
      </c>
    </row>
    <row r="716" spans="1:5" x14ac:dyDescent="0.25">
      <c r="A716" s="1" t="s">
        <v>14316</v>
      </c>
      <c r="B716" s="1" t="s">
        <v>5161</v>
      </c>
      <c r="C716" s="1" t="s">
        <v>14317</v>
      </c>
      <c r="D716" s="2">
        <v>153544</v>
      </c>
      <c r="E716" s="1" t="s">
        <v>0</v>
      </c>
    </row>
    <row r="717" spans="1:5" x14ac:dyDescent="0.25">
      <c r="A717" s="2">
        <v>143</v>
      </c>
      <c r="B717" s="2">
        <v>143</v>
      </c>
      <c r="C717" s="1" t="s">
        <v>0</v>
      </c>
      <c r="D717" s="2">
        <v>153545</v>
      </c>
      <c r="E717" s="1" t="s">
        <v>0</v>
      </c>
    </row>
    <row r="718" spans="1:5" x14ac:dyDescent="0.25">
      <c r="A718" s="1" t="s">
        <v>134</v>
      </c>
      <c r="B718" s="1" t="s">
        <v>51261</v>
      </c>
      <c r="C718" s="1" t="s">
        <v>14318</v>
      </c>
      <c r="D718" s="2">
        <v>153546</v>
      </c>
      <c r="E718" s="1" t="s">
        <v>0</v>
      </c>
    </row>
    <row r="719" spans="1:5" x14ac:dyDescent="0.25">
      <c r="A719" s="1" t="s">
        <v>14319</v>
      </c>
      <c r="B719" s="1" t="s">
        <v>5162</v>
      </c>
      <c r="C719" s="1" t="s">
        <v>14320</v>
      </c>
      <c r="D719" s="2">
        <v>153547</v>
      </c>
      <c r="E719" s="1" t="s">
        <v>0</v>
      </c>
    </row>
    <row r="720" spans="1:5" ht="409.5" x14ac:dyDescent="0.25">
      <c r="A720" s="4" t="s">
        <v>14321</v>
      </c>
      <c r="B720" s="1" t="s">
        <v>12965</v>
      </c>
      <c r="C720" s="1" t="s">
        <v>14322</v>
      </c>
      <c r="D720" s="2">
        <v>153548</v>
      </c>
      <c r="E720" s="1" t="s">
        <v>0</v>
      </c>
    </row>
    <row r="721" spans="1:5" x14ac:dyDescent="0.25">
      <c r="A721" s="1" t="s">
        <v>14323</v>
      </c>
      <c r="B721" s="1" t="s">
        <v>51262</v>
      </c>
      <c r="C721" s="1" t="s">
        <v>14324</v>
      </c>
      <c r="D721" s="2">
        <v>153549</v>
      </c>
      <c r="E721" s="1" t="s">
        <v>0</v>
      </c>
    </row>
    <row r="722" spans="1:5" x14ac:dyDescent="0.25">
      <c r="A722" s="2">
        <v>144</v>
      </c>
      <c r="B722" s="2">
        <v>144</v>
      </c>
      <c r="C722" s="1" t="s">
        <v>0</v>
      </c>
      <c r="D722" s="2">
        <v>153550</v>
      </c>
      <c r="E722" s="1" t="s">
        <v>0</v>
      </c>
    </row>
    <row r="723" spans="1:5" x14ac:dyDescent="0.25">
      <c r="A723" s="1" t="s">
        <v>135</v>
      </c>
      <c r="B723" s="1" t="s">
        <v>5163</v>
      </c>
      <c r="C723" s="1" t="s">
        <v>14325</v>
      </c>
      <c r="D723" s="2">
        <v>153551</v>
      </c>
      <c r="E723" s="1" t="s">
        <v>0</v>
      </c>
    </row>
    <row r="724" spans="1:5" x14ac:dyDescent="0.25">
      <c r="A724" s="1" t="s">
        <v>14326</v>
      </c>
      <c r="B724" s="1" t="s">
        <v>51263</v>
      </c>
      <c r="C724" s="1" t="s">
        <v>14327</v>
      </c>
      <c r="D724" s="2">
        <v>153552</v>
      </c>
      <c r="E724" s="1" t="s">
        <v>0</v>
      </c>
    </row>
    <row r="725" spans="1:5" ht="409.5" x14ac:dyDescent="0.25">
      <c r="A725" s="4" t="s">
        <v>14328</v>
      </c>
      <c r="B725" s="1" t="s">
        <v>51264</v>
      </c>
      <c r="C725" s="1" t="s">
        <v>14329</v>
      </c>
      <c r="D725" s="2">
        <v>153553</v>
      </c>
      <c r="E725" s="1" t="s">
        <v>0</v>
      </c>
    </row>
    <row r="726" spans="1:5" x14ac:dyDescent="0.25">
      <c r="A726" s="1" t="s">
        <v>14330</v>
      </c>
      <c r="B726" s="1" t="s">
        <v>51265</v>
      </c>
      <c r="C726" s="1" t="s">
        <v>14331</v>
      </c>
      <c r="D726" s="2">
        <v>153554</v>
      </c>
      <c r="E726" s="1" t="s">
        <v>0</v>
      </c>
    </row>
    <row r="727" spans="1:5" x14ac:dyDescent="0.25">
      <c r="A727" s="2">
        <v>145</v>
      </c>
      <c r="B727" s="2">
        <v>145</v>
      </c>
      <c r="C727" s="1" t="s">
        <v>0</v>
      </c>
      <c r="D727" s="2">
        <v>153555</v>
      </c>
      <c r="E727" s="1" t="s">
        <v>0</v>
      </c>
    </row>
    <row r="728" spans="1:5" x14ac:dyDescent="0.25">
      <c r="A728" s="1" t="s">
        <v>136</v>
      </c>
      <c r="B728" s="1" t="s">
        <v>58136</v>
      </c>
      <c r="C728" s="1" t="s">
        <v>14332</v>
      </c>
      <c r="D728" s="2">
        <v>153556</v>
      </c>
      <c r="E728" s="1" t="s">
        <v>0</v>
      </c>
    </row>
    <row r="729" spans="1:5" x14ac:dyDescent="0.25">
      <c r="A729" s="1" t="s">
        <v>61736</v>
      </c>
      <c r="B729" s="1" t="s">
        <v>58137</v>
      </c>
      <c r="C729" s="1" t="s">
        <v>14333</v>
      </c>
      <c r="D729" s="2">
        <v>153557</v>
      </c>
      <c r="E729" s="1" t="s">
        <v>0</v>
      </c>
    </row>
    <row r="730" spans="1:5" ht="409.5" x14ac:dyDescent="0.25">
      <c r="A730" s="4" t="s">
        <v>63935</v>
      </c>
      <c r="B730" s="1" t="s">
        <v>58138</v>
      </c>
      <c r="C730" s="1" t="s">
        <v>14334</v>
      </c>
      <c r="D730" s="2">
        <v>153558</v>
      </c>
      <c r="E730" s="1" t="s">
        <v>0</v>
      </c>
    </row>
    <row r="731" spans="1:5" x14ac:dyDescent="0.25">
      <c r="A731" s="1" t="s">
        <v>14335</v>
      </c>
      <c r="B731" s="1" t="s">
        <v>51266</v>
      </c>
      <c r="C731" s="1" t="s">
        <v>14336</v>
      </c>
      <c r="D731" s="2">
        <v>153559</v>
      </c>
      <c r="E731" s="1" t="s">
        <v>0</v>
      </c>
    </row>
    <row r="732" spans="1:5" x14ac:dyDescent="0.25">
      <c r="A732" s="2">
        <v>146</v>
      </c>
      <c r="B732" s="2">
        <v>146</v>
      </c>
      <c r="C732" s="1" t="s">
        <v>0</v>
      </c>
      <c r="D732" s="2">
        <v>153560</v>
      </c>
      <c r="E732" s="1" t="s">
        <v>0</v>
      </c>
    </row>
    <row r="733" spans="1:5" x14ac:dyDescent="0.25">
      <c r="A733" s="1" t="s">
        <v>137</v>
      </c>
      <c r="B733" s="1" t="s">
        <v>5164</v>
      </c>
      <c r="C733" s="1" t="s">
        <v>14337</v>
      </c>
      <c r="D733" s="2">
        <v>153561</v>
      </c>
      <c r="E733" s="1" t="s">
        <v>0</v>
      </c>
    </row>
    <row r="734" spans="1:5" x14ac:dyDescent="0.25">
      <c r="A734" s="1" t="s">
        <v>14338</v>
      </c>
      <c r="B734" s="1" t="s">
        <v>5165</v>
      </c>
      <c r="C734" s="1" t="s">
        <v>14339</v>
      </c>
      <c r="D734" s="2">
        <v>153562</v>
      </c>
      <c r="E734" s="1" t="s">
        <v>0</v>
      </c>
    </row>
    <row r="735" spans="1:5" ht="409.5" x14ac:dyDescent="0.25">
      <c r="A735" s="4" t="s">
        <v>14340</v>
      </c>
      <c r="B735" s="1" t="s">
        <v>63171</v>
      </c>
      <c r="C735" s="1" t="s">
        <v>14341</v>
      </c>
      <c r="D735" s="2">
        <v>153563</v>
      </c>
      <c r="E735" s="1" t="s">
        <v>0</v>
      </c>
    </row>
    <row r="736" spans="1:5" x14ac:dyDescent="0.25">
      <c r="A736" s="1" t="s">
        <v>14342</v>
      </c>
      <c r="B736" s="1" t="s">
        <v>5166</v>
      </c>
      <c r="C736" s="1" t="s">
        <v>14343</v>
      </c>
      <c r="D736" s="2">
        <v>153564</v>
      </c>
      <c r="E736" s="1" t="s">
        <v>0</v>
      </c>
    </row>
    <row r="737" spans="1:5" x14ac:dyDescent="0.25">
      <c r="A737" s="2">
        <v>147</v>
      </c>
      <c r="B737" s="2">
        <v>147</v>
      </c>
      <c r="C737" s="1" t="s">
        <v>0</v>
      </c>
      <c r="D737" s="2">
        <v>153565</v>
      </c>
      <c r="E737" s="1" t="s">
        <v>0</v>
      </c>
    </row>
    <row r="738" spans="1:5" x14ac:dyDescent="0.25">
      <c r="A738" s="1" t="s">
        <v>138</v>
      </c>
      <c r="B738" s="1" t="s">
        <v>51267</v>
      </c>
      <c r="C738" s="1" t="s">
        <v>14344</v>
      </c>
      <c r="D738" s="2">
        <v>153566</v>
      </c>
      <c r="E738" s="1" t="s">
        <v>0</v>
      </c>
    </row>
    <row r="739" spans="1:5" x14ac:dyDescent="0.25">
      <c r="A739" s="1" t="s">
        <v>14345</v>
      </c>
      <c r="B739" s="1" t="s">
        <v>59720</v>
      </c>
      <c r="C739" s="1" t="s">
        <v>14346</v>
      </c>
      <c r="D739" s="2">
        <v>153567</v>
      </c>
      <c r="E739" s="1" t="s">
        <v>0</v>
      </c>
    </row>
    <row r="740" spans="1:5" ht="409.5" x14ac:dyDescent="0.25">
      <c r="A740" s="4" t="s">
        <v>14347</v>
      </c>
      <c r="B740" s="1" t="s">
        <v>59721</v>
      </c>
      <c r="C740" s="1" t="s">
        <v>14348</v>
      </c>
      <c r="D740" s="2">
        <v>153568</v>
      </c>
      <c r="E740" s="1" t="s">
        <v>0</v>
      </c>
    </row>
    <row r="741" spans="1:5" x14ac:dyDescent="0.25">
      <c r="A741" s="1" t="s">
        <v>14349</v>
      </c>
      <c r="B741" s="1" t="s">
        <v>51268</v>
      </c>
      <c r="C741" s="1" t="s">
        <v>14350</v>
      </c>
      <c r="D741" s="2">
        <v>153569</v>
      </c>
      <c r="E741" s="1" t="s">
        <v>0</v>
      </c>
    </row>
    <row r="742" spans="1:5" x14ac:dyDescent="0.25">
      <c r="A742" s="2">
        <v>148</v>
      </c>
      <c r="B742" s="2">
        <v>148</v>
      </c>
      <c r="C742" s="1" t="s">
        <v>0</v>
      </c>
      <c r="D742" s="2">
        <v>153570</v>
      </c>
      <c r="E742" s="1" t="s">
        <v>0</v>
      </c>
    </row>
    <row r="743" spans="1:5" x14ac:dyDescent="0.25">
      <c r="A743" s="1" t="s">
        <v>139</v>
      </c>
      <c r="B743" s="1" t="s">
        <v>5167</v>
      </c>
      <c r="C743" s="1" t="s">
        <v>14351</v>
      </c>
      <c r="D743" s="2">
        <v>153571</v>
      </c>
      <c r="E743" s="1" t="s">
        <v>0</v>
      </c>
    </row>
    <row r="744" spans="1:5" x14ac:dyDescent="0.25">
      <c r="A744" s="1" t="s">
        <v>14352</v>
      </c>
      <c r="B744" s="1" t="s">
        <v>58139</v>
      </c>
      <c r="C744" s="1" t="s">
        <v>14353</v>
      </c>
      <c r="D744" s="2">
        <v>153572</v>
      </c>
      <c r="E744" s="1" t="s">
        <v>0</v>
      </c>
    </row>
    <row r="745" spans="1:5" ht="409.5" x14ac:dyDescent="0.25">
      <c r="A745" s="4" t="s">
        <v>14354</v>
      </c>
      <c r="B745" s="1" t="s">
        <v>61952</v>
      </c>
      <c r="C745" s="1" t="s">
        <v>14355</v>
      </c>
      <c r="D745" s="2">
        <v>153573</v>
      </c>
      <c r="E745" s="1" t="s">
        <v>0</v>
      </c>
    </row>
    <row r="746" spans="1:5" x14ac:dyDescent="0.25">
      <c r="A746" s="1" t="s">
        <v>14356</v>
      </c>
      <c r="B746" s="1" t="s">
        <v>51269</v>
      </c>
      <c r="C746" s="1" t="s">
        <v>14357</v>
      </c>
      <c r="D746" s="2">
        <v>153574</v>
      </c>
      <c r="E746" s="1" t="s">
        <v>0</v>
      </c>
    </row>
    <row r="747" spans="1:5" x14ac:dyDescent="0.25">
      <c r="A747" s="2">
        <v>149</v>
      </c>
      <c r="B747" s="2">
        <v>149</v>
      </c>
      <c r="C747" s="1" t="s">
        <v>0</v>
      </c>
      <c r="D747" s="2">
        <v>153575</v>
      </c>
      <c r="E747" s="1" t="s">
        <v>0</v>
      </c>
    </row>
    <row r="748" spans="1:5" x14ac:dyDescent="0.25">
      <c r="A748" s="1" t="s">
        <v>140</v>
      </c>
      <c r="B748" s="1" t="s">
        <v>5168</v>
      </c>
      <c r="C748" s="1" t="s">
        <v>14358</v>
      </c>
      <c r="D748" s="2">
        <v>153576</v>
      </c>
      <c r="E748" s="1" t="s">
        <v>0</v>
      </c>
    </row>
    <row r="749" spans="1:5" x14ac:dyDescent="0.25">
      <c r="A749" s="1" t="s">
        <v>14359</v>
      </c>
      <c r="B749" s="1" t="s">
        <v>5169</v>
      </c>
      <c r="C749" s="1" t="s">
        <v>14360</v>
      </c>
      <c r="D749" s="2">
        <v>153577</v>
      </c>
      <c r="E749" s="1" t="s">
        <v>0</v>
      </c>
    </row>
    <row r="750" spans="1:5" ht="409.5" x14ac:dyDescent="0.25">
      <c r="A750" s="4" t="s">
        <v>14361</v>
      </c>
      <c r="B750" s="1" t="s">
        <v>59722</v>
      </c>
      <c r="C750" s="1" t="s">
        <v>14362</v>
      </c>
      <c r="D750" s="2">
        <v>153578</v>
      </c>
      <c r="E750" s="1" t="s">
        <v>0</v>
      </c>
    </row>
    <row r="751" spans="1:5" x14ac:dyDescent="0.25">
      <c r="A751" s="1" t="s">
        <v>14363</v>
      </c>
      <c r="B751" s="1" t="s">
        <v>5170</v>
      </c>
      <c r="C751" s="1" t="s">
        <v>14364</v>
      </c>
      <c r="D751" s="2">
        <v>153579</v>
      </c>
      <c r="E751" s="1" t="s">
        <v>0</v>
      </c>
    </row>
    <row r="752" spans="1:5" x14ac:dyDescent="0.25">
      <c r="A752" s="2">
        <v>150</v>
      </c>
      <c r="B752" s="2">
        <v>150</v>
      </c>
      <c r="C752" s="1" t="s">
        <v>0</v>
      </c>
      <c r="D752" s="2">
        <v>153580</v>
      </c>
      <c r="E752" s="1" t="s">
        <v>0</v>
      </c>
    </row>
    <row r="753" spans="1:5" x14ac:dyDescent="0.25">
      <c r="A753" s="1" t="s">
        <v>141</v>
      </c>
      <c r="B753" s="1" t="s">
        <v>51270</v>
      </c>
      <c r="C753" s="1" t="s">
        <v>14365</v>
      </c>
      <c r="D753" s="2">
        <v>153581</v>
      </c>
      <c r="E753" s="1" t="s">
        <v>0</v>
      </c>
    </row>
    <row r="754" spans="1:5" x14ac:dyDescent="0.25">
      <c r="A754" s="1" t="s">
        <v>14366</v>
      </c>
      <c r="B754" s="1" t="s">
        <v>51271</v>
      </c>
      <c r="C754" s="1" t="s">
        <v>14367</v>
      </c>
      <c r="D754" s="2">
        <v>153582</v>
      </c>
      <c r="E754" s="1" t="s">
        <v>0</v>
      </c>
    </row>
    <row r="755" spans="1:5" ht="409.5" x14ac:dyDescent="0.25">
      <c r="A755" s="4" t="s">
        <v>14368</v>
      </c>
      <c r="B755" s="1" t="s">
        <v>51272</v>
      </c>
      <c r="C755" s="1" t="s">
        <v>14369</v>
      </c>
      <c r="D755" s="2">
        <v>153583</v>
      </c>
      <c r="E755" s="1" t="s">
        <v>0</v>
      </c>
    </row>
    <row r="756" spans="1:5" x14ac:dyDescent="0.25">
      <c r="A756" s="1" t="s">
        <v>14370</v>
      </c>
      <c r="B756" s="1" t="s">
        <v>51273</v>
      </c>
      <c r="C756" s="1" t="s">
        <v>14371</v>
      </c>
      <c r="D756" s="2">
        <v>153584</v>
      </c>
      <c r="E756" s="1" t="s">
        <v>0</v>
      </c>
    </row>
    <row r="757" spans="1:5" x14ac:dyDescent="0.25">
      <c r="A757" s="2">
        <v>151</v>
      </c>
      <c r="B757" s="2">
        <v>151</v>
      </c>
      <c r="C757" s="1" t="s">
        <v>0</v>
      </c>
      <c r="D757" s="2">
        <v>153585</v>
      </c>
      <c r="E757" s="1" t="s">
        <v>0</v>
      </c>
    </row>
    <row r="758" spans="1:5" x14ac:dyDescent="0.25">
      <c r="A758" s="1" t="s">
        <v>142</v>
      </c>
      <c r="B758" s="1" t="s">
        <v>5171</v>
      </c>
      <c r="C758" s="1" t="s">
        <v>14372</v>
      </c>
      <c r="D758" s="2">
        <v>153586</v>
      </c>
      <c r="E758" s="1" t="s">
        <v>0</v>
      </c>
    </row>
    <row r="759" spans="1:5" x14ac:dyDescent="0.25">
      <c r="A759" s="1" t="s">
        <v>14373</v>
      </c>
      <c r="B759" s="1" t="s">
        <v>61953</v>
      </c>
      <c r="C759" s="1" t="s">
        <v>14374</v>
      </c>
      <c r="D759" s="2">
        <v>153587</v>
      </c>
      <c r="E759" s="1" t="s">
        <v>0</v>
      </c>
    </row>
    <row r="760" spans="1:5" ht="409.5" x14ac:dyDescent="0.25">
      <c r="A760" s="4" t="s">
        <v>14375</v>
      </c>
      <c r="B760" s="1" t="s">
        <v>61954</v>
      </c>
      <c r="C760" s="1" t="s">
        <v>14376</v>
      </c>
      <c r="D760" s="2">
        <v>153588</v>
      </c>
      <c r="E760" s="1" t="s">
        <v>0</v>
      </c>
    </row>
    <row r="761" spans="1:5" x14ac:dyDescent="0.25">
      <c r="A761" s="1" t="s">
        <v>14377</v>
      </c>
      <c r="B761" s="1" t="s">
        <v>58684</v>
      </c>
      <c r="C761" s="1" t="s">
        <v>14378</v>
      </c>
      <c r="D761" s="2">
        <v>153589</v>
      </c>
      <c r="E761" s="1" t="s">
        <v>0</v>
      </c>
    </row>
    <row r="762" spans="1:5" x14ac:dyDescent="0.25">
      <c r="A762" s="2">
        <v>152</v>
      </c>
      <c r="B762" s="2">
        <v>152</v>
      </c>
      <c r="C762" s="1" t="s">
        <v>0</v>
      </c>
      <c r="D762" s="2">
        <v>153590</v>
      </c>
      <c r="E762" s="1" t="s">
        <v>0</v>
      </c>
    </row>
    <row r="763" spans="1:5" x14ac:dyDescent="0.25">
      <c r="A763" s="1" t="s">
        <v>143</v>
      </c>
      <c r="B763" s="1" t="s">
        <v>5172</v>
      </c>
      <c r="C763" s="1" t="s">
        <v>14379</v>
      </c>
      <c r="D763" s="2">
        <v>153591</v>
      </c>
      <c r="E763" s="1" t="s">
        <v>0</v>
      </c>
    </row>
    <row r="764" spans="1:5" x14ac:dyDescent="0.25">
      <c r="A764" s="1" t="s">
        <v>14380</v>
      </c>
      <c r="B764" s="1" t="s">
        <v>5173</v>
      </c>
      <c r="C764" s="1" t="s">
        <v>14381</v>
      </c>
      <c r="D764" s="2">
        <v>153592</v>
      </c>
      <c r="E764" s="1" t="s">
        <v>0</v>
      </c>
    </row>
    <row r="765" spans="1:5" x14ac:dyDescent="0.25">
      <c r="A765" s="1" t="s">
        <v>14382</v>
      </c>
      <c r="B765" s="1" t="s">
        <v>5174</v>
      </c>
      <c r="C765" s="1" t="s">
        <v>14383</v>
      </c>
      <c r="D765" s="2">
        <v>153593</v>
      </c>
      <c r="E765" s="1" t="s">
        <v>0</v>
      </c>
    </row>
    <row r="766" spans="1:5" x14ac:dyDescent="0.25">
      <c r="A766" s="1" t="s">
        <v>14384</v>
      </c>
      <c r="B766" s="1" t="s">
        <v>60867</v>
      </c>
      <c r="C766" s="1" t="s">
        <v>14385</v>
      </c>
      <c r="D766" s="2">
        <v>153594</v>
      </c>
      <c r="E766" s="1" t="s">
        <v>0</v>
      </c>
    </row>
    <row r="767" spans="1:5" x14ac:dyDescent="0.25">
      <c r="A767" s="2">
        <v>153</v>
      </c>
      <c r="B767" s="2">
        <v>153</v>
      </c>
      <c r="C767" s="1" t="s">
        <v>0</v>
      </c>
      <c r="D767" s="2">
        <v>153595</v>
      </c>
      <c r="E767" s="1" t="s">
        <v>0</v>
      </c>
    </row>
    <row r="768" spans="1:5" x14ac:dyDescent="0.25">
      <c r="A768" s="1" t="s">
        <v>144</v>
      </c>
      <c r="B768" s="1" t="s">
        <v>58140</v>
      </c>
      <c r="C768" s="1" t="s">
        <v>14386</v>
      </c>
      <c r="D768" s="2">
        <v>153596</v>
      </c>
      <c r="E768" s="1" t="s">
        <v>0</v>
      </c>
    </row>
    <row r="769" spans="1:5" x14ac:dyDescent="0.25">
      <c r="A769" s="1" t="s">
        <v>14387</v>
      </c>
      <c r="B769" s="1" t="s">
        <v>61955</v>
      </c>
      <c r="C769" s="1" t="s">
        <v>14388</v>
      </c>
      <c r="D769" s="2">
        <v>153597</v>
      </c>
      <c r="E769" s="1" t="s">
        <v>0</v>
      </c>
    </row>
    <row r="770" spans="1:5" ht="409.5" x14ac:dyDescent="0.25">
      <c r="A770" s="4" t="s">
        <v>14389</v>
      </c>
      <c r="B770" s="1" t="s">
        <v>61956</v>
      </c>
      <c r="C770" s="1" t="s">
        <v>14390</v>
      </c>
      <c r="D770" s="2">
        <v>153598</v>
      </c>
      <c r="E770" s="1" t="s">
        <v>0</v>
      </c>
    </row>
    <row r="771" spans="1:5" x14ac:dyDescent="0.25">
      <c r="A771" s="1" t="s">
        <v>14391</v>
      </c>
      <c r="B771" s="1" t="s">
        <v>58141</v>
      </c>
      <c r="C771" s="1" t="s">
        <v>14392</v>
      </c>
      <c r="D771" s="2">
        <v>153599</v>
      </c>
      <c r="E771" s="1" t="s">
        <v>0</v>
      </c>
    </row>
    <row r="772" spans="1:5" x14ac:dyDescent="0.25">
      <c r="A772" s="2">
        <v>154</v>
      </c>
      <c r="B772" s="2">
        <v>154</v>
      </c>
      <c r="C772" s="1" t="s">
        <v>0</v>
      </c>
      <c r="D772" s="2">
        <v>153600</v>
      </c>
      <c r="E772" s="1" t="s">
        <v>0</v>
      </c>
    </row>
    <row r="773" spans="1:5" x14ac:dyDescent="0.25">
      <c r="A773" s="1" t="s">
        <v>145</v>
      </c>
      <c r="B773" s="1" t="s">
        <v>5175</v>
      </c>
      <c r="C773" s="1" t="s">
        <v>14393</v>
      </c>
      <c r="D773" s="2">
        <v>153601</v>
      </c>
      <c r="E773" s="1" t="s">
        <v>0</v>
      </c>
    </row>
    <row r="774" spans="1:5" x14ac:dyDescent="0.25">
      <c r="A774" s="1" t="s">
        <v>14394</v>
      </c>
      <c r="B774" s="1" t="s">
        <v>5176</v>
      </c>
      <c r="C774" s="1" t="s">
        <v>14395</v>
      </c>
      <c r="D774" s="2">
        <v>153602</v>
      </c>
      <c r="E774" s="1" t="s">
        <v>0</v>
      </c>
    </row>
    <row r="775" spans="1:5" ht="409.5" x14ac:dyDescent="0.25">
      <c r="A775" s="4" t="s">
        <v>14396</v>
      </c>
      <c r="B775" s="1" t="s">
        <v>12966</v>
      </c>
      <c r="C775" s="1" t="s">
        <v>14397</v>
      </c>
      <c r="D775" s="2">
        <v>153603</v>
      </c>
      <c r="E775" s="1" t="s">
        <v>0</v>
      </c>
    </row>
    <row r="776" spans="1:5" x14ac:dyDescent="0.25">
      <c r="A776" s="1" t="s">
        <v>14398</v>
      </c>
      <c r="B776" s="1" t="s">
        <v>5177</v>
      </c>
      <c r="C776" s="1" t="s">
        <v>14399</v>
      </c>
      <c r="D776" s="2">
        <v>153604</v>
      </c>
      <c r="E776" s="1" t="s">
        <v>0</v>
      </c>
    </row>
    <row r="777" spans="1:5" x14ac:dyDescent="0.25">
      <c r="A777" s="2">
        <v>155</v>
      </c>
      <c r="B777" s="2">
        <v>155</v>
      </c>
      <c r="C777" s="1" t="s">
        <v>0</v>
      </c>
      <c r="D777" s="2">
        <v>153605</v>
      </c>
      <c r="E777" s="1" t="s">
        <v>0</v>
      </c>
    </row>
    <row r="778" spans="1:5" x14ac:dyDescent="0.25">
      <c r="A778" s="1" t="s">
        <v>146</v>
      </c>
      <c r="B778" s="1" t="s">
        <v>5178</v>
      </c>
      <c r="C778" s="1" t="s">
        <v>14400</v>
      </c>
      <c r="D778" s="2">
        <v>153606</v>
      </c>
      <c r="E778" s="1" t="s">
        <v>0</v>
      </c>
    </row>
    <row r="779" spans="1:5" x14ac:dyDescent="0.25">
      <c r="A779" s="1" t="s">
        <v>14401</v>
      </c>
      <c r="B779" s="1" t="s">
        <v>51274</v>
      </c>
      <c r="C779" s="1" t="s">
        <v>14402</v>
      </c>
      <c r="D779" s="2">
        <v>153607</v>
      </c>
      <c r="E779" s="1" t="s">
        <v>0</v>
      </c>
    </row>
    <row r="780" spans="1:5" ht="409.5" x14ac:dyDescent="0.25">
      <c r="A780" s="4" t="s">
        <v>14403</v>
      </c>
      <c r="B780" s="1" t="s">
        <v>51275</v>
      </c>
      <c r="C780" s="1" t="s">
        <v>14404</v>
      </c>
      <c r="D780" s="2">
        <v>153608</v>
      </c>
      <c r="E780" s="1" t="s">
        <v>0</v>
      </c>
    </row>
    <row r="781" spans="1:5" x14ac:dyDescent="0.25">
      <c r="A781" s="1" t="s">
        <v>14405</v>
      </c>
      <c r="B781" s="1" t="s">
        <v>5179</v>
      </c>
      <c r="C781" s="1" t="s">
        <v>14406</v>
      </c>
      <c r="D781" s="2">
        <v>153609</v>
      </c>
      <c r="E781" s="1" t="s">
        <v>0</v>
      </c>
    </row>
    <row r="782" spans="1:5" x14ac:dyDescent="0.25">
      <c r="A782" s="2">
        <v>156</v>
      </c>
      <c r="B782" s="2">
        <v>156</v>
      </c>
      <c r="C782" s="1" t="s">
        <v>0</v>
      </c>
      <c r="D782" s="2">
        <v>153610</v>
      </c>
      <c r="E782" s="1" t="s">
        <v>0</v>
      </c>
    </row>
    <row r="783" spans="1:5" x14ac:dyDescent="0.25">
      <c r="A783" s="1" t="s">
        <v>147</v>
      </c>
      <c r="B783" s="1" t="s">
        <v>5180</v>
      </c>
      <c r="C783" s="1" t="s">
        <v>14407</v>
      </c>
      <c r="D783" s="2">
        <v>153611</v>
      </c>
      <c r="E783" s="1" t="s">
        <v>0</v>
      </c>
    </row>
    <row r="784" spans="1:5" x14ac:dyDescent="0.25">
      <c r="A784" s="1" t="s">
        <v>14408</v>
      </c>
      <c r="B784" s="1" t="s">
        <v>60534</v>
      </c>
      <c r="C784" s="1" t="s">
        <v>14409</v>
      </c>
      <c r="D784" s="2">
        <v>153612</v>
      </c>
      <c r="E784" s="1" t="s">
        <v>0</v>
      </c>
    </row>
    <row r="785" spans="1:5" ht="409.5" x14ac:dyDescent="0.25">
      <c r="A785" s="4" t="s">
        <v>14410</v>
      </c>
      <c r="B785" s="1" t="s">
        <v>60535</v>
      </c>
      <c r="C785" s="1" t="s">
        <v>14411</v>
      </c>
      <c r="D785" s="2">
        <v>153613</v>
      </c>
      <c r="E785" s="1" t="s">
        <v>0</v>
      </c>
    </row>
    <row r="786" spans="1:5" x14ac:dyDescent="0.25">
      <c r="A786" s="1" t="s">
        <v>14412</v>
      </c>
      <c r="B786" s="1" t="s">
        <v>51276</v>
      </c>
      <c r="C786" s="1" t="s">
        <v>14413</v>
      </c>
      <c r="D786" s="2">
        <v>153614</v>
      </c>
      <c r="E786" s="1" t="s">
        <v>0</v>
      </c>
    </row>
    <row r="787" spans="1:5" x14ac:dyDescent="0.25">
      <c r="A787" s="2">
        <v>157</v>
      </c>
      <c r="B787" s="2">
        <v>157</v>
      </c>
      <c r="C787" s="1" t="s">
        <v>0</v>
      </c>
      <c r="D787" s="2">
        <v>153615</v>
      </c>
      <c r="E787" s="1" t="s">
        <v>0</v>
      </c>
    </row>
    <row r="788" spans="1:5" x14ac:dyDescent="0.25">
      <c r="A788" s="1" t="s">
        <v>148</v>
      </c>
      <c r="B788" s="1" t="s">
        <v>50355</v>
      </c>
      <c r="C788" s="1" t="s">
        <v>14414</v>
      </c>
      <c r="D788" s="2">
        <v>153616</v>
      </c>
      <c r="E788" s="1" t="s">
        <v>0</v>
      </c>
    </row>
    <row r="789" spans="1:5" x14ac:dyDescent="0.25">
      <c r="A789" s="1" t="s">
        <v>14415</v>
      </c>
      <c r="B789" s="1" t="s">
        <v>51277</v>
      </c>
      <c r="C789" s="1" t="s">
        <v>14416</v>
      </c>
      <c r="D789" s="2">
        <v>153617</v>
      </c>
      <c r="E789" s="1" t="s">
        <v>0</v>
      </c>
    </row>
    <row r="790" spans="1:5" ht="409.5" x14ac:dyDescent="0.25">
      <c r="A790" s="4" t="s">
        <v>63936</v>
      </c>
      <c r="B790" s="1" t="s">
        <v>51278</v>
      </c>
      <c r="C790" s="1" t="s">
        <v>14417</v>
      </c>
      <c r="D790" s="2">
        <v>153618</v>
      </c>
      <c r="E790" s="1" t="s">
        <v>0</v>
      </c>
    </row>
    <row r="791" spans="1:5" x14ac:dyDescent="0.25">
      <c r="A791" s="1" t="s">
        <v>14418</v>
      </c>
      <c r="B791" s="1" t="s">
        <v>51279</v>
      </c>
      <c r="C791" s="1" t="s">
        <v>14419</v>
      </c>
      <c r="D791" s="2">
        <v>153619</v>
      </c>
      <c r="E791" s="1" t="s">
        <v>0</v>
      </c>
    </row>
    <row r="792" spans="1:5" x14ac:dyDescent="0.25">
      <c r="A792" s="2">
        <v>158</v>
      </c>
      <c r="B792" s="2">
        <v>158</v>
      </c>
      <c r="C792" s="1" t="s">
        <v>0</v>
      </c>
      <c r="D792" s="2">
        <v>153620</v>
      </c>
      <c r="E792" s="1" t="s">
        <v>0</v>
      </c>
    </row>
    <row r="793" spans="1:5" x14ac:dyDescent="0.25">
      <c r="A793" s="1" t="s">
        <v>149</v>
      </c>
      <c r="B793" s="1" t="s">
        <v>5181</v>
      </c>
      <c r="C793" s="1" t="s">
        <v>14420</v>
      </c>
      <c r="D793" s="2">
        <v>153621</v>
      </c>
      <c r="E793" s="1" t="s">
        <v>0</v>
      </c>
    </row>
    <row r="794" spans="1:5" x14ac:dyDescent="0.25">
      <c r="A794" s="1" t="s">
        <v>14421</v>
      </c>
      <c r="B794" s="1" t="s">
        <v>51280</v>
      </c>
      <c r="C794" s="1" t="s">
        <v>14422</v>
      </c>
      <c r="D794" s="2">
        <v>153622</v>
      </c>
      <c r="E794" s="1" t="s">
        <v>0</v>
      </c>
    </row>
    <row r="795" spans="1:5" ht="409.5" x14ac:dyDescent="0.25">
      <c r="A795" s="4" t="s">
        <v>14423</v>
      </c>
      <c r="B795" s="1" t="s">
        <v>61957</v>
      </c>
      <c r="C795" s="1" t="s">
        <v>14424</v>
      </c>
      <c r="D795" s="2">
        <v>153623</v>
      </c>
      <c r="E795" s="1" t="s">
        <v>0</v>
      </c>
    </row>
    <row r="796" spans="1:5" x14ac:dyDescent="0.25">
      <c r="A796" s="1" t="s">
        <v>14425</v>
      </c>
      <c r="B796" s="1" t="s">
        <v>5182</v>
      </c>
      <c r="C796" s="1" t="s">
        <v>14426</v>
      </c>
      <c r="D796" s="2">
        <v>153624</v>
      </c>
      <c r="E796" s="1" t="s">
        <v>0</v>
      </c>
    </row>
    <row r="797" spans="1:5" x14ac:dyDescent="0.25">
      <c r="A797" s="2">
        <v>159</v>
      </c>
      <c r="B797" s="2">
        <v>159</v>
      </c>
      <c r="C797" s="1" t="s">
        <v>0</v>
      </c>
      <c r="D797" s="2">
        <v>153625</v>
      </c>
      <c r="E797" s="1" t="s">
        <v>0</v>
      </c>
    </row>
    <row r="798" spans="1:5" x14ac:dyDescent="0.25">
      <c r="A798" s="1" t="s">
        <v>150</v>
      </c>
      <c r="B798" s="1" t="s">
        <v>5183</v>
      </c>
      <c r="C798" s="1" t="s">
        <v>14427</v>
      </c>
      <c r="D798" s="2">
        <v>153626</v>
      </c>
      <c r="E798" s="1" t="s">
        <v>0</v>
      </c>
    </row>
    <row r="799" spans="1:5" x14ac:dyDescent="0.25">
      <c r="A799" s="1" t="s">
        <v>14428</v>
      </c>
      <c r="B799" s="1" t="s">
        <v>60536</v>
      </c>
      <c r="C799" s="1" t="s">
        <v>14429</v>
      </c>
      <c r="D799" s="2">
        <v>153627</v>
      </c>
      <c r="E799" s="1" t="s">
        <v>0</v>
      </c>
    </row>
    <row r="800" spans="1:5" ht="409.5" x14ac:dyDescent="0.25">
      <c r="A800" s="4" t="s">
        <v>14430</v>
      </c>
      <c r="B800" s="1" t="s">
        <v>60537</v>
      </c>
      <c r="C800" s="1" t="s">
        <v>14431</v>
      </c>
      <c r="D800" s="2">
        <v>153628</v>
      </c>
      <c r="E800" s="1" t="s">
        <v>0</v>
      </c>
    </row>
    <row r="801" spans="1:5" x14ac:dyDescent="0.25">
      <c r="A801" s="1" t="s">
        <v>14432</v>
      </c>
      <c r="B801" s="1" t="s">
        <v>5184</v>
      </c>
      <c r="C801" s="1" t="s">
        <v>14433</v>
      </c>
      <c r="D801" s="2">
        <v>153629</v>
      </c>
      <c r="E801" s="1" t="s">
        <v>0</v>
      </c>
    </row>
    <row r="802" spans="1:5" x14ac:dyDescent="0.25">
      <c r="A802" s="2">
        <v>160</v>
      </c>
      <c r="B802" s="2">
        <v>160</v>
      </c>
      <c r="C802" s="1" t="s">
        <v>0</v>
      </c>
      <c r="D802" s="2">
        <v>153630</v>
      </c>
      <c r="E802" s="1" t="s">
        <v>0</v>
      </c>
    </row>
    <row r="803" spans="1:5" x14ac:dyDescent="0.25">
      <c r="A803" s="1" t="s">
        <v>151</v>
      </c>
      <c r="B803" s="1" t="s">
        <v>5185</v>
      </c>
      <c r="C803" s="1" t="s">
        <v>14434</v>
      </c>
      <c r="D803" s="2">
        <v>153631</v>
      </c>
      <c r="E803" s="1" t="s">
        <v>0</v>
      </c>
    </row>
    <row r="804" spans="1:5" x14ac:dyDescent="0.25">
      <c r="A804" s="1" t="s">
        <v>14435</v>
      </c>
      <c r="B804" s="1" t="s">
        <v>51281</v>
      </c>
      <c r="C804" s="1" t="s">
        <v>14436</v>
      </c>
      <c r="D804" s="2">
        <v>153632</v>
      </c>
      <c r="E804" s="1" t="s">
        <v>0</v>
      </c>
    </row>
    <row r="805" spans="1:5" ht="409.5" x14ac:dyDescent="0.25">
      <c r="A805" s="4" t="s">
        <v>14437</v>
      </c>
      <c r="B805" s="1" t="s">
        <v>61958</v>
      </c>
      <c r="C805" s="1" t="s">
        <v>14438</v>
      </c>
      <c r="D805" s="2">
        <v>153633</v>
      </c>
      <c r="E805" s="1" t="s">
        <v>0</v>
      </c>
    </row>
    <row r="806" spans="1:5" x14ac:dyDescent="0.25">
      <c r="A806" s="1" t="s">
        <v>14439</v>
      </c>
      <c r="B806" s="1" t="s">
        <v>5186</v>
      </c>
      <c r="C806" s="1" t="s">
        <v>14440</v>
      </c>
      <c r="D806" s="2">
        <v>153634</v>
      </c>
      <c r="E806" s="1" t="s">
        <v>0</v>
      </c>
    </row>
    <row r="807" spans="1:5" x14ac:dyDescent="0.25">
      <c r="A807" s="2">
        <v>161</v>
      </c>
      <c r="B807" s="2">
        <v>161</v>
      </c>
      <c r="C807" s="1" t="s">
        <v>0</v>
      </c>
      <c r="D807" s="2">
        <v>153635</v>
      </c>
      <c r="E807" s="1" t="s">
        <v>0</v>
      </c>
    </row>
    <row r="808" spans="1:5" x14ac:dyDescent="0.25">
      <c r="A808" s="1" t="s">
        <v>152</v>
      </c>
      <c r="B808" s="1" t="s">
        <v>50356</v>
      </c>
      <c r="C808" s="1" t="s">
        <v>14441</v>
      </c>
      <c r="D808" s="2">
        <v>153636</v>
      </c>
      <c r="E808" s="1" t="s">
        <v>0</v>
      </c>
    </row>
    <row r="809" spans="1:5" x14ac:dyDescent="0.25">
      <c r="A809" s="1" t="s">
        <v>14442</v>
      </c>
      <c r="B809" s="1" t="s">
        <v>63597</v>
      </c>
      <c r="C809" s="1" t="s">
        <v>14443</v>
      </c>
      <c r="D809" s="2">
        <v>153637</v>
      </c>
      <c r="E809" s="1" t="s">
        <v>0</v>
      </c>
    </row>
    <row r="810" spans="1:5" ht="409.5" x14ac:dyDescent="0.25">
      <c r="A810" s="4" t="s">
        <v>14444</v>
      </c>
      <c r="B810" s="1" t="s">
        <v>63598</v>
      </c>
      <c r="C810" s="1" t="s">
        <v>14445</v>
      </c>
      <c r="D810" s="2">
        <v>153638</v>
      </c>
      <c r="E810" s="1" t="s">
        <v>0</v>
      </c>
    </row>
    <row r="811" spans="1:5" x14ac:dyDescent="0.25">
      <c r="A811" s="1" t="s">
        <v>14446</v>
      </c>
      <c r="B811" s="1" t="s">
        <v>50357</v>
      </c>
      <c r="C811" s="1" t="s">
        <v>14447</v>
      </c>
      <c r="D811" s="2">
        <v>153639</v>
      </c>
      <c r="E811" s="1" t="s">
        <v>0</v>
      </c>
    </row>
    <row r="812" spans="1:5" x14ac:dyDescent="0.25">
      <c r="A812" s="2">
        <v>162</v>
      </c>
      <c r="B812" s="2">
        <v>162</v>
      </c>
      <c r="C812" s="1" t="s">
        <v>0</v>
      </c>
      <c r="D812" s="2">
        <v>153640</v>
      </c>
      <c r="E812" s="1" t="s">
        <v>0</v>
      </c>
    </row>
    <row r="813" spans="1:5" x14ac:dyDescent="0.25">
      <c r="A813" s="1" t="s">
        <v>153</v>
      </c>
      <c r="B813" s="1" t="s">
        <v>57695</v>
      </c>
      <c r="C813" s="1" t="s">
        <v>14448</v>
      </c>
      <c r="D813" s="2">
        <v>153641</v>
      </c>
      <c r="E813" s="1" t="s">
        <v>0</v>
      </c>
    </row>
    <row r="814" spans="1:5" x14ac:dyDescent="0.25">
      <c r="A814" s="1" t="s">
        <v>14449</v>
      </c>
      <c r="B814" s="1" t="s">
        <v>57696</v>
      </c>
      <c r="C814" s="1" t="s">
        <v>14450</v>
      </c>
      <c r="D814" s="2">
        <v>153642</v>
      </c>
      <c r="E814" s="1" t="s">
        <v>0</v>
      </c>
    </row>
    <row r="815" spans="1:5" ht="409.5" x14ac:dyDescent="0.25">
      <c r="A815" s="4" t="s">
        <v>14451</v>
      </c>
      <c r="B815" s="1" t="s">
        <v>63172</v>
      </c>
      <c r="C815" s="1" t="s">
        <v>14452</v>
      </c>
      <c r="D815" s="2">
        <v>153643</v>
      </c>
      <c r="E815" s="1" t="s">
        <v>0</v>
      </c>
    </row>
    <row r="816" spans="1:5" x14ac:dyDescent="0.25">
      <c r="A816" s="1" t="s">
        <v>14453</v>
      </c>
      <c r="B816" s="1" t="s">
        <v>154</v>
      </c>
      <c r="C816" s="1" t="s">
        <v>14454</v>
      </c>
      <c r="D816" s="2">
        <v>153644</v>
      </c>
      <c r="E816" s="1" t="s">
        <v>0</v>
      </c>
    </row>
    <row r="817" spans="1:5" x14ac:dyDescent="0.25">
      <c r="A817" s="2">
        <v>163</v>
      </c>
      <c r="B817" s="2">
        <v>163</v>
      </c>
      <c r="C817" s="1" t="s">
        <v>0</v>
      </c>
      <c r="D817" s="2">
        <v>153645</v>
      </c>
      <c r="E817" s="1" t="s">
        <v>0</v>
      </c>
    </row>
    <row r="818" spans="1:5" x14ac:dyDescent="0.25">
      <c r="A818" s="1" t="s">
        <v>155</v>
      </c>
      <c r="B818" s="1" t="s">
        <v>5187</v>
      </c>
      <c r="C818" s="1" t="s">
        <v>14455</v>
      </c>
      <c r="D818" s="2">
        <v>153646</v>
      </c>
      <c r="E818" s="1" t="s">
        <v>0</v>
      </c>
    </row>
    <row r="819" spans="1:5" x14ac:dyDescent="0.25">
      <c r="A819" s="1" t="s">
        <v>14456</v>
      </c>
      <c r="B819" s="1" t="s">
        <v>61959</v>
      </c>
      <c r="C819" s="1" t="s">
        <v>14457</v>
      </c>
      <c r="D819" s="2">
        <v>153647</v>
      </c>
      <c r="E819" s="1" t="s">
        <v>0</v>
      </c>
    </row>
    <row r="820" spans="1:5" ht="409.5" x14ac:dyDescent="0.25">
      <c r="A820" s="4" t="s">
        <v>14458</v>
      </c>
      <c r="B820" s="1" t="s">
        <v>61960</v>
      </c>
      <c r="C820" s="1" t="s">
        <v>14459</v>
      </c>
      <c r="D820" s="2">
        <v>153648</v>
      </c>
      <c r="E820" s="1" t="s">
        <v>0</v>
      </c>
    </row>
    <row r="821" spans="1:5" x14ac:dyDescent="0.25">
      <c r="A821" s="1" t="s">
        <v>14460</v>
      </c>
      <c r="B821" s="1" t="s">
        <v>51282</v>
      </c>
      <c r="C821" s="1" t="s">
        <v>14461</v>
      </c>
      <c r="D821" s="2">
        <v>153649</v>
      </c>
      <c r="E821" s="1" t="s">
        <v>0</v>
      </c>
    </row>
    <row r="822" spans="1:5" x14ac:dyDescent="0.25">
      <c r="A822" s="2">
        <v>164</v>
      </c>
      <c r="B822" s="2">
        <v>164</v>
      </c>
      <c r="C822" s="1" t="s">
        <v>0</v>
      </c>
      <c r="D822" s="2">
        <v>153650</v>
      </c>
      <c r="E822" s="1" t="s">
        <v>0</v>
      </c>
    </row>
    <row r="823" spans="1:5" x14ac:dyDescent="0.25">
      <c r="A823" s="1" t="s">
        <v>156</v>
      </c>
      <c r="B823" s="1" t="s">
        <v>5188</v>
      </c>
      <c r="C823" s="1" t="s">
        <v>14462</v>
      </c>
      <c r="D823" s="2">
        <v>153651</v>
      </c>
      <c r="E823" s="1" t="s">
        <v>0</v>
      </c>
    </row>
    <row r="824" spans="1:5" x14ac:dyDescent="0.25">
      <c r="A824" s="1" t="s">
        <v>14463</v>
      </c>
      <c r="B824" s="1" t="s">
        <v>51283</v>
      </c>
      <c r="C824" s="1" t="s">
        <v>14464</v>
      </c>
      <c r="D824" s="2">
        <v>153652</v>
      </c>
      <c r="E824" s="1" t="s">
        <v>0</v>
      </c>
    </row>
    <row r="825" spans="1:5" ht="409.5" x14ac:dyDescent="0.25">
      <c r="A825" s="4" t="s">
        <v>14465</v>
      </c>
      <c r="B825" s="1" t="s">
        <v>51284</v>
      </c>
      <c r="C825" s="1" t="s">
        <v>14466</v>
      </c>
      <c r="D825" s="2">
        <v>153653</v>
      </c>
      <c r="E825" s="1" t="s">
        <v>0</v>
      </c>
    </row>
    <row r="826" spans="1:5" x14ac:dyDescent="0.25">
      <c r="A826" s="1" t="s">
        <v>14467</v>
      </c>
      <c r="B826" s="1" t="s">
        <v>5189</v>
      </c>
      <c r="C826" s="1" t="s">
        <v>14468</v>
      </c>
      <c r="D826" s="2">
        <v>153654</v>
      </c>
      <c r="E826" s="1" t="s">
        <v>0</v>
      </c>
    </row>
    <row r="827" spans="1:5" x14ac:dyDescent="0.25">
      <c r="A827" s="2">
        <v>165</v>
      </c>
      <c r="B827" s="2">
        <v>165</v>
      </c>
      <c r="C827" s="1" t="s">
        <v>0</v>
      </c>
      <c r="D827" s="2">
        <v>153655</v>
      </c>
      <c r="E827" s="1" t="s">
        <v>0</v>
      </c>
    </row>
    <row r="828" spans="1:5" x14ac:dyDescent="0.25">
      <c r="A828" s="1" t="s">
        <v>157</v>
      </c>
      <c r="B828" s="1" t="s">
        <v>51285</v>
      </c>
      <c r="C828" s="1" t="s">
        <v>14469</v>
      </c>
      <c r="D828" s="2">
        <v>153656</v>
      </c>
      <c r="E828" s="1" t="s">
        <v>0</v>
      </c>
    </row>
    <row r="829" spans="1:5" x14ac:dyDescent="0.25">
      <c r="A829" s="1" t="s">
        <v>14470</v>
      </c>
      <c r="B829" s="1" t="s">
        <v>51286</v>
      </c>
      <c r="C829" s="1" t="s">
        <v>14471</v>
      </c>
      <c r="D829" s="2">
        <v>153657</v>
      </c>
      <c r="E829" s="1" t="s">
        <v>0</v>
      </c>
    </row>
    <row r="830" spans="1:5" ht="409.5" x14ac:dyDescent="0.25">
      <c r="A830" s="4" t="s">
        <v>14472</v>
      </c>
      <c r="B830" s="1" t="s">
        <v>51287</v>
      </c>
      <c r="C830" s="1" t="s">
        <v>14473</v>
      </c>
      <c r="D830" s="2">
        <v>153658</v>
      </c>
      <c r="E830" s="1" t="s">
        <v>0</v>
      </c>
    </row>
    <row r="831" spans="1:5" x14ac:dyDescent="0.25">
      <c r="A831" s="1" t="s">
        <v>14474</v>
      </c>
      <c r="B831" s="1" t="s">
        <v>5190</v>
      </c>
      <c r="C831" s="1" t="s">
        <v>14475</v>
      </c>
      <c r="D831" s="2">
        <v>153659</v>
      </c>
      <c r="E831" s="1" t="s">
        <v>0</v>
      </c>
    </row>
    <row r="832" spans="1:5" x14ac:dyDescent="0.25">
      <c r="A832" s="2">
        <v>166</v>
      </c>
      <c r="B832" s="2">
        <v>166</v>
      </c>
      <c r="C832" s="1" t="s">
        <v>0</v>
      </c>
      <c r="D832" s="2">
        <v>153660</v>
      </c>
      <c r="E832" s="1" t="s">
        <v>0</v>
      </c>
    </row>
    <row r="833" spans="1:5" x14ac:dyDescent="0.25">
      <c r="A833" s="1" t="s">
        <v>158</v>
      </c>
      <c r="B833" s="1" t="s">
        <v>5191</v>
      </c>
      <c r="C833" s="1" t="s">
        <v>14476</v>
      </c>
      <c r="D833" s="2">
        <v>153661</v>
      </c>
      <c r="E833" s="1" t="s">
        <v>0</v>
      </c>
    </row>
    <row r="834" spans="1:5" x14ac:dyDescent="0.25">
      <c r="A834" s="1" t="s">
        <v>14477</v>
      </c>
      <c r="B834" s="1" t="s">
        <v>59723</v>
      </c>
      <c r="C834" s="1" t="s">
        <v>14478</v>
      </c>
      <c r="D834" s="2">
        <v>153662</v>
      </c>
      <c r="E834" s="1" t="s">
        <v>0</v>
      </c>
    </row>
    <row r="835" spans="1:5" ht="409.5" x14ac:dyDescent="0.25">
      <c r="A835" s="4" t="s">
        <v>14479</v>
      </c>
      <c r="B835" s="1" t="s">
        <v>59724</v>
      </c>
      <c r="C835" s="1" t="s">
        <v>14480</v>
      </c>
      <c r="D835" s="2">
        <v>153663</v>
      </c>
      <c r="E835" s="1" t="s">
        <v>0</v>
      </c>
    </row>
    <row r="836" spans="1:5" x14ac:dyDescent="0.25">
      <c r="A836" s="1" t="s">
        <v>14481</v>
      </c>
      <c r="B836" s="1" t="s">
        <v>51288</v>
      </c>
      <c r="C836" s="1" t="s">
        <v>14482</v>
      </c>
      <c r="D836" s="2">
        <v>153664</v>
      </c>
      <c r="E836" s="1" t="s">
        <v>0</v>
      </c>
    </row>
    <row r="837" spans="1:5" x14ac:dyDescent="0.25">
      <c r="A837" s="2">
        <v>167</v>
      </c>
      <c r="B837" s="2">
        <v>167</v>
      </c>
      <c r="C837" s="1" t="s">
        <v>0</v>
      </c>
      <c r="D837" s="2">
        <v>153665</v>
      </c>
      <c r="E837" s="1" t="s">
        <v>0</v>
      </c>
    </row>
    <row r="838" spans="1:5" x14ac:dyDescent="0.25">
      <c r="A838" s="1" t="s">
        <v>63937</v>
      </c>
      <c r="B838" s="1" t="s">
        <v>5192</v>
      </c>
      <c r="C838" s="1" t="s">
        <v>14483</v>
      </c>
      <c r="D838" s="2">
        <v>153666</v>
      </c>
      <c r="E838" s="1" t="s">
        <v>0</v>
      </c>
    </row>
    <row r="839" spans="1:5" x14ac:dyDescent="0.25">
      <c r="A839" s="1" t="s">
        <v>14484</v>
      </c>
      <c r="B839" s="1" t="s">
        <v>57697</v>
      </c>
      <c r="C839" s="1" t="s">
        <v>14485</v>
      </c>
      <c r="D839" s="2">
        <v>153667</v>
      </c>
      <c r="E839" s="1" t="s">
        <v>0</v>
      </c>
    </row>
    <row r="840" spans="1:5" ht="409.5" x14ac:dyDescent="0.25">
      <c r="A840" s="4" t="s">
        <v>14486</v>
      </c>
      <c r="B840" s="1" t="s">
        <v>57698</v>
      </c>
      <c r="C840" s="1" t="s">
        <v>14487</v>
      </c>
      <c r="D840" s="2">
        <v>153668</v>
      </c>
      <c r="E840" s="1" t="s">
        <v>0</v>
      </c>
    </row>
    <row r="841" spans="1:5" x14ac:dyDescent="0.25">
      <c r="A841" s="1" t="s">
        <v>14488</v>
      </c>
      <c r="B841" s="1" t="s">
        <v>57061</v>
      </c>
      <c r="C841" s="1" t="s">
        <v>14489</v>
      </c>
      <c r="D841" s="2">
        <v>153669</v>
      </c>
      <c r="E841" s="1" t="s">
        <v>0</v>
      </c>
    </row>
    <row r="842" spans="1:5" x14ac:dyDescent="0.25">
      <c r="A842" s="2">
        <v>168</v>
      </c>
      <c r="B842" s="2">
        <v>168</v>
      </c>
      <c r="C842" s="1" t="s">
        <v>0</v>
      </c>
      <c r="D842" s="2">
        <v>153670</v>
      </c>
      <c r="E842" s="1" t="s">
        <v>0</v>
      </c>
    </row>
    <row r="843" spans="1:5" x14ac:dyDescent="0.25">
      <c r="A843" s="1" t="s">
        <v>159</v>
      </c>
      <c r="B843" s="1" t="s">
        <v>5193</v>
      </c>
      <c r="C843" s="1" t="s">
        <v>14490</v>
      </c>
      <c r="D843" s="2">
        <v>153671</v>
      </c>
      <c r="E843" s="1" t="s">
        <v>0</v>
      </c>
    </row>
    <row r="844" spans="1:5" x14ac:dyDescent="0.25">
      <c r="A844" s="1" t="s">
        <v>14491</v>
      </c>
      <c r="B844" s="1" t="s">
        <v>57699</v>
      </c>
      <c r="C844" s="1" t="s">
        <v>14492</v>
      </c>
      <c r="D844" s="2">
        <v>153672</v>
      </c>
      <c r="E844" s="1" t="s">
        <v>0</v>
      </c>
    </row>
    <row r="845" spans="1:5" ht="409.5" x14ac:dyDescent="0.25">
      <c r="A845" s="4" t="s">
        <v>14493</v>
      </c>
      <c r="B845" s="1" t="s">
        <v>57700</v>
      </c>
      <c r="C845" s="1" t="s">
        <v>14494</v>
      </c>
      <c r="D845" s="2">
        <v>153673</v>
      </c>
      <c r="E845" s="1" t="s">
        <v>0</v>
      </c>
    </row>
    <row r="846" spans="1:5" x14ac:dyDescent="0.25">
      <c r="A846" s="1" t="s">
        <v>14495</v>
      </c>
      <c r="B846" s="1" t="s">
        <v>51289</v>
      </c>
      <c r="C846" s="1" t="s">
        <v>14496</v>
      </c>
      <c r="D846" s="2">
        <v>153674</v>
      </c>
      <c r="E846" s="1" t="s">
        <v>0</v>
      </c>
    </row>
    <row r="847" spans="1:5" x14ac:dyDescent="0.25">
      <c r="A847" s="2">
        <v>169</v>
      </c>
      <c r="B847" s="2">
        <v>169</v>
      </c>
      <c r="C847" s="1" t="s">
        <v>0</v>
      </c>
      <c r="D847" s="2">
        <v>153675</v>
      </c>
      <c r="E847" s="1" t="s">
        <v>0</v>
      </c>
    </row>
    <row r="848" spans="1:5" x14ac:dyDescent="0.25">
      <c r="A848" s="1" t="s">
        <v>160</v>
      </c>
      <c r="B848" s="1" t="s">
        <v>5194</v>
      </c>
      <c r="C848" s="1" t="s">
        <v>14497</v>
      </c>
      <c r="D848" s="2">
        <v>153676</v>
      </c>
      <c r="E848" s="1" t="s">
        <v>0</v>
      </c>
    </row>
    <row r="849" spans="1:5" x14ac:dyDescent="0.25">
      <c r="A849" s="1" t="s">
        <v>14498</v>
      </c>
      <c r="B849" s="1" t="s">
        <v>56674</v>
      </c>
      <c r="C849" s="1" t="s">
        <v>14499</v>
      </c>
      <c r="D849" s="2">
        <v>153677</v>
      </c>
      <c r="E849" s="1" t="s">
        <v>0</v>
      </c>
    </row>
    <row r="850" spans="1:5" ht="409.5" x14ac:dyDescent="0.25">
      <c r="A850" s="4" t="s">
        <v>14500</v>
      </c>
      <c r="B850" s="1" t="s">
        <v>56675</v>
      </c>
      <c r="C850" s="1" t="s">
        <v>14501</v>
      </c>
      <c r="D850" s="2">
        <v>153678</v>
      </c>
      <c r="E850" s="1" t="s">
        <v>0</v>
      </c>
    </row>
    <row r="851" spans="1:5" x14ac:dyDescent="0.25">
      <c r="A851" s="1" t="s">
        <v>14502</v>
      </c>
      <c r="B851" s="1" t="s">
        <v>5195</v>
      </c>
      <c r="C851" s="1" t="s">
        <v>14503</v>
      </c>
      <c r="D851" s="2">
        <v>153679</v>
      </c>
      <c r="E851" s="1" t="s">
        <v>0</v>
      </c>
    </row>
    <row r="852" spans="1:5" x14ac:dyDescent="0.25">
      <c r="A852" s="2">
        <v>170</v>
      </c>
      <c r="B852" s="2">
        <v>170</v>
      </c>
      <c r="C852" s="1" t="s">
        <v>0</v>
      </c>
      <c r="D852" s="2">
        <v>153680</v>
      </c>
      <c r="E852" s="1" t="s">
        <v>0</v>
      </c>
    </row>
    <row r="853" spans="1:5" x14ac:dyDescent="0.25">
      <c r="A853" s="1" t="s">
        <v>161</v>
      </c>
      <c r="B853" s="1" t="s">
        <v>5196</v>
      </c>
      <c r="C853" s="1" t="s">
        <v>14504</v>
      </c>
      <c r="D853" s="2">
        <v>153681</v>
      </c>
      <c r="E853" s="1" t="s">
        <v>0</v>
      </c>
    </row>
    <row r="854" spans="1:5" x14ac:dyDescent="0.25">
      <c r="A854" s="1" t="s">
        <v>14505</v>
      </c>
      <c r="B854" s="1" t="s">
        <v>60688</v>
      </c>
      <c r="C854" s="1" t="s">
        <v>14506</v>
      </c>
      <c r="D854" s="2">
        <v>153682</v>
      </c>
      <c r="E854" s="1" t="s">
        <v>0</v>
      </c>
    </row>
    <row r="855" spans="1:5" ht="409.5" x14ac:dyDescent="0.25">
      <c r="A855" s="4" t="s">
        <v>14507</v>
      </c>
      <c r="B855" s="1" t="s">
        <v>63173</v>
      </c>
      <c r="C855" s="1" t="s">
        <v>14508</v>
      </c>
      <c r="D855" s="2">
        <v>153683</v>
      </c>
      <c r="E855" s="1" t="s">
        <v>0</v>
      </c>
    </row>
    <row r="856" spans="1:5" x14ac:dyDescent="0.25">
      <c r="A856" s="1" t="s">
        <v>14509</v>
      </c>
      <c r="B856" s="1" t="s">
        <v>51290</v>
      </c>
      <c r="C856" s="1" t="s">
        <v>14510</v>
      </c>
      <c r="D856" s="2">
        <v>153684</v>
      </c>
      <c r="E856" s="1" t="s">
        <v>0</v>
      </c>
    </row>
    <row r="857" spans="1:5" x14ac:dyDescent="0.25">
      <c r="A857" s="2">
        <v>171</v>
      </c>
      <c r="B857" s="2">
        <v>171</v>
      </c>
      <c r="C857" s="1" t="s">
        <v>0</v>
      </c>
      <c r="D857" s="2">
        <v>153685</v>
      </c>
      <c r="E857" s="1" t="s">
        <v>0</v>
      </c>
    </row>
    <row r="858" spans="1:5" x14ac:dyDescent="0.25">
      <c r="A858" s="1" t="s">
        <v>162</v>
      </c>
      <c r="B858" s="1" t="s">
        <v>59725</v>
      </c>
      <c r="C858" s="1" t="s">
        <v>14511</v>
      </c>
      <c r="D858" s="2">
        <v>153686</v>
      </c>
      <c r="E858" s="1" t="s">
        <v>0</v>
      </c>
    </row>
    <row r="859" spans="1:5" x14ac:dyDescent="0.25">
      <c r="A859" s="1" t="s">
        <v>14512</v>
      </c>
      <c r="B859" s="1" t="s">
        <v>59726</v>
      </c>
      <c r="C859" s="1" t="s">
        <v>14513</v>
      </c>
      <c r="D859" s="2">
        <v>153687</v>
      </c>
      <c r="E859" s="1" t="s">
        <v>0</v>
      </c>
    </row>
    <row r="860" spans="1:5" ht="409.5" x14ac:dyDescent="0.25">
      <c r="A860" s="4" t="s">
        <v>14514</v>
      </c>
      <c r="B860" s="1" t="s">
        <v>61961</v>
      </c>
      <c r="C860" s="1" t="s">
        <v>14515</v>
      </c>
      <c r="D860" s="2">
        <v>153688</v>
      </c>
      <c r="E860" s="1" t="s">
        <v>0</v>
      </c>
    </row>
    <row r="861" spans="1:5" x14ac:dyDescent="0.25">
      <c r="A861" s="1" t="s">
        <v>14516</v>
      </c>
      <c r="B861" s="1" t="s">
        <v>51291</v>
      </c>
      <c r="C861" s="1" t="s">
        <v>14517</v>
      </c>
      <c r="D861" s="2">
        <v>153689</v>
      </c>
      <c r="E861" s="1" t="s">
        <v>0</v>
      </c>
    </row>
    <row r="862" spans="1:5" x14ac:dyDescent="0.25">
      <c r="A862" s="2">
        <v>172</v>
      </c>
      <c r="B862" s="2">
        <v>172</v>
      </c>
      <c r="C862" s="1" t="s">
        <v>0</v>
      </c>
      <c r="D862" s="2">
        <v>153690</v>
      </c>
      <c r="E862" s="1" t="s">
        <v>0</v>
      </c>
    </row>
    <row r="863" spans="1:5" x14ac:dyDescent="0.25">
      <c r="A863" s="1" t="s">
        <v>163</v>
      </c>
      <c r="B863" s="1" t="s">
        <v>5197</v>
      </c>
      <c r="C863" s="1" t="s">
        <v>14518</v>
      </c>
      <c r="D863" s="2">
        <v>153691</v>
      </c>
      <c r="E863" s="1" t="s">
        <v>0</v>
      </c>
    </row>
    <row r="864" spans="1:5" x14ac:dyDescent="0.25">
      <c r="A864" s="1" t="s">
        <v>14519</v>
      </c>
      <c r="B864" s="1" t="s">
        <v>61962</v>
      </c>
      <c r="C864" s="1" t="s">
        <v>14520</v>
      </c>
      <c r="D864" s="2">
        <v>153692</v>
      </c>
      <c r="E864" s="1" t="s">
        <v>0</v>
      </c>
    </row>
    <row r="865" spans="1:5" ht="409.5" x14ac:dyDescent="0.25">
      <c r="A865" s="4" t="s">
        <v>14521</v>
      </c>
      <c r="B865" s="1" t="s">
        <v>61963</v>
      </c>
      <c r="C865" s="1" t="s">
        <v>14522</v>
      </c>
      <c r="D865" s="2">
        <v>153693</v>
      </c>
      <c r="E865" s="1" t="s">
        <v>0</v>
      </c>
    </row>
    <row r="866" spans="1:5" x14ac:dyDescent="0.25">
      <c r="A866" s="1" t="s">
        <v>14523</v>
      </c>
      <c r="B866" s="1" t="s">
        <v>51292</v>
      </c>
      <c r="C866" s="1" t="s">
        <v>14524</v>
      </c>
      <c r="D866" s="2">
        <v>153694</v>
      </c>
      <c r="E866" s="1" t="s">
        <v>0</v>
      </c>
    </row>
    <row r="867" spans="1:5" x14ac:dyDescent="0.25">
      <c r="A867" s="2">
        <v>173</v>
      </c>
      <c r="B867" s="2">
        <v>173</v>
      </c>
      <c r="C867" s="1" t="s">
        <v>0</v>
      </c>
      <c r="D867" s="2">
        <v>153695</v>
      </c>
      <c r="E867" s="1" t="s">
        <v>0</v>
      </c>
    </row>
    <row r="868" spans="1:5" x14ac:dyDescent="0.25">
      <c r="A868" s="1" t="s">
        <v>164</v>
      </c>
      <c r="B868" s="1" t="s">
        <v>5198</v>
      </c>
      <c r="C868" s="1" t="s">
        <v>14525</v>
      </c>
      <c r="D868" s="2">
        <v>153696</v>
      </c>
      <c r="E868" s="1" t="s">
        <v>0</v>
      </c>
    </row>
    <row r="869" spans="1:5" x14ac:dyDescent="0.25">
      <c r="A869" s="1" t="s">
        <v>14526</v>
      </c>
      <c r="B869" s="1" t="s">
        <v>5199</v>
      </c>
      <c r="C869" s="1" t="s">
        <v>14527</v>
      </c>
      <c r="D869" s="2">
        <v>153697</v>
      </c>
      <c r="E869" s="1" t="s">
        <v>0</v>
      </c>
    </row>
    <row r="870" spans="1:5" ht="409.5" x14ac:dyDescent="0.25">
      <c r="A870" s="4" t="s">
        <v>14528</v>
      </c>
      <c r="B870" s="1" t="s">
        <v>5200</v>
      </c>
      <c r="C870" s="1" t="s">
        <v>14529</v>
      </c>
      <c r="D870" s="2">
        <v>153698</v>
      </c>
      <c r="E870" s="1" t="s">
        <v>0</v>
      </c>
    </row>
    <row r="871" spans="1:5" x14ac:dyDescent="0.25">
      <c r="A871" s="1" t="s">
        <v>14530</v>
      </c>
      <c r="B871" s="1" t="s">
        <v>51293</v>
      </c>
      <c r="C871" s="1" t="s">
        <v>14531</v>
      </c>
      <c r="D871" s="2">
        <v>153699</v>
      </c>
      <c r="E871" s="1" t="s">
        <v>0</v>
      </c>
    </row>
    <row r="872" spans="1:5" x14ac:dyDescent="0.25">
      <c r="A872" s="2">
        <v>174</v>
      </c>
      <c r="B872" s="2">
        <v>174</v>
      </c>
      <c r="C872" s="1" t="s">
        <v>0</v>
      </c>
      <c r="D872" s="2">
        <v>153700</v>
      </c>
      <c r="E872" s="1" t="s">
        <v>0</v>
      </c>
    </row>
    <row r="873" spans="1:5" x14ac:dyDescent="0.25">
      <c r="A873" s="1" t="s">
        <v>165</v>
      </c>
      <c r="B873" s="1" t="s">
        <v>5201</v>
      </c>
      <c r="C873" s="1" t="s">
        <v>14532</v>
      </c>
      <c r="D873" s="2">
        <v>153701</v>
      </c>
      <c r="E873" s="1" t="s">
        <v>0</v>
      </c>
    </row>
    <row r="874" spans="1:5" x14ac:dyDescent="0.25">
      <c r="A874" s="1" t="s">
        <v>14533</v>
      </c>
      <c r="B874" s="1" t="s">
        <v>5202</v>
      </c>
      <c r="C874" s="1" t="s">
        <v>14534</v>
      </c>
      <c r="D874" s="2">
        <v>153702</v>
      </c>
      <c r="E874" s="1" t="s">
        <v>0</v>
      </c>
    </row>
    <row r="875" spans="1:5" ht="409.5" x14ac:dyDescent="0.25">
      <c r="A875" s="4" t="s">
        <v>14535</v>
      </c>
      <c r="B875" s="1" t="s">
        <v>59727</v>
      </c>
      <c r="C875" s="1" t="s">
        <v>14536</v>
      </c>
      <c r="D875" s="2">
        <v>153703</v>
      </c>
      <c r="E875" s="1" t="s">
        <v>0</v>
      </c>
    </row>
    <row r="876" spans="1:5" x14ac:dyDescent="0.25">
      <c r="A876" s="1" t="s">
        <v>14537</v>
      </c>
      <c r="B876" s="1" t="s">
        <v>51294</v>
      </c>
      <c r="C876" s="1" t="s">
        <v>14538</v>
      </c>
      <c r="D876" s="2">
        <v>153704</v>
      </c>
      <c r="E876" s="1" t="s">
        <v>0</v>
      </c>
    </row>
    <row r="877" spans="1:5" x14ac:dyDescent="0.25">
      <c r="A877" s="2">
        <v>175</v>
      </c>
      <c r="B877" s="2">
        <v>175</v>
      </c>
      <c r="C877" s="1" t="s">
        <v>0</v>
      </c>
      <c r="D877" s="2">
        <v>153705</v>
      </c>
      <c r="E877" s="1" t="s">
        <v>0</v>
      </c>
    </row>
    <row r="878" spans="1:5" x14ac:dyDescent="0.25">
      <c r="A878" s="1" t="s">
        <v>166</v>
      </c>
      <c r="B878" s="1" t="s">
        <v>5203</v>
      </c>
      <c r="C878" s="1" t="s">
        <v>14539</v>
      </c>
      <c r="D878" s="2">
        <v>153706</v>
      </c>
      <c r="E878" s="1" t="s">
        <v>0</v>
      </c>
    </row>
    <row r="879" spans="1:5" x14ac:dyDescent="0.25">
      <c r="A879" s="1" t="s">
        <v>14540</v>
      </c>
      <c r="B879" s="1" t="s">
        <v>51295</v>
      </c>
      <c r="C879" s="1" t="s">
        <v>14541</v>
      </c>
      <c r="D879" s="2">
        <v>153707</v>
      </c>
      <c r="E879" s="1" t="s">
        <v>0</v>
      </c>
    </row>
    <row r="880" spans="1:5" ht="409.5" x14ac:dyDescent="0.25">
      <c r="A880" s="4" t="s">
        <v>14542</v>
      </c>
      <c r="B880" s="1" t="s">
        <v>51296</v>
      </c>
      <c r="C880" s="1" t="s">
        <v>14543</v>
      </c>
      <c r="D880" s="2">
        <v>153708</v>
      </c>
      <c r="E880" s="1" t="s">
        <v>0</v>
      </c>
    </row>
    <row r="881" spans="1:5" x14ac:dyDescent="0.25">
      <c r="A881" s="1" t="s">
        <v>14544</v>
      </c>
      <c r="B881" s="1" t="s">
        <v>51297</v>
      </c>
      <c r="C881" s="1" t="s">
        <v>14545</v>
      </c>
      <c r="D881" s="2">
        <v>153709</v>
      </c>
      <c r="E881" s="1" t="s">
        <v>0</v>
      </c>
    </row>
    <row r="882" spans="1:5" x14ac:dyDescent="0.25">
      <c r="A882" s="2">
        <v>176</v>
      </c>
      <c r="B882" s="2">
        <v>176</v>
      </c>
      <c r="C882" s="1" t="s">
        <v>0</v>
      </c>
      <c r="D882" s="2">
        <v>153710</v>
      </c>
      <c r="E882" s="1" t="s">
        <v>0</v>
      </c>
    </row>
    <row r="883" spans="1:5" x14ac:dyDescent="0.25">
      <c r="A883" s="1" t="s">
        <v>167</v>
      </c>
      <c r="B883" s="1" t="s">
        <v>59728</v>
      </c>
      <c r="C883" s="1" t="s">
        <v>14546</v>
      </c>
      <c r="D883" s="2">
        <v>153711</v>
      </c>
      <c r="E883" s="1" t="s">
        <v>0</v>
      </c>
    </row>
    <row r="884" spans="1:5" x14ac:dyDescent="0.25">
      <c r="A884" s="1" t="s">
        <v>14547</v>
      </c>
      <c r="B884" s="1" t="s">
        <v>61964</v>
      </c>
      <c r="C884" s="1" t="s">
        <v>14548</v>
      </c>
      <c r="D884" s="2">
        <v>153712</v>
      </c>
      <c r="E884" s="1" t="s">
        <v>0</v>
      </c>
    </row>
    <row r="885" spans="1:5" ht="409.5" x14ac:dyDescent="0.25">
      <c r="A885" s="4" t="s">
        <v>14549</v>
      </c>
      <c r="B885" s="1" t="s">
        <v>61965</v>
      </c>
      <c r="C885" s="1" t="s">
        <v>14550</v>
      </c>
      <c r="D885" s="2">
        <v>153713</v>
      </c>
      <c r="E885" s="1" t="s">
        <v>0</v>
      </c>
    </row>
    <row r="886" spans="1:5" x14ac:dyDescent="0.25">
      <c r="A886" s="1" t="s">
        <v>14551</v>
      </c>
      <c r="B886" s="1" t="s">
        <v>51298</v>
      </c>
      <c r="C886" s="1" t="s">
        <v>14552</v>
      </c>
      <c r="D886" s="2">
        <v>153714</v>
      </c>
      <c r="E886" s="1" t="s">
        <v>0</v>
      </c>
    </row>
    <row r="887" spans="1:5" x14ac:dyDescent="0.25">
      <c r="A887" s="2">
        <v>177</v>
      </c>
      <c r="B887" s="2">
        <v>177</v>
      </c>
      <c r="C887" s="1" t="s">
        <v>0</v>
      </c>
      <c r="D887" s="2">
        <v>153715</v>
      </c>
      <c r="E887" s="1" t="s">
        <v>0</v>
      </c>
    </row>
    <row r="888" spans="1:5" x14ac:dyDescent="0.25">
      <c r="A888" s="1" t="s">
        <v>14553</v>
      </c>
      <c r="B888" s="1" t="s">
        <v>51299</v>
      </c>
      <c r="C888" s="1" t="s">
        <v>14554</v>
      </c>
      <c r="D888" s="2">
        <v>153716</v>
      </c>
      <c r="E888" s="1" t="s">
        <v>0</v>
      </c>
    </row>
    <row r="889" spans="1:5" x14ac:dyDescent="0.25">
      <c r="A889" s="1" t="s">
        <v>14555</v>
      </c>
      <c r="B889" s="1" t="s">
        <v>51300</v>
      </c>
      <c r="C889" s="1" t="s">
        <v>14556</v>
      </c>
      <c r="D889" s="2">
        <v>153717</v>
      </c>
      <c r="E889" s="1" t="s">
        <v>0</v>
      </c>
    </row>
    <row r="890" spans="1:5" ht="409.5" x14ac:dyDescent="0.25">
      <c r="A890" s="4" t="s">
        <v>63938</v>
      </c>
      <c r="B890" s="1" t="s">
        <v>60868</v>
      </c>
      <c r="C890" s="1" t="s">
        <v>14557</v>
      </c>
      <c r="D890" s="2">
        <v>153718</v>
      </c>
      <c r="E890" s="1" t="s">
        <v>0</v>
      </c>
    </row>
    <row r="891" spans="1:5" x14ac:dyDescent="0.25">
      <c r="A891" s="1" t="s">
        <v>14558</v>
      </c>
      <c r="B891" s="1" t="s">
        <v>51301</v>
      </c>
      <c r="C891" s="1" t="s">
        <v>14559</v>
      </c>
      <c r="D891" s="2">
        <v>153719</v>
      </c>
      <c r="E891" s="1" t="s">
        <v>0</v>
      </c>
    </row>
    <row r="892" spans="1:5" x14ac:dyDescent="0.25">
      <c r="A892" s="2">
        <v>178</v>
      </c>
      <c r="B892" s="2">
        <v>178</v>
      </c>
      <c r="C892" s="1" t="s">
        <v>0</v>
      </c>
      <c r="D892" s="2">
        <v>153720</v>
      </c>
      <c r="E892" s="1" t="s">
        <v>0</v>
      </c>
    </row>
    <row r="893" spans="1:5" x14ac:dyDescent="0.25">
      <c r="A893" s="1" t="s">
        <v>168</v>
      </c>
      <c r="B893" s="1" t="s">
        <v>5204</v>
      </c>
      <c r="C893" s="1" t="s">
        <v>14560</v>
      </c>
      <c r="D893" s="2">
        <v>153721</v>
      </c>
      <c r="E893" s="1" t="s">
        <v>0</v>
      </c>
    </row>
    <row r="894" spans="1:5" x14ac:dyDescent="0.25">
      <c r="A894" s="1" t="s">
        <v>14561</v>
      </c>
      <c r="B894" s="1" t="s">
        <v>5205</v>
      </c>
      <c r="C894" s="1" t="s">
        <v>14562</v>
      </c>
      <c r="D894" s="2">
        <v>153722</v>
      </c>
      <c r="E894" s="1" t="s">
        <v>0</v>
      </c>
    </row>
    <row r="895" spans="1:5" ht="409.5" x14ac:dyDescent="0.25">
      <c r="A895" s="4" t="s">
        <v>14563</v>
      </c>
      <c r="B895" s="1" t="s">
        <v>5206</v>
      </c>
      <c r="C895" s="1" t="s">
        <v>14564</v>
      </c>
      <c r="D895" s="2">
        <v>153723</v>
      </c>
      <c r="E895" s="1" t="s">
        <v>0</v>
      </c>
    </row>
    <row r="896" spans="1:5" x14ac:dyDescent="0.25">
      <c r="A896" s="1" t="s">
        <v>14565</v>
      </c>
      <c r="B896" s="1" t="s">
        <v>51302</v>
      </c>
      <c r="C896" s="1" t="s">
        <v>14566</v>
      </c>
      <c r="D896" s="2">
        <v>153724</v>
      </c>
      <c r="E896" s="1" t="s">
        <v>0</v>
      </c>
    </row>
    <row r="897" spans="1:5" x14ac:dyDescent="0.25">
      <c r="A897" s="2">
        <v>179</v>
      </c>
      <c r="B897" s="2">
        <v>179</v>
      </c>
      <c r="C897" s="1" t="s">
        <v>0</v>
      </c>
      <c r="D897" s="2">
        <v>153725</v>
      </c>
      <c r="E897" s="1" t="s">
        <v>0</v>
      </c>
    </row>
    <row r="898" spans="1:5" x14ac:dyDescent="0.25">
      <c r="A898" s="1" t="s">
        <v>169</v>
      </c>
      <c r="B898" s="1" t="s">
        <v>5207</v>
      </c>
      <c r="C898" s="1" t="s">
        <v>14567</v>
      </c>
      <c r="D898" s="2">
        <v>153726</v>
      </c>
      <c r="E898" s="1" t="s">
        <v>0</v>
      </c>
    </row>
    <row r="899" spans="1:5" x14ac:dyDescent="0.25">
      <c r="A899" s="1" t="s">
        <v>14568</v>
      </c>
      <c r="B899" s="1" t="s">
        <v>12967</v>
      </c>
      <c r="C899" s="1" t="s">
        <v>14569</v>
      </c>
      <c r="D899" s="2">
        <v>153727</v>
      </c>
      <c r="E899" s="1" t="s">
        <v>0</v>
      </c>
    </row>
    <row r="900" spans="1:5" ht="409.5" x14ac:dyDescent="0.25">
      <c r="A900" s="4" t="s">
        <v>14570</v>
      </c>
      <c r="B900" s="1" t="s">
        <v>12968</v>
      </c>
      <c r="C900" s="1" t="s">
        <v>14571</v>
      </c>
      <c r="D900" s="2">
        <v>153728</v>
      </c>
      <c r="E900" s="1" t="s">
        <v>0</v>
      </c>
    </row>
    <row r="901" spans="1:5" x14ac:dyDescent="0.25">
      <c r="A901" s="1" t="s">
        <v>14572</v>
      </c>
      <c r="B901" s="1" t="s">
        <v>60869</v>
      </c>
      <c r="C901" s="1" t="s">
        <v>14573</v>
      </c>
      <c r="D901" s="2">
        <v>153729</v>
      </c>
      <c r="E901" s="1" t="s">
        <v>0</v>
      </c>
    </row>
    <row r="902" spans="1:5" x14ac:dyDescent="0.25">
      <c r="A902" s="2">
        <v>180</v>
      </c>
      <c r="B902" s="2">
        <v>180</v>
      </c>
      <c r="C902" s="1" t="s">
        <v>0</v>
      </c>
      <c r="D902" s="2">
        <v>153730</v>
      </c>
      <c r="E902" s="1" t="s">
        <v>0</v>
      </c>
    </row>
    <row r="903" spans="1:5" x14ac:dyDescent="0.25">
      <c r="A903" s="1" t="s">
        <v>170</v>
      </c>
      <c r="B903" s="1" t="s">
        <v>5208</v>
      </c>
      <c r="C903" s="1" t="s">
        <v>14574</v>
      </c>
      <c r="D903" s="2">
        <v>153731</v>
      </c>
      <c r="E903" s="1" t="s">
        <v>0</v>
      </c>
    </row>
    <row r="904" spans="1:5" x14ac:dyDescent="0.25">
      <c r="A904" s="1" t="s">
        <v>14575</v>
      </c>
      <c r="B904" s="1" t="s">
        <v>51303</v>
      </c>
      <c r="C904" s="1" t="s">
        <v>14576</v>
      </c>
      <c r="D904" s="2">
        <v>153732</v>
      </c>
      <c r="E904" s="1" t="s">
        <v>0</v>
      </c>
    </row>
    <row r="905" spans="1:5" ht="409.5" x14ac:dyDescent="0.25">
      <c r="A905" s="4" t="s">
        <v>14577</v>
      </c>
      <c r="B905" s="1" t="s">
        <v>51304</v>
      </c>
      <c r="C905" s="1" t="s">
        <v>14578</v>
      </c>
      <c r="D905" s="2">
        <v>153733</v>
      </c>
      <c r="E905" s="1" t="s">
        <v>0</v>
      </c>
    </row>
    <row r="906" spans="1:5" x14ac:dyDescent="0.25">
      <c r="A906" s="1" t="s">
        <v>14579</v>
      </c>
      <c r="B906" s="1" t="s">
        <v>5209</v>
      </c>
      <c r="C906" s="1" t="s">
        <v>14580</v>
      </c>
      <c r="D906" s="2">
        <v>153734</v>
      </c>
      <c r="E906" s="1" t="s">
        <v>0</v>
      </c>
    </row>
    <row r="907" spans="1:5" x14ac:dyDescent="0.25">
      <c r="A907" s="2">
        <v>181</v>
      </c>
      <c r="B907" s="2">
        <v>181</v>
      </c>
      <c r="C907" s="1" t="s">
        <v>0</v>
      </c>
      <c r="D907" s="2">
        <v>153735</v>
      </c>
      <c r="E907" s="1" t="s">
        <v>0</v>
      </c>
    </row>
    <row r="908" spans="1:5" x14ac:dyDescent="0.25">
      <c r="A908" s="1" t="s">
        <v>171</v>
      </c>
      <c r="B908" s="1" t="s">
        <v>5210</v>
      </c>
      <c r="C908" s="1" t="s">
        <v>14581</v>
      </c>
      <c r="D908" s="2">
        <v>153736</v>
      </c>
      <c r="E908" s="1" t="s">
        <v>0</v>
      </c>
    </row>
    <row r="909" spans="1:5" x14ac:dyDescent="0.25">
      <c r="A909" s="1" t="s">
        <v>14582</v>
      </c>
      <c r="B909" s="1" t="s">
        <v>61966</v>
      </c>
      <c r="C909" s="1" t="s">
        <v>14583</v>
      </c>
      <c r="D909" s="2">
        <v>153737</v>
      </c>
      <c r="E909" s="1" t="s">
        <v>0</v>
      </c>
    </row>
    <row r="910" spans="1:5" ht="409.5" x14ac:dyDescent="0.25">
      <c r="A910" s="4" t="s">
        <v>14584</v>
      </c>
      <c r="B910" s="1" t="s">
        <v>61967</v>
      </c>
      <c r="C910" s="1" t="s">
        <v>14585</v>
      </c>
      <c r="D910" s="2">
        <v>153738</v>
      </c>
      <c r="E910" s="1" t="s">
        <v>0</v>
      </c>
    </row>
    <row r="911" spans="1:5" x14ac:dyDescent="0.25">
      <c r="A911" s="1" t="s">
        <v>14586</v>
      </c>
      <c r="B911" s="1" t="s">
        <v>51305</v>
      </c>
      <c r="C911" s="1" t="s">
        <v>14587</v>
      </c>
      <c r="D911" s="2">
        <v>153739</v>
      </c>
      <c r="E911" s="1" t="s">
        <v>0</v>
      </c>
    </row>
    <row r="912" spans="1:5" x14ac:dyDescent="0.25">
      <c r="A912" s="2">
        <v>182</v>
      </c>
      <c r="B912" s="2">
        <v>182</v>
      </c>
      <c r="C912" s="1" t="s">
        <v>0</v>
      </c>
      <c r="D912" s="2">
        <v>153740</v>
      </c>
      <c r="E912" s="1" t="s">
        <v>0</v>
      </c>
    </row>
    <row r="913" spans="1:5" x14ac:dyDescent="0.25">
      <c r="A913" s="1" t="s">
        <v>172</v>
      </c>
      <c r="B913" s="1" t="s">
        <v>50358</v>
      </c>
      <c r="C913" s="1" t="s">
        <v>14588</v>
      </c>
      <c r="D913" s="2">
        <v>153741</v>
      </c>
      <c r="E913" s="1" t="s">
        <v>0</v>
      </c>
    </row>
    <row r="914" spans="1:5" x14ac:dyDescent="0.25">
      <c r="A914" s="1" t="s">
        <v>14589</v>
      </c>
      <c r="B914" s="1" t="s">
        <v>59729</v>
      </c>
      <c r="C914" s="1" t="s">
        <v>14590</v>
      </c>
      <c r="D914" s="2">
        <v>153742</v>
      </c>
      <c r="E914" s="1" t="s">
        <v>0</v>
      </c>
    </row>
    <row r="915" spans="1:5" ht="409.5" x14ac:dyDescent="0.25">
      <c r="A915" s="4" t="s">
        <v>14591</v>
      </c>
      <c r="B915" s="1" t="s">
        <v>59730</v>
      </c>
      <c r="C915" s="1" t="s">
        <v>14592</v>
      </c>
      <c r="D915" s="2">
        <v>153743</v>
      </c>
      <c r="E915" s="1" t="s">
        <v>0</v>
      </c>
    </row>
    <row r="916" spans="1:5" x14ac:dyDescent="0.25">
      <c r="A916" s="1" t="s">
        <v>14593</v>
      </c>
      <c r="B916" s="1" t="s">
        <v>51306</v>
      </c>
      <c r="C916" s="1" t="s">
        <v>14594</v>
      </c>
      <c r="D916" s="2">
        <v>153744</v>
      </c>
      <c r="E916" s="1" t="s">
        <v>0</v>
      </c>
    </row>
    <row r="917" spans="1:5" x14ac:dyDescent="0.25">
      <c r="A917" s="2">
        <v>183</v>
      </c>
      <c r="B917" s="2">
        <v>183</v>
      </c>
      <c r="C917" s="1" t="s">
        <v>0</v>
      </c>
      <c r="D917" s="2">
        <v>153745</v>
      </c>
      <c r="E917" s="1" t="s">
        <v>0</v>
      </c>
    </row>
    <row r="918" spans="1:5" x14ac:dyDescent="0.25">
      <c r="A918" s="1" t="s">
        <v>173</v>
      </c>
      <c r="B918" s="1" t="s">
        <v>5211</v>
      </c>
      <c r="C918" s="1" t="s">
        <v>14595</v>
      </c>
      <c r="D918" s="2">
        <v>153746</v>
      </c>
      <c r="E918" s="1" t="s">
        <v>0</v>
      </c>
    </row>
    <row r="919" spans="1:5" x14ac:dyDescent="0.25">
      <c r="A919" s="1" t="s">
        <v>14596</v>
      </c>
      <c r="B919" s="1" t="s">
        <v>59731</v>
      </c>
      <c r="C919" s="1" t="s">
        <v>14597</v>
      </c>
      <c r="D919" s="2">
        <v>153747</v>
      </c>
      <c r="E919" s="1" t="s">
        <v>0</v>
      </c>
    </row>
    <row r="920" spans="1:5" ht="409.5" x14ac:dyDescent="0.25">
      <c r="A920" s="4" t="s">
        <v>14598</v>
      </c>
      <c r="B920" s="1" t="s">
        <v>61968</v>
      </c>
      <c r="C920" s="1" t="s">
        <v>14599</v>
      </c>
      <c r="D920" s="2">
        <v>153748</v>
      </c>
      <c r="E920" s="1" t="s">
        <v>0</v>
      </c>
    </row>
    <row r="921" spans="1:5" x14ac:dyDescent="0.25">
      <c r="A921" s="1" t="s">
        <v>14600</v>
      </c>
      <c r="B921" s="1" t="s">
        <v>5212</v>
      </c>
      <c r="C921" s="1" t="s">
        <v>14601</v>
      </c>
      <c r="D921" s="2">
        <v>153749</v>
      </c>
      <c r="E921" s="1" t="s">
        <v>0</v>
      </c>
    </row>
    <row r="922" spans="1:5" x14ac:dyDescent="0.25">
      <c r="A922" s="2">
        <v>184</v>
      </c>
      <c r="B922" s="2">
        <v>184</v>
      </c>
      <c r="C922" s="1" t="s">
        <v>0</v>
      </c>
      <c r="D922" s="2">
        <v>153750</v>
      </c>
      <c r="E922" s="1" t="s">
        <v>0</v>
      </c>
    </row>
    <row r="923" spans="1:5" x14ac:dyDescent="0.25">
      <c r="A923" s="1" t="s">
        <v>174</v>
      </c>
      <c r="B923" s="1" t="s">
        <v>5213</v>
      </c>
      <c r="C923" s="1" t="s">
        <v>14602</v>
      </c>
      <c r="D923" s="2">
        <v>153751</v>
      </c>
      <c r="E923" s="1" t="s">
        <v>0</v>
      </c>
    </row>
    <row r="924" spans="1:5" x14ac:dyDescent="0.25">
      <c r="A924" s="1" t="s">
        <v>14603</v>
      </c>
      <c r="B924" s="1" t="s">
        <v>59732</v>
      </c>
      <c r="C924" s="1" t="s">
        <v>14604</v>
      </c>
      <c r="D924" s="2">
        <v>153752</v>
      </c>
      <c r="E924" s="1" t="s">
        <v>0</v>
      </c>
    </row>
    <row r="925" spans="1:5" ht="409.5" x14ac:dyDescent="0.25">
      <c r="A925" s="4" t="s">
        <v>14605</v>
      </c>
      <c r="B925" s="1" t="s">
        <v>59733</v>
      </c>
      <c r="C925" s="1" t="s">
        <v>14606</v>
      </c>
      <c r="D925" s="2">
        <v>153753</v>
      </c>
      <c r="E925" s="1" t="s">
        <v>0</v>
      </c>
    </row>
    <row r="926" spans="1:5" x14ac:dyDescent="0.25">
      <c r="A926" s="1" t="s">
        <v>14607</v>
      </c>
      <c r="B926" s="1" t="s">
        <v>51307</v>
      </c>
      <c r="C926" s="1" t="s">
        <v>14608</v>
      </c>
      <c r="D926" s="2">
        <v>153754</v>
      </c>
      <c r="E926" s="1" t="s">
        <v>0</v>
      </c>
    </row>
    <row r="927" spans="1:5" x14ac:dyDescent="0.25">
      <c r="A927" s="2">
        <v>185</v>
      </c>
      <c r="B927" s="2">
        <v>185</v>
      </c>
      <c r="C927" s="1" t="s">
        <v>0</v>
      </c>
      <c r="D927" s="2">
        <v>153755</v>
      </c>
      <c r="E927" s="1" t="s">
        <v>0</v>
      </c>
    </row>
    <row r="928" spans="1:5" x14ac:dyDescent="0.25">
      <c r="A928" s="1" t="s">
        <v>175</v>
      </c>
      <c r="B928" s="1" t="s">
        <v>5214</v>
      </c>
      <c r="C928" s="1" t="s">
        <v>14609</v>
      </c>
      <c r="D928" s="2">
        <v>153756</v>
      </c>
      <c r="E928" s="1" t="s">
        <v>0</v>
      </c>
    </row>
    <row r="929" spans="1:5" x14ac:dyDescent="0.25">
      <c r="A929" s="1" t="s">
        <v>14610</v>
      </c>
      <c r="B929" s="1" t="s">
        <v>5215</v>
      </c>
      <c r="C929" s="1" t="s">
        <v>14611</v>
      </c>
      <c r="D929" s="2">
        <v>153757</v>
      </c>
      <c r="E929" s="1" t="s">
        <v>0</v>
      </c>
    </row>
    <row r="930" spans="1:5" ht="409.5" x14ac:dyDescent="0.25">
      <c r="A930" s="4" t="s">
        <v>14612</v>
      </c>
      <c r="B930" s="1" t="s">
        <v>51308</v>
      </c>
      <c r="C930" s="1" t="s">
        <v>14613</v>
      </c>
      <c r="D930" s="2">
        <v>153758</v>
      </c>
      <c r="E930" s="1" t="s">
        <v>0</v>
      </c>
    </row>
    <row r="931" spans="1:5" x14ac:dyDescent="0.25">
      <c r="A931" s="1" t="s">
        <v>14614</v>
      </c>
      <c r="B931" s="1" t="s">
        <v>57108</v>
      </c>
      <c r="C931" s="1" t="s">
        <v>14615</v>
      </c>
      <c r="D931" s="2">
        <v>153759</v>
      </c>
      <c r="E931" s="1" t="s">
        <v>0</v>
      </c>
    </row>
    <row r="932" spans="1:5" x14ac:dyDescent="0.25">
      <c r="A932" s="2">
        <v>186</v>
      </c>
      <c r="B932" s="2">
        <v>186</v>
      </c>
      <c r="C932" s="1" t="s">
        <v>0</v>
      </c>
      <c r="D932" s="2">
        <v>153760</v>
      </c>
      <c r="E932" s="1" t="s">
        <v>0</v>
      </c>
    </row>
    <row r="933" spans="1:5" x14ac:dyDescent="0.25">
      <c r="A933" s="1" t="s">
        <v>176</v>
      </c>
      <c r="B933" s="1" t="s">
        <v>5216</v>
      </c>
      <c r="C933" s="1" t="s">
        <v>14616</v>
      </c>
      <c r="D933" s="2">
        <v>153761</v>
      </c>
      <c r="E933" s="1" t="s">
        <v>0</v>
      </c>
    </row>
    <row r="934" spans="1:5" x14ac:dyDescent="0.25">
      <c r="A934" s="1" t="s">
        <v>14617</v>
      </c>
      <c r="B934" s="1" t="s">
        <v>51309</v>
      </c>
      <c r="C934" s="1" t="s">
        <v>14618</v>
      </c>
      <c r="D934" s="2">
        <v>153762</v>
      </c>
      <c r="E934" s="1" t="s">
        <v>0</v>
      </c>
    </row>
    <row r="935" spans="1:5" ht="409.5" x14ac:dyDescent="0.25">
      <c r="A935" s="4" t="s">
        <v>14619</v>
      </c>
      <c r="B935" s="1" t="s">
        <v>51310</v>
      </c>
      <c r="C935" s="1" t="s">
        <v>14620</v>
      </c>
      <c r="D935" s="2">
        <v>153763</v>
      </c>
      <c r="E935" s="1" t="s">
        <v>0</v>
      </c>
    </row>
    <row r="936" spans="1:5" x14ac:dyDescent="0.25">
      <c r="A936" s="1" t="s">
        <v>14621</v>
      </c>
      <c r="B936" s="1" t="s">
        <v>5217</v>
      </c>
      <c r="C936" s="1" t="s">
        <v>14622</v>
      </c>
      <c r="D936" s="2">
        <v>153764</v>
      </c>
      <c r="E936" s="1" t="s">
        <v>0</v>
      </c>
    </row>
    <row r="937" spans="1:5" x14ac:dyDescent="0.25">
      <c r="A937" s="2">
        <v>187</v>
      </c>
      <c r="B937" s="2">
        <v>187</v>
      </c>
      <c r="C937" s="1" t="s">
        <v>0</v>
      </c>
      <c r="D937" s="2">
        <v>153765</v>
      </c>
      <c r="E937" s="1" t="s">
        <v>0</v>
      </c>
    </row>
    <row r="938" spans="1:5" x14ac:dyDescent="0.25">
      <c r="A938" s="1" t="s">
        <v>177</v>
      </c>
      <c r="B938" s="1" t="s">
        <v>51311</v>
      </c>
      <c r="C938" s="1" t="s">
        <v>14623</v>
      </c>
      <c r="D938" s="2">
        <v>153766</v>
      </c>
      <c r="E938" s="1" t="s">
        <v>0</v>
      </c>
    </row>
    <row r="939" spans="1:5" x14ac:dyDescent="0.25">
      <c r="A939" s="1" t="s">
        <v>14624</v>
      </c>
      <c r="B939" s="1" t="s">
        <v>56676</v>
      </c>
      <c r="C939" s="1" t="s">
        <v>14625</v>
      </c>
      <c r="D939" s="2">
        <v>153767</v>
      </c>
      <c r="E939" s="1" t="s">
        <v>0</v>
      </c>
    </row>
    <row r="940" spans="1:5" ht="409.5" x14ac:dyDescent="0.25">
      <c r="A940" s="4" t="s">
        <v>14626</v>
      </c>
      <c r="B940" s="1" t="s">
        <v>59543</v>
      </c>
      <c r="C940" s="1" t="s">
        <v>14627</v>
      </c>
      <c r="D940" s="2">
        <v>153768</v>
      </c>
      <c r="E940" s="1" t="s">
        <v>0</v>
      </c>
    </row>
    <row r="941" spans="1:5" x14ac:dyDescent="0.25">
      <c r="A941" s="1" t="s">
        <v>14628</v>
      </c>
      <c r="B941" s="1" t="s">
        <v>5218</v>
      </c>
      <c r="C941" s="1" t="s">
        <v>14629</v>
      </c>
      <c r="D941" s="2">
        <v>153769</v>
      </c>
      <c r="E941" s="1" t="s">
        <v>0</v>
      </c>
    </row>
    <row r="942" spans="1:5" x14ac:dyDescent="0.25">
      <c r="A942" s="2">
        <v>188</v>
      </c>
      <c r="B942" s="2">
        <v>188</v>
      </c>
      <c r="C942" s="1" t="s">
        <v>0</v>
      </c>
      <c r="D942" s="2">
        <v>153770</v>
      </c>
      <c r="E942" s="1" t="s">
        <v>0</v>
      </c>
    </row>
    <row r="943" spans="1:5" x14ac:dyDescent="0.25">
      <c r="A943" s="1" t="s">
        <v>178</v>
      </c>
      <c r="B943" s="1" t="s">
        <v>5219</v>
      </c>
      <c r="C943" s="1" t="s">
        <v>14630</v>
      </c>
      <c r="D943" s="2">
        <v>153771</v>
      </c>
      <c r="E943" s="1" t="s">
        <v>0</v>
      </c>
    </row>
    <row r="944" spans="1:5" x14ac:dyDescent="0.25">
      <c r="A944" s="1" t="s">
        <v>14631</v>
      </c>
      <c r="B944" s="1" t="s">
        <v>57701</v>
      </c>
      <c r="C944" s="1" t="s">
        <v>14632</v>
      </c>
      <c r="D944" s="2">
        <v>153772</v>
      </c>
      <c r="E944" s="1" t="s">
        <v>0</v>
      </c>
    </row>
    <row r="945" spans="1:5" ht="409.5" x14ac:dyDescent="0.25">
      <c r="A945" s="4" t="s">
        <v>14633</v>
      </c>
      <c r="B945" s="1" t="s">
        <v>61969</v>
      </c>
      <c r="C945" s="1" t="s">
        <v>14634</v>
      </c>
      <c r="D945" s="2">
        <v>153773</v>
      </c>
      <c r="E945" s="1" t="s">
        <v>0</v>
      </c>
    </row>
    <row r="946" spans="1:5" x14ac:dyDescent="0.25">
      <c r="A946" s="1" t="s">
        <v>14635</v>
      </c>
      <c r="B946" s="1" t="s">
        <v>51312</v>
      </c>
      <c r="C946" s="1" t="s">
        <v>14636</v>
      </c>
      <c r="D946" s="2">
        <v>153774</v>
      </c>
      <c r="E946" s="1" t="s">
        <v>0</v>
      </c>
    </row>
    <row r="947" spans="1:5" x14ac:dyDescent="0.25">
      <c r="A947" s="2">
        <v>189</v>
      </c>
      <c r="B947" s="2">
        <v>189</v>
      </c>
      <c r="C947" s="1" t="s">
        <v>0</v>
      </c>
      <c r="D947" s="2">
        <v>153775</v>
      </c>
      <c r="E947" s="1" t="s">
        <v>0</v>
      </c>
    </row>
    <row r="948" spans="1:5" x14ac:dyDescent="0.25">
      <c r="A948" s="1" t="s">
        <v>179</v>
      </c>
      <c r="B948" s="1" t="s">
        <v>59734</v>
      </c>
      <c r="C948" s="1" t="s">
        <v>14637</v>
      </c>
      <c r="D948" s="2">
        <v>153776</v>
      </c>
      <c r="E948" s="1" t="s">
        <v>0</v>
      </c>
    </row>
    <row r="949" spans="1:5" x14ac:dyDescent="0.25">
      <c r="A949" s="1" t="s">
        <v>14638</v>
      </c>
      <c r="B949" s="1" t="s">
        <v>51313</v>
      </c>
      <c r="C949" s="1" t="s">
        <v>14639</v>
      </c>
      <c r="D949" s="2">
        <v>153777</v>
      </c>
      <c r="E949" s="1" t="s">
        <v>0</v>
      </c>
    </row>
    <row r="950" spans="1:5" ht="409.5" x14ac:dyDescent="0.25">
      <c r="A950" s="4" t="s">
        <v>14640</v>
      </c>
      <c r="B950" s="1" t="s">
        <v>51314</v>
      </c>
      <c r="C950" s="1" t="s">
        <v>14641</v>
      </c>
      <c r="D950" s="2">
        <v>153778</v>
      </c>
      <c r="E950" s="1" t="s">
        <v>0</v>
      </c>
    </row>
    <row r="951" spans="1:5" x14ac:dyDescent="0.25">
      <c r="A951" s="1" t="s">
        <v>14642</v>
      </c>
      <c r="B951" s="1" t="s">
        <v>180</v>
      </c>
      <c r="C951" s="1" t="s">
        <v>14643</v>
      </c>
      <c r="D951" s="2">
        <v>153779</v>
      </c>
      <c r="E951" s="1" t="s">
        <v>0</v>
      </c>
    </row>
    <row r="952" spans="1:5" x14ac:dyDescent="0.25">
      <c r="A952" s="2">
        <v>190</v>
      </c>
      <c r="B952" s="2">
        <v>190</v>
      </c>
      <c r="C952" s="1" t="s">
        <v>0</v>
      </c>
      <c r="D952" s="2">
        <v>153780</v>
      </c>
      <c r="E952" s="1" t="s">
        <v>0</v>
      </c>
    </row>
    <row r="953" spans="1:5" x14ac:dyDescent="0.25">
      <c r="A953" s="1" t="s">
        <v>181</v>
      </c>
      <c r="B953" s="1" t="s">
        <v>5220</v>
      </c>
      <c r="C953" s="1" t="s">
        <v>14644</v>
      </c>
      <c r="D953" s="2">
        <v>153781</v>
      </c>
      <c r="E953" s="1" t="s">
        <v>0</v>
      </c>
    </row>
    <row r="954" spans="1:5" x14ac:dyDescent="0.25">
      <c r="A954" s="1" t="s">
        <v>14645</v>
      </c>
      <c r="B954" s="1" t="s">
        <v>51315</v>
      </c>
      <c r="C954" s="1" t="s">
        <v>14646</v>
      </c>
      <c r="D954" s="2">
        <v>153782</v>
      </c>
      <c r="E954" s="1" t="s">
        <v>0</v>
      </c>
    </row>
    <row r="955" spans="1:5" ht="409.5" x14ac:dyDescent="0.25">
      <c r="A955" s="4" t="s">
        <v>14647</v>
      </c>
      <c r="B955" s="1" t="s">
        <v>51316</v>
      </c>
      <c r="C955" s="1" t="s">
        <v>14648</v>
      </c>
      <c r="D955" s="2">
        <v>153783</v>
      </c>
      <c r="E955" s="1" t="s">
        <v>0</v>
      </c>
    </row>
    <row r="956" spans="1:5" x14ac:dyDescent="0.25">
      <c r="A956" s="1" t="s">
        <v>14649</v>
      </c>
      <c r="B956" s="1" t="s">
        <v>57109</v>
      </c>
      <c r="C956" s="1" t="s">
        <v>14650</v>
      </c>
      <c r="D956" s="2">
        <v>153784</v>
      </c>
      <c r="E956" s="1" t="s">
        <v>0</v>
      </c>
    </row>
    <row r="957" spans="1:5" x14ac:dyDescent="0.25">
      <c r="A957" s="2">
        <v>191</v>
      </c>
      <c r="B957" s="2">
        <v>191</v>
      </c>
      <c r="C957" s="1" t="s">
        <v>0</v>
      </c>
      <c r="D957" s="2">
        <v>153785</v>
      </c>
      <c r="E957" s="1" t="s">
        <v>0</v>
      </c>
    </row>
    <row r="958" spans="1:5" x14ac:dyDescent="0.25">
      <c r="A958" s="1" t="s">
        <v>182</v>
      </c>
      <c r="B958" s="1" t="s">
        <v>5221</v>
      </c>
      <c r="C958" s="1" t="s">
        <v>14651</v>
      </c>
      <c r="D958" s="2">
        <v>153786</v>
      </c>
      <c r="E958" s="1" t="s">
        <v>0</v>
      </c>
    </row>
    <row r="959" spans="1:5" x14ac:dyDescent="0.25">
      <c r="A959" s="1" t="s">
        <v>14652</v>
      </c>
      <c r="B959" s="1" t="s">
        <v>61970</v>
      </c>
      <c r="C959" s="1" t="s">
        <v>14653</v>
      </c>
      <c r="D959" s="2">
        <v>153787</v>
      </c>
      <c r="E959" s="1" t="s">
        <v>0</v>
      </c>
    </row>
    <row r="960" spans="1:5" ht="409.5" x14ac:dyDescent="0.25">
      <c r="A960" s="4" t="s">
        <v>14654</v>
      </c>
      <c r="B960" s="1" t="s">
        <v>61971</v>
      </c>
      <c r="C960" s="1" t="s">
        <v>14655</v>
      </c>
      <c r="D960" s="2">
        <v>153788</v>
      </c>
      <c r="E960" s="1" t="s">
        <v>0</v>
      </c>
    </row>
    <row r="961" spans="1:5" x14ac:dyDescent="0.25">
      <c r="A961" s="1" t="s">
        <v>14656</v>
      </c>
      <c r="B961" s="1" t="s">
        <v>51317</v>
      </c>
      <c r="C961" s="1" t="s">
        <v>14657</v>
      </c>
      <c r="D961" s="2">
        <v>153789</v>
      </c>
      <c r="E961" s="1" t="s">
        <v>0</v>
      </c>
    </row>
    <row r="962" spans="1:5" x14ac:dyDescent="0.25">
      <c r="A962" s="2">
        <v>192</v>
      </c>
      <c r="B962" s="2">
        <v>192</v>
      </c>
      <c r="C962" s="1" t="s">
        <v>0</v>
      </c>
      <c r="D962" s="2">
        <v>153790</v>
      </c>
      <c r="E962" s="1" t="s">
        <v>0</v>
      </c>
    </row>
    <row r="963" spans="1:5" x14ac:dyDescent="0.25">
      <c r="A963" s="1" t="s">
        <v>183</v>
      </c>
      <c r="B963" s="1" t="s">
        <v>51318</v>
      </c>
      <c r="C963" s="1" t="s">
        <v>14658</v>
      </c>
      <c r="D963" s="2">
        <v>153791</v>
      </c>
      <c r="E963" s="1" t="s">
        <v>0</v>
      </c>
    </row>
    <row r="964" spans="1:5" x14ac:dyDescent="0.25">
      <c r="A964" s="1" t="s">
        <v>14659</v>
      </c>
      <c r="B964" s="1" t="s">
        <v>51319</v>
      </c>
      <c r="C964" s="1" t="s">
        <v>14660</v>
      </c>
      <c r="D964" s="2">
        <v>153792</v>
      </c>
      <c r="E964" s="1" t="s">
        <v>0</v>
      </c>
    </row>
    <row r="965" spans="1:5" ht="409.5" x14ac:dyDescent="0.25">
      <c r="A965" s="4" t="s">
        <v>14661</v>
      </c>
      <c r="B965" s="1" t="s">
        <v>51320</v>
      </c>
      <c r="C965" s="1" t="s">
        <v>14662</v>
      </c>
      <c r="D965" s="2">
        <v>153793</v>
      </c>
      <c r="E965" s="1" t="s">
        <v>0</v>
      </c>
    </row>
    <row r="966" spans="1:5" x14ac:dyDescent="0.25">
      <c r="A966" s="1" t="s">
        <v>14663</v>
      </c>
      <c r="B966" s="1" t="s">
        <v>5222</v>
      </c>
      <c r="C966" s="1" t="s">
        <v>14664</v>
      </c>
      <c r="D966" s="2">
        <v>153794</v>
      </c>
      <c r="E966" s="1" t="s">
        <v>0</v>
      </c>
    </row>
    <row r="967" spans="1:5" x14ac:dyDescent="0.25">
      <c r="A967" s="2">
        <v>193</v>
      </c>
      <c r="B967" s="2">
        <v>193</v>
      </c>
      <c r="C967" s="1" t="s">
        <v>0</v>
      </c>
      <c r="D967" s="2">
        <v>153795</v>
      </c>
      <c r="E967" s="1" t="s">
        <v>0</v>
      </c>
    </row>
    <row r="968" spans="1:5" x14ac:dyDescent="0.25">
      <c r="A968" s="1" t="s">
        <v>184</v>
      </c>
      <c r="B968" s="1" t="s">
        <v>5223</v>
      </c>
      <c r="C968" s="1" t="s">
        <v>14665</v>
      </c>
      <c r="D968" s="2">
        <v>153796</v>
      </c>
      <c r="E968" s="1" t="s">
        <v>0</v>
      </c>
    </row>
    <row r="969" spans="1:5" x14ac:dyDescent="0.25">
      <c r="A969" s="1" t="s">
        <v>14666</v>
      </c>
      <c r="B969" s="1" t="s">
        <v>5224</v>
      </c>
      <c r="C969" s="1" t="s">
        <v>14667</v>
      </c>
      <c r="D969" s="2">
        <v>153797</v>
      </c>
      <c r="E969" s="1" t="s">
        <v>0</v>
      </c>
    </row>
    <row r="970" spans="1:5" ht="409.5" x14ac:dyDescent="0.25">
      <c r="A970" s="4" t="s">
        <v>14668</v>
      </c>
      <c r="B970" s="1" t="s">
        <v>51321</v>
      </c>
      <c r="C970" s="1" t="s">
        <v>14669</v>
      </c>
      <c r="D970" s="2">
        <v>153798</v>
      </c>
      <c r="E970" s="1" t="s">
        <v>0</v>
      </c>
    </row>
    <row r="971" spans="1:5" x14ac:dyDescent="0.25">
      <c r="A971" s="1" t="s">
        <v>14670</v>
      </c>
      <c r="B971" s="1" t="s">
        <v>5225</v>
      </c>
      <c r="C971" s="1" t="s">
        <v>14671</v>
      </c>
      <c r="D971" s="2">
        <v>153799</v>
      </c>
      <c r="E971" s="1" t="s">
        <v>0</v>
      </c>
    </row>
    <row r="972" spans="1:5" x14ac:dyDescent="0.25">
      <c r="A972" s="2">
        <v>194</v>
      </c>
      <c r="B972" s="2">
        <v>194</v>
      </c>
      <c r="C972" s="1" t="s">
        <v>0</v>
      </c>
      <c r="D972" s="2">
        <v>153800</v>
      </c>
      <c r="E972" s="1" t="s">
        <v>0</v>
      </c>
    </row>
    <row r="973" spans="1:5" x14ac:dyDescent="0.25">
      <c r="A973" s="1" t="s">
        <v>185</v>
      </c>
      <c r="B973" s="1" t="s">
        <v>5226</v>
      </c>
      <c r="C973" s="1" t="s">
        <v>14672</v>
      </c>
      <c r="D973" s="2">
        <v>153801</v>
      </c>
      <c r="E973" s="1" t="s">
        <v>0</v>
      </c>
    </row>
    <row r="974" spans="1:5" x14ac:dyDescent="0.25">
      <c r="A974" s="1" t="s">
        <v>14673</v>
      </c>
      <c r="B974" s="1" t="s">
        <v>51322</v>
      </c>
      <c r="C974" s="1" t="s">
        <v>14674</v>
      </c>
      <c r="D974" s="2">
        <v>153802</v>
      </c>
      <c r="E974" s="1" t="s">
        <v>0</v>
      </c>
    </row>
    <row r="975" spans="1:5" ht="409.5" x14ac:dyDescent="0.25">
      <c r="A975" s="4" t="s">
        <v>14675</v>
      </c>
      <c r="B975" s="1" t="s">
        <v>59735</v>
      </c>
      <c r="C975" s="1" t="s">
        <v>14676</v>
      </c>
      <c r="D975" s="2">
        <v>153803</v>
      </c>
      <c r="E975" s="1" t="s">
        <v>0</v>
      </c>
    </row>
    <row r="976" spans="1:5" x14ac:dyDescent="0.25">
      <c r="A976" s="1" t="s">
        <v>14677</v>
      </c>
      <c r="B976" s="1" t="s">
        <v>51323</v>
      </c>
      <c r="C976" s="1" t="s">
        <v>14678</v>
      </c>
      <c r="D976" s="2">
        <v>153804</v>
      </c>
      <c r="E976" s="1" t="s">
        <v>0</v>
      </c>
    </row>
    <row r="977" spans="1:5" x14ac:dyDescent="0.25">
      <c r="A977" s="2">
        <v>195</v>
      </c>
      <c r="B977" s="2">
        <v>195</v>
      </c>
      <c r="C977" s="1" t="s">
        <v>0</v>
      </c>
      <c r="D977" s="2">
        <v>153805</v>
      </c>
      <c r="E977" s="1" t="s">
        <v>0</v>
      </c>
    </row>
    <row r="978" spans="1:5" x14ac:dyDescent="0.25">
      <c r="A978" s="1" t="s">
        <v>186</v>
      </c>
      <c r="B978" s="1" t="s">
        <v>5227</v>
      </c>
      <c r="C978" s="1" t="s">
        <v>14679</v>
      </c>
      <c r="D978" s="2">
        <v>153806</v>
      </c>
      <c r="E978" s="1" t="s">
        <v>0</v>
      </c>
    </row>
    <row r="979" spans="1:5" x14ac:dyDescent="0.25">
      <c r="A979" s="1" t="s">
        <v>14680</v>
      </c>
      <c r="B979" s="1" t="s">
        <v>5228</v>
      </c>
      <c r="C979" s="1" t="s">
        <v>14681</v>
      </c>
      <c r="D979" s="2">
        <v>153807</v>
      </c>
      <c r="E979" s="1" t="s">
        <v>0</v>
      </c>
    </row>
    <row r="980" spans="1:5" ht="409.5" x14ac:dyDescent="0.25">
      <c r="A980" s="4" t="s">
        <v>14682</v>
      </c>
      <c r="B980" s="1" t="s">
        <v>58959</v>
      </c>
      <c r="C980" s="1" t="s">
        <v>14683</v>
      </c>
      <c r="D980" s="2">
        <v>153808</v>
      </c>
      <c r="E980" s="1" t="s">
        <v>0</v>
      </c>
    </row>
    <row r="981" spans="1:5" x14ac:dyDescent="0.25">
      <c r="A981" s="1" t="s">
        <v>14684</v>
      </c>
      <c r="B981" s="1" t="s">
        <v>5229</v>
      </c>
      <c r="C981" s="1" t="s">
        <v>14685</v>
      </c>
      <c r="D981" s="2">
        <v>153809</v>
      </c>
      <c r="E981" s="1" t="s">
        <v>0</v>
      </c>
    </row>
    <row r="982" spans="1:5" x14ac:dyDescent="0.25">
      <c r="A982" s="2">
        <v>196</v>
      </c>
      <c r="B982" s="2">
        <v>196</v>
      </c>
      <c r="C982" s="1" t="s">
        <v>0</v>
      </c>
      <c r="D982" s="2">
        <v>153810</v>
      </c>
      <c r="E982" s="1" t="s">
        <v>0</v>
      </c>
    </row>
    <row r="983" spans="1:5" x14ac:dyDescent="0.25">
      <c r="A983" s="1" t="s">
        <v>187</v>
      </c>
      <c r="B983" s="1" t="s">
        <v>188</v>
      </c>
      <c r="C983" s="1" t="s">
        <v>14686</v>
      </c>
      <c r="D983" s="2">
        <v>153811</v>
      </c>
      <c r="E983" s="1" t="s">
        <v>0</v>
      </c>
    </row>
    <row r="984" spans="1:5" x14ac:dyDescent="0.25">
      <c r="A984" s="1" t="s">
        <v>14687</v>
      </c>
      <c r="B984" s="1" t="s">
        <v>61972</v>
      </c>
      <c r="C984" s="1" t="s">
        <v>14688</v>
      </c>
      <c r="D984" s="2">
        <v>153812</v>
      </c>
      <c r="E984" s="1" t="s">
        <v>0</v>
      </c>
    </row>
    <row r="985" spans="1:5" ht="409.5" x14ac:dyDescent="0.25">
      <c r="A985" s="4" t="s">
        <v>14689</v>
      </c>
      <c r="B985" s="1" t="s">
        <v>61973</v>
      </c>
      <c r="C985" s="1" t="s">
        <v>14690</v>
      </c>
      <c r="D985" s="2">
        <v>153813</v>
      </c>
      <c r="E985" s="1" t="s">
        <v>0</v>
      </c>
    </row>
    <row r="986" spans="1:5" x14ac:dyDescent="0.25">
      <c r="A986" s="1" t="s">
        <v>14691</v>
      </c>
      <c r="B986" s="1" t="s">
        <v>51324</v>
      </c>
      <c r="C986" s="1" t="s">
        <v>14692</v>
      </c>
      <c r="D986" s="2">
        <v>153814</v>
      </c>
      <c r="E986" s="1" t="s">
        <v>0</v>
      </c>
    </row>
    <row r="987" spans="1:5" x14ac:dyDescent="0.25">
      <c r="A987" s="2">
        <v>197</v>
      </c>
      <c r="B987" s="2">
        <v>197</v>
      </c>
      <c r="C987" s="1" t="s">
        <v>0</v>
      </c>
      <c r="D987" s="2">
        <v>153815</v>
      </c>
      <c r="E987" s="1" t="s">
        <v>0</v>
      </c>
    </row>
    <row r="988" spans="1:5" x14ac:dyDescent="0.25">
      <c r="A988" s="1" t="s">
        <v>189</v>
      </c>
      <c r="B988" s="1" t="s">
        <v>5230</v>
      </c>
      <c r="C988" s="1" t="s">
        <v>14693</v>
      </c>
      <c r="D988" s="2">
        <v>153816</v>
      </c>
      <c r="E988" s="1" t="s">
        <v>0</v>
      </c>
    </row>
    <row r="989" spans="1:5" x14ac:dyDescent="0.25">
      <c r="A989" s="1" t="s">
        <v>14694</v>
      </c>
      <c r="B989" s="1" t="s">
        <v>58054</v>
      </c>
      <c r="C989" s="1" t="s">
        <v>14695</v>
      </c>
      <c r="D989" s="2">
        <v>153817</v>
      </c>
      <c r="E989" s="1" t="s">
        <v>0</v>
      </c>
    </row>
    <row r="990" spans="1:5" ht="409.5" x14ac:dyDescent="0.25">
      <c r="A990" s="4" t="s">
        <v>14696</v>
      </c>
      <c r="B990" s="1" t="s">
        <v>58055</v>
      </c>
      <c r="C990" s="1" t="s">
        <v>14697</v>
      </c>
      <c r="D990" s="2">
        <v>153818</v>
      </c>
      <c r="E990" s="1" t="s">
        <v>0</v>
      </c>
    </row>
    <row r="991" spans="1:5" x14ac:dyDescent="0.25">
      <c r="A991" s="1" t="s">
        <v>14698</v>
      </c>
      <c r="B991" s="1" t="s">
        <v>51325</v>
      </c>
      <c r="C991" s="1" t="s">
        <v>14699</v>
      </c>
      <c r="D991" s="2">
        <v>153819</v>
      </c>
      <c r="E991" s="1" t="s">
        <v>0</v>
      </c>
    </row>
    <row r="992" spans="1:5" x14ac:dyDescent="0.25">
      <c r="A992" s="2">
        <v>198</v>
      </c>
      <c r="B992" s="2">
        <v>198</v>
      </c>
      <c r="C992" s="1" t="s">
        <v>0</v>
      </c>
      <c r="D992" s="2">
        <v>153820</v>
      </c>
      <c r="E992" s="1" t="s">
        <v>0</v>
      </c>
    </row>
    <row r="993" spans="1:5" x14ac:dyDescent="0.25">
      <c r="A993" s="1" t="s">
        <v>190</v>
      </c>
      <c r="B993" s="1" t="s">
        <v>51326</v>
      </c>
      <c r="C993" s="1" t="s">
        <v>14700</v>
      </c>
      <c r="D993" s="2">
        <v>153821</v>
      </c>
      <c r="E993" s="1" t="s">
        <v>0</v>
      </c>
    </row>
    <row r="994" spans="1:5" x14ac:dyDescent="0.25">
      <c r="A994" s="1" t="s">
        <v>14701</v>
      </c>
      <c r="B994" s="1" t="s">
        <v>60870</v>
      </c>
      <c r="C994" s="1" t="s">
        <v>14702</v>
      </c>
      <c r="D994" s="2">
        <v>153822</v>
      </c>
      <c r="E994" s="1" t="s">
        <v>0</v>
      </c>
    </row>
    <row r="995" spans="1:5" ht="409.5" x14ac:dyDescent="0.25">
      <c r="A995" s="4" t="s">
        <v>14703</v>
      </c>
      <c r="B995" s="1" t="s">
        <v>60871</v>
      </c>
      <c r="C995" s="1" t="s">
        <v>14704</v>
      </c>
      <c r="D995" s="2">
        <v>153823</v>
      </c>
      <c r="E995" s="1" t="s">
        <v>0</v>
      </c>
    </row>
    <row r="996" spans="1:5" x14ac:dyDescent="0.25">
      <c r="A996" s="1" t="s">
        <v>14705</v>
      </c>
      <c r="B996" s="1" t="s">
        <v>60872</v>
      </c>
      <c r="C996" s="1" t="s">
        <v>14706</v>
      </c>
      <c r="D996" s="2">
        <v>153824</v>
      </c>
      <c r="E996" s="1" t="s">
        <v>0</v>
      </c>
    </row>
    <row r="997" spans="1:5" x14ac:dyDescent="0.25">
      <c r="A997" s="2">
        <v>199</v>
      </c>
      <c r="B997" s="2">
        <v>199</v>
      </c>
      <c r="C997" s="1" t="s">
        <v>0</v>
      </c>
      <c r="D997" s="2">
        <v>153825</v>
      </c>
      <c r="E997" s="1" t="s">
        <v>0</v>
      </c>
    </row>
    <row r="998" spans="1:5" x14ac:dyDescent="0.25">
      <c r="A998" s="1" t="s">
        <v>191</v>
      </c>
      <c r="B998" s="1" t="s">
        <v>5231</v>
      </c>
      <c r="C998" s="1" t="s">
        <v>14707</v>
      </c>
      <c r="D998" s="2">
        <v>153826</v>
      </c>
      <c r="E998" s="1" t="s">
        <v>0</v>
      </c>
    </row>
    <row r="999" spans="1:5" x14ac:dyDescent="0.25">
      <c r="A999" s="1" t="s">
        <v>14708</v>
      </c>
      <c r="B999" s="1" t="s">
        <v>51327</v>
      </c>
      <c r="C999" s="1" t="s">
        <v>14709</v>
      </c>
      <c r="D999" s="2">
        <v>153827</v>
      </c>
      <c r="E999" s="1" t="s">
        <v>0</v>
      </c>
    </row>
    <row r="1000" spans="1:5" ht="409.5" x14ac:dyDescent="0.25">
      <c r="A1000" s="4" t="s">
        <v>14710</v>
      </c>
      <c r="B1000" s="1" t="s">
        <v>51328</v>
      </c>
      <c r="C1000" s="1" t="s">
        <v>14711</v>
      </c>
      <c r="D1000" s="2">
        <v>153828</v>
      </c>
      <c r="E1000" s="1" t="s">
        <v>0</v>
      </c>
    </row>
    <row r="1001" spans="1:5" x14ac:dyDescent="0.25">
      <c r="A1001" s="1" t="s">
        <v>14712</v>
      </c>
      <c r="B1001" s="1" t="s">
        <v>5232</v>
      </c>
      <c r="C1001" s="1" t="s">
        <v>14713</v>
      </c>
      <c r="D1001" s="2">
        <v>153829</v>
      </c>
      <c r="E1001" s="1" t="s">
        <v>0</v>
      </c>
    </row>
    <row r="1002" spans="1:5" x14ac:dyDescent="0.25">
      <c r="A1002" s="2">
        <v>200</v>
      </c>
      <c r="B1002" s="2">
        <v>200</v>
      </c>
      <c r="C1002" s="1" t="s">
        <v>0</v>
      </c>
      <c r="D1002" s="2">
        <v>153830</v>
      </c>
      <c r="E1002" s="1" t="s">
        <v>0</v>
      </c>
    </row>
    <row r="1003" spans="1:5" x14ac:dyDescent="0.25">
      <c r="A1003" s="1" t="s">
        <v>192</v>
      </c>
      <c r="B1003" s="1" t="s">
        <v>5233</v>
      </c>
      <c r="C1003" s="1" t="s">
        <v>14714</v>
      </c>
      <c r="D1003" s="2">
        <v>153831</v>
      </c>
      <c r="E1003" s="1" t="s">
        <v>0</v>
      </c>
    </row>
    <row r="1004" spans="1:5" x14ac:dyDescent="0.25">
      <c r="A1004" s="1" t="s">
        <v>14715</v>
      </c>
      <c r="B1004" s="1" t="s">
        <v>59736</v>
      </c>
      <c r="C1004" s="1" t="s">
        <v>14716</v>
      </c>
      <c r="D1004" s="2">
        <v>153832</v>
      </c>
      <c r="E1004" s="1" t="s">
        <v>0</v>
      </c>
    </row>
    <row r="1005" spans="1:5" ht="409.5" x14ac:dyDescent="0.25">
      <c r="A1005" s="4" t="s">
        <v>14717</v>
      </c>
      <c r="B1005" s="1" t="s">
        <v>59737</v>
      </c>
      <c r="C1005" s="1" t="s">
        <v>14718</v>
      </c>
      <c r="D1005" s="2">
        <v>153833</v>
      </c>
      <c r="E1005" s="1" t="s">
        <v>0</v>
      </c>
    </row>
    <row r="1006" spans="1:5" x14ac:dyDescent="0.25">
      <c r="A1006" s="1" t="s">
        <v>14719</v>
      </c>
      <c r="B1006" s="1" t="s">
        <v>51329</v>
      </c>
      <c r="C1006" s="1" t="s">
        <v>14720</v>
      </c>
      <c r="D1006" s="2">
        <v>153834</v>
      </c>
      <c r="E1006" s="1" t="s">
        <v>0</v>
      </c>
    </row>
    <row r="1007" spans="1:5" x14ac:dyDescent="0.25">
      <c r="A1007" s="2">
        <v>201</v>
      </c>
      <c r="B1007" s="2">
        <v>201</v>
      </c>
      <c r="C1007" s="1" t="s">
        <v>0</v>
      </c>
      <c r="D1007" s="2">
        <v>153835</v>
      </c>
      <c r="E1007" s="1" t="s">
        <v>0</v>
      </c>
    </row>
    <row r="1008" spans="1:5" x14ac:dyDescent="0.25">
      <c r="A1008" s="1" t="s">
        <v>193</v>
      </c>
      <c r="B1008" s="1" t="s">
        <v>50359</v>
      </c>
      <c r="C1008" s="1" t="s">
        <v>14721</v>
      </c>
      <c r="D1008" s="2">
        <v>153836</v>
      </c>
      <c r="E1008" s="1" t="s">
        <v>0</v>
      </c>
    </row>
    <row r="1009" spans="1:5" x14ac:dyDescent="0.25">
      <c r="A1009" s="1" t="s">
        <v>14722</v>
      </c>
      <c r="B1009" s="1" t="s">
        <v>56677</v>
      </c>
      <c r="C1009" s="1" t="s">
        <v>14723</v>
      </c>
      <c r="D1009" s="2">
        <v>153837</v>
      </c>
      <c r="E1009" s="1" t="s">
        <v>0</v>
      </c>
    </row>
    <row r="1010" spans="1:5" ht="409.5" x14ac:dyDescent="0.25">
      <c r="A1010" s="4" t="s">
        <v>14724</v>
      </c>
      <c r="B1010" s="1" t="s">
        <v>60873</v>
      </c>
      <c r="C1010" s="1" t="s">
        <v>14725</v>
      </c>
      <c r="D1010" s="2">
        <v>153838</v>
      </c>
      <c r="E1010" s="1" t="s">
        <v>0</v>
      </c>
    </row>
    <row r="1011" spans="1:5" x14ac:dyDescent="0.25">
      <c r="A1011" s="1" t="s">
        <v>14726</v>
      </c>
      <c r="B1011" s="1" t="s">
        <v>50360</v>
      </c>
      <c r="C1011" s="1" t="s">
        <v>14727</v>
      </c>
      <c r="D1011" s="2">
        <v>153839</v>
      </c>
      <c r="E1011" s="1" t="s">
        <v>0</v>
      </c>
    </row>
    <row r="1012" spans="1:5" x14ac:dyDescent="0.25">
      <c r="A1012" s="2">
        <v>202</v>
      </c>
      <c r="B1012" s="2">
        <v>202</v>
      </c>
      <c r="C1012" s="1" t="s">
        <v>0</v>
      </c>
      <c r="D1012" s="2">
        <v>153840</v>
      </c>
      <c r="E1012" s="1" t="s">
        <v>0</v>
      </c>
    </row>
    <row r="1013" spans="1:5" x14ac:dyDescent="0.25">
      <c r="A1013" s="1" t="s">
        <v>5234</v>
      </c>
      <c r="B1013" s="1" t="s">
        <v>51330</v>
      </c>
      <c r="C1013" s="1" t="s">
        <v>14728</v>
      </c>
      <c r="D1013" s="2">
        <v>153841</v>
      </c>
      <c r="E1013" s="1" t="s">
        <v>0</v>
      </c>
    </row>
    <row r="1014" spans="1:5" x14ac:dyDescent="0.25">
      <c r="A1014" s="1" t="s">
        <v>14729</v>
      </c>
      <c r="B1014" s="1" t="s">
        <v>57702</v>
      </c>
      <c r="C1014" s="1" t="s">
        <v>14730</v>
      </c>
      <c r="D1014" s="2">
        <v>153842</v>
      </c>
      <c r="E1014" s="1" t="s">
        <v>0</v>
      </c>
    </row>
    <row r="1015" spans="1:5" ht="409.5" x14ac:dyDescent="0.25">
      <c r="A1015" s="4" t="s">
        <v>14731</v>
      </c>
      <c r="B1015" s="1" t="s">
        <v>57703</v>
      </c>
      <c r="C1015" s="1" t="s">
        <v>14732</v>
      </c>
      <c r="D1015" s="2">
        <v>153843</v>
      </c>
      <c r="E1015" s="1" t="s">
        <v>0</v>
      </c>
    </row>
    <row r="1016" spans="1:5" x14ac:dyDescent="0.25">
      <c r="A1016" s="1" t="s">
        <v>14733</v>
      </c>
      <c r="B1016" s="1" t="s">
        <v>5235</v>
      </c>
      <c r="C1016" s="1" t="s">
        <v>14734</v>
      </c>
      <c r="D1016" s="2">
        <v>153844</v>
      </c>
      <c r="E1016" s="1" t="s">
        <v>0</v>
      </c>
    </row>
    <row r="1017" spans="1:5" x14ac:dyDescent="0.25">
      <c r="A1017" s="2">
        <v>203</v>
      </c>
      <c r="B1017" s="2">
        <v>203</v>
      </c>
      <c r="C1017" s="1" t="s">
        <v>0</v>
      </c>
      <c r="D1017" s="2">
        <v>153845</v>
      </c>
      <c r="E1017" s="1" t="s">
        <v>0</v>
      </c>
    </row>
    <row r="1018" spans="1:5" x14ac:dyDescent="0.25">
      <c r="A1018" s="1" t="s">
        <v>194</v>
      </c>
      <c r="B1018" s="1" t="s">
        <v>5236</v>
      </c>
      <c r="C1018" s="1" t="s">
        <v>14735</v>
      </c>
      <c r="D1018" s="2">
        <v>153846</v>
      </c>
      <c r="E1018" s="1" t="s">
        <v>0</v>
      </c>
    </row>
    <row r="1019" spans="1:5" x14ac:dyDescent="0.25">
      <c r="A1019" s="1" t="s">
        <v>14736</v>
      </c>
      <c r="B1019" s="1" t="s">
        <v>51331</v>
      </c>
      <c r="C1019" s="1" t="s">
        <v>14737</v>
      </c>
      <c r="D1019" s="2">
        <v>153847</v>
      </c>
      <c r="E1019" s="1" t="s">
        <v>0</v>
      </c>
    </row>
    <row r="1020" spans="1:5" ht="409.5" x14ac:dyDescent="0.25">
      <c r="A1020" s="4" t="s">
        <v>14738</v>
      </c>
      <c r="B1020" s="1" t="s">
        <v>51332</v>
      </c>
      <c r="C1020" s="1" t="s">
        <v>14739</v>
      </c>
      <c r="D1020" s="2">
        <v>153848</v>
      </c>
      <c r="E1020" s="1" t="s">
        <v>0</v>
      </c>
    </row>
    <row r="1021" spans="1:5" x14ac:dyDescent="0.25">
      <c r="A1021" s="1" t="s">
        <v>14740</v>
      </c>
      <c r="B1021" s="1" t="s">
        <v>5237</v>
      </c>
      <c r="C1021" s="1" t="s">
        <v>14741</v>
      </c>
      <c r="D1021" s="2">
        <v>153849</v>
      </c>
      <c r="E1021" s="1" t="s">
        <v>0</v>
      </c>
    </row>
    <row r="1022" spans="1:5" x14ac:dyDescent="0.25">
      <c r="A1022" s="2">
        <v>204</v>
      </c>
      <c r="B1022" s="2">
        <v>204</v>
      </c>
      <c r="C1022" s="1" t="s">
        <v>0</v>
      </c>
      <c r="D1022" s="2">
        <v>153850</v>
      </c>
      <c r="E1022" s="1" t="s">
        <v>0</v>
      </c>
    </row>
    <row r="1023" spans="1:5" x14ac:dyDescent="0.25">
      <c r="A1023" s="1" t="s">
        <v>195</v>
      </c>
      <c r="B1023" s="1" t="s">
        <v>5238</v>
      </c>
      <c r="C1023" s="1" t="s">
        <v>14742</v>
      </c>
      <c r="D1023" s="2">
        <v>153851</v>
      </c>
      <c r="E1023" s="1" t="s">
        <v>0</v>
      </c>
    </row>
    <row r="1024" spans="1:5" x14ac:dyDescent="0.25">
      <c r="A1024" s="1" t="s">
        <v>14743</v>
      </c>
      <c r="B1024" s="1" t="s">
        <v>61559</v>
      </c>
      <c r="C1024" s="1" t="s">
        <v>14744</v>
      </c>
      <c r="D1024" s="2">
        <v>153852</v>
      </c>
      <c r="E1024" s="1" t="s">
        <v>0</v>
      </c>
    </row>
    <row r="1025" spans="1:5" ht="409.5" x14ac:dyDescent="0.25">
      <c r="A1025" s="4" t="s">
        <v>14745</v>
      </c>
      <c r="B1025" s="1" t="s">
        <v>61560</v>
      </c>
      <c r="C1025" s="1" t="s">
        <v>14746</v>
      </c>
      <c r="D1025" s="2">
        <v>153853</v>
      </c>
      <c r="E1025" s="1" t="s">
        <v>0</v>
      </c>
    </row>
    <row r="1026" spans="1:5" x14ac:dyDescent="0.25">
      <c r="A1026" s="1" t="s">
        <v>14747</v>
      </c>
      <c r="B1026" s="1" t="s">
        <v>5239</v>
      </c>
      <c r="C1026" s="1" t="s">
        <v>14748</v>
      </c>
      <c r="D1026" s="2">
        <v>153854</v>
      </c>
      <c r="E1026" s="1" t="s">
        <v>0</v>
      </c>
    </row>
    <row r="1027" spans="1:5" x14ac:dyDescent="0.25">
      <c r="A1027" s="2">
        <v>205</v>
      </c>
      <c r="B1027" s="2">
        <v>205</v>
      </c>
      <c r="C1027" s="1" t="s">
        <v>0</v>
      </c>
      <c r="D1027" s="2">
        <v>153855</v>
      </c>
      <c r="E1027" s="1" t="s">
        <v>0</v>
      </c>
    </row>
    <row r="1028" spans="1:5" x14ac:dyDescent="0.25">
      <c r="A1028" s="1" t="s">
        <v>196</v>
      </c>
      <c r="B1028" s="1" t="s">
        <v>5240</v>
      </c>
      <c r="C1028" s="1" t="s">
        <v>14749</v>
      </c>
      <c r="D1028" s="2">
        <v>153856</v>
      </c>
      <c r="E1028" s="1" t="s">
        <v>0</v>
      </c>
    </row>
    <row r="1029" spans="1:5" x14ac:dyDescent="0.25">
      <c r="A1029" s="1" t="s">
        <v>14750</v>
      </c>
      <c r="B1029" s="1" t="s">
        <v>50361</v>
      </c>
      <c r="C1029" s="1" t="s">
        <v>14751</v>
      </c>
      <c r="D1029" s="2">
        <v>153857</v>
      </c>
      <c r="E1029" s="1" t="s">
        <v>0</v>
      </c>
    </row>
    <row r="1030" spans="1:5" ht="409.5" x14ac:dyDescent="0.25">
      <c r="A1030" s="4" t="s">
        <v>14752</v>
      </c>
      <c r="B1030" s="1" t="s">
        <v>63599</v>
      </c>
      <c r="C1030" s="1" t="s">
        <v>14753</v>
      </c>
      <c r="D1030" s="2">
        <v>153858</v>
      </c>
      <c r="E1030" s="1" t="s">
        <v>0</v>
      </c>
    </row>
    <row r="1031" spans="1:5" x14ac:dyDescent="0.25">
      <c r="A1031" s="1" t="s">
        <v>14754</v>
      </c>
      <c r="B1031" s="1" t="s">
        <v>57110</v>
      </c>
      <c r="C1031" s="1" t="s">
        <v>14755</v>
      </c>
      <c r="D1031" s="2">
        <v>153859</v>
      </c>
      <c r="E1031" s="1" t="s">
        <v>0</v>
      </c>
    </row>
    <row r="1032" spans="1:5" x14ac:dyDescent="0.25">
      <c r="A1032" s="2">
        <v>206</v>
      </c>
      <c r="B1032" s="2">
        <v>206</v>
      </c>
      <c r="C1032" s="1" t="s">
        <v>0</v>
      </c>
      <c r="D1032" s="2">
        <v>153860</v>
      </c>
      <c r="E1032" s="1" t="s">
        <v>0</v>
      </c>
    </row>
    <row r="1033" spans="1:5" x14ac:dyDescent="0.25">
      <c r="A1033" s="1" t="s">
        <v>197</v>
      </c>
      <c r="B1033" s="1" t="s">
        <v>57704</v>
      </c>
      <c r="C1033" s="1" t="s">
        <v>14756</v>
      </c>
      <c r="D1033" s="2">
        <v>153861</v>
      </c>
      <c r="E1033" s="1" t="s">
        <v>0</v>
      </c>
    </row>
    <row r="1034" spans="1:5" x14ac:dyDescent="0.25">
      <c r="A1034" s="1" t="s">
        <v>14757</v>
      </c>
      <c r="B1034" s="1" t="s">
        <v>51333</v>
      </c>
      <c r="C1034" s="1" t="s">
        <v>14758</v>
      </c>
      <c r="D1034" s="2">
        <v>153862</v>
      </c>
      <c r="E1034" s="1" t="s">
        <v>0</v>
      </c>
    </row>
    <row r="1035" spans="1:5" ht="409.5" x14ac:dyDescent="0.25">
      <c r="A1035" s="4" t="s">
        <v>14759</v>
      </c>
      <c r="B1035" s="1" t="s">
        <v>51334</v>
      </c>
      <c r="C1035" s="1" t="s">
        <v>14760</v>
      </c>
      <c r="D1035" s="2">
        <v>153863</v>
      </c>
      <c r="E1035" s="1" t="s">
        <v>0</v>
      </c>
    </row>
    <row r="1036" spans="1:5" x14ac:dyDescent="0.25">
      <c r="A1036" s="1" t="s">
        <v>14761</v>
      </c>
      <c r="B1036" s="1" t="s">
        <v>51335</v>
      </c>
      <c r="C1036" s="1" t="s">
        <v>14762</v>
      </c>
      <c r="D1036" s="2">
        <v>153864</v>
      </c>
      <c r="E1036" s="1" t="s">
        <v>0</v>
      </c>
    </row>
    <row r="1037" spans="1:5" x14ac:dyDescent="0.25">
      <c r="A1037" s="2">
        <v>207</v>
      </c>
      <c r="B1037" s="2">
        <v>207</v>
      </c>
      <c r="C1037" s="1" t="s">
        <v>0</v>
      </c>
      <c r="D1037" s="2">
        <v>153865</v>
      </c>
      <c r="E1037" s="1" t="s">
        <v>0</v>
      </c>
    </row>
    <row r="1038" spans="1:5" x14ac:dyDescent="0.25">
      <c r="A1038" s="1" t="s">
        <v>198</v>
      </c>
      <c r="B1038" s="1" t="s">
        <v>5241</v>
      </c>
      <c r="C1038" s="1" t="s">
        <v>14763</v>
      </c>
      <c r="D1038" s="2">
        <v>153866</v>
      </c>
      <c r="E1038" s="1" t="s">
        <v>0</v>
      </c>
    </row>
    <row r="1039" spans="1:5" x14ac:dyDescent="0.25">
      <c r="A1039" s="1" t="s">
        <v>14764</v>
      </c>
      <c r="B1039" s="1" t="s">
        <v>5242</v>
      </c>
      <c r="C1039" s="1" t="s">
        <v>14765</v>
      </c>
      <c r="D1039" s="2">
        <v>153867</v>
      </c>
      <c r="E1039" s="1" t="s">
        <v>0</v>
      </c>
    </row>
    <row r="1040" spans="1:5" ht="409.5" x14ac:dyDescent="0.25">
      <c r="A1040" s="4" t="s">
        <v>61737</v>
      </c>
      <c r="B1040" s="1" t="s">
        <v>56903</v>
      </c>
      <c r="C1040" s="1" t="s">
        <v>14766</v>
      </c>
      <c r="D1040" s="2">
        <v>153868</v>
      </c>
      <c r="E1040" s="1" t="s">
        <v>0</v>
      </c>
    </row>
    <row r="1041" spans="1:5" x14ac:dyDescent="0.25">
      <c r="A1041" s="1" t="s">
        <v>14767</v>
      </c>
      <c r="B1041" s="1" t="s">
        <v>5243</v>
      </c>
      <c r="C1041" s="1" t="s">
        <v>14768</v>
      </c>
      <c r="D1041" s="2">
        <v>153869</v>
      </c>
      <c r="E1041" s="1" t="s">
        <v>0</v>
      </c>
    </row>
    <row r="1042" spans="1:5" x14ac:dyDescent="0.25">
      <c r="A1042" s="2">
        <v>208</v>
      </c>
      <c r="B1042" s="2">
        <v>208</v>
      </c>
      <c r="C1042" s="1" t="s">
        <v>0</v>
      </c>
      <c r="D1042" s="2">
        <v>153870</v>
      </c>
      <c r="E1042" s="1" t="s">
        <v>0</v>
      </c>
    </row>
    <row r="1043" spans="1:5" x14ac:dyDescent="0.25">
      <c r="A1043" s="1" t="s">
        <v>199</v>
      </c>
      <c r="B1043" s="1" t="s">
        <v>5244</v>
      </c>
      <c r="C1043" s="1" t="s">
        <v>14769</v>
      </c>
      <c r="D1043" s="2">
        <v>153871</v>
      </c>
      <c r="E1043" s="1" t="s">
        <v>0</v>
      </c>
    </row>
    <row r="1044" spans="1:5" x14ac:dyDescent="0.25">
      <c r="A1044" s="1" t="s">
        <v>14770</v>
      </c>
      <c r="B1044" s="1" t="s">
        <v>58142</v>
      </c>
      <c r="C1044" s="1" t="s">
        <v>14771</v>
      </c>
      <c r="D1044" s="2">
        <v>153872</v>
      </c>
      <c r="E1044" s="1" t="s">
        <v>0</v>
      </c>
    </row>
    <row r="1045" spans="1:5" ht="409.5" x14ac:dyDescent="0.25">
      <c r="A1045" s="4" t="s">
        <v>14772</v>
      </c>
      <c r="B1045" s="1" t="s">
        <v>63174</v>
      </c>
      <c r="C1045" s="1" t="s">
        <v>14773</v>
      </c>
      <c r="D1045" s="2">
        <v>153873</v>
      </c>
      <c r="E1045" s="1" t="s">
        <v>0</v>
      </c>
    </row>
    <row r="1046" spans="1:5" x14ac:dyDescent="0.25">
      <c r="A1046" s="1" t="s">
        <v>14774</v>
      </c>
      <c r="B1046" s="1" t="s">
        <v>51336</v>
      </c>
      <c r="C1046" s="1" t="s">
        <v>14775</v>
      </c>
      <c r="D1046" s="2">
        <v>153874</v>
      </c>
      <c r="E1046" s="1" t="s">
        <v>0</v>
      </c>
    </row>
    <row r="1047" spans="1:5" x14ac:dyDescent="0.25">
      <c r="A1047" s="2">
        <v>209</v>
      </c>
      <c r="B1047" s="2">
        <v>209</v>
      </c>
      <c r="C1047" s="1" t="s">
        <v>0</v>
      </c>
      <c r="D1047" s="2">
        <v>153875</v>
      </c>
      <c r="E1047" s="1" t="s">
        <v>0</v>
      </c>
    </row>
    <row r="1048" spans="1:5" x14ac:dyDescent="0.25">
      <c r="A1048" s="1" t="s">
        <v>200</v>
      </c>
      <c r="B1048" s="1" t="s">
        <v>5245</v>
      </c>
      <c r="C1048" s="1" t="s">
        <v>14776</v>
      </c>
      <c r="D1048" s="2">
        <v>153876</v>
      </c>
      <c r="E1048" s="1" t="s">
        <v>0</v>
      </c>
    </row>
    <row r="1049" spans="1:5" x14ac:dyDescent="0.25">
      <c r="A1049" s="1" t="s">
        <v>14777</v>
      </c>
      <c r="B1049" s="1" t="s">
        <v>56678</v>
      </c>
      <c r="C1049" s="1" t="s">
        <v>14778</v>
      </c>
      <c r="D1049" s="2">
        <v>153877</v>
      </c>
      <c r="E1049" s="1" t="s">
        <v>0</v>
      </c>
    </row>
    <row r="1050" spans="1:5" ht="409.5" x14ac:dyDescent="0.25">
      <c r="A1050" s="4" t="s">
        <v>14779</v>
      </c>
      <c r="B1050" s="1" t="s">
        <v>60874</v>
      </c>
      <c r="C1050" s="1" t="s">
        <v>14780</v>
      </c>
      <c r="D1050" s="2">
        <v>153878</v>
      </c>
      <c r="E1050" s="1" t="s">
        <v>0</v>
      </c>
    </row>
    <row r="1051" spans="1:5" x14ac:dyDescent="0.25">
      <c r="A1051" s="1" t="s">
        <v>14781</v>
      </c>
      <c r="B1051" s="1" t="s">
        <v>5246</v>
      </c>
      <c r="C1051" s="1" t="s">
        <v>14782</v>
      </c>
      <c r="D1051" s="2">
        <v>153879</v>
      </c>
      <c r="E1051" s="1" t="s">
        <v>0</v>
      </c>
    </row>
    <row r="1052" spans="1:5" x14ac:dyDescent="0.25">
      <c r="A1052" s="2">
        <v>210</v>
      </c>
      <c r="B1052" s="2">
        <v>210</v>
      </c>
      <c r="C1052" s="1" t="s">
        <v>0</v>
      </c>
      <c r="D1052" s="2">
        <v>153880</v>
      </c>
      <c r="E1052" s="1" t="s">
        <v>0</v>
      </c>
    </row>
    <row r="1053" spans="1:5" x14ac:dyDescent="0.25">
      <c r="A1053" s="1" t="s">
        <v>201</v>
      </c>
      <c r="B1053" s="1" t="s">
        <v>5247</v>
      </c>
      <c r="C1053" s="1" t="s">
        <v>14783</v>
      </c>
      <c r="D1053" s="2">
        <v>153881</v>
      </c>
      <c r="E1053" s="1" t="s">
        <v>0</v>
      </c>
    </row>
    <row r="1054" spans="1:5" x14ac:dyDescent="0.25">
      <c r="A1054" s="1" t="s">
        <v>14784</v>
      </c>
      <c r="B1054" s="1" t="s">
        <v>60875</v>
      </c>
      <c r="C1054" s="1" t="s">
        <v>14785</v>
      </c>
      <c r="D1054" s="2">
        <v>153882</v>
      </c>
      <c r="E1054" s="1" t="s">
        <v>0</v>
      </c>
    </row>
    <row r="1055" spans="1:5" ht="409.5" x14ac:dyDescent="0.25">
      <c r="A1055" s="4" t="s">
        <v>14786</v>
      </c>
      <c r="B1055" s="1" t="s">
        <v>60876</v>
      </c>
      <c r="C1055" s="1" t="s">
        <v>14787</v>
      </c>
      <c r="D1055" s="2">
        <v>153883</v>
      </c>
      <c r="E1055" s="1" t="s">
        <v>0</v>
      </c>
    </row>
    <row r="1056" spans="1:5" x14ac:dyDescent="0.25">
      <c r="A1056" s="1" t="s">
        <v>14788</v>
      </c>
      <c r="B1056" s="1" t="s">
        <v>51337</v>
      </c>
      <c r="C1056" s="1" t="s">
        <v>14789</v>
      </c>
      <c r="D1056" s="2">
        <v>153884</v>
      </c>
      <c r="E1056" s="1" t="s">
        <v>0</v>
      </c>
    </row>
    <row r="1057" spans="1:5" x14ac:dyDescent="0.25">
      <c r="A1057" s="2">
        <v>211</v>
      </c>
      <c r="B1057" s="2">
        <v>211</v>
      </c>
      <c r="C1057" s="1" t="s">
        <v>0</v>
      </c>
      <c r="D1057" s="2">
        <v>153885</v>
      </c>
      <c r="E1057" s="1" t="s">
        <v>0</v>
      </c>
    </row>
    <row r="1058" spans="1:5" x14ac:dyDescent="0.25">
      <c r="A1058" s="1" t="s">
        <v>202</v>
      </c>
      <c r="B1058" s="1" t="s">
        <v>57375</v>
      </c>
      <c r="C1058" s="1" t="s">
        <v>14790</v>
      </c>
      <c r="D1058" s="2">
        <v>153886</v>
      </c>
      <c r="E1058" s="1" t="s">
        <v>0</v>
      </c>
    </row>
    <row r="1059" spans="1:5" x14ac:dyDescent="0.25">
      <c r="A1059" s="1" t="s">
        <v>14791</v>
      </c>
      <c r="B1059" s="1" t="s">
        <v>61974</v>
      </c>
      <c r="C1059" s="1" t="s">
        <v>14792</v>
      </c>
      <c r="D1059" s="2">
        <v>153887</v>
      </c>
      <c r="E1059" s="1" t="s">
        <v>0</v>
      </c>
    </row>
    <row r="1060" spans="1:5" ht="409.5" x14ac:dyDescent="0.25">
      <c r="A1060" s="4" t="s">
        <v>14793</v>
      </c>
      <c r="B1060" s="1" t="s">
        <v>61975</v>
      </c>
      <c r="C1060" s="1" t="s">
        <v>14794</v>
      </c>
      <c r="D1060" s="2">
        <v>153888</v>
      </c>
      <c r="E1060" s="1" t="s">
        <v>0</v>
      </c>
    </row>
    <row r="1061" spans="1:5" x14ac:dyDescent="0.25">
      <c r="A1061" s="1" t="s">
        <v>14795</v>
      </c>
      <c r="B1061" s="1" t="s">
        <v>51338</v>
      </c>
      <c r="C1061" s="1" t="s">
        <v>14796</v>
      </c>
      <c r="D1061" s="2">
        <v>153889</v>
      </c>
      <c r="E1061" s="1" t="s">
        <v>0</v>
      </c>
    </row>
    <row r="1062" spans="1:5" x14ac:dyDescent="0.25">
      <c r="A1062" s="2">
        <v>212</v>
      </c>
      <c r="B1062" s="2">
        <v>212</v>
      </c>
      <c r="C1062" s="1" t="s">
        <v>0</v>
      </c>
      <c r="D1062" s="2">
        <v>153890</v>
      </c>
      <c r="E1062" s="1" t="s">
        <v>0</v>
      </c>
    </row>
    <row r="1063" spans="1:5" x14ac:dyDescent="0.25">
      <c r="A1063" s="1" t="s">
        <v>203</v>
      </c>
      <c r="B1063" s="1" t="s">
        <v>5248</v>
      </c>
      <c r="C1063" s="1" t="s">
        <v>14797</v>
      </c>
      <c r="D1063" s="2">
        <v>153891</v>
      </c>
      <c r="E1063" s="1" t="s">
        <v>0</v>
      </c>
    </row>
    <row r="1064" spans="1:5" x14ac:dyDescent="0.25">
      <c r="A1064" s="1" t="s">
        <v>14798</v>
      </c>
      <c r="B1064" s="1" t="s">
        <v>12969</v>
      </c>
      <c r="C1064" s="1" t="s">
        <v>14799</v>
      </c>
      <c r="D1064" s="2">
        <v>153892</v>
      </c>
      <c r="E1064" s="1" t="s">
        <v>0</v>
      </c>
    </row>
    <row r="1065" spans="1:5" ht="409.5" x14ac:dyDescent="0.25">
      <c r="A1065" s="4" t="s">
        <v>14800</v>
      </c>
      <c r="B1065" s="1" t="s">
        <v>51339</v>
      </c>
      <c r="C1065" s="1" t="s">
        <v>14801</v>
      </c>
      <c r="D1065" s="2">
        <v>153893</v>
      </c>
      <c r="E1065" s="1" t="s">
        <v>0</v>
      </c>
    </row>
    <row r="1066" spans="1:5" x14ac:dyDescent="0.25">
      <c r="A1066" s="1" t="s">
        <v>14802</v>
      </c>
      <c r="B1066" s="1" t="s">
        <v>204</v>
      </c>
      <c r="C1066" s="1" t="s">
        <v>14803</v>
      </c>
      <c r="D1066" s="2">
        <v>153894</v>
      </c>
      <c r="E1066" s="1" t="s">
        <v>0</v>
      </c>
    </row>
    <row r="1067" spans="1:5" x14ac:dyDescent="0.25">
      <c r="A1067" s="2">
        <v>213</v>
      </c>
      <c r="B1067" s="2">
        <v>213</v>
      </c>
      <c r="C1067" s="1" t="s">
        <v>0</v>
      </c>
      <c r="D1067" s="2">
        <v>153895</v>
      </c>
      <c r="E1067" s="1" t="s">
        <v>0</v>
      </c>
    </row>
    <row r="1068" spans="1:5" x14ac:dyDescent="0.25">
      <c r="A1068" s="1" t="s">
        <v>205</v>
      </c>
      <c r="B1068" s="1" t="s">
        <v>5249</v>
      </c>
      <c r="C1068" s="1" t="s">
        <v>14804</v>
      </c>
      <c r="D1068" s="2">
        <v>153896</v>
      </c>
      <c r="E1068" s="1" t="s">
        <v>0</v>
      </c>
    </row>
    <row r="1069" spans="1:5" x14ac:dyDescent="0.25">
      <c r="A1069" s="1" t="s">
        <v>14805</v>
      </c>
      <c r="B1069" s="1" t="s">
        <v>58143</v>
      </c>
      <c r="C1069" s="1" t="s">
        <v>14806</v>
      </c>
      <c r="D1069" s="2">
        <v>153897</v>
      </c>
      <c r="E1069" s="1" t="s">
        <v>0</v>
      </c>
    </row>
    <row r="1070" spans="1:5" ht="409.5" x14ac:dyDescent="0.25">
      <c r="A1070" s="4" t="s">
        <v>14807</v>
      </c>
      <c r="B1070" s="1" t="s">
        <v>61976</v>
      </c>
      <c r="C1070" s="1" t="s">
        <v>14808</v>
      </c>
      <c r="D1070" s="2">
        <v>153898</v>
      </c>
      <c r="E1070" s="1" t="s">
        <v>0</v>
      </c>
    </row>
    <row r="1071" spans="1:5" x14ac:dyDescent="0.25">
      <c r="A1071" s="1" t="s">
        <v>14809</v>
      </c>
      <c r="B1071" s="1" t="s">
        <v>60877</v>
      </c>
      <c r="C1071" s="1" t="s">
        <v>14810</v>
      </c>
      <c r="D1071" s="2">
        <v>153899</v>
      </c>
      <c r="E1071" s="1" t="s">
        <v>0</v>
      </c>
    </row>
    <row r="1072" spans="1:5" x14ac:dyDescent="0.25">
      <c r="A1072" s="2">
        <v>214</v>
      </c>
      <c r="B1072" s="2">
        <v>214</v>
      </c>
      <c r="C1072" s="1" t="s">
        <v>0</v>
      </c>
      <c r="D1072" s="2">
        <v>153900</v>
      </c>
      <c r="E1072" s="1" t="s">
        <v>0</v>
      </c>
    </row>
    <row r="1073" spans="1:5" x14ac:dyDescent="0.25">
      <c r="A1073" s="1" t="s">
        <v>206</v>
      </c>
      <c r="B1073" s="1" t="s">
        <v>5250</v>
      </c>
      <c r="C1073" s="1" t="s">
        <v>14811</v>
      </c>
      <c r="D1073" s="2">
        <v>153901</v>
      </c>
      <c r="E1073" s="1" t="s">
        <v>0</v>
      </c>
    </row>
    <row r="1074" spans="1:5" x14ac:dyDescent="0.25">
      <c r="A1074" s="1" t="s">
        <v>14812</v>
      </c>
      <c r="B1074" s="1" t="s">
        <v>5251</v>
      </c>
      <c r="C1074" s="1" t="s">
        <v>14813</v>
      </c>
      <c r="D1074" s="2">
        <v>153902</v>
      </c>
      <c r="E1074" s="1" t="s">
        <v>0</v>
      </c>
    </row>
    <row r="1075" spans="1:5" ht="409.5" x14ac:dyDescent="0.25">
      <c r="A1075" s="4" t="s">
        <v>14814</v>
      </c>
      <c r="B1075" s="1" t="s">
        <v>51340</v>
      </c>
      <c r="C1075" s="1" t="s">
        <v>14815</v>
      </c>
      <c r="D1075" s="2">
        <v>153903</v>
      </c>
      <c r="E1075" s="1" t="s">
        <v>0</v>
      </c>
    </row>
    <row r="1076" spans="1:5" x14ac:dyDescent="0.25">
      <c r="A1076" s="1" t="s">
        <v>14816</v>
      </c>
      <c r="B1076" s="1" t="s">
        <v>5252</v>
      </c>
      <c r="C1076" s="1" t="s">
        <v>14817</v>
      </c>
      <c r="D1076" s="2">
        <v>153904</v>
      </c>
      <c r="E1076" s="1" t="s">
        <v>0</v>
      </c>
    </row>
    <row r="1077" spans="1:5" x14ac:dyDescent="0.25">
      <c r="A1077" s="2">
        <v>215</v>
      </c>
      <c r="B1077" s="2">
        <v>215</v>
      </c>
      <c r="C1077" s="1" t="s">
        <v>0</v>
      </c>
      <c r="D1077" s="2">
        <v>153905</v>
      </c>
      <c r="E1077" s="1" t="s">
        <v>0</v>
      </c>
    </row>
    <row r="1078" spans="1:5" x14ac:dyDescent="0.25">
      <c r="A1078" s="1" t="s">
        <v>207</v>
      </c>
      <c r="B1078" s="1" t="s">
        <v>5253</v>
      </c>
      <c r="C1078" s="1" t="s">
        <v>14818</v>
      </c>
      <c r="D1078" s="2">
        <v>153906</v>
      </c>
      <c r="E1078" s="1" t="s">
        <v>0</v>
      </c>
    </row>
    <row r="1079" spans="1:5" x14ac:dyDescent="0.25">
      <c r="A1079" s="1" t="s">
        <v>14819</v>
      </c>
      <c r="B1079" s="1" t="s">
        <v>51341</v>
      </c>
      <c r="C1079" s="1" t="s">
        <v>14820</v>
      </c>
      <c r="D1079" s="2">
        <v>153907</v>
      </c>
      <c r="E1079" s="1" t="s">
        <v>0</v>
      </c>
    </row>
    <row r="1080" spans="1:5" ht="409.5" x14ac:dyDescent="0.25">
      <c r="A1080" s="4" t="s">
        <v>63939</v>
      </c>
      <c r="B1080" s="1" t="s">
        <v>51342</v>
      </c>
      <c r="C1080" s="1" t="s">
        <v>14821</v>
      </c>
      <c r="D1080" s="2">
        <v>153908</v>
      </c>
      <c r="E1080" s="1" t="s">
        <v>0</v>
      </c>
    </row>
    <row r="1081" spans="1:5" x14ac:dyDescent="0.25">
      <c r="A1081" s="1" t="s">
        <v>14822</v>
      </c>
      <c r="B1081" s="1" t="s">
        <v>5254</v>
      </c>
      <c r="C1081" s="1" t="s">
        <v>14823</v>
      </c>
      <c r="D1081" s="2">
        <v>153909</v>
      </c>
      <c r="E1081" s="1" t="s">
        <v>0</v>
      </c>
    </row>
    <row r="1082" spans="1:5" x14ac:dyDescent="0.25">
      <c r="A1082" s="2">
        <v>216</v>
      </c>
      <c r="B1082" s="2">
        <v>216</v>
      </c>
      <c r="C1082" s="1" t="s">
        <v>0</v>
      </c>
      <c r="D1082" s="2">
        <v>153910</v>
      </c>
      <c r="E1082" s="1" t="s">
        <v>0</v>
      </c>
    </row>
    <row r="1083" spans="1:5" x14ac:dyDescent="0.25">
      <c r="A1083" s="1" t="s">
        <v>208</v>
      </c>
      <c r="B1083" s="1" t="s">
        <v>5255</v>
      </c>
      <c r="C1083" s="1" t="s">
        <v>14824</v>
      </c>
      <c r="D1083" s="2">
        <v>153911</v>
      </c>
      <c r="E1083" s="1" t="s">
        <v>0</v>
      </c>
    </row>
    <row r="1084" spans="1:5" x14ac:dyDescent="0.25">
      <c r="A1084" s="1" t="s">
        <v>14825</v>
      </c>
      <c r="B1084" s="1" t="s">
        <v>50362</v>
      </c>
      <c r="C1084" s="1" t="s">
        <v>14826</v>
      </c>
      <c r="D1084" s="2">
        <v>153912</v>
      </c>
      <c r="E1084" s="1" t="s">
        <v>0</v>
      </c>
    </row>
    <row r="1085" spans="1:5" ht="409.5" x14ac:dyDescent="0.25">
      <c r="A1085" s="4" t="s">
        <v>14827</v>
      </c>
      <c r="B1085" s="1" t="s">
        <v>50363</v>
      </c>
      <c r="C1085" s="1" t="s">
        <v>14828</v>
      </c>
      <c r="D1085" s="2">
        <v>153913</v>
      </c>
      <c r="E1085" s="1" t="s">
        <v>0</v>
      </c>
    </row>
    <row r="1086" spans="1:5" x14ac:dyDescent="0.25">
      <c r="A1086" s="1" t="s">
        <v>14829</v>
      </c>
      <c r="B1086" s="1" t="s">
        <v>51343</v>
      </c>
      <c r="C1086" s="1" t="s">
        <v>14830</v>
      </c>
      <c r="D1086" s="2">
        <v>153914</v>
      </c>
      <c r="E1086" s="1" t="s">
        <v>0</v>
      </c>
    </row>
    <row r="1087" spans="1:5" x14ac:dyDescent="0.25">
      <c r="A1087" s="2">
        <v>217</v>
      </c>
      <c r="B1087" s="2">
        <v>217</v>
      </c>
      <c r="C1087" s="1" t="s">
        <v>0</v>
      </c>
      <c r="D1087" s="2">
        <v>153915</v>
      </c>
      <c r="E1087" s="1" t="s">
        <v>0</v>
      </c>
    </row>
    <row r="1088" spans="1:5" x14ac:dyDescent="0.25">
      <c r="A1088" s="1" t="s">
        <v>209</v>
      </c>
      <c r="B1088" s="1" t="s">
        <v>50364</v>
      </c>
      <c r="C1088" s="1" t="s">
        <v>14831</v>
      </c>
      <c r="D1088" s="2">
        <v>153916</v>
      </c>
      <c r="E1088" s="1" t="s">
        <v>0</v>
      </c>
    </row>
    <row r="1089" spans="1:5" x14ac:dyDescent="0.25">
      <c r="A1089" s="1" t="s">
        <v>14832</v>
      </c>
      <c r="B1089" s="1" t="s">
        <v>59738</v>
      </c>
      <c r="C1089" s="1" t="s">
        <v>14833</v>
      </c>
      <c r="D1089" s="2">
        <v>153917</v>
      </c>
      <c r="E1089" s="1" t="s">
        <v>0</v>
      </c>
    </row>
    <row r="1090" spans="1:5" ht="409.5" x14ac:dyDescent="0.25">
      <c r="A1090" s="4" t="s">
        <v>14834</v>
      </c>
      <c r="B1090" s="1" t="s">
        <v>60878</v>
      </c>
      <c r="C1090" s="1" t="s">
        <v>14835</v>
      </c>
      <c r="D1090" s="2">
        <v>153918</v>
      </c>
      <c r="E1090" s="1" t="s">
        <v>0</v>
      </c>
    </row>
    <row r="1091" spans="1:5" x14ac:dyDescent="0.25">
      <c r="A1091" s="1" t="s">
        <v>14836</v>
      </c>
      <c r="B1091" s="1" t="s">
        <v>5256</v>
      </c>
      <c r="C1091" s="1" t="s">
        <v>14837</v>
      </c>
      <c r="D1091" s="2">
        <v>153919</v>
      </c>
      <c r="E1091" s="1" t="s">
        <v>0</v>
      </c>
    </row>
    <row r="1092" spans="1:5" x14ac:dyDescent="0.25">
      <c r="A1092" s="2">
        <v>218</v>
      </c>
      <c r="B1092" s="2">
        <v>218</v>
      </c>
      <c r="C1092" s="1" t="s">
        <v>0</v>
      </c>
      <c r="D1092" s="2">
        <v>153920</v>
      </c>
      <c r="E1092" s="1" t="s">
        <v>0</v>
      </c>
    </row>
    <row r="1093" spans="1:5" x14ac:dyDescent="0.25">
      <c r="A1093" s="1" t="s">
        <v>210</v>
      </c>
      <c r="B1093" s="1" t="s">
        <v>5257</v>
      </c>
      <c r="C1093" s="1" t="s">
        <v>14838</v>
      </c>
      <c r="D1093" s="2">
        <v>153921</v>
      </c>
      <c r="E1093" s="1" t="s">
        <v>0</v>
      </c>
    </row>
    <row r="1094" spans="1:5" x14ac:dyDescent="0.25">
      <c r="A1094" s="1" t="s">
        <v>61738</v>
      </c>
      <c r="B1094" s="1" t="s">
        <v>58144</v>
      </c>
      <c r="C1094" s="1" t="s">
        <v>14839</v>
      </c>
      <c r="D1094" s="2">
        <v>153922</v>
      </c>
      <c r="E1094" s="1" t="s">
        <v>0</v>
      </c>
    </row>
    <row r="1095" spans="1:5" ht="409.5" x14ac:dyDescent="0.25">
      <c r="A1095" s="4" t="s">
        <v>61739</v>
      </c>
      <c r="B1095" s="1" t="s">
        <v>58145</v>
      </c>
      <c r="C1095" s="1" t="s">
        <v>14840</v>
      </c>
      <c r="D1095" s="2">
        <v>153923</v>
      </c>
      <c r="E1095" s="1" t="s">
        <v>0</v>
      </c>
    </row>
    <row r="1096" spans="1:5" x14ac:dyDescent="0.25">
      <c r="A1096" s="1" t="s">
        <v>14841</v>
      </c>
      <c r="B1096" s="1" t="s">
        <v>51344</v>
      </c>
      <c r="C1096" s="1" t="s">
        <v>14842</v>
      </c>
      <c r="D1096" s="2">
        <v>153924</v>
      </c>
      <c r="E1096" s="1" t="s">
        <v>0</v>
      </c>
    </row>
    <row r="1097" spans="1:5" x14ac:dyDescent="0.25">
      <c r="A1097" s="2">
        <v>219</v>
      </c>
      <c r="B1097" s="2">
        <v>219</v>
      </c>
      <c r="C1097" s="1" t="s">
        <v>0</v>
      </c>
      <c r="D1097" s="2">
        <v>153925</v>
      </c>
      <c r="E1097" s="1" t="s">
        <v>0</v>
      </c>
    </row>
    <row r="1098" spans="1:5" x14ac:dyDescent="0.25">
      <c r="A1098" s="1" t="s">
        <v>211</v>
      </c>
      <c r="B1098" s="1" t="s">
        <v>51345</v>
      </c>
      <c r="C1098" s="1" t="s">
        <v>14843</v>
      </c>
      <c r="D1098" s="2">
        <v>153926</v>
      </c>
      <c r="E1098" s="1" t="s">
        <v>0</v>
      </c>
    </row>
    <row r="1099" spans="1:5" x14ac:dyDescent="0.25">
      <c r="A1099" s="1" t="s">
        <v>14844</v>
      </c>
      <c r="B1099" s="1" t="s">
        <v>5258</v>
      </c>
      <c r="C1099" s="1" t="s">
        <v>14845</v>
      </c>
      <c r="D1099" s="2">
        <v>153927</v>
      </c>
      <c r="E1099" s="1" t="s">
        <v>0</v>
      </c>
    </row>
    <row r="1100" spans="1:5" ht="409.5" x14ac:dyDescent="0.25">
      <c r="A1100" s="4" t="s">
        <v>14846</v>
      </c>
      <c r="B1100" s="1" t="s">
        <v>5259</v>
      </c>
      <c r="C1100" s="1" t="s">
        <v>14847</v>
      </c>
      <c r="D1100" s="2">
        <v>153928</v>
      </c>
      <c r="E1100" s="1" t="s">
        <v>0</v>
      </c>
    </row>
    <row r="1101" spans="1:5" x14ac:dyDescent="0.25">
      <c r="A1101" s="1" t="s">
        <v>14848</v>
      </c>
      <c r="B1101" s="1" t="s">
        <v>50365</v>
      </c>
      <c r="C1101" s="1" t="s">
        <v>14849</v>
      </c>
      <c r="D1101" s="2">
        <v>153929</v>
      </c>
      <c r="E1101" s="1" t="s">
        <v>0</v>
      </c>
    </row>
    <row r="1102" spans="1:5" x14ac:dyDescent="0.25">
      <c r="A1102" s="2">
        <v>220</v>
      </c>
      <c r="B1102" s="2">
        <v>220</v>
      </c>
      <c r="C1102" s="1" t="s">
        <v>0</v>
      </c>
      <c r="D1102" s="2">
        <v>153930</v>
      </c>
      <c r="E1102" s="1" t="s">
        <v>0</v>
      </c>
    </row>
    <row r="1103" spans="1:5" x14ac:dyDescent="0.25">
      <c r="A1103" s="1" t="s">
        <v>212</v>
      </c>
      <c r="B1103" s="1" t="s">
        <v>5260</v>
      </c>
      <c r="C1103" s="1" t="s">
        <v>14850</v>
      </c>
      <c r="D1103" s="2">
        <v>153931</v>
      </c>
      <c r="E1103" s="1" t="s">
        <v>0</v>
      </c>
    </row>
    <row r="1104" spans="1:5" x14ac:dyDescent="0.25">
      <c r="A1104" s="1" t="s">
        <v>14851</v>
      </c>
      <c r="B1104" s="1" t="s">
        <v>51346</v>
      </c>
      <c r="C1104" s="1" t="s">
        <v>14852</v>
      </c>
      <c r="D1104" s="2">
        <v>153932</v>
      </c>
      <c r="E1104" s="1" t="s">
        <v>0</v>
      </c>
    </row>
    <row r="1105" spans="1:5" ht="409.5" x14ac:dyDescent="0.25">
      <c r="A1105" s="4" t="s">
        <v>14853</v>
      </c>
      <c r="B1105" s="1" t="s">
        <v>51347</v>
      </c>
      <c r="C1105" s="1" t="s">
        <v>14854</v>
      </c>
      <c r="D1105" s="2">
        <v>153933</v>
      </c>
      <c r="E1105" s="1" t="s">
        <v>0</v>
      </c>
    </row>
    <row r="1106" spans="1:5" x14ac:dyDescent="0.25">
      <c r="A1106" s="1" t="s">
        <v>14855</v>
      </c>
      <c r="B1106" s="1" t="s">
        <v>60879</v>
      </c>
      <c r="C1106" s="1" t="s">
        <v>14856</v>
      </c>
      <c r="D1106" s="2">
        <v>153934</v>
      </c>
      <c r="E1106" s="1" t="s">
        <v>0</v>
      </c>
    </row>
    <row r="1107" spans="1:5" x14ac:dyDescent="0.25">
      <c r="A1107" s="2">
        <v>221</v>
      </c>
      <c r="B1107" s="2">
        <v>221</v>
      </c>
      <c r="C1107" s="1" t="s">
        <v>0</v>
      </c>
      <c r="D1107" s="2">
        <v>153935</v>
      </c>
      <c r="E1107" s="1" t="s">
        <v>0</v>
      </c>
    </row>
    <row r="1108" spans="1:5" x14ac:dyDescent="0.25">
      <c r="A1108" s="1" t="s">
        <v>213</v>
      </c>
      <c r="B1108" s="1" t="s">
        <v>5261</v>
      </c>
      <c r="C1108" s="1" t="s">
        <v>14857</v>
      </c>
      <c r="D1108" s="2">
        <v>153936</v>
      </c>
      <c r="E1108" s="1" t="s">
        <v>0</v>
      </c>
    </row>
    <row r="1109" spans="1:5" x14ac:dyDescent="0.25">
      <c r="A1109" s="1" t="s">
        <v>14858</v>
      </c>
      <c r="B1109" s="1" t="s">
        <v>12970</v>
      </c>
      <c r="C1109" s="1" t="s">
        <v>14859</v>
      </c>
      <c r="D1109" s="2">
        <v>153937</v>
      </c>
      <c r="E1109" s="1" t="s">
        <v>0</v>
      </c>
    </row>
    <row r="1110" spans="1:5" ht="409.5" x14ac:dyDescent="0.25">
      <c r="A1110" s="4" t="s">
        <v>14860</v>
      </c>
      <c r="B1110" s="1" t="s">
        <v>51348</v>
      </c>
      <c r="C1110" s="1" t="s">
        <v>14861</v>
      </c>
      <c r="D1110" s="2">
        <v>153938</v>
      </c>
      <c r="E1110" s="1" t="s">
        <v>0</v>
      </c>
    </row>
    <row r="1111" spans="1:5" x14ac:dyDescent="0.25">
      <c r="A1111" s="1" t="s">
        <v>14862</v>
      </c>
      <c r="B1111" s="1" t="s">
        <v>5262</v>
      </c>
      <c r="C1111" s="1" t="s">
        <v>14863</v>
      </c>
      <c r="D1111" s="2">
        <v>153939</v>
      </c>
      <c r="E1111" s="1" t="s">
        <v>0</v>
      </c>
    </row>
    <row r="1112" spans="1:5" x14ac:dyDescent="0.25">
      <c r="A1112" s="2">
        <v>222</v>
      </c>
      <c r="B1112" s="2">
        <v>222</v>
      </c>
      <c r="C1112" s="1" t="s">
        <v>0</v>
      </c>
      <c r="D1112" s="2">
        <v>153940</v>
      </c>
      <c r="E1112" s="1" t="s">
        <v>0</v>
      </c>
    </row>
    <row r="1113" spans="1:5" x14ac:dyDescent="0.25">
      <c r="A1113" s="1" t="s">
        <v>214</v>
      </c>
      <c r="B1113" s="1" t="s">
        <v>5263</v>
      </c>
      <c r="C1113" s="1" t="s">
        <v>14864</v>
      </c>
      <c r="D1113" s="2">
        <v>153941</v>
      </c>
      <c r="E1113" s="1" t="s">
        <v>0</v>
      </c>
    </row>
    <row r="1114" spans="1:5" x14ac:dyDescent="0.25">
      <c r="A1114" s="1" t="s">
        <v>14865</v>
      </c>
      <c r="B1114" s="1" t="s">
        <v>5264</v>
      </c>
      <c r="C1114" s="1" t="s">
        <v>14866</v>
      </c>
      <c r="D1114" s="2">
        <v>153942</v>
      </c>
      <c r="E1114" s="1" t="s">
        <v>0</v>
      </c>
    </row>
    <row r="1115" spans="1:5" ht="409.5" x14ac:dyDescent="0.25">
      <c r="A1115" s="4" t="s">
        <v>14867</v>
      </c>
      <c r="B1115" s="1" t="s">
        <v>57376</v>
      </c>
      <c r="C1115" s="1" t="s">
        <v>14868</v>
      </c>
      <c r="D1115" s="2">
        <v>153943</v>
      </c>
      <c r="E1115" s="1" t="s">
        <v>0</v>
      </c>
    </row>
    <row r="1116" spans="1:5" x14ac:dyDescent="0.25">
      <c r="A1116" s="1" t="s">
        <v>14869</v>
      </c>
      <c r="B1116" s="1" t="s">
        <v>51349</v>
      </c>
      <c r="C1116" s="1" t="s">
        <v>14870</v>
      </c>
      <c r="D1116" s="2">
        <v>153944</v>
      </c>
      <c r="E1116" s="1" t="s">
        <v>0</v>
      </c>
    </row>
    <row r="1117" spans="1:5" x14ac:dyDescent="0.25">
      <c r="A1117" s="2">
        <v>223</v>
      </c>
      <c r="B1117" s="2">
        <v>223</v>
      </c>
      <c r="C1117" s="1" t="s">
        <v>0</v>
      </c>
      <c r="D1117" s="2">
        <v>153945</v>
      </c>
      <c r="E1117" s="1" t="s">
        <v>0</v>
      </c>
    </row>
    <row r="1118" spans="1:5" x14ac:dyDescent="0.25">
      <c r="A1118" s="1" t="s">
        <v>215</v>
      </c>
      <c r="B1118" s="1" t="s">
        <v>5265</v>
      </c>
      <c r="C1118" s="1" t="s">
        <v>14871</v>
      </c>
      <c r="D1118" s="2">
        <v>153946</v>
      </c>
      <c r="E1118" s="1" t="s">
        <v>0</v>
      </c>
    </row>
    <row r="1119" spans="1:5" x14ac:dyDescent="0.25">
      <c r="A1119" s="1" t="s">
        <v>14872</v>
      </c>
      <c r="B1119" s="1" t="s">
        <v>61977</v>
      </c>
      <c r="C1119" s="1" t="s">
        <v>14873</v>
      </c>
      <c r="D1119" s="2">
        <v>153947</v>
      </c>
      <c r="E1119" s="1" t="s">
        <v>0</v>
      </c>
    </row>
    <row r="1120" spans="1:5" ht="409.5" x14ac:dyDescent="0.25">
      <c r="A1120" s="4" t="s">
        <v>14874</v>
      </c>
      <c r="B1120" s="1" t="s">
        <v>61978</v>
      </c>
      <c r="C1120" s="1" t="s">
        <v>14875</v>
      </c>
      <c r="D1120" s="2">
        <v>153948</v>
      </c>
      <c r="E1120" s="1" t="s">
        <v>0</v>
      </c>
    </row>
    <row r="1121" spans="1:5" x14ac:dyDescent="0.25">
      <c r="A1121" s="1" t="s">
        <v>14876</v>
      </c>
      <c r="B1121" s="1" t="s">
        <v>5266</v>
      </c>
      <c r="C1121" s="1" t="s">
        <v>14877</v>
      </c>
      <c r="D1121" s="2">
        <v>153949</v>
      </c>
      <c r="E1121" s="1" t="s">
        <v>0</v>
      </c>
    </row>
    <row r="1122" spans="1:5" x14ac:dyDescent="0.25">
      <c r="A1122" s="2">
        <v>224</v>
      </c>
      <c r="B1122" s="2">
        <v>224</v>
      </c>
      <c r="C1122" s="1" t="s">
        <v>0</v>
      </c>
      <c r="D1122" s="2">
        <v>153950</v>
      </c>
      <c r="E1122" s="1" t="s">
        <v>0</v>
      </c>
    </row>
    <row r="1123" spans="1:5" x14ac:dyDescent="0.25">
      <c r="A1123" s="1" t="s">
        <v>216</v>
      </c>
      <c r="B1123" s="1" t="s">
        <v>57377</v>
      </c>
      <c r="C1123" s="1" t="s">
        <v>14878</v>
      </c>
      <c r="D1123" s="2">
        <v>153951</v>
      </c>
      <c r="E1123" s="1" t="s">
        <v>0</v>
      </c>
    </row>
    <row r="1124" spans="1:5" x14ac:dyDescent="0.25">
      <c r="A1124" s="1" t="s">
        <v>14879</v>
      </c>
      <c r="B1124" s="1" t="s">
        <v>57378</v>
      </c>
      <c r="C1124" s="1" t="s">
        <v>14880</v>
      </c>
      <c r="D1124" s="2">
        <v>153952</v>
      </c>
      <c r="E1124" s="1" t="s">
        <v>0</v>
      </c>
    </row>
    <row r="1125" spans="1:5" ht="409.5" x14ac:dyDescent="0.25">
      <c r="A1125" s="4" t="s">
        <v>14881</v>
      </c>
      <c r="B1125" s="1" t="s">
        <v>57379</v>
      </c>
      <c r="C1125" s="1" t="s">
        <v>14882</v>
      </c>
      <c r="D1125" s="2">
        <v>153953</v>
      </c>
      <c r="E1125" s="1" t="s">
        <v>0</v>
      </c>
    </row>
    <row r="1126" spans="1:5" x14ac:dyDescent="0.25">
      <c r="A1126" s="1" t="s">
        <v>14883</v>
      </c>
      <c r="B1126" s="1" t="s">
        <v>57380</v>
      </c>
      <c r="C1126" s="1" t="s">
        <v>14884</v>
      </c>
      <c r="D1126" s="2">
        <v>153954</v>
      </c>
      <c r="E1126" s="1" t="s">
        <v>0</v>
      </c>
    </row>
    <row r="1127" spans="1:5" x14ac:dyDescent="0.25">
      <c r="A1127" s="2">
        <v>225</v>
      </c>
      <c r="B1127" s="2">
        <v>225</v>
      </c>
      <c r="C1127" s="1" t="s">
        <v>0</v>
      </c>
      <c r="D1127" s="2">
        <v>153955</v>
      </c>
      <c r="E1127" s="1" t="s">
        <v>0</v>
      </c>
    </row>
    <row r="1128" spans="1:5" x14ac:dyDescent="0.25">
      <c r="A1128" s="1" t="s">
        <v>217</v>
      </c>
      <c r="B1128" s="1" t="s">
        <v>5267</v>
      </c>
      <c r="C1128" s="1" t="s">
        <v>14885</v>
      </c>
      <c r="D1128" s="2">
        <v>153956</v>
      </c>
      <c r="E1128" s="1" t="s">
        <v>0</v>
      </c>
    </row>
    <row r="1129" spans="1:5" x14ac:dyDescent="0.25">
      <c r="A1129" s="1" t="s">
        <v>14886</v>
      </c>
      <c r="B1129" s="1" t="s">
        <v>61979</v>
      </c>
      <c r="C1129" s="1" t="s">
        <v>14887</v>
      </c>
      <c r="D1129" s="2">
        <v>153957</v>
      </c>
      <c r="E1129" s="1" t="s">
        <v>0</v>
      </c>
    </row>
    <row r="1130" spans="1:5" ht="409.5" x14ac:dyDescent="0.25">
      <c r="A1130" s="4" t="s">
        <v>14888</v>
      </c>
      <c r="B1130" s="1" t="s">
        <v>61980</v>
      </c>
      <c r="C1130" s="1" t="s">
        <v>14889</v>
      </c>
      <c r="D1130" s="2">
        <v>153958</v>
      </c>
      <c r="E1130" s="1" t="s">
        <v>0</v>
      </c>
    </row>
    <row r="1131" spans="1:5" x14ac:dyDescent="0.25">
      <c r="A1131" s="1" t="s">
        <v>14890</v>
      </c>
      <c r="B1131" s="1" t="s">
        <v>5268</v>
      </c>
      <c r="C1131" s="1" t="s">
        <v>14891</v>
      </c>
      <c r="D1131" s="2">
        <v>153959</v>
      </c>
      <c r="E1131" s="1" t="s">
        <v>0</v>
      </c>
    </row>
    <row r="1132" spans="1:5" x14ac:dyDescent="0.25">
      <c r="A1132" s="2">
        <v>226</v>
      </c>
      <c r="B1132" s="2">
        <v>226</v>
      </c>
      <c r="C1132" s="1" t="s">
        <v>0</v>
      </c>
      <c r="D1132" s="2">
        <v>153960</v>
      </c>
      <c r="E1132" s="1" t="s">
        <v>0</v>
      </c>
    </row>
    <row r="1133" spans="1:5" x14ac:dyDescent="0.25">
      <c r="A1133" s="1" t="s">
        <v>218</v>
      </c>
      <c r="B1133" s="1" t="s">
        <v>5269</v>
      </c>
      <c r="C1133" s="1" t="s">
        <v>14892</v>
      </c>
      <c r="D1133" s="2">
        <v>153961</v>
      </c>
      <c r="E1133" s="1" t="s">
        <v>0</v>
      </c>
    </row>
    <row r="1134" spans="1:5" x14ac:dyDescent="0.25">
      <c r="A1134" s="1" t="s">
        <v>14893</v>
      </c>
      <c r="B1134" s="1" t="s">
        <v>5270</v>
      </c>
      <c r="C1134" s="1" t="s">
        <v>14894</v>
      </c>
      <c r="D1134" s="2">
        <v>153962</v>
      </c>
      <c r="E1134" s="1" t="s">
        <v>0</v>
      </c>
    </row>
    <row r="1135" spans="1:5" ht="409.5" x14ac:dyDescent="0.25">
      <c r="A1135" s="4" t="s">
        <v>63940</v>
      </c>
      <c r="B1135" s="1" t="s">
        <v>51350</v>
      </c>
      <c r="C1135" s="1" t="s">
        <v>14895</v>
      </c>
      <c r="D1135" s="2">
        <v>153963</v>
      </c>
      <c r="E1135" s="1" t="s">
        <v>0</v>
      </c>
    </row>
    <row r="1136" spans="1:5" x14ac:dyDescent="0.25">
      <c r="A1136" s="1" t="s">
        <v>14896</v>
      </c>
      <c r="B1136" s="1" t="s">
        <v>5271</v>
      </c>
      <c r="C1136" s="1" t="s">
        <v>14897</v>
      </c>
      <c r="D1136" s="2">
        <v>153964</v>
      </c>
      <c r="E1136" s="1" t="s">
        <v>0</v>
      </c>
    </row>
    <row r="1137" spans="1:5" x14ac:dyDescent="0.25">
      <c r="A1137" s="2">
        <v>227</v>
      </c>
      <c r="B1137" s="2">
        <v>227</v>
      </c>
      <c r="C1137" s="1" t="s">
        <v>0</v>
      </c>
      <c r="D1137" s="2">
        <v>153965</v>
      </c>
      <c r="E1137" s="1" t="s">
        <v>0</v>
      </c>
    </row>
    <row r="1138" spans="1:5" x14ac:dyDescent="0.25">
      <c r="A1138" s="1" t="s">
        <v>219</v>
      </c>
      <c r="B1138" s="1" t="s">
        <v>5272</v>
      </c>
      <c r="C1138" s="1" t="s">
        <v>14898</v>
      </c>
      <c r="D1138" s="2">
        <v>153966</v>
      </c>
      <c r="E1138" s="1" t="s">
        <v>0</v>
      </c>
    </row>
    <row r="1139" spans="1:5" x14ac:dyDescent="0.25">
      <c r="A1139" s="1" t="s">
        <v>14899</v>
      </c>
      <c r="B1139" s="1" t="s">
        <v>5273</v>
      </c>
      <c r="C1139" s="1" t="s">
        <v>14900</v>
      </c>
      <c r="D1139" s="2">
        <v>153967</v>
      </c>
      <c r="E1139" s="1" t="s">
        <v>0</v>
      </c>
    </row>
    <row r="1140" spans="1:5" ht="409.5" x14ac:dyDescent="0.25">
      <c r="A1140" s="4" t="s">
        <v>14901</v>
      </c>
      <c r="B1140" s="1" t="s">
        <v>61981</v>
      </c>
      <c r="C1140" s="1" t="s">
        <v>14902</v>
      </c>
      <c r="D1140" s="2">
        <v>153968</v>
      </c>
      <c r="E1140" s="1" t="s">
        <v>0</v>
      </c>
    </row>
    <row r="1141" spans="1:5" x14ac:dyDescent="0.25">
      <c r="A1141" s="1" t="s">
        <v>14903</v>
      </c>
      <c r="B1141" s="1" t="s">
        <v>51351</v>
      </c>
      <c r="C1141" s="1" t="s">
        <v>14904</v>
      </c>
      <c r="D1141" s="2">
        <v>153969</v>
      </c>
      <c r="E1141" s="1" t="s">
        <v>0</v>
      </c>
    </row>
    <row r="1142" spans="1:5" x14ac:dyDescent="0.25">
      <c r="A1142" s="2">
        <v>228</v>
      </c>
      <c r="B1142" s="2">
        <v>228</v>
      </c>
      <c r="C1142" s="1" t="s">
        <v>0</v>
      </c>
      <c r="D1142" s="2">
        <v>153970</v>
      </c>
      <c r="E1142" s="1" t="s">
        <v>0</v>
      </c>
    </row>
    <row r="1143" spans="1:5" x14ac:dyDescent="0.25">
      <c r="A1143" s="1" t="s">
        <v>220</v>
      </c>
      <c r="B1143" s="1" t="s">
        <v>50366</v>
      </c>
      <c r="C1143" s="1" t="s">
        <v>14905</v>
      </c>
      <c r="D1143" s="2">
        <v>153971</v>
      </c>
      <c r="E1143" s="1" t="s">
        <v>0</v>
      </c>
    </row>
    <row r="1144" spans="1:5" x14ac:dyDescent="0.25">
      <c r="A1144" s="1" t="s">
        <v>14906</v>
      </c>
      <c r="B1144" s="1" t="s">
        <v>51352</v>
      </c>
      <c r="C1144" s="1" t="s">
        <v>14907</v>
      </c>
      <c r="D1144" s="2">
        <v>153972</v>
      </c>
      <c r="E1144" s="1" t="s">
        <v>0</v>
      </c>
    </row>
    <row r="1145" spans="1:5" ht="409.5" x14ac:dyDescent="0.25">
      <c r="A1145" s="4" t="s">
        <v>14908</v>
      </c>
      <c r="B1145" s="1" t="s">
        <v>56679</v>
      </c>
      <c r="C1145" s="1" t="s">
        <v>14909</v>
      </c>
      <c r="D1145" s="2">
        <v>153973</v>
      </c>
      <c r="E1145" s="1" t="s">
        <v>0</v>
      </c>
    </row>
    <row r="1146" spans="1:5" x14ac:dyDescent="0.25">
      <c r="A1146" s="1" t="s">
        <v>14910</v>
      </c>
      <c r="B1146" s="1" t="s">
        <v>50367</v>
      </c>
      <c r="C1146" s="1" t="s">
        <v>14911</v>
      </c>
      <c r="D1146" s="2">
        <v>153974</v>
      </c>
      <c r="E1146" s="1" t="s">
        <v>0</v>
      </c>
    </row>
    <row r="1147" spans="1:5" x14ac:dyDescent="0.25">
      <c r="A1147" s="2">
        <v>229</v>
      </c>
      <c r="B1147" s="2">
        <v>229</v>
      </c>
      <c r="C1147" s="1" t="s">
        <v>0</v>
      </c>
      <c r="D1147" s="2">
        <v>153975</v>
      </c>
      <c r="E1147" s="1" t="s">
        <v>0</v>
      </c>
    </row>
    <row r="1148" spans="1:5" x14ac:dyDescent="0.25">
      <c r="A1148" s="1" t="s">
        <v>5274</v>
      </c>
      <c r="B1148" s="1" t="s">
        <v>5275</v>
      </c>
      <c r="C1148" s="1" t="s">
        <v>14912</v>
      </c>
      <c r="D1148" s="2">
        <v>153976</v>
      </c>
      <c r="E1148" s="1" t="s">
        <v>0</v>
      </c>
    </row>
    <row r="1149" spans="1:5" x14ac:dyDescent="0.25">
      <c r="A1149" s="1" t="s">
        <v>14913</v>
      </c>
      <c r="B1149" s="1" t="s">
        <v>61982</v>
      </c>
      <c r="C1149" s="1" t="s">
        <v>14914</v>
      </c>
      <c r="D1149" s="2">
        <v>153977</v>
      </c>
      <c r="E1149" s="1" t="s">
        <v>0</v>
      </c>
    </row>
    <row r="1150" spans="1:5" ht="409.5" x14ac:dyDescent="0.25">
      <c r="A1150" s="4" t="s">
        <v>14915</v>
      </c>
      <c r="B1150" s="1" t="s">
        <v>61983</v>
      </c>
      <c r="C1150" s="1" t="s">
        <v>14916</v>
      </c>
      <c r="D1150" s="2">
        <v>153978</v>
      </c>
      <c r="E1150" s="1" t="s">
        <v>0</v>
      </c>
    </row>
    <row r="1151" spans="1:5" x14ac:dyDescent="0.25">
      <c r="A1151" s="1" t="s">
        <v>14917</v>
      </c>
      <c r="B1151" s="1" t="s">
        <v>51353</v>
      </c>
      <c r="C1151" s="1" t="s">
        <v>14918</v>
      </c>
      <c r="D1151" s="2">
        <v>153979</v>
      </c>
      <c r="E1151" s="1" t="s">
        <v>0</v>
      </c>
    </row>
    <row r="1152" spans="1:5" x14ac:dyDescent="0.25">
      <c r="A1152" s="2">
        <v>230</v>
      </c>
      <c r="B1152" s="2">
        <v>230</v>
      </c>
      <c r="C1152" s="1" t="s">
        <v>0</v>
      </c>
      <c r="D1152" s="2">
        <v>153980</v>
      </c>
      <c r="E1152" s="1" t="s">
        <v>0</v>
      </c>
    </row>
    <row r="1153" spans="1:5" x14ac:dyDescent="0.25">
      <c r="A1153" s="1" t="s">
        <v>5276</v>
      </c>
      <c r="B1153" s="1" t="s">
        <v>5277</v>
      </c>
      <c r="C1153" s="1" t="s">
        <v>14919</v>
      </c>
      <c r="D1153" s="2">
        <v>153981</v>
      </c>
      <c r="E1153" s="1" t="s">
        <v>0</v>
      </c>
    </row>
    <row r="1154" spans="1:5" x14ac:dyDescent="0.25">
      <c r="A1154" s="1" t="s">
        <v>14920</v>
      </c>
      <c r="B1154" s="1" t="s">
        <v>51354</v>
      </c>
      <c r="C1154" s="1" t="s">
        <v>14921</v>
      </c>
      <c r="D1154" s="2">
        <v>153982</v>
      </c>
      <c r="E1154" s="1" t="s">
        <v>0</v>
      </c>
    </row>
    <row r="1155" spans="1:5" ht="409.5" x14ac:dyDescent="0.25">
      <c r="A1155" s="4" t="s">
        <v>14922</v>
      </c>
      <c r="B1155" s="1" t="s">
        <v>61984</v>
      </c>
      <c r="C1155" s="1" t="s">
        <v>14923</v>
      </c>
      <c r="D1155" s="2">
        <v>153983</v>
      </c>
      <c r="E1155" s="1" t="s">
        <v>0</v>
      </c>
    </row>
    <row r="1156" spans="1:5" x14ac:dyDescent="0.25">
      <c r="A1156" s="1" t="s">
        <v>14924</v>
      </c>
      <c r="B1156" s="1" t="s">
        <v>5278</v>
      </c>
      <c r="C1156" s="1" t="s">
        <v>14925</v>
      </c>
      <c r="D1156" s="2">
        <v>153984</v>
      </c>
      <c r="E1156" s="1" t="s">
        <v>0</v>
      </c>
    </row>
    <row r="1157" spans="1:5" x14ac:dyDescent="0.25">
      <c r="A1157" s="2">
        <v>231</v>
      </c>
      <c r="B1157" s="2">
        <v>231</v>
      </c>
      <c r="C1157" s="1" t="s">
        <v>0</v>
      </c>
      <c r="D1157" s="2">
        <v>153985</v>
      </c>
      <c r="E1157" s="1" t="s">
        <v>0</v>
      </c>
    </row>
    <row r="1158" spans="1:5" x14ac:dyDescent="0.25">
      <c r="A1158" s="1" t="s">
        <v>12971</v>
      </c>
      <c r="B1158" s="1" t="s">
        <v>5279</v>
      </c>
      <c r="C1158" s="1" t="s">
        <v>14926</v>
      </c>
      <c r="D1158" s="2">
        <v>153986</v>
      </c>
      <c r="E1158" s="1" t="s">
        <v>0</v>
      </c>
    </row>
    <row r="1159" spans="1:5" x14ac:dyDescent="0.25">
      <c r="A1159" s="1" t="s">
        <v>14927</v>
      </c>
      <c r="B1159" s="1" t="s">
        <v>51355</v>
      </c>
      <c r="C1159" s="1" t="s">
        <v>14928</v>
      </c>
      <c r="D1159" s="2">
        <v>153987</v>
      </c>
      <c r="E1159" s="1" t="s">
        <v>0</v>
      </c>
    </row>
    <row r="1160" spans="1:5" ht="409.5" x14ac:dyDescent="0.25">
      <c r="A1160" s="4" t="s">
        <v>14929</v>
      </c>
      <c r="B1160" s="1" t="s">
        <v>60483</v>
      </c>
      <c r="C1160" s="1" t="s">
        <v>14930</v>
      </c>
      <c r="D1160" s="2">
        <v>153988</v>
      </c>
      <c r="E1160" s="1" t="s">
        <v>0</v>
      </c>
    </row>
    <row r="1161" spans="1:5" x14ac:dyDescent="0.25">
      <c r="A1161" s="1" t="s">
        <v>14931</v>
      </c>
      <c r="B1161" s="1" t="s">
        <v>51356</v>
      </c>
      <c r="C1161" s="1" t="s">
        <v>14932</v>
      </c>
      <c r="D1161" s="2">
        <v>153989</v>
      </c>
      <c r="E1161" s="1" t="s">
        <v>0</v>
      </c>
    </row>
    <row r="1162" spans="1:5" x14ac:dyDescent="0.25">
      <c r="A1162" s="2">
        <v>232</v>
      </c>
      <c r="B1162" s="2">
        <v>232</v>
      </c>
      <c r="C1162" s="1" t="s">
        <v>0</v>
      </c>
      <c r="D1162" s="2">
        <v>153990</v>
      </c>
      <c r="E1162" s="1" t="s">
        <v>0</v>
      </c>
    </row>
    <row r="1163" spans="1:5" x14ac:dyDescent="0.25">
      <c r="A1163" s="1" t="s">
        <v>221</v>
      </c>
      <c r="B1163" s="1" t="s">
        <v>5280</v>
      </c>
      <c r="C1163" s="1" t="s">
        <v>14933</v>
      </c>
      <c r="D1163" s="2">
        <v>153991</v>
      </c>
      <c r="E1163" s="1" t="s">
        <v>0</v>
      </c>
    </row>
    <row r="1164" spans="1:5" x14ac:dyDescent="0.25">
      <c r="A1164" s="1" t="s">
        <v>14934</v>
      </c>
      <c r="B1164" s="1" t="s">
        <v>58960</v>
      </c>
      <c r="C1164" s="1" t="s">
        <v>14935</v>
      </c>
      <c r="D1164" s="2">
        <v>153992</v>
      </c>
      <c r="E1164" s="1" t="s">
        <v>0</v>
      </c>
    </row>
    <row r="1165" spans="1:5" ht="409.5" x14ac:dyDescent="0.25">
      <c r="A1165" s="4" t="s">
        <v>14936</v>
      </c>
      <c r="B1165" s="1" t="s">
        <v>58961</v>
      </c>
      <c r="C1165" s="1" t="s">
        <v>14937</v>
      </c>
      <c r="D1165" s="2">
        <v>153993</v>
      </c>
      <c r="E1165" s="1" t="s">
        <v>0</v>
      </c>
    </row>
    <row r="1166" spans="1:5" x14ac:dyDescent="0.25">
      <c r="A1166" s="1" t="s">
        <v>14938</v>
      </c>
      <c r="B1166" s="1" t="s">
        <v>51357</v>
      </c>
      <c r="C1166" s="1" t="s">
        <v>14939</v>
      </c>
      <c r="D1166" s="2">
        <v>153994</v>
      </c>
      <c r="E1166" s="1" t="s">
        <v>0</v>
      </c>
    </row>
    <row r="1167" spans="1:5" x14ac:dyDescent="0.25">
      <c r="A1167" s="2">
        <v>233</v>
      </c>
      <c r="B1167" s="2">
        <v>233</v>
      </c>
      <c r="C1167" s="1" t="s">
        <v>0</v>
      </c>
      <c r="D1167" s="2">
        <v>153995</v>
      </c>
      <c r="E1167" s="1" t="s">
        <v>0</v>
      </c>
    </row>
    <row r="1168" spans="1:5" x14ac:dyDescent="0.25">
      <c r="A1168" s="1" t="s">
        <v>222</v>
      </c>
      <c r="B1168" s="1" t="s">
        <v>50368</v>
      </c>
      <c r="C1168" s="1" t="s">
        <v>14940</v>
      </c>
      <c r="D1168" s="2">
        <v>153996</v>
      </c>
      <c r="E1168" s="1" t="s">
        <v>0</v>
      </c>
    </row>
    <row r="1169" spans="1:5" x14ac:dyDescent="0.25">
      <c r="A1169" s="1" t="s">
        <v>14941</v>
      </c>
      <c r="B1169" s="1" t="s">
        <v>50369</v>
      </c>
      <c r="C1169" s="1" t="s">
        <v>14942</v>
      </c>
      <c r="D1169" s="2">
        <v>153997</v>
      </c>
      <c r="E1169" s="1" t="s">
        <v>0</v>
      </c>
    </row>
    <row r="1170" spans="1:5" ht="409.5" x14ac:dyDescent="0.25">
      <c r="A1170" s="4" t="s">
        <v>14943</v>
      </c>
      <c r="B1170" s="1" t="s">
        <v>50370</v>
      </c>
      <c r="C1170" s="1" t="s">
        <v>14944</v>
      </c>
      <c r="D1170" s="2">
        <v>153998</v>
      </c>
      <c r="E1170" s="1" t="s">
        <v>0</v>
      </c>
    </row>
    <row r="1171" spans="1:5" x14ac:dyDescent="0.25">
      <c r="A1171" s="1" t="s">
        <v>14945</v>
      </c>
      <c r="B1171" s="1" t="s">
        <v>51358</v>
      </c>
      <c r="C1171" s="1" t="s">
        <v>14946</v>
      </c>
      <c r="D1171" s="2">
        <v>153999</v>
      </c>
      <c r="E1171" s="1" t="s">
        <v>0</v>
      </c>
    </row>
    <row r="1172" spans="1:5" x14ac:dyDescent="0.25">
      <c r="A1172" s="2">
        <v>234</v>
      </c>
      <c r="B1172" s="2">
        <v>234</v>
      </c>
      <c r="C1172" s="1" t="s">
        <v>0</v>
      </c>
      <c r="D1172" s="2">
        <v>154000</v>
      </c>
      <c r="E1172" s="1" t="s">
        <v>0</v>
      </c>
    </row>
    <row r="1173" spans="1:5" x14ac:dyDescent="0.25">
      <c r="A1173" s="1" t="s">
        <v>223</v>
      </c>
      <c r="B1173" s="1" t="s">
        <v>5281</v>
      </c>
      <c r="C1173" s="1" t="s">
        <v>14947</v>
      </c>
      <c r="D1173" s="2">
        <v>154001</v>
      </c>
      <c r="E1173" s="1" t="s">
        <v>0</v>
      </c>
    </row>
    <row r="1174" spans="1:5" x14ac:dyDescent="0.25">
      <c r="A1174" s="1" t="s">
        <v>14948</v>
      </c>
      <c r="B1174" s="1" t="s">
        <v>5282</v>
      </c>
      <c r="C1174" s="1" t="s">
        <v>14949</v>
      </c>
      <c r="D1174" s="2">
        <v>154002</v>
      </c>
      <c r="E1174" s="1" t="s">
        <v>0</v>
      </c>
    </row>
    <row r="1175" spans="1:5" ht="409.5" x14ac:dyDescent="0.25">
      <c r="A1175" s="4" t="s">
        <v>63941</v>
      </c>
      <c r="B1175" s="1" t="s">
        <v>63942</v>
      </c>
      <c r="C1175" s="1" t="s">
        <v>14950</v>
      </c>
      <c r="D1175" s="2">
        <v>154003</v>
      </c>
      <c r="E1175" s="1" t="s">
        <v>0</v>
      </c>
    </row>
    <row r="1176" spans="1:5" x14ac:dyDescent="0.25">
      <c r="A1176" s="1" t="s">
        <v>14951</v>
      </c>
      <c r="B1176" s="1" t="s">
        <v>57111</v>
      </c>
      <c r="C1176" s="1" t="s">
        <v>14952</v>
      </c>
      <c r="D1176" s="2">
        <v>154004</v>
      </c>
      <c r="E1176" s="1" t="s">
        <v>0</v>
      </c>
    </row>
    <row r="1177" spans="1:5" x14ac:dyDescent="0.25">
      <c r="A1177" s="2">
        <v>235</v>
      </c>
      <c r="B1177" s="2">
        <v>235</v>
      </c>
      <c r="C1177" s="1" t="s">
        <v>0</v>
      </c>
      <c r="D1177" s="2">
        <v>154005</v>
      </c>
      <c r="E1177" s="1" t="s">
        <v>0</v>
      </c>
    </row>
    <row r="1178" spans="1:5" x14ac:dyDescent="0.25">
      <c r="A1178" s="1" t="s">
        <v>224</v>
      </c>
      <c r="B1178" s="1" t="s">
        <v>5283</v>
      </c>
      <c r="C1178" s="1" t="s">
        <v>14953</v>
      </c>
      <c r="D1178" s="2">
        <v>154006</v>
      </c>
      <c r="E1178" s="1" t="s">
        <v>0</v>
      </c>
    </row>
    <row r="1179" spans="1:5" x14ac:dyDescent="0.25">
      <c r="A1179" s="1" t="s">
        <v>14954</v>
      </c>
      <c r="B1179" s="1" t="s">
        <v>51359</v>
      </c>
      <c r="C1179" s="1" t="s">
        <v>14955</v>
      </c>
      <c r="D1179" s="2">
        <v>154007</v>
      </c>
      <c r="E1179" s="1" t="s">
        <v>0</v>
      </c>
    </row>
    <row r="1180" spans="1:5" ht="409.5" x14ac:dyDescent="0.25">
      <c r="A1180" s="4" t="s">
        <v>14956</v>
      </c>
      <c r="B1180" s="1" t="s">
        <v>51360</v>
      </c>
      <c r="C1180" s="1" t="s">
        <v>14957</v>
      </c>
      <c r="D1180" s="2">
        <v>154008</v>
      </c>
      <c r="E1180" s="1" t="s">
        <v>0</v>
      </c>
    </row>
    <row r="1181" spans="1:5" x14ac:dyDescent="0.25">
      <c r="A1181" s="1" t="s">
        <v>14958</v>
      </c>
      <c r="B1181" s="1" t="s">
        <v>60880</v>
      </c>
      <c r="C1181" s="1" t="s">
        <v>14959</v>
      </c>
      <c r="D1181" s="2">
        <v>154009</v>
      </c>
      <c r="E1181" s="1" t="s">
        <v>0</v>
      </c>
    </row>
    <row r="1182" spans="1:5" x14ac:dyDescent="0.25">
      <c r="A1182" s="2">
        <v>236</v>
      </c>
      <c r="B1182" s="2">
        <v>236</v>
      </c>
      <c r="C1182" s="1" t="s">
        <v>0</v>
      </c>
      <c r="D1182" s="2">
        <v>154010</v>
      </c>
      <c r="E1182" s="1" t="s">
        <v>0</v>
      </c>
    </row>
    <row r="1183" spans="1:5" x14ac:dyDescent="0.25">
      <c r="A1183" s="1" t="s">
        <v>225</v>
      </c>
      <c r="B1183" s="1" t="s">
        <v>5284</v>
      </c>
      <c r="C1183" s="1" t="s">
        <v>5285</v>
      </c>
      <c r="D1183" s="2">
        <v>154011</v>
      </c>
      <c r="E1183" s="1" t="s">
        <v>0</v>
      </c>
    </row>
    <row r="1184" spans="1:5" x14ac:dyDescent="0.25">
      <c r="A1184" s="1" t="s">
        <v>14960</v>
      </c>
      <c r="B1184" s="1" t="s">
        <v>51361</v>
      </c>
      <c r="C1184" s="1" t="s">
        <v>14961</v>
      </c>
      <c r="D1184" s="2">
        <v>154012</v>
      </c>
      <c r="E1184" s="1" t="s">
        <v>0</v>
      </c>
    </row>
    <row r="1185" spans="1:5" ht="409.5" x14ac:dyDescent="0.25">
      <c r="A1185" s="4" t="s">
        <v>14962</v>
      </c>
      <c r="B1185" s="1" t="s">
        <v>57381</v>
      </c>
      <c r="C1185" s="1" t="s">
        <v>14963</v>
      </c>
      <c r="D1185" s="2">
        <v>154013</v>
      </c>
      <c r="E1185" s="1" t="s">
        <v>0</v>
      </c>
    </row>
    <row r="1186" spans="1:5" x14ac:dyDescent="0.25">
      <c r="A1186" s="1" t="s">
        <v>14964</v>
      </c>
      <c r="B1186" s="1" t="s">
        <v>5286</v>
      </c>
      <c r="C1186" s="1" t="s">
        <v>14965</v>
      </c>
      <c r="D1186" s="2">
        <v>154014</v>
      </c>
      <c r="E1186" s="1" t="s">
        <v>0</v>
      </c>
    </row>
    <row r="1187" spans="1:5" x14ac:dyDescent="0.25">
      <c r="A1187" s="2">
        <v>237</v>
      </c>
      <c r="B1187" s="2">
        <v>237</v>
      </c>
      <c r="C1187" s="1" t="s">
        <v>0</v>
      </c>
      <c r="D1187" s="2">
        <v>154015</v>
      </c>
      <c r="E1187" s="1" t="s">
        <v>0</v>
      </c>
    </row>
    <row r="1188" spans="1:5" x14ac:dyDescent="0.25">
      <c r="A1188" s="1" t="s">
        <v>14966</v>
      </c>
      <c r="B1188" s="1" t="s">
        <v>58962</v>
      </c>
      <c r="C1188" s="1" t="s">
        <v>14967</v>
      </c>
      <c r="D1188" s="2">
        <v>154016</v>
      </c>
      <c r="E1188" s="1" t="s">
        <v>0</v>
      </c>
    </row>
    <row r="1189" spans="1:5" x14ac:dyDescent="0.25">
      <c r="A1189" s="1" t="s">
        <v>14968</v>
      </c>
      <c r="B1189" s="1" t="s">
        <v>58963</v>
      </c>
      <c r="C1189" s="1" t="s">
        <v>14969</v>
      </c>
      <c r="D1189" s="2">
        <v>154017</v>
      </c>
      <c r="E1189" s="1" t="s">
        <v>0</v>
      </c>
    </row>
    <row r="1190" spans="1:5" ht="409.5" x14ac:dyDescent="0.25">
      <c r="A1190" s="4" t="s">
        <v>14970</v>
      </c>
      <c r="B1190" s="1" t="s">
        <v>58964</v>
      </c>
      <c r="C1190" s="1" t="s">
        <v>14971</v>
      </c>
      <c r="D1190" s="2">
        <v>154018</v>
      </c>
      <c r="E1190" s="1" t="s">
        <v>0</v>
      </c>
    </row>
    <row r="1191" spans="1:5" x14ac:dyDescent="0.25">
      <c r="A1191" s="1" t="s">
        <v>14972</v>
      </c>
      <c r="B1191" s="1" t="s">
        <v>5287</v>
      </c>
      <c r="C1191" s="1" t="s">
        <v>14973</v>
      </c>
      <c r="D1191" s="2">
        <v>154019</v>
      </c>
      <c r="E1191" s="1" t="s">
        <v>0</v>
      </c>
    </row>
    <row r="1192" spans="1:5" x14ac:dyDescent="0.25">
      <c r="A1192" s="2">
        <v>238</v>
      </c>
      <c r="B1192" s="2">
        <v>238</v>
      </c>
      <c r="C1192" s="1" t="s">
        <v>0</v>
      </c>
      <c r="D1192" s="2">
        <v>154020</v>
      </c>
      <c r="E1192" s="1" t="s">
        <v>0</v>
      </c>
    </row>
    <row r="1193" spans="1:5" x14ac:dyDescent="0.25">
      <c r="A1193" s="1" t="s">
        <v>226</v>
      </c>
      <c r="B1193" s="1" t="s">
        <v>5288</v>
      </c>
      <c r="C1193" s="1" t="s">
        <v>14974</v>
      </c>
      <c r="D1193" s="2">
        <v>154021</v>
      </c>
      <c r="E1193" s="1" t="s">
        <v>0</v>
      </c>
    </row>
    <row r="1194" spans="1:5" x14ac:dyDescent="0.25">
      <c r="A1194" s="1" t="s">
        <v>14975</v>
      </c>
      <c r="B1194" s="1" t="s">
        <v>57705</v>
      </c>
      <c r="C1194" s="1" t="s">
        <v>14976</v>
      </c>
      <c r="D1194" s="2">
        <v>154022</v>
      </c>
      <c r="E1194" s="1" t="s">
        <v>0</v>
      </c>
    </row>
    <row r="1195" spans="1:5" ht="409.5" x14ac:dyDescent="0.25">
      <c r="A1195" s="4" t="s">
        <v>14977</v>
      </c>
      <c r="B1195" s="1" t="s">
        <v>57706</v>
      </c>
      <c r="C1195" s="1" t="s">
        <v>14978</v>
      </c>
      <c r="D1195" s="2">
        <v>154023</v>
      </c>
      <c r="E1195" s="1" t="s">
        <v>0</v>
      </c>
    </row>
    <row r="1196" spans="1:5" x14ac:dyDescent="0.25">
      <c r="A1196" s="1" t="s">
        <v>14979</v>
      </c>
      <c r="B1196" s="1" t="s">
        <v>5289</v>
      </c>
      <c r="C1196" s="1" t="s">
        <v>14980</v>
      </c>
      <c r="D1196" s="2">
        <v>154024</v>
      </c>
      <c r="E1196" s="1" t="s">
        <v>0</v>
      </c>
    </row>
    <row r="1197" spans="1:5" x14ac:dyDescent="0.25">
      <c r="A1197" s="2">
        <v>239</v>
      </c>
      <c r="B1197" s="2">
        <v>239</v>
      </c>
      <c r="C1197" s="1" t="s">
        <v>0</v>
      </c>
      <c r="D1197" s="2">
        <v>154025</v>
      </c>
      <c r="E1197" s="1" t="s">
        <v>0</v>
      </c>
    </row>
    <row r="1198" spans="1:5" x14ac:dyDescent="0.25">
      <c r="A1198" s="1" t="s">
        <v>5290</v>
      </c>
      <c r="B1198" s="1" t="s">
        <v>5291</v>
      </c>
      <c r="C1198" s="1" t="s">
        <v>14981</v>
      </c>
      <c r="D1198" s="2">
        <v>154026</v>
      </c>
      <c r="E1198" s="1" t="s">
        <v>0</v>
      </c>
    </row>
    <row r="1199" spans="1:5" x14ac:dyDescent="0.25">
      <c r="A1199" s="1" t="s">
        <v>14982</v>
      </c>
      <c r="B1199" s="1" t="s">
        <v>5292</v>
      </c>
      <c r="C1199" s="1" t="s">
        <v>14983</v>
      </c>
      <c r="D1199" s="2">
        <v>154027</v>
      </c>
      <c r="E1199" s="1" t="s">
        <v>0</v>
      </c>
    </row>
    <row r="1200" spans="1:5" ht="409.5" x14ac:dyDescent="0.25">
      <c r="A1200" s="4" t="s">
        <v>14984</v>
      </c>
      <c r="B1200" s="1" t="s">
        <v>5293</v>
      </c>
      <c r="C1200" s="1" t="s">
        <v>14985</v>
      </c>
      <c r="D1200" s="2">
        <v>154028</v>
      </c>
      <c r="E1200" s="1" t="s">
        <v>0</v>
      </c>
    </row>
    <row r="1201" spans="1:5" x14ac:dyDescent="0.25">
      <c r="A1201" s="1" t="s">
        <v>14986</v>
      </c>
      <c r="B1201" s="1" t="s">
        <v>51362</v>
      </c>
      <c r="C1201" s="1" t="s">
        <v>14987</v>
      </c>
      <c r="D1201" s="2">
        <v>154029</v>
      </c>
      <c r="E1201" s="1" t="s">
        <v>0</v>
      </c>
    </row>
    <row r="1202" spans="1:5" x14ac:dyDescent="0.25">
      <c r="A1202" s="2">
        <v>240</v>
      </c>
      <c r="B1202" s="2">
        <v>240</v>
      </c>
      <c r="C1202" s="1" t="s">
        <v>0</v>
      </c>
      <c r="D1202" s="2">
        <v>154030</v>
      </c>
      <c r="E1202" s="1" t="s">
        <v>0</v>
      </c>
    </row>
    <row r="1203" spans="1:5" x14ac:dyDescent="0.25">
      <c r="A1203" s="1" t="s">
        <v>5294</v>
      </c>
      <c r="B1203" s="1" t="s">
        <v>5295</v>
      </c>
      <c r="C1203" s="1" t="s">
        <v>14988</v>
      </c>
      <c r="D1203" s="2">
        <v>154031</v>
      </c>
      <c r="E1203" s="1" t="s">
        <v>0</v>
      </c>
    </row>
    <row r="1204" spans="1:5" x14ac:dyDescent="0.25">
      <c r="A1204" s="1" t="s">
        <v>14989</v>
      </c>
      <c r="B1204" s="1" t="s">
        <v>63175</v>
      </c>
      <c r="C1204" s="1" t="s">
        <v>14990</v>
      </c>
      <c r="D1204" s="2">
        <v>154032</v>
      </c>
      <c r="E1204" s="1" t="s">
        <v>0</v>
      </c>
    </row>
    <row r="1205" spans="1:5" ht="409.5" x14ac:dyDescent="0.25">
      <c r="A1205" s="4" t="s">
        <v>14991</v>
      </c>
      <c r="B1205" s="1" t="s">
        <v>63176</v>
      </c>
      <c r="C1205" s="1" t="s">
        <v>14992</v>
      </c>
      <c r="D1205" s="2">
        <v>154033</v>
      </c>
      <c r="E1205" s="1" t="s">
        <v>0</v>
      </c>
    </row>
    <row r="1206" spans="1:5" x14ac:dyDescent="0.25">
      <c r="A1206" s="1" t="s">
        <v>14993</v>
      </c>
      <c r="B1206" s="1" t="s">
        <v>51363</v>
      </c>
      <c r="C1206" s="1" t="s">
        <v>14994</v>
      </c>
      <c r="D1206" s="2">
        <v>154034</v>
      </c>
      <c r="E1206" s="1" t="s">
        <v>0</v>
      </c>
    </row>
    <row r="1207" spans="1:5" x14ac:dyDescent="0.25">
      <c r="A1207" s="2">
        <v>241</v>
      </c>
      <c r="B1207" s="2">
        <v>241</v>
      </c>
      <c r="C1207" s="1" t="s">
        <v>0</v>
      </c>
      <c r="D1207" s="2">
        <v>154035</v>
      </c>
      <c r="E1207" s="1" t="s">
        <v>0</v>
      </c>
    </row>
    <row r="1208" spans="1:5" x14ac:dyDescent="0.25">
      <c r="A1208" s="1" t="s">
        <v>227</v>
      </c>
      <c r="B1208" s="1" t="s">
        <v>5296</v>
      </c>
      <c r="C1208" s="1" t="s">
        <v>14995</v>
      </c>
      <c r="D1208" s="2">
        <v>154036</v>
      </c>
      <c r="E1208" s="1" t="s">
        <v>0</v>
      </c>
    </row>
    <row r="1209" spans="1:5" x14ac:dyDescent="0.25">
      <c r="A1209" s="1" t="s">
        <v>14996</v>
      </c>
      <c r="B1209" s="1" t="s">
        <v>57382</v>
      </c>
      <c r="C1209" s="1" t="s">
        <v>14997</v>
      </c>
      <c r="D1209" s="2">
        <v>154037</v>
      </c>
      <c r="E1209" s="1" t="s">
        <v>0</v>
      </c>
    </row>
    <row r="1210" spans="1:5" ht="409.5" x14ac:dyDescent="0.25">
      <c r="A1210" s="4" t="s">
        <v>14998</v>
      </c>
      <c r="B1210" s="1" t="s">
        <v>57383</v>
      </c>
      <c r="C1210" s="1" t="s">
        <v>14999</v>
      </c>
      <c r="D1210" s="2">
        <v>154038</v>
      </c>
      <c r="E1210" s="1" t="s">
        <v>0</v>
      </c>
    </row>
    <row r="1211" spans="1:5" x14ac:dyDescent="0.25">
      <c r="A1211" s="1" t="s">
        <v>15000</v>
      </c>
      <c r="B1211" s="1" t="s">
        <v>51364</v>
      </c>
      <c r="C1211" s="1" t="s">
        <v>15001</v>
      </c>
      <c r="D1211" s="2">
        <v>154039</v>
      </c>
      <c r="E1211" s="1" t="s">
        <v>0</v>
      </c>
    </row>
    <row r="1212" spans="1:5" x14ac:dyDescent="0.25">
      <c r="A1212" s="2">
        <v>242</v>
      </c>
      <c r="B1212" s="2">
        <v>242</v>
      </c>
      <c r="C1212" s="1" t="s">
        <v>0</v>
      </c>
      <c r="D1212" s="2">
        <v>154040</v>
      </c>
      <c r="E1212" s="1" t="s">
        <v>0</v>
      </c>
    </row>
    <row r="1213" spans="1:5" x14ac:dyDescent="0.25">
      <c r="A1213" s="1" t="s">
        <v>228</v>
      </c>
      <c r="B1213" s="1" t="s">
        <v>5297</v>
      </c>
      <c r="C1213" s="1" t="s">
        <v>15002</v>
      </c>
      <c r="D1213" s="2">
        <v>154041</v>
      </c>
      <c r="E1213" s="1" t="s">
        <v>0</v>
      </c>
    </row>
    <row r="1214" spans="1:5" x14ac:dyDescent="0.25">
      <c r="A1214" s="1" t="s">
        <v>15003</v>
      </c>
      <c r="B1214" s="1" t="s">
        <v>63177</v>
      </c>
      <c r="C1214" s="1" t="s">
        <v>15004</v>
      </c>
      <c r="D1214" s="2">
        <v>154042</v>
      </c>
      <c r="E1214" s="1" t="s">
        <v>0</v>
      </c>
    </row>
    <row r="1215" spans="1:5" ht="409.5" x14ac:dyDescent="0.25">
      <c r="A1215" s="4" t="s">
        <v>15005</v>
      </c>
      <c r="B1215" s="1" t="s">
        <v>63178</v>
      </c>
      <c r="C1215" s="1" t="s">
        <v>15006</v>
      </c>
      <c r="D1215" s="2">
        <v>154043</v>
      </c>
      <c r="E1215" s="1" t="s">
        <v>0</v>
      </c>
    </row>
    <row r="1216" spans="1:5" x14ac:dyDescent="0.25">
      <c r="A1216" s="1" t="s">
        <v>15007</v>
      </c>
      <c r="B1216" s="1" t="s">
        <v>51365</v>
      </c>
      <c r="C1216" s="1" t="s">
        <v>15008</v>
      </c>
      <c r="D1216" s="2">
        <v>154044</v>
      </c>
      <c r="E1216" s="1" t="s">
        <v>0</v>
      </c>
    </row>
    <row r="1217" spans="1:5" x14ac:dyDescent="0.25">
      <c r="A1217" s="2">
        <v>243</v>
      </c>
      <c r="B1217" s="2">
        <v>243</v>
      </c>
      <c r="C1217" s="1" t="s">
        <v>0</v>
      </c>
      <c r="D1217" s="2">
        <v>154045</v>
      </c>
      <c r="E1217" s="1" t="s">
        <v>0</v>
      </c>
    </row>
    <row r="1218" spans="1:5" x14ac:dyDescent="0.25">
      <c r="A1218" s="1" t="s">
        <v>5298</v>
      </c>
      <c r="B1218" s="1" t="s">
        <v>56904</v>
      </c>
      <c r="C1218" s="1" t="s">
        <v>15009</v>
      </c>
      <c r="D1218" s="2">
        <v>154046</v>
      </c>
      <c r="E1218" s="1" t="s">
        <v>0</v>
      </c>
    </row>
    <row r="1219" spans="1:5" x14ac:dyDescent="0.25">
      <c r="A1219" s="1" t="s">
        <v>61740</v>
      </c>
      <c r="B1219" s="1" t="s">
        <v>5299</v>
      </c>
      <c r="C1219" s="1" t="s">
        <v>15010</v>
      </c>
      <c r="D1219" s="2">
        <v>154047</v>
      </c>
      <c r="E1219" s="1" t="s">
        <v>0</v>
      </c>
    </row>
    <row r="1220" spans="1:5" ht="409.5" x14ac:dyDescent="0.25">
      <c r="A1220" s="4" t="s">
        <v>61741</v>
      </c>
      <c r="B1220" s="1" t="s">
        <v>56905</v>
      </c>
      <c r="C1220" s="1" t="s">
        <v>15011</v>
      </c>
      <c r="D1220" s="2">
        <v>154048</v>
      </c>
      <c r="E1220" s="1" t="s">
        <v>0</v>
      </c>
    </row>
    <row r="1221" spans="1:5" x14ac:dyDescent="0.25">
      <c r="A1221" s="1" t="s">
        <v>15012</v>
      </c>
      <c r="B1221" s="1" t="s">
        <v>51366</v>
      </c>
      <c r="C1221" s="1" t="s">
        <v>15013</v>
      </c>
      <c r="D1221" s="2">
        <v>154049</v>
      </c>
      <c r="E1221" s="1" t="s">
        <v>0</v>
      </c>
    </row>
    <row r="1222" spans="1:5" x14ac:dyDescent="0.25">
      <c r="A1222" s="2">
        <v>244</v>
      </c>
      <c r="B1222" s="2">
        <v>244</v>
      </c>
      <c r="C1222" s="1" t="s">
        <v>0</v>
      </c>
      <c r="D1222" s="2">
        <v>154050</v>
      </c>
      <c r="E1222" s="1" t="s">
        <v>0</v>
      </c>
    </row>
    <row r="1223" spans="1:5" x14ac:dyDescent="0.25">
      <c r="A1223" s="1" t="s">
        <v>229</v>
      </c>
      <c r="B1223" s="1" t="s">
        <v>5300</v>
      </c>
      <c r="C1223" s="1" t="s">
        <v>15014</v>
      </c>
      <c r="D1223" s="2">
        <v>154051</v>
      </c>
      <c r="E1223" s="1" t="s">
        <v>0</v>
      </c>
    </row>
    <row r="1224" spans="1:5" x14ac:dyDescent="0.25">
      <c r="A1224" s="1" t="s">
        <v>15015</v>
      </c>
      <c r="B1224" s="1" t="s">
        <v>50371</v>
      </c>
      <c r="C1224" s="1" t="s">
        <v>15016</v>
      </c>
      <c r="D1224" s="2">
        <v>154052</v>
      </c>
      <c r="E1224" s="1" t="s">
        <v>0</v>
      </c>
    </row>
    <row r="1225" spans="1:5" ht="409.5" x14ac:dyDescent="0.25">
      <c r="A1225" s="4" t="s">
        <v>15017</v>
      </c>
      <c r="B1225" s="1" t="s">
        <v>61985</v>
      </c>
      <c r="C1225" s="1" t="s">
        <v>15018</v>
      </c>
      <c r="D1225" s="2">
        <v>154053</v>
      </c>
      <c r="E1225" s="1" t="s">
        <v>0</v>
      </c>
    </row>
    <row r="1226" spans="1:5" x14ac:dyDescent="0.25">
      <c r="A1226" s="1" t="s">
        <v>15019</v>
      </c>
      <c r="B1226" s="1" t="s">
        <v>50372</v>
      </c>
      <c r="C1226" s="1" t="s">
        <v>15020</v>
      </c>
      <c r="D1226" s="2">
        <v>154054</v>
      </c>
      <c r="E1226" s="1" t="s">
        <v>0</v>
      </c>
    </row>
    <row r="1227" spans="1:5" x14ac:dyDescent="0.25">
      <c r="A1227" s="2">
        <v>245</v>
      </c>
      <c r="B1227" s="2">
        <v>245</v>
      </c>
      <c r="C1227" s="1" t="s">
        <v>0</v>
      </c>
      <c r="D1227" s="2">
        <v>154055</v>
      </c>
      <c r="E1227" s="1" t="s">
        <v>0</v>
      </c>
    </row>
    <row r="1228" spans="1:5" x14ac:dyDescent="0.25">
      <c r="A1228" s="1" t="s">
        <v>230</v>
      </c>
      <c r="B1228" s="1" t="s">
        <v>5301</v>
      </c>
      <c r="C1228" s="1" t="s">
        <v>15021</v>
      </c>
      <c r="D1228" s="2">
        <v>154056</v>
      </c>
      <c r="E1228" s="1" t="s">
        <v>0</v>
      </c>
    </row>
    <row r="1229" spans="1:5" x14ac:dyDescent="0.25">
      <c r="A1229" s="1" t="s">
        <v>15022</v>
      </c>
      <c r="B1229" s="1" t="s">
        <v>5302</v>
      </c>
      <c r="C1229" s="1" t="s">
        <v>15023</v>
      </c>
      <c r="D1229" s="2">
        <v>154057</v>
      </c>
      <c r="E1229" s="1" t="s">
        <v>0</v>
      </c>
    </row>
    <row r="1230" spans="1:5" ht="409.5" x14ac:dyDescent="0.25">
      <c r="A1230" s="4" t="s">
        <v>15024</v>
      </c>
      <c r="B1230" s="1" t="s">
        <v>61986</v>
      </c>
      <c r="C1230" s="1" t="s">
        <v>15025</v>
      </c>
      <c r="D1230" s="2">
        <v>154058</v>
      </c>
      <c r="E1230" s="1" t="s">
        <v>0</v>
      </c>
    </row>
    <row r="1231" spans="1:5" x14ac:dyDescent="0.25">
      <c r="A1231" s="1" t="s">
        <v>15026</v>
      </c>
      <c r="B1231" s="1" t="s">
        <v>60881</v>
      </c>
      <c r="C1231" s="1" t="s">
        <v>15027</v>
      </c>
      <c r="D1231" s="2">
        <v>154059</v>
      </c>
      <c r="E1231" s="1" t="s">
        <v>0</v>
      </c>
    </row>
    <row r="1232" spans="1:5" x14ac:dyDescent="0.25">
      <c r="A1232" s="2">
        <v>246</v>
      </c>
      <c r="B1232" s="2">
        <v>246</v>
      </c>
      <c r="C1232" s="1" t="s">
        <v>0</v>
      </c>
      <c r="D1232" s="2">
        <v>154060</v>
      </c>
      <c r="E1232" s="1" t="s">
        <v>0</v>
      </c>
    </row>
    <row r="1233" spans="1:5" x14ac:dyDescent="0.25">
      <c r="A1233" s="1" t="s">
        <v>231</v>
      </c>
      <c r="B1233" s="1" t="s">
        <v>5303</v>
      </c>
      <c r="C1233" s="1" t="s">
        <v>15028</v>
      </c>
      <c r="D1233" s="2">
        <v>154061</v>
      </c>
      <c r="E1233" s="1" t="s">
        <v>0</v>
      </c>
    </row>
    <row r="1234" spans="1:5" x14ac:dyDescent="0.25">
      <c r="A1234" s="1" t="s">
        <v>15029</v>
      </c>
      <c r="B1234" s="1" t="s">
        <v>5304</v>
      </c>
      <c r="C1234" s="1" t="s">
        <v>15030</v>
      </c>
      <c r="D1234" s="2">
        <v>154062</v>
      </c>
      <c r="E1234" s="1" t="s">
        <v>0</v>
      </c>
    </row>
    <row r="1235" spans="1:5" ht="409.5" x14ac:dyDescent="0.25">
      <c r="A1235" s="4" t="s">
        <v>15031</v>
      </c>
      <c r="B1235" s="1" t="s">
        <v>60484</v>
      </c>
      <c r="C1235" s="1" t="s">
        <v>15032</v>
      </c>
      <c r="D1235" s="2">
        <v>154063</v>
      </c>
      <c r="E1235" s="1" t="s">
        <v>0</v>
      </c>
    </row>
    <row r="1236" spans="1:5" x14ac:dyDescent="0.25">
      <c r="A1236" s="1" t="s">
        <v>15033</v>
      </c>
      <c r="B1236" s="1" t="s">
        <v>5305</v>
      </c>
      <c r="C1236" s="1" t="s">
        <v>15034</v>
      </c>
      <c r="D1236" s="2">
        <v>154064</v>
      </c>
      <c r="E1236" s="1" t="s">
        <v>0</v>
      </c>
    </row>
    <row r="1237" spans="1:5" x14ac:dyDescent="0.25">
      <c r="A1237" s="2">
        <v>247</v>
      </c>
      <c r="B1237" s="2">
        <v>247</v>
      </c>
      <c r="C1237" s="1" t="s">
        <v>0</v>
      </c>
      <c r="D1237" s="2">
        <v>154065</v>
      </c>
      <c r="E1237" s="1" t="s">
        <v>0</v>
      </c>
    </row>
    <row r="1238" spans="1:5" x14ac:dyDescent="0.25">
      <c r="A1238" s="1" t="s">
        <v>232</v>
      </c>
      <c r="B1238" s="1" t="s">
        <v>5306</v>
      </c>
      <c r="C1238" s="1" t="s">
        <v>15035</v>
      </c>
      <c r="D1238" s="2">
        <v>154066</v>
      </c>
      <c r="E1238" s="1" t="s">
        <v>0</v>
      </c>
    </row>
    <row r="1239" spans="1:5" x14ac:dyDescent="0.25">
      <c r="A1239" s="1" t="s">
        <v>15036</v>
      </c>
      <c r="B1239" s="1" t="s">
        <v>51367</v>
      </c>
      <c r="C1239" s="1" t="s">
        <v>15037</v>
      </c>
      <c r="D1239" s="2">
        <v>154067</v>
      </c>
      <c r="E1239" s="1" t="s">
        <v>0</v>
      </c>
    </row>
    <row r="1240" spans="1:5" ht="409.5" x14ac:dyDescent="0.25">
      <c r="A1240" s="4" t="s">
        <v>15038</v>
      </c>
      <c r="B1240" s="1" t="s">
        <v>51368</v>
      </c>
      <c r="C1240" s="1" t="s">
        <v>15039</v>
      </c>
      <c r="D1240" s="2">
        <v>154068</v>
      </c>
      <c r="E1240" s="1" t="s">
        <v>0</v>
      </c>
    </row>
    <row r="1241" spans="1:5" x14ac:dyDescent="0.25">
      <c r="A1241" s="1" t="s">
        <v>15040</v>
      </c>
      <c r="B1241" s="1" t="s">
        <v>60882</v>
      </c>
      <c r="C1241" s="1" t="s">
        <v>15041</v>
      </c>
      <c r="D1241" s="2">
        <v>154069</v>
      </c>
      <c r="E1241" s="1" t="s">
        <v>0</v>
      </c>
    </row>
    <row r="1242" spans="1:5" x14ac:dyDescent="0.25">
      <c r="A1242" s="2">
        <v>248</v>
      </c>
      <c r="B1242" s="2">
        <v>248</v>
      </c>
      <c r="C1242" s="1" t="s">
        <v>0</v>
      </c>
      <c r="D1242" s="2">
        <v>154070</v>
      </c>
      <c r="E1242" s="1" t="s">
        <v>0</v>
      </c>
    </row>
    <row r="1243" spans="1:5" x14ac:dyDescent="0.25">
      <c r="A1243" s="1" t="s">
        <v>233</v>
      </c>
      <c r="B1243" s="1" t="s">
        <v>5307</v>
      </c>
      <c r="C1243" s="1" t="s">
        <v>15042</v>
      </c>
      <c r="D1243" s="2">
        <v>154071</v>
      </c>
      <c r="E1243" s="1" t="s">
        <v>0</v>
      </c>
    </row>
    <row r="1244" spans="1:5" x14ac:dyDescent="0.25">
      <c r="A1244" s="1" t="s">
        <v>15043</v>
      </c>
      <c r="B1244" s="1" t="s">
        <v>51369</v>
      </c>
      <c r="C1244" s="1" t="s">
        <v>15044</v>
      </c>
      <c r="D1244" s="2">
        <v>154072</v>
      </c>
      <c r="E1244" s="1" t="s">
        <v>0</v>
      </c>
    </row>
    <row r="1245" spans="1:5" x14ac:dyDescent="0.25">
      <c r="A1245" s="1" t="s">
        <v>15045</v>
      </c>
      <c r="B1245" s="1" t="s">
        <v>51369</v>
      </c>
      <c r="C1245" s="1" t="s">
        <v>15044</v>
      </c>
      <c r="D1245" s="2">
        <v>154073</v>
      </c>
      <c r="E1245" s="1" t="s">
        <v>0</v>
      </c>
    </row>
    <row r="1246" spans="1:5" x14ac:dyDescent="0.25">
      <c r="A1246" s="1" t="s">
        <v>15046</v>
      </c>
      <c r="B1246" s="1" t="s">
        <v>51370</v>
      </c>
      <c r="C1246" s="1" t="s">
        <v>15047</v>
      </c>
      <c r="D1246" s="2">
        <v>154074</v>
      </c>
      <c r="E1246" s="1" t="s">
        <v>0</v>
      </c>
    </row>
    <row r="1247" spans="1:5" x14ac:dyDescent="0.25">
      <c r="A1247" s="2">
        <v>249</v>
      </c>
      <c r="B1247" s="2">
        <v>249</v>
      </c>
      <c r="C1247" s="1" t="s">
        <v>0</v>
      </c>
      <c r="D1247" s="2">
        <v>154075</v>
      </c>
      <c r="E1247" s="1" t="s">
        <v>0</v>
      </c>
    </row>
    <row r="1248" spans="1:5" x14ac:dyDescent="0.25">
      <c r="A1248" s="1" t="s">
        <v>234</v>
      </c>
      <c r="B1248" s="1" t="s">
        <v>5308</v>
      </c>
      <c r="C1248" s="1" t="s">
        <v>15048</v>
      </c>
      <c r="D1248" s="2">
        <v>154076</v>
      </c>
      <c r="E1248" s="1" t="s">
        <v>0</v>
      </c>
    </row>
    <row r="1249" spans="1:5" x14ac:dyDescent="0.25">
      <c r="A1249" s="1" t="s">
        <v>15049</v>
      </c>
      <c r="B1249" s="1" t="s">
        <v>12972</v>
      </c>
      <c r="C1249" s="1" t="s">
        <v>15050</v>
      </c>
      <c r="D1249" s="2">
        <v>154077</v>
      </c>
      <c r="E1249" s="1" t="s">
        <v>0</v>
      </c>
    </row>
    <row r="1250" spans="1:5" ht="409.5" x14ac:dyDescent="0.25">
      <c r="A1250" s="4" t="s">
        <v>15051</v>
      </c>
      <c r="B1250" s="1" t="s">
        <v>51371</v>
      </c>
      <c r="C1250" s="1" t="s">
        <v>15052</v>
      </c>
      <c r="D1250" s="2">
        <v>154078</v>
      </c>
      <c r="E1250" s="1" t="s">
        <v>0</v>
      </c>
    </row>
    <row r="1251" spans="1:5" x14ac:dyDescent="0.25">
      <c r="A1251" s="1" t="s">
        <v>15053</v>
      </c>
      <c r="B1251" s="1" t="s">
        <v>5309</v>
      </c>
      <c r="C1251" s="1" t="s">
        <v>15054</v>
      </c>
      <c r="D1251" s="2">
        <v>154079</v>
      </c>
      <c r="E1251" s="1" t="s">
        <v>0</v>
      </c>
    </row>
    <row r="1252" spans="1:5" x14ac:dyDescent="0.25">
      <c r="A1252" s="2">
        <v>250</v>
      </c>
      <c r="B1252" s="2">
        <v>250</v>
      </c>
      <c r="C1252" s="1" t="s">
        <v>0</v>
      </c>
      <c r="D1252" s="2">
        <v>154080</v>
      </c>
      <c r="E1252" s="1" t="s">
        <v>0</v>
      </c>
    </row>
    <row r="1253" spans="1:5" x14ac:dyDescent="0.25">
      <c r="A1253" s="1" t="s">
        <v>235</v>
      </c>
      <c r="B1253" s="1" t="s">
        <v>50373</v>
      </c>
      <c r="C1253" s="1" t="s">
        <v>15055</v>
      </c>
      <c r="D1253" s="2">
        <v>154081</v>
      </c>
      <c r="E1253" s="1" t="s">
        <v>0</v>
      </c>
    </row>
    <row r="1254" spans="1:5" x14ac:dyDescent="0.25">
      <c r="A1254" s="1" t="s">
        <v>15056</v>
      </c>
      <c r="B1254" s="1" t="s">
        <v>51372</v>
      </c>
      <c r="C1254" s="1" t="s">
        <v>15057</v>
      </c>
      <c r="D1254" s="2">
        <v>154082</v>
      </c>
      <c r="E1254" s="1" t="s">
        <v>0</v>
      </c>
    </row>
    <row r="1255" spans="1:5" ht="409.5" x14ac:dyDescent="0.25">
      <c r="A1255" s="4" t="s">
        <v>15058</v>
      </c>
      <c r="B1255" s="1" t="s">
        <v>63179</v>
      </c>
      <c r="C1255" s="1" t="s">
        <v>15059</v>
      </c>
      <c r="D1255" s="2">
        <v>154083</v>
      </c>
      <c r="E1255" s="1" t="s">
        <v>0</v>
      </c>
    </row>
    <row r="1256" spans="1:5" x14ac:dyDescent="0.25">
      <c r="A1256" s="1" t="s">
        <v>13413</v>
      </c>
      <c r="B1256" s="1" t="s">
        <v>60845</v>
      </c>
      <c r="C1256" s="1" t="s">
        <v>13414</v>
      </c>
      <c r="D1256" s="2">
        <v>154084</v>
      </c>
      <c r="E1256" s="1" t="s">
        <v>0</v>
      </c>
    </row>
    <row r="1257" spans="1:5" x14ac:dyDescent="0.25">
      <c r="A1257" s="2">
        <v>251</v>
      </c>
      <c r="B1257" s="2">
        <v>251</v>
      </c>
      <c r="C1257" s="1" t="s">
        <v>0</v>
      </c>
      <c r="D1257" s="2">
        <v>154085</v>
      </c>
      <c r="E1257" s="1" t="s">
        <v>0</v>
      </c>
    </row>
    <row r="1258" spans="1:5" x14ac:dyDescent="0.25">
      <c r="A1258" s="1" t="s">
        <v>5310</v>
      </c>
      <c r="B1258" s="1" t="s">
        <v>5311</v>
      </c>
      <c r="C1258" s="1" t="s">
        <v>15060</v>
      </c>
      <c r="D1258" s="2">
        <v>154086</v>
      </c>
      <c r="E1258" s="1" t="s">
        <v>0</v>
      </c>
    </row>
    <row r="1259" spans="1:5" x14ac:dyDescent="0.25">
      <c r="A1259" s="1" t="s">
        <v>15061</v>
      </c>
      <c r="B1259" s="1" t="s">
        <v>51373</v>
      </c>
      <c r="C1259" s="1" t="s">
        <v>15062</v>
      </c>
      <c r="D1259" s="2">
        <v>154087</v>
      </c>
      <c r="E1259" s="1" t="s">
        <v>0</v>
      </c>
    </row>
    <row r="1260" spans="1:5" ht="409.5" x14ac:dyDescent="0.25">
      <c r="A1260" s="4" t="s">
        <v>15063</v>
      </c>
      <c r="B1260" s="1" t="s">
        <v>59544</v>
      </c>
      <c r="C1260" s="1" t="s">
        <v>15064</v>
      </c>
      <c r="D1260" s="2">
        <v>154088</v>
      </c>
      <c r="E1260" s="1" t="s">
        <v>0</v>
      </c>
    </row>
    <row r="1261" spans="1:5" x14ac:dyDescent="0.25">
      <c r="A1261" s="1" t="s">
        <v>15065</v>
      </c>
      <c r="B1261" s="1" t="s">
        <v>5312</v>
      </c>
      <c r="C1261" s="1" t="s">
        <v>15066</v>
      </c>
      <c r="D1261" s="2">
        <v>154089</v>
      </c>
      <c r="E1261" s="1" t="s">
        <v>0</v>
      </c>
    </row>
    <row r="1262" spans="1:5" x14ac:dyDescent="0.25">
      <c r="A1262" s="2">
        <v>252</v>
      </c>
      <c r="B1262" s="2">
        <v>252</v>
      </c>
      <c r="C1262" s="1" t="s">
        <v>0</v>
      </c>
      <c r="D1262" s="2">
        <v>154090</v>
      </c>
      <c r="E1262" s="1" t="s">
        <v>0</v>
      </c>
    </row>
    <row r="1263" spans="1:5" x14ac:dyDescent="0.25">
      <c r="A1263" s="1" t="s">
        <v>236</v>
      </c>
      <c r="B1263" s="1" t="s">
        <v>51374</v>
      </c>
      <c r="C1263" s="1" t="s">
        <v>15067</v>
      </c>
      <c r="D1263" s="2">
        <v>154091</v>
      </c>
      <c r="E1263" s="1" t="s">
        <v>0</v>
      </c>
    </row>
    <row r="1264" spans="1:5" x14ac:dyDescent="0.25">
      <c r="A1264" s="1" t="s">
        <v>15068</v>
      </c>
      <c r="B1264" s="1" t="s">
        <v>51375</v>
      </c>
      <c r="C1264" s="1" t="s">
        <v>15069</v>
      </c>
      <c r="D1264" s="2">
        <v>154092</v>
      </c>
      <c r="E1264" s="1" t="s">
        <v>0</v>
      </c>
    </row>
    <row r="1265" spans="1:5" ht="409.5" x14ac:dyDescent="0.25">
      <c r="A1265" s="4" t="s">
        <v>15070</v>
      </c>
      <c r="B1265" s="1" t="s">
        <v>51376</v>
      </c>
      <c r="C1265" s="1" t="s">
        <v>15071</v>
      </c>
      <c r="D1265" s="2">
        <v>154093</v>
      </c>
      <c r="E1265" s="1" t="s">
        <v>0</v>
      </c>
    </row>
    <row r="1266" spans="1:5" x14ac:dyDescent="0.25">
      <c r="A1266" s="1" t="s">
        <v>15072</v>
      </c>
      <c r="B1266" s="1" t="s">
        <v>57112</v>
      </c>
      <c r="C1266" s="1" t="s">
        <v>15073</v>
      </c>
      <c r="D1266" s="2">
        <v>154094</v>
      </c>
      <c r="E1266" s="1" t="s">
        <v>0</v>
      </c>
    </row>
    <row r="1267" spans="1:5" x14ac:dyDescent="0.25">
      <c r="A1267" s="2">
        <v>253</v>
      </c>
      <c r="B1267" s="2">
        <v>253</v>
      </c>
      <c r="C1267" s="1" t="s">
        <v>0</v>
      </c>
      <c r="D1267" s="2">
        <v>154095</v>
      </c>
      <c r="E1267" s="1" t="s">
        <v>0</v>
      </c>
    </row>
    <row r="1268" spans="1:5" x14ac:dyDescent="0.25">
      <c r="A1268" s="1" t="s">
        <v>237</v>
      </c>
      <c r="B1268" s="1" t="s">
        <v>5313</v>
      </c>
      <c r="C1268" s="1" t="s">
        <v>15074</v>
      </c>
      <c r="D1268" s="2">
        <v>154096</v>
      </c>
      <c r="E1268" s="1" t="s">
        <v>0</v>
      </c>
    </row>
    <row r="1269" spans="1:5" x14ac:dyDescent="0.25">
      <c r="A1269" s="1" t="s">
        <v>15075</v>
      </c>
      <c r="B1269" s="1" t="s">
        <v>5314</v>
      </c>
      <c r="C1269" s="1" t="s">
        <v>15076</v>
      </c>
      <c r="D1269" s="2">
        <v>154097</v>
      </c>
      <c r="E1269" s="1" t="s">
        <v>0</v>
      </c>
    </row>
    <row r="1270" spans="1:5" ht="409.5" x14ac:dyDescent="0.25">
      <c r="A1270" s="4" t="s">
        <v>15077</v>
      </c>
      <c r="B1270" s="1" t="s">
        <v>51377</v>
      </c>
      <c r="C1270" s="1" t="s">
        <v>15078</v>
      </c>
      <c r="D1270" s="2">
        <v>154098</v>
      </c>
      <c r="E1270" s="1" t="s">
        <v>0</v>
      </c>
    </row>
    <row r="1271" spans="1:5" x14ac:dyDescent="0.25">
      <c r="A1271" s="1" t="s">
        <v>15079</v>
      </c>
      <c r="B1271" s="1" t="s">
        <v>51378</v>
      </c>
      <c r="C1271" s="1" t="s">
        <v>15080</v>
      </c>
      <c r="D1271" s="2">
        <v>154099</v>
      </c>
      <c r="E1271" s="1" t="s">
        <v>0</v>
      </c>
    </row>
    <row r="1272" spans="1:5" x14ac:dyDescent="0.25">
      <c r="A1272" s="2">
        <v>254</v>
      </c>
      <c r="B1272" s="2">
        <v>254</v>
      </c>
      <c r="C1272" s="1" t="s">
        <v>0</v>
      </c>
      <c r="D1272" s="2">
        <v>154100</v>
      </c>
      <c r="E1272" s="1" t="s">
        <v>0</v>
      </c>
    </row>
    <row r="1273" spans="1:5" x14ac:dyDescent="0.25">
      <c r="A1273" s="1" t="s">
        <v>238</v>
      </c>
      <c r="B1273" s="1" t="s">
        <v>59739</v>
      </c>
      <c r="C1273" s="1" t="s">
        <v>15081</v>
      </c>
      <c r="D1273" s="2">
        <v>154101</v>
      </c>
      <c r="E1273" s="1" t="s">
        <v>0</v>
      </c>
    </row>
    <row r="1274" spans="1:5" x14ac:dyDescent="0.25">
      <c r="A1274" s="1" t="s">
        <v>15082</v>
      </c>
      <c r="B1274" s="1" t="s">
        <v>5315</v>
      </c>
      <c r="C1274" s="1" t="s">
        <v>15083</v>
      </c>
      <c r="D1274" s="2">
        <v>154102</v>
      </c>
      <c r="E1274" s="1" t="s">
        <v>0</v>
      </c>
    </row>
    <row r="1275" spans="1:5" ht="409.5" x14ac:dyDescent="0.25">
      <c r="A1275" s="4" t="s">
        <v>15084</v>
      </c>
      <c r="B1275" s="1" t="s">
        <v>50374</v>
      </c>
      <c r="C1275" s="1" t="s">
        <v>15085</v>
      </c>
      <c r="D1275" s="2">
        <v>154103</v>
      </c>
      <c r="E1275" s="1" t="s">
        <v>0</v>
      </c>
    </row>
    <row r="1276" spans="1:5" x14ac:dyDescent="0.25">
      <c r="A1276" s="1" t="s">
        <v>15086</v>
      </c>
      <c r="B1276" s="1" t="s">
        <v>51379</v>
      </c>
      <c r="C1276" s="1" t="s">
        <v>15087</v>
      </c>
      <c r="D1276" s="2">
        <v>154104</v>
      </c>
      <c r="E1276" s="1" t="s">
        <v>0</v>
      </c>
    </row>
    <row r="1277" spans="1:5" x14ac:dyDescent="0.25">
      <c r="A1277" s="2">
        <v>255</v>
      </c>
      <c r="B1277" s="2">
        <v>255</v>
      </c>
      <c r="C1277" s="1" t="s">
        <v>0</v>
      </c>
      <c r="D1277" s="2">
        <v>154105</v>
      </c>
      <c r="E1277" s="1" t="s">
        <v>0</v>
      </c>
    </row>
    <row r="1278" spans="1:5" x14ac:dyDescent="0.25">
      <c r="A1278" s="1" t="s">
        <v>239</v>
      </c>
      <c r="B1278" s="1" t="s">
        <v>5316</v>
      </c>
      <c r="C1278" s="1" t="s">
        <v>15088</v>
      </c>
      <c r="D1278" s="2">
        <v>154106</v>
      </c>
      <c r="E1278" s="1" t="s">
        <v>0</v>
      </c>
    </row>
    <row r="1279" spans="1:5" x14ac:dyDescent="0.25">
      <c r="A1279" s="1" t="s">
        <v>15089</v>
      </c>
      <c r="B1279" s="1" t="s">
        <v>58146</v>
      </c>
      <c r="C1279" s="1" t="s">
        <v>15090</v>
      </c>
      <c r="D1279" s="2">
        <v>154107</v>
      </c>
      <c r="E1279" s="1" t="s">
        <v>0</v>
      </c>
    </row>
    <row r="1280" spans="1:5" ht="409.5" x14ac:dyDescent="0.25">
      <c r="A1280" s="4" t="s">
        <v>15091</v>
      </c>
      <c r="B1280" s="1" t="s">
        <v>58147</v>
      </c>
      <c r="C1280" s="1" t="s">
        <v>15092</v>
      </c>
      <c r="D1280" s="2">
        <v>154108</v>
      </c>
      <c r="E1280" s="1" t="s">
        <v>0</v>
      </c>
    </row>
    <row r="1281" spans="1:5" x14ac:dyDescent="0.25">
      <c r="A1281" s="1" t="s">
        <v>15093</v>
      </c>
      <c r="B1281" s="1" t="s">
        <v>51380</v>
      </c>
      <c r="C1281" s="1" t="s">
        <v>15094</v>
      </c>
      <c r="D1281" s="2">
        <v>154109</v>
      </c>
      <c r="E1281" s="1" t="s">
        <v>0</v>
      </c>
    </row>
    <row r="1282" spans="1:5" x14ac:dyDescent="0.25">
      <c r="A1282" s="2">
        <v>256</v>
      </c>
      <c r="B1282" s="2">
        <v>256</v>
      </c>
      <c r="C1282" s="1" t="s">
        <v>0</v>
      </c>
      <c r="D1282" s="2">
        <v>154110</v>
      </c>
      <c r="E1282" s="1" t="s">
        <v>0</v>
      </c>
    </row>
    <row r="1283" spans="1:5" x14ac:dyDescent="0.25">
      <c r="A1283" s="1" t="s">
        <v>240</v>
      </c>
      <c r="B1283" s="1" t="s">
        <v>5317</v>
      </c>
      <c r="C1283" s="1" t="s">
        <v>15095</v>
      </c>
      <c r="D1283" s="2">
        <v>154111</v>
      </c>
      <c r="E1283" s="1" t="s">
        <v>0</v>
      </c>
    </row>
    <row r="1284" spans="1:5" x14ac:dyDescent="0.25">
      <c r="A1284" s="1" t="s">
        <v>15096</v>
      </c>
      <c r="B1284" s="1" t="s">
        <v>51381</v>
      </c>
      <c r="C1284" s="1" t="s">
        <v>15097</v>
      </c>
      <c r="D1284" s="2">
        <v>154112</v>
      </c>
      <c r="E1284" s="1" t="s">
        <v>0</v>
      </c>
    </row>
    <row r="1285" spans="1:5" ht="409.5" x14ac:dyDescent="0.25">
      <c r="A1285" s="4" t="s">
        <v>15098</v>
      </c>
      <c r="B1285" s="1" t="s">
        <v>51382</v>
      </c>
      <c r="C1285" s="1" t="s">
        <v>15099</v>
      </c>
      <c r="D1285" s="2">
        <v>154113</v>
      </c>
      <c r="E1285" s="1" t="s">
        <v>0</v>
      </c>
    </row>
    <row r="1286" spans="1:5" x14ac:dyDescent="0.25">
      <c r="A1286" s="1" t="s">
        <v>15100</v>
      </c>
      <c r="B1286" s="1" t="s">
        <v>51383</v>
      </c>
      <c r="C1286" s="1" t="s">
        <v>15101</v>
      </c>
      <c r="D1286" s="2">
        <v>154114</v>
      </c>
      <c r="E1286" s="1" t="s">
        <v>0</v>
      </c>
    </row>
    <row r="1287" spans="1:5" x14ac:dyDescent="0.25">
      <c r="A1287" s="2">
        <v>257</v>
      </c>
      <c r="B1287" s="2">
        <v>257</v>
      </c>
      <c r="C1287" s="1" t="s">
        <v>0</v>
      </c>
      <c r="D1287" s="2">
        <v>154115</v>
      </c>
      <c r="E1287" s="1" t="s">
        <v>0</v>
      </c>
    </row>
    <row r="1288" spans="1:5" x14ac:dyDescent="0.25">
      <c r="A1288" s="1" t="s">
        <v>241</v>
      </c>
      <c r="B1288" s="1" t="s">
        <v>59740</v>
      </c>
      <c r="C1288" s="1" t="s">
        <v>15102</v>
      </c>
      <c r="D1288" s="2">
        <v>154116</v>
      </c>
      <c r="E1288" s="1" t="s">
        <v>0</v>
      </c>
    </row>
    <row r="1289" spans="1:5" x14ac:dyDescent="0.25">
      <c r="A1289" s="1" t="s">
        <v>15103</v>
      </c>
      <c r="B1289" s="1" t="s">
        <v>51384</v>
      </c>
      <c r="C1289" s="1" t="s">
        <v>15104</v>
      </c>
      <c r="D1289" s="2">
        <v>154117</v>
      </c>
      <c r="E1289" s="1" t="s">
        <v>0</v>
      </c>
    </row>
    <row r="1290" spans="1:5" ht="409.5" x14ac:dyDescent="0.25">
      <c r="A1290" s="4" t="s">
        <v>15105</v>
      </c>
      <c r="B1290" s="1" t="s">
        <v>60883</v>
      </c>
      <c r="C1290" s="1" t="s">
        <v>15106</v>
      </c>
      <c r="D1290" s="2">
        <v>154118</v>
      </c>
      <c r="E1290" s="1" t="s">
        <v>0</v>
      </c>
    </row>
    <row r="1291" spans="1:5" x14ac:dyDescent="0.25">
      <c r="A1291" s="1" t="s">
        <v>15107</v>
      </c>
      <c r="B1291" s="1" t="s">
        <v>51385</v>
      </c>
      <c r="C1291" s="1" t="s">
        <v>15108</v>
      </c>
      <c r="D1291" s="2">
        <v>154119</v>
      </c>
      <c r="E1291" s="1" t="s">
        <v>0</v>
      </c>
    </row>
    <row r="1292" spans="1:5" x14ac:dyDescent="0.25">
      <c r="A1292" s="2">
        <v>258</v>
      </c>
      <c r="B1292" s="2">
        <v>258</v>
      </c>
      <c r="C1292" s="1" t="s">
        <v>0</v>
      </c>
      <c r="D1292" s="2">
        <v>154120</v>
      </c>
      <c r="E1292" s="1" t="s">
        <v>0</v>
      </c>
    </row>
    <row r="1293" spans="1:5" x14ac:dyDescent="0.25">
      <c r="A1293" s="1" t="s">
        <v>5318</v>
      </c>
      <c r="B1293" s="1" t="s">
        <v>5319</v>
      </c>
      <c r="C1293" s="1" t="s">
        <v>15109</v>
      </c>
      <c r="D1293" s="2">
        <v>154121</v>
      </c>
      <c r="E1293" s="1" t="s">
        <v>0</v>
      </c>
    </row>
    <row r="1294" spans="1:5" x14ac:dyDescent="0.25">
      <c r="A1294" s="1" t="s">
        <v>15110</v>
      </c>
      <c r="B1294" s="1" t="s">
        <v>51386</v>
      </c>
      <c r="C1294" s="1" t="s">
        <v>15111</v>
      </c>
      <c r="D1294" s="2">
        <v>154122</v>
      </c>
      <c r="E1294" s="1" t="s">
        <v>0</v>
      </c>
    </row>
    <row r="1295" spans="1:5" ht="409.5" x14ac:dyDescent="0.25">
      <c r="A1295" s="4" t="s">
        <v>15112</v>
      </c>
      <c r="B1295" s="1" t="s">
        <v>56680</v>
      </c>
      <c r="C1295" s="1" t="s">
        <v>15113</v>
      </c>
      <c r="D1295" s="2">
        <v>154123</v>
      </c>
      <c r="E1295" s="1" t="s">
        <v>0</v>
      </c>
    </row>
    <row r="1296" spans="1:5" x14ac:dyDescent="0.25">
      <c r="A1296" s="1" t="s">
        <v>15114</v>
      </c>
      <c r="B1296" s="1" t="s">
        <v>51387</v>
      </c>
      <c r="C1296" s="1" t="s">
        <v>15115</v>
      </c>
      <c r="D1296" s="2">
        <v>154124</v>
      </c>
      <c r="E1296" s="1" t="s">
        <v>0</v>
      </c>
    </row>
    <row r="1297" spans="1:5" x14ac:dyDescent="0.25">
      <c r="A1297" s="2">
        <v>259</v>
      </c>
      <c r="B1297" s="2">
        <v>259</v>
      </c>
      <c r="C1297" s="1" t="s">
        <v>0</v>
      </c>
      <c r="D1297" s="2">
        <v>154125</v>
      </c>
      <c r="E1297" s="1" t="s">
        <v>0</v>
      </c>
    </row>
    <row r="1298" spans="1:5" x14ac:dyDescent="0.25">
      <c r="A1298" s="1" t="s">
        <v>12973</v>
      </c>
      <c r="B1298" s="1" t="s">
        <v>12974</v>
      </c>
      <c r="C1298" s="1" t="s">
        <v>15116</v>
      </c>
      <c r="D1298" s="2">
        <v>154126</v>
      </c>
      <c r="E1298" s="1" t="s">
        <v>0</v>
      </c>
    </row>
    <row r="1299" spans="1:5" x14ac:dyDescent="0.25">
      <c r="A1299" s="1" t="s">
        <v>15117</v>
      </c>
      <c r="B1299" s="1" t="s">
        <v>51388</v>
      </c>
      <c r="C1299" s="1" t="s">
        <v>15118</v>
      </c>
      <c r="D1299" s="2">
        <v>154127</v>
      </c>
      <c r="E1299" s="1" t="s">
        <v>0</v>
      </c>
    </row>
    <row r="1300" spans="1:5" ht="409.5" x14ac:dyDescent="0.25">
      <c r="A1300" s="4" t="s">
        <v>63943</v>
      </c>
      <c r="B1300" s="1" t="s">
        <v>51389</v>
      </c>
      <c r="C1300" s="1" t="s">
        <v>15119</v>
      </c>
      <c r="D1300" s="2">
        <v>154128</v>
      </c>
      <c r="E1300" s="1" t="s">
        <v>0</v>
      </c>
    </row>
    <row r="1301" spans="1:5" x14ac:dyDescent="0.25">
      <c r="A1301" s="1" t="s">
        <v>15120</v>
      </c>
      <c r="B1301" s="1" t="s">
        <v>5320</v>
      </c>
      <c r="C1301" s="1" t="s">
        <v>15121</v>
      </c>
      <c r="D1301" s="2">
        <v>154129</v>
      </c>
      <c r="E1301" s="1" t="s">
        <v>0</v>
      </c>
    </row>
    <row r="1302" spans="1:5" x14ac:dyDescent="0.25">
      <c r="A1302" s="2">
        <v>260</v>
      </c>
      <c r="B1302" s="2">
        <v>260</v>
      </c>
      <c r="C1302" s="1" t="s">
        <v>0</v>
      </c>
      <c r="D1302" s="2">
        <v>154130</v>
      </c>
      <c r="E1302" s="1" t="s">
        <v>0</v>
      </c>
    </row>
    <row r="1303" spans="1:5" x14ac:dyDescent="0.25">
      <c r="A1303" s="1" t="s">
        <v>242</v>
      </c>
      <c r="B1303" s="1" t="s">
        <v>5321</v>
      </c>
      <c r="C1303" s="1" t="s">
        <v>15122</v>
      </c>
      <c r="D1303" s="2">
        <v>154131</v>
      </c>
      <c r="E1303" s="1" t="s">
        <v>0</v>
      </c>
    </row>
    <row r="1304" spans="1:5" x14ac:dyDescent="0.25">
      <c r="A1304" s="1" t="s">
        <v>15123</v>
      </c>
      <c r="B1304" s="1" t="s">
        <v>5322</v>
      </c>
      <c r="C1304" s="1" t="s">
        <v>15124</v>
      </c>
      <c r="D1304" s="2">
        <v>154132</v>
      </c>
      <c r="E1304" s="1" t="s">
        <v>0</v>
      </c>
    </row>
    <row r="1305" spans="1:5" ht="409.5" x14ac:dyDescent="0.25">
      <c r="A1305" s="4" t="s">
        <v>15125</v>
      </c>
      <c r="B1305" s="1" t="s">
        <v>5323</v>
      </c>
      <c r="C1305" s="1" t="s">
        <v>15126</v>
      </c>
      <c r="D1305" s="2">
        <v>154133</v>
      </c>
      <c r="E1305" s="1" t="s">
        <v>0</v>
      </c>
    </row>
    <row r="1306" spans="1:5" x14ac:dyDescent="0.25">
      <c r="A1306" s="1" t="s">
        <v>15127</v>
      </c>
      <c r="B1306" s="1" t="s">
        <v>51390</v>
      </c>
      <c r="C1306" s="1" t="s">
        <v>15128</v>
      </c>
      <c r="D1306" s="2">
        <v>154134</v>
      </c>
      <c r="E1306" s="1" t="s">
        <v>0</v>
      </c>
    </row>
    <row r="1307" spans="1:5" x14ac:dyDescent="0.25">
      <c r="A1307" s="2">
        <v>261</v>
      </c>
      <c r="B1307" s="2">
        <v>261</v>
      </c>
      <c r="C1307" s="1" t="s">
        <v>0</v>
      </c>
      <c r="D1307" s="2">
        <v>154135</v>
      </c>
      <c r="E1307" s="1" t="s">
        <v>0</v>
      </c>
    </row>
    <row r="1308" spans="1:5" x14ac:dyDescent="0.25">
      <c r="A1308" s="1" t="s">
        <v>243</v>
      </c>
      <c r="B1308" s="1" t="s">
        <v>5324</v>
      </c>
      <c r="C1308" s="1" t="s">
        <v>15129</v>
      </c>
      <c r="D1308" s="2">
        <v>154136</v>
      </c>
      <c r="E1308" s="1" t="s">
        <v>0</v>
      </c>
    </row>
    <row r="1309" spans="1:5" x14ac:dyDescent="0.25">
      <c r="A1309" s="1" t="s">
        <v>15130</v>
      </c>
      <c r="B1309" s="1" t="s">
        <v>61987</v>
      </c>
      <c r="C1309" s="1" t="s">
        <v>15131</v>
      </c>
      <c r="D1309" s="2">
        <v>154137</v>
      </c>
      <c r="E1309" s="1" t="s">
        <v>0</v>
      </c>
    </row>
    <row r="1310" spans="1:5" ht="409.5" x14ac:dyDescent="0.25">
      <c r="A1310" s="4" t="s">
        <v>15132</v>
      </c>
      <c r="B1310" s="1" t="s">
        <v>61988</v>
      </c>
      <c r="C1310" s="1" t="s">
        <v>15133</v>
      </c>
      <c r="D1310" s="2">
        <v>154138</v>
      </c>
      <c r="E1310" s="1" t="s">
        <v>0</v>
      </c>
    </row>
    <row r="1311" spans="1:5" x14ac:dyDescent="0.25">
      <c r="A1311" s="1" t="s">
        <v>15134</v>
      </c>
      <c r="B1311" s="1" t="s">
        <v>51391</v>
      </c>
      <c r="C1311" s="1" t="s">
        <v>15135</v>
      </c>
      <c r="D1311" s="2">
        <v>154139</v>
      </c>
      <c r="E1311" s="1" t="s">
        <v>0</v>
      </c>
    </row>
    <row r="1312" spans="1:5" x14ac:dyDescent="0.25">
      <c r="A1312" s="2">
        <v>262</v>
      </c>
      <c r="B1312" s="2">
        <v>262</v>
      </c>
      <c r="C1312" s="1" t="s">
        <v>0</v>
      </c>
      <c r="D1312" s="2">
        <v>154140</v>
      </c>
      <c r="E1312" s="1" t="s">
        <v>0</v>
      </c>
    </row>
    <row r="1313" spans="1:5" x14ac:dyDescent="0.25">
      <c r="A1313" s="1" t="s">
        <v>244</v>
      </c>
      <c r="B1313" s="1" t="s">
        <v>51392</v>
      </c>
      <c r="C1313" s="1" t="s">
        <v>15136</v>
      </c>
      <c r="D1313" s="2">
        <v>154141</v>
      </c>
      <c r="E1313" s="1" t="s">
        <v>0</v>
      </c>
    </row>
    <row r="1314" spans="1:5" x14ac:dyDescent="0.25">
      <c r="A1314" s="1" t="s">
        <v>15137</v>
      </c>
      <c r="B1314" s="1" t="s">
        <v>51393</v>
      </c>
      <c r="C1314" s="1" t="s">
        <v>15138</v>
      </c>
      <c r="D1314" s="2">
        <v>154142</v>
      </c>
      <c r="E1314" s="1" t="s">
        <v>0</v>
      </c>
    </row>
    <row r="1315" spans="1:5" ht="409.5" x14ac:dyDescent="0.25">
      <c r="A1315" s="4" t="s">
        <v>15139</v>
      </c>
      <c r="B1315" s="1" t="s">
        <v>51394</v>
      </c>
      <c r="C1315" s="1" t="s">
        <v>15140</v>
      </c>
      <c r="D1315" s="2">
        <v>154143</v>
      </c>
      <c r="E1315" s="1" t="s">
        <v>0</v>
      </c>
    </row>
    <row r="1316" spans="1:5" x14ac:dyDescent="0.25">
      <c r="A1316" s="1" t="s">
        <v>15141</v>
      </c>
      <c r="B1316" s="1" t="s">
        <v>51395</v>
      </c>
      <c r="C1316" s="1" t="s">
        <v>15142</v>
      </c>
      <c r="D1316" s="2">
        <v>154144</v>
      </c>
      <c r="E1316" s="1" t="s">
        <v>0</v>
      </c>
    </row>
    <row r="1317" spans="1:5" x14ac:dyDescent="0.25">
      <c r="A1317" s="2">
        <v>263</v>
      </c>
      <c r="B1317" s="2">
        <v>263</v>
      </c>
      <c r="C1317" s="1" t="s">
        <v>0</v>
      </c>
      <c r="D1317" s="2">
        <v>154145</v>
      </c>
      <c r="E1317" s="1" t="s">
        <v>0</v>
      </c>
    </row>
    <row r="1318" spans="1:5" x14ac:dyDescent="0.25">
      <c r="A1318" s="1" t="s">
        <v>245</v>
      </c>
      <c r="B1318" s="1" t="s">
        <v>5325</v>
      </c>
      <c r="C1318" s="1" t="s">
        <v>15143</v>
      </c>
      <c r="D1318" s="2">
        <v>154146</v>
      </c>
      <c r="E1318" s="1" t="s">
        <v>0</v>
      </c>
    </row>
    <row r="1319" spans="1:5" x14ac:dyDescent="0.25">
      <c r="A1319" s="1" t="s">
        <v>15144</v>
      </c>
      <c r="B1319" s="1" t="s">
        <v>51396</v>
      </c>
      <c r="C1319" s="1" t="s">
        <v>15145</v>
      </c>
      <c r="D1319" s="2">
        <v>154147</v>
      </c>
      <c r="E1319" s="1" t="s">
        <v>0</v>
      </c>
    </row>
    <row r="1320" spans="1:5" ht="409.5" x14ac:dyDescent="0.25">
      <c r="A1320" s="4" t="s">
        <v>15146</v>
      </c>
      <c r="B1320" s="1" t="s">
        <v>51397</v>
      </c>
      <c r="C1320" s="1" t="s">
        <v>15147</v>
      </c>
      <c r="D1320" s="2">
        <v>154148</v>
      </c>
      <c r="E1320" s="1" t="s">
        <v>0</v>
      </c>
    </row>
    <row r="1321" spans="1:5" x14ac:dyDescent="0.25">
      <c r="A1321" s="1" t="s">
        <v>15148</v>
      </c>
      <c r="B1321" s="1" t="s">
        <v>5326</v>
      </c>
      <c r="C1321" s="1" t="s">
        <v>15149</v>
      </c>
      <c r="D1321" s="2">
        <v>154149</v>
      </c>
      <c r="E1321" s="1" t="s">
        <v>0</v>
      </c>
    </row>
    <row r="1322" spans="1:5" x14ac:dyDescent="0.25">
      <c r="A1322" s="2">
        <v>264</v>
      </c>
      <c r="B1322" s="2">
        <v>264</v>
      </c>
      <c r="C1322" s="1" t="s">
        <v>0</v>
      </c>
      <c r="D1322" s="2">
        <v>154150</v>
      </c>
      <c r="E1322" s="1" t="s">
        <v>0</v>
      </c>
    </row>
    <row r="1323" spans="1:5" x14ac:dyDescent="0.25">
      <c r="A1323" s="1" t="s">
        <v>246</v>
      </c>
      <c r="B1323" s="1" t="s">
        <v>5327</v>
      </c>
      <c r="C1323" s="1" t="s">
        <v>15150</v>
      </c>
      <c r="D1323" s="2">
        <v>154151</v>
      </c>
      <c r="E1323" s="1" t="s">
        <v>0</v>
      </c>
    </row>
    <row r="1324" spans="1:5" x14ac:dyDescent="0.25">
      <c r="A1324" s="1" t="s">
        <v>15151</v>
      </c>
      <c r="B1324" s="1" t="s">
        <v>50375</v>
      </c>
      <c r="C1324" s="1" t="s">
        <v>15152</v>
      </c>
      <c r="D1324" s="2">
        <v>154152</v>
      </c>
      <c r="E1324" s="1" t="s">
        <v>0</v>
      </c>
    </row>
    <row r="1325" spans="1:5" ht="409.5" x14ac:dyDescent="0.25">
      <c r="A1325" s="4" t="s">
        <v>15153</v>
      </c>
      <c r="B1325" s="1" t="s">
        <v>50376</v>
      </c>
      <c r="C1325" s="1" t="s">
        <v>15154</v>
      </c>
      <c r="D1325" s="2">
        <v>154153</v>
      </c>
      <c r="E1325" s="1" t="s">
        <v>0</v>
      </c>
    </row>
    <row r="1326" spans="1:5" x14ac:dyDescent="0.25">
      <c r="A1326" s="1" t="s">
        <v>15155</v>
      </c>
      <c r="B1326" s="1" t="s">
        <v>57113</v>
      </c>
      <c r="C1326" s="1" t="s">
        <v>15156</v>
      </c>
      <c r="D1326" s="2">
        <v>154154</v>
      </c>
      <c r="E1326" s="1" t="s">
        <v>0</v>
      </c>
    </row>
    <row r="1327" spans="1:5" x14ac:dyDescent="0.25">
      <c r="A1327" s="2">
        <v>265</v>
      </c>
      <c r="B1327" s="2">
        <v>265</v>
      </c>
      <c r="C1327" s="1" t="s">
        <v>0</v>
      </c>
      <c r="D1327" s="2">
        <v>154155</v>
      </c>
      <c r="E1327" s="1" t="s">
        <v>0</v>
      </c>
    </row>
    <row r="1328" spans="1:5" x14ac:dyDescent="0.25">
      <c r="A1328" s="1" t="s">
        <v>12975</v>
      </c>
      <c r="B1328" s="1" t="s">
        <v>51398</v>
      </c>
      <c r="C1328" s="1" t="s">
        <v>15157</v>
      </c>
      <c r="D1328" s="2">
        <v>154156</v>
      </c>
      <c r="E1328" s="1" t="s">
        <v>0</v>
      </c>
    </row>
    <row r="1329" spans="1:5" x14ac:dyDescent="0.25">
      <c r="A1329" s="1" t="s">
        <v>15158</v>
      </c>
      <c r="B1329" s="1" t="s">
        <v>51399</v>
      </c>
      <c r="C1329" s="1" t="s">
        <v>15159</v>
      </c>
      <c r="D1329" s="2">
        <v>154157</v>
      </c>
      <c r="E1329" s="1" t="s">
        <v>0</v>
      </c>
    </row>
    <row r="1330" spans="1:5" ht="409.5" x14ac:dyDescent="0.25">
      <c r="A1330" s="4" t="s">
        <v>63944</v>
      </c>
      <c r="B1330" s="1" t="s">
        <v>51400</v>
      </c>
      <c r="C1330" s="1" t="s">
        <v>15160</v>
      </c>
      <c r="D1330" s="2">
        <v>154158</v>
      </c>
      <c r="E1330" s="1" t="s">
        <v>0</v>
      </c>
    </row>
    <row r="1331" spans="1:5" x14ac:dyDescent="0.25">
      <c r="A1331" s="1" t="s">
        <v>15161</v>
      </c>
      <c r="B1331" s="1" t="s">
        <v>5328</v>
      </c>
      <c r="C1331" s="1" t="s">
        <v>15162</v>
      </c>
      <c r="D1331" s="2">
        <v>154159</v>
      </c>
      <c r="E1331" s="1" t="s">
        <v>0</v>
      </c>
    </row>
    <row r="1332" spans="1:5" x14ac:dyDescent="0.25">
      <c r="A1332" s="2">
        <v>266</v>
      </c>
      <c r="B1332" s="2">
        <v>266</v>
      </c>
      <c r="C1332" s="1" t="s">
        <v>0</v>
      </c>
      <c r="D1332" s="2">
        <v>154160</v>
      </c>
      <c r="E1332" s="1" t="s">
        <v>0</v>
      </c>
    </row>
    <row r="1333" spans="1:5" x14ac:dyDescent="0.25">
      <c r="A1333" s="1" t="s">
        <v>247</v>
      </c>
      <c r="B1333" s="1" t="s">
        <v>5329</v>
      </c>
      <c r="C1333" s="1" t="s">
        <v>15163</v>
      </c>
      <c r="D1333" s="2">
        <v>154161</v>
      </c>
      <c r="E1333" s="1" t="s">
        <v>0</v>
      </c>
    </row>
    <row r="1334" spans="1:5" x14ac:dyDescent="0.25">
      <c r="A1334" s="1" t="s">
        <v>15164</v>
      </c>
      <c r="B1334" s="1" t="s">
        <v>51401</v>
      </c>
      <c r="C1334" s="1" t="s">
        <v>15165</v>
      </c>
      <c r="D1334" s="2">
        <v>154162</v>
      </c>
      <c r="E1334" s="1" t="s">
        <v>0</v>
      </c>
    </row>
    <row r="1335" spans="1:5" ht="409.5" x14ac:dyDescent="0.25">
      <c r="A1335" s="4" t="s">
        <v>15166</v>
      </c>
      <c r="B1335" s="1" t="s">
        <v>51402</v>
      </c>
      <c r="C1335" s="1" t="s">
        <v>15167</v>
      </c>
      <c r="D1335" s="2">
        <v>154163</v>
      </c>
      <c r="E1335" s="1" t="s">
        <v>0</v>
      </c>
    </row>
    <row r="1336" spans="1:5" x14ac:dyDescent="0.25">
      <c r="A1336" s="1" t="s">
        <v>15168</v>
      </c>
      <c r="B1336" s="1" t="s">
        <v>5330</v>
      </c>
      <c r="C1336" s="1" t="s">
        <v>15169</v>
      </c>
      <c r="D1336" s="2">
        <v>154164</v>
      </c>
      <c r="E1336" s="1" t="s">
        <v>0</v>
      </c>
    </row>
    <row r="1337" spans="1:5" x14ac:dyDescent="0.25">
      <c r="A1337" s="2">
        <v>267</v>
      </c>
      <c r="B1337" s="2">
        <v>267</v>
      </c>
      <c r="C1337" s="1" t="s">
        <v>0</v>
      </c>
      <c r="D1337" s="2">
        <v>154165</v>
      </c>
      <c r="E1337" s="1" t="s">
        <v>0</v>
      </c>
    </row>
    <row r="1338" spans="1:5" x14ac:dyDescent="0.25">
      <c r="A1338" s="1" t="s">
        <v>248</v>
      </c>
      <c r="B1338" s="1" t="s">
        <v>5331</v>
      </c>
      <c r="C1338" s="1" t="s">
        <v>15170</v>
      </c>
      <c r="D1338" s="2">
        <v>154166</v>
      </c>
      <c r="E1338" s="1" t="s">
        <v>0</v>
      </c>
    </row>
    <row r="1339" spans="1:5" x14ac:dyDescent="0.25">
      <c r="A1339" s="1" t="s">
        <v>15171</v>
      </c>
      <c r="B1339" s="1" t="s">
        <v>50377</v>
      </c>
      <c r="C1339" s="1" t="s">
        <v>15172</v>
      </c>
      <c r="D1339" s="2">
        <v>154167</v>
      </c>
      <c r="E1339" s="1" t="s">
        <v>0</v>
      </c>
    </row>
    <row r="1340" spans="1:5" ht="409.5" x14ac:dyDescent="0.25">
      <c r="A1340" s="4" t="s">
        <v>15173</v>
      </c>
      <c r="B1340" s="1" t="s">
        <v>60485</v>
      </c>
      <c r="C1340" s="1" t="s">
        <v>15174</v>
      </c>
      <c r="D1340" s="2">
        <v>154168</v>
      </c>
      <c r="E1340" s="1" t="s">
        <v>0</v>
      </c>
    </row>
    <row r="1341" spans="1:5" x14ac:dyDescent="0.25">
      <c r="A1341" s="1" t="s">
        <v>15175</v>
      </c>
      <c r="B1341" s="1" t="s">
        <v>51403</v>
      </c>
      <c r="C1341" s="1" t="s">
        <v>15176</v>
      </c>
      <c r="D1341" s="2">
        <v>154169</v>
      </c>
      <c r="E1341" s="1" t="s">
        <v>0</v>
      </c>
    </row>
    <row r="1342" spans="1:5" x14ac:dyDescent="0.25">
      <c r="A1342" s="2">
        <v>268</v>
      </c>
      <c r="B1342" s="2">
        <v>268</v>
      </c>
      <c r="C1342" s="1" t="s">
        <v>0</v>
      </c>
      <c r="D1342" s="2">
        <v>154170</v>
      </c>
      <c r="E1342" s="1" t="s">
        <v>0</v>
      </c>
    </row>
    <row r="1343" spans="1:5" x14ac:dyDescent="0.25">
      <c r="A1343" s="1" t="s">
        <v>249</v>
      </c>
      <c r="B1343" s="1" t="s">
        <v>5332</v>
      </c>
      <c r="C1343" s="1" t="s">
        <v>15177</v>
      </c>
      <c r="D1343" s="2">
        <v>154171</v>
      </c>
      <c r="E1343" s="1" t="s">
        <v>0</v>
      </c>
    </row>
    <row r="1344" spans="1:5" x14ac:dyDescent="0.25">
      <c r="A1344" s="1" t="s">
        <v>15178</v>
      </c>
      <c r="B1344" s="1" t="s">
        <v>5333</v>
      </c>
      <c r="C1344" s="1" t="s">
        <v>15179</v>
      </c>
      <c r="D1344" s="2">
        <v>154172</v>
      </c>
      <c r="E1344" s="1" t="s">
        <v>0</v>
      </c>
    </row>
    <row r="1345" spans="1:5" ht="409.5" x14ac:dyDescent="0.25">
      <c r="A1345" s="4" t="s">
        <v>15180</v>
      </c>
      <c r="B1345" s="1" t="s">
        <v>5334</v>
      </c>
      <c r="C1345" s="1" t="s">
        <v>15181</v>
      </c>
      <c r="D1345" s="2">
        <v>154173</v>
      </c>
      <c r="E1345" s="1" t="s">
        <v>0</v>
      </c>
    </row>
    <row r="1346" spans="1:5" x14ac:dyDescent="0.25">
      <c r="A1346" s="1" t="s">
        <v>15182</v>
      </c>
      <c r="B1346" s="1" t="s">
        <v>51404</v>
      </c>
      <c r="C1346" s="1" t="s">
        <v>15183</v>
      </c>
      <c r="D1346" s="2">
        <v>154174</v>
      </c>
      <c r="E1346" s="1" t="s">
        <v>0</v>
      </c>
    </row>
    <row r="1347" spans="1:5" x14ac:dyDescent="0.25">
      <c r="A1347" s="2">
        <v>269</v>
      </c>
      <c r="B1347" s="2">
        <v>269</v>
      </c>
      <c r="C1347" s="1" t="s">
        <v>0</v>
      </c>
      <c r="D1347" s="2">
        <v>154175</v>
      </c>
      <c r="E1347" s="1" t="s">
        <v>0</v>
      </c>
    </row>
    <row r="1348" spans="1:5" x14ac:dyDescent="0.25">
      <c r="A1348" s="1" t="s">
        <v>5335</v>
      </c>
      <c r="B1348" s="1" t="s">
        <v>5336</v>
      </c>
      <c r="C1348" s="1" t="s">
        <v>15184</v>
      </c>
      <c r="D1348" s="2">
        <v>154176</v>
      </c>
      <c r="E1348" s="1" t="s">
        <v>0</v>
      </c>
    </row>
    <row r="1349" spans="1:5" x14ac:dyDescent="0.25">
      <c r="A1349" s="1" t="s">
        <v>15185</v>
      </c>
      <c r="B1349" s="1" t="s">
        <v>51405</v>
      </c>
      <c r="C1349" s="1" t="s">
        <v>15186</v>
      </c>
      <c r="D1349" s="2">
        <v>154177</v>
      </c>
      <c r="E1349" s="1" t="s">
        <v>0</v>
      </c>
    </row>
    <row r="1350" spans="1:5" ht="409.5" x14ac:dyDescent="0.25">
      <c r="A1350" s="4" t="s">
        <v>63945</v>
      </c>
      <c r="B1350" s="1" t="s">
        <v>63180</v>
      </c>
      <c r="C1350" s="1" t="s">
        <v>15187</v>
      </c>
      <c r="D1350" s="2">
        <v>154178</v>
      </c>
      <c r="E1350" s="1" t="s">
        <v>0</v>
      </c>
    </row>
    <row r="1351" spans="1:5" x14ac:dyDescent="0.25">
      <c r="A1351" s="1" t="s">
        <v>15188</v>
      </c>
      <c r="B1351" s="1" t="s">
        <v>5337</v>
      </c>
      <c r="C1351" s="1" t="s">
        <v>15189</v>
      </c>
      <c r="D1351" s="2">
        <v>154179</v>
      </c>
      <c r="E1351" s="1" t="s">
        <v>0</v>
      </c>
    </row>
    <row r="1352" spans="1:5" x14ac:dyDescent="0.25">
      <c r="A1352" s="2">
        <v>270</v>
      </c>
      <c r="B1352" s="2">
        <v>270</v>
      </c>
      <c r="C1352" s="1" t="s">
        <v>0</v>
      </c>
      <c r="D1352" s="2">
        <v>154180</v>
      </c>
      <c r="E1352" s="1" t="s">
        <v>0</v>
      </c>
    </row>
    <row r="1353" spans="1:5" x14ac:dyDescent="0.25">
      <c r="A1353" s="1" t="s">
        <v>250</v>
      </c>
      <c r="B1353" s="1" t="s">
        <v>5338</v>
      </c>
      <c r="C1353" s="1" t="s">
        <v>15190</v>
      </c>
      <c r="D1353" s="2">
        <v>154181</v>
      </c>
      <c r="E1353" s="1" t="s">
        <v>0</v>
      </c>
    </row>
    <row r="1354" spans="1:5" x14ac:dyDescent="0.25">
      <c r="A1354" s="1" t="s">
        <v>15191</v>
      </c>
      <c r="B1354" s="1" t="s">
        <v>12976</v>
      </c>
      <c r="C1354" s="1" t="s">
        <v>15192</v>
      </c>
      <c r="D1354" s="2">
        <v>154182</v>
      </c>
      <c r="E1354" s="1" t="s">
        <v>0</v>
      </c>
    </row>
    <row r="1355" spans="1:5" ht="409.5" x14ac:dyDescent="0.25">
      <c r="A1355" s="4" t="s">
        <v>15193</v>
      </c>
      <c r="B1355" s="1" t="s">
        <v>51406</v>
      </c>
      <c r="C1355" s="1" t="s">
        <v>15194</v>
      </c>
      <c r="D1355" s="2">
        <v>154183</v>
      </c>
      <c r="E1355" s="1" t="s">
        <v>0</v>
      </c>
    </row>
    <row r="1356" spans="1:5" x14ac:dyDescent="0.25">
      <c r="A1356" s="1" t="s">
        <v>15195</v>
      </c>
      <c r="B1356" s="1" t="s">
        <v>5339</v>
      </c>
      <c r="C1356" s="1" t="s">
        <v>15196</v>
      </c>
      <c r="D1356" s="2">
        <v>154184</v>
      </c>
      <c r="E1356" s="1" t="s">
        <v>0</v>
      </c>
    </row>
    <row r="1357" spans="1:5" x14ac:dyDescent="0.25">
      <c r="A1357" s="2">
        <v>271</v>
      </c>
      <c r="B1357" s="2">
        <v>271</v>
      </c>
      <c r="C1357" s="1" t="s">
        <v>0</v>
      </c>
      <c r="D1357" s="2">
        <v>154185</v>
      </c>
      <c r="E1357" s="1" t="s">
        <v>0</v>
      </c>
    </row>
    <row r="1358" spans="1:5" x14ac:dyDescent="0.25">
      <c r="A1358" s="1" t="s">
        <v>251</v>
      </c>
      <c r="B1358" s="1" t="s">
        <v>5340</v>
      </c>
      <c r="C1358" s="1" t="s">
        <v>15197</v>
      </c>
      <c r="D1358" s="2">
        <v>154186</v>
      </c>
      <c r="E1358" s="1" t="s">
        <v>0</v>
      </c>
    </row>
    <row r="1359" spans="1:5" x14ac:dyDescent="0.25">
      <c r="A1359" s="1" t="s">
        <v>15198</v>
      </c>
      <c r="B1359" s="1" t="s">
        <v>5341</v>
      </c>
      <c r="C1359" s="1" t="s">
        <v>15199</v>
      </c>
      <c r="D1359" s="2">
        <v>154187</v>
      </c>
      <c r="E1359" s="1" t="s">
        <v>0</v>
      </c>
    </row>
    <row r="1360" spans="1:5" ht="409.5" x14ac:dyDescent="0.25">
      <c r="A1360" s="4" t="s">
        <v>15200</v>
      </c>
      <c r="B1360" s="1" t="s">
        <v>5342</v>
      </c>
      <c r="C1360" s="1" t="s">
        <v>15201</v>
      </c>
      <c r="D1360" s="2">
        <v>154188</v>
      </c>
      <c r="E1360" s="1" t="s">
        <v>0</v>
      </c>
    </row>
    <row r="1361" spans="1:5" x14ac:dyDescent="0.25">
      <c r="A1361" s="1" t="s">
        <v>15202</v>
      </c>
      <c r="B1361" s="1" t="s">
        <v>51407</v>
      </c>
      <c r="C1361" s="1" t="s">
        <v>15203</v>
      </c>
      <c r="D1361" s="2">
        <v>154189</v>
      </c>
      <c r="E1361" s="1" t="s">
        <v>0</v>
      </c>
    </row>
    <row r="1362" spans="1:5" x14ac:dyDescent="0.25">
      <c r="A1362" s="2">
        <v>272</v>
      </c>
      <c r="B1362" s="2">
        <v>272</v>
      </c>
      <c r="C1362" s="1" t="s">
        <v>0</v>
      </c>
      <c r="D1362" s="2">
        <v>154190</v>
      </c>
      <c r="E1362" s="1" t="s">
        <v>0</v>
      </c>
    </row>
    <row r="1363" spans="1:5" x14ac:dyDescent="0.25">
      <c r="A1363" s="1" t="s">
        <v>252</v>
      </c>
      <c r="B1363" s="1" t="s">
        <v>5343</v>
      </c>
      <c r="C1363" s="1" t="s">
        <v>15204</v>
      </c>
      <c r="D1363" s="2">
        <v>154191</v>
      </c>
      <c r="E1363" s="1" t="s">
        <v>0</v>
      </c>
    </row>
    <row r="1364" spans="1:5" x14ac:dyDescent="0.25">
      <c r="A1364" s="1" t="s">
        <v>15205</v>
      </c>
      <c r="B1364" s="1" t="s">
        <v>51408</v>
      </c>
      <c r="C1364" s="1" t="s">
        <v>15206</v>
      </c>
      <c r="D1364" s="2">
        <v>154192</v>
      </c>
      <c r="E1364" s="1" t="s">
        <v>0</v>
      </c>
    </row>
    <row r="1365" spans="1:5" ht="409.5" x14ac:dyDescent="0.25">
      <c r="A1365" s="4" t="s">
        <v>15207</v>
      </c>
      <c r="B1365" s="1" t="s">
        <v>51409</v>
      </c>
      <c r="C1365" s="1" t="s">
        <v>15208</v>
      </c>
      <c r="D1365" s="2">
        <v>154193</v>
      </c>
      <c r="E1365" s="1" t="s">
        <v>0</v>
      </c>
    </row>
    <row r="1366" spans="1:5" x14ac:dyDescent="0.25">
      <c r="A1366" s="1" t="s">
        <v>15209</v>
      </c>
      <c r="B1366" s="1" t="s">
        <v>51410</v>
      </c>
      <c r="C1366" s="1" t="s">
        <v>15210</v>
      </c>
      <c r="D1366" s="2">
        <v>154194</v>
      </c>
      <c r="E1366" s="1" t="s">
        <v>0</v>
      </c>
    </row>
    <row r="1367" spans="1:5" x14ac:dyDescent="0.25">
      <c r="A1367" s="2">
        <v>273</v>
      </c>
      <c r="B1367" s="2">
        <v>273</v>
      </c>
      <c r="C1367" s="1" t="s">
        <v>0</v>
      </c>
      <c r="D1367" s="2">
        <v>154195</v>
      </c>
      <c r="E1367" s="1" t="s">
        <v>0</v>
      </c>
    </row>
    <row r="1368" spans="1:5" x14ac:dyDescent="0.25">
      <c r="A1368" s="1" t="s">
        <v>253</v>
      </c>
      <c r="B1368" s="1" t="s">
        <v>61561</v>
      </c>
      <c r="C1368" s="1" t="s">
        <v>15211</v>
      </c>
      <c r="D1368" s="2">
        <v>154196</v>
      </c>
      <c r="E1368" s="1" t="s">
        <v>0</v>
      </c>
    </row>
    <row r="1369" spans="1:5" x14ac:dyDescent="0.25">
      <c r="A1369" s="1" t="s">
        <v>15212</v>
      </c>
      <c r="B1369" s="1" t="s">
        <v>61562</v>
      </c>
      <c r="C1369" s="1" t="s">
        <v>15213</v>
      </c>
      <c r="D1369" s="2">
        <v>154197</v>
      </c>
      <c r="E1369" s="1" t="s">
        <v>0</v>
      </c>
    </row>
    <row r="1370" spans="1:5" ht="409.5" x14ac:dyDescent="0.25">
      <c r="A1370" s="4" t="s">
        <v>63946</v>
      </c>
      <c r="B1370" s="1" t="s">
        <v>61563</v>
      </c>
      <c r="C1370" s="1" t="s">
        <v>15214</v>
      </c>
      <c r="D1370" s="2">
        <v>154198</v>
      </c>
      <c r="E1370" s="1" t="s">
        <v>0</v>
      </c>
    </row>
    <row r="1371" spans="1:5" x14ac:dyDescent="0.25">
      <c r="A1371" s="1" t="s">
        <v>15215</v>
      </c>
      <c r="B1371" s="1" t="s">
        <v>61564</v>
      </c>
      <c r="C1371" s="1" t="s">
        <v>15216</v>
      </c>
      <c r="D1371" s="2">
        <v>154199</v>
      </c>
      <c r="E1371" s="1" t="s">
        <v>0</v>
      </c>
    </row>
    <row r="1372" spans="1:5" x14ac:dyDescent="0.25">
      <c r="A1372" s="2">
        <v>274</v>
      </c>
      <c r="B1372" s="2">
        <v>274</v>
      </c>
      <c r="C1372" s="1" t="s">
        <v>0</v>
      </c>
      <c r="D1372" s="2">
        <v>154200</v>
      </c>
      <c r="E1372" s="1" t="s">
        <v>0</v>
      </c>
    </row>
    <row r="1373" spans="1:5" x14ac:dyDescent="0.25">
      <c r="A1373" s="1" t="s">
        <v>254</v>
      </c>
      <c r="B1373" s="1" t="s">
        <v>59741</v>
      </c>
      <c r="C1373" s="1" t="s">
        <v>15217</v>
      </c>
      <c r="D1373" s="2">
        <v>154201</v>
      </c>
      <c r="E1373" s="1" t="s">
        <v>0</v>
      </c>
    </row>
    <row r="1374" spans="1:5" x14ac:dyDescent="0.25">
      <c r="A1374" s="1" t="s">
        <v>15218</v>
      </c>
      <c r="B1374" s="1" t="s">
        <v>59742</v>
      </c>
      <c r="C1374" s="1" t="s">
        <v>15219</v>
      </c>
      <c r="D1374" s="2">
        <v>154202</v>
      </c>
      <c r="E1374" s="1" t="s">
        <v>0</v>
      </c>
    </row>
    <row r="1375" spans="1:5" ht="409.5" x14ac:dyDescent="0.25">
      <c r="A1375" s="4" t="s">
        <v>15220</v>
      </c>
      <c r="B1375" s="1" t="s">
        <v>59743</v>
      </c>
      <c r="C1375" s="1" t="s">
        <v>15221</v>
      </c>
      <c r="D1375" s="2">
        <v>154203</v>
      </c>
      <c r="E1375" s="1" t="s">
        <v>0</v>
      </c>
    </row>
    <row r="1376" spans="1:5" x14ac:dyDescent="0.25">
      <c r="A1376" s="1" t="s">
        <v>15222</v>
      </c>
      <c r="B1376" s="1" t="s">
        <v>59744</v>
      </c>
      <c r="C1376" s="1" t="s">
        <v>15223</v>
      </c>
      <c r="D1376" s="2">
        <v>154204</v>
      </c>
      <c r="E1376" s="1" t="s">
        <v>0</v>
      </c>
    </row>
    <row r="1377" spans="1:5" x14ac:dyDescent="0.25">
      <c r="A1377" s="2">
        <v>275</v>
      </c>
      <c r="B1377" s="2">
        <v>275</v>
      </c>
      <c r="C1377" s="1" t="s">
        <v>0</v>
      </c>
      <c r="D1377" s="2">
        <v>154205</v>
      </c>
      <c r="E1377" s="1" t="s">
        <v>0</v>
      </c>
    </row>
    <row r="1378" spans="1:5" x14ac:dyDescent="0.25">
      <c r="A1378" s="1" t="s">
        <v>5344</v>
      </c>
      <c r="B1378" s="1" t="s">
        <v>5345</v>
      </c>
      <c r="C1378" s="1" t="s">
        <v>15224</v>
      </c>
      <c r="D1378" s="2">
        <v>154206</v>
      </c>
      <c r="E1378" s="1" t="s">
        <v>0</v>
      </c>
    </row>
    <row r="1379" spans="1:5" x14ac:dyDescent="0.25">
      <c r="A1379" s="1" t="s">
        <v>15225</v>
      </c>
      <c r="B1379" s="1" t="s">
        <v>5346</v>
      </c>
      <c r="C1379" s="1" t="s">
        <v>15226</v>
      </c>
      <c r="D1379" s="2">
        <v>154207</v>
      </c>
      <c r="E1379" s="1" t="s">
        <v>0</v>
      </c>
    </row>
    <row r="1380" spans="1:5" ht="409.5" x14ac:dyDescent="0.25">
      <c r="A1380" s="4" t="s">
        <v>15227</v>
      </c>
      <c r="B1380" s="1" t="s">
        <v>57384</v>
      </c>
      <c r="C1380" s="1" t="s">
        <v>15228</v>
      </c>
      <c r="D1380" s="2">
        <v>154208</v>
      </c>
      <c r="E1380" s="1" t="s">
        <v>0</v>
      </c>
    </row>
    <row r="1381" spans="1:5" x14ac:dyDescent="0.25">
      <c r="A1381" s="1" t="s">
        <v>15229</v>
      </c>
      <c r="B1381" s="1" t="s">
        <v>5347</v>
      </c>
      <c r="C1381" s="1" t="s">
        <v>15230</v>
      </c>
      <c r="D1381" s="2">
        <v>154209</v>
      </c>
      <c r="E1381" s="1" t="s">
        <v>0</v>
      </c>
    </row>
    <row r="1382" spans="1:5" x14ac:dyDescent="0.25">
      <c r="A1382" s="2">
        <v>276</v>
      </c>
      <c r="B1382" s="2">
        <v>276</v>
      </c>
      <c r="C1382" s="1" t="s">
        <v>0</v>
      </c>
      <c r="D1382" s="2">
        <v>154210</v>
      </c>
      <c r="E1382" s="1" t="s">
        <v>0</v>
      </c>
    </row>
    <row r="1383" spans="1:5" x14ac:dyDescent="0.25">
      <c r="A1383" s="1" t="s">
        <v>12977</v>
      </c>
      <c r="B1383" s="1" t="s">
        <v>5348</v>
      </c>
      <c r="C1383" s="1" t="s">
        <v>15231</v>
      </c>
      <c r="D1383" s="2">
        <v>154211</v>
      </c>
      <c r="E1383" s="1" t="s">
        <v>0</v>
      </c>
    </row>
    <row r="1384" spans="1:5" x14ac:dyDescent="0.25">
      <c r="A1384" s="1" t="s">
        <v>15232</v>
      </c>
      <c r="B1384" s="1" t="s">
        <v>51411</v>
      </c>
      <c r="C1384" s="1" t="s">
        <v>15233</v>
      </c>
      <c r="D1384" s="2">
        <v>154212</v>
      </c>
      <c r="E1384" s="1" t="s">
        <v>0</v>
      </c>
    </row>
    <row r="1385" spans="1:5" ht="409.5" x14ac:dyDescent="0.25">
      <c r="A1385" s="4" t="s">
        <v>15234</v>
      </c>
      <c r="B1385" s="1" t="s">
        <v>51412</v>
      </c>
      <c r="C1385" s="1" t="s">
        <v>15235</v>
      </c>
      <c r="D1385" s="2">
        <v>154213</v>
      </c>
      <c r="E1385" s="1" t="s">
        <v>0</v>
      </c>
    </row>
    <row r="1386" spans="1:5" x14ac:dyDescent="0.25">
      <c r="A1386" s="1" t="s">
        <v>15236</v>
      </c>
      <c r="B1386" s="1" t="s">
        <v>51413</v>
      </c>
      <c r="C1386" s="1" t="s">
        <v>15237</v>
      </c>
      <c r="D1386" s="2">
        <v>154214</v>
      </c>
      <c r="E1386" s="1" t="s">
        <v>0</v>
      </c>
    </row>
    <row r="1387" spans="1:5" x14ac:dyDescent="0.25">
      <c r="A1387" s="2">
        <v>277</v>
      </c>
      <c r="B1387" s="2">
        <v>277</v>
      </c>
      <c r="C1387" s="1" t="s">
        <v>0</v>
      </c>
      <c r="D1387" s="2">
        <v>154215</v>
      </c>
      <c r="E1387" s="1" t="s">
        <v>0</v>
      </c>
    </row>
    <row r="1388" spans="1:5" x14ac:dyDescent="0.25">
      <c r="A1388" s="1" t="s">
        <v>255</v>
      </c>
      <c r="B1388" s="1" t="s">
        <v>5349</v>
      </c>
      <c r="C1388" s="1" t="s">
        <v>15238</v>
      </c>
      <c r="D1388" s="2">
        <v>154216</v>
      </c>
      <c r="E1388" s="1" t="s">
        <v>0</v>
      </c>
    </row>
    <row r="1389" spans="1:5" x14ac:dyDescent="0.25">
      <c r="A1389" s="1" t="s">
        <v>15239</v>
      </c>
      <c r="B1389" s="1" t="s">
        <v>51414</v>
      </c>
      <c r="C1389" s="1" t="s">
        <v>15240</v>
      </c>
      <c r="D1389" s="2">
        <v>154217</v>
      </c>
      <c r="E1389" s="1" t="s">
        <v>0</v>
      </c>
    </row>
    <row r="1390" spans="1:5" ht="409.5" x14ac:dyDescent="0.25">
      <c r="A1390" s="4" t="s">
        <v>15241</v>
      </c>
      <c r="B1390" s="1" t="s">
        <v>51415</v>
      </c>
      <c r="C1390" s="1" t="s">
        <v>15242</v>
      </c>
      <c r="D1390" s="2">
        <v>154218</v>
      </c>
      <c r="E1390" s="1" t="s">
        <v>0</v>
      </c>
    </row>
    <row r="1391" spans="1:5" x14ac:dyDescent="0.25">
      <c r="A1391" s="1" t="s">
        <v>15243</v>
      </c>
      <c r="B1391" s="1" t="s">
        <v>5350</v>
      </c>
      <c r="C1391" s="1" t="s">
        <v>15244</v>
      </c>
      <c r="D1391" s="2">
        <v>154219</v>
      </c>
      <c r="E1391" s="1" t="s">
        <v>0</v>
      </c>
    </row>
    <row r="1392" spans="1:5" x14ac:dyDescent="0.25">
      <c r="A1392" s="2">
        <v>278</v>
      </c>
      <c r="B1392" s="2">
        <v>278</v>
      </c>
      <c r="C1392" s="1" t="s">
        <v>0</v>
      </c>
      <c r="D1392" s="2">
        <v>154220</v>
      </c>
      <c r="E1392" s="1" t="s">
        <v>0</v>
      </c>
    </row>
    <row r="1393" spans="1:5" x14ac:dyDescent="0.25">
      <c r="A1393" s="1" t="s">
        <v>256</v>
      </c>
      <c r="B1393" s="1" t="s">
        <v>61565</v>
      </c>
      <c r="C1393" s="1" t="s">
        <v>15245</v>
      </c>
      <c r="D1393" s="2">
        <v>154221</v>
      </c>
      <c r="E1393" s="1" t="s">
        <v>0</v>
      </c>
    </row>
    <row r="1394" spans="1:5" x14ac:dyDescent="0.25">
      <c r="A1394" s="1" t="s">
        <v>15246</v>
      </c>
      <c r="B1394" s="1" t="s">
        <v>61566</v>
      </c>
      <c r="C1394" s="1" t="s">
        <v>15247</v>
      </c>
      <c r="D1394" s="2">
        <v>154222</v>
      </c>
      <c r="E1394" s="1" t="s">
        <v>0</v>
      </c>
    </row>
    <row r="1395" spans="1:5" ht="409.5" x14ac:dyDescent="0.25">
      <c r="A1395" s="4" t="s">
        <v>15248</v>
      </c>
      <c r="B1395" s="1" t="s">
        <v>61567</v>
      </c>
      <c r="C1395" s="1" t="s">
        <v>15249</v>
      </c>
      <c r="D1395" s="2">
        <v>154223</v>
      </c>
      <c r="E1395" s="1" t="s">
        <v>0</v>
      </c>
    </row>
    <row r="1396" spans="1:5" x14ac:dyDescent="0.25">
      <c r="A1396" s="1" t="s">
        <v>15250</v>
      </c>
      <c r="B1396" s="1" t="s">
        <v>61568</v>
      </c>
      <c r="C1396" s="1" t="s">
        <v>15251</v>
      </c>
      <c r="D1396" s="2">
        <v>154224</v>
      </c>
      <c r="E1396" s="1" t="s">
        <v>0</v>
      </c>
    </row>
    <row r="1397" spans="1:5" x14ac:dyDescent="0.25">
      <c r="A1397" s="2">
        <v>279</v>
      </c>
      <c r="B1397" s="2">
        <v>279</v>
      </c>
      <c r="C1397" s="1" t="s">
        <v>0</v>
      </c>
      <c r="D1397" s="2">
        <v>154225</v>
      </c>
      <c r="E1397" s="1" t="s">
        <v>0</v>
      </c>
    </row>
    <row r="1398" spans="1:5" x14ac:dyDescent="0.25">
      <c r="A1398" s="1" t="s">
        <v>257</v>
      </c>
      <c r="B1398" s="1" t="s">
        <v>5351</v>
      </c>
      <c r="C1398" s="1" t="s">
        <v>15252</v>
      </c>
      <c r="D1398" s="2">
        <v>154226</v>
      </c>
      <c r="E1398" s="1" t="s">
        <v>0</v>
      </c>
    </row>
    <row r="1399" spans="1:5" x14ac:dyDescent="0.25">
      <c r="A1399" s="1" t="s">
        <v>15253</v>
      </c>
      <c r="B1399" s="1" t="s">
        <v>51416</v>
      </c>
      <c r="C1399" s="1" t="s">
        <v>15254</v>
      </c>
      <c r="D1399" s="2">
        <v>154227</v>
      </c>
      <c r="E1399" s="1" t="s">
        <v>0</v>
      </c>
    </row>
    <row r="1400" spans="1:5" ht="409.5" x14ac:dyDescent="0.25">
      <c r="A1400" s="4" t="s">
        <v>15255</v>
      </c>
      <c r="B1400" s="1" t="s">
        <v>60884</v>
      </c>
      <c r="C1400" s="1" t="s">
        <v>15256</v>
      </c>
      <c r="D1400" s="2">
        <v>154228</v>
      </c>
      <c r="E1400" s="1" t="s">
        <v>0</v>
      </c>
    </row>
    <row r="1401" spans="1:5" x14ac:dyDescent="0.25">
      <c r="A1401" s="1" t="s">
        <v>15257</v>
      </c>
      <c r="B1401" s="1" t="s">
        <v>5352</v>
      </c>
      <c r="C1401" s="1" t="s">
        <v>15258</v>
      </c>
      <c r="D1401" s="2">
        <v>154229</v>
      </c>
      <c r="E1401" s="1" t="s">
        <v>0</v>
      </c>
    </row>
    <row r="1402" spans="1:5" x14ac:dyDescent="0.25">
      <c r="A1402" s="2">
        <v>280</v>
      </c>
      <c r="B1402" s="2">
        <v>280</v>
      </c>
      <c r="C1402" s="1" t="s">
        <v>0</v>
      </c>
      <c r="D1402" s="2">
        <v>154230</v>
      </c>
      <c r="E1402" s="1" t="s">
        <v>0</v>
      </c>
    </row>
    <row r="1403" spans="1:5" x14ac:dyDescent="0.25">
      <c r="A1403" s="1" t="s">
        <v>258</v>
      </c>
      <c r="B1403" s="1" t="s">
        <v>5353</v>
      </c>
      <c r="C1403" s="1" t="s">
        <v>15259</v>
      </c>
      <c r="D1403" s="2">
        <v>154231</v>
      </c>
      <c r="E1403" s="1" t="s">
        <v>0</v>
      </c>
    </row>
    <row r="1404" spans="1:5" x14ac:dyDescent="0.25">
      <c r="A1404" s="1" t="s">
        <v>15260</v>
      </c>
      <c r="B1404" s="1" t="s">
        <v>60885</v>
      </c>
      <c r="C1404" s="1" t="s">
        <v>15261</v>
      </c>
      <c r="D1404" s="2">
        <v>154232</v>
      </c>
      <c r="E1404" s="1" t="s">
        <v>0</v>
      </c>
    </row>
    <row r="1405" spans="1:5" ht="409.5" x14ac:dyDescent="0.25">
      <c r="A1405" s="4" t="s">
        <v>15262</v>
      </c>
      <c r="B1405" s="1" t="s">
        <v>60886</v>
      </c>
      <c r="C1405" s="1" t="s">
        <v>15263</v>
      </c>
      <c r="D1405" s="2">
        <v>154233</v>
      </c>
      <c r="E1405" s="1" t="s">
        <v>0</v>
      </c>
    </row>
    <row r="1406" spans="1:5" x14ac:dyDescent="0.25">
      <c r="A1406" s="1" t="s">
        <v>15264</v>
      </c>
      <c r="B1406" s="1" t="s">
        <v>51417</v>
      </c>
      <c r="C1406" s="1" t="s">
        <v>15265</v>
      </c>
      <c r="D1406" s="2">
        <v>154234</v>
      </c>
      <c r="E1406" s="1" t="s">
        <v>0</v>
      </c>
    </row>
    <row r="1407" spans="1:5" x14ac:dyDescent="0.25">
      <c r="A1407" s="2">
        <v>281</v>
      </c>
      <c r="B1407" s="2">
        <v>281</v>
      </c>
      <c r="C1407" s="1" t="s">
        <v>0</v>
      </c>
      <c r="D1407" s="2">
        <v>154235</v>
      </c>
      <c r="E1407" s="1" t="s">
        <v>0</v>
      </c>
    </row>
    <row r="1408" spans="1:5" x14ac:dyDescent="0.25">
      <c r="A1408" s="1" t="s">
        <v>259</v>
      </c>
      <c r="B1408" s="1" t="s">
        <v>5354</v>
      </c>
      <c r="C1408" s="1" t="s">
        <v>15266</v>
      </c>
      <c r="D1408" s="2">
        <v>154236</v>
      </c>
      <c r="E1408" s="1" t="s">
        <v>0</v>
      </c>
    </row>
    <row r="1409" spans="1:5" x14ac:dyDescent="0.25">
      <c r="A1409" s="1" t="s">
        <v>15267</v>
      </c>
      <c r="B1409" s="1" t="s">
        <v>61989</v>
      </c>
      <c r="C1409" s="1" t="s">
        <v>15268</v>
      </c>
      <c r="D1409" s="2">
        <v>154237</v>
      </c>
      <c r="E1409" s="1" t="s">
        <v>0</v>
      </c>
    </row>
    <row r="1410" spans="1:5" ht="409.5" x14ac:dyDescent="0.25">
      <c r="A1410" s="4" t="s">
        <v>15269</v>
      </c>
      <c r="B1410" s="1" t="s">
        <v>61990</v>
      </c>
      <c r="C1410" s="1" t="s">
        <v>15270</v>
      </c>
      <c r="D1410" s="2">
        <v>154238</v>
      </c>
      <c r="E1410" s="1" t="s">
        <v>0</v>
      </c>
    </row>
    <row r="1411" spans="1:5" x14ac:dyDescent="0.25">
      <c r="A1411" s="1" t="s">
        <v>15271</v>
      </c>
      <c r="B1411" s="1" t="s">
        <v>5355</v>
      </c>
      <c r="C1411" s="1" t="s">
        <v>15272</v>
      </c>
      <c r="D1411" s="2">
        <v>154239</v>
      </c>
      <c r="E1411" s="1" t="s">
        <v>0</v>
      </c>
    </row>
    <row r="1412" spans="1:5" x14ac:dyDescent="0.25">
      <c r="A1412" s="2">
        <v>282</v>
      </c>
      <c r="B1412" s="2">
        <v>282</v>
      </c>
      <c r="C1412" s="1" t="s">
        <v>0</v>
      </c>
      <c r="D1412" s="2">
        <v>154240</v>
      </c>
      <c r="E1412" s="1" t="s">
        <v>0</v>
      </c>
    </row>
    <row r="1413" spans="1:5" x14ac:dyDescent="0.25">
      <c r="A1413" s="1" t="s">
        <v>260</v>
      </c>
      <c r="B1413" s="1" t="s">
        <v>5356</v>
      </c>
      <c r="C1413" s="1" t="s">
        <v>15273</v>
      </c>
      <c r="D1413" s="2">
        <v>154241</v>
      </c>
      <c r="E1413" s="1" t="s">
        <v>0</v>
      </c>
    </row>
    <row r="1414" spans="1:5" x14ac:dyDescent="0.25">
      <c r="A1414" s="1" t="s">
        <v>15274</v>
      </c>
      <c r="B1414" s="1" t="s">
        <v>60538</v>
      </c>
      <c r="C1414" s="1" t="s">
        <v>15275</v>
      </c>
      <c r="D1414" s="2">
        <v>154242</v>
      </c>
      <c r="E1414" s="1" t="s">
        <v>0</v>
      </c>
    </row>
    <row r="1415" spans="1:5" ht="409.5" x14ac:dyDescent="0.25">
      <c r="A1415" s="4" t="s">
        <v>15276</v>
      </c>
      <c r="B1415" s="1" t="s">
        <v>60539</v>
      </c>
      <c r="C1415" s="1" t="s">
        <v>15277</v>
      </c>
      <c r="D1415" s="2">
        <v>154243</v>
      </c>
      <c r="E1415" s="1" t="s">
        <v>0</v>
      </c>
    </row>
    <row r="1416" spans="1:5" x14ac:dyDescent="0.25">
      <c r="A1416" s="1" t="s">
        <v>15278</v>
      </c>
      <c r="B1416" s="1" t="s">
        <v>51418</v>
      </c>
      <c r="C1416" s="1" t="s">
        <v>15279</v>
      </c>
      <c r="D1416" s="2">
        <v>154244</v>
      </c>
      <c r="E1416" s="1" t="s">
        <v>0</v>
      </c>
    </row>
    <row r="1417" spans="1:5" x14ac:dyDescent="0.25">
      <c r="A1417" s="2">
        <v>283</v>
      </c>
      <c r="B1417" s="2">
        <v>283</v>
      </c>
      <c r="C1417" s="1" t="s">
        <v>0</v>
      </c>
      <c r="D1417" s="2">
        <v>154245</v>
      </c>
      <c r="E1417" s="1" t="s">
        <v>0</v>
      </c>
    </row>
    <row r="1418" spans="1:5" x14ac:dyDescent="0.25">
      <c r="A1418" s="1" t="s">
        <v>261</v>
      </c>
      <c r="B1418" s="1" t="s">
        <v>5357</v>
      </c>
      <c r="C1418" s="1" t="s">
        <v>15280</v>
      </c>
      <c r="D1418" s="2">
        <v>154246</v>
      </c>
      <c r="E1418" s="1" t="s">
        <v>0</v>
      </c>
    </row>
    <row r="1419" spans="1:5" x14ac:dyDescent="0.25">
      <c r="A1419" s="1" t="s">
        <v>15281</v>
      </c>
      <c r="B1419" s="1" t="s">
        <v>12978</v>
      </c>
      <c r="C1419" s="1" t="s">
        <v>15282</v>
      </c>
      <c r="D1419" s="2">
        <v>154247</v>
      </c>
      <c r="E1419" s="1" t="s">
        <v>0</v>
      </c>
    </row>
    <row r="1420" spans="1:5" ht="409.5" x14ac:dyDescent="0.25">
      <c r="A1420" s="4" t="s">
        <v>15283</v>
      </c>
      <c r="B1420" s="1" t="s">
        <v>15284</v>
      </c>
      <c r="C1420" s="1" t="s">
        <v>15285</v>
      </c>
      <c r="D1420" s="2">
        <v>154248</v>
      </c>
      <c r="E1420" s="1" t="s">
        <v>0</v>
      </c>
    </row>
    <row r="1421" spans="1:5" x14ac:dyDescent="0.25">
      <c r="A1421" s="1" t="s">
        <v>15286</v>
      </c>
      <c r="B1421" s="1" t="s">
        <v>60887</v>
      </c>
      <c r="C1421" s="1" t="s">
        <v>15287</v>
      </c>
      <c r="D1421" s="2">
        <v>154249</v>
      </c>
      <c r="E1421" s="1" t="s">
        <v>0</v>
      </c>
    </row>
    <row r="1422" spans="1:5" x14ac:dyDescent="0.25">
      <c r="A1422" s="2">
        <v>284</v>
      </c>
      <c r="B1422" s="2">
        <v>284</v>
      </c>
      <c r="C1422" s="1" t="s">
        <v>0</v>
      </c>
      <c r="D1422" s="2">
        <v>154250</v>
      </c>
      <c r="E1422" s="1" t="s">
        <v>0</v>
      </c>
    </row>
    <row r="1423" spans="1:5" x14ac:dyDescent="0.25">
      <c r="A1423" s="1" t="s">
        <v>63947</v>
      </c>
      <c r="B1423" s="1" t="s">
        <v>63948</v>
      </c>
      <c r="C1423" s="1" t="s">
        <v>63949</v>
      </c>
      <c r="D1423" s="2">
        <v>154251</v>
      </c>
      <c r="E1423" s="1" t="s">
        <v>0</v>
      </c>
    </row>
    <row r="1424" spans="1:5" x14ac:dyDescent="0.25">
      <c r="A1424" s="1" t="s">
        <v>63950</v>
      </c>
      <c r="B1424" s="1" t="s">
        <v>63181</v>
      </c>
      <c r="C1424" s="1" t="s">
        <v>15288</v>
      </c>
      <c r="D1424" s="2">
        <v>154252</v>
      </c>
      <c r="E1424" s="1" t="s">
        <v>0</v>
      </c>
    </row>
    <row r="1425" spans="1:5" ht="409.5" x14ac:dyDescent="0.25">
      <c r="A1425" s="4" t="s">
        <v>63951</v>
      </c>
      <c r="B1425" s="1" t="s">
        <v>63182</v>
      </c>
      <c r="C1425" s="1" t="s">
        <v>15289</v>
      </c>
      <c r="D1425" s="2">
        <v>154253</v>
      </c>
      <c r="E1425" s="1" t="s">
        <v>0</v>
      </c>
    </row>
    <row r="1426" spans="1:5" x14ac:dyDescent="0.25">
      <c r="A1426" s="1" t="s">
        <v>63952</v>
      </c>
      <c r="B1426" s="1" t="s">
        <v>63953</v>
      </c>
      <c r="C1426" s="1" t="s">
        <v>15290</v>
      </c>
      <c r="D1426" s="2">
        <v>154254</v>
      </c>
      <c r="E1426" s="1" t="s">
        <v>0</v>
      </c>
    </row>
    <row r="1427" spans="1:5" x14ac:dyDescent="0.25">
      <c r="A1427" s="2">
        <v>285</v>
      </c>
      <c r="B1427" s="2">
        <v>285</v>
      </c>
      <c r="C1427" s="1" t="s">
        <v>0</v>
      </c>
      <c r="D1427" s="2">
        <v>154255</v>
      </c>
      <c r="E1427" s="1" t="s">
        <v>0</v>
      </c>
    </row>
    <row r="1428" spans="1:5" x14ac:dyDescent="0.25">
      <c r="A1428" s="1" t="s">
        <v>12979</v>
      </c>
      <c r="B1428" s="1" t="s">
        <v>5358</v>
      </c>
      <c r="C1428" s="1" t="s">
        <v>15291</v>
      </c>
      <c r="D1428" s="2">
        <v>154256</v>
      </c>
      <c r="E1428" s="1" t="s">
        <v>0</v>
      </c>
    </row>
    <row r="1429" spans="1:5" x14ac:dyDescent="0.25">
      <c r="A1429" s="1" t="s">
        <v>15292</v>
      </c>
      <c r="B1429" s="1" t="s">
        <v>51419</v>
      </c>
      <c r="C1429" s="1" t="s">
        <v>15293</v>
      </c>
      <c r="D1429" s="2">
        <v>154257</v>
      </c>
      <c r="E1429" s="1" t="s">
        <v>0</v>
      </c>
    </row>
    <row r="1430" spans="1:5" ht="409.5" x14ac:dyDescent="0.25">
      <c r="A1430" s="4" t="s">
        <v>15294</v>
      </c>
      <c r="B1430" s="1" t="s">
        <v>63183</v>
      </c>
      <c r="C1430" s="1" t="s">
        <v>15295</v>
      </c>
      <c r="D1430" s="2">
        <v>154258</v>
      </c>
      <c r="E1430" s="1" t="s">
        <v>0</v>
      </c>
    </row>
    <row r="1431" spans="1:5" x14ac:dyDescent="0.25">
      <c r="A1431" s="1" t="s">
        <v>15296</v>
      </c>
      <c r="B1431" s="1" t="s">
        <v>5359</v>
      </c>
      <c r="C1431" s="1" t="s">
        <v>15297</v>
      </c>
      <c r="D1431" s="2">
        <v>154259</v>
      </c>
      <c r="E1431" s="1" t="s">
        <v>0</v>
      </c>
    </row>
    <row r="1432" spans="1:5" x14ac:dyDescent="0.25">
      <c r="A1432" s="2">
        <v>286</v>
      </c>
      <c r="B1432" s="2">
        <v>286</v>
      </c>
      <c r="C1432" s="1" t="s">
        <v>0</v>
      </c>
      <c r="D1432" s="2">
        <v>154260</v>
      </c>
      <c r="E1432" s="1" t="s">
        <v>0</v>
      </c>
    </row>
    <row r="1433" spans="1:5" x14ac:dyDescent="0.25">
      <c r="A1433" s="1" t="s">
        <v>262</v>
      </c>
      <c r="B1433" s="1" t="s">
        <v>61546</v>
      </c>
      <c r="C1433" s="1" t="s">
        <v>15298</v>
      </c>
      <c r="D1433" s="2">
        <v>154261</v>
      </c>
      <c r="E1433" s="1" t="s">
        <v>0</v>
      </c>
    </row>
    <row r="1434" spans="1:5" x14ac:dyDescent="0.25">
      <c r="A1434" s="1" t="s">
        <v>15299</v>
      </c>
      <c r="B1434" s="1" t="s">
        <v>5360</v>
      </c>
      <c r="C1434" s="1" t="s">
        <v>15300</v>
      </c>
      <c r="D1434" s="2">
        <v>154262</v>
      </c>
      <c r="E1434" s="1" t="s">
        <v>0</v>
      </c>
    </row>
    <row r="1435" spans="1:5" ht="409.5" x14ac:dyDescent="0.25">
      <c r="A1435" s="4" t="s">
        <v>15301</v>
      </c>
      <c r="B1435" s="1" t="s">
        <v>5361</v>
      </c>
      <c r="C1435" s="1" t="s">
        <v>15302</v>
      </c>
      <c r="D1435" s="2">
        <v>154263</v>
      </c>
      <c r="E1435" s="1" t="s">
        <v>0</v>
      </c>
    </row>
    <row r="1436" spans="1:5" x14ac:dyDescent="0.25">
      <c r="A1436" s="1" t="s">
        <v>15303</v>
      </c>
      <c r="B1436" s="1" t="s">
        <v>60888</v>
      </c>
      <c r="C1436" s="1" t="s">
        <v>15304</v>
      </c>
      <c r="D1436" s="2">
        <v>154264</v>
      </c>
      <c r="E1436" s="1" t="s">
        <v>0</v>
      </c>
    </row>
    <row r="1437" spans="1:5" x14ac:dyDescent="0.25">
      <c r="A1437" s="2">
        <v>287</v>
      </c>
      <c r="B1437" s="2">
        <v>287</v>
      </c>
      <c r="C1437" s="1" t="s">
        <v>0</v>
      </c>
      <c r="D1437" s="2">
        <v>154265</v>
      </c>
      <c r="E1437" s="1" t="s">
        <v>0</v>
      </c>
    </row>
    <row r="1438" spans="1:5" x14ac:dyDescent="0.25">
      <c r="A1438" s="1" t="s">
        <v>263</v>
      </c>
      <c r="B1438" s="1" t="s">
        <v>51420</v>
      </c>
      <c r="C1438" s="1" t="s">
        <v>15305</v>
      </c>
      <c r="D1438" s="2">
        <v>154266</v>
      </c>
      <c r="E1438" s="1" t="s">
        <v>0</v>
      </c>
    </row>
    <row r="1439" spans="1:5" x14ac:dyDescent="0.25">
      <c r="A1439" s="1" t="s">
        <v>15306</v>
      </c>
      <c r="B1439" s="1" t="s">
        <v>51421</v>
      </c>
      <c r="C1439" s="1" t="s">
        <v>15307</v>
      </c>
      <c r="D1439" s="2">
        <v>154267</v>
      </c>
      <c r="E1439" s="1" t="s">
        <v>0</v>
      </c>
    </row>
    <row r="1440" spans="1:5" ht="409.5" x14ac:dyDescent="0.25">
      <c r="A1440" s="4" t="s">
        <v>15308</v>
      </c>
      <c r="B1440" s="1" t="s">
        <v>51422</v>
      </c>
      <c r="C1440" s="1" t="s">
        <v>15309</v>
      </c>
      <c r="D1440" s="2">
        <v>154268</v>
      </c>
      <c r="E1440" s="1" t="s">
        <v>0</v>
      </c>
    </row>
    <row r="1441" spans="1:5" x14ac:dyDescent="0.25">
      <c r="A1441" s="1" t="s">
        <v>15310</v>
      </c>
      <c r="B1441" s="1" t="s">
        <v>51423</v>
      </c>
      <c r="C1441" s="1" t="s">
        <v>15311</v>
      </c>
      <c r="D1441" s="2">
        <v>154269</v>
      </c>
      <c r="E1441" s="1" t="s">
        <v>0</v>
      </c>
    </row>
    <row r="1442" spans="1:5" x14ac:dyDescent="0.25">
      <c r="A1442" s="2">
        <v>288</v>
      </c>
      <c r="B1442" s="2">
        <v>288</v>
      </c>
      <c r="C1442" s="1" t="s">
        <v>0</v>
      </c>
      <c r="D1442" s="2">
        <v>154270</v>
      </c>
      <c r="E1442" s="1" t="s">
        <v>0</v>
      </c>
    </row>
    <row r="1443" spans="1:5" x14ac:dyDescent="0.25">
      <c r="A1443" s="1" t="s">
        <v>264</v>
      </c>
      <c r="B1443" s="1" t="s">
        <v>50378</v>
      </c>
      <c r="C1443" s="1" t="s">
        <v>15312</v>
      </c>
      <c r="D1443" s="2">
        <v>154271</v>
      </c>
      <c r="E1443" s="1" t="s">
        <v>0</v>
      </c>
    </row>
    <row r="1444" spans="1:5" x14ac:dyDescent="0.25">
      <c r="A1444" s="1" t="s">
        <v>15313</v>
      </c>
      <c r="B1444" s="1" t="s">
        <v>61569</v>
      </c>
      <c r="C1444" s="1" t="s">
        <v>15314</v>
      </c>
      <c r="D1444" s="2">
        <v>154272</v>
      </c>
      <c r="E1444" s="1" t="s">
        <v>0</v>
      </c>
    </row>
    <row r="1445" spans="1:5" ht="409.5" x14ac:dyDescent="0.25">
      <c r="A1445" s="4" t="s">
        <v>15315</v>
      </c>
      <c r="B1445" s="1" t="s">
        <v>61570</v>
      </c>
      <c r="C1445" s="1" t="s">
        <v>15316</v>
      </c>
      <c r="D1445" s="2">
        <v>154273</v>
      </c>
      <c r="E1445" s="1" t="s">
        <v>0</v>
      </c>
    </row>
    <row r="1446" spans="1:5" x14ac:dyDescent="0.25">
      <c r="A1446" s="1" t="s">
        <v>15317</v>
      </c>
      <c r="B1446" s="1" t="s">
        <v>51424</v>
      </c>
      <c r="C1446" s="1" t="s">
        <v>15318</v>
      </c>
      <c r="D1446" s="2">
        <v>154274</v>
      </c>
      <c r="E1446" s="1" t="s">
        <v>0</v>
      </c>
    </row>
    <row r="1447" spans="1:5" x14ac:dyDescent="0.25">
      <c r="A1447" s="2">
        <v>289</v>
      </c>
      <c r="B1447" s="2">
        <v>289</v>
      </c>
      <c r="C1447" s="1" t="s">
        <v>0</v>
      </c>
      <c r="D1447" s="2">
        <v>154275</v>
      </c>
      <c r="E1447" s="1" t="s">
        <v>0</v>
      </c>
    </row>
    <row r="1448" spans="1:5" x14ac:dyDescent="0.25">
      <c r="A1448" s="1" t="s">
        <v>265</v>
      </c>
      <c r="B1448" s="1" t="s">
        <v>5362</v>
      </c>
      <c r="C1448" s="1" t="s">
        <v>15319</v>
      </c>
      <c r="D1448" s="2">
        <v>154276</v>
      </c>
      <c r="E1448" s="1" t="s">
        <v>0</v>
      </c>
    </row>
    <row r="1449" spans="1:5" x14ac:dyDescent="0.25">
      <c r="A1449" s="1" t="s">
        <v>15320</v>
      </c>
      <c r="B1449" s="1" t="s">
        <v>51425</v>
      </c>
      <c r="C1449" s="1" t="s">
        <v>15321</v>
      </c>
      <c r="D1449" s="2">
        <v>154277</v>
      </c>
      <c r="E1449" s="1" t="s">
        <v>0</v>
      </c>
    </row>
    <row r="1450" spans="1:5" ht="409.5" x14ac:dyDescent="0.25">
      <c r="A1450" s="4" t="s">
        <v>15322</v>
      </c>
      <c r="B1450" s="1" t="s">
        <v>51426</v>
      </c>
      <c r="C1450" s="1" t="s">
        <v>15323</v>
      </c>
      <c r="D1450" s="2">
        <v>154278</v>
      </c>
      <c r="E1450" s="1" t="s">
        <v>0</v>
      </c>
    </row>
    <row r="1451" spans="1:5" x14ac:dyDescent="0.25">
      <c r="A1451" s="1" t="s">
        <v>15324</v>
      </c>
      <c r="B1451" s="1" t="s">
        <v>5363</v>
      </c>
      <c r="C1451" s="1" t="s">
        <v>15325</v>
      </c>
      <c r="D1451" s="2">
        <v>154279</v>
      </c>
      <c r="E1451" s="1" t="s">
        <v>0</v>
      </c>
    </row>
    <row r="1452" spans="1:5" x14ac:dyDescent="0.25">
      <c r="A1452" s="2">
        <v>290</v>
      </c>
      <c r="B1452" s="2">
        <v>290</v>
      </c>
      <c r="C1452" s="1" t="s">
        <v>0</v>
      </c>
      <c r="D1452" s="2">
        <v>154280</v>
      </c>
      <c r="E1452" s="1" t="s">
        <v>0</v>
      </c>
    </row>
    <row r="1453" spans="1:5" x14ac:dyDescent="0.25">
      <c r="A1453" s="1" t="s">
        <v>266</v>
      </c>
      <c r="B1453" s="1" t="s">
        <v>5364</v>
      </c>
      <c r="C1453" s="1" t="s">
        <v>15326</v>
      </c>
      <c r="D1453" s="2">
        <v>154281</v>
      </c>
      <c r="E1453" s="1" t="s">
        <v>0</v>
      </c>
    </row>
    <row r="1454" spans="1:5" x14ac:dyDescent="0.25">
      <c r="A1454" s="1" t="s">
        <v>15327</v>
      </c>
      <c r="B1454" s="1" t="s">
        <v>5365</v>
      </c>
      <c r="C1454" s="1" t="s">
        <v>15328</v>
      </c>
      <c r="D1454" s="2">
        <v>154282</v>
      </c>
      <c r="E1454" s="1" t="s">
        <v>0</v>
      </c>
    </row>
    <row r="1455" spans="1:5" ht="409.5" x14ac:dyDescent="0.25">
      <c r="A1455" s="4" t="s">
        <v>15329</v>
      </c>
      <c r="B1455" s="1" t="s">
        <v>58148</v>
      </c>
      <c r="C1455" s="1" t="s">
        <v>15330</v>
      </c>
      <c r="D1455" s="2">
        <v>154283</v>
      </c>
      <c r="E1455" s="1" t="s">
        <v>0</v>
      </c>
    </row>
    <row r="1456" spans="1:5" x14ac:dyDescent="0.25">
      <c r="A1456" s="1" t="s">
        <v>15331</v>
      </c>
      <c r="B1456" s="1" t="s">
        <v>5366</v>
      </c>
      <c r="C1456" s="1" t="s">
        <v>15332</v>
      </c>
      <c r="D1456" s="2">
        <v>154284</v>
      </c>
      <c r="E1456" s="1" t="s">
        <v>0</v>
      </c>
    </row>
    <row r="1457" spans="1:5" x14ac:dyDescent="0.25">
      <c r="A1457" s="2">
        <v>291</v>
      </c>
      <c r="B1457" s="2">
        <v>291</v>
      </c>
      <c r="C1457" s="1" t="s">
        <v>0</v>
      </c>
      <c r="D1457" s="2">
        <v>154285</v>
      </c>
      <c r="E1457" s="1" t="s">
        <v>0</v>
      </c>
    </row>
    <row r="1458" spans="1:5" x14ac:dyDescent="0.25">
      <c r="A1458" s="1" t="s">
        <v>267</v>
      </c>
      <c r="B1458" s="1" t="s">
        <v>58685</v>
      </c>
      <c r="C1458" s="1" t="s">
        <v>15333</v>
      </c>
      <c r="D1458" s="2">
        <v>154286</v>
      </c>
      <c r="E1458" s="1" t="s">
        <v>0</v>
      </c>
    </row>
    <row r="1459" spans="1:5" x14ac:dyDescent="0.25">
      <c r="A1459" s="1" t="s">
        <v>15334</v>
      </c>
      <c r="B1459" s="1" t="s">
        <v>58686</v>
      </c>
      <c r="C1459" s="1" t="s">
        <v>15335</v>
      </c>
      <c r="D1459" s="2">
        <v>154287</v>
      </c>
      <c r="E1459" s="1" t="s">
        <v>0</v>
      </c>
    </row>
    <row r="1460" spans="1:5" ht="409.5" x14ac:dyDescent="0.25">
      <c r="A1460" s="4" t="s">
        <v>15336</v>
      </c>
      <c r="B1460" s="1" t="s">
        <v>63184</v>
      </c>
      <c r="C1460" s="1" t="s">
        <v>15337</v>
      </c>
      <c r="D1460" s="2">
        <v>154288</v>
      </c>
      <c r="E1460" s="1" t="s">
        <v>0</v>
      </c>
    </row>
    <row r="1461" spans="1:5" x14ac:dyDescent="0.25">
      <c r="A1461" s="1" t="s">
        <v>15338</v>
      </c>
      <c r="B1461" s="1" t="s">
        <v>51427</v>
      </c>
      <c r="C1461" s="1" t="s">
        <v>15339</v>
      </c>
      <c r="D1461" s="2">
        <v>154289</v>
      </c>
      <c r="E1461" s="1" t="s">
        <v>0</v>
      </c>
    </row>
    <row r="1462" spans="1:5" x14ac:dyDescent="0.25">
      <c r="A1462" s="2">
        <v>292</v>
      </c>
      <c r="B1462" s="2">
        <v>292</v>
      </c>
      <c r="C1462" s="1" t="s">
        <v>0</v>
      </c>
      <c r="D1462" s="2">
        <v>154290</v>
      </c>
      <c r="E1462" s="1" t="s">
        <v>0</v>
      </c>
    </row>
    <row r="1463" spans="1:5" x14ac:dyDescent="0.25">
      <c r="A1463" s="1" t="s">
        <v>268</v>
      </c>
      <c r="B1463" s="1" t="s">
        <v>50379</v>
      </c>
      <c r="C1463" s="1" t="s">
        <v>15340</v>
      </c>
      <c r="D1463" s="2">
        <v>154291</v>
      </c>
      <c r="E1463" s="1" t="s">
        <v>0</v>
      </c>
    </row>
    <row r="1464" spans="1:5" x14ac:dyDescent="0.25">
      <c r="A1464" s="1" t="s">
        <v>15341</v>
      </c>
      <c r="B1464" s="1" t="s">
        <v>51428</v>
      </c>
      <c r="C1464" s="1" t="s">
        <v>15342</v>
      </c>
      <c r="D1464" s="2">
        <v>154292</v>
      </c>
      <c r="E1464" s="1" t="s">
        <v>0</v>
      </c>
    </row>
    <row r="1465" spans="1:5" ht="409.5" x14ac:dyDescent="0.25">
      <c r="A1465" s="4" t="s">
        <v>15343</v>
      </c>
      <c r="B1465" s="1" t="s">
        <v>51429</v>
      </c>
      <c r="C1465" s="1" t="s">
        <v>15344</v>
      </c>
      <c r="D1465" s="2">
        <v>154293</v>
      </c>
      <c r="E1465" s="1" t="s">
        <v>0</v>
      </c>
    </row>
    <row r="1466" spans="1:5" x14ac:dyDescent="0.25">
      <c r="A1466" s="1" t="s">
        <v>15345</v>
      </c>
      <c r="B1466" s="1" t="s">
        <v>5367</v>
      </c>
      <c r="C1466" s="1" t="s">
        <v>15346</v>
      </c>
      <c r="D1466" s="2">
        <v>154294</v>
      </c>
      <c r="E1466" s="1" t="s">
        <v>0</v>
      </c>
    </row>
    <row r="1467" spans="1:5" x14ac:dyDescent="0.25">
      <c r="A1467" s="2">
        <v>293</v>
      </c>
      <c r="B1467" s="2">
        <v>293</v>
      </c>
      <c r="C1467" s="1" t="s">
        <v>0</v>
      </c>
      <c r="D1467" s="2">
        <v>154295</v>
      </c>
      <c r="E1467" s="1" t="s">
        <v>0</v>
      </c>
    </row>
    <row r="1468" spans="1:5" x14ac:dyDescent="0.25">
      <c r="A1468" s="1" t="s">
        <v>269</v>
      </c>
      <c r="B1468" s="1" t="s">
        <v>5368</v>
      </c>
      <c r="C1468" s="1" t="s">
        <v>15347</v>
      </c>
      <c r="D1468" s="2">
        <v>154296</v>
      </c>
      <c r="E1468" s="1" t="s">
        <v>0</v>
      </c>
    </row>
    <row r="1469" spans="1:5" x14ac:dyDescent="0.25">
      <c r="A1469" s="1" t="s">
        <v>15348</v>
      </c>
      <c r="B1469" s="1" t="s">
        <v>5369</v>
      </c>
      <c r="C1469" s="1" t="s">
        <v>15349</v>
      </c>
      <c r="D1469" s="2">
        <v>154297</v>
      </c>
      <c r="E1469" s="1" t="s">
        <v>0</v>
      </c>
    </row>
    <row r="1470" spans="1:5" ht="409.5" x14ac:dyDescent="0.25">
      <c r="A1470" s="4" t="s">
        <v>15350</v>
      </c>
      <c r="B1470" s="1" t="s">
        <v>50380</v>
      </c>
      <c r="C1470" s="1" t="s">
        <v>15351</v>
      </c>
      <c r="D1470" s="2">
        <v>154298</v>
      </c>
      <c r="E1470" s="1" t="s">
        <v>0</v>
      </c>
    </row>
    <row r="1471" spans="1:5" x14ac:dyDescent="0.25">
      <c r="A1471" s="1" t="s">
        <v>15352</v>
      </c>
      <c r="B1471" s="1" t="s">
        <v>51430</v>
      </c>
      <c r="C1471" s="1" t="s">
        <v>15353</v>
      </c>
      <c r="D1471" s="2">
        <v>154299</v>
      </c>
      <c r="E1471" s="1" t="s">
        <v>0</v>
      </c>
    </row>
    <row r="1472" spans="1:5" x14ac:dyDescent="0.25">
      <c r="A1472" s="2">
        <v>294</v>
      </c>
      <c r="B1472" s="2">
        <v>294</v>
      </c>
      <c r="C1472" s="1" t="s">
        <v>0</v>
      </c>
      <c r="D1472" s="2">
        <v>154300</v>
      </c>
      <c r="E1472" s="1" t="s">
        <v>0</v>
      </c>
    </row>
    <row r="1473" spans="1:5" x14ac:dyDescent="0.25">
      <c r="A1473" s="1" t="s">
        <v>270</v>
      </c>
      <c r="B1473" s="1" t="s">
        <v>5370</v>
      </c>
      <c r="C1473" s="1" t="s">
        <v>15354</v>
      </c>
      <c r="D1473" s="2">
        <v>154301</v>
      </c>
      <c r="E1473" s="1" t="s">
        <v>0</v>
      </c>
    </row>
    <row r="1474" spans="1:5" x14ac:dyDescent="0.25">
      <c r="A1474" s="1" t="s">
        <v>15355</v>
      </c>
      <c r="B1474" s="1" t="s">
        <v>5371</v>
      </c>
      <c r="C1474" s="1" t="s">
        <v>15356</v>
      </c>
      <c r="D1474" s="2">
        <v>154302</v>
      </c>
      <c r="E1474" s="1" t="s">
        <v>0</v>
      </c>
    </row>
    <row r="1475" spans="1:5" ht="409.5" x14ac:dyDescent="0.25">
      <c r="A1475" s="4" t="s">
        <v>15357</v>
      </c>
      <c r="B1475" s="1" t="s">
        <v>50381</v>
      </c>
      <c r="C1475" s="1" t="s">
        <v>15358</v>
      </c>
      <c r="D1475" s="2">
        <v>154303</v>
      </c>
      <c r="E1475" s="1" t="s">
        <v>0</v>
      </c>
    </row>
    <row r="1476" spans="1:5" x14ac:dyDescent="0.25">
      <c r="A1476" s="1" t="s">
        <v>15359</v>
      </c>
      <c r="B1476" s="1" t="s">
        <v>51431</v>
      </c>
      <c r="C1476" s="1" t="s">
        <v>15360</v>
      </c>
      <c r="D1476" s="2">
        <v>154304</v>
      </c>
      <c r="E1476" s="1" t="s">
        <v>0</v>
      </c>
    </row>
    <row r="1477" spans="1:5" x14ac:dyDescent="0.25">
      <c r="A1477" s="2">
        <v>295</v>
      </c>
      <c r="B1477" s="2">
        <v>295</v>
      </c>
      <c r="C1477" s="1" t="s">
        <v>0</v>
      </c>
      <c r="D1477" s="2">
        <v>154305</v>
      </c>
      <c r="E1477" s="1" t="s">
        <v>0</v>
      </c>
    </row>
    <row r="1478" spans="1:5" x14ac:dyDescent="0.25">
      <c r="A1478" s="1" t="s">
        <v>271</v>
      </c>
      <c r="B1478" s="1" t="s">
        <v>5372</v>
      </c>
      <c r="C1478" s="1" t="s">
        <v>15361</v>
      </c>
      <c r="D1478" s="2">
        <v>154306</v>
      </c>
      <c r="E1478" s="1" t="s">
        <v>0</v>
      </c>
    </row>
    <row r="1479" spans="1:5" x14ac:dyDescent="0.25">
      <c r="A1479" s="1" t="s">
        <v>15362</v>
      </c>
      <c r="B1479" s="1" t="s">
        <v>63185</v>
      </c>
      <c r="C1479" s="1" t="s">
        <v>15363</v>
      </c>
      <c r="D1479" s="2">
        <v>154307</v>
      </c>
      <c r="E1479" s="1" t="s">
        <v>0</v>
      </c>
    </row>
    <row r="1480" spans="1:5" ht="409.5" x14ac:dyDescent="0.25">
      <c r="A1480" s="4" t="s">
        <v>15364</v>
      </c>
      <c r="B1480" s="1" t="s">
        <v>63186</v>
      </c>
      <c r="C1480" s="1" t="s">
        <v>15365</v>
      </c>
      <c r="D1480" s="2">
        <v>154308</v>
      </c>
      <c r="E1480" s="1" t="s">
        <v>0</v>
      </c>
    </row>
    <row r="1481" spans="1:5" x14ac:dyDescent="0.25">
      <c r="A1481" s="1" t="s">
        <v>15366</v>
      </c>
      <c r="B1481" s="1" t="s">
        <v>5373</v>
      </c>
      <c r="C1481" s="1" t="s">
        <v>15367</v>
      </c>
      <c r="D1481" s="2">
        <v>154309</v>
      </c>
      <c r="E1481" s="1" t="s">
        <v>0</v>
      </c>
    </row>
    <row r="1482" spans="1:5" x14ac:dyDescent="0.25">
      <c r="A1482" s="2">
        <v>296</v>
      </c>
      <c r="B1482" s="2">
        <v>296</v>
      </c>
      <c r="C1482" s="1" t="s">
        <v>0</v>
      </c>
      <c r="D1482" s="2">
        <v>154310</v>
      </c>
      <c r="E1482" s="1" t="s">
        <v>0</v>
      </c>
    </row>
    <row r="1483" spans="1:5" x14ac:dyDescent="0.25">
      <c r="A1483" s="1" t="s">
        <v>12980</v>
      </c>
      <c r="B1483" s="1" t="s">
        <v>12981</v>
      </c>
      <c r="C1483" s="1" t="s">
        <v>15368</v>
      </c>
      <c r="D1483" s="2">
        <v>154311</v>
      </c>
      <c r="E1483" s="1" t="s">
        <v>0</v>
      </c>
    </row>
    <row r="1484" spans="1:5" x14ac:dyDescent="0.25">
      <c r="A1484" s="1" t="s">
        <v>15369</v>
      </c>
      <c r="B1484" s="1" t="s">
        <v>61571</v>
      </c>
      <c r="C1484" s="1" t="s">
        <v>15370</v>
      </c>
      <c r="D1484" s="2">
        <v>154312</v>
      </c>
      <c r="E1484" s="1" t="s">
        <v>0</v>
      </c>
    </row>
    <row r="1485" spans="1:5" ht="409.5" x14ac:dyDescent="0.25">
      <c r="A1485" s="4" t="s">
        <v>15371</v>
      </c>
      <c r="B1485" s="1" t="s">
        <v>61572</v>
      </c>
      <c r="C1485" s="1" t="s">
        <v>15372</v>
      </c>
      <c r="D1485" s="2">
        <v>154313</v>
      </c>
      <c r="E1485" s="1" t="s">
        <v>0</v>
      </c>
    </row>
    <row r="1486" spans="1:5" x14ac:dyDescent="0.25">
      <c r="A1486" s="1" t="s">
        <v>15373</v>
      </c>
      <c r="B1486" s="1" t="s">
        <v>61573</v>
      </c>
      <c r="C1486" s="1" t="s">
        <v>15374</v>
      </c>
      <c r="D1486" s="2">
        <v>154314</v>
      </c>
      <c r="E1486" s="1" t="s">
        <v>0</v>
      </c>
    </row>
    <row r="1487" spans="1:5" x14ac:dyDescent="0.25">
      <c r="A1487" s="2">
        <v>297</v>
      </c>
      <c r="B1487" s="2">
        <v>297</v>
      </c>
      <c r="C1487" s="1" t="s">
        <v>0</v>
      </c>
      <c r="D1487" s="2">
        <v>154315</v>
      </c>
      <c r="E1487" s="1" t="s">
        <v>0</v>
      </c>
    </row>
    <row r="1488" spans="1:5" x14ac:dyDescent="0.25">
      <c r="A1488" s="1" t="s">
        <v>272</v>
      </c>
      <c r="B1488" s="1" t="s">
        <v>5374</v>
      </c>
      <c r="C1488" s="1" t="s">
        <v>15375</v>
      </c>
      <c r="D1488" s="2">
        <v>154316</v>
      </c>
      <c r="E1488" s="1" t="s">
        <v>0</v>
      </c>
    </row>
    <row r="1489" spans="1:5" x14ac:dyDescent="0.25">
      <c r="A1489" s="1" t="s">
        <v>15376</v>
      </c>
      <c r="B1489" s="1" t="s">
        <v>57067</v>
      </c>
      <c r="C1489" s="1" t="s">
        <v>15377</v>
      </c>
      <c r="D1489" s="2">
        <v>154317</v>
      </c>
      <c r="E1489" s="1" t="s">
        <v>0</v>
      </c>
    </row>
    <row r="1490" spans="1:5" ht="409.5" x14ac:dyDescent="0.25">
      <c r="A1490" s="4" t="s">
        <v>15378</v>
      </c>
      <c r="B1490" s="1" t="s">
        <v>63600</v>
      </c>
      <c r="C1490" s="1" t="s">
        <v>15379</v>
      </c>
      <c r="D1490" s="2">
        <v>154318</v>
      </c>
      <c r="E1490" s="1" t="s">
        <v>0</v>
      </c>
    </row>
    <row r="1491" spans="1:5" x14ac:dyDescent="0.25">
      <c r="A1491" s="1" t="s">
        <v>15380</v>
      </c>
      <c r="B1491" s="1" t="s">
        <v>51432</v>
      </c>
      <c r="C1491" s="1" t="s">
        <v>15381</v>
      </c>
      <c r="D1491" s="2">
        <v>154319</v>
      </c>
      <c r="E1491" s="1" t="s">
        <v>0</v>
      </c>
    </row>
    <row r="1492" spans="1:5" x14ac:dyDescent="0.25">
      <c r="A1492" s="2">
        <v>298</v>
      </c>
      <c r="B1492" s="2">
        <v>298</v>
      </c>
      <c r="C1492" s="1" t="s">
        <v>0</v>
      </c>
      <c r="D1492" s="2">
        <v>154320</v>
      </c>
      <c r="E1492" s="1" t="s">
        <v>0</v>
      </c>
    </row>
    <row r="1493" spans="1:5" x14ac:dyDescent="0.25">
      <c r="A1493" s="1" t="s">
        <v>273</v>
      </c>
      <c r="B1493" s="1" t="s">
        <v>5375</v>
      </c>
      <c r="C1493" s="1" t="s">
        <v>15382</v>
      </c>
      <c r="D1493" s="2">
        <v>154321</v>
      </c>
      <c r="E1493" s="1" t="s">
        <v>0</v>
      </c>
    </row>
    <row r="1494" spans="1:5" x14ac:dyDescent="0.25">
      <c r="A1494" s="1" t="s">
        <v>15383</v>
      </c>
      <c r="B1494" s="1" t="s">
        <v>51433</v>
      </c>
      <c r="C1494" s="1" t="s">
        <v>15384</v>
      </c>
      <c r="D1494" s="2">
        <v>154322</v>
      </c>
      <c r="E1494" s="1" t="s">
        <v>0</v>
      </c>
    </row>
    <row r="1495" spans="1:5" x14ac:dyDescent="0.25">
      <c r="A1495" s="1" t="s">
        <v>15385</v>
      </c>
      <c r="B1495" s="1" t="s">
        <v>51434</v>
      </c>
      <c r="C1495" s="1" t="s">
        <v>15386</v>
      </c>
      <c r="D1495" s="2">
        <v>154323</v>
      </c>
      <c r="E1495" s="1" t="s">
        <v>0</v>
      </c>
    </row>
    <row r="1496" spans="1:5" x14ac:dyDescent="0.25">
      <c r="A1496" s="1" t="s">
        <v>15387</v>
      </c>
      <c r="B1496" s="1" t="s">
        <v>5376</v>
      </c>
      <c r="C1496" s="1" t="s">
        <v>15388</v>
      </c>
      <c r="D1496" s="2">
        <v>154324</v>
      </c>
      <c r="E1496" s="1" t="s">
        <v>0</v>
      </c>
    </row>
    <row r="1497" spans="1:5" x14ac:dyDescent="0.25">
      <c r="A1497" s="2">
        <v>299</v>
      </c>
      <c r="B1497" s="2">
        <v>299</v>
      </c>
      <c r="C1497" s="1" t="s">
        <v>0</v>
      </c>
      <c r="D1497" s="2">
        <v>154325</v>
      </c>
      <c r="E1497" s="1" t="s">
        <v>0</v>
      </c>
    </row>
    <row r="1498" spans="1:5" x14ac:dyDescent="0.25">
      <c r="A1498" s="1" t="s">
        <v>274</v>
      </c>
      <c r="B1498" s="1" t="s">
        <v>5377</v>
      </c>
      <c r="C1498" s="1" t="s">
        <v>15389</v>
      </c>
      <c r="D1498" s="2">
        <v>154326</v>
      </c>
      <c r="E1498" s="1" t="s">
        <v>0</v>
      </c>
    </row>
    <row r="1499" spans="1:5" x14ac:dyDescent="0.25">
      <c r="A1499" s="1" t="s">
        <v>15390</v>
      </c>
      <c r="B1499" s="1" t="s">
        <v>5378</v>
      </c>
      <c r="C1499" s="1" t="s">
        <v>15391</v>
      </c>
      <c r="D1499" s="2">
        <v>154327</v>
      </c>
      <c r="E1499" s="1" t="s">
        <v>0</v>
      </c>
    </row>
    <row r="1500" spans="1:5" ht="409.5" x14ac:dyDescent="0.25">
      <c r="A1500" s="4" t="s">
        <v>15392</v>
      </c>
      <c r="B1500" s="1" t="s">
        <v>51435</v>
      </c>
      <c r="C1500" s="1" t="s">
        <v>15393</v>
      </c>
      <c r="D1500" s="2">
        <v>154328</v>
      </c>
      <c r="E1500" s="1" t="s">
        <v>0</v>
      </c>
    </row>
    <row r="1501" spans="1:5" x14ac:dyDescent="0.25">
      <c r="A1501" s="1" t="s">
        <v>15394</v>
      </c>
      <c r="B1501" s="1" t="s">
        <v>57114</v>
      </c>
      <c r="C1501" s="1" t="s">
        <v>15395</v>
      </c>
      <c r="D1501" s="2">
        <v>154329</v>
      </c>
      <c r="E1501" s="1" t="s">
        <v>0</v>
      </c>
    </row>
    <row r="1502" spans="1:5" x14ac:dyDescent="0.25">
      <c r="A1502" s="2">
        <v>300</v>
      </c>
      <c r="B1502" s="2">
        <v>300</v>
      </c>
      <c r="C1502" s="1" t="s">
        <v>0</v>
      </c>
      <c r="D1502" s="2">
        <v>154330</v>
      </c>
      <c r="E1502" s="1" t="s">
        <v>0</v>
      </c>
    </row>
    <row r="1503" spans="1:5" x14ac:dyDescent="0.25">
      <c r="A1503" s="1" t="s">
        <v>63954</v>
      </c>
      <c r="B1503" s="1" t="s">
        <v>63955</v>
      </c>
      <c r="C1503" s="1" t="s">
        <v>63956</v>
      </c>
      <c r="D1503" s="2">
        <v>154331</v>
      </c>
      <c r="E1503" s="1" t="s">
        <v>0</v>
      </c>
    </row>
    <row r="1504" spans="1:5" x14ac:dyDescent="0.25">
      <c r="A1504" s="1" t="s">
        <v>15396</v>
      </c>
      <c r="B1504" s="1" t="s">
        <v>12982</v>
      </c>
      <c r="C1504" s="1" t="s">
        <v>15397</v>
      </c>
      <c r="D1504" s="2">
        <v>154332</v>
      </c>
      <c r="E1504" s="1" t="s">
        <v>0</v>
      </c>
    </row>
    <row r="1505" spans="1:5" ht="409.5" x14ac:dyDescent="0.25">
      <c r="A1505" s="4" t="s">
        <v>15398</v>
      </c>
      <c r="B1505" s="1" t="s">
        <v>60540</v>
      </c>
      <c r="C1505" s="1" t="s">
        <v>15399</v>
      </c>
      <c r="D1505" s="2">
        <v>154333</v>
      </c>
      <c r="E1505" s="1" t="s">
        <v>0</v>
      </c>
    </row>
    <row r="1506" spans="1:5" x14ac:dyDescent="0.25">
      <c r="A1506" s="1" t="s">
        <v>15400</v>
      </c>
      <c r="B1506" s="1" t="s">
        <v>51436</v>
      </c>
      <c r="C1506" s="1" t="s">
        <v>15401</v>
      </c>
      <c r="D1506" s="2">
        <v>154334</v>
      </c>
      <c r="E1506" s="1" t="s">
        <v>0</v>
      </c>
    </row>
    <row r="1507" spans="1:5" x14ac:dyDescent="0.25">
      <c r="A1507" s="2">
        <v>301</v>
      </c>
      <c r="B1507" s="2">
        <v>301</v>
      </c>
      <c r="C1507" s="1" t="s">
        <v>0</v>
      </c>
      <c r="D1507" s="2">
        <v>154335</v>
      </c>
      <c r="E1507" s="1" t="s">
        <v>0</v>
      </c>
    </row>
    <row r="1508" spans="1:5" x14ac:dyDescent="0.25">
      <c r="A1508" s="1" t="s">
        <v>275</v>
      </c>
      <c r="B1508" s="1" t="s">
        <v>50382</v>
      </c>
      <c r="C1508" s="1" t="s">
        <v>15402</v>
      </c>
      <c r="D1508" s="2">
        <v>154336</v>
      </c>
      <c r="E1508" s="1" t="s">
        <v>0</v>
      </c>
    </row>
    <row r="1509" spans="1:5" x14ac:dyDescent="0.25">
      <c r="A1509" s="1" t="s">
        <v>15403</v>
      </c>
      <c r="B1509" s="1" t="s">
        <v>51437</v>
      </c>
      <c r="C1509" s="1" t="s">
        <v>15404</v>
      </c>
      <c r="D1509" s="2">
        <v>154337</v>
      </c>
      <c r="E1509" s="1" t="s">
        <v>0</v>
      </c>
    </row>
    <row r="1510" spans="1:5" ht="409.5" x14ac:dyDescent="0.25">
      <c r="A1510" s="4" t="s">
        <v>15405</v>
      </c>
      <c r="B1510" s="1" t="s">
        <v>59545</v>
      </c>
      <c r="C1510" s="1" t="s">
        <v>15406</v>
      </c>
      <c r="D1510" s="2">
        <v>154338</v>
      </c>
      <c r="E1510" s="1" t="s">
        <v>0</v>
      </c>
    </row>
    <row r="1511" spans="1:5" x14ac:dyDescent="0.25">
      <c r="A1511" s="1" t="s">
        <v>15407</v>
      </c>
      <c r="B1511" s="1" t="s">
        <v>5379</v>
      </c>
      <c r="C1511" s="1" t="s">
        <v>15408</v>
      </c>
      <c r="D1511" s="2">
        <v>154339</v>
      </c>
      <c r="E1511" s="1" t="s">
        <v>0</v>
      </c>
    </row>
    <row r="1512" spans="1:5" x14ac:dyDescent="0.25">
      <c r="A1512" s="2">
        <v>302</v>
      </c>
      <c r="B1512" s="2">
        <v>302</v>
      </c>
      <c r="C1512" s="1" t="s">
        <v>0</v>
      </c>
      <c r="D1512" s="2">
        <v>154340</v>
      </c>
      <c r="E1512" s="1" t="s">
        <v>0</v>
      </c>
    </row>
    <row r="1513" spans="1:5" x14ac:dyDescent="0.25">
      <c r="A1513" s="1" t="s">
        <v>276</v>
      </c>
      <c r="B1513" s="1" t="s">
        <v>58149</v>
      </c>
      <c r="C1513" s="1" t="s">
        <v>15409</v>
      </c>
      <c r="D1513" s="2">
        <v>154341</v>
      </c>
      <c r="E1513" s="1" t="s">
        <v>0</v>
      </c>
    </row>
    <row r="1514" spans="1:5" x14ac:dyDescent="0.25">
      <c r="A1514" s="1" t="s">
        <v>15410</v>
      </c>
      <c r="B1514" s="1" t="s">
        <v>61991</v>
      </c>
      <c r="C1514" s="1" t="s">
        <v>15411</v>
      </c>
      <c r="D1514" s="2">
        <v>154342</v>
      </c>
      <c r="E1514" s="1" t="s">
        <v>0</v>
      </c>
    </row>
    <row r="1515" spans="1:5" ht="409.5" x14ac:dyDescent="0.25">
      <c r="A1515" s="4" t="s">
        <v>15412</v>
      </c>
      <c r="B1515" s="1" t="s">
        <v>61992</v>
      </c>
      <c r="C1515" s="1" t="s">
        <v>15413</v>
      </c>
      <c r="D1515" s="2">
        <v>154343</v>
      </c>
      <c r="E1515" s="1" t="s">
        <v>0</v>
      </c>
    </row>
    <row r="1516" spans="1:5" x14ac:dyDescent="0.25">
      <c r="A1516" s="1" t="s">
        <v>15414</v>
      </c>
      <c r="B1516" s="1" t="s">
        <v>5380</v>
      </c>
      <c r="C1516" s="1" t="s">
        <v>15415</v>
      </c>
      <c r="D1516" s="2">
        <v>154344</v>
      </c>
      <c r="E1516" s="1" t="s">
        <v>0</v>
      </c>
    </row>
    <row r="1517" spans="1:5" x14ac:dyDescent="0.25">
      <c r="A1517" s="2">
        <v>303</v>
      </c>
      <c r="B1517" s="2">
        <v>303</v>
      </c>
      <c r="C1517" s="1" t="s">
        <v>0</v>
      </c>
      <c r="D1517" s="2">
        <v>154345</v>
      </c>
      <c r="E1517" s="1" t="s">
        <v>0</v>
      </c>
    </row>
    <row r="1518" spans="1:5" x14ac:dyDescent="0.25">
      <c r="A1518" s="1" t="s">
        <v>277</v>
      </c>
      <c r="B1518" s="1" t="s">
        <v>5381</v>
      </c>
      <c r="C1518" s="1" t="s">
        <v>15416</v>
      </c>
      <c r="D1518" s="2">
        <v>154346</v>
      </c>
      <c r="E1518" s="1" t="s">
        <v>0</v>
      </c>
    </row>
    <row r="1519" spans="1:5" x14ac:dyDescent="0.25">
      <c r="A1519" s="1" t="s">
        <v>15417</v>
      </c>
      <c r="B1519" s="1" t="s">
        <v>5382</v>
      </c>
      <c r="C1519" s="1" t="s">
        <v>15418</v>
      </c>
      <c r="D1519" s="2">
        <v>154347</v>
      </c>
      <c r="E1519" s="1" t="s">
        <v>0</v>
      </c>
    </row>
    <row r="1520" spans="1:5" ht="409.5" x14ac:dyDescent="0.25">
      <c r="A1520" s="4" t="s">
        <v>15419</v>
      </c>
      <c r="B1520" s="1" t="s">
        <v>5383</v>
      </c>
      <c r="C1520" s="1" t="s">
        <v>15420</v>
      </c>
      <c r="D1520" s="2">
        <v>154348</v>
      </c>
      <c r="E1520" s="1" t="s">
        <v>0</v>
      </c>
    </row>
    <row r="1521" spans="1:5" x14ac:dyDescent="0.25">
      <c r="A1521" s="1" t="s">
        <v>15421</v>
      </c>
      <c r="B1521" s="1" t="s">
        <v>51438</v>
      </c>
      <c r="C1521" s="1" t="s">
        <v>15422</v>
      </c>
      <c r="D1521" s="2">
        <v>154349</v>
      </c>
      <c r="E1521" s="1" t="s">
        <v>0</v>
      </c>
    </row>
    <row r="1522" spans="1:5" x14ac:dyDescent="0.25">
      <c r="A1522" s="2">
        <v>304</v>
      </c>
      <c r="B1522" s="2">
        <v>304</v>
      </c>
      <c r="C1522" s="1" t="s">
        <v>0</v>
      </c>
      <c r="D1522" s="2">
        <v>154350</v>
      </c>
      <c r="E1522" s="1" t="s">
        <v>0</v>
      </c>
    </row>
    <row r="1523" spans="1:5" x14ac:dyDescent="0.25">
      <c r="A1523" s="1" t="s">
        <v>278</v>
      </c>
      <c r="B1523" s="1" t="s">
        <v>5384</v>
      </c>
      <c r="C1523" s="1" t="s">
        <v>15423</v>
      </c>
      <c r="D1523" s="2">
        <v>154351</v>
      </c>
      <c r="E1523" s="1" t="s">
        <v>0</v>
      </c>
    </row>
    <row r="1524" spans="1:5" x14ac:dyDescent="0.25">
      <c r="A1524" s="1" t="s">
        <v>15424</v>
      </c>
      <c r="B1524" s="1" t="s">
        <v>57707</v>
      </c>
      <c r="C1524" s="1" t="s">
        <v>15425</v>
      </c>
      <c r="D1524" s="2">
        <v>154352</v>
      </c>
      <c r="E1524" s="1" t="s">
        <v>0</v>
      </c>
    </row>
    <row r="1525" spans="1:5" ht="409.5" x14ac:dyDescent="0.25">
      <c r="A1525" s="4" t="s">
        <v>15426</v>
      </c>
      <c r="B1525" s="1" t="s">
        <v>57708</v>
      </c>
      <c r="C1525" s="1" t="s">
        <v>15427</v>
      </c>
      <c r="D1525" s="2">
        <v>154353</v>
      </c>
      <c r="E1525" s="1" t="s">
        <v>0</v>
      </c>
    </row>
    <row r="1526" spans="1:5" x14ac:dyDescent="0.25">
      <c r="A1526" s="1" t="s">
        <v>15428</v>
      </c>
      <c r="B1526" s="1" t="s">
        <v>51439</v>
      </c>
      <c r="C1526" s="1" t="s">
        <v>15429</v>
      </c>
      <c r="D1526" s="2">
        <v>154354</v>
      </c>
      <c r="E1526" s="1" t="s">
        <v>0</v>
      </c>
    </row>
    <row r="1527" spans="1:5" x14ac:dyDescent="0.25">
      <c r="A1527" s="2">
        <v>305</v>
      </c>
      <c r="B1527" s="2">
        <v>305</v>
      </c>
      <c r="C1527" s="1" t="s">
        <v>0</v>
      </c>
      <c r="D1527" s="2">
        <v>154355</v>
      </c>
      <c r="E1527" s="1" t="s">
        <v>0</v>
      </c>
    </row>
    <row r="1528" spans="1:5" x14ac:dyDescent="0.25">
      <c r="A1528" s="1" t="s">
        <v>279</v>
      </c>
      <c r="B1528" s="1" t="s">
        <v>5385</v>
      </c>
      <c r="C1528" s="1" t="s">
        <v>15430</v>
      </c>
      <c r="D1528" s="2">
        <v>154356</v>
      </c>
      <c r="E1528" s="1" t="s">
        <v>0</v>
      </c>
    </row>
    <row r="1529" spans="1:5" x14ac:dyDescent="0.25">
      <c r="A1529" s="1" t="s">
        <v>15431</v>
      </c>
      <c r="B1529" s="1" t="s">
        <v>50383</v>
      </c>
      <c r="C1529" s="1" t="s">
        <v>15432</v>
      </c>
      <c r="D1529" s="2">
        <v>154357</v>
      </c>
      <c r="E1529" s="1" t="s">
        <v>0</v>
      </c>
    </row>
    <row r="1530" spans="1:5" ht="409.5" x14ac:dyDescent="0.25">
      <c r="A1530" s="4" t="s">
        <v>15433</v>
      </c>
      <c r="B1530" s="1" t="s">
        <v>50384</v>
      </c>
      <c r="C1530" s="1" t="s">
        <v>15434</v>
      </c>
      <c r="D1530" s="2">
        <v>154358</v>
      </c>
      <c r="E1530" s="1" t="s">
        <v>0</v>
      </c>
    </row>
    <row r="1531" spans="1:5" x14ac:dyDescent="0.25">
      <c r="A1531" s="1" t="s">
        <v>15435</v>
      </c>
      <c r="B1531" s="1" t="s">
        <v>5386</v>
      </c>
      <c r="C1531" s="1" t="s">
        <v>15436</v>
      </c>
      <c r="D1531" s="2">
        <v>154359</v>
      </c>
      <c r="E1531" s="1" t="s">
        <v>0</v>
      </c>
    </row>
    <row r="1532" spans="1:5" x14ac:dyDescent="0.25">
      <c r="A1532" s="2">
        <v>306</v>
      </c>
      <c r="B1532" s="2">
        <v>306</v>
      </c>
      <c r="C1532" s="1" t="s">
        <v>0</v>
      </c>
      <c r="D1532" s="2">
        <v>154360</v>
      </c>
      <c r="E1532" s="1" t="s">
        <v>0</v>
      </c>
    </row>
    <row r="1533" spans="1:5" x14ac:dyDescent="0.25">
      <c r="A1533" s="1" t="s">
        <v>5387</v>
      </c>
      <c r="B1533" s="1" t="s">
        <v>5388</v>
      </c>
      <c r="C1533" s="1" t="s">
        <v>15437</v>
      </c>
      <c r="D1533" s="2">
        <v>154361</v>
      </c>
      <c r="E1533" s="1" t="s">
        <v>0</v>
      </c>
    </row>
    <row r="1534" spans="1:5" x14ac:dyDescent="0.25">
      <c r="A1534" s="1" t="s">
        <v>15438</v>
      </c>
      <c r="B1534" s="1" t="s">
        <v>5389</v>
      </c>
      <c r="C1534" s="1" t="s">
        <v>15439</v>
      </c>
      <c r="D1534" s="2">
        <v>154362</v>
      </c>
      <c r="E1534" s="1" t="s">
        <v>0</v>
      </c>
    </row>
    <row r="1535" spans="1:5" ht="409.5" x14ac:dyDescent="0.25">
      <c r="A1535" s="4" t="s">
        <v>15440</v>
      </c>
      <c r="B1535" s="1" t="s">
        <v>51440</v>
      </c>
      <c r="C1535" s="1" t="s">
        <v>15441</v>
      </c>
      <c r="D1535" s="2">
        <v>154363</v>
      </c>
      <c r="E1535" s="1" t="s">
        <v>0</v>
      </c>
    </row>
    <row r="1536" spans="1:5" x14ac:dyDescent="0.25">
      <c r="A1536" s="1" t="s">
        <v>15442</v>
      </c>
      <c r="B1536" s="1" t="s">
        <v>5390</v>
      </c>
      <c r="C1536" s="1" t="s">
        <v>15443</v>
      </c>
      <c r="D1536" s="2">
        <v>154364</v>
      </c>
      <c r="E1536" s="1" t="s">
        <v>0</v>
      </c>
    </row>
    <row r="1537" spans="1:5" x14ac:dyDescent="0.25">
      <c r="A1537" s="2">
        <v>307</v>
      </c>
      <c r="B1537" s="2">
        <v>307</v>
      </c>
      <c r="C1537" s="1" t="s">
        <v>0</v>
      </c>
      <c r="D1537" s="2">
        <v>154365</v>
      </c>
      <c r="E1537" s="1" t="s">
        <v>0</v>
      </c>
    </row>
    <row r="1538" spans="1:5" x14ac:dyDescent="0.25">
      <c r="A1538" s="1" t="s">
        <v>280</v>
      </c>
      <c r="B1538" s="1" t="s">
        <v>5391</v>
      </c>
      <c r="C1538" s="1" t="s">
        <v>15444</v>
      </c>
      <c r="D1538" s="2">
        <v>154366</v>
      </c>
      <c r="E1538" s="1" t="s">
        <v>0</v>
      </c>
    </row>
    <row r="1539" spans="1:5" x14ac:dyDescent="0.25">
      <c r="A1539" s="1" t="s">
        <v>15445</v>
      </c>
      <c r="B1539" s="1" t="s">
        <v>58150</v>
      </c>
      <c r="C1539" s="1" t="s">
        <v>15446</v>
      </c>
      <c r="D1539" s="2">
        <v>154367</v>
      </c>
      <c r="E1539" s="1" t="s">
        <v>0</v>
      </c>
    </row>
    <row r="1540" spans="1:5" ht="409.5" x14ac:dyDescent="0.25">
      <c r="A1540" s="4" t="s">
        <v>15447</v>
      </c>
      <c r="B1540" s="1" t="s">
        <v>58151</v>
      </c>
      <c r="C1540" s="1" t="s">
        <v>15448</v>
      </c>
      <c r="D1540" s="2">
        <v>154368</v>
      </c>
      <c r="E1540" s="1" t="s">
        <v>0</v>
      </c>
    </row>
    <row r="1541" spans="1:5" x14ac:dyDescent="0.25">
      <c r="A1541" s="1" t="s">
        <v>15449</v>
      </c>
      <c r="B1541" s="1" t="s">
        <v>57115</v>
      </c>
      <c r="C1541" s="1" t="s">
        <v>15450</v>
      </c>
      <c r="D1541" s="2">
        <v>154369</v>
      </c>
      <c r="E1541" s="1" t="s">
        <v>0</v>
      </c>
    </row>
    <row r="1542" spans="1:5" x14ac:dyDescent="0.25">
      <c r="A1542" s="2">
        <v>308</v>
      </c>
      <c r="B1542" s="2">
        <v>308</v>
      </c>
      <c r="C1542" s="1" t="s">
        <v>0</v>
      </c>
      <c r="D1542" s="2">
        <v>154370</v>
      </c>
      <c r="E1542" s="1" t="s">
        <v>0</v>
      </c>
    </row>
    <row r="1543" spans="1:5" x14ac:dyDescent="0.25">
      <c r="A1543" s="1" t="s">
        <v>281</v>
      </c>
      <c r="B1543" s="1" t="s">
        <v>5392</v>
      </c>
      <c r="C1543" s="1" t="s">
        <v>15451</v>
      </c>
      <c r="D1543" s="2">
        <v>154371</v>
      </c>
      <c r="E1543" s="1" t="s">
        <v>0</v>
      </c>
    </row>
    <row r="1544" spans="1:5" x14ac:dyDescent="0.25">
      <c r="A1544" s="1" t="s">
        <v>15452</v>
      </c>
      <c r="B1544" s="1" t="s">
        <v>5393</v>
      </c>
      <c r="C1544" s="1" t="s">
        <v>15453</v>
      </c>
      <c r="D1544" s="2">
        <v>154372</v>
      </c>
      <c r="E1544" s="1" t="s">
        <v>0</v>
      </c>
    </row>
    <row r="1545" spans="1:5" ht="409.5" x14ac:dyDescent="0.25">
      <c r="A1545" s="4" t="s">
        <v>15454</v>
      </c>
      <c r="B1545" s="1" t="s">
        <v>12983</v>
      </c>
      <c r="C1545" s="1" t="s">
        <v>15455</v>
      </c>
      <c r="D1545" s="2">
        <v>154373</v>
      </c>
      <c r="E1545" s="1" t="s">
        <v>0</v>
      </c>
    </row>
    <row r="1546" spans="1:5" x14ac:dyDescent="0.25">
      <c r="A1546" s="1" t="s">
        <v>15456</v>
      </c>
      <c r="B1546" s="1" t="s">
        <v>51441</v>
      </c>
      <c r="C1546" s="1" t="s">
        <v>15457</v>
      </c>
      <c r="D1546" s="2">
        <v>154374</v>
      </c>
      <c r="E1546" s="1" t="s">
        <v>0</v>
      </c>
    </row>
    <row r="1547" spans="1:5" x14ac:dyDescent="0.25">
      <c r="A1547" s="2">
        <v>309</v>
      </c>
      <c r="B1547" s="2">
        <v>309</v>
      </c>
      <c r="C1547" s="1" t="s">
        <v>0</v>
      </c>
      <c r="D1547" s="2">
        <v>154375</v>
      </c>
      <c r="E1547" s="1" t="s">
        <v>0</v>
      </c>
    </row>
    <row r="1548" spans="1:5" x14ac:dyDescent="0.25">
      <c r="A1548" s="1" t="s">
        <v>282</v>
      </c>
      <c r="B1548" s="1" t="s">
        <v>5394</v>
      </c>
      <c r="C1548" s="1" t="s">
        <v>15458</v>
      </c>
      <c r="D1548" s="2">
        <v>154376</v>
      </c>
      <c r="E1548" s="1" t="s">
        <v>0</v>
      </c>
    </row>
    <row r="1549" spans="1:5" x14ac:dyDescent="0.25">
      <c r="A1549" s="1" t="s">
        <v>61742</v>
      </c>
      <c r="B1549" s="1" t="s">
        <v>61993</v>
      </c>
      <c r="C1549" s="1" t="s">
        <v>15459</v>
      </c>
      <c r="D1549" s="2">
        <v>154377</v>
      </c>
      <c r="E1549" s="1" t="s">
        <v>0</v>
      </c>
    </row>
    <row r="1550" spans="1:5" ht="409.5" x14ac:dyDescent="0.25">
      <c r="A1550" s="4" t="s">
        <v>61743</v>
      </c>
      <c r="B1550" s="1" t="s">
        <v>61994</v>
      </c>
      <c r="C1550" s="1" t="s">
        <v>15460</v>
      </c>
      <c r="D1550" s="2">
        <v>154378</v>
      </c>
      <c r="E1550" s="1" t="s">
        <v>0</v>
      </c>
    </row>
    <row r="1551" spans="1:5" x14ac:dyDescent="0.25">
      <c r="A1551" s="1" t="s">
        <v>15461</v>
      </c>
      <c r="B1551" s="1" t="s">
        <v>5395</v>
      </c>
      <c r="C1551" s="1" t="s">
        <v>15462</v>
      </c>
      <c r="D1551" s="2">
        <v>154379</v>
      </c>
      <c r="E1551" s="1" t="s">
        <v>0</v>
      </c>
    </row>
    <row r="1552" spans="1:5" x14ac:dyDescent="0.25">
      <c r="A1552" s="2">
        <v>310</v>
      </c>
      <c r="B1552" s="2">
        <v>310</v>
      </c>
      <c r="C1552" s="1" t="s">
        <v>0</v>
      </c>
      <c r="D1552" s="2">
        <v>154380</v>
      </c>
      <c r="E1552" s="1" t="s">
        <v>0</v>
      </c>
    </row>
    <row r="1553" spans="1:5" x14ac:dyDescent="0.25">
      <c r="A1553" s="1" t="s">
        <v>12984</v>
      </c>
      <c r="B1553" s="1" t="s">
        <v>5396</v>
      </c>
      <c r="C1553" s="1" t="s">
        <v>15463</v>
      </c>
      <c r="D1553" s="2">
        <v>154381</v>
      </c>
      <c r="E1553" s="1" t="s">
        <v>0</v>
      </c>
    </row>
    <row r="1554" spans="1:5" x14ac:dyDescent="0.25">
      <c r="A1554" s="1" t="s">
        <v>15464</v>
      </c>
      <c r="B1554" s="1" t="s">
        <v>51442</v>
      </c>
      <c r="C1554" s="1" t="s">
        <v>15465</v>
      </c>
      <c r="D1554" s="2">
        <v>154382</v>
      </c>
      <c r="E1554" s="1" t="s">
        <v>0</v>
      </c>
    </row>
    <row r="1555" spans="1:5" ht="409.5" x14ac:dyDescent="0.25">
      <c r="A1555" s="4" t="s">
        <v>63957</v>
      </c>
      <c r="B1555" s="1" t="s">
        <v>63958</v>
      </c>
      <c r="C1555" s="1" t="s">
        <v>15466</v>
      </c>
      <c r="D1555" s="2">
        <v>154383</v>
      </c>
      <c r="E1555" s="1" t="s">
        <v>0</v>
      </c>
    </row>
    <row r="1556" spans="1:5" x14ac:dyDescent="0.25">
      <c r="A1556" s="1" t="s">
        <v>15467</v>
      </c>
      <c r="B1556" s="1" t="s">
        <v>5397</v>
      </c>
      <c r="C1556" s="1" t="s">
        <v>15468</v>
      </c>
      <c r="D1556" s="2">
        <v>154384</v>
      </c>
      <c r="E1556" s="1" t="s">
        <v>0</v>
      </c>
    </row>
    <row r="1557" spans="1:5" x14ac:dyDescent="0.25">
      <c r="A1557" s="2">
        <v>311</v>
      </c>
      <c r="B1557" s="2">
        <v>311</v>
      </c>
      <c r="C1557" s="1" t="s">
        <v>0</v>
      </c>
      <c r="D1557" s="2">
        <v>154385</v>
      </c>
      <c r="E1557" s="1" t="s">
        <v>0</v>
      </c>
    </row>
    <row r="1558" spans="1:5" x14ac:dyDescent="0.25">
      <c r="A1558" s="1" t="s">
        <v>283</v>
      </c>
      <c r="B1558" s="1" t="s">
        <v>5398</v>
      </c>
      <c r="C1558" s="1" t="s">
        <v>15469</v>
      </c>
      <c r="D1558" s="2">
        <v>154386</v>
      </c>
      <c r="E1558" s="1" t="s">
        <v>0</v>
      </c>
    </row>
    <row r="1559" spans="1:5" x14ac:dyDescent="0.25">
      <c r="A1559" s="1" t="s">
        <v>15470</v>
      </c>
      <c r="B1559" s="1" t="s">
        <v>5399</v>
      </c>
      <c r="C1559" s="1" t="s">
        <v>15471</v>
      </c>
      <c r="D1559" s="2">
        <v>154387</v>
      </c>
      <c r="E1559" s="1" t="s">
        <v>0</v>
      </c>
    </row>
    <row r="1560" spans="1:5" ht="409.5" x14ac:dyDescent="0.25">
      <c r="A1560" s="4" t="s">
        <v>15472</v>
      </c>
      <c r="B1560" s="1" t="s">
        <v>59745</v>
      </c>
      <c r="C1560" s="1" t="s">
        <v>15473</v>
      </c>
      <c r="D1560" s="2">
        <v>154388</v>
      </c>
      <c r="E1560" s="1" t="s">
        <v>0</v>
      </c>
    </row>
    <row r="1561" spans="1:5" x14ac:dyDescent="0.25">
      <c r="A1561" s="1" t="s">
        <v>15474</v>
      </c>
      <c r="B1561" s="1" t="s">
        <v>51443</v>
      </c>
      <c r="C1561" s="1" t="s">
        <v>15475</v>
      </c>
      <c r="D1561" s="2">
        <v>154389</v>
      </c>
      <c r="E1561" s="1" t="s">
        <v>0</v>
      </c>
    </row>
    <row r="1562" spans="1:5" x14ac:dyDescent="0.25">
      <c r="A1562" s="2">
        <v>312</v>
      </c>
      <c r="B1562" s="2">
        <v>312</v>
      </c>
      <c r="C1562" s="1" t="s">
        <v>0</v>
      </c>
      <c r="D1562" s="2">
        <v>154390</v>
      </c>
      <c r="E1562" s="1" t="s">
        <v>0</v>
      </c>
    </row>
    <row r="1563" spans="1:5" x14ac:dyDescent="0.25">
      <c r="A1563" s="1" t="s">
        <v>284</v>
      </c>
      <c r="B1563" s="1" t="s">
        <v>51444</v>
      </c>
      <c r="C1563" s="1" t="s">
        <v>15476</v>
      </c>
      <c r="D1563" s="2">
        <v>154391</v>
      </c>
      <c r="E1563" s="1" t="s">
        <v>0</v>
      </c>
    </row>
    <row r="1564" spans="1:5" x14ac:dyDescent="0.25">
      <c r="A1564" s="1" t="s">
        <v>15477</v>
      </c>
      <c r="B1564" s="1" t="s">
        <v>51445</v>
      </c>
      <c r="C1564" s="1" t="s">
        <v>15478</v>
      </c>
      <c r="D1564" s="2">
        <v>154392</v>
      </c>
      <c r="E1564" s="1" t="s">
        <v>0</v>
      </c>
    </row>
    <row r="1565" spans="1:5" ht="409.5" x14ac:dyDescent="0.25">
      <c r="A1565" s="4" t="s">
        <v>15479</v>
      </c>
      <c r="B1565" s="1" t="s">
        <v>51446</v>
      </c>
      <c r="C1565" s="1" t="s">
        <v>15480</v>
      </c>
      <c r="D1565" s="2">
        <v>154393</v>
      </c>
      <c r="E1565" s="1" t="s">
        <v>0</v>
      </c>
    </row>
    <row r="1566" spans="1:5" x14ac:dyDescent="0.25">
      <c r="A1566" s="1" t="s">
        <v>15481</v>
      </c>
      <c r="B1566" s="1" t="s">
        <v>5400</v>
      </c>
      <c r="C1566" s="1" t="s">
        <v>15482</v>
      </c>
      <c r="D1566" s="2">
        <v>154394</v>
      </c>
      <c r="E1566" s="1" t="s">
        <v>0</v>
      </c>
    </row>
    <row r="1567" spans="1:5" x14ac:dyDescent="0.25">
      <c r="A1567" s="2">
        <v>313</v>
      </c>
      <c r="B1567" s="2">
        <v>313</v>
      </c>
      <c r="C1567" s="1" t="s">
        <v>0</v>
      </c>
      <c r="D1567" s="2">
        <v>154395</v>
      </c>
      <c r="E1567" s="1" t="s">
        <v>0</v>
      </c>
    </row>
    <row r="1568" spans="1:5" x14ac:dyDescent="0.25">
      <c r="A1568" s="1" t="s">
        <v>5401</v>
      </c>
      <c r="B1568" s="1" t="s">
        <v>5402</v>
      </c>
      <c r="C1568" s="1" t="s">
        <v>15483</v>
      </c>
      <c r="D1568" s="2">
        <v>154396</v>
      </c>
      <c r="E1568" s="1" t="s">
        <v>0</v>
      </c>
    </row>
    <row r="1569" spans="1:5" x14ac:dyDescent="0.25">
      <c r="A1569" s="1" t="s">
        <v>15484</v>
      </c>
      <c r="B1569" s="1" t="s">
        <v>5403</v>
      </c>
      <c r="C1569" s="1" t="s">
        <v>15485</v>
      </c>
      <c r="D1569" s="2">
        <v>154397</v>
      </c>
      <c r="E1569" s="1" t="s">
        <v>0</v>
      </c>
    </row>
    <row r="1570" spans="1:5" ht="409.5" x14ac:dyDescent="0.25">
      <c r="A1570" s="4" t="s">
        <v>15486</v>
      </c>
      <c r="B1570" s="1" t="s">
        <v>12985</v>
      </c>
      <c r="C1570" s="1" t="s">
        <v>15487</v>
      </c>
      <c r="D1570" s="2">
        <v>154398</v>
      </c>
      <c r="E1570" s="1" t="s">
        <v>0</v>
      </c>
    </row>
    <row r="1571" spans="1:5" x14ac:dyDescent="0.25">
      <c r="A1571" s="1" t="s">
        <v>15488</v>
      </c>
      <c r="B1571" s="1" t="s">
        <v>51447</v>
      </c>
      <c r="C1571" s="1" t="s">
        <v>15489</v>
      </c>
      <c r="D1571" s="2">
        <v>154399</v>
      </c>
      <c r="E1571" s="1" t="s">
        <v>0</v>
      </c>
    </row>
    <row r="1572" spans="1:5" x14ac:dyDescent="0.25">
      <c r="A1572" s="2">
        <v>314</v>
      </c>
      <c r="B1572" s="2">
        <v>314</v>
      </c>
      <c r="C1572" s="1" t="s">
        <v>0</v>
      </c>
      <c r="D1572" s="2">
        <v>154400</v>
      </c>
      <c r="E1572" s="1" t="s">
        <v>0</v>
      </c>
    </row>
    <row r="1573" spans="1:5" x14ac:dyDescent="0.25">
      <c r="A1573" s="1" t="s">
        <v>5404</v>
      </c>
      <c r="B1573" s="1" t="s">
        <v>58687</v>
      </c>
      <c r="C1573" s="1" t="s">
        <v>15490</v>
      </c>
      <c r="D1573" s="2">
        <v>154401</v>
      </c>
      <c r="E1573" s="1" t="s">
        <v>0</v>
      </c>
    </row>
    <row r="1574" spans="1:5" x14ac:dyDescent="0.25">
      <c r="A1574" s="1" t="s">
        <v>15491</v>
      </c>
      <c r="B1574" s="1" t="s">
        <v>61995</v>
      </c>
      <c r="C1574" s="1" t="s">
        <v>15492</v>
      </c>
      <c r="D1574" s="2">
        <v>154402</v>
      </c>
      <c r="E1574" s="1" t="s">
        <v>0</v>
      </c>
    </row>
    <row r="1575" spans="1:5" ht="409.5" x14ac:dyDescent="0.25">
      <c r="A1575" s="4" t="s">
        <v>15493</v>
      </c>
      <c r="B1575" s="1" t="s">
        <v>61996</v>
      </c>
      <c r="C1575" s="1" t="s">
        <v>15494</v>
      </c>
      <c r="D1575" s="2">
        <v>154403</v>
      </c>
      <c r="E1575" s="1" t="s">
        <v>0</v>
      </c>
    </row>
    <row r="1576" spans="1:5" x14ac:dyDescent="0.25">
      <c r="A1576" s="1" t="s">
        <v>15495</v>
      </c>
      <c r="B1576" s="1" t="s">
        <v>58688</v>
      </c>
      <c r="C1576" s="1" t="s">
        <v>15496</v>
      </c>
      <c r="D1576" s="2">
        <v>154404</v>
      </c>
      <c r="E1576" s="1" t="s">
        <v>0</v>
      </c>
    </row>
    <row r="1577" spans="1:5" x14ac:dyDescent="0.25">
      <c r="A1577" s="2">
        <v>315</v>
      </c>
      <c r="B1577" s="2">
        <v>315</v>
      </c>
      <c r="C1577" s="1" t="s">
        <v>0</v>
      </c>
      <c r="D1577" s="2">
        <v>154405</v>
      </c>
      <c r="E1577" s="1" t="s">
        <v>0</v>
      </c>
    </row>
    <row r="1578" spans="1:5" x14ac:dyDescent="0.25">
      <c r="A1578" s="1" t="s">
        <v>285</v>
      </c>
      <c r="B1578" s="1" t="s">
        <v>5405</v>
      </c>
      <c r="C1578" s="1" t="s">
        <v>15497</v>
      </c>
      <c r="D1578" s="2">
        <v>154406</v>
      </c>
      <c r="E1578" s="1" t="s">
        <v>0</v>
      </c>
    </row>
    <row r="1579" spans="1:5" x14ac:dyDescent="0.25">
      <c r="A1579" s="1" t="s">
        <v>15498</v>
      </c>
      <c r="B1579" s="1" t="s">
        <v>5406</v>
      </c>
      <c r="C1579" s="1" t="s">
        <v>15499</v>
      </c>
      <c r="D1579" s="2">
        <v>154407</v>
      </c>
      <c r="E1579" s="1" t="s">
        <v>0</v>
      </c>
    </row>
    <row r="1580" spans="1:5" ht="409.5" x14ac:dyDescent="0.25">
      <c r="A1580" s="4" t="s">
        <v>15500</v>
      </c>
      <c r="B1580" s="1" t="s">
        <v>59546</v>
      </c>
      <c r="C1580" s="1" t="s">
        <v>15501</v>
      </c>
      <c r="D1580" s="2">
        <v>154408</v>
      </c>
      <c r="E1580" s="1" t="s">
        <v>0</v>
      </c>
    </row>
    <row r="1581" spans="1:5" x14ac:dyDescent="0.25">
      <c r="A1581" s="1" t="s">
        <v>15502</v>
      </c>
      <c r="B1581" s="1" t="s">
        <v>5407</v>
      </c>
      <c r="C1581" s="1" t="s">
        <v>15503</v>
      </c>
      <c r="D1581" s="2">
        <v>154409</v>
      </c>
      <c r="E1581" s="1" t="s">
        <v>0</v>
      </c>
    </row>
    <row r="1582" spans="1:5" x14ac:dyDescent="0.25">
      <c r="A1582" s="2">
        <v>316</v>
      </c>
      <c r="B1582" s="2">
        <v>316</v>
      </c>
      <c r="C1582" s="1" t="s">
        <v>0</v>
      </c>
      <c r="D1582" s="2">
        <v>154410</v>
      </c>
      <c r="E1582" s="1" t="s">
        <v>0</v>
      </c>
    </row>
    <row r="1583" spans="1:5" x14ac:dyDescent="0.25">
      <c r="A1583" s="1" t="s">
        <v>286</v>
      </c>
      <c r="B1583" s="1" t="s">
        <v>5408</v>
      </c>
      <c r="C1583" s="1" t="s">
        <v>15504</v>
      </c>
      <c r="D1583" s="2">
        <v>154411</v>
      </c>
      <c r="E1583" s="1" t="s">
        <v>0</v>
      </c>
    </row>
    <row r="1584" spans="1:5" x14ac:dyDescent="0.25">
      <c r="A1584" s="1" t="s">
        <v>15505</v>
      </c>
      <c r="B1584" s="1" t="s">
        <v>51448</v>
      </c>
      <c r="C1584" s="1" t="s">
        <v>15506</v>
      </c>
      <c r="D1584" s="2">
        <v>154412</v>
      </c>
      <c r="E1584" s="1" t="s">
        <v>0</v>
      </c>
    </row>
    <row r="1585" spans="1:5" ht="409.5" x14ac:dyDescent="0.25">
      <c r="A1585" s="4" t="s">
        <v>15507</v>
      </c>
      <c r="B1585" s="1" t="s">
        <v>51449</v>
      </c>
      <c r="C1585" s="1" t="s">
        <v>15508</v>
      </c>
      <c r="D1585" s="2">
        <v>154413</v>
      </c>
      <c r="E1585" s="1" t="s">
        <v>0</v>
      </c>
    </row>
    <row r="1586" spans="1:5" x14ac:dyDescent="0.25">
      <c r="A1586" s="1" t="s">
        <v>15509</v>
      </c>
      <c r="B1586" s="1" t="s">
        <v>5409</v>
      </c>
      <c r="C1586" s="1" t="s">
        <v>15510</v>
      </c>
      <c r="D1586" s="2">
        <v>154414</v>
      </c>
      <c r="E1586" s="1" t="s">
        <v>0</v>
      </c>
    </row>
    <row r="1587" spans="1:5" x14ac:dyDescent="0.25">
      <c r="A1587" s="2">
        <v>317</v>
      </c>
      <c r="B1587" s="2">
        <v>317</v>
      </c>
      <c r="C1587" s="1" t="s">
        <v>0</v>
      </c>
      <c r="D1587" s="2">
        <v>154415</v>
      </c>
      <c r="E1587" s="1" t="s">
        <v>0</v>
      </c>
    </row>
    <row r="1588" spans="1:5" x14ac:dyDescent="0.25">
      <c r="A1588" s="1" t="s">
        <v>287</v>
      </c>
      <c r="B1588" s="1" t="s">
        <v>5410</v>
      </c>
      <c r="C1588" s="1" t="s">
        <v>15511</v>
      </c>
      <c r="D1588" s="2">
        <v>154416</v>
      </c>
      <c r="E1588" s="1" t="s">
        <v>0</v>
      </c>
    </row>
    <row r="1589" spans="1:5" x14ac:dyDescent="0.25">
      <c r="A1589" s="1" t="s">
        <v>15512</v>
      </c>
      <c r="B1589" s="1" t="s">
        <v>58152</v>
      </c>
      <c r="C1589" s="1" t="s">
        <v>15513</v>
      </c>
      <c r="D1589" s="2">
        <v>154417</v>
      </c>
      <c r="E1589" s="1" t="s">
        <v>0</v>
      </c>
    </row>
    <row r="1590" spans="1:5" ht="409.5" x14ac:dyDescent="0.25">
      <c r="A1590" s="4" t="s">
        <v>61744</v>
      </c>
      <c r="B1590" s="1" t="s">
        <v>61997</v>
      </c>
      <c r="C1590" s="1" t="s">
        <v>61745</v>
      </c>
      <c r="D1590" s="2">
        <v>154418</v>
      </c>
      <c r="E1590" s="1" t="s">
        <v>0</v>
      </c>
    </row>
    <row r="1591" spans="1:5" x14ac:dyDescent="0.25">
      <c r="A1591" s="1" t="s">
        <v>15514</v>
      </c>
      <c r="B1591" s="1" t="s">
        <v>5411</v>
      </c>
      <c r="C1591" s="1" t="s">
        <v>15515</v>
      </c>
      <c r="D1591" s="2">
        <v>154419</v>
      </c>
      <c r="E1591" s="1" t="s">
        <v>0</v>
      </c>
    </row>
    <row r="1592" spans="1:5" x14ac:dyDescent="0.25">
      <c r="A1592" s="2">
        <v>318</v>
      </c>
      <c r="B1592" s="2">
        <v>318</v>
      </c>
      <c r="C1592" s="1" t="s">
        <v>0</v>
      </c>
      <c r="D1592" s="2">
        <v>154420</v>
      </c>
      <c r="E1592" s="1" t="s">
        <v>0</v>
      </c>
    </row>
    <row r="1593" spans="1:5" x14ac:dyDescent="0.25">
      <c r="A1593" s="1" t="s">
        <v>288</v>
      </c>
      <c r="B1593" s="1" t="s">
        <v>5412</v>
      </c>
      <c r="C1593" s="1" t="s">
        <v>15516</v>
      </c>
      <c r="D1593" s="2">
        <v>154421</v>
      </c>
      <c r="E1593" s="1" t="s">
        <v>0</v>
      </c>
    </row>
    <row r="1594" spans="1:5" x14ac:dyDescent="0.25">
      <c r="A1594" s="1" t="s">
        <v>15517</v>
      </c>
      <c r="B1594" s="1" t="s">
        <v>60387</v>
      </c>
      <c r="C1594" s="1" t="s">
        <v>15518</v>
      </c>
      <c r="D1594" s="2">
        <v>154422</v>
      </c>
      <c r="E1594" s="1" t="s">
        <v>0</v>
      </c>
    </row>
    <row r="1595" spans="1:5" ht="409.5" x14ac:dyDescent="0.25">
      <c r="A1595" s="4" t="s">
        <v>15519</v>
      </c>
      <c r="B1595" s="1" t="s">
        <v>60388</v>
      </c>
      <c r="C1595" s="1" t="s">
        <v>15520</v>
      </c>
      <c r="D1595" s="2">
        <v>154423</v>
      </c>
      <c r="E1595" s="1" t="s">
        <v>0</v>
      </c>
    </row>
    <row r="1596" spans="1:5" x14ac:dyDescent="0.25">
      <c r="A1596" s="1" t="s">
        <v>15521</v>
      </c>
      <c r="B1596" s="1" t="s">
        <v>5413</v>
      </c>
      <c r="C1596" s="1" t="s">
        <v>15522</v>
      </c>
      <c r="D1596" s="2">
        <v>154424</v>
      </c>
      <c r="E1596" s="1" t="s">
        <v>0</v>
      </c>
    </row>
    <row r="1597" spans="1:5" x14ac:dyDescent="0.25">
      <c r="A1597" s="2">
        <v>319</v>
      </c>
      <c r="B1597" s="2">
        <v>319</v>
      </c>
      <c r="C1597" s="1" t="s">
        <v>0</v>
      </c>
      <c r="D1597" s="2">
        <v>154425</v>
      </c>
      <c r="E1597" s="1" t="s">
        <v>0</v>
      </c>
    </row>
    <row r="1598" spans="1:5" x14ac:dyDescent="0.25">
      <c r="A1598" s="1" t="s">
        <v>289</v>
      </c>
      <c r="B1598" s="1" t="s">
        <v>5414</v>
      </c>
      <c r="C1598" s="1" t="s">
        <v>15523</v>
      </c>
      <c r="D1598" s="2">
        <v>154426</v>
      </c>
      <c r="E1598" s="1" t="s">
        <v>0</v>
      </c>
    </row>
    <row r="1599" spans="1:5" x14ac:dyDescent="0.25">
      <c r="A1599" s="1" t="s">
        <v>15524</v>
      </c>
      <c r="B1599" s="1" t="s">
        <v>51450</v>
      </c>
      <c r="C1599" s="1" t="s">
        <v>15525</v>
      </c>
      <c r="D1599" s="2">
        <v>154427</v>
      </c>
      <c r="E1599" s="1" t="s">
        <v>0</v>
      </c>
    </row>
    <row r="1600" spans="1:5" ht="409.5" x14ac:dyDescent="0.25">
      <c r="A1600" s="4" t="s">
        <v>63959</v>
      </c>
      <c r="B1600" s="1" t="s">
        <v>60541</v>
      </c>
      <c r="C1600" s="1" t="s">
        <v>15526</v>
      </c>
      <c r="D1600" s="2">
        <v>154428</v>
      </c>
      <c r="E1600" s="1" t="s">
        <v>0</v>
      </c>
    </row>
    <row r="1601" spans="1:5" x14ac:dyDescent="0.25">
      <c r="A1601" s="1" t="s">
        <v>15527</v>
      </c>
      <c r="B1601" s="1" t="s">
        <v>51451</v>
      </c>
      <c r="C1601" s="1" t="s">
        <v>15528</v>
      </c>
      <c r="D1601" s="2">
        <v>154429</v>
      </c>
      <c r="E1601" s="1" t="s">
        <v>0</v>
      </c>
    </row>
    <row r="1602" spans="1:5" x14ac:dyDescent="0.25">
      <c r="A1602" s="2">
        <v>320</v>
      </c>
      <c r="B1602" s="2">
        <v>320</v>
      </c>
      <c r="C1602" s="1" t="s">
        <v>0</v>
      </c>
      <c r="D1602" s="2">
        <v>154430</v>
      </c>
      <c r="E1602" s="1" t="s">
        <v>0</v>
      </c>
    </row>
    <row r="1603" spans="1:5" x14ac:dyDescent="0.25">
      <c r="A1603" s="1" t="s">
        <v>290</v>
      </c>
      <c r="B1603" s="1" t="s">
        <v>5415</v>
      </c>
      <c r="C1603" s="1" t="s">
        <v>15529</v>
      </c>
      <c r="D1603" s="2">
        <v>154431</v>
      </c>
      <c r="E1603" s="1" t="s">
        <v>0</v>
      </c>
    </row>
    <row r="1604" spans="1:5" x14ac:dyDescent="0.25">
      <c r="A1604" s="1" t="s">
        <v>15530</v>
      </c>
      <c r="B1604" s="1" t="s">
        <v>51452</v>
      </c>
      <c r="C1604" s="1" t="s">
        <v>15531</v>
      </c>
      <c r="D1604" s="2">
        <v>154432</v>
      </c>
      <c r="E1604" s="1" t="s">
        <v>0</v>
      </c>
    </row>
    <row r="1605" spans="1:5" ht="409.5" x14ac:dyDescent="0.25">
      <c r="A1605" s="4" t="s">
        <v>15532</v>
      </c>
      <c r="B1605" s="1" t="s">
        <v>51453</v>
      </c>
      <c r="C1605" s="1" t="s">
        <v>15533</v>
      </c>
      <c r="D1605" s="2">
        <v>154433</v>
      </c>
      <c r="E1605" s="1" t="s">
        <v>0</v>
      </c>
    </row>
    <row r="1606" spans="1:5" x14ac:dyDescent="0.25">
      <c r="A1606" s="1" t="s">
        <v>15534</v>
      </c>
      <c r="B1606" s="1" t="s">
        <v>5416</v>
      </c>
      <c r="C1606" s="1" t="s">
        <v>15535</v>
      </c>
      <c r="D1606" s="2">
        <v>154434</v>
      </c>
      <c r="E1606" s="1" t="s">
        <v>0</v>
      </c>
    </row>
    <row r="1607" spans="1:5" x14ac:dyDescent="0.25">
      <c r="A1607" s="2">
        <v>321</v>
      </c>
      <c r="B1607" s="2">
        <v>321</v>
      </c>
      <c r="C1607" s="1" t="s">
        <v>0</v>
      </c>
      <c r="D1607" s="2">
        <v>154435</v>
      </c>
      <c r="E1607" s="1" t="s">
        <v>0</v>
      </c>
    </row>
    <row r="1608" spans="1:5" x14ac:dyDescent="0.25">
      <c r="A1608" s="1" t="s">
        <v>5417</v>
      </c>
      <c r="B1608" s="1" t="s">
        <v>5418</v>
      </c>
      <c r="C1608" s="1" t="s">
        <v>15536</v>
      </c>
      <c r="D1608" s="2">
        <v>154436</v>
      </c>
      <c r="E1608" s="1" t="s">
        <v>0</v>
      </c>
    </row>
    <row r="1609" spans="1:5" x14ac:dyDescent="0.25">
      <c r="A1609" s="1" t="s">
        <v>15537</v>
      </c>
      <c r="B1609" s="1" t="s">
        <v>51454</v>
      </c>
      <c r="C1609" s="1" t="s">
        <v>15538</v>
      </c>
      <c r="D1609" s="2">
        <v>154437</v>
      </c>
      <c r="E1609" s="1" t="s">
        <v>0</v>
      </c>
    </row>
    <row r="1610" spans="1:5" ht="409.5" x14ac:dyDescent="0.25">
      <c r="A1610" s="4" t="s">
        <v>15539</v>
      </c>
      <c r="B1610" s="1" t="s">
        <v>56992</v>
      </c>
      <c r="C1610" s="1" t="s">
        <v>15540</v>
      </c>
      <c r="D1610" s="2">
        <v>154438</v>
      </c>
      <c r="E1610" s="1" t="s">
        <v>0</v>
      </c>
    </row>
    <row r="1611" spans="1:5" x14ac:dyDescent="0.25">
      <c r="A1611" s="1" t="s">
        <v>15541</v>
      </c>
      <c r="B1611" s="1" t="s">
        <v>5419</v>
      </c>
      <c r="C1611" s="1" t="s">
        <v>15542</v>
      </c>
      <c r="D1611" s="2">
        <v>154439</v>
      </c>
      <c r="E1611" s="1" t="s">
        <v>0</v>
      </c>
    </row>
    <row r="1612" spans="1:5" x14ac:dyDescent="0.25">
      <c r="A1612" s="2">
        <v>322</v>
      </c>
      <c r="B1612" s="2">
        <v>322</v>
      </c>
      <c r="C1612" s="1" t="s">
        <v>0</v>
      </c>
      <c r="D1612" s="2">
        <v>154440</v>
      </c>
      <c r="E1612" s="1" t="s">
        <v>0</v>
      </c>
    </row>
    <row r="1613" spans="1:5" x14ac:dyDescent="0.25">
      <c r="A1613" s="1" t="s">
        <v>291</v>
      </c>
      <c r="B1613" s="1" t="s">
        <v>5420</v>
      </c>
      <c r="C1613" s="1" t="s">
        <v>15543</v>
      </c>
      <c r="D1613" s="2">
        <v>154441</v>
      </c>
      <c r="E1613" s="1" t="s">
        <v>0</v>
      </c>
    </row>
    <row r="1614" spans="1:5" x14ac:dyDescent="0.25">
      <c r="A1614" s="1" t="s">
        <v>15544</v>
      </c>
      <c r="B1614" s="1" t="s">
        <v>51455</v>
      </c>
      <c r="C1614" s="1" t="s">
        <v>15545</v>
      </c>
      <c r="D1614" s="2">
        <v>154442</v>
      </c>
      <c r="E1614" s="1" t="s">
        <v>0</v>
      </c>
    </row>
    <row r="1615" spans="1:5" ht="409.5" x14ac:dyDescent="0.25">
      <c r="A1615" s="4" t="s">
        <v>15546</v>
      </c>
      <c r="B1615" s="1" t="s">
        <v>51456</v>
      </c>
      <c r="C1615" s="1" t="s">
        <v>15547</v>
      </c>
      <c r="D1615" s="2">
        <v>154443</v>
      </c>
      <c r="E1615" s="1" t="s">
        <v>0</v>
      </c>
    </row>
    <row r="1616" spans="1:5" x14ac:dyDescent="0.25">
      <c r="A1616" s="1" t="s">
        <v>15548</v>
      </c>
      <c r="B1616" s="1" t="s">
        <v>51457</v>
      </c>
      <c r="C1616" s="1" t="s">
        <v>15549</v>
      </c>
      <c r="D1616" s="2">
        <v>154444</v>
      </c>
      <c r="E1616" s="1" t="s">
        <v>0</v>
      </c>
    </row>
    <row r="1617" spans="1:5" x14ac:dyDescent="0.25">
      <c r="A1617" s="2">
        <v>323</v>
      </c>
      <c r="B1617" s="2">
        <v>323</v>
      </c>
      <c r="C1617" s="1" t="s">
        <v>0</v>
      </c>
      <c r="D1617" s="2">
        <v>154445</v>
      </c>
      <c r="E1617" s="1" t="s">
        <v>0</v>
      </c>
    </row>
    <row r="1618" spans="1:5" x14ac:dyDescent="0.25">
      <c r="A1618" s="1" t="s">
        <v>292</v>
      </c>
      <c r="B1618" s="1" t="s">
        <v>56993</v>
      </c>
      <c r="C1618" s="1" t="s">
        <v>15550</v>
      </c>
      <c r="D1618" s="2">
        <v>154446</v>
      </c>
      <c r="E1618" s="1" t="s">
        <v>0</v>
      </c>
    </row>
    <row r="1619" spans="1:5" x14ac:dyDescent="0.25">
      <c r="A1619" s="1" t="s">
        <v>15551</v>
      </c>
      <c r="B1619" s="1" t="s">
        <v>56994</v>
      </c>
      <c r="C1619" s="1" t="s">
        <v>15552</v>
      </c>
      <c r="D1619" s="2">
        <v>154447</v>
      </c>
      <c r="E1619" s="1" t="s">
        <v>0</v>
      </c>
    </row>
    <row r="1620" spans="1:5" ht="409.5" x14ac:dyDescent="0.25">
      <c r="A1620" s="4" t="s">
        <v>15553</v>
      </c>
      <c r="B1620" s="1" t="s">
        <v>58153</v>
      </c>
      <c r="C1620" s="1" t="s">
        <v>15554</v>
      </c>
      <c r="D1620" s="2">
        <v>154448</v>
      </c>
      <c r="E1620" s="1" t="s">
        <v>0</v>
      </c>
    </row>
    <row r="1621" spans="1:5" x14ac:dyDescent="0.25">
      <c r="A1621" s="1" t="s">
        <v>15555</v>
      </c>
      <c r="B1621" s="1" t="s">
        <v>51458</v>
      </c>
      <c r="C1621" s="1" t="s">
        <v>15556</v>
      </c>
      <c r="D1621" s="2">
        <v>154449</v>
      </c>
      <c r="E1621" s="1" t="s">
        <v>0</v>
      </c>
    </row>
    <row r="1622" spans="1:5" x14ac:dyDescent="0.25">
      <c r="A1622" s="2">
        <v>324</v>
      </c>
      <c r="B1622" s="2">
        <v>324</v>
      </c>
      <c r="C1622" s="1" t="s">
        <v>0</v>
      </c>
      <c r="D1622" s="2">
        <v>154450</v>
      </c>
      <c r="E1622" s="1" t="s">
        <v>0</v>
      </c>
    </row>
    <row r="1623" spans="1:5" x14ac:dyDescent="0.25">
      <c r="A1623" s="1" t="s">
        <v>293</v>
      </c>
      <c r="B1623" s="1" t="s">
        <v>5421</v>
      </c>
      <c r="C1623" s="1" t="s">
        <v>15557</v>
      </c>
      <c r="D1623" s="2">
        <v>154451</v>
      </c>
      <c r="E1623" s="1" t="s">
        <v>0</v>
      </c>
    </row>
    <row r="1624" spans="1:5" x14ac:dyDescent="0.25">
      <c r="A1624" s="1" t="s">
        <v>15558</v>
      </c>
      <c r="B1624" s="1" t="s">
        <v>50385</v>
      </c>
      <c r="C1624" s="1" t="s">
        <v>15559</v>
      </c>
      <c r="D1624" s="2">
        <v>154452</v>
      </c>
      <c r="E1624" s="1" t="s">
        <v>0</v>
      </c>
    </row>
    <row r="1625" spans="1:5" ht="409.5" x14ac:dyDescent="0.25">
      <c r="A1625" s="4" t="s">
        <v>15560</v>
      </c>
      <c r="B1625" s="1" t="s">
        <v>50386</v>
      </c>
      <c r="C1625" s="1" t="s">
        <v>15561</v>
      </c>
      <c r="D1625" s="2">
        <v>154453</v>
      </c>
      <c r="E1625" s="1" t="s">
        <v>0</v>
      </c>
    </row>
    <row r="1626" spans="1:5" x14ac:dyDescent="0.25">
      <c r="A1626" s="1" t="s">
        <v>15562</v>
      </c>
      <c r="B1626" s="1" t="s">
        <v>5422</v>
      </c>
      <c r="C1626" s="1" t="s">
        <v>15563</v>
      </c>
      <c r="D1626" s="2">
        <v>154454</v>
      </c>
      <c r="E1626" s="1" t="s">
        <v>0</v>
      </c>
    </row>
    <row r="1627" spans="1:5" x14ac:dyDescent="0.25">
      <c r="A1627" s="2">
        <v>325</v>
      </c>
      <c r="B1627" s="2">
        <v>325</v>
      </c>
      <c r="C1627" s="1" t="s">
        <v>0</v>
      </c>
      <c r="D1627" s="2">
        <v>154455</v>
      </c>
      <c r="E1627" s="1" t="s">
        <v>0</v>
      </c>
    </row>
    <row r="1628" spans="1:5" x14ac:dyDescent="0.25">
      <c r="A1628" s="1" t="s">
        <v>294</v>
      </c>
      <c r="B1628" s="1" t="s">
        <v>50387</v>
      </c>
      <c r="C1628" s="1" t="s">
        <v>15564</v>
      </c>
      <c r="D1628" s="2">
        <v>154456</v>
      </c>
      <c r="E1628" s="1" t="s">
        <v>0</v>
      </c>
    </row>
    <row r="1629" spans="1:5" x14ac:dyDescent="0.25">
      <c r="A1629" s="1" t="s">
        <v>15565</v>
      </c>
      <c r="B1629" s="1" t="s">
        <v>51459</v>
      </c>
      <c r="C1629" s="1" t="s">
        <v>15566</v>
      </c>
      <c r="D1629" s="2">
        <v>154457</v>
      </c>
      <c r="E1629" s="1" t="s">
        <v>0</v>
      </c>
    </row>
    <row r="1630" spans="1:5" ht="409.5" x14ac:dyDescent="0.25">
      <c r="A1630" s="4" t="s">
        <v>15567</v>
      </c>
      <c r="B1630" s="1" t="s">
        <v>51460</v>
      </c>
      <c r="C1630" s="1" t="s">
        <v>15568</v>
      </c>
      <c r="D1630" s="2">
        <v>154458</v>
      </c>
      <c r="E1630" s="1" t="s">
        <v>0</v>
      </c>
    </row>
    <row r="1631" spans="1:5" x14ac:dyDescent="0.25">
      <c r="A1631" s="1" t="s">
        <v>13588</v>
      </c>
      <c r="B1631" s="1" t="s">
        <v>60850</v>
      </c>
      <c r="C1631" s="1" t="s">
        <v>13589</v>
      </c>
      <c r="D1631" s="2">
        <v>154459</v>
      </c>
      <c r="E1631" s="1" t="s">
        <v>0</v>
      </c>
    </row>
    <row r="1632" spans="1:5" x14ac:dyDescent="0.25">
      <c r="A1632" s="2">
        <v>326</v>
      </c>
      <c r="B1632" s="2">
        <v>326</v>
      </c>
      <c r="C1632" s="1" t="s">
        <v>0</v>
      </c>
      <c r="D1632" s="2">
        <v>154460</v>
      </c>
      <c r="E1632" s="1" t="s">
        <v>0</v>
      </c>
    </row>
    <row r="1633" spans="1:5" x14ac:dyDescent="0.25">
      <c r="A1633" s="1" t="s">
        <v>5423</v>
      </c>
      <c r="B1633" s="1" t="s">
        <v>5424</v>
      </c>
      <c r="C1633" s="1" t="s">
        <v>15569</v>
      </c>
      <c r="D1633" s="2">
        <v>154461</v>
      </c>
      <c r="E1633" s="1" t="s">
        <v>0</v>
      </c>
    </row>
    <row r="1634" spans="1:5" x14ac:dyDescent="0.25">
      <c r="A1634" s="1" t="s">
        <v>15570</v>
      </c>
      <c r="B1634" s="1" t="s">
        <v>61998</v>
      </c>
      <c r="C1634" s="1" t="s">
        <v>15571</v>
      </c>
      <c r="D1634" s="2">
        <v>154462</v>
      </c>
      <c r="E1634" s="1" t="s">
        <v>0</v>
      </c>
    </row>
    <row r="1635" spans="1:5" ht="409.5" x14ac:dyDescent="0.25">
      <c r="A1635" s="4" t="s">
        <v>15572</v>
      </c>
      <c r="B1635" s="1" t="s">
        <v>61999</v>
      </c>
      <c r="C1635" s="1" t="s">
        <v>15573</v>
      </c>
      <c r="D1635" s="2">
        <v>154463</v>
      </c>
      <c r="E1635" s="1" t="s">
        <v>0</v>
      </c>
    </row>
    <row r="1636" spans="1:5" x14ac:dyDescent="0.25">
      <c r="A1636" s="1" t="s">
        <v>15574</v>
      </c>
      <c r="B1636" s="1" t="s">
        <v>5425</v>
      </c>
      <c r="C1636" s="1" t="s">
        <v>15575</v>
      </c>
      <c r="D1636" s="2">
        <v>154464</v>
      </c>
      <c r="E1636" s="1" t="s">
        <v>0</v>
      </c>
    </row>
    <row r="1637" spans="1:5" x14ac:dyDescent="0.25">
      <c r="A1637" s="2">
        <v>327</v>
      </c>
      <c r="B1637" s="2">
        <v>327</v>
      </c>
      <c r="C1637" s="1" t="s">
        <v>0</v>
      </c>
      <c r="D1637" s="2">
        <v>154465</v>
      </c>
      <c r="E1637" s="1" t="s">
        <v>0</v>
      </c>
    </row>
    <row r="1638" spans="1:5" x14ac:dyDescent="0.25">
      <c r="A1638" s="1" t="s">
        <v>295</v>
      </c>
      <c r="B1638" s="1" t="s">
        <v>5426</v>
      </c>
      <c r="C1638" s="1" t="s">
        <v>15576</v>
      </c>
      <c r="D1638" s="2">
        <v>154466</v>
      </c>
      <c r="E1638" s="1" t="s">
        <v>0</v>
      </c>
    </row>
    <row r="1639" spans="1:5" x14ac:dyDescent="0.25">
      <c r="A1639" s="1" t="s">
        <v>15577</v>
      </c>
      <c r="B1639" s="1" t="s">
        <v>51461</v>
      </c>
      <c r="C1639" s="1" t="s">
        <v>15578</v>
      </c>
      <c r="D1639" s="2">
        <v>154467</v>
      </c>
      <c r="E1639" s="1" t="s">
        <v>0</v>
      </c>
    </row>
    <row r="1640" spans="1:5" ht="409.5" x14ac:dyDescent="0.25">
      <c r="A1640" s="4" t="s">
        <v>15579</v>
      </c>
      <c r="B1640" s="1" t="s">
        <v>51462</v>
      </c>
      <c r="C1640" s="1" t="s">
        <v>15580</v>
      </c>
      <c r="D1640" s="2">
        <v>154468</v>
      </c>
      <c r="E1640" s="1" t="s">
        <v>0</v>
      </c>
    </row>
    <row r="1641" spans="1:5" x14ac:dyDescent="0.25">
      <c r="A1641" s="1" t="s">
        <v>15581</v>
      </c>
      <c r="B1641" s="1" t="s">
        <v>51463</v>
      </c>
      <c r="C1641" s="1" t="s">
        <v>15582</v>
      </c>
      <c r="D1641" s="2">
        <v>154469</v>
      </c>
      <c r="E1641" s="1" t="s">
        <v>0</v>
      </c>
    </row>
    <row r="1642" spans="1:5" x14ac:dyDescent="0.25">
      <c r="A1642" s="2">
        <v>328</v>
      </c>
      <c r="B1642" s="2">
        <v>328</v>
      </c>
      <c r="C1642" s="1" t="s">
        <v>0</v>
      </c>
      <c r="D1642" s="2">
        <v>154470</v>
      </c>
      <c r="E1642" s="1" t="s">
        <v>0</v>
      </c>
    </row>
    <row r="1643" spans="1:5" x14ac:dyDescent="0.25">
      <c r="A1643" s="1" t="s">
        <v>296</v>
      </c>
      <c r="B1643" s="1" t="s">
        <v>5427</v>
      </c>
      <c r="C1643" s="1" t="s">
        <v>15583</v>
      </c>
      <c r="D1643" s="2">
        <v>154471</v>
      </c>
      <c r="E1643" s="1" t="s">
        <v>0</v>
      </c>
    </row>
    <row r="1644" spans="1:5" x14ac:dyDescent="0.25">
      <c r="A1644" s="1" t="s">
        <v>15584</v>
      </c>
      <c r="B1644" s="1" t="s">
        <v>57709</v>
      </c>
      <c r="C1644" s="1" t="s">
        <v>15585</v>
      </c>
      <c r="D1644" s="2">
        <v>154472</v>
      </c>
      <c r="E1644" s="1" t="s">
        <v>0</v>
      </c>
    </row>
    <row r="1645" spans="1:5" ht="409.5" x14ac:dyDescent="0.25">
      <c r="A1645" s="4" t="s">
        <v>15586</v>
      </c>
      <c r="B1645" s="1" t="s">
        <v>60389</v>
      </c>
      <c r="C1645" s="1" t="s">
        <v>15587</v>
      </c>
      <c r="D1645" s="2">
        <v>154473</v>
      </c>
      <c r="E1645" s="1" t="s">
        <v>0</v>
      </c>
    </row>
    <row r="1646" spans="1:5" x14ac:dyDescent="0.25">
      <c r="A1646" s="1" t="s">
        <v>15588</v>
      </c>
      <c r="B1646" s="1" t="s">
        <v>51464</v>
      </c>
      <c r="C1646" s="1" t="s">
        <v>15589</v>
      </c>
      <c r="D1646" s="2">
        <v>154474</v>
      </c>
      <c r="E1646" s="1" t="s">
        <v>0</v>
      </c>
    </row>
    <row r="1647" spans="1:5" x14ac:dyDescent="0.25">
      <c r="A1647" s="2">
        <v>329</v>
      </c>
      <c r="B1647" s="2">
        <v>329</v>
      </c>
      <c r="C1647" s="1" t="s">
        <v>0</v>
      </c>
      <c r="D1647" s="2">
        <v>154475</v>
      </c>
      <c r="E1647" s="1" t="s">
        <v>0</v>
      </c>
    </row>
    <row r="1648" spans="1:5" x14ac:dyDescent="0.25">
      <c r="A1648" s="1" t="s">
        <v>297</v>
      </c>
      <c r="B1648" s="1" t="s">
        <v>5428</v>
      </c>
      <c r="C1648" s="1" t="s">
        <v>15590</v>
      </c>
      <c r="D1648" s="2">
        <v>154476</v>
      </c>
      <c r="E1648" s="1" t="s">
        <v>0</v>
      </c>
    </row>
    <row r="1649" spans="1:5" x14ac:dyDescent="0.25">
      <c r="A1649" s="1" t="s">
        <v>15591</v>
      </c>
      <c r="B1649" s="1" t="s">
        <v>59746</v>
      </c>
      <c r="C1649" s="1" t="s">
        <v>15592</v>
      </c>
      <c r="D1649" s="2">
        <v>154477</v>
      </c>
      <c r="E1649" s="1" t="s">
        <v>0</v>
      </c>
    </row>
    <row r="1650" spans="1:5" ht="409.5" x14ac:dyDescent="0.25">
      <c r="A1650" s="4" t="s">
        <v>15593</v>
      </c>
      <c r="B1650" s="1" t="s">
        <v>59747</v>
      </c>
      <c r="C1650" s="1" t="s">
        <v>15594</v>
      </c>
      <c r="D1650" s="2">
        <v>154478</v>
      </c>
      <c r="E1650" s="1" t="s">
        <v>0</v>
      </c>
    </row>
    <row r="1651" spans="1:5" x14ac:dyDescent="0.25">
      <c r="A1651" s="1" t="s">
        <v>15595</v>
      </c>
      <c r="B1651" s="1" t="s">
        <v>51465</v>
      </c>
      <c r="C1651" s="1" t="s">
        <v>15596</v>
      </c>
      <c r="D1651" s="2">
        <v>154479</v>
      </c>
      <c r="E1651" s="1" t="s">
        <v>0</v>
      </c>
    </row>
    <row r="1652" spans="1:5" x14ac:dyDescent="0.25">
      <c r="A1652" s="2">
        <v>330</v>
      </c>
      <c r="B1652" s="2">
        <v>330</v>
      </c>
      <c r="C1652" s="1" t="s">
        <v>0</v>
      </c>
      <c r="D1652" s="2">
        <v>154480</v>
      </c>
      <c r="E1652" s="1" t="s">
        <v>0</v>
      </c>
    </row>
    <row r="1653" spans="1:5" x14ac:dyDescent="0.25">
      <c r="A1653" s="1" t="s">
        <v>298</v>
      </c>
      <c r="B1653" s="1" t="s">
        <v>5429</v>
      </c>
      <c r="C1653" s="1" t="s">
        <v>15597</v>
      </c>
      <c r="D1653" s="2">
        <v>154481</v>
      </c>
      <c r="E1653" s="1" t="s">
        <v>0</v>
      </c>
    </row>
    <row r="1654" spans="1:5" x14ac:dyDescent="0.25">
      <c r="A1654" s="1" t="s">
        <v>15598</v>
      </c>
      <c r="B1654" s="1" t="s">
        <v>51466</v>
      </c>
      <c r="C1654" s="1" t="s">
        <v>15599</v>
      </c>
      <c r="D1654" s="2">
        <v>154482</v>
      </c>
      <c r="E1654" s="1" t="s">
        <v>0</v>
      </c>
    </row>
    <row r="1655" spans="1:5" ht="409.5" x14ac:dyDescent="0.25">
      <c r="A1655" s="4" t="s">
        <v>15600</v>
      </c>
      <c r="B1655" s="1" t="s">
        <v>51467</v>
      </c>
      <c r="C1655" s="1" t="s">
        <v>15601</v>
      </c>
      <c r="D1655" s="2">
        <v>154483</v>
      </c>
      <c r="E1655" s="1" t="s">
        <v>0</v>
      </c>
    </row>
    <row r="1656" spans="1:5" x14ac:dyDescent="0.25">
      <c r="A1656" s="1" t="s">
        <v>15602</v>
      </c>
      <c r="B1656" s="1" t="s">
        <v>51468</v>
      </c>
      <c r="C1656" s="1" t="s">
        <v>15603</v>
      </c>
      <c r="D1656" s="2">
        <v>154484</v>
      </c>
      <c r="E1656" s="1" t="s">
        <v>0</v>
      </c>
    </row>
    <row r="1657" spans="1:5" x14ac:dyDescent="0.25">
      <c r="A1657" s="2">
        <v>331</v>
      </c>
      <c r="B1657" s="2">
        <v>331</v>
      </c>
      <c r="C1657" s="1" t="s">
        <v>0</v>
      </c>
      <c r="D1657" s="2">
        <v>154485</v>
      </c>
      <c r="E1657" s="1" t="s">
        <v>0</v>
      </c>
    </row>
    <row r="1658" spans="1:5" x14ac:dyDescent="0.25">
      <c r="A1658" s="1" t="s">
        <v>5430</v>
      </c>
      <c r="B1658" s="1" t="s">
        <v>5431</v>
      </c>
      <c r="C1658" s="1" t="s">
        <v>15604</v>
      </c>
      <c r="D1658" s="2">
        <v>154486</v>
      </c>
      <c r="E1658" s="1" t="s">
        <v>0</v>
      </c>
    </row>
    <row r="1659" spans="1:5" x14ac:dyDescent="0.25">
      <c r="A1659" s="1" t="s">
        <v>15605</v>
      </c>
      <c r="B1659" s="1" t="s">
        <v>5432</v>
      </c>
      <c r="C1659" s="1" t="s">
        <v>15606</v>
      </c>
      <c r="D1659" s="2">
        <v>154487</v>
      </c>
      <c r="E1659" s="1" t="s">
        <v>0</v>
      </c>
    </row>
    <row r="1660" spans="1:5" ht="409.5" x14ac:dyDescent="0.25">
      <c r="A1660" s="4" t="s">
        <v>15607</v>
      </c>
      <c r="B1660" s="1" t="s">
        <v>62000</v>
      </c>
      <c r="C1660" s="1" t="s">
        <v>15608</v>
      </c>
      <c r="D1660" s="2">
        <v>154488</v>
      </c>
      <c r="E1660" s="1" t="s">
        <v>0</v>
      </c>
    </row>
    <row r="1661" spans="1:5" x14ac:dyDescent="0.25">
      <c r="A1661" s="1" t="s">
        <v>15609</v>
      </c>
      <c r="B1661" s="1" t="s">
        <v>51469</v>
      </c>
      <c r="C1661" s="1" t="s">
        <v>15610</v>
      </c>
      <c r="D1661" s="2">
        <v>154489</v>
      </c>
      <c r="E1661" s="1" t="s">
        <v>0</v>
      </c>
    </row>
    <row r="1662" spans="1:5" x14ac:dyDescent="0.25">
      <c r="A1662" s="2">
        <v>332</v>
      </c>
      <c r="B1662" s="2">
        <v>332</v>
      </c>
      <c r="C1662" s="1" t="s">
        <v>0</v>
      </c>
      <c r="D1662" s="2">
        <v>154490</v>
      </c>
      <c r="E1662" s="1" t="s">
        <v>0</v>
      </c>
    </row>
    <row r="1663" spans="1:5" x14ac:dyDescent="0.25">
      <c r="A1663" s="1" t="s">
        <v>299</v>
      </c>
      <c r="B1663" s="1" t="s">
        <v>59748</v>
      </c>
      <c r="C1663" s="1" t="s">
        <v>15611</v>
      </c>
      <c r="D1663" s="2">
        <v>154491</v>
      </c>
      <c r="E1663" s="1" t="s">
        <v>0</v>
      </c>
    </row>
    <row r="1664" spans="1:5" x14ac:dyDescent="0.25">
      <c r="A1664" s="1" t="s">
        <v>15612</v>
      </c>
      <c r="B1664" s="1" t="s">
        <v>59749</v>
      </c>
      <c r="C1664" s="1" t="s">
        <v>15613</v>
      </c>
      <c r="D1664" s="2">
        <v>154492</v>
      </c>
      <c r="E1664" s="1" t="s">
        <v>0</v>
      </c>
    </row>
    <row r="1665" spans="1:5" ht="409.5" x14ac:dyDescent="0.25">
      <c r="A1665" s="4" t="s">
        <v>15614</v>
      </c>
      <c r="B1665" s="1" t="s">
        <v>60889</v>
      </c>
      <c r="C1665" s="1" t="s">
        <v>15615</v>
      </c>
      <c r="D1665" s="2">
        <v>154493</v>
      </c>
      <c r="E1665" s="1" t="s">
        <v>0</v>
      </c>
    </row>
    <row r="1666" spans="1:5" x14ac:dyDescent="0.25">
      <c r="A1666" s="1" t="s">
        <v>15616</v>
      </c>
      <c r="B1666" s="1" t="s">
        <v>60890</v>
      </c>
      <c r="C1666" s="1" t="s">
        <v>15617</v>
      </c>
      <c r="D1666" s="2">
        <v>154494</v>
      </c>
      <c r="E1666" s="1" t="s">
        <v>0</v>
      </c>
    </row>
    <row r="1667" spans="1:5" x14ac:dyDescent="0.25">
      <c r="A1667" s="2">
        <v>333</v>
      </c>
      <c r="B1667" s="2">
        <v>333</v>
      </c>
      <c r="C1667" s="1" t="s">
        <v>0</v>
      </c>
      <c r="D1667" s="2">
        <v>154495</v>
      </c>
      <c r="E1667" s="1" t="s">
        <v>0</v>
      </c>
    </row>
    <row r="1668" spans="1:5" x14ac:dyDescent="0.25">
      <c r="A1668" s="1" t="s">
        <v>300</v>
      </c>
      <c r="B1668" s="1" t="s">
        <v>5433</v>
      </c>
      <c r="C1668" s="1" t="s">
        <v>15618</v>
      </c>
      <c r="D1668" s="2">
        <v>154496</v>
      </c>
      <c r="E1668" s="1" t="s">
        <v>0</v>
      </c>
    </row>
    <row r="1669" spans="1:5" x14ac:dyDescent="0.25">
      <c r="A1669" s="1" t="s">
        <v>15619</v>
      </c>
      <c r="B1669" s="1" t="s">
        <v>5434</v>
      </c>
      <c r="C1669" s="1" t="s">
        <v>15620</v>
      </c>
      <c r="D1669" s="2">
        <v>154497</v>
      </c>
      <c r="E1669" s="1" t="s">
        <v>0</v>
      </c>
    </row>
    <row r="1670" spans="1:5" ht="409.5" x14ac:dyDescent="0.25">
      <c r="A1670" s="4" t="s">
        <v>15621</v>
      </c>
      <c r="B1670" s="1" t="s">
        <v>60390</v>
      </c>
      <c r="C1670" s="1" t="s">
        <v>15622</v>
      </c>
      <c r="D1670" s="2">
        <v>154498</v>
      </c>
      <c r="E1670" s="1" t="s">
        <v>0</v>
      </c>
    </row>
    <row r="1671" spans="1:5" x14ac:dyDescent="0.25">
      <c r="A1671" s="1" t="s">
        <v>15623</v>
      </c>
      <c r="B1671" s="1" t="s">
        <v>5435</v>
      </c>
      <c r="C1671" s="1" t="s">
        <v>15624</v>
      </c>
      <c r="D1671" s="2">
        <v>154499</v>
      </c>
      <c r="E1671" s="1" t="s">
        <v>0</v>
      </c>
    </row>
    <row r="1672" spans="1:5" x14ac:dyDescent="0.25">
      <c r="A1672" s="2">
        <v>334</v>
      </c>
      <c r="B1672" s="2">
        <v>334</v>
      </c>
      <c r="C1672" s="1" t="s">
        <v>0</v>
      </c>
      <c r="D1672" s="2">
        <v>154500</v>
      </c>
      <c r="E1672" s="1" t="s">
        <v>0</v>
      </c>
    </row>
    <row r="1673" spans="1:5" x14ac:dyDescent="0.25">
      <c r="A1673" s="1" t="s">
        <v>301</v>
      </c>
      <c r="B1673" s="1" t="s">
        <v>50388</v>
      </c>
      <c r="C1673" s="1" t="s">
        <v>15625</v>
      </c>
      <c r="D1673" s="2">
        <v>154501</v>
      </c>
      <c r="E1673" s="1" t="s">
        <v>0</v>
      </c>
    </row>
    <row r="1674" spans="1:5" x14ac:dyDescent="0.25">
      <c r="A1674" s="1" t="s">
        <v>15626</v>
      </c>
      <c r="B1674" s="1" t="s">
        <v>51470</v>
      </c>
      <c r="C1674" s="1" t="s">
        <v>15627</v>
      </c>
      <c r="D1674" s="2">
        <v>154502</v>
      </c>
      <c r="E1674" s="1" t="s">
        <v>0</v>
      </c>
    </row>
    <row r="1675" spans="1:5" ht="409.5" x14ac:dyDescent="0.25">
      <c r="A1675" s="4" t="s">
        <v>15628</v>
      </c>
      <c r="B1675" s="1" t="s">
        <v>51471</v>
      </c>
      <c r="C1675" s="1" t="s">
        <v>15629</v>
      </c>
      <c r="D1675" s="2">
        <v>154503</v>
      </c>
      <c r="E1675" s="1" t="s">
        <v>0</v>
      </c>
    </row>
    <row r="1676" spans="1:5" x14ac:dyDescent="0.25">
      <c r="A1676" s="1" t="s">
        <v>15630</v>
      </c>
      <c r="B1676" s="1" t="s">
        <v>50389</v>
      </c>
      <c r="C1676" s="1" t="s">
        <v>15631</v>
      </c>
      <c r="D1676" s="2">
        <v>154504</v>
      </c>
      <c r="E1676" s="1" t="s">
        <v>0</v>
      </c>
    </row>
    <row r="1677" spans="1:5" x14ac:dyDescent="0.25">
      <c r="A1677" s="2">
        <v>335</v>
      </c>
      <c r="B1677" s="2">
        <v>335</v>
      </c>
      <c r="C1677" s="1" t="s">
        <v>0</v>
      </c>
      <c r="D1677" s="2">
        <v>154505</v>
      </c>
      <c r="E1677" s="1" t="s">
        <v>0</v>
      </c>
    </row>
    <row r="1678" spans="1:5" x14ac:dyDescent="0.25">
      <c r="A1678" s="1" t="s">
        <v>302</v>
      </c>
      <c r="B1678" s="1" t="s">
        <v>60542</v>
      </c>
      <c r="C1678" s="1" t="s">
        <v>15632</v>
      </c>
      <c r="D1678" s="2">
        <v>154506</v>
      </c>
      <c r="E1678" s="1" t="s">
        <v>0</v>
      </c>
    </row>
    <row r="1679" spans="1:5" x14ac:dyDescent="0.25">
      <c r="A1679" s="1" t="s">
        <v>15633</v>
      </c>
      <c r="B1679" s="1" t="s">
        <v>5436</v>
      </c>
      <c r="C1679" s="1" t="s">
        <v>15634</v>
      </c>
      <c r="D1679" s="2">
        <v>154507</v>
      </c>
      <c r="E1679" s="1" t="s">
        <v>0</v>
      </c>
    </row>
    <row r="1680" spans="1:5" ht="409.5" x14ac:dyDescent="0.25">
      <c r="A1680" s="4" t="s">
        <v>15635</v>
      </c>
      <c r="B1680" s="1" t="s">
        <v>60543</v>
      </c>
      <c r="C1680" s="1" t="s">
        <v>15636</v>
      </c>
      <c r="D1680" s="2">
        <v>154508</v>
      </c>
      <c r="E1680" s="1" t="s">
        <v>0</v>
      </c>
    </row>
    <row r="1681" spans="1:5" x14ac:dyDescent="0.25">
      <c r="A1681" s="1" t="s">
        <v>15637</v>
      </c>
      <c r="B1681" s="1" t="s">
        <v>51472</v>
      </c>
      <c r="C1681" s="1" t="s">
        <v>15638</v>
      </c>
      <c r="D1681" s="2">
        <v>154509</v>
      </c>
      <c r="E1681" s="1" t="s">
        <v>0</v>
      </c>
    </row>
    <row r="1682" spans="1:5" x14ac:dyDescent="0.25">
      <c r="A1682" s="2">
        <v>336</v>
      </c>
      <c r="B1682" s="2">
        <v>336</v>
      </c>
      <c r="C1682" s="1" t="s">
        <v>0</v>
      </c>
      <c r="D1682" s="2">
        <v>154510</v>
      </c>
      <c r="E1682" s="1" t="s">
        <v>0</v>
      </c>
    </row>
    <row r="1683" spans="1:5" x14ac:dyDescent="0.25">
      <c r="A1683" s="1" t="s">
        <v>303</v>
      </c>
      <c r="B1683" s="1" t="s">
        <v>5437</v>
      </c>
      <c r="C1683" s="1" t="s">
        <v>15639</v>
      </c>
      <c r="D1683" s="2">
        <v>154511</v>
      </c>
      <c r="E1683" s="1" t="s">
        <v>0</v>
      </c>
    </row>
    <row r="1684" spans="1:5" x14ac:dyDescent="0.25">
      <c r="A1684" s="1" t="s">
        <v>15640</v>
      </c>
      <c r="B1684" s="1" t="s">
        <v>51473</v>
      </c>
      <c r="C1684" s="1" t="s">
        <v>15641</v>
      </c>
      <c r="D1684" s="2">
        <v>154512</v>
      </c>
      <c r="E1684" s="1" t="s">
        <v>0</v>
      </c>
    </row>
    <row r="1685" spans="1:5" ht="409.5" x14ac:dyDescent="0.25">
      <c r="A1685" s="4" t="s">
        <v>15642</v>
      </c>
      <c r="B1685" s="1" t="s">
        <v>62001</v>
      </c>
      <c r="C1685" s="1" t="s">
        <v>15643</v>
      </c>
      <c r="D1685" s="2">
        <v>154513</v>
      </c>
      <c r="E1685" s="1" t="s">
        <v>0</v>
      </c>
    </row>
    <row r="1686" spans="1:5" x14ac:dyDescent="0.25">
      <c r="A1686" s="1" t="s">
        <v>14855</v>
      </c>
      <c r="B1686" s="1" t="s">
        <v>60879</v>
      </c>
      <c r="C1686" s="1" t="s">
        <v>14856</v>
      </c>
      <c r="D1686" s="2">
        <v>154514</v>
      </c>
      <c r="E1686" s="1" t="s">
        <v>0</v>
      </c>
    </row>
    <row r="1687" spans="1:5" x14ac:dyDescent="0.25">
      <c r="A1687" s="2">
        <v>337</v>
      </c>
      <c r="B1687" s="2">
        <v>337</v>
      </c>
      <c r="C1687" s="1" t="s">
        <v>0</v>
      </c>
      <c r="D1687" s="2">
        <v>154515</v>
      </c>
      <c r="E1687" s="1" t="s">
        <v>0</v>
      </c>
    </row>
    <row r="1688" spans="1:5" x14ac:dyDescent="0.25">
      <c r="A1688" s="1" t="s">
        <v>304</v>
      </c>
      <c r="B1688" s="1" t="s">
        <v>57385</v>
      </c>
      <c r="C1688" s="1" t="s">
        <v>15644</v>
      </c>
      <c r="D1688" s="2">
        <v>154516</v>
      </c>
      <c r="E1688" s="1" t="s">
        <v>0</v>
      </c>
    </row>
    <row r="1689" spans="1:5" x14ac:dyDescent="0.25">
      <c r="A1689" s="1" t="s">
        <v>15645</v>
      </c>
      <c r="B1689" s="1" t="s">
        <v>51474</v>
      </c>
      <c r="C1689" s="1" t="s">
        <v>15646</v>
      </c>
      <c r="D1689" s="2">
        <v>154517</v>
      </c>
      <c r="E1689" s="1" t="s">
        <v>0</v>
      </c>
    </row>
    <row r="1690" spans="1:5" ht="409.5" x14ac:dyDescent="0.25">
      <c r="A1690" s="4" t="s">
        <v>15647</v>
      </c>
      <c r="B1690" s="1" t="s">
        <v>57386</v>
      </c>
      <c r="C1690" s="1" t="s">
        <v>15648</v>
      </c>
      <c r="D1690" s="2">
        <v>154518</v>
      </c>
      <c r="E1690" s="1" t="s">
        <v>0</v>
      </c>
    </row>
    <row r="1691" spans="1:5" x14ac:dyDescent="0.25">
      <c r="A1691" s="1" t="s">
        <v>15649</v>
      </c>
      <c r="B1691" s="1" t="s">
        <v>51475</v>
      </c>
      <c r="C1691" s="1" t="s">
        <v>15650</v>
      </c>
      <c r="D1691" s="2">
        <v>154519</v>
      </c>
      <c r="E1691" s="1" t="s">
        <v>0</v>
      </c>
    </row>
    <row r="1692" spans="1:5" x14ac:dyDescent="0.25">
      <c r="A1692" s="2">
        <v>338</v>
      </c>
      <c r="B1692" s="2">
        <v>338</v>
      </c>
      <c r="C1692" s="1" t="s">
        <v>0</v>
      </c>
      <c r="D1692" s="2">
        <v>154520</v>
      </c>
      <c r="E1692" s="1" t="s">
        <v>0</v>
      </c>
    </row>
    <row r="1693" spans="1:5" x14ac:dyDescent="0.25">
      <c r="A1693" s="1" t="s">
        <v>305</v>
      </c>
      <c r="B1693" s="1" t="s">
        <v>5438</v>
      </c>
      <c r="C1693" s="1" t="s">
        <v>15651</v>
      </c>
      <c r="D1693" s="2">
        <v>154521</v>
      </c>
      <c r="E1693" s="1" t="s">
        <v>0</v>
      </c>
    </row>
    <row r="1694" spans="1:5" x14ac:dyDescent="0.25">
      <c r="A1694" s="1" t="s">
        <v>15652</v>
      </c>
      <c r="B1694" s="1" t="s">
        <v>58154</v>
      </c>
      <c r="C1694" s="1" t="s">
        <v>15653</v>
      </c>
      <c r="D1694" s="2">
        <v>154522</v>
      </c>
      <c r="E1694" s="1" t="s">
        <v>0</v>
      </c>
    </row>
    <row r="1695" spans="1:5" ht="409.5" x14ac:dyDescent="0.25">
      <c r="A1695" s="4" t="s">
        <v>15654</v>
      </c>
      <c r="B1695" s="1" t="s">
        <v>60486</v>
      </c>
      <c r="C1695" s="1" t="s">
        <v>15655</v>
      </c>
      <c r="D1695" s="2">
        <v>154523</v>
      </c>
      <c r="E1695" s="1" t="s">
        <v>0</v>
      </c>
    </row>
    <row r="1696" spans="1:5" x14ac:dyDescent="0.25">
      <c r="A1696" s="1" t="s">
        <v>15656</v>
      </c>
      <c r="B1696" s="1" t="s">
        <v>5439</v>
      </c>
      <c r="C1696" s="1" t="s">
        <v>15657</v>
      </c>
      <c r="D1696" s="2">
        <v>154524</v>
      </c>
      <c r="E1696" s="1" t="s">
        <v>0</v>
      </c>
    </row>
    <row r="1697" spans="1:5" x14ac:dyDescent="0.25">
      <c r="A1697" s="2">
        <v>339</v>
      </c>
      <c r="B1697" s="2">
        <v>339</v>
      </c>
      <c r="C1697" s="1" t="s">
        <v>0</v>
      </c>
      <c r="D1697" s="2">
        <v>154525</v>
      </c>
      <c r="E1697" s="1" t="s">
        <v>0</v>
      </c>
    </row>
    <row r="1698" spans="1:5" x14ac:dyDescent="0.25">
      <c r="A1698" s="1" t="s">
        <v>306</v>
      </c>
      <c r="B1698" s="1" t="s">
        <v>5440</v>
      </c>
      <c r="C1698" s="1" t="s">
        <v>15658</v>
      </c>
      <c r="D1698" s="2">
        <v>154526</v>
      </c>
      <c r="E1698" s="1" t="s">
        <v>0</v>
      </c>
    </row>
    <row r="1699" spans="1:5" x14ac:dyDescent="0.25">
      <c r="A1699" s="1" t="s">
        <v>15659</v>
      </c>
      <c r="B1699" s="1" t="s">
        <v>51476</v>
      </c>
      <c r="C1699" s="1" t="s">
        <v>15660</v>
      </c>
      <c r="D1699" s="2">
        <v>154527</v>
      </c>
      <c r="E1699" s="1" t="s">
        <v>0</v>
      </c>
    </row>
    <row r="1700" spans="1:5" ht="409.5" x14ac:dyDescent="0.25">
      <c r="A1700" s="4" t="s">
        <v>15661</v>
      </c>
      <c r="B1700" s="1" t="s">
        <v>51477</v>
      </c>
      <c r="C1700" s="1" t="s">
        <v>15662</v>
      </c>
      <c r="D1700" s="2">
        <v>154528</v>
      </c>
      <c r="E1700" s="1" t="s">
        <v>0</v>
      </c>
    </row>
    <row r="1701" spans="1:5" x14ac:dyDescent="0.25">
      <c r="A1701" s="1" t="s">
        <v>15663</v>
      </c>
      <c r="B1701" s="1" t="s">
        <v>51478</v>
      </c>
      <c r="C1701" s="1" t="s">
        <v>15664</v>
      </c>
      <c r="D1701" s="2">
        <v>154529</v>
      </c>
      <c r="E1701" s="1" t="s">
        <v>0</v>
      </c>
    </row>
    <row r="1702" spans="1:5" x14ac:dyDescent="0.25">
      <c r="A1702" s="2">
        <v>340</v>
      </c>
      <c r="B1702" s="2">
        <v>340</v>
      </c>
      <c r="C1702" s="1" t="s">
        <v>0</v>
      </c>
      <c r="D1702" s="2">
        <v>154530</v>
      </c>
      <c r="E1702" s="1" t="s">
        <v>0</v>
      </c>
    </row>
    <row r="1703" spans="1:5" x14ac:dyDescent="0.25">
      <c r="A1703" s="1" t="s">
        <v>307</v>
      </c>
      <c r="B1703" s="1" t="s">
        <v>5441</v>
      </c>
      <c r="C1703" s="1" t="s">
        <v>15665</v>
      </c>
      <c r="D1703" s="2">
        <v>154531</v>
      </c>
      <c r="E1703" s="1" t="s">
        <v>0</v>
      </c>
    </row>
    <row r="1704" spans="1:5" x14ac:dyDescent="0.25">
      <c r="A1704" s="1" t="s">
        <v>15666</v>
      </c>
      <c r="B1704" s="1" t="s">
        <v>51479</v>
      </c>
      <c r="C1704" s="1" t="s">
        <v>15667</v>
      </c>
      <c r="D1704" s="2">
        <v>154532</v>
      </c>
      <c r="E1704" s="1" t="s">
        <v>0</v>
      </c>
    </row>
    <row r="1705" spans="1:5" ht="409.5" x14ac:dyDescent="0.25">
      <c r="A1705" s="4" t="s">
        <v>15668</v>
      </c>
      <c r="B1705" s="1" t="s">
        <v>51480</v>
      </c>
      <c r="C1705" s="1" t="s">
        <v>15669</v>
      </c>
      <c r="D1705" s="2">
        <v>154533</v>
      </c>
      <c r="E1705" s="1" t="s">
        <v>0</v>
      </c>
    </row>
    <row r="1706" spans="1:5" x14ac:dyDescent="0.25">
      <c r="A1706" s="1" t="s">
        <v>15670</v>
      </c>
      <c r="B1706" s="1" t="s">
        <v>60891</v>
      </c>
      <c r="C1706" s="1" t="s">
        <v>15671</v>
      </c>
      <c r="D1706" s="2">
        <v>154534</v>
      </c>
      <c r="E1706" s="1" t="s">
        <v>0</v>
      </c>
    </row>
    <row r="1707" spans="1:5" x14ac:dyDescent="0.25">
      <c r="A1707" s="2">
        <v>341</v>
      </c>
      <c r="B1707" s="2">
        <v>341</v>
      </c>
      <c r="C1707" s="1" t="s">
        <v>0</v>
      </c>
      <c r="D1707" s="2">
        <v>154535</v>
      </c>
      <c r="E1707" s="1" t="s">
        <v>0</v>
      </c>
    </row>
    <row r="1708" spans="1:5" x14ac:dyDescent="0.25">
      <c r="A1708" s="1" t="s">
        <v>308</v>
      </c>
      <c r="B1708" s="1" t="s">
        <v>5442</v>
      </c>
      <c r="C1708" s="1" t="s">
        <v>15672</v>
      </c>
      <c r="D1708" s="2">
        <v>154536</v>
      </c>
      <c r="E1708" s="1" t="s">
        <v>0</v>
      </c>
    </row>
    <row r="1709" spans="1:5" x14ac:dyDescent="0.25">
      <c r="A1709" s="1" t="s">
        <v>63960</v>
      </c>
      <c r="B1709" s="1" t="s">
        <v>5443</v>
      </c>
      <c r="C1709" s="1" t="s">
        <v>15673</v>
      </c>
      <c r="D1709" s="2">
        <v>154537</v>
      </c>
      <c r="E1709" s="1" t="s">
        <v>0</v>
      </c>
    </row>
    <row r="1710" spans="1:5" ht="409.5" x14ac:dyDescent="0.25">
      <c r="A1710" s="4" t="s">
        <v>63961</v>
      </c>
      <c r="B1710" s="1" t="s">
        <v>63187</v>
      </c>
      <c r="C1710" s="1" t="s">
        <v>15674</v>
      </c>
      <c r="D1710" s="2">
        <v>154538</v>
      </c>
      <c r="E1710" s="1" t="s">
        <v>0</v>
      </c>
    </row>
    <row r="1711" spans="1:5" x14ac:dyDescent="0.25">
      <c r="A1711" s="1" t="s">
        <v>15675</v>
      </c>
      <c r="B1711" s="1" t="s">
        <v>5444</v>
      </c>
      <c r="C1711" s="1" t="s">
        <v>15676</v>
      </c>
      <c r="D1711" s="2">
        <v>154539</v>
      </c>
      <c r="E1711" s="1" t="s">
        <v>0</v>
      </c>
    </row>
    <row r="1712" spans="1:5" x14ac:dyDescent="0.25">
      <c r="A1712" s="2">
        <v>342</v>
      </c>
      <c r="B1712" s="2">
        <v>342</v>
      </c>
      <c r="C1712" s="1" t="s">
        <v>0</v>
      </c>
      <c r="D1712" s="2">
        <v>154540</v>
      </c>
      <c r="E1712" s="1" t="s">
        <v>0</v>
      </c>
    </row>
    <row r="1713" spans="1:5" x14ac:dyDescent="0.25">
      <c r="A1713" s="1" t="s">
        <v>309</v>
      </c>
      <c r="B1713" s="1" t="s">
        <v>5445</v>
      </c>
      <c r="C1713" s="1" t="s">
        <v>15677</v>
      </c>
      <c r="D1713" s="2">
        <v>154541</v>
      </c>
      <c r="E1713" s="1" t="s">
        <v>0</v>
      </c>
    </row>
    <row r="1714" spans="1:5" x14ac:dyDescent="0.25">
      <c r="A1714" s="1" t="s">
        <v>15678</v>
      </c>
      <c r="B1714" s="1" t="s">
        <v>57710</v>
      </c>
      <c r="C1714" s="1" t="s">
        <v>15679</v>
      </c>
      <c r="D1714" s="2">
        <v>154542</v>
      </c>
      <c r="E1714" s="1" t="s">
        <v>0</v>
      </c>
    </row>
    <row r="1715" spans="1:5" ht="409.5" x14ac:dyDescent="0.25">
      <c r="A1715" s="4" t="s">
        <v>15680</v>
      </c>
      <c r="B1715" s="1" t="s">
        <v>59547</v>
      </c>
      <c r="C1715" s="1" t="s">
        <v>15681</v>
      </c>
      <c r="D1715" s="2">
        <v>154543</v>
      </c>
      <c r="E1715" s="1" t="s">
        <v>0</v>
      </c>
    </row>
    <row r="1716" spans="1:5" x14ac:dyDescent="0.25">
      <c r="A1716" s="1" t="s">
        <v>15682</v>
      </c>
      <c r="B1716" s="1" t="s">
        <v>57116</v>
      </c>
      <c r="C1716" s="1" t="s">
        <v>15683</v>
      </c>
      <c r="D1716" s="2">
        <v>154544</v>
      </c>
      <c r="E1716" s="1" t="s">
        <v>0</v>
      </c>
    </row>
    <row r="1717" spans="1:5" x14ac:dyDescent="0.25">
      <c r="A1717" s="2">
        <v>343</v>
      </c>
      <c r="B1717" s="2">
        <v>343</v>
      </c>
      <c r="C1717" s="1" t="s">
        <v>0</v>
      </c>
      <c r="D1717" s="2">
        <v>154545</v>
      </c>
      <c r="E1717" s="1" t="s">
        <v>0</v>
      </c>
    </row>
    <row r="1718" spans="1:5" x14ac:dyDescent="0.25">
      <c r="A1718" s="1" t="s">
        <v>310</v>
      </c>
      <c r="B1718" s="1" t="s">
        <v>5446</v>
      </c>
      <c r="C1718" s="1" t="s">
        <v>15684</v>
      </c>
      <c r="D1718" s="2">
        <v>154546</v>
      </c>
      <c r="E1718" s="1" t="s">
        <v>0</v>
      </c>
    </row>
    <row r="1719" spans="1:5" x14ac:dyDescent="0.25">
      <c r="A1719" s="1" t="s">
        <v>15685</v>
      </c>
      <c r="B1719" s="1" t="s">
        <v>57711</v>
      </c>
      <c r="C1719" s="1" t="s">
        <v>15686</v>
      </c>
      <c r="D1719" s="2">
        <v>154547</v>
      </c>
      <c r="E1719" s="1" t="s">
        <v>0</v>
      </c>
    </row>
    <row r="1720" spans="1:5" ht="409.5" x14ac:dyDescent="0.25">
      <c r="A1720" s="4" t="s">
        <v>15687</v>
      </c>
      <c r="B1720" s="1" t="s">
        <v>60487</v>
      </c>
      <c r="C1720" s="1" t="s">
        <v>15688</v>
      </c>
      <c r="D1720" s="2">
        <v>154548</v>
      </c>
      <c r="E1720" s="1" t="s">
        <v>0</v>
      </c>
    </row>
    <row r="1721" spans="1:5" x14ac:dyDescent="0.25">
      <c r="A1721" s="1" t="s">
        <v>15689</v>
      </c>
      <c r="B1721" s="1" t="s">
        <v>51481</v>
      </c>
      <c r="C1721" s="1" t="s">
        <v>15690</v>
      </c>
      <c r="D1721" s="2">
        <v>154549</v>
      </c>
      <c r="E1721" s="1" t="s">
        <v>0</v>
      </c>
    </row>
    <row r="1722" spans="1:5" x14ac:dyDescent="0.25">
      <c r="A1722" s="2">
        <v>344</v>
      </c>
      <c r="B1722" s="2">
        <v>344</v>
      </c>
      <c r="C1722" s="1" t="s">
        <v>0</v>
      </c>
      <c r="D1722" s="2">
        <v>154550</v>
      </c>
      <c r="E1722" s="1" t="s">
        <v>0</v>
      </c>
    </row>
    <row r="1723" spans="1:5" x14ac:dyDescent="0.25">
      <c r="A1723" s="1" t="s">
        <v>311</v>
      </c>
      <c r="B1723" s="1" t="s">
        <v>5447</v>
      </c>
      <c r="C1723" s="1" t="s">
        <v>15691</v>
      </c>
      <c r="D1723" s="2">
        <v>154551</v>
      </c>
      <c r="E1723" s="1" t="s">
        <v>0</v>
      </c>
    </row>
    <row r="1724" spans="1:5" x14ac:dyDescent="0.25">
      <c r="A1724" s="1" t="s">
        <v>15692</v>
      </c>
      <c r="B1724" s="1" t="s">
        <v>51482</v>
      </c>
      <c r="C1724" s="1" t="s">
        <v>15693</v>
      </c>
      <c r="D1724" s="2">
        <v>154552</v>
      </c>
      <c r="E1724" s="1" t="s">
        <v>0</v>
      </c>
    </row>
    <row r="1725" spans="1:5" ht="409.5" x14ac:dyDescent="0.25">
      <c r="A1725" s="4" t="s">
        <v>15694</v>
      </c>
      <c r="B1725" s="1" t="s">
        <v>51483</v>
      </c>
      <c r="C1725" s="1" t="s">
        <v>15695</v>
      </c>
      <c r="D1725" s="2">
        <v>154553</v>
      </c>
      <c r="E1725" s="1" t="s">
        <v>0</v>
      </c>
    </row>
    <row r="1726" spans="1:5" x14ac:dyDescent="0.25">
      <c r="A1726" s="1" t="s">
        <v>15696</v>
      </c>
      <c r="B1726" s="1" t="s">
        <v>51484</v>
      </c>
      <c r="C1726" s="1" t="s">
        <v>15697</v>
      </c>
      <c r="D1726" s="2">
        <v>154554</v>
      </c>
      <c r="E1726" s="1" t="s">
        <v>0</v>
      </c>
    </row>
    <row r="1727" spans="1:5" x14ac:dyDescent="0.25">
      <c r="A1727" s="2">
        <v>345</v>
      </c>
      <c r="B1727" s="2">
        <v>345</v>
      </c>
      <c r="C1727" s="1" t="s">
        <v>0</v>
      </c>
      <c r="D1727" s="2">
        <v>154555</v>
      </c>
      <c r="E1727" s="1" t="s">
        <v>0</v>
      </c>
    </row>
    <row r="1728" spans="1:5" x14ac:dyDescent="0.25">
      <c r="A1728" s="1" t="s">
        <v>312</v>
      </c>
      <c r="B1728" s="1" t="s">
        <v>5448</v>
      </c>
      <c r="C1728" s="1" t="s">
        <v>15698</v>
      </c>
      <c r="D1728" s="2">
        <v>154556</v>
      </c>
      <c r="E1728" s="1" t="s">
        <v>0</v>
      </c>
    </row>
    <row r="1729" spans="1:5" x14ac:dyDescent="0.25">
      <c r="A1729" s="1" t="s">
        <v>15699</v>
      </c>
      <c r="B1729" s="1" t="s">
        <v>5449</v>
      </c>
      <c r="C1729" s="1" t="s">
        <v>15700</v>
      </c>
      <c r="D1729" s="2">
        <v>154557</v>
      </c>
      <c r="E1729" s="1" t="s">
        <v>0</v>
      </c>
    </row>
    <row r="1730" spans="1:5" ht="409.5" x14ac:dyDescent="0.25">
      <c r="A1730" s="4" t="s">
        <v>15701</v>
      </c>
      <c r="B1730" s="1" t="s">
        <v>50390</v>
      </c>
      <c r="C1730" s="1" t="s">
        <v>15702</v>
      </c>
      <c r="D1730" s="2">
        <v>154558</v>
      </c>
      <c r="E1730" s="1" t="s">
        <v>0</v>
      </c>
    </row>
    <row r="1731" spans="1:5" x14ac:dyDescent="0.25">
      <c r="A1731" s="1" t="s">
        <v>15703</v>
      </c>
      <c r="B1731" s="1" t="s">
        <v>51485</v>
      </c>
      <c r="C1731" s="1" t="s">
        <v>15704</v>
      </c>
      <c r="D1731" s="2">
        <v>154559</v>
      </c>
      <c r="E1731" s="1" t="s">
        <v>0</v>
      </c>
    </row>
    <row r="1732" spans="1:5" x14ac:dyDescent="0.25">
      <c r="A1732" s="2">
        <v>346</v>
      </c>
      <c r="B1732" s="2">
        <v>346</v>
      </c>
      <c r="C1732" s="1" t="s">
        <v>0</v>
      </c>
      <c r="D1732" s="2">
        <v>154560</v>
      </c>
      <c r="E1732" s="1" t="s">
        <v>0</v>
      </c>
    </row>
    <row r="1733" spans="1:5" x14ac:dyDescent="0.25">
      <c r="A1733" s="1" t="s">
        <v>5450</v>
      </c>
      <c r="B1733" s="1" t="s">
        <v>5451</v>
      </c>
      <c r="C1733" s="1" t="s">
        <v>15705</v>
      </c>
      <c r="D1733" s="2">
        <v>154561</v>
      </c>
      <c r="E1733" s="1" t="s">
        <v>0</v>
      </c>
    </row>
    <row r="1734" spans="1:5" x14ac:dyDescent="0.25">
      <c r="A1734" s="1" t="s">
        <v>15706</v>
      </c>
      <c r="B1734" s="1" t="s">
        <v>51486</v>
      </c>
      <c r="C1734" s="1" t="s">
        <v>15707</v>
      </c>
      <c r="D1734" s="2">
        <v>154562</v>
      </c>
      <c r="E1734" s="1" t="s">
        <v>0</v>
      </c>
    </row>
    <row r="1735" spans="1:5" ht="409.5" x14ac:dyDescent="0.25">
      <c r="A1735" s="4" t="s">
        <v>15708</v>
      </c>
      <c r="B1735" s="1" t="s">
        <v>57387</v>
      </c>
      <c r="C1735" s="1" t="s">
        <v>15709</v>
      </c>
      <c r="D1735" s="2">
        <v>154563</v>
      </c>
      <c r="E1735" s="1" t="s">
        <v>0</v>
      </c>
    </row>
    <row r="1736" spans="1:5" x14ac:dyDescent="0.25">
      <c r="A1736" s="1" t="s">
        <v>15710</v>
      </c>
      <c r="B1736" s="1" t="s">
        <v>51487</v>
      </c>
      <c r="C1736" s="1" t="s">
        <v>15711</v>
      </c>
      <c r="D1736" s="2">
        <v>154564</v>
      </c>
      <c r="E1736" s="1" t="s">
        <v>0</v>
      </c>
    </row>
    <row r="1737" spans="1:5" x14ac:dyDescent="0.25">
      <c r="A1737" s="2">
        <v>347</v>
      </c>
      <c r="B1737" s="2">
        <v>347</v>
      </c>
      <c r="C1737" s="1" t="s">
        <v>0</v>
      </c>
      <c r="D1737" s="2">
        <v>154565</v>
      </c>
      <c r="E1737" s="1" t="s">
        <v>0</v>
      </c>
    </row>
    <row r="1738" spans="1:5" x14ac:dyDescent="0.25">
      <c r="A1738" s="1" t="s">
        <v>313</v>
      </c>
      <c r="B1738" s="1" t="s">
        <v>56995</v>
      </c>
      <c r="C1738" s="1" t="s">
        <v>15712</v>
      </c>
      <c r="D1738" s="2">
        <v>154566</v>
      </c>
      <c r="E1738" s="1" t="s">
        <v>0</v>
      </c>
    </row>
    <row r="1739" spans="1:5" x14ac:dyDescent="0.25">
      <c r="A1739" s="1" t="s">
        <v>15713</v>
      </c>
      <c r="B1739" s="1" t="s">
        <v>5452</v>
      </c>
      <c r="C1739" s="1" t="s">
        <v>15714</v>
      </c>
      <c r="D1739" s="2">
        <v>154567</v>
      </c>
      <c r="E1739" s="1" t="s">
        <v>0</v>
      </c>
    </row>
    <row r="1740" spans="1:5" ht="409.5" x14ac:dyDescent="0.25">
      <c r="A1740" s="4" t="s">
        <v>15715</v>
      </c>
      <c r="B1740" s="1" t="s">
        <v>62002</v>
      </c>
      <c r="C1740" s="1" t="s">
        <v>15716</v>
      </c>
      <c r="D1740" s="2">
        <v>154568</v>
      </c>
      <c r="E1740" s="1" t="s">
        <v>0</v>
      </c>
    </row>
    <row r="1741" spans="1:5" x14ac:dyDescent="0.25">
      <c r="A1741" s="1" t="s">
        <v>15717</v>
      </c>
      <c r="B1741" s="1" t="s">
        <v>51488</v>
      </c>
      <c r="C1741" s="1" t="s">
        <v>15718</v>
      </c>
      <c r="D1741" s="2">
        <v>154569</v>
      </c>
      <c r="E1741" s="1" t="s">
        <v>0</v>
      </c>
    </row>
    <row r="1742" spans="1:5" x14ac:dyDescent="0.25">
      <c r="A1742" s="2">
        <v>348</v>
      </c>
      <c r="B1742" s="2">
        <v>348</v>
      </c>
      <c r="C1742" s="1" t="s">
        <v>0</v>
      </c>
      <c r="D1742" s="2">
        <v>154570</v>
      </c>
      <c r="E1742" s="1" t="s">
        <v>0</v>
      </c>
    </row>
    <row r="1743" spans="1:5" x14ac:dyDescent="0.25">
      <c r="A1743" s="1" t="s">
        <v>314</v>
      </c>
      <c r="B1743" s="1" t="s">
        <v>5453</v>
      </c>
      <c r="C1743" s="1" t="s">
        <v>15719</v>
      </c>
      <c r="D1743" s="2">
        <v>154571</v>
      </c>
      <c r="E1743" s="1" t="s">
        <v>0</v>
      </c>
    </row>
    <row r="1744" spans="1:5" x14ac:dyDescent="0.25">
      <c r="A1744" s="1" t="s">
        <v>15720</v>
      </c>
      <c r="B1744" s="1" t="s">
        <v>51489</v>
      </c>
      <c r="C1744" s="1" t="s">
        <v>15721</v>
      </c>
      <c r="D1744" s="2">
        <v>154572</v>
      </c>
      <c r="E1744" s="1" t="s">
        <v>0</v>
      </c>
    </row>
    <row r="1745" spans="1:5" ht="409.5" x14ac:dyDescent="0.25">
      <c r="A1745" s="4" t="s">
        <v>15722</v>
      </c>
      <c r="B1745" s="1" t="s">
        <v>51490</v>
      </c>
      <c r="C1745" s="1" t="s">
        <v>15723</v>
      </c>
      <c r="D1745" s="2">
        <v>154573</v>
      </c>
      <c r="E1745" s="1" t="s">
        <v>0</v>
      </c>
    </row>
    <row r="1746" spans="1:5" x14ac:dyDescent="0.25">
      <c r="A1746" s="1" t="s">
        <v>15724</v>
      </c>
      <c r="B1746" s="1" t="s">
        <v>57117</v>
      </c>
      <c r="C1746" s="1" t="s">
        <v>15725</v>
      </c>
      <c r="D1746" s="2">
        <v>154574</v>
      </c>
      <c r="E1746" s="1" t="s">
        <v>0</v>
      </c>
    </row>
    <row r="1747" spans="1:5" x14ac:dyDescent="0.25">
      <c r="A1747" s="2">
        <v>349</v>
      </c>
      <c r="B1747" s="2">
        <v>349</v>
      </c>
      <c r="C1747" s="1" t="s">
        <v>0</v>
      </c>
      <c r="D1747" s="2">
        <v>154575</v>
      </c>
      <c r="E1747" s="1" t="s">
        <v>0</v>
      </c>
    </row>
    <row r="1748" spans="1:5" x14ac:dyDescent="0.25">
      <c r="A1748" s="1" t="s">
        <v>315</v>
      </c>
      <c r="B1748" s="1" t="s">
        <v>59750</v>
      </c>
      <c r="C1748" s="1" t="s">
        <v>15726</v>
      </c>
      <c r="D1748" s="2">
        <v>154576</v>
      </c>
      <c r="E1748" s="1" t="s">
        <v>0</v>
      </c>
    </row>
    <row r="1749" spans="1:5" x14ac:dyDescent="0.25">
      <c r="A1749" s="1" t="s">
        <v>15727</v>
      </c>
      <c r="B1749" s="1" t="s">
        <v>51491</v>
      </c>
      <c r="C1749" s="1" t="s">
        <v>15728</v>
      </c>
      <c r="D1749" s="2">
        <v>154577</v>
      </c>
      <c r="E1749" s="1" t="s">
        <v>0</v>
      </c>
    </row>
    <row r="1750" spans="1:5" ht="409.5" x14ac:dyDescent="0.25">
      <c r="A1750" s="4" t="s">
        <v>15729</v>
      </c>
      <c r="B1750" s="1" t="s">
        <v>63188</v>
      </c>
      <c r="C1750" s="1" t="s">
        <v>15730</v>
      </c>
      <c r="D1750" s="2">
        <v>154578</v>
      </c>
      <c r="E1750" s="1" t="s">
        <v>0</v>
      </c>
    </row>
    <row r="1751" spans="1:5" x14ac:dyDescent="0.25">
      <c r="A1751" s="1" t="s">
        <v>15731</v>
      </c>
      <c r="B1751" s="1" t="s">
        <v>51492</v>
      </c>
      <c r="C1751" s="1" t="s">
        <v>15732</v>
      </c>
      <c r="D1751" s="2">
        <v>154579</v>
      </c>
      <c r="E1751" s="1" t="s">
        <v>0</v>
      </c>
    </row>
    <row r="1752" spans="1:5" x14ac:dyDescent="0.25">
      <c r="A1752" s="2">
        <v>350</v>
      </c>
      <c r="B1752" s="2">
        <v>350</v>
      </c>
      <c r="C1752" s="1" t="s">
        <v>0</v>
      </c>
      <c r="D1752" s="2">
        <v>154580</v>
      </c>
      <c r="E1752" s="1" t="s">
        <v>0</v>
      </c>
    </row>
    <row r="1753" spans="1:5" x14ac:dyDescent="0.25">
      <c r="A1753" s="1" t="s">
        <v>316</v>
      </c>
      <c r="B1753" s="1" t="s">
        <v>317</v>
      </c>
      <c r="C1753" s="1" t="s">
        <v>15733</v>
      </c>
      <c r="D1753" s="2">
        <v>154581</v>
      </c>
      <c r="E1753" s="1" t="s">
        <v>0</v>
      </c>
    </row>
    <row r="1754" spans="1:5" x14ac:dyDescent="0.25">
      <c r="A1754" s="1" t="s">
        <v>15734</v>
      </c>
      <c r="B1754" s="1" t="s">
        <v>51493</v>
      </c>
      <c r="C1754" s="1" t="s">
        <v>15735</v>
      </c>
      <c r="D1754" s="2">
        <v>154582</v>
      </c>
      <c r="E1754" s="1" t="s">
        <v>0</v>
      </c>
    </row>
    <row r="1755" spans="1:5" ht="409.5" x14ac:dyDescent="0.25">
      <c r="A1755" s="4" t="s">
        <v>15736</v>
      </c>
      <c r="B1755" s="1" t="s">
        <v>51494</v>
      </c>
      <c r="C1755" s="1" t="s">
        <v>15737</v>
      </c>
      <c r="D1755" s="2">
        <v>154583</v>
      </c>
      <c r="E1755" s="1" t="s">
        <v>0</v>
      </c>
    </row>
    <row r="1756" spans="1:5" x14ac:dyDescent="0.25">
      <c r="A1756" s="1" t="s">
        <v>15738</v>
      </c>
      <c r="B1756" s="1" t="s">
        <v>5454</v>
      </c>
      <c r="C1756" s="1" t="s">
        <v>15739</v>
      </c>
      <c r="D1756" s="2">
        <v>154584</v>
      </c>
      <c r="E1756" s="1" t="s">
        <v>0</v>
      </c>
    </row>
    <row r="1757" spans="1:5" x14ac:dyDescent="0.25">
      <c r="A1757" s="2">
        <v>351</v>
      </c>
      <c r="B1757" s="2">
        <v>351</v>
      </c>
      <c r="C1757" s="1" t="s">
        <v>0</v>
      </c>
      <c r="D1757" s="2">
        <v>154585</v>
      </c>
      <c r="E1757" s="1" t="s">
        <v>0</v>
      </c>
    </row>
    <row r="1758" spans="1:5" x14ac:dyDescent="0.25">
      <c r="A1758" s="1" t="s">
        <v>318</v>
      </c>
      <c r="B1758" s="1" t="s">
        <v>5455</v>
      </c>
      <c r="C1758" s="1" t="s">
        <v>15740</v>
      </c>
      <c r="D1758" s="2">
        <v>154586</v>
      </c>
      <c r="E1758" s="1" t="s">
        <v>0</v>
      </c>
    </row>
    <row r="1759" spans="1:5" x14ac:dyDescent="0.25">
      <c r="A1759" s="1" t="s">
        <v>15741</v>
      </c>
      <c r="B1759" s="1" t="s">
        <v>12986</v>
      </c>
      <c r="C1759" s="1" t="s">
        <v>15742</v>
      </c>
      <c r="D1759" s="2">
        <v>154587</v>
      </c>
      <c r="E1759" s="1" t="s">
        <v>0</v>
      </c>
    </row>
    <row r="1760" spans="1:5" ht="409.5" x14ac:dyDescent="0.25">
      <c r="A1760" s="4" t="s">
        <v>15743</v>
      </c>
      <c r="B1760" s="1" t="s">
        <v>12987</v>
      </c>
      <c r="C1760" s="1" t="s">
        <v>15744</v>
      </c>
      <c r="D1760" s="2">
        <v>154588</v>
      </c>
      <c r="E1760" s="1" t="s">
        <v>0</v>
      </c>
    </row>
    <row r="1761" spans="1:5" x14ac:dyDescent="0.25">
      <c r="A1761" s="1" t="s">
        <v>15745</v>
      </c>
      <c r="B1761" s="1" t="s">
        <v>319</v>
      </c>
      <c r="C1761" s="1" t="s">
        <v>15746</v>
      </c>
      <c r="D1761" s="2">
        <v>154589</v>
      </c>
      <c r="E1761" s="1" t="s">
        <v>0</v>
      </c>
    </row>
    <row r="1762" spans="1:5" x14ac:dyDescent="0.25">
      <c r="A1762" s="2">
        <v>352</v>
      </c>
      <c r="B1762" s="2">
        <v>352</v>
      </c>
      <c r="C1762" s="1" t="s">
        <v>0</v>
      </c>
      <c r="D1762" s="2">
        <v>154590</v>
      </c>
      <c r="E1762" s="1" t="s">
        <v>0</v>
      </c>
    </row>
    <row r="1763" spans="1:5" x14ac:dyDescent="0.25">
      <c r="A1763" s="1" t="s">
        <v>320</v>
      </c>
      <c r="B1763" s="1" t="s">
        <v>5456</v>
      </c>
      <c r="C1763" s="1" t="s">
        <v>15747</v>
      </c>
      <c r="D1763" s="2">
        <v>154591</v>
      </c>
      <c r="E1763" s="1" t="s">
        <v>0</v>
      </c>
    </row>
    <row r="1764" spans="1:5" x14ac:dyDescent="0.25">
      <c r="A1764" s="1" t="s">
        <v>15748</v>
      </c>
      <c r="B1764" s="1" t="s">
        <v>51495</v>
      </c>
      <c r="C1764" s="1" t="s">
        <v>15749</v>
      </c>
      <c r="D1764" s="2">
        <v>154592</v>
      </c>
      <c r="E1764" s="1" t="s">
        <v>0</v>
      </c>
    </row>
    <row r="1765" spans="1:5" ht="409.5" x14ac:dyDescent="0.25">
      <c r="A1765" s="4" t="s">
        <v>15750</v>
      </c>
      <c r="B1765" s="1" t="s">
        <v>57671</v>
      </c>
      <c r="C1765" s="1" t="s">
        <v>15751</v>
      </c>
      <c r="D1765" s="2">
        <v>154593</v>
      </c>
      <c r="E1765" s="1" t="s">
        <v>0</v>
      </c>
    </row>
    <row r="1766" spans="1:5" x14ac:dyDescent="0.25">
      <c r="A1766" s="1" t="s">
        <v>15752</v>
      </c>
      <c r="B1766" s="1" t="s">
        <v>5457</v>
      </c>
      <c r="C1766" s="1" t="s">
        <v>15753</v>
      </c>
      <c r="D1766" s="2">
        <v>154594</v>
      </c>
      <c r="E1766" s="1" t="s">
        <v>0</v>
      </c>
    </row>
    <row r="1767" spans="1:5" x14ac:dyDescent="0.25">
      <c r="A1767" s="2">
        <v>353</v>
      </c>
      <c r="B1767" s="2">
        <v>353</v>
      </c>
      <c r="C1767" s="1" t="s">
        <v>0</v>
      </c>
      <c r="D1767" s="2">
        <v>154595</v>
      </c>
      <c r="E1767" s="1" t="s">
        <v>0</v>
      </c>
    </row>
    <row r="1768" spans="1:5" x14ac:dyDescent="0.25">
      <c r="A1768" s="1" t="s">
        <v>5458</v>
      </c>
      <c r="B1768" s="1" t="s">
        <v>5459</v>
      </c>
      <c r="C1768" s="1" t="s">
        <v>15754</v>
      </c>
      <c r="D1768" s="2">
        <v>154596</v>
      </c>
      <c r="E1768" s="1" t="s">
        <v>0</v>
      </c>
    </row>
    <row r="1769" spans="1:5" x14ac:dyDescent="0.25">
      <c r="A1769" s="1" t="s">
        <v>15755</v>
      </c>
      <c r="B1769" s="1" t="s">
        <v>62003</v>
      </c>
      <c r="C1769" s="1" t="s">
        <v>15756</v>
      </c>
      <c r="D1769" s="2">
        <v>154597</v>
      </c>
      <c r="E1769" s="1" t="s">
        <v>0</v>
      </c>
    </row>
    <row r="1770" spans="1:5" ht="409.5" x14ac:dyDescent="0.25">
      <c r="A1770" s="4" t="s">
        <v>15757</v>
      </c>
      <c r="B1770" s="1" t="s">
        <v>62004</v>
      </c>
      <c r="C1770" s="1" t="s">
        <v>15758</v>
      </c>
      <c r="D1770" s="2">
        <v>154598</v>
      </c>
      <c r="E1770" s="1" t="s">
        <v>0</v>
      </c>
    </row>
    <row r="1771" spans="1:5" x14ac:dyDescent="0.25">
      <c r="A1771" s="1" t="s">
        <v>15759</v>
      </c>
      <c r="B1771" s="1" t="s">
        <v>51496</v>
      </c>
      <c r="C1771" s="1" t="s">
        <v>15760</v>
      </c>
      <c r="D1771" s="2">
        <v>154599</v>
      </c>
      <c r="E1771" s="1" t="s">
        <v>0</v>
      </c>
    </row>
    <row r="1772" spans="1:5" x14ac:dyDescent="0.25">
      <c r="A1772" s="2">
        <v>354</v>
      </c>
      <c r="B1772" s="2">
        <v>354</v>
      </c>
      <c r="C1772" s="1" t="s">
        <v>0</v>
      </c>
      <c r="D1772" s="2">
        <v>154600</v>
      </c>
      <c r="E1772" s="1" t="s">
        <v>0</v>
      </c>
    </row>
    <row r="1773" spans="1:5" x14ac:dyDescent="0.25">
      <c r="A1773" s="1" t="s">
        <v>321</v>
      </c>
      <c r="B1773" s="1" t="s">
        <v>5460</v>
      </c>
      <c r="C1773" s="1" t="s">
        <v>15761</v>
      </c>
      <c r="D1773" s="2">
        <v>154601</v>
      </c>
      <c r="E1773" s="1" t="s">
        <v>0</v>
      </c>
    </row>
    <row r="1774" spans="1:5" x14ac:dyDescent="0.25">
      <c r="A1774" s="1" t="s">
        <v>15762</v>
      </c>
      <c r="B1774" s="1" t="s">
        <v>5461</v>
      </c>
      <c r="C1774" s="1" t="s">
        <v>15763</v>
      </c>
      <c r="D1774" s="2">
        <v>154602</v>
      </c>
      <c r="E1774" s="1" t="s">
        <v>0</v>
      </c>
    </row>
    <row r="1775" spans="1:5" ht="409.5" x14ac:dyDescent="0.25">
      <c r="A1775" s="4" t="s">
        <v>15764</v>
      </c>
      <c r="B1775" s="1" t="s">
        <v>57388</v>
      </c>
      <c r="C1775" s="1" t="s">
        <v>15765</v>
      </c>
      <c r="D1775" s="2">
        <v>154603</v>
      </c>
      <c r="E1775" s="1" t="s">
        <v>0</v>
      </c>
    </row>
    <row r="1776" spans="1:5" x14ac:dyDescent="0.25">
      <c r="A1776" s="1" t="s">
        <v>15766</v>
      </c>
      <c r="B1776" s="1" t="s">
        <v>5462</v>
      </c>
      <c r="C1776" s="1" t="s">
        <v>15767</v>
      </c>
      <c r="D1776" s="2">
        <v>154604</v>
      </c>
      <c r="E1776" s="1" t="s">
        <v>0</v>
      </c>
    </row>
    <row r="1777" spans="1:5" x14ac:dyDescent="0.25">
      <c r="A1777" s="2">
        <v>355</v>
      </c>
      <c r="B1777" s="2">
        <v>355</v>
      </c>
      <c r="C1777" s="1" t="s">
        <v>0</v>
      </c>
      <c r="D1777" s="2">
        <v>154605</v>
      </c>
      <c r="E1777" s="1" t="s">
        <v>0</v>
      </c>
    </row>
    <row r="1778" spans="1:5" x14ac:dyDescent="0.25">
      <c r="A1778" s="1" t="s">
        <v>322</v>
      </c>
      <c r="B1778" s="1" t="s">
        <v>5463</v>
      </c>
      <c r="C1778" s="1" t="s">
        <v>15768</v>
      </c>
      <c r="D1778" s="2">
        <v>154606</v>
      </c>
      <c r="E1778" s="1" t="s">
        <v>0</v>
      </c>
    </row>
    <row r="1779" spans="1:5" x14ac:dyDescent="0.25">
      <c r="A1779" s="1" t="s">
        <v>15769</v>
      </c>
      <c r="B1779" s="1" t="s">
        <v>62005</v>
      </c>
      <c r="C1779" s="1" t="s">
        <v>15770</v>
      </c>
      <c r="D1779" s="2">
        <v>154607</v>
      </c>
      <c r="E1779" s="1" t="s">
        <v>0</v>
      </c>
    </row>
    <row r="1780" spans="1:5" ht="409.5" x14ac:dyDescent="0.25">
      <c r="A1780" s="4" t="s">
        <v>15771</v>
      </c>
      <c r="B1780" s="1" t="s">
        <v>62006</v>
      </c>
      <c r="C1780" s="1" t="s">
        <v>15772</v>
      </c>
      <c r="D1780" s="2">
        <v>154608</v>
      </c>
      <c r="E1780" s="1" t="s">
        <v>0</v>
      </c>
    </row>
    <row r="1781" spans="1:5" x14ac:dyDescent="0.25">
      <c r="A1781" s="1" t="s">
        <v>15773</v>
      </c>
      <c r="B1781" s="1" t="s">
        <v>58155</v>
      </c>
      <c r="C1781" s="1" t="s">
        <v>15774</v>
      </c>
      <c r="D1781" s="2">
        <v>154609</v>
      </c>
      <c r="E1781" s="1" t="s">
        <v>0</v>
      </c>
    </row>
    <row r="1782" spans="1:5" x14ac:dyDescent="0.25">
      <c r="A1782" s="2">
        <v>356</v>
      </c>
      <c r="B1782" s="2">
        <v>356</v>
      </c>
      <c r="C1782" s="1" t="s">
        <v>0</v>
      </c>
      <c r="D1782" s="2">
        <v>154610</v>
      </c>
      <c r="E1782" s="1" t="s">
        <v>0</v>
      </c>
    </row>
    <row r="1783" spans="1:5" x14ac:dyDescent="0.25">
      <c r="A1783" s="1" t="s">
        <v>323</v>
      </c>
      <c r="B1783" s="1" t="s">
        <v>5464</v>
      </c>
      <c r="C1783" s="1" t="s">
        <v>15775</v>
      </c>
      <c r="D1783" s="2">
        <v>154611</v>
      </c>
      <c r="E1783" s="1" t="s">
        <v>0</v>
      </c>
    </row>
    <row r="1784" spans="1:5" x14ac:dyDescent="0.25">
      <c r="A1784" s="1" t="s">
        <v>15776</v>
      </c>
      <c r="B1784" s="1" t="s">
        <v>5465</v>
      </c>
      <c r="C1784" s="1" t="s">
        <v>15777</v>
      </c>
      <c r="D1784" s="2">
        <v>154612</v>
      </c>
      <c r="E1784" s="1" t="s">
        <v>0</v>
      </c>
    </row>
    <row r="1785" spans="1:5" ht="409.5" x14ac:dyDescent="0.25">
      <c r="A1785" s="4" t="s">
        <v>15778</v>
      </c>
      <c r="B1785" s="1" t="s">
        <v>57672</v>
      </c>
      <c r="C1785" s="1" t="s">
        <v>15779</v>
      </c>
      <c r="D1785" s="2">
        <v>154613</v>
      </c>
      <c r="E1785" s="1" t="s">
        <v>0</v>
      </c>
    </row>
    <row r="1786" spans="1:5" x14ac:dyDescent="0.25">
      <c r="A1786" s="1" t="s">
        <v>15780</v>
      </c>
      <c r="B1786" s="1" t="s">
        <v>5466</v>
      </c>
      <c r="C1786" s="1" t="s">
        <v>15781</v>
      </c>
      <c r="D1786" s="2">
        <v>154614</v>
      </c>
      <c r="E1786" s="1" t="s">
        <v>0</v>
      </c>
    </row>
    <row r="1787" spans="1:5" x14ac:dyDescent="0.25">
      <c r="A1787" s="2">
        <v>357</v>
      </c>
      <c r="B1787" s="2">
        <v>357</v>
      </c>
      <c r="C1787" s="1" t="s">
        <v>0</v>
      </c>
      <c r="D1787" s="2">
        <v>154615</v>
      </c>
      <c r="E1787" s="1" t="s">
        <v>0</v>
      </c>
    </row>
    <row r="1788" spans="1:5" x14ac:dyDescent="0.25">
      <c r="A1788" s="1" t="s">
        <v>5467</v>
      </c>
      <c r="B1788" s="1" t="s">
        <v>51497</v>
      </c>
      <c r="C1788" s="1" t="s">
        <v>15782</v>
      </c>
      <c r="D1788" s="2">
        <v>154616</v>
      </c>
      <c r="E1788" s="1" t="s">
        <v>0</v>
      </c>
    </row>
    <row r="1789" spans="1:5" x14ac:dyDescent="0.25">
      <c r="A1789" s="1" t="s">
        <v>15783</v>
      </c>
      <c r="B1789" s="1" t="s">
        <v>51498</v>
      </c>
      <c r="C1789" s="1" t="s">
        <v>15784</v>
      </c>
      <c r="D1789" s="2">
        <v>154617</v>
      </c>
      <c r="E1789" s="1" t="s">
        <v>0</v>
      </c>
    </row>
    <row r="1790" spans="1:5" ht="409.5" x14ac:dyDescent="0.25">
      <c r="A1790" s="4" t="s">
        <v>15785</v>
      </c>
      <c r="B1790" s="1" t="s">
        <v>58156</v>
      </c>
      <c r="C1790" s="1" t="s">
        <v>15786</v>
      </c>
      <c r="D1790" s="2">
        <v>154618</v>
      </c>
      <c r="E1790" s="1" t="s">
        <v>0</v>
      </c>
    </row>
    <row r="1791" spans="1:5" x14ac:dyDescent="0.25">
      <c r="A1791" s="1" t="s">
        <v>15787</v>
      </c>
      <c r="B1791" s="1" t="s">
        <v>60892</v>
      </c>
      <c r="C1791" s="1" t="s">
        <v>15788</v>
      </c>
      <c r="D1791" s="2">
        <v>154619</v>
      </c>
      <c r="E1791" s="1" t="s">
        <v>0</v>
      </c>
    </row>
    <row r="1792" spans="1:5" x14ac:dyDescent="0.25">
      <c r="A1792" s="2">
        <v>358</v>
      </c>
      <c r="B1792" s="2">
        <v>358</v>
      </c>
      <c r="C1792" s="1" t="s">
        <v>0</v>
      </c>
      <c r="D1792" s="2">
        <v>154620</v>
      </c>
      <c r="E1792" s="1" t="s">
        <v>0</v>
      </c>
    </row>
    <row r="1793" spans="1:5" x14ac:dyDescent="0.25">
      <c r="A1793" s="1" t="s">
        <v>324</v>
      </c>
      <c r="B1793" s="1" t="s">
        <v>5468</v>
      </c>
      <c r="C1793" s="1" t="s">
        <v>15789</v>
      </c>
      <c r="D1793" s="2">
        <v>154621</v>
      </c>
      <c r="E1793" s="1" t="s">
        <v>0</v>
      </c>
    </row>
    <row r="1794" spans="1:5" x14ac:dyDescent="0.25">
      <c r="A1794" s="1" t="s">
        <v>15790</v>
      </c>
      <c r="B1794" s="1" t="s">
        <v>51499</v>
      </c>
      <c r="C1794" s="1" t="s">
        <v>15791</v>
      </c>
      <c r="D1794" s="2">
        <v>154622</v>
      </c>
      <c r="E1794" s="1" t="s">
        <v>0</v>
      </c>
    </row>
    <row r="1795" spans="1:5" ht="409.5" x14ac:dyDescent="0.25">
      <c r="A1795" s="4" t="s">
        <v>15792</v>
      </c>
      <c r="B1795" s="1" t="s">
        <v>62007</v>
      </c>
      <c r="C1795" s="1" t="s">
        <v>15793</v>
      </c>
      <c r="D1795" s="2">
        <v>154623</v>
      </c>
      <c r="E1795" s="1" t="s">
        <v>0</v>
      </c>
    </row>
    <row r="1796" spans="1:5" x14ac:dyDescent="0.25">
      <c r="A1796" s="1" t="s">
        <v>15794</v>
      </c>
      <c r="B1796" s="1" t="s">
        <v>51500</v>
      </c>
      <c r="C1796" s="1" t="s">
        <v>15795</v>
      </c>
      <c r="D1796" s="2">
        <v>154624</v>
      </c>
      <c r="E1796" s="1" t="s">
        <v>0</v>
      </c>
    </row>
    <row r="1797" spans="1:5" x14ac:dyDescent="0.25">
      <c r="A1797" s="2">
        <v>359</v>
      </c>
      <c r="B1797" s="2">
        <v>359</v>
      </c>
      <c r="C1797" s="1" t="s">
        <v>0</v>
      </c>
      <c r="D1797" s="2">
        <v>154625</v>
      </c>
      <c r="E1797" s="1" t="s">
        <v>0</v>
      </c>
    </row>
    <row r="1798" spans="1:5" x14ac:dyDescent="0.25">
      <c r="A1798" s="1" t="s">
        <v>325</v>
      </c>
      <c r="B1798" s="1" t="s">
        <v>5469</v>
      </c>
      <c r="C1798" s="1" t="s">
        <v>15796</v>
      </c>
      <c r="D1798" s="2">
        <v>154626</v>
      </c>
      <c r="E1798" s="1" t="s">
        <v>0</v>
      </c>
    </row>
    <row r="1799" spans="1:5" x14ac:dyDescent="0.25">
      <c r="A1799" s="1" t="s">
        <v>15797</v>
      </c>
      <c r="B1799" s="1" t="s">
        <v>51501</v>
      </c>
      <c r="C1799" s="1" t="s">
        <v>15798</v>
      </c>
      <c r="D1799" s="2">
        <v>154627</v>
      </c>
      <c r="E1799" s="1" t="s">
        <v>0</v>
      </c>
    </row>
    <row r="1800" spans="1:5" ht="409.5" x14ac:dyDescent="0.25">
      <c r="A1800" s="4" t="s">
        <v>15799</v>
      </c>
      <c r="B1800" s="1" t="s">
        <v>63601</v>
      </c>
      <c r="C1800" s="1" t="s">
        <v>15800</v>
      </c>
      <c r="D1800" s="2">
        <v>154628</v>
      </c>
      <c r="E1800" s="1" t="s">
        <v>0</v>
      </c>
    </row>
    <row r="1801" spans="1:5" x14ac:dyDescent="0.25">
      <c r="A1801" s="1" t="s">
        <v>15801</v>
      </c>
      <c r="B1801" s="1" t="s">
        <v>60893</v>
      </c>
      <c r="C1801" s="1" t="s">
        <v>15802</v>
      </c>
      <c r="D1801" s="2">
        <v>154629</v>
      </c>
      <c r="E1801" s="1" t="s">
        <v>0</v>
      </c>
    </row>
    <row r="1802" spans="1:5" x14ac:dyDescent="0.25">
      <c r="A1802" s="2">
        <v>360</v>
      </c>
      <c r="B1802" s="2">
        <v>360</v>
      </c>
      <c r="C1802" s="1" t="s">
        <v>0</v>
      </c>
      <c r="D1802" s="2">
        <v>154630</v>
      </c>
      <c r="E1802" s="1" t="s">
        <v>0</v>
      </c>
    </row>
    <row r="1803" spans="1:5" x14ac:dyDescent="0.25">
      <c r="A1803" s="1" t="s">
        <v>326</v>
      </c>
      <c r="B1803" s="1" t="s">
        <v>5470</v>
      </c>
      <c r="C1803" s="1" t="s">
        <v>15803</v>
      </c>
      <c r="D1803" s="2">
        <v>154631</v>
      </c>
      <c r="E1803" s="1" t="s">
        <v>0</v>
      </c>
    </row>
    <row r="1804" spans="1:5" x14ac:dyDescent="0.25">
      <c r="A1804" s="1" t="s">
        <v>15804</v>
      </c>
      <c r="B1804" s="1" t="s">
        <v>5471</v>
      </c>
      <c r="C1804" s="1" t="s">
        <v>15805</v>
      </c>
      <c r="D1804" s="2">
        <v>154632</v>
      </c>
      <c r="E1804" s="1" t="s">
        <v>0</v>
      </c>
    </row>
    <row r="1805" spans="1:5" ht="409.5" x14ac:dyDescent="0.25">
      <c r="A1805" s="4" t="s">
        <v>15806</v>
      </c>
      <c r="B1805" s="1" t="s">
        <v>5472</v>
      </c>
      <c r="C1805" s="1" t="s">
        <v>15807</v>
      </c>
      <c r="D1805" s="2">
        <v>154633</v>
      </c>
      <c r="E1805" s="1" t="s">
        <v>0</v>
      </c>
    </row>
    <row r="1806" spans="1:5" x14ac:dyDescent="0.25">
      <c r="A1806" s="1" t="s">
        <v>15808</v>
      </c>
      <c r="B1806" s="1" t="s">
        <v>51502</v>
      </c>
      <c r="C1806" s="1" t="s">
        <v>15809</v>
      </c>
      <c r="D1806" s="2">
        <v>154634</v>
      </c>
      <c r="E1806" s="1" t="s">
        <v>0</v>
      </c>
    </row>
    <row r="1807" spans="1:5" x14ac:dyDescent="0.25">
      <c r="A1807" s="2">
        <v>361</v>
      </c>
      <c r="B1807" s="2">
        <v>361</v>
      </c>
      <c r="C1807" s="1" t="s">
        <v>0</v>
      </c>
      <c r="D1807" s="2">
        <v>154635</v>
      </c>
      <c r="E1807" s="1" t="s">
        <v>0</v>
      </c>
    </row>
    <row r="1808" spans="1:5" x14ac:dyDescent="0.25">
      <c r="A1808" s="1" t="s">
        <v>327</v>
      </c>
      <c r="B1808" s="1" t="s">
        <v>5473</v>
      </c>
      <c r="C1808" s="1" t="s">
        <v>15810</v>
      </c>
      <c r="D1808" s="2">
        <v>154636</v>
      </c>
      <c r="E1808" s="1" t="s">
        <v>0</v>
      </c>
    </row>
    <row r="1809" spans="1:5" x14ac:dyDescent="0.25">
      <c r="A1809" s="1" t="s">
        <v>15811</v>
      </c>
      <c r="B1809" s="1" t="s">
        <v>5474</v>
      </c>
      <c r="C1809" s="1" t="s">
        <v>15812</v>
      </c>
      <c r="D1809" s="2">
        <v>154637</v>
      </c>
      <c r="E1809" s="1" t="s">
        <v>0</v>
      </c>
    </row>
    <row r="1810" spans="1:5" ht="409.5" x14ac:dyDescent="0.25">
      <c r="A1810" s="4" t="s">
        <v>15813</v>
      </c>
      <c r="B1810" s="1" t="s">
        <v>51503</v>
      </c>
      <c r="C1810" s="1" t="s">
        <v>15814</v>
      </c>
      <c r="D1810" s="2">
        <v>154638</v>
      </c>
      <c r="E1810" s="1" t="s">
        <v>0</v>
      </c>
    </row>
    <row r="1811" spans="1:5" x14ac:dyDescent="0.25">
      <c r="A1811" s="1" t="s">
        <v>15815</v>
      </c>
      <c r="B1811" s="1" t="s">
        <v>5475</v>
      </c>
      <c r="C1811" s="1" t="s">
        <v>15816</v>
      </c>
      <c r="D1811" s="2">
        <v>154639</v>
      </c>
      <c r="E1811" s="1" t="s">
        <v>0</v>
      </c>
    </row>
    <row r="1812" spans="1:5" x14ac:dyDescent="0.25">
      <c r="A1812" s="2">
        <v>362</v>
      </c>
      <c r="B1812" s="2">
        <v>362</v>
      </c>
      <c r="C1812" s="1" t="s">
        <v>0</v>
      </c>
      <c r="D1812" s="2">
        <v>154640</v>
      </c>
      <c r="E1812" s="1" t="s">
        <v>0</v>
      </c>
    </row>
    <row r="1813" spans="1:5" x14ac:dyDescent="0.25">
      <c r="A1813" s="1" t="s">
        <v>328</v>
      </c>
      <c r="B1813" s="1" t="s">
        <v>5476</v>
      </c>
      <c r="C1813" s="1" t="s">
        <v>15817</v>
      </c>
      <c r="D1813" s="2">
        <v>154641</v>
      </c>
      <c r="E1813" s="1" t="s">
        <v>0</v>
      </c>
    </row>
    <row r="1814" spans="1:5" x14ac:dyDescent="0.25">
      <c r="A1814" s="1" t="s">
        <v>15818</v>
      </c>
      <c r="B1814" s="1" t="s">
        <v>51504</v>
      </c>
      <c r="C1814" s="1" t="s">
        <v>15819</v>
      </c>
      <c r="D1814" s="2">
        <v>154642</v>
      </c>
      <c r="E1814" s="1" t="s">
        <v>0</v>
      </c>
    </row>
    <row r="1815" spans="1:5" ht="409.5" x14ac:dyDescent="0.25">
      <c r="A1815" s="4" t="s">
        <v>15820</v>
      </c>
      <c r="B1815" s="1" t="s">
        <v>59751</v>
      </c>
      <c r="C1815" s="1" t="s">
        <v>15821</v>
      </c>
      <c r="D1815" s="2">
        <v>154643</v>
      </c>
      <c r="E1815" s="1" t="s">
        <v>0</v>
      </c>
    </row>
    <row r="1816" spans="1:5" x14ac:dyDescent="0.25">
      <c r="A1816" s="1" t="s">
        <v>15822</v>
      </c>
      <c r="B1816" s="1" t="s">
        <v>5477</v>
      </c>
      <c r="C1816" s="1" t="s">
        <v>15823</v>
      </c>
      <c r="D1816" s="2">
        <v>154644</v>
      </c>
      <c r="E1816" s="1" t="s">
        <v>0</v>
      </c>
    </row>
    <row r="1817" spans="1:5" x14ac:dyDescent="0.25">
      <c r="A1817" s="2">
        <v>363</v>
      </c>
      <c r="B1817" s="2">
        <v>363</v>
      </c>
      <c r="C1817" s="1" t="s">
        <v>0</v>
      </c>
      <c r="D1817" s="2">
        <v>154645</v>
      </c>
      <c r="E1817" s="1" t="s">
        <v>0</v>
      </c>
    </row>
    <row r="1818" spans="1:5" x14ac:dyDescent="0.25">
      <c r="A1818" s="1" t="s">
        <v>329</v>
      </c>
      <c r="B1818" s="1" t="s">
        <v>5478</v>
      </c>
      <c r="C1818" s="1" t="s">
        <v>5479</v>
      </c>
      <c r="D1818" s="2">
        <v>154646</v>
      </c>
      <c r="E1818" s="1" t="s">
        <v>0</v>
      </c>
    </row>
    <row r="1819" spans="1:5" x14ac:dyDescent="0.25">
      <c r="A1819" s="1" t="s">
        <v>15824</v>
      </c>
      <c r="B1819" s="1" t="s">
        <v>50391</v>
      </c>
      <c r="C1819" s="1" t="s">
        <v>15825</v>
      </c>
      <c r="D1819" s="2">
        <v>154647</v>
      </c>
      <c r="E1819" s="1" t="s">
        <v>0</v>
      </c>
    </row>
    <row r="1820" spans="1:5" ht="409.5" x14ac:dyDescent="0.25">
      <c r="A1820" s="4" t="s">
        <v>63962</v>
      </c>
      <c r="B1820" s="1" t="s">
        <v>51505</v>
      </c>
      <c r="C1820" s="1" t="s">
        <v>15826</v>
      </c>
      <c r="D1820" s="2">
        <v>154648</v>
      </c>
      <c r="E1820" s="1" t="s">
        <v>0</v>
      </c>
    </row>
    <row r="1821" spans="1:5" x14ac:dyDescent="0.25">
      <c r="A1821" s="1" t="s">
        <v>15827</v>
      </c>
      <c r="B1821" s="1" t="s">
        <v>51506</v>
      </c>
      <c r="C1821" s="1" t="s">
        <v>15828</v>
      </c>
      <c r="D1821" s="2">
        <v>154649</v>
      </c>
      <c r="E1821" s="1" t="s">
        <v>0</v>
      </c>
    </row>
    <row r="1822" spans="1:5" x14ac:dyDescent="0.25">
      <c r="A1822" s="2">
        <v>364</v>
      </c>
      <c r="B1822" s="2">
        <v>364</v>
      </c>
      <c r="C1822" s="1" t="s">
        <v>0</v>
      </c>
      <c r="D1822" s="2">
        <v>154650</v>
      </c>
      <c r="E1822" s="1" t="s">
        <v>0</v>
      </c>
    </row>
    <row r="1823" spans="1:5" x14ac:dyDescent="0.25">
      <c r="A1823" s="1" t="s">
        <v>330</v>
      </c>
      <c r="B1823" s="1" t="s">
        <v>50392</v>
      </c>
      <c r="C1823" s="1" t="s">
        <v>15829</v>
      </c>
      <c r="D1823" s="2">
        <v>154651</v>
      </c>
      <c r="E1823" s="1" t="s">
        <v>0</v>
      </c>
    </row>
    <row r="1824" spans="1:5" x14ac:dyDescent="0.25">
      <c r="A1824" s="1" t="s">
        <v>15830</v>
      </c>
      <c r="B1824" s="1" t="s">
        <v>51507</v>
      </c>
      <c r="C1824" s="1" t="s">
        <v>15831</v>
      </c>
      <c r="D1824" s="2">
        <v>154652</v>
      </c>
      <c r="E1824" s="1" t="s">
        <v>0</v>
      </c>
    </row>
    <row r="1825" spans="1:5" ht="409.5" x14ac:dyDescent="0.25">
      <c r="A1825" s="4" t="s">
        <v>15832</v>
      </c>
      <c r="B1825" s="1" t="s">
        <v>51508</v>
      </c>
      <c r="C1825" s="1" t="s">
        <v>15833</v>
      </c>
      <c r="D1825" s="2">
        <v>154653</v>
      </c>
      <c r="E1825" s="1" t="s">
        <v>0</v>
      </c>
    </row>
    <row r="1826" spans="1:5" x14ac:dyDescent="0.25">
      <c r="A1826" s="1" t="s">
        <v>15834</v>
      </c>
      <c r="B1826" s="1" t="s">
        <v>51509</v>
      </c>
      <c r="C1826" s="1" t="s">
        <v>15835</v>
      </c>
      <c r="D1826" s="2">
        <v>154654</v>
      </c>
      <c r="E1826" s="1" t="s">
        <v>0</v>
      </c>
    </row>
    <row r="1827" spans="1:5" x14ac:dyDescent="0.25">
      <c r="A1827" s="2">
        <v>365</v>
      </c>
      <c r="B1827" s="2">
        <v>365</v>
      </c>
      <c r="C1827" s="1" t="s">
        <v>0</v>
      </c>
      <c r="D1827" s="2">
        <v>154655</v>
      </c>
      <c r="E1827" s="1" t="s">
        <v>0</v>
      </c>
    </row>
    <row r="1828" spans="1:5" x14ac:dyDescent="0.25">
      <c r="A1828" s="1" t="s">
        <v>331</v>
      </c>
      <c r="B1828" s="1" t="s">
        <v>5480</v>
      </c>
      <c r="C1828" s="1" t="s">
        <v>15836</v>
      </c>
      <c r="D1828" s="2">
        <v>154656</v>
      </c>
      <c r="E1828" s="1" t="s">
        <v>0</v>
      </c>
    </row>
    <row r="1829" spans="1:5" x14ac:dyDescent="0.25">
      <c r="A1829" s="1" t="s">
        <v>15837</v>
      </c>
      <c r="B1829" s="1" t="s">
        <v>51510</v>
      </c>
      <c r="C1829" s="1" t="s">
        <v>15838</v>
      </c>
      <c r="D1829" s="2">
        <v>154657</v>
      </c>
      <c r="E1829" s="1" t="s">
        <v>0</v>
      </c>
    </row>
    <row r="1830" spans="1:5" ht="409.5" x14ac:dyDescent="0.25">
      <c r="A1830" s="4" t="s">
        <v>15839</v>
      </c>
      <c r="B1830" s="1" t="s">
        <v>62008</v>
      </c>
      <c r="C1830" s="1" t="s">
        <v>15840</v>
      </c>
      <c r="D1830" s="2">
        <v>154658</v>
      </c>
      <c r="E1830" s="1" t="s">
        <v>0</v>
      </c>
    </row>
    <row r="1831" spans="1:5" x14ac:dyDescent="0.25">
      <c r="A1831" s="1" t="s">
        <v>15841</v>
      </c>
      <c r="B1831" s="1" t="s">
        <v>51511</v>
      </c>
      <c r="C1831" s="1" t="s">
        <v>15842</v>
      </c>
      <c r="D1831" s="2">
        <v>154659</v>
      </c>
      <c r="E1831" s="1" t="s">
        <v>0</v>
      </c>
    </row>
    <row r="1832" spans="1:5" x14ac:dyDescent="0.25">
      <c r="A1832" s="2">
        <v>366</v>
      </c>
      <c r="B1832" s="2">
        <v>366</v>
      </c>
      <c r="C1832" s="1" t="s">
        <v>0</v>
      </c>
      <c r="D1832" s="2">
        <v>154660</v>
      </c>
      <c r="E1832" s="1" t="s">
        <v>0</v>
      </c>
    </row>
    <row r="1833" spans="1:5" x14ac:dyDescent="0.25">
      <c r="A1833" s="1" t="s">
        <v>332</v>
      </c>
      <c r="B1833" s="1" t="s">
        <v>5481</v>
      </c>
      <c r="C1833" s="1" t="s">
        <v>15843</v>
      </c>
      <c r="D1833" s="2">
        <v>154661</v>
      </c>
      <c r="E1833" s="1" t="s">
        <v>0</v>
      </c>
    </row>
    <row r="1834" spans="1:5" x14ac:dyDescent="0.25">
      <c r="A1834" s="1" t="s">
        <v>15844</v>
      </c>
      <c r="B1834" s="1" t="s">
        <v>5482</v>
      </c>
      <c r="C1834" s="1" t="s">
        <v>15845</v>
      </c>
      <c r="D1834" s="2">
        <v>154662</v>
      </c>
      <c r="E1834" s="1" t="s">
        <v>0</v>
      </c>
    </row>
    <row r="1835" spans="1:5" ht="409.5" x14ac:dyDescent="0.25">
      <c r="A1835" s="4" t="s">
        <v>15846</v>
      </c>
      <c r="B1835" s="1" t="s">
        <v>63189</v>
      </c>
      <c r="C1835" s="1" t="s">
        <v>15847</v>
      </c>
      <c r="D1835" s="2">
        <v>154663</v>
      </c>
      <c r="E1835" s="1" t="s">
        <v>0</v>
      </c>
    </row>
    <row r="1836" spans="1:5" x14ac:dyDescent="0.25">
      <c r="A1836" s="1" t="s">
        <v>15848</v>
      </c>
      <c r="B1836" s="1" t="s">
        <v>51512</v>
      </c>
      <c r="C1836" s="1" t="s">
        <v>15849</v>
      </c>
      <c r="D1836" s="2">
        <v>154664</v>
      </c>
      <c r="E1836" s="1" t="s">
        <v>0</v>
      </c>
    </row>
    <row r="1837" spans="1:5" x14ac:dyDescent="0.25">
      <c r="A1837" s="2">
        <v>367</v>
      </c>
      <c r="B1837" s="2">
        <v>367</v>
      </c>
      <c r="C1837" s="1" t="s">
        <v>0</v>
      </c>
      <c r="D1837" s="2">
        <v>154665</v>
      </c>
      <c r="E1837" s="1" t="s">
        <v>0</v>
      </c>
    </row>
    <row r="1838" spans="1:5" x14ac:dyDescent="0.25">
      <c r="A1838" s="1" t="s">
        <v>333</v>
      </c>
      <c r="B1838" s="1" t="s">
        <v>5483</v>
      </c>
      <c r="C1838" s="1" t="s">
        <v>15850</v>
      </c>
      <c r="D1838" s="2">
        <v>154666</v>
      </c>
      <c r="E1838" s="1" t="s">
        <v>0</v>
      </c>
    </row>
    <row r="1839" spans="1:5" x14ac:dyDescent="0.25">
      <c r="A1839" s="1" t="s">
        <v>15851</v>
      </c>
      <c r="B1839" s="1" t="s">
        <v>5484</v>
      </c>
      <c r="C1839" s="1" t="s">
        <v>15852</v>
      </c>
      <c r="D1839" s="2">
        <v>154667</v>
      </c>
      <c r="E1839" s="1" t="s">
        <v>0</v>
      </c>
    </row>
    <row r="1840" spans="1:5" ht="409.5" x14ac:dyDescent="0.25">
      <c r="A1840" s="4" t="s">
        <v>15853</v>
      </c>
      <c r="B1840" s="1" t="s">
        <v>51513</v>
      </c>
      <c r="C1840" s="1" t="s">
        <v>15854</v>
      </c>
      <c r="D1840" s="2">
        <v>154668</v>
      </c>
      <c r="E1840" s="1" t="s">
        <v>0</v>
      </c>
    </row>
    <row r="1841" spans="1:5" x14ac:dyDescent="0.25">
      <c r="A1841" s="1" t="s">
        <v>15855</v>
      </c>
      <c r="B1841" s="1" t="s">
        <v>5485</v>
      </c>
      <c r="C1841" s="1" t="s">
        <v>15856</v>
      </c>
      <c r="D1841" s="2">
        <v>154669</v>
      </c>
      <c r="E1841" s="1" t="s">
        <v>0</v>
      </c>
    </row>
    <row r="1842" spans="1:5" x14ac:dyDescent="0.25">
      <c r="A1842" s="2">
        <v>368</v>
      </c>
      <c r="B1842" s="2">
        <v>368</v>
      </c>
      <c r="C1842" s="1" t="s">
        <v>0</v>
      </c>
      <c r="D1842" s="2">
        <v>154670</v>
      </c>
      <c r="E1842" s="1" t="s">
        <v>0</v>
      </c>
    </row>
    <row r="1843" spans="1:5" x14ac:dyDescent="0.25">
      <c r="A1843" s="1" t="s">
        <v>334</v>
      </c>
      <c r="B1843" s="1" t="s">
        <v>63190</v>
      </c>
      <c r="C1843" s="1" t="s">
        <v>15857</v>
      </c>
      <c r="D1843" s="2">
        <v>154671</v>
      </c>
      <c r="E1843" s="1" t="s">
        <v>0</v>
      </c>
    </row>
    <row r="1844" spans="1:5" x14ac:dyDescent="0.25">
      <c r="A1844" s="1" t="s">
        <v>15858</v>
      </c>
      <c r="B1844" s="1" t="s">
        <v>5486</v>
      </c>
      <c r="C1844" s="1" t="s">
        <v>15859</v>
      </c>
      <c r="D1844" s="2">
        <v>154672</v>
      </c>
      <c r="E1844" s="1" t="s">
        <v>0</v>
      </c>
    </row>
    <row r="1845" spans="1:5" ht="409.5" x14ac:dyDescent="0.25">
      <c r="A1845" s="4" t="s">
        <v>15860</v>
      </c>
      <c r="B1845" s="1" t="s">
        <v>5487</v>
      </c>
      <c r="C1845" s="1" t="s">
        <v>15861</v>
      </c>
      <c r="D1845" s="2">
        <v>154673</v>
      </c>
      <c r="E1845" s="1" t="s">
        <v>0</v>
      </c>
    </row>
    <row r="1846" spans="1:5" x14ac:dyDescent="0.25">
      <c r="A1846" s="1" t="s">
        <v>15862</v>
      </c>
      <c r="B1846" s="1" t="s">
        <v>51514</v>
      </c>
      <c r="C1846" s="1" t="s">
        <v>15863</v>
      </c>
      <c r="D1846" s="2">
        <v>154674</v>
      </c>
      <c r="E1846" s="1" t="s">
        <v>0</v>
      </c>
    </row>
    <row r="1847" spans="1:5" x14ac:dyDescent="0.25">
      <c r="A1847" s="2">
        <v>369</v>
      </c>
      <c r="B1847" s="2">
        <v>369</v>
      </c>
      <c r="C1847" s="1" t="s">
        <v>0</v>
      </c>
      <c r="D1847" s="2">
        <v>154675</v>
      </c>
      <c r="E1847" s="1" t="s">
        <v>0</v>
      </c>
    </row>
    <row r="1848" spans="1:5" x14ac:dyDescent="0.25">
      <c r="A1848" s="1" t="s">
        <v>335</v>
      </c>
      <c r="B1848" s="1" t="s">
        <v>5488</v>
      </c>
      <c r="C1848" s="1" t="s">
        <v>15864</v>
      </c>
      <c r="D1848" s="2">
        <v>154676</v>
      </c>
      <c r="E1848" s="1" t="s">
        <v>0</v>
      </c>
    </row>
    <row r="1849" spans="1:5" x14ac:dyDescent="0.25">
      <c r="A1849" s="1" t="s">
        <v>15865</v>
      </c>
      <c r="B1849" s="1" t="s">
        <v>51515</v>
      </c>
      <c r="C1849" s="1" t="s">
        <v>15866</v>
      </c>
      <c r="D1849" s="2">
        <v>154677</v>
      </c>
      <c r="E1849" s="1" t="s">
        <v>0</v>
      </c>
    </row>
    <row r="1850" spans="1:5" ht="409.5" x14ac:dyDescent="0.25">
      <c r="A1850" s="4" t="s">
        <v>15867</v>
      </c>
      <c r="B1850" s="1" t="s">
        <v>51516</v>
      </c>
      <c r="C1850" s="1" t="s">
        <v>15868</v>
      </c>
      <c r="D1850" s="2">
        <v>154678</v>
      </c>
      <c r="E1850" s="1" t="s">
        <v>0</v>
      </c>
    </row>
    <row r="1851" spans="1:5" x14ac:dyDescent="0.25">
      <c r="A1851" s="1" t="s">
        <v>15869</v>
      </c>
      <c r="B1851" s="1" t="s">
        <v>5489</v>
      </c>
      <c r="C1851" s="1" t="s">
        <v>15870</v>
      </c>
      <c r="D1851" s="2">
        <v>154679</v>
      </c>
      <c r="E1851" s="1" t="s">
        <v>0</v>
      </c>
    </row>
    <row r="1852" spans="1:5" x14ac:dyDescent="0.25">
      <c r="A1852" s="2">
        <v>370</v>
      </c>
      <c r="B1852" s="2">
        <v>370</v>
      </c>
      <c r="C1852" s="1" t="s">
        <v>0</v>
      </c>
      <c r="D1852" s="2">
        <v>154680</v>
      </c>
      <c r="E1852" s="1" t="s">
        <v>0</v>
      </c>
    </row>
    <row r="1853" spans="1:5" x14ac:dyDescent="0.25">
      <c r="A1853" s="1" t="s">
        <v>336</v>
      </c>
      <c r="B1853" s="1" t="s">
        <v>58689</v>
      </c>
      <c r="C1853" s="1" t="s">
        <v>15871</v>
      </c>
      <c r="D1853" s="2">
        <v>154681</v>
      </c>
      <c r="E1853" s="1" t="s">
        <v>0</v>
      </c>
    </row>
    <row r="1854" spans="1:5" x14ac:dyDescent="0.25">
      <c r="A1854" s="1" t="s">
        <v>15872</v>
      </c>
      <c r="B1854" s="1" t="s">
        <v>58690</v>
      </c>
      <c r="C1854" s="1" t="s">
        <v>15873</v>
      </c>
      <c r="D1854" s="2">
        <v>154682</v>
      </c>
      <c r="E1854" s="1" t="s">
        <v>0</v>
      </c>
    </row>
    <row r="1855" spans="1:5" ht="409.5" x14ac:dyDescent="0.25">
      <c r="A1855" s="4" t="s">
        <v>15874</v>
      </c>
      <c r="B1855" s="1" t="s">
        <v>58691</v>
      </c>
      <c r="C1855" s="1" t="s">
        <v>15875</v>
      </c>
      <c r="D1855" s="2">
        <v>154683</v>
      </c>
      <c r="E1855" s="1" t="s">
        <v>0</v>
      </c>
    </row>
    <row r="1856" spans="1:5" x14ac:dyDescent="0.25">
      <c r="A1856" s="1" t="s">
        <v>15876</v>
      </c>
      <c r="B1856" s="1" t="s">
        <v>60894</v>
      </c>
      <c r="C1856" s="1" t="s">
        <v>15877</v>
      </c>
      <c r="D1856" s="2">
        <v>154684</v>
      </c>
      <c r="E1856" s="1" t="s">
        <v>0</v>
      </c>
    </row>
    <row r="1857" spans="1:5" x14ac:dyDescent="0.25">
      <c r="A1857" s="2">
        <v>371</v>
      </c>
      <c r="B1857" s="2">
        <v>371</v>
      </c>
      <c r="C1857" s="1" t="s">
        <v>0</v>
      </c>
      <c r="D1857" s="2">
        <v>154685</v>
      </c>
      <c r="E1857" s="1" t="s">
        <v>0</v>
      </c>
    </row>
    <row r="1858" spans="1:5" x14ac:dyDescent="0.25">
      <c r="A1858" s="1" t="s">
        <v>337</v>
      </c>
      <c r="B1858" s="1" t="s">
        <v>5490</v>
      </c>
      <c r="C1858" s="1" t="s">
        <v>15878</v>
      </c>
      <c r="D1858" s="2">
        <v>154686</v>
      </c>
      <c r="E1858" s="1" t="s">
        <v>0</v>
      </c>
    </row>
    <row r="1859" spans="1:5" x14ac:dyDescent="0.25">
      <c r="A1859" s="1" t="s">
        <v>15879</v>
      </c>
      <c r="B1859" s="1" t="s">
        <v>51517</v>
      </c>
      <c r="C1859" s="1" t="s">
        <v>15880</v>
      </c>
      <c r="D1859" s="2">
        <v>154687</v>
      </c>
      <c r="E1859" s="1" t="s">
        <v>0</v>
      </c>
    </row>
    <row r="1860" spans="1:5" ht="409.5" x14ac:dyDescent="0.25">
      <c r="A1860" s="4" t="s">
        <v>15881</v>
      </c>
      <c r="B1860" s="1" t="s">
        <v>51518</v>
      </c>
      <c r="C1860" s="1" t="s">
        <v>15882</v>
      </c>
      <c r="D1860" s="2">
        <v>154688</v>
      </c>
      <c r="E1860" s="1" t="s">
        <v>0</v>
      </c>
    </row>
    <row r="1861" spans="1:5" x14ac:dyDescent="0.25">
      <c r="A1861" s="1" t="s">
        <v>15883</v>
      </c>
      <c r="B1861" s="1" t="s">
        <v>5491</v>
      </c>
      <c r="C1861" s="1" t="s">
        <v>15884</v>
      </c>
      <c r="D1861" s="2">
        <v>154689</v>
      </c>
      <c r="E1861" s="1" t="s">
        <v>0</v>
      </c>
    </row>
    <row r="1862" spans="1:5" x14ac:dyDescent="0.25">
      <c r="A1862" s="2">
        <v>372</v>
      </c>
      <c r="B1862" s="2">
        <v>372</v>
      </c>
      <c r="C1862" s="1" t="s">
        <v>0</v>
      </c>
      <c r="D1862" s="2">
        <v>154690</v>
      </c>
      <c r="E1862" s="1" t="s">
        <v>0</v>
      </c>
    </row>
    <row r="1863" spans="1:5" x14ac:dyDescent="0.25">
      <c r="A1863" s="1" t="s">
        <v>338</v>
      </c>
      <c r="B1863" s="1" t="s">
        <v>5492</v>
      </c>
      <c r="C1863" s="1" t="s">
        <v>15885</v>
      </c>
      <c r="D1863" s="2">
        <v>154691</v>
      </c>
      <c r="E1863" s="1" t="s">
        <v>0</v>
      </c>
    </row>
    <row r="1864" spans="1:5" x14ac:dyDescent="0.25">
      <c r="A1864" s="1" t="s">
        <v>15886</v>
      </c>
      <c r="B1864" s="1" t="s">
        <v>5493</v>
      </c>
      <c r="C1864" s="1" t="s">
        <v>15887</v>
      </c>
      <c r="D1864" s="2">
        <v>154692</v>
      </c>
      <c r="E1864" s="1" t="s">
        <v>0</v>
      </c>
    </row>
    <row r="1865" spans="1:5" ht="409.5" x14ac:dyDescent="0.25">
      <c r="A1865" s="4" t="s">
        <v>15888</v>
      </c>
      <c r="B1865" s="1" t="s">
        <v>56996</v>
      </c>
      <c r="C1865" s="1" t="s">
        <v>15889</v>
      </c>
      <c r="D1865" s="2">
        <v>154693</v>
      </c>
      <c r="E1865" s="1" t="s">
        <v>0</v>
      </c>
    </row>
    <row r="1866" spans="1:5" x14ac:dyDescent="0.25">
      <c r="A1866" s="1" t="s">
        <v>15890</v>
      </c>
      <c r="B1866" s="1" t="s">
        <v>51519</v>
      </c>
      <c r="C1866" s="1" t="s">
        <v>15891</v>
      </c>
      <c r="D1866" s="2">
        <v>154694</v>
      </c>
      <c r="E1866" s="1" t="s">
        <v>0</v>
      </c>
    </row>
    <row r="1867" spans="1:5" x14ac:dyDescent="0.25">
      <c r="A1867" s="2">
        <v>373</v>
      </c>
      <c r="B1867" s="2">
        <v>373</v>
      </c>
      <c r="C1867" s="1" t="s">
        <v>0</v>
      </c>
      <c r="D1867" s="2">
        <v>154695</v>
      </c>
      <c r="E1867" s="1" t="s">
        <v>0</v>
      </c>
    </row>
    <row r="1868" spans="1:5" x14ac:dyDescent="0.25">
      <c r="A1868" s="1" t="s">
        <v>339</v>
      </c>
      <c r="B1868" s="1" t="s">
        <v>57712</v>
      </c>
      <c r="C1868" s="1" t="s">
        <v>15892</v>
      </c>
      <c r="D1868" s="2">
        <v>154696</v>
      </c>
      <c r="E1868" s="1" t="s">
        <v>0</v>
      </c>
    </row>
    <row r="1869" spans="1:5" x14ac:dyDescent="0.25">
      <c r="A1869" s="1" t="s">
        <v>15893</v>
      </c>
      <c r="B1869" s="1" t="s">
        <v>57713</v>
      </c>
      <c r="C1869" s="1" t="s">
        <v>15894</v>
      </c>
      <c r="D1869" s="2">
        <v>154697</v>
      </c>
      <c r="E1869" s="1" t="s">
        <v>0</v>
      </c>
    </row>
    <row r="1870" spans="1:5" ht="409.5" x14ac:dyDescent="0.25">
      <c r="A1870" s="4" t="s">
        <v>15895</v>
      </c>
      <c r="B1870" s="1" t="s">
        <v>57714</v>
      </c>
      <c r="C1870" s="1" t="s">
        <v>15896</v>
      </c>
      <c r="D1870" s="2">
        <v>154698</v>
      </c>
      <c r="E1870" s="1" t="s">
        <v>0</v>
      </c>
    </row>
    <row r="1871" spans="1:5" x14ac:dyDescent="0.25">
      <c r="A1871" s="1" t="s">
        <v>15897</v>
      </c>
      <c r="B1871" s="1" t="s">
        <v>57118</v>
      </c>
      <c r="C1871" s="1" t="s">
        <v>15898</v>
      </c>
      <c r="D1871" s="2">
        <v>154699</v>
      </c>
      <c r="E1871" s="1" t="s">
        <v>0</v>
      </c>
    </row>
    <row r="1872" spans="1:5" x14ac:dyDescent="0.25">
      <c r="A1872" s="2">
        <v>374</v>
      </c>
      <c r="B1872" s="2">
        <v>374</v>
      </c>
      <c r="C1872" s="1" t="s">
        <v>0</v>
      </c>
      <c r="D1872" s="2">
        <v>154700</v>
      </c>
      <c r="E1872" s="1" t="s">
        <v>0</v>
      </c>
    </row>
    <row r="1873" spans="1:5" x14ac:dyDescent="0.25">
      <c r="A1873" s="1" t="s">
        <v>340</v>
      </c>
      <c r="B1873" s="1" t="s">
        <v>56906</v>
      </c>
      <c r="C1873" s="1" t="s">
        <v>15899</v>
      </c>
      <c r="D1873" s="2">
        <v>154701</v>
      </c>
      <c r="E1873" s="1" t="s">
        <v>0</v>
      </c>
    </row>
    <row r="1874" spans="1:5" x14ac:dyDescent="0.25">
      <c r="A1874" s="1" t="s">
        <v>15900</v>
      </c>
      <c r="B1874" s="1" t="s">
        <v>51520</v>
      </c>
      <c r="C1874" s="1" t="s">
        <v>15901</v>
      </c>
      <c r="D1874" s="2">
        <v>154702</v>
      </c>
      <c r="E1874" s="1" t="s">
        <v>0</v>
      </c>
    </row>
    <row r="1875" spans="1:5" ht="409.5" x14ac:dyDescent="0.25">
      <c r="A1875" s="4" t="s">
        <v>61746</v>
      </c>
      <c r="B1875" s="1" t="s">
        <v>62009</v>
      </c>
      <c r="C1875" s="1" t="s">
        <v>15902</v>
      </c>
      <c r="D1875" s="2">
        <v>154703</v>
      </c>
      <c r="E1875" s="1" t="s">
        <v>0</v>
      </c>
    </row>
    <row r="1876" spans="1:5" x14ac:dyDescent="0.25">
      <c r="A1876" s="1" t="s">
        <v>15903</v>
      </c>
      <c r="B1876" s="1" t="s">
        <v>5494</v>
      </c>
      <c r="C1876" s="1" t="s">
        <v>15904</v>
      </c>
      <c r="D1876" s="2">
        <v>154704</v>
      </c>
      <c r="E1876" s="1" t="s">
        <v>0</v>
      </c>
    </row>
    <row r="1877" spans="1:5" x14ac:dyDescent="0.25">
      <c r="A1877" s="2">
        <v>375</v>
      </c>
      <c r="B1877" s="2">
        <v>375</v>
      </c>
      <c r="C1877" s="1" t="s">
        <v>0</v>
      </c>
      <c r="D1877" s="2">
        <v>154705</v>
      </c>
      <c r="E1877" s="1" t="s">
        <v>0</v>
      </c>
    </row>
    <row r="1878" spans="1:5" x14ac:dyDescent="0.25">
      <c r="A1878" s="1" t="s">
        <v>341</v>
      </c>
      <c r="B1878" s="1" t="s">
        <v>5495</v>
      </c>
      <c r="C1878" s="1" t="s">
        <v>15905</v>
      </c>
      <c r="D1878" s="2">
        <v>154706</v>
      </c>
      <c r="E1878" s="1" t="s">
        <v>0</v>
      </c>
    </row>
    <row r="1879" spans="1:5" x14ac:dyDescent="0.25">
      <c r="A1879" s="1" t="s">
        <v>15906</v>
      </c>
      <c r="B1879" s="1" t="s">
        <v>51521</v>
      </c>
      <c r="C1879" s="1" t="s">
        <v>15907</v>
      </c>
      <c r="D1879" s="2">
        <v>154707</v>
      </c>
      <c r="E1879" s="1" t="s">
        <v>0</v>
      </c>
    </row>
    <row r="1880" spans="1:5" x14ac:dyDescent="0.25">
      <c r="A1880" s="1" t="s">
        <v>15908</v>
      </c>
      <c r="B1880" s="1" t="s">
        <v>51522</v>
      </c>
      <c r="C1880" s="1" t="s">
        <v>15909</v>
      </c>
      <c r="D1880" s="2">
        <v>154708</v>
      </c>
      <c r="E1880" s="1" t="s">
        <v>0</v>
      </c>
    </row>
    <row r="1881" spans="1:5" x14ac:dyDescent="0.25">
      <c r="A1881" s="1" t="s">
        <v>15910</v>
      </c>
      <c r="B1881" s="1" t="s">
        <v>5496</v>
      </c>
      <c r="C1881" s="1" t="s">
        <v>15911</v>
      </c>
      <c r="D1881" s="2">
        <v>154709</v>
      </c>
      <c r="E1881" s="1" t="s">
        <v>0</v>
      </c>
    </row>
    <row r="1882" spans="1:5" x14ac:dyDescent="0.25">
      <c r="A1882" s="2">
        <v>376</v>
      </c>
      <c r="B1882" s="2">
        <v>376</v>
      </c>
      <c r="C1882" s="1" t="s">
        <v>0</v>
      </c>
      <c r="D1882" s="2">
        <v>154710</v>
      </c>
      <c r="E1882" s="1" t="s">
        <v>0</v>
      </c>
    </row>
    <row r="1883" spans="1:5" x14ac:dyDescent="0.25">
      <c r="A1883" s="1" t="s">
        <v>342</v>
      </c>
      <c r="B1883" s="1" t="s">
        <v>5497</v>
      </c>
      <c r="C1883" s="1" t="s">
        <v>15912</v>
      </c>
      <c r="D1883" s="2">
        <v>154711</v>
      </c>
      <c r="E1883" s="1" t="s">
        <v>0</v>
      </c>
    </row>
    <row r="1884" spans="1:5" x14ac:dyDescent="0.25">
      <c r="A1884" s="1" t="s">
        <v>15913</v>
      </c>
      <c r="B1884" s="1" t="s">
        <v>61472</v>
      </c>
      <c r="C1884" s="1" t="s">
        <v>15914</v>
      </c>
      <c r="D1884" s="2">
        <v>154712</v>
      </c>
      <c r="E1884" s="1" t="s">
        <v>0</v>
      </c>
    </row>
    <row r="1885" spans="1:5" ht="409.5" x14ac:dyDescent="0.25">
      <c r="A1885" s="4" t="s">
        <v>15915</v>
      </c>
      <c r="B1885" s="1" t="s">
        <v>61473</v>
      </c>
      <c r="C1885" s="1" t="s">
        <v>15916</v>
      </c>
      <c r="D1885" s="2">
        <v>154713</v>
      </c>
      <c r="E1885" s="1" t="s">
        <v>0</v>
      </c>
    </row>
    <row r="1886" spans="1:5" x14ac:dyDescent="0.25">
      <c r="A1886" s="1" t="s">
        <v>15917</v>
      </c>
      <c r="B1886" s="1" t="s">
        <v>51523</v>
      </c>
      <c r="C1886" s="1" t="s">
        <v>15918</v>
      </c>
      <c r="D1886" s="2">
        <v>154714</v>
      </c>
      <c r="E1886" s="1" t="s">
        <v>0</v>
      </c>
    </row>
    <row r="1887" spans="1:5" x14ac:dyDescent="0.25">
      <c r="A1887" s="2">
        <v>377</v>
      </c>
      <c r="B1887" s="2">
        <v>377</v>
      </c>
      <c r="C1887" s="1" t="s">
        <v>0</v>
      </c>
      <c r="D1887" s="2">
        <v>154715</v>
      </c>
      <c r="E1887" s="1" t="s">
        <v>0</v>
      </c>
    </row>
    <row r="1888" spans="1:5" x14ac:dyDescent="0.25">
      <c r="A1888" s="1" t="s">
        <v>343</v>
      </c>
      <c r="B1888" s="1" t="s">
        <v>5498</v>
      </c>
      <c r="C1888" s="1" t="s">
        <v>15919</v>
      </c>
      <c r="D1888" s="2">
        <v>154716</v>
      </c>
      <c r="E1888" s="1" t="s">
        <v>0</v>
      </c>
    </row>
    <row r="1889" spans="1:5" x14ac:dyDescent="0.25">
      <c r="A1889" s="1" t="s">
        <v>15920</v>
      </c>
      <c r="B1889" s="1" t="s">
        <v>51524</v>
      </c>
      <c r="C1889" s="1" t="s">
        <v>15921</v>
      </c>
      <c r="D1889" s="2">
        <v>154717</v>
      </c>
      <c r="E1889" s="1" t="s">
        <v>0</v>
      </c>
    </row>
    <row r="1890" spans="1:5" ht="409.5" x14ac:dyDescent="0.25">
      <c r="A1890" s="4" t="s">
        <v>15922</v>
      </c>
      <c r="B1890" s="1" t="s">
        <v>51525</v>
      </c>
      <c r="C1890" s="1" t="s">
        <v>15923</v>
      </c>
      <c r="D1890" s="2">
        <v>154718</v>
      </c>
      <c r="E1890" s="1" t="s">
        <v>0</v>
      </c>
    </row>
    <row r="1891" spans="1:5" x14ac:dyDescent="0.25">
      <c r="A1891" s="1" t="s">
        <v>15924</v>
      </c>
      <c r="B1891" s="1" t="s">
        <v>5499</v>
      </c>
      <c r="C1891" s="1" t="s">
        <v>15925</v>
      </c>
      <c r="D1891" s="2">
        <v>154719</v>
      </c>
      <c r="E1891" s="1" t="s">
        <v>0</v>
      </c>
    </row>
    <row r="1892" spans="1:5" x14ac:dyDescent="0.25">
      <c r="A1892" s="2">
        <v>378</v>
      </c>
      <c r="B1892" s="2">
        <v>378</v>
      </c>
      <c r="C1892" s="1" t="s">
        <v>0</v>
      </c>
      <c r="D1892" s="2">
        <v>154720</v>
      </c>
      <c r="E1892" s="1" t="s">
        <v>0</v>
      </c>
    </row>
    <row r="1893" spans="1:5" x14ac:dyDescent="0.25">
      <c r="A1893" s="1" t="s">
        <v>344</v>
      </c>
      <c r="B1893" s="1" t="s">
        <v>5500</v>
      </c>
      <c r="C1893" s="1" t="s">
        <v>15926</v>
      </c>
      <c r="D1893" s="2">
        <v>154721</v>
      </c>
      <c r="E1893" s="1" t="s">
        <v>0</v>
      </c>
    </row>
    <row r="1894" spans="1:5" x14ac:dyDescent="0.25">
      <c r="A1894" s="1" t="s">
        <v>15927</v>
      </c>
      <c r="B1894" s="1" t="s">
        <v>51526</v>
      </c>
      <c r="C1894" s="1" t="s">
        <v>15928</v>
      </c>
      <c r="D1894" s="2">
        <v>154722</v>
      </c>
      <c r="E1894" s="1" t="s">
        <v>0</v>
      </c>
    </row>
    <row r="1895" spans="1:5" ht="409.5" x14ac:dyDescent="0.25">
      <c r="A1895" s="4" t="s">
        <v>15929</v>
      </c>
      <c r="B1895" s="1" t="s">
        <v>51527</v>
      </c>
      <c r="C1895" s="1" t="s">
        <v>15930</v>
      </c>
      <c r="D1895" s="2">
        <v>154723</v>
      </c>
      <c r="E1895" s="1" t="s">
        <v>0</v>
      </c>
    </row>
    <row r="1896" spans="1:5" x14ac:dyDescent="0.25">
      <c r="A1896" s="1" t="s">
        <v>13413</v>
      </c>
      <c r="B1896" s="1" t="s">
        <v>60845</v>
      </c>
      <c r="C1896" s="1" t="s">
        <v>13414</v>
      </c>
      <c r="D1896" s="2">
        <v>154724</v>
      </c>
      <c r="E1896" s="1" t="s">
        <v>0</v>
      </c>
    </row>
    <row r="1897" spans="1:5" x14ac:dyDescent="0.25">
      <c r="A1897" s="2">
        <v>379</v>
      </c>
      <c r="B1897" s="2">
        <v>379</v>
      </c>
      <c r="C1897" s="1" t="s">
        <v>0</v>
      </c>
      <c r="D1897" s="2">
        <v>154725</v>
      </c>
      <c r="E1897" s="1" t="s">
        <v>0</v>
      </c>
    </row>
    <row r="1898" spans="1:5" x14ac:dyDescent="0.25">
      <c r="A1898" s="1" t="s">
        <v>345</v>
      </c>
      <c r="B1898" s="1" t="s">
        <v>5501</v>
      </c>
      <c r="C1898" s="1" t="s">
        <v>15931</v>
      </c>
      <c r="D1898" s="2">
        <v>154726</v>
      </c>
      <c r="E1898" s="1" t="s">
        <v>0</v>
      </c>
    </row>
    <row r="1899" spans="1:5" x14ac:dyDescent="0.25">
      <c r="A1899" s="1" t="s">
        <v>15932</v>
      </c>
      <c r="B1899" s="1" t="s">
        <v>5502</v>
      </c>
      <c r="C1899" s="1" t="s">
        <v>15933</v>
      </c>
      <c r="D1899" s="2">
        <v>154727</v>
      </c>
      <c r="E1899" s="1" t="s">
        <v>0</v>
      </c>
    </row>
    <row r="1900" spans="1:5" ht="409.5" x14ac:dyDescent="0.25">
      <c r="A1900" s="4" t="s">
        <v>15934</v>
      </c>
      <c r="B1900" s="1" t="s">
        <v>51528</v>
      </c>
      <c r="C1900" s="1" t="s">
        <v>15935</v>
      </c>
      <c r="D1900" s="2">
        <v>154728</v>
      </c>
      <c r="E1900" s="1" t="s">
        <v>0</v>
      </c>
    </row>
    <row r="1901" spans="1:5" x14ac:dyDescent="0.25">
      <c r="A1901" s="1" t="s">
        <v>15936</v>
      </c>
      <c r="B1901" s="1" t="s">
        <v>5503</v>
      </c>
      <c r="C1901" s="1" t="s">
        <v>15937</v>
      </c>
      <c r="D1901" s="2">
        <v>154729</v>
      </c>
      <c r="E1901" s="1" t="s">
        <v>0</v>
      </c>
    </row>
    <row r="1902" spans="1:5" x14ac:dyDescent="0.25">
      <c r="A1902" s="2">
        <v>380</v>
      </c>
      <c r="B1902" s="2">
        <v>380</v>
      </c>
      <c r="C1902" s="1" t="s">
        <v>0</v>
      </c>
      <c r="D1902" s="2">
        <v>154730</v>
      </c>
      <c r="E1902" s="1" t="s">
        <v>0</v>
      </c>
    </row>
    <row r="1903" spans="1:5" x14ac:dyDescent="0.25">
      <c r="A1903" s="1" t="s">
        <v>346</v>
      </c>
      <c r="B1903" s="1" t="s">
        <v>5504</v>
      </c>
      <c r="C1903" s="1" t="s">
        <v>15938</v>
      </c>
      <c r="D1903" s="2">
        <v>154731</v>
      </c>
      <c r="E1903" s="1" t="s">
        <v>0</v>
      </c>
    </row>
    <row r="1904" spans="1:5" x14ac:dyDescent="0.25">
      <c r="A1904" s="1" t="s">
        <v>15939</v>
      </c>
      <c r="B1904" s="1" t="s">
        <v>5505</v>
      </c>
      <c r="C1904" s="1" t="s">
        <v>15940</v>
      </c>
      <c r="D1904" s="2">
        <v>154732</v>
      </c>
      <c r="E1904" s="1" t="s">
        <v>0</v>
      </c>
    </row>
    <row r="1905" spans="1:5" ht="409.5" x14ac:dyDescent="0.25">
      <c r="A1905" s="4" t="s">
        <v>15941</v>
      </c>
      <c r="B1905" s="1" t="s">
        <v>5506</v>
      </c>
      <c r="C1905" s="1" t="s">
        <v>15942</v>
      </c>
      <c r="D1905" s="2">
        <v>154733</v>
      </c>
      <c r="E1905" s="1" t="s">
        <v>0</v>
      </c>
    </row>
    <row r="1906" spans="1:5" x14ac:dyDescent="0.25">
      <c r="A1906" s="1" t="s">
        <v>15943</v>
      </c>
      <c r="B1906" s="1" t="s">
        <v>51529</v>
      </c>
      <c r="C1906" s="1" t="s">
        <v>15944</v>
      </c>
      <c r="D1906" s="2">
        <v>154734</v>
      </c>
      <c r="E1906" s="1" t="s">
        <v>0</v>
      </c>
    </row>
    <row r="1907" spans="1:5" x14ac:dyDescent="0.25">
      <c r="A1907" s="2">
        <v>381</v>
      </c>
      <c r="B1907" s="2">
        <v>381</v>
      </c>
      <c r="C1907" s="1" t="s">
        <v>0</v>
      </c>
      <c r="D1907" s="2">
        <v>154735</v>
      </c>
      <c r="E1907" s="1" t="s">
        <v>0</v>
      </c>
    </row>
    <row r="1908" spans="1:5" x14ac:dyDescent="0.25">
      <c r="A1908" s="1" t="s">
        <v>347</v>
      </c>
      <c r="B1908" s="1" t="s">
        <v>5507</v>
      </c>
      <c r="C1908" s="1" t="s">
        <v>15945</v>
      </c>
      <c r="D1908" s="2">
        <v>154736</v>
      </c>
      <c r="E1908" s="1" t="s">
        <v>0</v>
      </c>
    </row>
    <row r="1909" spans="1:5" x14ac:dyDescent="0.25">
      <c r="A1909" s="1" t="s">
        <v>15946</v>
      </c>
      <c r="B1909" s="1" t="s">
        <v>5508</v>
      </c>
      <c r="C1909" s="1" t="s">
        <v>15947</v>
      </c>
      <c r="D1909" s="2">
        <v>154737</v>
      </c>
      <c r="E1909" s="1" t="s">
        <v>0</v>
      </c>
    </row>
    <row r="1910" spans="1:5" ht="409.5" x14ac:dyDescent="0.25">
      <c r="A1910" s="4" t="s">
        <v>15948</v>
      </c>
      <c r="B1910" s="1" t="s">
        <v>60689</v>
      </c>
      <c r="C1910" s="1" t="s">
        <v>15949</v>
      </c>
      <c r="D1910" s="2">
        <v>154738</v>
      </c>
      <c r="E1910" s="1" t="s">
        <v>0</v>
      </c>
    </row>
    <row r="1911" spans="1:5" x14ac:dyDescent="0.25">
      <c r="A1911" s="1" t="s">
        <v>15950</v>
      </c>
      <c r="B1911" s="1" t="s">
        <v>51530</v>
      </c>
      <c r="C1911" s="1" t="s">
        <v>15951</v>
      </c>
      <c r="D1911" s="2">
        <v>154739</v>
      </c>
      <c r="E1911" s="1" t="s">
        <v>0</v>
      </c>
    </row>
    <row r="1912" spans="1:5" x14ac:dyDescent="0.25">
      <c r="A1912" s="2">
        <v>382</v>
      </c>
      <c r="B1912" s="2">
        <v>382</v>
      </c>
      <c r="C1912" s="1" t="s">
        <v>0</v>
      </c>
      <c r="D1912" s="2">
        <v>154740</v>
      </c>
      <c r="E1912" s="1" t="s">
        <v>0</v>
      </c>
    </row>
    <row r="1913" spans="1:5" x14ac:dyDescent="0.25">
      <c r="A1913" s="1" t="s">
        <v>348</v>
      </c>
      <c r="B1913" s="1" t="s">
        <v>5509</v>
      </c>
      <c r="C1913" s="1" t="s">
        <v>15952</v>
      </c>
      <c r="D1913" s="2">
        <v>154741</v>
      </c>
      <c r="E1913" s="1" t="s">
        <v>0</v>
      </c>
    </row>
    <row r="1914" spans="1:5" x14ac:dyDescent="0.25">
      <c r="A1914" s="1" t="s">
        <v>15953</v>
      </c>
      <c r="B1914" s="1" t="s">
        <v>5510</v>
      </c>
      <c r="C1914" s="1" t="s">
        <v>15954</v>
      </c>
      <c r="D1914" s="2">
        <v>154742</v>
      </c>
      <c r="E1914" s="1" t="s">
        <v>0</v>
      </c>
    </row>
    <row r="1915" spans="1:5" ht="409.5" x14ac:dyDescent="0.25">
      <c r="A1915" s="4" t="s">
        <v>15955</v>
      </c>
      <c r="B1915" s="1" t="s">
        <v>51531</v>
      </c>
      <c r="C1915" s="1" t="s">
        <v>15956</v>
      </c>
      <c r="D1915" s="2">
        <v>154743</v>
      </c>
      <c r="E1915" s="1" t="s">
        <v>0</v>
      </c>
    </row>
    <row r="1916" spans="1:5" x14ac:dyDescent="0.25">
      <c r="A1916" s="1" t="s">
        <v>15957</v>
      </c>
      <c r="B1916" s="1" t="s">
        <v>5511</v>
      </c>
      <c r="C1916" s="1" t="s">
        <v>15958</v>
      </c>
      <c r="D1916" s="2">
        <v>154744</v>
      </c>
      <c r="E1916" s="1" t="s">
        <v>0</v>
      </c>
    </row>
    <row r="1917" spans="1:5" x14ac:dyDescent="0.25">
      <c r="A1917" s="2">
        <v>383</v>
      </c>
      <c r="B1917" s="2">
        <v>383</v>
      </c>
      <c r="C1917" s="1" t="s">
        <v>0</v>
      </c>
      <c r="D1917" s="2">
        <v>154745</v>
      </c>
      <c r="E1917" s="1" t="s">
        <v>0</v>
      </c>
    </row>
    <row r="1918" spans="1:5" x14ac:dyDescent="0.25">
      <c r="A1918" s="1" t="s">
        <v>349</v>
      </c>
      <c r="B1918" s="1" t="s">
        <v>5512</v>
      </c>
      <c r="C1918" s="1" t="s">
        <v>15959</v>
      </c>
      <c r="D1918" s="2">
        <v>154746</v>
      </c>
      <c r="E1918" s="1" t="s">
        <v>0</v>
      </c>
    </row>
    <row r="1919" spans="1:5" x14ac:dyDescent="0.25">
      <c r="A1919" s="1" t="s">
        <v>15960</v>
      </c>
      <c r="B1919" s="1" t="s">
        <v>5513</v>
      </c>
      <c r="C1919" s="1" t="s">
        <v>15961</v>
      </c>
      <c r="D1919" s="2">
        <v>154747</v>
      </c>
      <c r="E1919" s="1" t="s">
        <v>0</v>
      </c>
    </row>
    <row r="1920" spans="1:5" ht="409.5" x14ac:dyDescent="0.25">
      <c r="A1920" s="4" t="s">
        <v>15962</v>
      </c>
      <c r="B1920" s="1" t="s">
        <v>5514</v>
      </c>
      <c r="C1920" s="1" t="s">
        <v>15963</v>
      </c>
      <c r="D1920" s="2">
        <v>154748</v>
      </c>
      <c r="E1920" s="1" t="s">
        <v>0</v>
      </c>
    </row>
    <row r="1921" spans="1:5" x14ac:dyDescent="0.25">
      <c r="A1921" s="1" t="s">
        <v>15964</v>
      </c>
      <c r="B1921" s="1" t="s">
        <v>51532</v>
      </c>
      <c r="C1921" s="1" t="s">
        <v>15965</v>
      </c>
      <c r="D1921" s="2">
        <v>154749</v>
      </c>
      <c r="E1921" s="1" t="s">
        <v>0</v>
      </c>
    </row>
    <row r="1922" spans="1:5" x14ac:dyDescent="0.25">
      <c r="A1922" s="2">
        <v>384</v>
      </c>
      <c r="B1922" s="2">
        <v>384</v>
      </c>
      <c r="C1922" s="1" t="s">
        <v>0</v>
      </c>
      <c r="D1922" s="2">
        <v>154750</v>
      </c>
      <c r="E1922" s="1" t="s">
        <v>0</v>
      </c>
    </row>
    <row r="1923" spans="1:5" x14ac:dyDescent="0.25">
      <c r="A1923" s="1" t="s">
        <v>350</v>
      </c>
      <c r="B1923" s="1" t="s">
        <v>5515</v>
      </c>
      <c r="C1923" s="1" t="s">
        <v>15966</v>
      </c>
      <c r="D1923" s="2">
        <v>154751</v>
      </c>
      <c r="E1923" s="1" t="s">
        <v>0</v>
      </c>
    </row>
    <row r="1924" spans="1:5" x14ac:dyDescent="0.25">
      <c r="A1924" s="1" t="s">
        <v>15967</v>
      </c>
      <c r="B1924" s="1" t="s">
        <v>50393</v>
      </c>
      <c r="C1924" s="1" t="s">
        <v>15968</v>
      </c>
      <c r="D1924" s="2">
        <v>154752</v>
      </c>
      <c r="E1924" s="1" t="s">
        <v>0</v>
      </c>
    </row>
    <row r="1925" spans="1:5" ht="409.5" x14ac:dyDescent="0.25">
      <c r="A1925" s="4" t="s">
        <v>15969</v>
      </c>
      <c r="B1925" s="1" t="s">
        <v>63191</v>
      </c>
      <c r="C1925" s="1" t="s">
        <v>15970</v>
      </c>
      <c r="D1925" s="2">
        <v>154753</v>
      </c>
      <c r="E1925" s="1" t="s">
        <v>0</v>
      </c>
    </row>
    <row r="1926" spans="1:5" x14ac:dyDescent="0.25">
      <c r="A1926" s="1" t="s">
        <v>15971</v>
      </c>
      <c r="B1926" s="1" t="s">
        <v>5516</v>
      </c>
      <c r="C1926" s="1" t="s">
        <v>15972</v>
      </c>
      <c r="D1926" s="2">
        <v>154754</v>
      </c>
      <c r="E1926" s="1" t="s">
        <v>0</v>
      </c>
    </row>
    <row r="1927" spans="1:5" x14ac:dyDescent="0.25">
      <c r="A1927" s="2">
        <v>385</v>
      </c>
      <c r="B1927" s="2">
        <v>385</v>
      </c>
      <c r="C1927" s="1" t="s">
        <v>0</v>
      </c>
      <c r="D1927" s="2">
        <v>154755</v>
      </c>
      <c r="E1927" s="1" t="s">
        <v>0</v>
      </c>
    </row>
    <row r="1928" spans="1:5" x14ac:dyDescent="0.25">
      <c r="A1928" s="1" t="s">
        <v>351</v>
      </c>
      <c r="B1928" s="1" t="s">
        <v>5517</v>
      </c>
      <c r="C1928" s="1" t="s">
        <v>15973</v>
      </c>
      <c r="D1928" s="2">
        <v>154756</v>
      </c>
      <c r="E1928" s="1" t="s">
        <v>0</v>
      </c>
    </row>
    <row r="1929" spans="1:5" x14ac:dyDescent="0.25">
      <c r="A1929" s="1" t="s">
        <v>63963</v>
      </c>
      <c r="B1929" s="1" t="s">
        <v>5518</v>
      </c>
      <c r="C1929" s="1" t="s">
        <v>15974</v>
      </c>
      <c r="D1929" s="2">
        <v>154757</v>
      </c>
      <c r="E1929" s="1" t="s">
        <v>0</v>
      </c>
    </row>
    <row r="1930" spans="1:5" ht="409.5" x14ac:dyDescent="0.25">
      <c r="A1930" s="4" t="s">
        <v>63964</v>
      </c>
      <c r="B1930" s="1" t="s">
        <v>57389</v>
      </c>
      <c r="C1930" s="1" t="s">
        <v>15975</v>
      </c>
      <c r="D1930" s="2">
        <v>154758</v>
      </c>
      <c r="E1930" s="1" t="s">
        <v>0</v>
      </c>
    </row>
    <row r="1931" spans="1:5" x14ac:dyDescent="0.25">
      <c r="A1931" s="1" t="s">
        <v>15976</v>
      </c>
      <c r="B1931" s="1" t="s">
        <v>51533</v>
      </c>
      <c r="C1931" s="1" t="s">
        <v>15977</v>
      </c>
      <c r="D1931" s="2">
        <v>154759</v>
      </c>
      <c r="E1931" s="1" t="s">
        <v>0</v>
      </c>
    </row>
    <row r="1932" spans="1:5" x14ac:dyDescent="0.25">
      <c r="A1932" s="2">
        <v>386</v>
      </c>
      <c r="B1932" s="2">
        <v>386</v>
      </c>
      <c r="C1932" s="1" t="s">
        <v>0</v>
      </c>
      <c r="D1932" s="2">
        <v>154760</v>
      </c>
      <c r="E1932" s="1" t="s">
        <v>0</v>
      </c>
    </row>
    <row r="1933" spans="1:5" x14ac:dyDescent="0.25">
      <c r="A1933" s="1" t="s">
        <v>352</v>
      </c>
      <c r="B1933" s="1" t="s">
        <v>50394</v>
      </c>
      <c r="C1933" s="1" t="s">
        <v>15978</v>
      </c>
      <c r="D1933" s="2">
        <v>154761</v>
      </c>
      <c r="E1933" s="1" t="s">
        <v>0</v>
      </c>
    </row>
    <row r="1934" spans="1:5" x14ac:dyDescent="0.25">
      <c r="A1934" s="1" t="s">
        <v>15979</v>
      </c>
      <c r="B1934" s="1" t="s">
        <v>51534</v>
      </c>
      <c r="C1934" s="1" t="s">
        <v>15980</v>
      </c>
      <c r="D1934" s="2">
        <v>154762</v>
      </c>
      <c r="E1934" s="1" t="s">
        <v>0</v>
      </c>
    </row>
    <row r="1935" spans="1:5" ht="409.5" x14ac:dyDescent="0.25">
      <c r="A1935" s="4" t="s">
        <v>15981</v>
      </c>
      <c r="B1935" s="1" t="s">
        <v>51535</v>
      </c>
      <c r="C1935" s="1" t="s">
        <v>15982</v>
      </c>
      <c r="D1935" s="2">
        <v>154763</v>
      </c>
      <c r="E1935" s="1" t="s">
        <v>0</v>
      </c>
    </row>
    <row r="1936" spans="1:5" x14ac:dyDescent="0.25">
      <c r="A1936" s="1" t="s">
        <v>15983</v>
      </c>
      <c r="B1936" s="1" t="s">
        <v>5519</v>
      </c>
      <c r="C1936" s="1" t="s">
        <v>15984</v>
      </c>
      <c r="D1936" s="2">
        <v>154764</v>
      </c>
      <c r="E1936" s="1" t="s">
        <v>0</v>
      </c>
    </row>
    <row r="1937" spans="1:5" x14ac:dyDescent="0.25">
      <c r="A1937" s="2">
        <v>387</v>
      </c>
      <c r="B1937" s="2">
        <v>387</v>
      </c>
      <c r="C1937" s="1" t="s">
        <v>0</v>
      </c>
      <c r="D1937" s="2">
        <v>154765</v>
      </c>
      <c r="E1937" s="1" t="s">
        <v>0</v>
      </c>
    </row>
    <row r="1938" spans="1:5" x14ac:dyDescent="0.25">
      <c r="A1938" s="1" t="s">
        <v>353</v>
      </c>
      <c r="B1938" s="1" t="s">
        <v>56907</v>
      </c>
      <c r="C1938" s="1" t="s">
        <v>15985</v>
      </c>
      <c r="D1938" s="2">
        <v>154766</v>
      </c>
      <c r="E1938" s="1" t="s">
        <v>0</v>
      </c>
    </row>
    <row r="1939" spans="1:5" x14ac:dyDescent="0.25">
      <c r="A1939" s="1" t="s">
        <v>61747</v>
      </c>
      <c r="B1939" s="1" t="s">
        <v>58157</v>
      </c>
      <c r="C1939" s="1" t="s">
        <v>15986</v>
      </c>
      <c r="D1939" s="2">
        <v>154767</v>
      </c>
      <c r="E1939" s="1" t="s">
        <v>0</v>
      </c>
    </row>
    <row r="1940" spans="1:5" ht="409.5" x14ac:dyDescent="0.25">
      <c r="A1940" s="4" t="s">
        <v>61748</v>
      </c>
      <c r="B1940" s="1" t="s">
        <v>58158</v>
      </c>
      <c r="C1940" s="1" t="s">
        <v>15987</v>
      </c>
      <c r="D1940" s="2">
        <v>154768</v>
      </c>
      <c r="E1940" s="1" t="s">
        <v>0</v>
      </c>
    </row>
    <row r="1941" spans="1:5" x14ac:dyDescent="0.25">
      <c r="A1941" s="1" t="s">
        <v>15988</v>
      </c>
      <c r="B1941" s="1" t="s">
        <v>5520</v>
      </c>
      <c r="C1941" s="1" t="s">
        <v>15989</v>
      </c>
      <c r="D1941" s="2">
        <v>154769</v>
      </c>
      <c r="E1941" s="1" t="s">
        <v>0</v>
      </c>
    </row>
    <row r="1942" spans="1:5" x14ac:dyDescent="0.25">
      <c r="A1942" s="2">
        <v>388</v>
      </c>
      <c r="B1942" s="2">
        <v>388</v>
      </c>
      <c r="C1942" s="1" t="s">
        <v>0</v>
      </c>
      <c r="D1942" s="2">
        <v>154770</v>
      </c>
      <c r="E1942" s="1" t="s">
        <v>0</v>
      </c>
    </row>
    <row r="1943" spans="1:5" x14ac:dyDescent="0.25">
      <c r="A1943" s="1" t="s">
        <v>354</v>
      </c>
      <c r="B1943" s="1" t="s">
        <v>5521</v>
      </c>
      <c r="C1943" s="1" t="s">
        <v>15990</v>
      </c>
      <c r="D1943" s="2">
        <v>154771</v>
      </c>
      <c r="E1943" s="1" t="s">
        <v>0</v>
      </c>
    </row>
    <row r="1944" spans="1:5" x14ac:dyDescent="0.25">
      <c r="A1944" s="1" t="s">
        <v>15991</v>
      </c>
      <c r="B1944" s="1" t="s">
        <v>63602</v>
      </c>
      <c r="C1944" s="1" t="s">
        <v>15992</v>
      </c>
      <c r="D1944" s="2">
        <v>154772</v>
      </c>
      <c r="E1944" s="1" t="s">
        <v>0</v>
      </c>
    </row>
    <row r="1945" spans="1:5" ht="409.5" x14ac:dyDescent="0.25">
      <c r="A1945" s="4" t="s">
        <v>15993</v>
      </c>
      <c r="B1945" s="1" t="s">
        <v>63603</v>
      </c>
      <c r="C1945" s="1" t="s">
        <v>15994</v>
      </c>
      <c r="D1945" s="2">
        <v>154773</v>
      </c>
      <c r="E1945" s="1" t="s">
        <v>0</v>
      </c>
    </row>
    <row r="1946" spans="1:5" x14ac:dyDescent="0.25">
      <c r="A1946" s="1" t="s">
        <v>15995</v>
      </c>
      <c r="B1946" s="1" t="s">
        <v>5522</v>
      </c>
      <c r="C1946" s="1" t="s">
        <v>15996</v>
      </c>
      <c r="D1946" s="2">
        <v>154774</v>
      </c>
      <c r="E1946" s="1" t="s">
        <v>0</v>
      </c>
    </row>
    <row r="1947" spans="1:5" x14ac:dyDescent="0.25">
      <c r="A1947" s="2">
        <v>389</v>
      </c>
      <c r="B1947" s="2">
        <v>389</v>
      </c>
      <c r="C1947" s="1" t="s">
        <v>0</v>
      </c>
      <c r="D1947" s="2">
        <v>154775</v>
      </c>
      <c r="E1947" s="1" t="s">
        <v>0</v>
      </c>
    </row>
    <row r="1948" spans="1:5" x14ac:dyDescent="0.25">
      <c r="A1948" s="1" t="s">
        <v>355</v>
      </c>
      <c r="B1948" s="1" t="s">
        <v>5523</v>
      </c>
      <c r="C1948" s="1" t="s">
        <v>15997</v>
      </c>
      <c r="D1948" s="2">
        <v>154776</v>
      </c>
      <c r="E1948" s="1" t="s">
        <v>0</v>
      </c>
    </row>
    <row r="1949" spans="1:5" x14ac:dyDescent="0.25">
      <c r="A1949" s="1" t="s">
        <v>15998</v>
      </c>
      <c r="B1949" s="1" t="s">
        <v>5524</v>
      </c>
      <c r="C1949" s="1" t="s">
        <v>15999</v>
      </c>
      <c r="D1949" s="2">
        <v>154777</v>
      </c>
      <c r="E1949" s="1" t="s">
        <v>0</v>
      </c>
    </row>
    <row r="1950" spans="1:5" ht="409.5" x14ac:dyDescent="0.25">
      <c r="A1950" s="4" t="s">
        <v>63965</v>
      </c>
      <c r="B1950" s="1" t="s">
        <v>60895</v>
      </c>
      <c r="C1950" s="1" t="s">
        <v>16000</v>
      </c>
      <c r="D1950" s="2">
        <v>154778</v>
      </c>
      <c r="E1950" s="1" t="s">
        <v>0</v>
      </c>
    </row>
    <row r="1951" spans="1:5" x14ac:dyDescent="0.25">
      <c r="A1951" s="1" t="s">
        <v>15303</v>
      </c>
      <c r="B1951" s="1" t="s">
        <v>60888</v>
      </c>
      <c r="C1951" s="1" t="s">
        <v>15304</v>
      </c>
      <c r="D1951" s="2">
        <v>154779</v>
      </c>
      <c r="E1951" s="1" t="s">
        <v>0</v>
      </c>
    </row>
    <row r="1952" spans="1:5" x14ac:dyDescent="0.25">
      <c r="A1952" s="2">
        <v>390</v>
      </c>
      <c r="B1952" s="2">
        <v>390</v>
      </c>
      <c r="C1952" s="1" t="s">
        <v>0</v>
      </c>
      <c r="D1952" s="2">
        <v>154780</v>
      </c>
      <c r="E1952" s="1" t="s">
        <v>0</v>
      </c>
    </row>
    <row r="1953" spans="1:5" x14ac:dyDescent="0.25">
      <c r="A1953" s="1" t="s">
        <v>356</v>
      </c>
      <c r="B1953" s="1" t="s">
        <v>5525</v>
      </c>
      <c r="C1953" s="1" t="s">
        <v>16001</v>
      </c>
      <c r="D1953" s="2">
        <v>154781</v>
      </c>
      <c r="E1953" s="1" t="s">
        <v>0</v>
      </c>
    </row>
    <row r="1954" spans="1:5" x14ac:dyDescent="0.25">
      <c r="A1954" s="1" t="s">
        <v>16002</v>
      </c>
      <c r="B1954" s="1" t="s">
        <v>51536</v>
      </c>
      <c r="C1954" s="1" t="s">
        <v>16003</v>
      </c>
      <c r="D1954" s="2">
        <v>154782</v>
      </c>
      <c r="E1954" s="1" t="s">
        <v>0</v>
      </c>
    </row>
    <row r="1955" spans="1:5" ht="409.5" x14ac:dyDescent="0.25">
      <c r="A1955" s="4" t="s">
        <v>16004</v>
      </c>
      <c r="B1955" s="1" t="s">
        <v>63192</v>
      </c>
      <c r="C1955" s="1" t="s">
        <v>16005</v>
      </c>
      <c r="D1955" s="2">
        <v>154783</v>
      </c>
      <c r="E1955" s="1" t="s">
        <v>0</v>
      </c>
    </row>
    <row r="1956" spans="1:5" x14ac:dyDescent="0.25">
      <c r="A1956" s="1" t="s">
        <v>16006</v>
      </c>
      <c r="B1956" s="1" t="s">
        <v>5526</v>
      </c>
      <c r="C1956" s="1" t="s">
        <v>16007</v>
      </c>
      <c r="D1956" s="2">
        <v>154784</v>
      </c>
      <c r="E1956" s="1" t="s">
        <v>0</v>
      </c>
    </row>
    <row r="1957" spans="1:5" x14ac:dyDescent="0.25">
      <c r="A1957" s="2">
        <v>391</v>
      </c>
      <c r="B1957" s="2">
        <v>391</v>
      </c>
      <c r="C1957" s="1" t="s">
        <v>0</v>
      </c>
      <c r="D1957" s="2">
        <v>154785</v>
      </c>
      <c r="E1957" s="1" t="s">
        <v>0</v>
      </c>
    </row>
    <row r="1958" spans="1:5" x14ac:dyDescent="0.25">
      <c r="A1958" s="1" t="s">
        <v>357</v>
      </c>
      <c r="B1958" s="1" t="s">
        <v>57390</v>
      </c>
      <c r="C1958" s="1" t="s">
        <v>16008</v>
      </c>
      <c r="D1958" s="2">
        <v>154786</v>
      </c>
      <c r="E1958" s="1" t="s">
        <v>0</v>
      </c>
    </row>
    <row r="1959" spans="1:5" x14ac:dyDescent="0.25">
      <c r="A1959" s="1" t="s">
        <v>16009</v>
      </c>
      <c r="B1959" s="1" t="s">
        <v>62010</v>
      </c>
      <c r="C1959" s="1" t="s">
        <v>16010</v>
      </c>
      <c r="D1959" s="2">
        <v>154787</v>
      </c>
      <c r="E1959" s="1" t="s">
        <v>0</v>
      </c>
    </row>
    <row r="1960" spans="1:5" ht="409.5" x14ac:dyDescent="0.25">
      <c r="A1960" s="4" t="s">
        <v>63966</v>
      </c>
      <c r="B1960" s="1" t="s">
        <v>62011</v>
      </c>
      <c r="C1960" s="1" t="s">
        <v>16011</v>
      </c>
      <c r="D1960" s="2">
        <v>154788</v>
      </c>
      <c r="E1960" s="1" t="s">
        <v>0</v>
      </c>
    </row>
    <row r="1961" spans="1:5" x14ac:dyDescent="0.25">
      <c r="A1961" s="1" t="s">
        <v>16012</v>
      </c>
      <c r="B1961" s="1" t="s">
        <v>57391</v>
      </c>
      <c r="C1961" s="1" t="s">
        <v>16013</v>
      </c>
      <c r="D1961" s="2">
        <v>154789</v>
      </c>
      <c r="E1961" s="1" t="s">
        <v>0</v>
      </c>
    </row>
    <row r="1962" spans="1:5" x14ac:dyDescent="0.25">
      <c r="A1962" s="2">
        <v>392</v>
      </c>
      <c r="B1962" s="2">
        <v>392</v>
      </c>
      <c r="C1962" s="1" t="s">
        <v>0</v>
      </c>
      <c r="D1962" s="2">
        <v>154790</v>
      </c>
      <c r="E1962" s="1" t="s">
        <v>0</v>
      </c>
    </row>
    <row r="1963" spans="1:5" x14ac:dyDescent="0.25">
      <c r="A1963" s="1" t="s">
        <v>358</v>
      </c>
      <c r="B1963" s="1" t="s">
        <v>50395</v>
      </c>
      <c r="C1963" s="1" t="s">
        <v>16014</v>
      </c>
      <c r="D1963" s="2">
        <v>154791</v>
      </c>
      <c r="E1963" s="1" t="s">
        <v>0</v>
      </c>
    </row>
    <row r="1964" spans="1:5" x14ac:dyDescent="0.25">
      <c r="A1964" s="1" t="s">
        <v>16015</v>
      </c>
      <c r="B1964" s="1" t="s">
        <v>51537</v>
      </c>
      <c r="C1964" s="1" t="s">
        <v>16016</v>
      </c>
      <c r="D1964" s="2">
        <v>154792</v>
      </c>
      <c r="E1964" s="1" t="s">
        <v>0</v>
      </c>
    </row>
    <row r="1965" spans="1:5" x14ac:dyDescent="0.25">
      <c r="A1965" s="1" t="s">
        <v>16017</v>
      </c>
      <c r="B1965" s="1" t="s">
        <v>51538</v>
      </c>
      <c r="C1965" s="1" t="s">
        <v>16018</v>
      </c>
      <c r="D1965" s="2">
        <v>154793</v>
      </c>
      <c r="E1965" s="1" t="s">
        <v>0</v>
      </c>
    </row>
    <row r="1966" spans="1:5" x14ac:dyDescent="0.25">
      <c r="A1966" s="1" t="s">
        <v>16019</v>
      </c>
      <c r="B1966" s="1" t="s">
        <v>5527</v>
      </c>
      <c r="C1966" s="1" t="s">
        <v>16020</v>
      </c>
      <c r="D1966" s="2">
        <v>154794</v>
      </c>
      <c r="E1966" s="1" t="s">
        <v>0</v>
      </c>
    </row>
    <row r="1967" spans="1:5" x14ac:dyDescent="0.25">
      <c r="A1967" s="2">
        <v>393</v>
      </c>
      <c r="B1967" s="2">
        <v>393</v>
      </c>
      <c r="C1967" s="1" t="s">
        <v>0</v>
      </c>
      <c r="D1967" s="2">
        <v>154795</v>
      </c>
      <c r="E1967" s="1" t="s">
        <v>0</v>
      </c>
    </row>
    <row r="1968" spans="1:5" x14ac:dyDescent="0.25">
      <c r="A1968" s="1" t="s">
        <v>359</v>
      </c>
      <c r="B1968" s="1" t="s">
        <v>51539</v>
      </c>
      <c r="C1968" s="1" t="s">
        <v>16021</v>
      </c>
      <c r="D1968" s="2">
        <v>154796</v>
      </c>
      <c r="E1968" s="1" t="s">
        <v>0</v>
      </c>
    </row>
    <row r="1969" spans="1:5" x14ac:dyDescent="0.25">
      <c r="A1969" s="1" t="s">
        <v>16022</v>
      </c>
      <c r="B1969" s="1" t="s">
        <v>51540</v>
      </c>
      <c r="C1969" s="1" t="s">
        <v>16023</v>
      </c>
      <c r="D1969" s="2">
        <v>154797</v>
      </c>
      <c r="E1969" s="1" t="s">
        <v>0</v>
      </c>
    </row>
    <row r="1970" spans="1:5" ht="409.5" x14ac:dyDescent="0.25">
      <c r="A1970" s="4" t="s">
        <v>16024</v>
      </c>
      <c r="B1970" s="1" t="s">
        <v>60896</v>
      </c>
      <c r="C1970" s="1" t="s">
        <v>16025</v>
      </c>
      <c r="D1970" s="2">
        <v>154798</v>
      </c>
      <c r="E1970" s="1" t="s">
        <v>0</v>
      </c>
    </row>
    <row r="1971" spans="1:5" x14ac:dyDescent="0.25">
      <c r="A1971" s="1" t="s">
        <v>14855</v>
      </c>
      <c r="B1971" s="1" t="s">
        <v>60879</v>
      </c>
      <c r="C1971" s="1" t="s">
        <v>14856</v>
      </c>
      <c r="D1971" s="2">
        <v>154799</v>
      </c>
      <c r="E1971" s="1" t="s">
        <v>0</v>
      </c>
    </row>
    <row r="1972" spans="1:5" x14ac:dyDescent="0.25">
      <c r="A1972" s="2">
        <v>394</v>
      </c>
      <c r="B1972" s="2">
        <v>394</v>
      </c>
      <c r="C1972" s="1" t="s">
        <v>0</v>
      </c>
      <c r="D1972" s="2">
        <v>154800</v>
      </c>
      <c r="E1972" s="1" t="s">
        <v>0</v>
      </c>
    </row>
    <row r="1973" spans="1:5" x14ac:dyDescent="0.25">
      <c r="A1973" s="1" t="s">
        <v>360</v>
      </c>
      <c r="B1973" s="1" t="s">
        <v>5528</v>
      </c>
      <c r="C1973" s="1" t="s">
        <v>16026</v>
      </c>
      <c r="D1973" s="2">
        <v>154801</v>
      </c>
      <c r="E1973" s="1" t="s">
        <v>0</v>
      </c>
    </row>
    <row r="1974" spans="1:5" x14ac:dyDescent="0.25">
      <c r="A1974" s="1" t="s">
        <v>16027</v>
      </c>
      <c r="B1974" s="1" t="s">
        <v>5529</v>
      </c>
      <c r="C1974" s="1" t="s">
        <v>16028</v>
      </c>
      <c r="D1974" s="2">
        <v>154802</v>
      </c>
      <c r="E1974" s="1" t="s">
        <v>0</v>
      </c>
    </row>
    <row r="1975" spans="1:5" ht="409.5" x14ac:dyDescent="0.25">
      <c r="A1975" s="4" t="s">
        <v>16029</v>
      </c>
      <c r="B1975" s="1" t="s">
        <v>63193</v>
      </c>
      <c r="C1975" s="1" t="s">
        <v>16030</v>
      </c>
      <c r="D1975" s="2">
        <v>154803</v>
      </c>
      <c r="E1975" s="1" t="s">
        <v>0</v>
      </c>
    </row>
    <row r="1976" spans="1:5" x14ac:dyDescent="0.25">
      <c r="A1976" s="1" t="s">
        <v>16031</v>
      </c>
      <c r="B1976" s="1" t="s">
        <v>5530</v>
      </c>
      <c r="C1976" s="1" t="s">
        <v>16032</v>
      </c>
      <c r="D1976" s="2">
        <v>154804</v>
      </c>
      <c r="E1976" s="1" t="s">
        <v>0</v>
      </c>
    </row>
    <row r="1977" spans="1:5" x14ac:dyDescent="0.25">
      <c r="A1977" s="2">
        <v>395</v>
      </c>
      <c r="B1977" s="2">
        <v>395</v>
      </c>
      <c r="C1977" s="1" t="s">
        <v>0</v>
      </c>
      <c r="D1977" s="2">
        <v>154805</v>
      </c>
      <c r="E1977" s="1" t="s">
        <v>0</v>
      </c>
    </row>
    <row r="1978" spans="1:5" x14ac:dyDescent="0.25">
      <c r="A1978" s="1" t="s">
        <v>361</v>
      </c>
      <c r="B1978" s="1" t="s">
        <v>5531</v>
      </c>
      <c r="C1978" s="1" t="s">
        <v>16033</v>
      </c>
      <c r="D1978" s="2">
        <v>154806</v>
      </c>
      <c r="E1978" s="1" t="s">
        <v>0</v>
      </c>
    </row>
    <row r="1979" spans="1:5" x14ac:dyDescent="0.25">
      <c r="A1979" s="1" t="s">
        <v>16034</v>
      </c>
      <c r="B1979" s="1" t="s">
        <v>5532</v>
      </c>
      <c r="C1979" s="1" t="s">
        <v>16035</v>
      </c>
      <c r="D1979" s="2">
        <v>154807</v>
      </c>
      <c r="E1979" s="1" t="s">
        <v>0</v>
      </c>
    </row>
    <row r="1980" spans="1:5" ht="409.5" x14ac:dyDescent="0.25">
      <c r="A1980" s="4" t="s">
        <v>16036</v>
      </c>
      <c r="B1980" s="1" t="s">
        <v>57392</v>
      </c>
      <c r="C1980" s="1" t="s">
        <v>16037</v>
      </c>
      <c r="D1980" s="2">
        <v>154808</v>
      </c>
      <c r="E1980" s="1" t="s">
        <v>0</v>
      </c>
    </row>
    <row r="1981" spans="1:5" x14ac:dyDescent="0.25">
      <c r="A1981" s="1" t="s">
        <v>16038</v>
      </c>
      <c r="B1981" s="1" t="s">
        <v>51541</v>
      </c>
      <c r="C1981" s="1" t="s">
        <v>16039</v>
      </c>
      <c r="D1981" s="2">
        <v>154809</v>
      </c>
      <c r="E1981" s="1" t="s">
        <v>0</v>
      </c>
    </row>
    <row r="1982" spans="1:5" x14ac:dyDescent="0.25">
      <c r="A1982" s="2">
        <v>396</v>
      </c>
      <c r="B1982" s="2">
        <v>396</v>
      </c>
      <c r="C1982" s="1" t="s">
        <v>0</v>
      </c>
      <c r="D1982" s="2">
        <v>154810</v>
      </c>
      <c r="E1982" s="1" t="s">
        <v>0</v>
      </c>
    </row>
    <row r="1983" spans="1:5" x14ac:dyDescent="0.25">
      <c r="A1983" s="1" t="s">
        <v>362</v>
      </c>
      <c r="B1983" s="1" t="s">
        <v>5533</v>
      </c>
      <c r="C1983" s="1" t="s">
        <v>16040</v>
      </c>
      <c r="D1983" s="2">
        <v>154811</v>
      </c>
      <c r="E1983" s="1" t="s">
        <v>0</v>
      </c>
    </row>
    <row r="1984" spans="1:5" x14ac:dyDescent="0.25">
      <c r="A1984" s="1" t="s">
        <v>16041</v>
      </c>
      <c r="B1984" s="1" t="s">
        <v>62012</v>
      </c>
      <c r="C1984" s="1" t="s">
        <v>16042</v>
      </c>
      <c r="D1984" s="2">
        <v>154812</v>
      </c>
      <c r="E1984" s="1" t="s">
        <v>0</v>
      </c>
    </row>
    <row r="1985" spans="1:5" ht="409.5" x14ac:dyDescent="0.25">
      <c r="A1985" s="4" t="s">
        <v>16043</v>
      </c>
      <c r="B1985" s="1" t="s">
        <v>62013</v>
      </c>
      <c r="C1985" s="1" t="s">
        <v>16044</v>
      </c>
      <c r="D1985" s="2">
        <v>154813</v>
      </c>
      <c r="E1985" s="1" t="s">
        <v>0</v>
      </c>
    </row>
    <row r="1986" spans="1:5" x14ac:dyDescent="0.25">
      <c r="A1986" s="1" t="s">
        <v>16045</v>
      </c>
      <c r="B1986" s="1" t="s">
        <v>5534</v>
      </c>
      <c r="C1986" s="1" t="s">
        <v>16046</v>
      </c>
      <c r="D1986" s="2">
        <v>154814</v>
      </c>
      <c r="E1986" s="1" t="s">
        <v>0</v>
      </c>
    </row>
    <row r="1987" spans="1:5" x14ac:dyDescent="0.25">
      <c r="A1987" s="2">
        <v>397</v>
      </c>
      <c r="B1987" s="2">
        <v>397</v>
      </c>
      <c r="C1987" s="1" t="s">
        <v>0</v>
      </c>
      <c r="D1987" s="2">
        <v>154815</v>
      </c>
      <c r="E1987" s="1" t="s">
        <v>0</v>
      </c>
    </row>
    <row r="1988" spans="1:5" x14ac:dyDescent="0.25">
      <c r="A1988" s="1" t="s">
        <v>363</v>
      </c>
      <c r="B1988" s="1" t="s">
        <v>5535</v>
      </c>
      <c r="C1988" s="1" t="s">
        <v>16047</v>
      </c>
      <c r="D1988" s="2">
        <v>154816</v>
      </c>
      <c r="E1988" s="1" t="s">
        <v>0</v>
      </c>
    </row>
    <row r="1989" spans="1:5" x14ac:dyDescent="0.25">
      <c r="A1989" s="1" t="s">
        <v>16048</v>
      </c>
      <c r="B1989" s="1" t="s">
        <v>5536</v>
      </c>
      <c r="C1989" s="1" t="s">
        <v>16049</v>
      </c>
      <c r="D1989" s="2">
        <v>154817</v>
      </c>
      <c r="E1989" s="1" t="s">
        <v>0</v>
      </c>
    </row>
    <row r="1990" spans="1:5" ht="409.5" x14ac:dyDescent="0.25">
      <c r="A1990" s="4" t="s">
        <v>16050</v>
      </c>
      <c r="B1990" s="1" t="s">
        <v>62014</v>
      </c>
      <c r="C1990" s="1" t="s">
        <v>16051</v>
      </c>
      <c r="D1990" s="2">
        <v>154818</v>
      </c>
      <c r="E1990" s="1" t="s">
        <v>0</v>
      </c>
    </row>
    <row r="1991" spans="1:5" x14ac:dyDescent="0.25">
      <c r="A1991" s="1" t="s">
        <v>16052</v>
      </c>
      <c r="B1991" s="1" t="s">
        <v>57119</v>
      </c>
      <c r="C1991" s="1" t="s">
        <v>16053</v>
      </c>
      <c r="D1991" s="2">
        <v>154819</v>
      </c>
      <c r="E1991" s="1" t="s">
        <v>0</v>
      </c>
    </row>
    <row r="1992" spans="1:5" x14ac:dyDescent="0.25">
      <c r="A1992" s="2">
        <v>398</v>
      </c>
      <c r="B1992" s="2">
        <v>398</v>
      </c>
      <c r="C1992" s="1" t="s">
        <v>0</v>
      </c>
      <c r="D1992" s="2">
        <v>154820</v>
      </c>
      <c r="E1992" s="1" t="s">
        <v>0</v>
      </c>
    </row>
    <row r="1993" spans="1:5" x14ac:dyDescent="0.25">
      <c r="A1993" s="1" t="s">
        <v>364</v>
      </c>
      <c r="B1993" s="1" t="s">
        <v>5537</v>
      </c>
      <c r="C1993" s="1" t="s">
        <v>16054</v>
      </c>
      <c r="D1993" s="2">
        <v>154821</v>
      </c>
      <c r="E1993" s="1" t="s">
        <v>0</v>
      </c>
    </row>
    <row r="1994" spans="1:5" x14ac:dyDescent="0.25">
      <c r="A1994" s="1" t="s">
        <v>16055</v>
      </c>
      <c r="B1994" s="1" t="s">
        <v>5538</v>
      </c>
      <c r="C1994" s="1" t="s">
        <v>16056</v>
      </c>
      <c r="D1994" s="2">
        <v>154822</v>
      </c>
      <c r="E1994" s="1" t="s">
        <v>0</v>
      </c>
    </row>
    <row r="1995" spans="1:5" ht="409.5" x14ac:dyDescent="0.25">
      <c r="A1995" s="4" t="s">
        <v>16057</v>
      </c>
      <c r="B1995" s="1" t="s">
        <v>5539</v>
      </c>
      <c r="C1995" s="1" t="s">
        <v>16058</v>
      </c>
      <c r="D1995" s="2">
        <v>154823</v>
      </c>
      <c r="E1995" s="1" t="s">
        <v>0</v>
      </c>
    </row>
    <row r="1996" spans="1:5" x14ac:dyDescent="0.25">
      <c r="A1996" s="1" t="s">
        <v>16059</v>
      </c>
      <c r="B1996" s="1" t="s">
        <v>51542</v>
      </c>
      <c r="C1996" s="1" t="s">
        <v>16060</v>
      </c>
      <c r="D1996" s="2">
        <v>154824</v>
      </c>
      <c r="E1996" s="1" t="s">
        <v>0</v>
      </c>
    </row>
    <row r="1997" spans="1:5" x14ac:dyDescent="0.25">
      <c r="A1997" s="2">
        <v>399</v>
      </c>
      <c r="B1997" s="2">
        <v>399</v>
      </c>
      <c r="C1997" s="1" t="s">
        <v>0</v>
      </c>
      <c r="D1997" s="2">
        <v>154825</v>
      </c>
      <c r="E1997" s="1" t="s">
        <v>0</v>
      </c>
    </row>
    <row r="1998" spans="1:5" x14ac:dyDescent="0.25">
      <c r="A1998" s="1" t="s">
        <v>365</v>
      </c>
      <c r="B1998" s="1" t="s">
        <v>5540</v>
      </c>
      <c r="C1998" s="1" t="s">
        <v>16061</v>
      </c>
      <c r="D1998" s="2">
        <v>154826</v>
      </c>
      <c r="E1998" s="1" t="s">
        <v>0</v>
      </c>
    </row>
    <row r="1999" spans="1:5" x14ac:dyDescent="0.25">
      <c r="A1999" s="1" t="s">
        <v>16062</v>
      </c>
      <c r="B1999" s="1" t="s">
        <v>50396</v>
      </c>
      <c r="C1999" s="1" t="s">
        <v>16063</v>
      </c>
      <c r="D1999" s="2">
        <v>154827</v>
      </c>
      <c r="E1999" s="1" t="s">
        <v>0</v>
      </c>
    </row>
    <row r="2000" spans="1:5" ht="409.5" x14ac:dyDescent="0.25">
      <c r="A2000" s="4" t="s">
        <v>63967</v>
      </c>
      <c r="B2000" s="1" t="s">
        <v>63194</v>
      </c>
      <c r="C2000" s="1" t="s">
        <v>16064</v>
      </c>
      <c r="D2000" s="2">
        <v>154828</v>
      </c>
      <c r="E2000" s="1" t="s">
        <v>0</v>
      </c>
    </row>
    <row r="2001" spans="1:5" x14ac:dyDescent="0.25">
      <c r="A2001" s="1" t="s">
        <v>16065</v>
      </c>
      <c r="B2001" s="1" t="s">
        <v>51543</v>
      </c>
      <c r="C2001" s="1" t="s">
        <v>16066</v>
      </c>
      <c r="D2001" s="2">
        <v>154829</v>
      </c>
      <c r="E2001" s="1" t="s">
        <v>0</v>
      </c>
    </row>
    <row r="2002" spans="1:5" x14ac:dyDescent="0.25">
      <c r="A2002" s="2">
        <v>400</v>
      </c>
      <c r="B2002" s="2">
        <v>400</v>
      </c>
      <c r="C2002" s="1" t="s">
        <v>0</v>
      </c>
      <c r="D2002" s="2">
        <v>154830</v>
      </c>
      <c r="E2002" s="1" t="s">
        <v>0</v>
      </c>
    </row>
    <row r="2003" spans="1:5" x14ac:dyDescent="0.25">
      <c r="A2003" s="1" t="s">
        <v>366</v>
      </c>
      <c r="B2003" s="1" t="s">
        <v>5541</v>
      </c>
      <c r="C2003" s="1" t="s">
        <v>16067</v>
      </c>
      <c r="D2003" s="2">
        <v>154831</v>
      </c>
      <c r="E2003" s="1" t="s">
        <v>0</v>
      </c>
    </row>
    <row r="2004" spans="1:5" x14ac:dyDescent="0.25">
      <c r="A2004" s="1" t="s">
        <v>16068</v>
      </c>
      <c r="B2004" s="1" t="s">
        <v>51544</v>
      </c>
      <c r="C2004" s="1" t="s">
        <v>16069</v>
      </c>
      <c r="D2004" s="2">
        <v>154832</v>
      </c>
      <c r="E2004" s="1" t="s">
        <v>0</v>
      </c>
    </row>
    <row r="2005" spans="1:5" ht="409.5" x14ac:dyDescent="0.25">
      <c r="A2005" s="4" t="s">
        <v>16070</v>
      </c>
      <c r="B2005" s="1" t="s">
        <v>59752</v>
      </c>
      <c r="C2005" s="1" t="s">
        <v>16071</v>
      </c>
      <c r="D2005" s="2">
        <v>154833</v>
      </c>
      <c r="E2005" s="1" t="s">
        <v>0</v>
      </c>
    </row>
    <row r="2006" spans="1:5" x14ac:dyDescent="0.25">
      <c r="A2006" s="1" t="s">
        <v>16072</v>
      </c>
      <c r="B2006" s="1" t="s">
        <v>5542</v>
      </c>
      <c r="C2006" s="1" t="s">
        <v>16073</v>
      </c>
      <c r="D2006" s="2">
        <v>154834</v>
      </c>
      <c r="E2006" s="1" t="s">
        <v>0</v>
      </c>
    </row>
    <row r="2007" spans="1:5" x14ac:dyDescent="0.25">
      <c r="A2007" s="2">
        <v>401</v>
      </c>
      <c r="B2007" s="2">
        <v>401</v>
      </c>
      <c r="C2007" s="1" t="s">
        <v>0</v>
      </c>
      <c r="D2007" s="2">
        <v>154835</v>
      </c>
      <c r="E2007" s="1" t="s">
        <v>0</v>
      </c>
    </row>
    <row r="2008" spans="1:5" x14ac:dyDescent="0.25">
      <c r="A2008" s="1" t="s">
        <v>367</v>
      </c>
      <c r="B2008" s="1" t="s">
        <v>5543</v>
      </c>
      <c r="C2008" s="1" t="s">
        <v>16074</v>
      </c>
      <c r="D2008" s="2">
        <v>154836</v>
      </c>
      <c r="E2008" s="1" t="s">
        <v>0</v>
      </c>
    </row>
    <row r="2009" spans="1:5" x14ac:dyDescent="0.25">
      <c r="A2009" s="1" t="s">
        <v>16075</v>
      </c>
      <c r="B2009" s="1" t="s">
        <v>51545</v>
      </c>
      <c r="C2009" s="1" t="s">
        <v>16076</v>
      </c>
      <c r="D2009" s="2">
        <v>154837</v>
      </c>
      <c r="E2009" s="1" t="s">
        <v>0</v>
      </c>
    </row>
    <row r="2010" spans="1:5" ht="409.5" x14ac:dyDescent="0.25">
      <c r="A2010" s="4" t="s">
        <v>16077</v>
      </c>
      <c r="B2010" s="1" t="s">
        <v>61474</v>
      </c>
      <c r="C2010" s="1" t="s">
        <v>16078</v>
      </c>
      <c r="D2010" s="2">
        <v>154838</v>
      </c>
      <c r="E2010" s="1" t="s">
        <v>0</v>
      </c>
    </row>
    <row r="2011" spans="1:5" x14ac:dyDescent="0.25">
      <c r="A2011" s="1" t="s">
        <v>16079</v>
      </c>
      <c r="B2011" s="1" t="s">
        <v>51546</v>
      </c>
      <c r="C2011" s="1" t="s">
        <v>16080</v>
      </c>
      <c r="D2011" s="2">
        <v>154839</v>
      </c>
      <c r="E2011" s="1" t="s">
        <v>0</v>
      </c>
    </row>
    <row r="2012" spans="1:5" x14ac:dyDescent="0.25">
      <c r="A2012" s="2">
        <v>402</v>
      </c>
      <c r="B2012" s="2">
        <v>402</v>
      </c>
      <c r="C2012" s="1" t="s">
        <v>0</v>
      </c>
      <c r="D2012" s="2">
        <v>154840</v>
      </c>
      <c r="E2012" s="1" t="s">
        <v>0</v>
      </c>
    </row>
    <row r="2013" spans="1:5" x14ac:dyDescent="0.25">
      <c r="A2013" s="1" t="s">
        <v>368</v>
      </c>
      <c r="B2013" s="1" t="s">
        <v>5544</v>
      </c>
      <c r="C2013" s="1" t="s">
        <v>16081</v>
      </c>
      <c r="D2013" s="2">
        <v>154841</v>
      </c>
      <c r="E2013" s="1" t="s">
        <v>0</v>
      </c>
    </row>
    <row r="2014" spans="1:5" x14ac:dyDescent="0.25">
      <c r="A2014" s="1" t="s">
        <v>16082</v>
      </c>
      <c r="B2014" s="1" t="s">
        <v>63604</v>
      </c>
      <c r="C2014" s="1" t="s">
        <v>16083</v>
      </c>
      <c r="D2014" s="2">
        <v>154842</v>
      </c>
      <c r="E2014" s="1" t="s">
        <v>0</v>
      </c>
    </row>
    <row r="2015" spans="1:5" ht="409.5" x14ac:dyDescent="0.25">
      <c r="A2015" s="4" t="s">
        <v>16084</v>
      </c>
      <c r="B2015" s="1" t="s">
        <v>63605</v>
      </c>
      <c r="C2015" s="1" t="s">
        <v>16085</v>
      </c>
      <c r="D2015" s="2">
        <v>154843</v>
      </c>
      <c r="E2015" s="1" t="s">
        <v>0</v>
      </c>
    </row>
    <row r="2016" spans="1:5" x14ac:dyDescent="0.25">
      <c r="A2016" s="1" t="s">
        <v>16086</v>
      </c>
      <c r="B2016" s="1" t="s">
        <v>60897</v>
      </c>
      <c r="C2016" s="1" t="s">
        <v>16087</v>
      </c>
      <c r="D2016" s="2">
        <v>154844</v>
      </c>
      <c r="E2016" s="1" t="s">
        <v>0</v>
      </c>
    </row>
    <row r="2017" spans="1:5" x14ac:dyDescent="0.25">
      <c r="A2017" s="2">
        <v>403</v>
      </c>
      <c r="B2017" s="2">
        <v>403</v>
      </c>
      <c r="C2017" s="1" t="s">
        <v>0</v>
      </c>
      <c r="D2017" s="2">
        <v>154845</v>
      </c>
      <c r="E2017" s="1" t="s">
        <v>0</v>
      </c>
    </row>
    <row r="2018" spans="1:5" x14ac:dyDescent="0.25">
      <c r="A2018" s="1" t="s">
        <v>369</v>
      </c>
      <c r="B2018" s="1" t="s">
        <v>5545</v>
      </c>
      <c r="C2018" s="1" t="s">
        <v>16088</v>
      </c>
      <c r="D2018" s="2">
        <v>154846</v>
      </c>
      <c r="E2018" s="1" t="s">
        <v>0</v>
      </c>
    </row>
    <row r="2019" spans="1:5" x14ac:dyDescent="0.25">
      <c r="A2019" s="1" t="s">
        <v>16089</v>
      </c>
      <c r="B2019" s="1" t="s">
        <v>51547</v>
      </c>
      <c r="C2019" s="1" t="s">
        <v>16090</v>
      </c>
      <c r="D2019" s="2">
        <v>154847</v>
      </c>
      <c r="E2019" s="1" t="s">
        <v>0</v>
      </c>
    </row>
    <row r="2020" spans="1:5" ht="409.5" x14ac:dyDescent="0.25">
      <c r="A2020" s="4" t="s">
        <v>16091</v>
      </c>
      <c r="B2020" s="1" t="s">
        <v>59753</v>
      </c>
      <c r="C2020" s="1" t="s">
        <v>16092</v>
      </c>
      <c r="D2020" s="2">
        <v>154848</v>
      </c>
      <c r="E2020" s="1" t="s">
        <v>0</v>
      </c>
    </row>
    <row r="2021" spans="1:5" x14ac:dyDescent="0.25">
      <c r="A2021" s="1" t="s">
        <v>13413</v>
      </c>
      <c r="B2021" s="1" t="s">
        <v>60845</v>
      </c>
      <c r="C2021" s="1" t="s">
        <v>13414</v>
      </c>
      <c r="D2021" s="2">
        <v>154849</v>
      </c>
      <c r="E2021" s="1" t="s">
        <v>0</v>
      </c>
    </row>
    <row r="2022" spans="1:5" x14ac:dyDescent="0.25">
      <c r="A2022" s="2">
        <v>404</v>
      </c>
      <c r="B2022" s="2">
        <v>404</v>
      </c>
      <c r="C2022" s="1" t="s">
        <v>0</v>
      </c>
      <c r="D2022" s="2">
        <v>154850</v>
      </c>
      <c r="E2022" s="1" t="s">
        <v>0</v>
      </c>
    </row>
    <row r="2023" spans="1:5" x14ac:dyDescent="0.25">
      <c r="A2023" s="1" t="s">
        <v>370</v>
      </c>
      <c r="B2023" s="1" t="s">
        <v>5546</v>
      </c>
      <c r="C2023" s="1" t="s">
        <v>16093</v>
      </c>
      <c r="D2023" s="2">
        <v>154851</v>
      </c>
      <c r="E2023" s="1" t="s">
        <v>0</v>
      </c>
    </row>
    <row r="2024" spans="1:5" x14ac:dyDescent="0.25">
      <c r="A2024" s="1" t="s">
        <v>16094</v>
      </c>
      <c r="B2024" s="1" t="s">
        <v>63606</v>
      </c>
      <c r="C2024" s="1" t="s">
        <v>16095</v>
      </c>
      <c r="D2024" s="2">
        <v>154852</v>
      </c>
      <c r="E2024" s="1" t="s">
        <v>0</v>
      </c>
    </row>
    <row r="2025" spans="1:5" ht="409.5" x14ac:dyDescent="0.25">
      <c r="A2025" s="4" t="s">
        <v>16096</v>
      </c>
      <c r="B2025" s="1" t="s">
        <v>63607</v>
      </c>
      <c r="C2025" s="1" t="s">
        <v>16097</v>
      </c>
      <c r="D2025" s="2">
        <v>154853</v>
      </c>
      <c r="E2025" s="1" t="s">
        <v>0</v>
      </c>
    </row>
    <row r="2026" spans="1:5" x14ac:dyDescent="0.25">
      <c r="A2026" s="1" t="s">
        <v>16098</v>
      </c>
      <c r="B2026" s="1" t="s">
        <v>5547</v>
      </c>
      <c r="C2026" s="1" t="s">
        <v>16099</v>
      </c>
      <c r="D2026" s="2">
        <v>154854</v>
      </c>
      <c r="E2026" s="1" t="s">
        <v>0</v>
      </c>
    </row>
    <row r="2027" spans="1:5" x14ac:dyDescent="0.25">
      <c r="A2027" s="2">
        <v>405</v>
      </c>
      <c r="B2027" s="2">
        <v>405</v>
      </c>
      <c r="C2027" s="1" t="s">
        <v>0</v>
      </c>
      <c r="D2027" s="2">
        <v>154855</v>
      </c>
      <c r="E2027" s="1" t="s">
        <v>0</v>
      </c>
    </row>
    <row r="2028" spans="1:5" x14ac:dyDescent="0.25">
      <c r="A2028" s="1" t="s">
        <v>371</v>
      </c>
      <c r="B2028" s="1" t="s">
        <v>5548</v>
      </c>
      <c r="C2028" s="1" t="s">
        <v>16100</v>
      </c>
      <c r="D2028" s="2">
        <v>154856</v>
      </c>
      <c r="E2028" s="1" t="s">
        <v>0</v>
      </c>
    </row>
    <row r="2029" spans="1:5" x14ac:dyDescent="0.25">
      <c r="A2029" s="1" t="s">
        <v>16101</v>
      </c>
      <c r="B2029" s="1" t="s">
        <v>51548</v>
      </c>
      <c r="C2029" s="1" t="s">
        <v>16102</v>
      </c>
      <c r="D2029" s="2">
        <v>154857</v>
      </c>
      <c r="E2029" s="1" t="s">
        <v>0</v>
      </c>
    </row>
    <row r="2030" spans="1:5" x14ac:dyDescent="0.25">
      <c r="A2030" s="1" t="s">
        <v>16103</v>
      </c>
      <c r="B2030" s="1" t="s">
        <v>51549</v>
      </c>
      <c r="C2030" s="1" t="s">
        <v>16104</v>
      </c>
      <c r="D2030" s="2">
        <v>154858</v>
      </c>
      <c r="E2030" s="1" t="s">
        <v>0</v>
      </c>
    </row>
    <row r="2031" spans="1:5" x14ac:dyDescent="0.25">
      <c r="A2031" s="1" t="s">
        <v>16105</v>
      </c>
      <c r="B2031" s="1" t="s">
        <v>57120</v>
      </c>
      <c r="C2031" s="1" t="s">
        <v>16106</v>
      </c>
      <c r="D2031" s="2">
        <v>154859</v>
      </c>
      <c r="E2031" s="1" t="s">
        <v>0</v>
      </c>
    </row>
    <row r="2032" spans="1:5" x14ac:dyDescent="0.25">
      <c r="A2032" s="2">
        <v>406</v>
      </c>
      <c r="B2032" s="2">
        <v>406</v>
      </c>
      <c r="C2032" s="1" t="s">
        <v>0</v>
      </c>
      <c r="D2032" s="2">
        <v>154860</v>
      </c>
      <c r="E2032" s="1" t="s">
        <v>0</v>
      </c>
    </row>
    <row r="2033" spans="1:5" x14ac:dyDescent="0.25">
      <c r="A2033" s="1" t="s">
        <v>372</v>
      </c>
      <c r="B2033" s="1" t="s">
        <v>5549</v>
      </c>
      <c r="C2033" s="1" t="s">
        <v>16107</v>
      </c>
      <c r="D2033" s="2">
        <v>154861</v>
      </c>
      <c r="E2033" s="1" t="s">
        <v>0</v>
      </c>
    </row>
    <row r="2034" spans="1:5" x14ac:dyDescent="0.25">
      <c r="A2034" s="1" t="s">
        <v>16108</v>
      </c>
      <c r="B2034" s="1" t="s">
        <v>58159</v>
      </c>
      <c r="C2034" s="1" t="s">
        <v>16109</v>
      </c>
      <c r="D2034" s="2">
        <v>154862</v>
      </c>
      <c r="E2034" s="1" t="s">
        <v>0</v>
      </c>
    </row>
    <row r="2035" spans="1:5" ht="409.5" x14ac:dyDescent="0.25">
      <c r="A2035" s="4" t="s">
        <v>16110</v>
      </c>
      <c r="B2035" s="1" t="s">
        <v>58160</v>
      </c>
      <c r="C2035" s="1" t="s">
        <v>16111</v>
      </c>
      <c r="D2035" s="2">
        <v>154863</v>
      </c>
      <c r="E2035" s="1" t="s">
        <v>0</v>
      </c>
    </row>
    <row r="2036" spans="1:5" x14ac:dyDescent="0.25">
      <c r="A2036" s="1" t="s">
        <v>16112</v>
      </c>
      <c r="B2036" s="1" t="s">
        <v>51550</v>
      </c>
      <c r="C2036" s="1" t="s">
        <v>16113</v>
      </c>
      <c r="D2036" s="2">
        <v>154864</v>
      </c>
      <c r="E2036" s="1" t="s">
        <v>0</v>
      </c>
    </row>
    <row r="2037" spans="1:5" x14ac:dyDescent="0.25">
      <c r="A2037" s="2">
        <v>407</v>
      </c>
      <c r="B2037" s="2">
        <v>407</v>
      </c>
      <c r="C2037" s="1" t="s">
        <v>0</v>
      </c>
      <c r="D2037" s="2">
        <v>154865</v>
      </c>
      <c r="E2037" s="1" t="s">
        <v>0</v>
      </c>
    </row>
    <row r="2038" spans="1:5" x14ac:dyDescent="0.25">
      <c r="A2038" s="1" t="s">
        <v>373</v>
      </c>
      <c r="B2038" s="1" t="s">
        <v>5550</v>
      </c>
      <c r="C2038" s="1" t="s">
        <v>16114</v>
      </c>
      <c r="D2038" s="2">
        <v>154866</v>
      </c>
      <c r="E2038" s="1" t="s">
        <v>0</v>
      </c>
    </row>
    <row r="2039" spans="1:5" x14ac:dyDescent="0.25">
      <c r="A2039" s="1" t="s">
        <v>16115</v>
      </c>
      <c r="B2039" s="1" t="s">
        <v>62015</v>
      </c>
      <c r="C2039" s="1" t="s">
        <v>16116</v>
      </c>
      <c r="D2039" s="2">
        <v>154867</v>
      </c>
      <c r="E2039" s="1" t="s">
        <v>0</v>
      </c>
    </row>
    <row r="2040" spans="1:5" ht="409.5" x14ac:dyDescent="0.25">
      <c r="A2040" s="4" t="s">
        <v>16117</v>
      </c>
      <c r="B2040" s="1" t="s">
        <v>62016</v>
      </c>
      <c r="C2040" s="1" t="s">
        <v>16118</v>
      </c>
      <c r="D2040" s="2">
        <v>154868</v>
      </c>
      <c r="E2040" s="1" t="s">
        <v>0</v>
      </c>
    </row>
    <row r="2041" spans="1:5" x14ac:dyDescent="0.25">
      <c r="A2041" s="1" t="s">
        <v>16119</v>
      </c>
      <c r="B2041" s="1" t="s">
        <v>5551</v>
      </c>
      <c r="C2041" s="1" t="s">
        <v>16120</v>
      </c>
      <c r="D2041" s="2">
        <v>154869</v>
      </c>
      <c r="E2041" s="1" t="s">
        <v>0</v>
      </c>
    </row>
    <row r="2042" spans="1:5" x14ac:dyDescent="0.25">
      <c r="A2042" s="2">
        <v>408</v>
      </c>
      <c r="B2042" s="2">
        <v>408</v>
      </c>
      <c r="C2042" s="1" t="s">
        <v>0</v>
      </c>
      <c r="D2042" s="2">
        <v>154870</v>
      </c>
      <c r="E2042" s="1" t="s">
        <v>0</v>
      </c>
    </row>
    <row r="2043" spans="1:5" x14ac:dyDescent="0.25">
      <c r="A2043" s="1" t="s">
        <v>374</v>
      </c>
      <c r="B2043" s="1" t="s">
        <v>5552</v>
      </c>
      <c r="C2043" s="1" t="s">
        <v>16121</v>
      </c>
      <c r="D2043" s="2">
        <v>154871</v>
      </c>
      <c r="E2043" s="1" t="s">
        <v>0</v>
      </c>
    </row>
    <row r="2044" spans="1:5" x14ac:dyDescent="0.25">
      <c r="A2044" s="1" t="s">
        <v>16122</v>
      </c>
      <c r="B2044" s="1" t="s">
        <v>60544</v>
      </c>
      <c r="C2044" s="1" t="s">
        <v>16123</v>
      </c>
      <c r="D2044" s="2">
        <v>154872</v>
      </c>
      <c r="E2044" s="1" t="s">
        <v>0</v>
      </c>
    </row>
    <row r="2045" spans="1:5" ht="409.5" x14ac:dyDescent="0.25">
      <c r="A2045" s="4" t="s">
        <v>16124</v>
      </c>
      <c r="B2045" s="1" t="s">
        <v>60545</v>
      </c>
      <c r="C2045" s="1" t="s">
        <v>16125</v>
      </c>
      <c r="D2045" s="2">
        <v>154873</v>
      </c>
      <c r="E2045" s="1" t="s">
        <v>0</v>
      </c>
    </row>
    <row r="2046" spans="1:5" x14ac:dyDescent="0.25">
      <c r="A2046" s="1" t="s">
        <v>16126</v>
      </c>
      <c r="B2046" s="1" t="s">
        <v>60546</v>
      </c>
      <c r="C2046" s="1" t="s">
        <v>16127</v>
      </c>
      <c r="D2046" s="2">
        <v>154874</v>
      </c>
      <c r="E2046" s="1" t="s">
        <v>0</v>
      </c>
    </row>
    <row r="2047" spans="1:5" x14ac:dyDescent="0.25">
      <c r="A2047" s="2">
        <v>409</v>
      </c>
      <c r="B2047" s="2">
        <v>409</v>
      </c>
      <c r="C2047" s="1" t="s">
        <v>0</v>
      </c>
      <c r="D2047" s="2">
        <v>154875</v>
      </c>
      <c r="E2047" s="1" t="s">
        <v>0</v>
      </c>
    </row>
    <row r="2048" spans="1:5" x14ac:dyDescent="0.25">
      <c r="A2048" s="1" t="s">
        <v>375</v>
      </c>
      <c r="B2048" s="1" t="s">
        <v>5553</v>
      </c>
      <c r="C2048" s="1" t="s">
        <v>16128</v>
      </c>
      <c r="D2048" s="2">
        <v>154876</v>
      </c>
      <c r="E2048" s="1" t="s">
        <v>0</v>
      </c>
    </row>
    <row r="2049" spans="1:5" x14ac:dyDescent="0.25">
      <c r="A2049" s="1" t="s">
        <v>16129</v>
      </c>
      <c r="B2049" s="1" t="s">
        <v>63195</v>
      </c>
      <c r="C2049" s="1" t="s">
        <v>16130</v>
      </c>
      <c r="D2049" s="2">
        <v>154877</v>
      </c>
      <c r="E2049" s="1" t="s">
        <v>0</v>
      </c>
    </row>
    <row r="2050" spans="1:5" ht="409.5" x14ac:dyDescent="0.25">
      <c r="A2050" s="4" t="s">
        <v>16131</v>
      </c>
      <c r="B2050" s="1" t="s">
        <v>63196</v>
      </c>
      <c r="C2050" s="1" t="s">
        <v>16132</v>
      </c>
      <c r="D2050" s="2">
        <v>154878</v>
      </c>
      <c r="E2050" s="1" t="s">
        <v>0</v>
      </c>
    </row>
    <row r="2051" spans="1:5" x14ac:dyDescent="0.25">
      <c r="A2051" s="1" t="s">
        <v>16133</v>
      </c>
      <c r="B2051" s="1" t="s">
        <v>51551</v>
      </c>
      <c r="C2051" s="1" t="s">
        <v>16134</v>
      </c>
      <c r="D2051" s="2">
        <v>154879</v>
      </c>
      <c r="E2051" s="1" t="s">
        <v>0</v>
      </c>
    </row>
    <row r="2052" spans="1:5" x14ac:dyDescent="0.25">
      <c r="A2052" s="2">
        <v>410</v>
      </c>
      <c r="B2052" s="2">
        <v>410</v>
      </c>
      <c r="C2052" s="1" t="s">
        <v>0</v>
      </c>
      <c r="D2052" s="2">
        <v>154880</v>
      </c>
      <c r="E2052" s="1" t="s">
        <v>0</v>
      </c>
    </row>
    <row r="2053" spans="1:5" x14ac:dyDescent="0.25">
      <c r="A2053" s="1" t="s">
        <v>376</v>
      </c>
      <c r="B2053" s="1" t="s">
        <v>5554</v>
      </c>
      <c r="C2053" s="1" t="s">
        <v>16135</v>
      </c>
      <c r="D2053" s="2">
        <v>154881</v>
      </c>
      <c r="E2053" s="1" t="s">
        <v>0</v>
      </c>
    </row>
    <row r="2054" spans="1:5" x14ac:dyDescent="0.25">
      <c r="A2054" s="1" t="s">
        <v>16136</v>
      </c>
      <c r="B2054" s="1" t="s">
        <v>58161</v>
      </c>
      <c r="C2054" s="1" t="s">
        <v>16137</v>
      </c>
      <c r="D2054" s="2">
        <v>154882</v>
      </c>
      <c r="E2054" s="1" t="s">
        <v>0</v>
      </c>
    </row>
    <row r="2055" spans="1:5" ht="409.5" x14ac:dyDescent="0.25">
      <c r="A2055" s="4" t="s">
        <v>16138</v>
      </c>
      <c r="B2055" s="1" t="s">
        <v>58162</v>
      </c>
      <c r="C2055" s="1" t="s">
        <v>16139</v>
      </c>
      <c r="D2055" s="2">
        <v>154883</v>
      </c>
      <c r="E2055" s="1" t="s">
        <v>0</v>
      </c>
    </row>
    <row r="2056" spans="1:5" x14ac:dyDescent="0.25">
      <c r="A2056" s="1" t="s">
        <v>16140</v>
      </c>
      <c r="B2056" s="1" t="s">
        <v>51552</v>
      </c>
      <c r="C2056" s="1" t="s">
        <v>16141</v>
      </c>
      <c r="D2056" s="2">
        <v>154884</v>
      </c>
      <c r="E2056" s="1" t="s">
        <v>0</v>
      </c>
    </row>
    <row r="2057" spans="1:5" x14ac:dyDescent="0.25">
      <c r="A2057" s="2">
        <v>411</v>
      </c>
      <c r="B2057" s="2">
        <v>411</v>
      </c>
      <c r="C2057" s="1" t="s">
        <v>0</v>
      </c>
      <c r="D2057" s="2">
        <v>154885</v>
      </c>
      <c r="E2057" s="1" t="s">
        <v>0</v>
      </c>
    </row>
    <row r="2058" spans="1:5" x14ac:dyDescent="0.25">
      <c r="A2058" s="1" t="s">
        <v>377</v>
      </c>
      <c r="B2058" s="1" t="s">
        <v>5555</v>
      </c>
      <c r="C2058" s="1" t="s">
        <v>16142</v>
      </c>
      <c r="D2058" s="2">
        <v>154886</v>
      </c>
      <c r="E2058" s="1" t="s">
        <v>0</v>
      </c>
    </row>
    <row r="2059" spans="1:5" x14ac:dyDescent="0.25">
      <c r="A2059" s="1" t="s">
        <v>16143</v>
      </c>
      <c r="B2059" s="1" t="s">
        <v>51553</v>
      </c>
      <c r="C2059" s="1" t="s">
        <v>16144</v>
      </c>
      <c r="D2059" s="2">
        <v>154887</v>
      </c>
      <c r="E2059" s="1" t="s">
        <v>0</v>
      </c>
    </row>
    <row r="2060" spans="1:5" ht="409.5" x14ac:dyDescent="0.25">
      <c r="A2060" s="4" t="s">
        <v>16145</v>
      </c>
      <c r="B2060" s="1" t="s">
        <v>51554</v>
      </c>
      <c r="C2060" s="1" t="s">
        <v>16146</v>
      </c>
      <c r="D2060" s="2">
        <v>154888</v>
      </c>
      <c r="E2060" s="1" t="s">
        <v>0</v>
      </c>
    </row>
    <row r="2061" spans="1:5" x14ac:dyDescent="0.25">
      <c r="A2061" s="1" t="s">
        <v>16147</v>
      </c>
      <c r="B2061" s="1" t="s">
        <v>51555</v>
      </c>
      <c r="C2061" s="1" t="s">
        <v>378</v>
      </c>
      <c r="D2061" s="2">
        <v>154889</v>
      </c>
      <c r="E2061" s="1" t="s">
        <v>0</v>
      </c>
    </row>
    <row r="2062" spans="1:5" x14ac:dyDescent="0.25">
      <c r="A2062" s="2">
        <v>412</v>
      </c>
      <c r="B2062" s="2">
        <v>412</v>
      </c>
      <c r="C2062" s="1" t="s">
        <v>0</v>
      </c>
      <c r="D2062" s="2">
        <v>154890</v>
      </c>
      <c r="E2062" s="1" t="s">
        <v>0</v>
      </c>
    </row>
    <row r="2063" spans="1:5" x14ac:dyDescent="0.25">
      <c r="A2063" s="1" t="s">
        <v>379</v>
      </c>
      <c r="B2063" s="1" t="s">
        <v>5556</v>
      </c>
      <c r="C2063" s="1" t="s">
        <v>16148</v>
      </c>
      <c r="D2063" s="2">
        <v>154891</v>
      </c>
      <c r="E2063" s="1" t="s">
        <v>0</v>
      </c>
    </row>
    <row r="2064" spans="1:5" x14ac:dyDescent="0.25">
      <c r="A2064" s="1" t="s">
        <v>16149</v>
      </c>
      <c r="B2064" s="1" t="s">
        <v>58163</v>
      </c>
      <c r="C2064" s="1" t="s">
        <v>16150</v>
      </c>
      <c r="D2064" s="2">
        <v>154892</v>
      </c>
      <c r="E2064" s="1" t="s">
        <v>0</v>
      </c>
    </row>
    <row r="2065" spans="1:5" ht="409.5" x14ac:dyDescent="0.25">
      <c r="A2065" s="4" t="s">
        <v>16151</v>
      </c>
      <c r="B2065" s="1" t="s">
        <v>62017</v>
      </c>
      <c r="C2065" s="1" t="s">
        <v>16152</v>
      </c>
      <c r="D2065" s="2">
        <v>154893</v>
      </c>
      <c r="E2065" s="1" t="s">
        <v>0</v>
      </c>
    </row>
    <row r="2066" spans="1:5" x14ac:dyDescent="0.25">
      <c r="A2066" s="1" t="s">
        <v>16153</v>
      </c>
      <c r="B2066" s="1" t="s">
        <v>5557</v>
      </c>
      <c r="C2066" s="1" t="s">
        <v>16154</v>
      </c>
      <c r="D2066" s="2">
        <v>154894</v>
      </c>
      <c r="E2066" s="1" t="s">
        <v>0</v>
      </c>
    </row>
    <row r="2067" spans="1:5" x14ac:dyDescent="0.25">
      <c r="A2067" s="2">
        <v>413</v>
      </c>
      <c r="B2067" s="2">
        <v>413</v>
      </c>
      <c r="C2067" s="1" t="s">
        <v>0</v>
      </c>
      <c r="D2067" s="2">
        <v>154895</v>
      </c>
      <c r="E2067" s="1" t="s">
        <v>0</v>
      </c>
    </row>
    <row r="2068" spans="1:5" x14ac:dyDescent="0.25">
      <c r="A2068" s="1" t="s">
        <v>380</v>
      </c>
      <c r="B2068" s="1" t="s">
        <v>5558</v>
      </c>
      <c r="C2068" s="1" t="s">
        <v>16155</v>
      </c>
      <c r="D2068" s="2">
        <v>154896</v>
      </c>
      <c r="E2068" s="1" t="s">
        <v>0</v>
      </c>
    </row>
    <row r="2069" spans="1:5" x14ac:dyDescent="0.25">
      <c r="A2069" s="1" t="s">
        <v>16156</v>
      </c>
      <c r="B2069" s="1" t="s">
        <v>51556</v>
      </c>
      <c r="C2069" s="1" t="s">
        <v>16157</v>
      </c>
      <c r="D2069" s="2">
        <v>154897</v>
      </c>
      <c r="E2069" s="1" t="s">
        <v>0</v>
      </c>
    </row>
    <row r="2070" spans="1:5" ht="409.5" x14ac:dyDescent="0.25">
      <c r="A2070" s="4" t="s">
        <v>16158</v>
      </c>
      <c r="B2070" s="1" t="s">
        <v>51557</v>
      </c>
      <c r="C2070" s="1" t="s">
        <v>16159</v>
      </c>
      <c r="D2070" s="2">
        <v>154898</v>
      </c>
      <c r="E2070" s="1" t="s">
        <v>0</v>
      </c>
    </row>
    <row r="2071" spans="1:5" x14ac:dyDescent="0.25">
      <c r="A2071" s="1" t="s">
        <v>16160</v>
      </c>
      <c r="B2071" s="1" t="s">
        <v>5559</v>
      </c>
      <c r="C2071" s="1" t="s">
        <v>16161</v>
      </c>
      <c r="D2071" s="2">
        <v>154899</v>
      </c>
      <c r="E2071" s="1" t="s">
        <v>0</v>
      </c>
    </row>
    <row r="2072" spans="1:5" x14ac:dyDescent="0.25">
      <c r="A2072" s="2">
        <v>414</v>
      </c>
      <c r="B2072" s="2">
        <v>414</v>
      </c>
      <c r="C2072" s="1" t="s">
        <v>0</v>
      </c>
      <c r="D2072" s="2">
        <v>154900</v>
      </c>
      <c r="E2072" s="1" t="s">
        <v>0</v>
      </c>
    </row>
    <row r="2073" spans="1:5" x14ac:dyDescent="0.25">
      <c r="A2073" s="1" t="s">
        <v>5560</v>
      </c>
      <c r="B2073" s="1" t="s">
        <v>5561</v>
      </c>
      <c r="C2073" s="1" t="s">
        <v>16162</v>
      </c>
      <c r="D2073" s="2">
        <v>154901</v>
      </c>
      <c r="E2073" s="1" t="s">
        <v>0</v>
      </c>
    </row>
    <row r="2074" spans="1:5" x14ac:dyDescent="0.25">
      <c r="A2074" s="1" t="s">
        <v>16163</v>
      </c>
      <c r="B2074" s="1" t="s">
        <v>5562</v>
      </c>
      <c r="C2074" s="1" t="s">
        <v>16164</v>
      </c>
      <c r="D2074" s="2">
        <v>154902</v>
      </c>
      <c r="E2074" s="1" t="s">
        <v>0</v>
      </c>
    </row>
    <row r="2075" spans="1:5" ht="409.5" x14ac:dyDescent="0.25">
      <c r="A2075" s="4" t="s">
        <v>16165</v>
      </c>
      <c r="B2075" s="1" t="s">
        <v>59548</v>
      </c>
      <c r="C2075" s="1" t="s">
        <v>16166</v>
      </c>
      <c r="D2075" s="2">
        <v>154903</v>
      </c>
      <c r="E2075" s="1" t="s">
        <v>0</v>
      </c>
    </row>
    <row r="2076" spans="1:5" x14ac:dyDescent="0.25">
      <c r="A2076" s="1" t="s">
        <v>16167</v>
      </c>
      <c r="B2076" s="1" t="s">
        <v>5563</v>
      </c>
      <c r="C2076" s="1" t="s">
        <v>16168</v>
      </c>
      <c r="D2076" s="2">
        <v>154904</v>
      </c>
      <c r="E2076" s="1" t="s">
        <v>0</v>
      </c>
    </row>
    <row r="2077" spans="1:5" x14ac:dyDescent="0.25">
      <c r="A2077" s="2">
        <v>415</v>
      </c>
      <c r="B2077" s="2">
        <v>415</v>
      </c>
      <c r="C2077" s="1" t="s">
        <v>0</v>
      </c>
      <c r="D2077" s="2">
        <v>154905</v>
      </c>
      <c r="E2077" s="1" t="s">
        <v>0</v>
      </c>
    </row>
    <row r="2078" spans="1:5" x14ac:dyDescent="0.25">
      <c r="A2078" s="1" t="s">
        <v>381</v>
      </c>
      <c r="B2078" s="1" t="s">
        <v>5564</v>
      </c>
      <c r="C2078" s="1" t="s">
        <v>16169</v>
      </c>
      <c r="D2078" s="2">
        <v>154906</v>
      </c>
      <c r="E2078" s="1" t="s">
        <v>0</v>
      </c>
    </row>
    <row r="2079" spans="1:5" x14ac:dyDescent="0.25">
      <c r="A2079" s="1" t="s">
        <v>16170</v>
      </c>
      <c r="B2079" s="1" t="s">
        <v>58164</v>
      </c>
      <c r="C2079" s="1" t="s">
        <v>16171</v>
      </c>
      <c r="D2079" s="2">
        <v>154907</v>
      </c>
      <c r="E2079" s="1" t="s">
        <v>0</v>
      </c>
    </row>
    <row r="2080" spans="1:5" ht="409.5" x14ac:dyDescent="0.25">
      <c r="A2080" s="4" t="s">
        <v>16172</v>
      </c>
      <c r="B2080" s="1" t="s">
        <v>58165</v>
      </c>
      <c r="C2080" s="1" t="s">
        <v>16173</v>
      </c>
      <c r="D2080" s="2">
        <v>154908</v>
      </c>
      <c r="E2080" s="1" t="s">
        <v>0</v>
      </c>
    </row>
    <row r="2081" spans="1:5" x14ac:dyDescent="0.25">
      <c r="A2081" s="1" t="s">
        <v>16174</v>
      </c>
      <c r="B2081" s="1" t="s">
        <v>5565</v>
      </c>
      <c r="C2081" s="1" t="s">
        <v>16175</v>
      </c>
      <c r="D2081" s="2">
        <v>154909</v>
      </c>
      <c r="E2081" s="1" t="s">
        <v>0</v>
      </c>
    </row>
    <row r="2082" spans="1:5" x14ac:dyDescent="0.25">
      <c r="A2082" s="2">
        <v>416</v>
      </c>
      <c r="B2082" s="2">
        <v>416</v>
      </c>
      <c r="C2082" s="1" t="s">
        <v>0</v>
      </c>
      <c r="D2082" s="2">
        <v>154910</v>
      </c>
      <c r="E2082" s="1" t="s">
        <v>0</v>
      </c>
    </row>
    <row r="2083" spans="1:5" x14ac:dyDescent="0.25">
      <c r="A2083" s="1" t="s">
        <v>382</v>
      </c>
      <c r="B2083" s="1" t="s">
        <v>5566</v>
      </c>
      <c r="C2083" s="1" t="s">
        <v>16176</v>
      </c>
      <c r="D2083" s="2">
        <v>154911</v>
      </c>
      <c r="E2083" s="1" t="s">
        <v>0</v>
      </c>
    </row>
    <row r="2084" spans="1:5" x14ac:dyDescent="0.25">
      <c r="A2084" s="1" t="s">
        <v>16177</v>
      </c>
      <c r="B2084" s="1" t="s">
        <v>5567</v>
      </c>
      <c r="C2084" s="1" t="s">
        <v>16178</v>
      </c>
      <c r="D2084" s="2">
        <v>154912</v>
      </c>
      <c r="E2084" s="1" t="s">
        <v>0</v>
      </c>
    </row>
    <row r="2085" spans="1:5" ht="409.5" x14ac:dyDescent="0.25">
      <c r="A2085" s="4" t="s">
        <v>16179</v>
      </c>
      <c r="B2085" s="1" t="s">
        <v>51558</v>
      </c>
      <c r="C2085" s="1" t="s">
        <v>16180</v>
      </c>
      <c r="D2085" s="2">
        <v>154913</v>
      </c>
      <c r="E2085" s="1" t="s">
        <v>0</v>
      </c>
    </row>
    <row r="2086" spans="1:5" x14ac:dyDescent="0.25">
      <c r="A2086" s="1" t="s">
        <v>16181</v>
      </c>
      <c r="B2086" s="1" t="s">
        <v>51559</v>
      </c>
      <c r="C2086" s="1" t="s">
        <v>16182</v>
      </c>
      <c r="D2086" s="2">
        <v>154914</v>
      </c>
      <c r="E2086" s="1" t="s">
        <v>0</v>
      </c>
    </row>
    <row r="2087" spans="1:5" x14ac:dyDescent="0.25">
      <c r="A2087" s="2">
        <v>417</v>
      </c>
      <c r="B2087" s="2">
        <v>417</v>
      </c>
      <c r="C2087" s="1" t="s">
        <v>0</v>
      </c>
      <c r="D2087" s="2">
        <v>154915</v>
      </c>
      <c r="E2087" s="1" t="s">
        <v>0</v>
      </c>
    </row>
    <row r="2088" spans="1:5" x14ac:dyDescent="0.25">
      <c r="A2088" s="1" t="s">
        <v>383</v>
      </c>
      <c r="B2088" s="1" t="s">
        <v>5568</v>
      </c>
      <c r="C2088" s="1" t="s">
        <v>16183</v>
      </c>
      <c r="D2088" s="2">
        <v>154916</v>
      </c>
      <c r="E2088" s="1" t="s">
        <v>0</v>
      </c>
    </row>
    <row r="2089" spans="1:5" x14ac:dyDescent="0.25">
      <c r="A2089" s="1" t="s">
        <v>16184</v>
      </c>
      <c r="B2089" s="1" t="s">
        <v>50397</v>
      </c>
      <c r="C2089" s="1" t="s">
        <v>16185</v>
      </c>
      <c r="D2089" s="2">
        <v>154917</v>
      </c>
      <c r="E2089" s="1" t="s">
        <v>0</v>
      </c>
    </row>
    <row r="2090" spans="1:5" ht="409.5" x14ac:dyDescent="0.25">
      <c r="A2090" s="4" t="s">
        <v>16186</v>
      </c>
      <c r="B2090" s="1" t="s">
        <v>50398</v>
      </c>
      <c r="C2090" s="1" t="s">
        <v>16187</v>
      </c>
      <c r="D2090" s="2">
        <v>154918</v>
      </c>
      <c r="E2090" s="1" t="s">
        <v>0</v>
      </c>
    </row>
    <row r="2091" spans="1:5" x14ac:dyDescent="0.25">
      <c r="A2091" s="1" t="s">
        <v>16188</v>
      </c>
      <c r="B2091" s="1" t="s">
        <v>5569</v>
      </c>
      <c r="C2091" s="1" t="s">
        <v>16189</v>
      </c>
      <c r="D2091" s="2">
        <v>154919</v>
      </c>
      <c r="E2091" s="1" t="s">
        <v>0</v>
      </c>
    </row>
    <row r="2092" spans="1:5" x14ac:dyDescent="0.25">
      <c r="A2092" s="2">
        <v>418</v>
      </c>
      <c r="B2092" s="2">
        <v>418</v>
      </c>
      <c r="C2092" s="1" t="s">
        <v>0</v>
      </c>
      <c r="D2092" s="2">
        <v>154920</v>
      </c>
      <c r="E2092" s="1" t="s">
        <v>0</v>
      </c>
    </row>
    <row r="2093" spans="1:5" x14ac:dyDescent="0.25">
      <c r="A2093" s="1" t="s">
        <v>384</v>
      </c>
      <c r="B2093" s="1" t="s">
        <v>5570</v>
      </c>
      <c r="C2093" s="1" t="s">
        <v>16190</v>
      </c>
      <c r="D2093" s="2">
        <v>154921</v>
      </c>
      <c r="E2093" s="1" t="s">
        <v>0</v>
      </c>
    </row>
    <row r="2094" spans="1:5" x14ac:dyDescent="0.25">
      <c r="A2094" s="1" t="s">
        <v>16191</v>
      </c>
      <c r="B2094" s="1" t="s">
        <v>51560</v>
      </c>
      <c r="C2094" s="1" t="s">
        <v>16192</v>
      </c>
      <c r="D2094" s="2">
        <v>154922</v>
      </c>
      <c r="E2094" s="1" t="s">
        <v>0</v>
      </c>
    </row>
    <row r="2095" spans="1:5" ht="409.5" x14ac:dyDescent="0.25">
      <c r="A2095" s="4" t="s">
        <v>16193</v>
      </c>
      <c r="B2095" s="1" t="s">
        <v>51561</v>
      </c>
      <c r="C2095" s="1" t="s">
        <v>16194</v>
      </c>
      <c r="D2095" s="2">
        <v>154923</v>
      </c>
      <c r="E2095" s="1" t="s">
        <v>0</v>
      </c>
    </row>
    <row r="2096" spans="1:5" x14ac:dyDescent="0.25">
      <c r="A2096" s="1" t="s">
        <v>16195</v>
      </c>
      <c r="B2096" s="1" t="s">
        <v>5571</v>
      </c>
      <c r="C2096" s="1" t="s">
        <v>16196</v>
      </c>
      <c r="D2096" s="2">
        <v>154924</v>
      </c>
      <c r="E2096" s="1" t="s">
        <v>0</v>
      </c>
    </row>
    <row r="2097" spans="1:5" x14ac:dyDescent="0.25">
      <c r="A2097" s="2">
        <v>419</v>
      </c>
      <c r="B2097" s="2">
        <v>419</v>
      </c>
      <c r="C2097" s="1" t="s">
        <v>0</v>
      </c>
      <c r="D2097" s="2">
        <v>154925</v>
      </c>
      <c r="E2097" s="1" t="s">
        <v>0</v>
      </c>
    </row>
    <row r="2098" spans="1:5" x14ac:dyDescent="0.25">
      <c r="A2098" s="1" t="s">
        <v>385</v>
      </c>
      <c r="B2098" s="1" t="s">
        <v>51562</v>
      </c>
      <c r="C2098" s="1" t="s">
        <v>16197</v>
      </c>
      <c r="D2098" s="2">
        <v>154926</v>
      </c>
      <c r="E2098" s="1" t="s">
        <v>0</v>
      </c>
    </row>
    <row r="2099" spans="1:5" x14ac:dyDescent="0.25">
      <c r="A2099" s="1" t="s">
        <v>16198</v>
      </c>
      <c r="B2099" s="1" t="s">
        <v>51563</v>
      </c>
      <c r="C2099" s="1" t="s">
        <v>16199</v>
      </c>
      <c r="D2099" s="2">
        <v>154927</v>
      </c>
      <c r="E2099" s="1" t="s">
        <v>0</v>
      </c>
    </row>
    <row r="2100" spans="1:5" ht="409.5" x14ac:dyDescent="0.25">
      <c r="A2100" s="4" t="s">
        <v>16200</v>
      </c>
      <c r="B2100" s="1" t="s">
        <v>51564</v>
      </c>
      <c r="C2100" s="1" t="s">
        <v>16201</v>
      </c>
      <c r="D2100" s="2">
        <v>154928</v>
      </c>
      <c r="E2100" s="1" t="s">
        <v>0</v>
      </c>
    </row>
    <row r="2101" spans="1:5" x14ac:dyDescent="0.25">
      <c r="A2101" s="1" t="s">
        <v>16202</v>
      </c>
      <c r="B2101" s="1" t="s">
        <v>5572</v>
      </c>
      <c r="C2101" s="1" t="s">
        <v>16203</v>
      </c>
      <c r="D2101" s="2">
        <v>154929</v>
      </c>
      <c r="E2101" s="1" t="s">
        <v>0</v>
      </c>
    </row>
    <row r="2102" spans="1:5" x14ac:dyDescent="0.25">
      <c r="A2102" s="2">
        <v>420</v>
      </c>
      <c r="B2102" s="2">
        <v>420</v>
      </c>
      <c r="C2102" s="1" t="s">
        <v>0</v>
      </c>
      <c r="D2102" s="2">
        <v>154930</v>
      </c>
      <c r="E2102" s="1" t="s">
        <v>0</v>
      </c>
    </row>
    <row r="2103" spans="1:5" x14ac:dyDescent="0.25">
      <c r="A2103" s="1" t="s">
        <v>386</v>
      </c>
      <c r="B2103" s="1" t="s">
        <v>5573</v>
      </c>
      <c r="C2103" s="1" t="s">
        <v>16204</v>
      </c>
      <c r="D2103" s="2">
        <v>154931</v>
      </c>
      <c r="E2103" s="1" t="s">
        <v>0</v>
      </c>
    </row>
    <row r="2104" spans="1:5" x14ac:dyDescent="0.25">
      <c r="A2104" s="1" t="s">
        <v>16205</v>
      </c>
      <c r="B2104" s="1" t="s">
        <v>5574</v>
      </c>
      <c r="C2104" s="1" t="s">
        <v>16206</v>
      </c>
      <c r="D2104" s="2">
        <v>154932</v>
      </c>
      <c r="E2104" s="1" t="s">
        <v>0</v>
      </c>
    </row>
    <row r="2105" spans="1:5" ht="409.5" x14ac:dyDescent="0.25">
      <c r="A2105" s="4" t="s">
        <v>16207</v>
      </c>
      <c r="B2105" s="1" t="s">
        <v>5575</v>
      </c>
      <c r="C2105" s="1" t="s">
        <v>16208</v>
      </c>
      <c r="D2105" s="2">
        <v>154933</v>
      </c>
      <c r="E2105" s="1" t="s">
        <v>0</v>
      </c>
    </row>
    <row r="2106" spans="1:5" x14ac:dyDescent="0.25">
      <c r="A2106" s="1" t="s">
        <v>16209</v>
      </c>
      <c r="B2106" s="1" t="s">
        <v>51565</v>
      </c>
      <c r="C2106" s="1" t="s">
        <v>16210</v>
      </c>
      <c r="D2106" s="2">
        <v>154934</v>
      </c>
      <c r="E2106" s="1" t="s">
        <v>0</v>
      </c>
    </row>
    <row r="2107" spans="1:5" x14ac:dyDescent="0.25">
      <c r="A2107" s="2">
        <v>421</v>
      </c>
      <c r="B2107" s="2">
        <v>421</v>
      </c>
      <c r="C2107" s="1" t="s">
        <v>0</v>
      </c>
      <c r="D2107" s="2">
        <v>154935</v>
      </c>
      <c r="E2107" s="1" t="s">
        <v>0</v>
      </c>
    </row>
    <row r="2108" spans="1:5" x14ac:dyDescent="0.25">
      <c r="A2108" s="1" t="s">
        <v>387</v>
      </c>
      <c r="B2108" s="1" t="s">
        <v>50399</v>
      </c>
      <c r="C2108" s="1" t="s">
        <v>16211</v>
      </c>
      <c r="D2108" s="2">
        <v>154936</v>
      </c>
      <c r="E2108" s="1" t="s">
        <v>0</v>
      </c>
    </row>
    <row r="2109" spans="1:5" x14ac:dyDescent="0.25">
      <c r="A2109" s="1" t="s">
        <v>16212</v>
      </c>
      <c r="B2109" s="1" t="s">
        <v>51566</v>
      </c>
      <c r="C2109" s="1" t="s">
        <v>16213</v>
      </c>
      <c r="D2109" s="2">
        <v>154937</v>
      </c>
      <c r="E2109" s="1" t="s">
        <v>0</v>
      </c>
    </row>
    <row r="2110" spans="1:5" ht="409.5" x14ac:dyDescent="0.25">
      <c r="A2110" s="4" t="s">
        <v>16214</v>
      </c>
      <c r="B2110" s="1" t="s">
        <v>63197</v>
      </c>
      <c r="C2110" s="1" t="s">
        <v>16215</v>
      </c>
      <c r="D2110" s="2">
        <v>154938</v>
      </c>
      <c r="E2110" s="1" t="s">
        <v>0</v>
      </c>
    </row>
    <row r="2111" spans="1:5" x14ac:dyDescent="0.25">
      <c r="A2111" s="1" t="s">
        <v>16216</v>
      </c>
      <c r="B2111" s="1" t="s">
        <v>51567</v>
      </c>
      <c r="C2111" s="1" t="s">
        <v>16217</v>
      </c>
      <c r="D2111" s="2">
        <v>154939</v>
      </c>
      <c r="E2111" s="1" t="s">
        <v>0</v>
      </c>
    </row>
    <row r="2112" spans="1:5" x14ac:dyDescent="0.25">
      <c r="A2112" s="2">
        <v>422</v>
      </c>
      <c r="B2112" s="2">
        <v>422</v>
      </c>
      <c r="C2112" s="1" t="s">
        <v>0</v>
      </c>
      <c r="D2112" s="2">
        <v>154940</v>
      </c>
      <c r="E2112" s="1" t="s">
        <v>0</v>
      </c>
    </row>
    <row r="2113" spans="1:5" x14ac:dyDescent="0.25">
      <c r="A2113" s="1" t="s">
        <v>388</v>
      </c>
      <c r="B2113" s="1" t="s">
        <v>50400</v>
      </c>
      <c r="C2113" s="1" t="s">
        <v>16218</v>
      </c>
      <c r="D2113" s="2">
        <v>154941</v>
      </c>
      <c r="E2113" s="1" t="s">
        <v>0</v>
      </c>
    </row>
    <row r="2114" spans="1:5" x14ac:dyDescent="0.25">
      <c r="A2114" s="1" t="s">
        <v>16219</v>
      </c>
      <c r="B2114" s="1" t="s">
        <v>51568</v>
      </c>
      <c r="C2114" s="1" t="s">
        <v>16220</v>
      </c>
      <c r="D2114" s="2">
        <v>154942</v>
      </c>
      <c r="E2114" s="1" t="s">
        <v>0</v>
      </c>
    </row>
    <row r="2115" spans="1:5" ht="409.5" x14ac:dyDescent="0.25">
      <c r="A2115" s="4" t="s">
        <v>16221</v>
      </c>
      <c r="B2115" s="1" t="s">
        <v>56681</v>
      </c>
      <c r="C2115" s="1" t="s">
        <v>16222</v>
      </c>
      <c r="D2115" s="2">
        <v>154943</v>
      </c>
      <c r="E2115" s="1" t="s">
        <v>0</v>
      </c>
    </row>
    <row r="2116" spans="1:5" x14ac:dyDescent="0.25">
      <c r="A2116" s="1" t="s">
        <v>16223</v>
      </c>
      <c r="B2116" s="1" t="s">
        <v>51569</v>
      </c>
      <c r="C2116" s="1" t="s">
        <v>16224</v>
      </c>
      <c r="D2116" s="2">
        <v>154944</v>
      </c>
      <c r="E2116" s="1" t="s">
        <v>0</v>
      </c>
    </row>
    <row r="2117" spans="1:5" x14ac:dyDescent="0.25">
      <c r="A2117" s="2">
        <v>423</v>
      </c>
      <c r="B2117" s="2">
        <v>423</v>
      </c>
      <c r="C2117" s="1" t="s">
        <v>0</v>
      </c>
      <c r="D2117" s="2">
        <v>154945</v>
      </c>
      <c r="E2117" s="1" t="s">
        <v>0</v>
      </c>
    </row>
    <row r="2118" spans="1:5" x14ac:dyDescent="0.25">
      <c r="A2118" s="1" t="s">
        <v>389</v>
      </c>
      <c r="B2118" s="1" t="s">
        <v>5576</v>
      </c>
      <c r="C2118" s="1" t="s">
        <v>16225</v>
      </c>
      <c r="D2118" s="2">
        <v>154946</v>
      </c>
      <c r="E2118" s="1" t="s">
        <v>0</v>
      </c>
    </row>
    <row r="2119" spans="1:5" x14ac:dyDescent="0.25">
      <c r="A2119" s="1" t="s">
        <v>16226</v>
      </c>
      <c r="B2119" s="1" t="s">
        <v>51570</v>
      </c>
      <c r="C2119" s="1" t="s">
        <v>16227</v>
      </c>
      <c r="D2119" s="2">
        <v>154947</v>
      </c>
      <c r="E2119" s="1" t="s">
        <v>0</v>
      </c>
    </row>
    <row r="2120" spans="1:5" ht="409.5" x14ac:dyDescent="0.25">
      <c r="A2120" s="4" t="s">
        <v>16228</v>
      </c>
      <c r="B2120" s="1" t="s">
        <v>51571</v>
      </c>
      <c r="C2120" s="1" t="s">
        <v>16229</v>
      </c>
      <c r="D2120" s="2">
        <v>154948</v>
      </c>
      <c r="E2120" s="1" t="s">
        <v>0</v>
      </c>
    </row>
    <row r="2121" spans="1:5" x14ac:dyDescent="0.25">
      <c r="A2121" s="1" t="s">
        <v>16230</v>
      </c>
      <c r="B2121" s="1" t="s">
        <v>51572</v>
      </c>
      <c r="C2121" s="1" t="s">
        <v>16231</v>
      </c>
      <c r="D2121" s="2">
        <v>154949</v>
      </c>
      <c r="E2121" s="1" t="s">
        <v>0</v>
      </c>
    </row>
    <row r="2122" spans="1:5" x14ac:dyDescent="0.25">
      <c r="A2122" s="2">
        <v>424</v>
      </c>
      <c r="B2122" s="2">
        <v>424</v>
      </c>
      <c r="C2122" s="1" t="s">
        <v>0</v>
      </c>
      <c r="D2122" s="2">
        <v>154950</v>
      </c>
      <c r="E2122" s="1" t="s">
        <v>0</v>
      </c>
    </row>
    <row r="2123" spans="1:5" x14ac:dyDescent="0.25">
      <c r="A2123" s="1" t="s">
        <v>390</v>
      </c>
      <c r="B2123" s="1" t="s">
        <v>5577</v>
      </c>
      <c r="C2123" s="1" t="s">
        <v>16232</v>
      </c>
      <c r="D2123" s="2">
        <v>154951</v>
      </c>
      <c r="E2123" s="1" t="s">
        <v>0</v>
      </c>
    </row>
    <row r="2124" spans="1:5" x14ac:dyDescent="0.25">
      <c r="A2124" s="1" t="s">
        <v>16233</v>
      </c>
      <c r="B2124" s="1" t="s">
        <v>51573</v>
      </c>
      <c r="C2124" s="1" t="s">
        <v>16234</v>
      </c>
      <c r="D2124" s="2">
        <v>154952</v>
      </c>
      <c r="E2124" s="1" t="s">
        <v>0</v>
      </c>
    </row>
    <row r="2125" spans="1:5" ht="409.5" x14ac:dyDescent="0.25">
      <c r="A2125" s="4" t="s">
        <v>16235</v>
      </c>
      <c r="B2125" s="1" t="s">
        <v>51574</v>
      </c>
      <c r="C2125" s="1" t="s">
        <v>16236</v>
      </c>
      <c r="D2125" s="2">
        <v>154953</v>
      </c>
      <c r="E2125" s="1" t="s">
        <v>0</v>
      </c>
    </row>
    <row r="2126" spans="1:5" x14ac:dyDescent="0.25">
      <c r="A2126" s="1" t="s">
        <v>16237</v>
      </c>
      <c r="B2126" s="1" t="s">
        <v>5578</v>
      </c>
      <c r="C2126" s="1" t="s">
        <v>16238</v>
      </c>
      <c r="D2126" s="2">
        <v>154954</v>
      </c>
      <c r="E2126" s="1" t="s">
        <v>0</v>
      </c>
    </row>
    <row r="2127" spans="1:5" x14ac:dyDescent="0.25">
      <c r="A2127" s="2">
        <v>425</v>
      </c>
      <c r="B2127" s="2">
        <v>425</v>
      </c>
      <c r="C2127" s="1" t="s">
        <v>0</v>
      </c>
      <c r="D2127" s="2">
        <v>154955</v>
      </c>
      <c r="E2127" s="1" t="s">
        <v>0</v>
      </c>
    </row>
    <row r="2128" spans="1:5" x14ac:dyDescent="0.25">
      <c r="A2128" s="1" t="s">
        <v>391</v>
      </c>
      <c r="B2128" s="1" t="s">
        <v>5579</v>
      </c>
      <c r="C2128" s="1" t="s">
        <v>16239</v>
      </c>
      <c r="D2128" s="2">
        <v>154956</v>
      </c>
      <c r="E2128" s="1" t="s">
        <v>0</v>
      </c>
    </row>
    <row r="2129" spans="1:5" x14ac:dyDescent="0.25">
      <c r="A2129" s="1" t="s">
        <v>16240</v>
      </c>
      <c r="B2129" s="1" t="s">
        <v>51575</v>
      </c>
      <c r="C2129" s="1" t="s">
        <v>16241</v>
      </c>
      <c r="D2129" s="2">
        <v>154957</v>
      </c>
      <c r="E2129" s="1" t="s">
        <v>0</v>
      </c>
    </row>
    <row r="2130" spans="1:5" ht="409.5" x14ac:dyDescent="0.25">
      <c r="A2130" s="4" t="s">
        <v>16242</v>
      </c>
      <c r="B2130" s="1" t="s">
        <v>51576</v>
      </c>
      <c r="C2130" s="1" t="s">
        <v>16243</v>
      </c>
      <c r="D2130" s="2">
        <v>154958</v>
      </c>
      <c r="E2130" s="1" t="s">
        <v>0</v>
      </c>
    </row>
    <row r="2131" spans="1:5" x14ac:dyDescent="0.25">
      <c r="A2131" s="1" t="s">
        <v>16244</v>
      </c>
      <c r="B2131" s="1" t="s">
        <v>5580</v>
      </c>
      <c r="C2131" s="1" t="s">
        <v>16245</v>
      </c>
      <c r="D2131" s="2">
        <v>154959</v>
      </c>
      <c r="E2131" s="1" t="s">
        <v>0</v>
      </c>
    </row>
    <row r="2132" spans="1:5" x14ac:dyDescent="0.25">
      <c r="A2132" s="2">
        <v>426</v>
      </c>
      <c r="B2132" s="2">
        <v>426</v>
      </c>
      <c r="C2132" s="1" t="s">
        <v>0</v>
      </c>
      <c r="D2132" s="2">
        <v>154960</v>
      </c>
      <c r="E2132" s="1" t="s">
        <v>0</v>
      </c>
    </row>
    <row r="2133" spans="1:5" x14ac:dyDescent="0.25">
      <c r="A2133" s="1" t="s">
        <v>392</v>
      </c>
      <c r="B2133" s="1" t="s">
        <v>60547</v>
      </c>
      <c r="C2133" s="1" t="s">
        <v>16246</v>
      </c>
      <c r="D2133" s="2">
        <v>154961</v>
      </c>
      <c r="E2133" s="1" t="s">
        <v>0</v>
      </c>
    </row>
    <row r="2134" spans="1:5" x14ac:dyDescent="0.25">
      <c r="A2134" s="1" t="s">
        <v>16247</v>
      </c>
      <c r="B2134" s="1" t="s">
        <v>60548</v>
      </c>
      <c r="C2134" s="1" t="s">
        <v>16248</v>
      </c>
      <c r="D2134" s="2">
        <v>154962</v>
      </c>
      <c r="E2134" s="1" t="s">
        <v>0</v>
      </c>
    </row>
    <row r="2135" spans="1:5" ht="409.5" x14ac:dyDescent="0.25">
      <c r="A2135" s="4" t="s">
        <v>16249</v>
      </c>
      <c r="B2135" s="1" t="s">
        <v>62018</v>
      </c>
      <c r="C2135" s="1" t="s">
        <v>16250</v>
      </c>
      <c r="D2135" s="2">
        <v>154963</v>
      </c>
      <c r="E2135" s="1" t="s">
        <v>0</v>
      </c>
    </row>
    <row r="2136" spans="1:5" x14ac:dyDescent="0.25">
      <c r="A2136" s="1" t="s">
        <v>16251</v>
      </c>
      <c r="B2136" s="1" t="s">
        <v>60549</v>
      </c>
      <c r="C2136" s="1" t="s">
        <v>16252</v>
      </c>
      <c r="D2136" s="2">
        <v>154964</v>
      </c>
      <c r="E2136" s="1" t="s">
        <v>0</v>
      </c>
    </row>
    <row r="2137" spans="1:5" x14ac:dyDescent="0.25">
      <c r="A2137" s="2">
        <v>427</v>
      </c>
      <c r="B2137" s="2">
        <v>427</v>
      </c>
      <c r="C2137" s="1" t="s">
        <v>0</v>
      </c>
      <c r="D2137" s="2">
        <v>154965</v>
      </c>
      <c r="E2137" s="1" t="s">
        <v>0</v>
      </c>
    </row>
    <row r="2138" spans="1:5" x14ac:dyDescent="0.25">
      <c r="A2138" s="1" t="s">
        <v>5581</v>
      </c>
      <c r="B2138" s="1" t="s">
        <v>5582</v>
      </c>
      <c r="C2138" s="1" t="s">
        <v>16253</v>
      </c>
      <c r="D2138" s="2">
        <v>154966</v>
      </c>
      <c r="E2138" s="1" t="s">
        <v>0</v>
      </c>
    </row>
    <row r="2139" spans="1:5" x14ac:dyDescent="0.25">
      <c r="A2139" s="1" t="s">
        <v>16254</v>
      </c>
      <c r="B2139" s="1" t="s">
        <v>60690</v>
      </c>
      <c r="C2139" s="1" t="s">
        <v>16255</v>
      </c>
      <c r="D2139" s="2">
        <v>154967</v>
      </c>
      <c r="E2139" s="1" t="s">
        <v>0</v>
      </c>
    </row>
    <row r="2140" spans="1:5" ht="409.5" x14ac:dyDescent="0.25">
      <c r="A2140" s="4" t="s">
        <v>16256</v>
      </c>
      <c r="B2140" s="1" t="s">
        <v>60691</v>
      </c>
      <c r="C2140" s="1" t="s">
        <v>16257</v>
      </c>
      <c r="D2140" s="2">
        <v>154968</v>
      </c>
      <c r="E2140" s="1" t="s">
        <v>0</v>
      </c>
    </row>
    <row r="2141" spans="1:5" x14ac:dyDescent="0.25">
      <c r="A2141" s="1" t="s">
        <v>16258</v>
      </c>
      <c r="B2141" s="1" t="s">
        <v>51577</v>
      </c>
      <c r="C2141" s="1" t="s">
        <v>16259</v>
      </c>
      <c r="D2141" s="2">
        <v>154969</v>
      </c>
      <c r="E2141" s="1" t="s">
        <v>0</v>
      </c>
    </row>
    <row r="2142" spans="1:5" x14ac:dyDescent="0.25">
      <c r="A2142" s="2">
        <v>428</v>
      </c>
      <c r="B2142" s="2">
        <v>428</v>
      </c>
      <c r="C2142" s="1" t="s">
        <v>0</v>
      </c>
      <c r="D2142" s="2">
        <v>154970</v>
      </c>
      <c r="E2142" s="1" t="s">
        <v>0</v>
      </c>
    </row>
    <row r="2143" spans="1:5" x14ac:dyDescent="0.25">
      <c r="A2143" s="1" t="s">
        <v>393</v>
      </c>
      <c r="B2143" s="1" t="s">
        <v>5583</v>
      </c>
      <c r="C2143" s="1" t="s">
        <v>16260</v>
      </c>
      <c r="D2143" s="2">
        <v>154971</v>
      </c>
      <c r="E2143" s="1" t="s">
        <v>0</v>
      </c>
    </row>
    <row r="2144" spans="1:5" x14ac:dyDescent="0.25">
      <c r="A2144" s="1" t="s">
        <v>16261</v>
      </c>
      <c r="B2144" s="1" t="s">
        <v>58692</v>
      </c>
      <c r="C2144" s="1" t="s">
        <v>16262</v>
      </c>
      <c r="D2144" s="2">
        <v>154972</v>
      </c>
      <c r="E2144" s="1" t="s">
        <v>0</v>
      </c>
    </row>
    <row r="2145" spans="1:5" ht="409.5" x14ac:dyDescent="0.25">
      <c r="A2145" s="4" t="s">
        <v>16263</v>
      </c>
      <c r="B2145" s="1" t="s">
        <v>58693</v>
      </c>
      <c r="C2145" s="1" t="s">
        <v>16264</v>
      </c>
      <c r="D2145" s="2">
        <v>154973</v>
      </c>
      <c r="E2145" s="1" t="s">
        <v>0</v>
      </c>
    </row>
    <row r="2146" spans="1:5" x14ac:dyDescent="0.25">
      <c r="A2146" s="1" t="s">
        <v>16265</v>
      </c>
      <c r="B2146" s="1" t="s">
        <v>51578</v>
      </c>
      <c r="C2146" s="1" t="s">
        <v>16266</v>
      </c>
      <c r="D2146" s="2">
        <v>154974</v>
      </c>
      <c r="E2146" s="1" t="s">
        <v>0</v>
      </c>
    </row>
    <row r="2147" spans="1:5" x14ac:dyDescent="0.25">
      <c r="A2147" s="2">
        <v>429</v>
      </c>
      <c r="B2147" s="2">
        <v>429</v>
      </c>
      <c r="C2147" s="1" t="s">
        <v>0</v>
      </c>
      <c r="D2147" s="2">
        <v>154975</v>
      </c>
      <c r="E2147" s="1" t="s">
        <v>0</v>
      </c>
    </row>
    <row r="2148" spans="1:5" x14ac:dyDescent="0.25">
      <c r="A2148" s="1" t="s">
        <v>394</v>
      </c>
      <c r="B2148" s="1" t="s">
        <v>5584</v>
      </c>
      <c r="C2148" s="1" t="s">
        <v>16267</v>
      </c>
      <c r="D2148" s="2">
        <v>154976</v>
      </c>
      <c r="E2148" s="1" t="s">
        <v>0</v>
      </c>
    </row>
    <row r="2149" spans="1:5" x14ac:dyDescent="0.25">
      <c r="A2149" s="1" t="s">
        <v>16268</v>
      </c>
      <c r="B2149" s="1" t="s">
        <v>56682</v>
      </c>
      <c r="C2149" s="1" t="s">
        <v>16269</v>
      </c>
      <c r="D2149" s="2">
        <v>154977</v>
      </c>
      <c r="E2149" s="1" t="s">
        <v>0</v>
      </c>
    </row>
    <row r="2150" spans="1:5" ht="409.5" x14ac:dyDescent="0.25">
      <c r="A2150" s="4" t="s">
        <v>63968</v>
      </c>
      <c r="B2150" s="1" t="s">
        <v>56683</v>
      </c>
      <c r="C2150" s="1" t="s">
        <v>16270</v>
      </c>
      <c r="D2150" s="2">
        <v>154978</v>
      </c>
      <c r="E2150" s="1" t="s">
        <v>0</v>
      </c>
    </row>
    <row r="2151" spans="1:5" x14ac:dyDescent="0.25">
      <c r="A2151" s="1" t="s">
        <v>16271</v>
      </c>
      <c r="B2151" s="1" t="s">
        <v>5585</v>
      </c>
      <c r="C2151" s="1" t="s">
        <v>16272</v>
      </c>
      <c r="D2151" s="2">
        <v>154979</v>
      </c>
      <c r="E2151" s="1" t="s">
        <v>0</v>
      </c>
    </row>
    <row r="2152" spans="1:5" x14ac:dyDescent="0.25">
      <c r="A2152" s="2">
        <v>430</v>
      </c>
      <c r="B2152" s="2">
        <v>430</v>
      </c>
      <c r="C2152" s="1" t="s">
        <v>0</v>
      </c>
      <c r="D2152" s="2">
        <v>154980</v>
      </c>
      <c r="E2152" s="1" t="s">
        <v>0</v>
      </c>
    </row>
    <row r="2153" spans="1:5" x14ac:dyDescent="0.25">
      <c r="A2153" s="1" t="s">
        <v>395</v>
      </c>
      <c r="B2153" s="1" t="s">
        <v>5586</v>
      </c>
      <c r="C2153" s="1" t="s">
        <v>16273</v>
      </c>
      <c r="D2153" s="2">
        <v>154981</v>
      </c>
      <c r="E2153" s="1" t="s">
        <v>0</v>
      </c>
    </row>
    <row r="2154" spans="1:5" x14ac:dyDescent="0.25">
      <c r="A2154" s="1" t="s">
        <v>16274</v>
      </c>
      <c r="B2154" s="1" t="s">
        <v>5587</v>
      </c>
      <c r="C2154" s="1" t="s">
        <v>16275</v>
      </c>
      <c r="D2154" s="2">
        <v>154982</v>
      </c>
      <c r="E2154" s="1" t="s">
        <v>0</v>
      </c>
    </row>
    <row r="2155" spans="1:5" ht="409.5" x14ac:dyDescent="0.25">
      <c r="A2155" s="4" t="s">
        <v>16276</v>
      </c>
      <c r="B2155" s="1" t="s">
        <v>5588</v>
      </c>
      <c r="C2155" s="1" t="s">
        <v>16277</v>
      </c>
      <c r="D2155" s="2">
        <v>154983</v>
      </c>
      <c r="E2155" s="1" t="s">
        <v>0</v>
      </c>
    </row>
    <row r="2156" spans="1:5" x14ac:dyDescent="0.25">
      <c r="A2156" s="1" t="s">
        <v>16278</v>
      </c>
      <c r="B2156" s="1" t="s">
        <v>51579</v>
      </c>
      <c r="C2156" s="1" t="s">
        <v>16279</v>
      </c>
      <c r="D2156" s="2">
        <v>154984</v>
      </c>
      <c r="E2156" s="1" t="s">
        <v>0</v>
      </c>
    </row>
    <row r="2157" spans="1:5" x14ac:dyDescent="0.25">
      <c r="A2157" s="2">
        <v>431</v>
      </c>
      <c r="B2157" s="2">
        <v>431</v>
      </c>
      <c r="C2157" s="1" t="s">
        <v>0</v>
      </c>
      <c r="D2157" s="2">
        <v>154985</v>
      </c>
      <c r="E2157" s="1" t="s">
        <v>0</v>
      </c>
    </row>
    <row r="2158" spans="1:5" x14ac:dyDescent="0.25">
      <c r="A2158" s="1" t="s">
        <v>396</v>
      </c>
      <c r="B2158" s="1" t="s">
        <v>5589</v>
      </c>
      <c r="C2158" s="1" t="s">
        <v>16280</v>
      </c>
      <c r="D2158" s="2">
        <v>154986</v>
      </c>
      <c r="E2158" s="1" t="s">
        <v>0</v>
      </c>
    </row>
    <row r="2159" spans="1:5" x14ac:dyDescent="0.25">
      <c r="A2159" s="1" t="s">
        <v>16281</v>
      </c>
      <c r="B2159" s="1" t="s">
        <v>56684</v>
      </c>
      <c r="C2159" s="1" t="s">
        <v>16282</v>
      </c>
      <c r="D2159" s="2">
        <v>154987</v>
      </c>
      <c r="E2159" s="1" t="s">
        <v>0</v>
      </c>
    </row>
    <row r="2160" spans="1:5" ht="409.5" x14ac:dyDescent="0.25">
      <c r="A2160" s="4" t="s">
        <v>16283</v>
      </c>
      <c r="B2160" s="1" t="s">
        <v>56685</v>
      </c>
      <c r="C2160" s="1" t="s">
        <v>16284</v>
      </c>
      <c r="D2160" s="2">
        <v>154988</v>
      </c>
      <c r="E2160" s="1" t="s">
        <v>0</v>
      </c>
    </row>
    <row r="2161" spans="1:5" x14ac:dyDescent="0.25">
      <c r="A2161" s="1" t="s">
        <v>16285</v>
      </c>
      <c r="B2161" s="1" t="s">
        <v>5590</v>
      </c>
      <c r="C2161" s="1" t="s">
        <v>16286</v>
      </c>
      <c r="D2161" s="2">
        <v>154989</v>
      </c>
      <c r="E2161" s="1" t="s">
        <v>0</v>
      </c>
    </row>
    <row r="2162" spans="1:5" x14ac:dyDescent="0.25">
      <c r="A2162" s="2">
        <v>432</v>
      </c>
      <c r="B2162" s="2">
        <v>432</v>
      </c>
      <c r="C2162" s="1" t="s">
        <v>0</v>
      </c>
      <c r="D2162" s="2">
        <v>154990</v>
      </c>
      <c r="E2162" s="1" t="s">
        <v>0</v>
      </c>
    </row>
    <row r="2163" spans="1:5" x14ac:dyDescent="0.25">
      <c r="A2163" s="1" t="s">
        <v>397</v>
      </c>
      <c r="B2163" s="1" t="s">
        <v>5591</v>
      </c>
      <c r="C2163" s="1" t="s">
        <v>16287</v>
      </c>
      <c r="D2163" s="2">
        <v>154991</v>
      </c>
      <c r="E2163" s="1" t="s">
        <v>0</v>
      </c>
    </row>
    <row r="2164" spans="1:5" x14ac:dyDescent="0.25">
      <c r="A2164" s="1" t="s">
        <v>16288</v>
      </c>
      <c r="B2164" s="1" t="s">
        <v>58166</v>
      </c>
      <c r="C2164" s="1" t="s">
        <v>16289</v>
      </c>
      <c r="D2164" s="2">
        <v>154992</v>
      </c>
      <c r="E2164" s="1" t="s">
        <v>0</v>
      </c>
    </row>
    <row r="2165" spans="1:5" ht="409.5" x14ac:dyDescent="0.25">
      <c r="A2165" s="4" t="s">
        <v>16290</v>
      </c>
      <c r="B2165" s="1" t="s">
        <v>60815</v>
      </c>
      <c r="C2165" s="1" t="s">
        <v>16291</v>
      </c>
      <c r="D2165" s="2">
        <v>154993</v>
      </c>
      <c r="E2165" s="1" t="s">
        <v>0</v>
      </c>
    </row>
    <row r="2166" spans="1:5" x14ac:dyDescent="0.25">
      <c r="A2166" s="1" t="s">
        <v>16292</v>
      </c>
      <c r="B2166" s="1" t="s">
        <v>51580</v>
      </c>
      <c r="C2166" s="1" t="s">
        <v>16293</v>
      </c>
      <c r="D2166" s="2">
        <v>154994</v>
      </c>
      <c r="E2166" s="1" t="s">
        <v>0</v>
      </c>
    </row>
    <row r="2167" spans="1:5" x14ac:dyDescent="0.25">
      <c r="A2167" s="2">
        <v>433</v>
      </c>
      <c r="B2167" s="2">
        <v>433</v>
      </c>
      <c r="C2167" s="1" t="s">
        <v>0</v>
      </c>
      <c r="D2167" s="2">
        <v>154995</v>
      </c>
      <c r="E2167" s="1" t="s">
        <v>0</v>
      </c>
    </row>
    <row r="2168" spans="1:5" x14ac:dyDescent="0.25">
      <c r="A2168" s="1" t="s">
        <v>398</v>
      </c>
      <c r="B2168" s="1" t="s">
        <v>399</v>
      </c>
      <c r="C2168" s="1" t="s">
        <v>16294</v>
      </c>
      <c r="D2168" s="2">
        <v>154996</v>
      </c>
      <c r="E2168" s="1" t="s">
        <v>0</v>
      </c>
    </row>
    <row r="2169" spans="1:5" x14ac:dyDescent="0.25">
      <c r="A2169" s="1" t="s">
        <v>16295</v>
      </c>
      <c r="B2169" s="1" t="s">
        <v>51581</v>
      </c>
      <c r="C2169" s="1" t="s">
        <v>16296</v>
      </c>
      <c r="D2169" s="2">
        <v>154997</v>
      </c>
      <c r="E2169" s="1" t="s">
        <v>0</v>
      </c>
    </row>
    <row r="2170" spans="1:5" ht="409.5" x14ac:dyDescent="0.25">
      <c r="A2170" s="4" t="s">
        <v>63969</v>
      </c>
      <c r="B2170" s="1" t="s">
        <v>60898</v>
      </c>
      <c r="C2170" s="1" t="s">
        <v>16297</v>
      </c>
      <c r="D2170" s="2">
        <v>154998</v>
      </c>
      <c r="E2170" s="1" t="s">
        <v>0</v>
      </c>
    </row>
    <row r="2171" spans="1:5" x14ac:dyDescent="0.25">
      <c r="A2171" s="1" t="s">
        <v>16298</v>
      </c>
      <c r="B2171" s="1" t="s">
        <v>5592</v>
      </c>
      <c r="C2171" s="1" t="s">
        <v>16299</v>
      </c>
      <c r="D2171" s="2">
        <v>154999</v>
      </c>
      <c r="E2171" s="1" t="s">
        <v>0</v>
      </c>
    </row>
    <row r="2172" spans="1:5" x14ac:dyDescent="0.25">
      <c r="A2172" s="2">
        <v>434</v>
      </c>
      <c r="B2172" s="2">
        <v>434</v>
      </c>
      <c r="C2172" s="1" t="s">
        <v>0</v>
      </c>
      <c r="D2172" s="2">
        <v>155000</v>
      </c>
      <c r="E2172" s="1" t="s">
        <v>0</v>
      </c>
    </row>
    <row r="2173" spans="1:5" x14ac:dyDescent="0.25">
      <c r="A2173" s="1" t="s">
        <v>400</v>
      </c>
      <c r="B2173" s="1" t="s">
        <v>5593</v>
      </c>
      <c r="C2173" s="1" t="s">
        <v>16300</v>
      </c>
      <c r="D2173" s="2">
        <v>155001</v>
      </c>
      <c r="E2173" s="1" t="s">
        <v>0</v>
      </c>
    </row>
    <row r="2174" spans="1:5" x14ac:dyDescent="0.25">
      <c r="A2174" s="1" t="s">
        <v>16301</v>
      </c>
      <c r="B2174" s="1" t="s">
        <v>51582</v>
      </c>
      <c r="C2174" s="1" t="s">
        <v>16302</v>
      </c>
      <c r="D2174" s="2">
        <v>155002</v>
      </c>
      <c r="E2174" s="1" t="s">
        <v>0</v>
      </c>
    </row>
    <row r="2175" spans="1:5" ht="409.5" x14ac:dyDescent="0.25">
      <c r="A2175" s="4" t="s">
        <v>16303</v>
      </c>
      <c r="B2175" s="1" t="s">
        <v>51583</v>
      </c>
      <c r="C2175" s="1" t="s">
        <v>16304</v>
      </c>
      <c r="D2175" s="2">
        <v>155003</v>
      </c>
      <c r="E2175" s="1" t="s">
        <v>0</v>
      </c>
    </row>
    <row r="2176" spans="1:5" x14ac:dyDescent="0.25">
      <c r="A2176" s="1" t="s">
        <v>16305</v>
      </c>
      <c r="B2176" s="1" t="s">
        <v>51584</v>
      </c>
      <c r="C2176" s="1" t="s">
        <v>16306</v>
      </c>
      <c r="D2176" s="2">
        <v>155004</v>
      </c>
      <c r="E2176" s="1" t="s">
        <v>0</v>
      </c>
    </row>
    <row r="2177" spans="1:5" x14ac:dyDescent="0.25">
      <c r="A2177" s="2">
        <v>435</v>
      </c>
      <c r="B2177" s="2">
        <v>435</v>
      </c>
      <c r="C2177" s="1" t="s">
        <v>0</v>
      </c>
      <c r="D2177" s="2">
        <v>155005</v>
      </c>
      <c r="E2177" s="1" t="s">
        <v>0</v>
      </c>
    </row>
    <row r="2178" spans="1:5" x14ac:dyDescent="0.25">
      <c r="A2178" s="1" t="s">
        <v>5594</v>
      </c>
      <c r="B2178" s="1" t="s">
        <v>5595</v>
      </c>
      <c r="C2178" s="1" t="s">
        <v>16307</v>
      </c>
      <c r="D2178" s="2">
        <v>155006</v>
      </c>
      <c r="E2178" s="1" t="s">
        <v>0</v>
      </c>
    </row>
    <row r="2179" spans="1:5" x14ac:dyDescent="0.25">
      <c r="A2179" s="1" t="s">
        <v>16308</v>
      </c>
      <c r="B2179" s="1" t="s">
        <v>51585</v>
      </c>
      <c r="C2179" s="1" t="s">
        <v>16309</v>
      </c>
      <c r="D2179" s="2">
        <v>155007</v>
      </c>
      <c r="E2179" s="1" t="s">
        <v>0</v>
      </c>
    </row>
    <row r="2180" spans="1:5" ht="409.5" x14ac:dyDescent="0.25">
      <c r="A2180" s="4" t="s">
        <v>16310</v>
      </c>
      <c r="B2180" s="1" t="s">
        <v>62019</v>
      </c>
      <c r="C2180" s="1" t="s">
        <v>16311</v>
      </c>
      <c r="D2180" s="2">
        <v>155008</v>
      </c>
      <c r="E2180" s="1" t="s">
        <v>0</v>
      </c>
    </row>
    <row r="2181" spans="1:5" x14ac:dyDescent="0.25">
      <c r="A2181" s="1" t="s">
        <v>16312</v>
      </c>
      <c r="B2181" s="1" t="s">
        <v>60899</v>
      </c>
      <c r="C2181" s="1" t="s">
        <v>16313</v>
      </c>
      <c r="D2181" s="2">
        <v>155009</v>
      </c>
      <c r="E2181" s="1" t="s">
        <v>0</v>
      </c>
    </row>
    <row r="2182" spans="1:5" x14ac:dyDescent="0.25">
      <c r="A2182" s="2">
        <v>436</v>
      </c>
      <c r="B2182" s="2">
        <v>436</v>
      </c>
      <c r="C2182" s="1" t="s">
        <v>0</v>
      </c>
      <c r="D2182" s="2">
        <v>155010</v>
      </c>
      <c r="E2182" s="1" t="s">
        <v>0</v>
      </c>
    </row>
    <row r="2183" spans="1:5" x14ac:dyDescent="0.25">
      <c r="A2183" s="1" t="s">
        <v>401</v>
      </c>
      <c r="B2183" s="1" t="s">
        <v>5596</v>
      </c>
      <c r="C2183" s="1" t="s">
        <v>16314</v>
      </c>
      <c r="D2183" s="2">
        <v>155011</v>
      </c>
      <c r="E2183" s="1" t="s">
        <v>0</v>
      </c>
    </row>
    <row r="2184" spans="1:5" x14ac:dyDescent="0.25">
      <c r="A2184" s="1" t="s">
        <v>16315</v>
      </c>
      <c r="B2184" s="1" t="s">
        <v>51586</v>
      </c>
      <c r="C2184" s="1" t="s">
        <v>16316</v>
      </c>
      <c r="D2184" s="2">
        <v>155012</v>
      </c>
      <c r="E2184" s="1" t="s">
        <v>0</v>
      </c>
    </row>
    <row r="2185" spans="1:5" ht="409.5" x14ac:dyDescent="0.25">
      <c r="A2185" s="4" t="s">
        <v>16317</v>
      </c>
      <c r="B2185" s="1" t="s">
        <v>51587</v>
      </c>
      <c r="C2185" s="1" t="s">
        <v>16318</v>
      </c>
      <c r="D2185" s="2">
        <v>155013</v>
      </c>
      <c r="E2185" s="1" t="s">
        <v>0</v>
      </c>
    </row>
    <row r="2186" spans="1:5" x14ac:dyDescent="0.25">
      <c r="A2186" s="1" t="s">
        <v>16319</v>
      </c>
      <c r="B2186" s="1" t="s">
        <v>61574</v>
      </c>
      <c r="C2186" s="1" t="s">
        <v>16320</v>
      </c>
      <c r="D2186" s="2">
        <v>155014</v>
      </c>
      <c r="E2186" s="1" t="s">
        <v>0</v>
      </c>
    </row>
    <row r="2187" spans="1:5" x14ac:dyDescent="0.25">
      <c r="A2187" s="2">
        <v>437</v>
      </c>
      <c r="B2187" s="2">
        <v>437</v>
      </c>
      <c r="C2187" s="1" t="s">
        <v>0</v>
      </c>
      <c r="D2187" s="2">
        <v>155015</v>
      </c>
      <c r="E2187" s="1" t="s">
        <v>0</v>
      </c>
    </row>
    <row r="2188" spans="1:5" x14ac:dyDescent="0.25">
      <c r="A2188" s="1" t="s">
        <v>402</v>
      </c>
      <c r="B2188" s="1" t="s">
        <v>5597</v>
      </c>
      <c r="C2188" s="1" t="s">
        <v>16321</v>
      </c>
      <c r="D2188" s="2">
        <v>155016</v>
      </c>
      <c r="E2188" s="1" t="s">
        <v>0</v>
      </c>
    </row>
    <row r="2189" spans="1:5" x14ac:dyDescent="0.25">
      <c r="A2189" s="1" t="s">
        <v>16322</v>
      </c>
      <c r="B2189" s="1" t="s">
        <v>5598</v>
      </c>
      <c r="C2189" s="1" t="s">
        <v>16323</v>
      </c>
      <c r="D2189" s="2">
        <v>155017</v>
      </c>
      <c r="E2189" s="1" t="s">
        <v>0</v>
      </c>
    </row>
    <row r="2190" spans="1:5" ht="409.5" x14ac:dyDescent="0.25">
      <c r="A2190" s="4" t="s">
        <v>63970</v>
      </c>
      <c r="B2190" s="1" t="s">
        <v>63608</v>
      </c>
      <c r="C2190" s="1" t="s">
        <v>16324</v>
      </c>
      <c r="D2190" s="2">
        <v>155018</v>
      </c>
      <c r="E2190" s="1" t="s">
        <v>0</v>
      </c>
    </row>
    <row r="2191" spans="1:5" x14ac:dyDescent="0.25">
      <c r="A2191" s="1" t="s">
        <v>16325</v>
      </c>
      <c r="B2191" s="1" t="s">
        <v>5599</v>
      </c>
      <c r="C2191" s="1" t="s">
        <v>16326</v>
      </c>
      <c r="D2191" s="2">
        <v>155019</v>
      </c>
      <c r="E2191" s="1" t="s">
        <v>0</v>
      </c>
    </row>
    <row r="2192" spans="1:5" x14ac:dyDescent="0.25">
      <c r="A2192" s="2">
        <v>438</v>
      </c>
      <c r="B2192" s="2">
        <v>438</v>
      </c>
      <c r="C2192" s="1" t="s">
        <v>0</v>
      </c>
      <c r="D2192" s="2">
        <v>155020</v>
      </c>
      <c r="E2192" s="1" t="s">
        <v>0</v>
      </c>
    </row>
    <row r="2193" spans="1:5" x14ac:dyDescent="0.25">
      <c r="A2193" s="1" t="s">
        <v>403</v>
      </c>
      <c r="B2193" s="1" t="s">
        <v>5600</v>
      </c>
      <c r="C2193" s="1" t="s">
        <v>16327</v>
      </c>
      <c r="D2193" s="2">
        <v>155021</v>
      </c>
      <c r="E2193" s="1" t="s">
        <v>0</v>
      </c>
    </row>
    <row r="2194" spans="1:5" x14ac:dyDescent="0.25">
      <c r="A2194" s="1" t="s">
        <v>16328</v>
      </c>
      <c r="B2194" s="1" t="s">
        <v>50401</v>
      </c>
      <c r="C2194" s="1" t="s">
        <v>16329</v>
      </c>
      <c r="D2194" s="2">
        <v>155022</v>
      </c>
      <c r="E2194" s="1" t="s">
        <v>0</v>
      </c>
    </row>
    <row r="2195" spans="1:5" ht="409.5" x14ac:dyDescent="0.25">
      <c r="A2195" s="4" t="s">
        <v>16330</v>
      </c>
      <c r="B2195" s="1" t="s">
        <v>57715</v>
      </c>
      <c r="C2195" s="1" t="s">
        <v>16331</v>
      </c>
      <c r="D2195" s="2">
        <v>155023</v>
      </c>
      <c r="E2195" s="1" t="s">
        <v>0</v>
      </c>
    </row>
    <row r="2196" spans="1:5" x14ac:dyDescent="0.25">
      <c r="A2196" s="1" t="s">
        <v>16332</v>
      </c>
      <c r="B2196" s="1" t="s">
        <v>51588</v>
      </c>
      <c r="C2196" s="1" t="s">
        <v>16333</v>
      </c>
      <c r="D2196" s="2">
        <v>155024</v>
      </c>
      <c r="E2196" s="1" t="s">
        <v>0</v>
      </c>
    </row>
    <row r="2197" spans="1:5" x14ac:dyDescent="0.25">
      <c r="A2197" s="2">
        <v>439</v>
      </c>
      <c r="B2197" s="2">
        <v>439</v>
      </c>
      <c r="C2197" s="1" t="s">
        <v>0</v>
      </c>
      <c r="D2197" s="2">
        <v>155025</v>
      </c>
      <c r="E2197" s="1" t="s">
        <v>0</v>
      </c>
    </row>
    <row r="2198" spans="1:5" x14ac:dyDescent="0.25">
      <c r="A2198" s="1" t="s">
        <v>404</v>
      </c>
      <c r="B2198" s="1" t="s">
        <v>5601</v>
      </c>
      <c r="C2198" s="1" t="s">
        <v>16334</v>
      </c>
      <c r="D2198" s="2">
        <v>155026</v>
      </c>
      <c r="E2198" s="1" t="s">
        <v>0</v>
      </c>
    </row>
    <row r="2199" spans="1:5" x14ac:dyDescent="0.25">
      <c r="A2199" s="1" t="s">
        <v>16335</v>
      </c>
      <c r="B2199" s="1" t="s">
        <v>58167</v>
      </c>
      <c r="C2199" s="1" t="s">
        <v>16336</v>
      </c>
      <c r="D2199" s="2">
        <v>155027</v>
      </c>
      <c r="E2199" s="1" t="s">
        <v>0</v>
      </c>
    </row>
    <row r="2200" spans="1:5" ht="409.5" x14ac:dyDescent="0.25">
      <c r="A2200" s="4" t="s">
        <v>16337</v>
      </c>
      <c r="B2200" s="1" t="s">
        <v>58168</v>
      </c>
      <c r="C2200" s="1" t="s">
        <v>16338</v>
      </c>
      <c r="D2200" s="2">
        <v>155028</v>
      </c>
      <c r="E2200" s="1" t="s">
        <v>0</v>
      </c>
    </row>
    <row r="2201" spans="1:5" x14ac:dyDescent="0.25">
      <c r="A2201" s="1" t="s">
        <v>16339</v>
      </c>
      <c r="B2201" s="1" t="s">
        <v>5602</v>
      </c>
      <c r="C2201" s="1" t="s">
        <v>16340</v>
      </c>
      <c r="D2201" s="2">
        <v>155029</v>
      </c>
      <c r="E2201" s="1" t="s">
        <v>0</v>
      </c>
    </row>
    <row r="2202" spans="1:5" x14ac:dyDescent="0.25">
      <c r="A2202" s="2">
        <v>440</v>
      </c>
      <c r="B2202" s="2">
        <v>440</v>
      </c>
      <c r="C2202" s="1" t="s">
        <v>0</v>
      </c>
      <c r="D2202" s="2">
        <v>155030</v>
      </c>
      <c r="E2202" s="1" t="s">
        <v>0</v>
      </c>
    </row>
    <row r="2203" spans="1:5" x14ac:dyDescent="0.25">
      <c r="A2203" s="1" t="s">
        <v>405</v>
      </c>
      <c r="B2203" s="1" t="s">
        <v>5603</v>
      </c>
      <c r="C2203" s="1" t="s">
        <v>16341</v>
      </c>
      <c r="D2203" s="2">
        <v>155031</v>
      </c>
      <c r="E2203" s="1" t="s">
        <v>0</v>
      </c>
    </row>
    <row r="2204" spans="1:5" x14ac:dyDescent="0.25">
      <c r="A2204" s="1" t="s">
        <v>16342</v>
      </c>
      <c r="B2204" s="1" t="s">
        <v>60900</v>
      </c>
      <c r="C2204" s="1" t="s">
        <v>16343</v>
      </c>
      <c r="D2204" s="2">
        <v>155032</v>
      </c>
      <c r="E2204" s="1" t="s">
        <v>0</v>
      </c>
    </row>
    <row r="2205" spans="1:5" ht="409.5" x14ac:dyDescent="0.25">
      <c r="A2205" s="4" t="s">
        <v>63971</v>
      </c>
      <c r="B2205" s="1" t="s">
        <v>60901</v>
      </c>
      <c r="C2205" s="1" t="s">
        <v>16344</v>
      </c>
      <c r="D2205" s="2">
        <v>155033</v>
      </c>
      <c r="E2205" s="1" t="s">
        <v>0</v>
      </c>
    </row>
    <row r="2206" spans="1:5" x14ac:dyDescent="0.25">
      <c r="A2206" s="1" t="s">
        <v>16345</v>
      </c>
      <c r="B2206" s="1" t="s">
        <v>51589</v>
      </c>
      <c r="C2206" s="1" t="s">
        <v>16346</v>
      </c>
      <c r="D2206" s="2">
        <v>155034</v>
      </c>
      <c r="E2206" s="1" t="s">
        <v>0</v>
      </c>
    </row>
    <row r="2207" spans="1:5" x14ac:dyDescent="0.25">
      <c r="A2207" s="2">
        <v>441</v>
      </c>
      <c r="B2207" s="2">
        <v>441</v>
      </c>
      <c r="C2207" s="1" t="s">
        <v>0</v>
      </c>
      <c r="D2207" s="2">
        <v>155035</v>
      </c>
      <c r="E2207" s="1" t="s">
        <v>0</v>
      </c>
    </row>
    <row r="2208" spans="1:5" x14ac:dyDescent="0.25">
      <c r="A2208" s="1" t="s">
        <v>406</v>
      </c>
      <c r="B2208" s="1" t="s">
        <v>5604</v>
      </c>
      <c r="C2208" s="1" t="s">
        <v>16347</v>
      </c>
      <c r="D2208" s="2">
        <v>155036</v>
      </c>
      <c r="E2208" s="1" t="s">
        <v>0</v>
      </c>
    </row>
    <row r="2209" spans="1:5" x14ac:dyDescent="0.25">
      <c r="A2209" s="1" t="s">
        <v>16348</v>
      </c>
      <c r="B2209" s="1" t="s">
        <v>51590</v>
      </c>
      <c r="C2209" s="1" t="s">
        <v>16349</v>
      </c>
      <c r="D2209" s="2">
        <v>155037</v>
      </c>
      <c r="E2209" s="1" t="s">
        <v>0</v>
      </c>
    </row>
    <row r="2210" spans="1:5" ht="409.5" x14ac:dyDescent="0.25">
      <c r="A2210" s="4" t="s">
        <v>16350</v>
      </c>
      <c r="B2210" s="1" t="s">
        <v>63198</v>
      </c>
      <c r="C2210" s="1" t="s">
        <v>16351</v>
      </c>
      <c r="D2210" s="2">
        <v>155038</v>
      </c>
      <c r="E2210" s="1" t="s">
        <v>0</v>
      </c>
    </row>
    <row r="2211" spans="1:5" x14ac:dyDescent="0.25">
      <c r="A2211" s="1" t="s">
        <v>16352</v>
      </c>
      <c r="B2211" s="1" t="s">
        <v>5605</v>
      </c>
      <c r="C2211" s="1" t="s">
        <v>16353</v>
      </c>
      <c r="D2211" s="2">
        <v>155039</v>
      </c>
      <c r="E2211" s="1" t="s">
        <v>0</v>
      </c>
    </row>
    <row r="2212" spans="1:5" x14ac:dyDescent="0.25">
      <c r="A2212" s="2">
        <v>442</v>
      </c>
      <c r="B2212" s="2">
        <v>442</v>
      </c>
      <c r="C2212" s="1" t="s">
        <v>0</v>
      </c>
      <c r="D2212" s="2">
        <v>155040</v>
      </c>
      <c r="E2212" s="1" t="s">
        <v>0</v>
      </c>
    </row>
    <row r="2213" spans="1:5" x14ac:dyDescent="0.25">
      <c r="A2213" s="1" t="s">
        <v>407</v>
      </c>
      <c r="B2213" s="1" t="s">
        <v>5606</v>
      </c>
      <c r="C2213" s="1" t="s">
        <v>16354</v>
      </c>
      <c r="D2213" s="2">
        <v>155041</v>
      </c>
      <c r="E2213" s="1" t="s">
        <v>0</v>
      </c>
    </row>
    <row r="2214" spans="1:5" x14ac:dyDescent="0.25">
      <c r="A2214" s="1" t="s">
        <v>16355</v>
      </c>
      <c r="B2214" s="1" t="s">
        <v>59754</v>
      </c>
      <c r="C2214" s="1" t="s">
        <v>16356</v>
      </c>
      <c r="D2214" s="2">
        <v>155042</v>
      </c>
      <c r="E2214" s="1" t="s">
        <v>0</v>
      </c>
    </row>
    <row r="2215" spans="1:5" ht="409.5" x14ac:dyDescent="0.25">
      <c r="A2215" s="4" t="s">
        <v>16357</v>
      </c>
      <c r="B2215" s="1" t="s">
        <v>59755</v>
      </c>
      <c r="C2215" s="1" t="s">
        <v>16358</v>
      </c>
      <c r="D2215" s="2">
        <v>155043</v>
      </c>
      <c r="E2215" s="1" t="s">
        <v>0</v>
      </c>
    </row>
    <row r="2216" spans="1:5" x14ac:dyDescent="0.25">
      <c r="A2216" s="1" t="s">
        <v>16359</v>
      </c>
      <c r="B2216" s="1" t="s">
        <v>59549</v>
      </c>
      <c r="C2216" s="1" t="s">
        <v>16360</v>
      </c>
      <c r="D2216" s="2">
        <v>155044</v>
      </c>
      <c r="E2216" s="1" t="s">
        <v>0</v>
      </c>
    </row>
    <row r="2217" spans="1:5" x14ac:dyDescent="0.25">
      <c r="A2217" s="2">
        <v>443</v>
      </c>
      <c r="B2217" s="2">
        <v>443</v>
      </c>
      <c r="C2217" s="1" t="s">
        <v>0</v>
      </c>
      <c r="D2217" s="2">
        <v>155045</v>
      </c>
      <c r="E2217" s="1" t="s">
        <v>0</v>
      </c>
    </row>
    <row r="2218" spans="1:5" x14ac:dyDescent="0.25">
      <c r="A2218" s="1" t="s">
        <v>408</v>
      </c>
      <c r="B2218" s="1" t="s">
        <v>5607</v>
      </c>
      <c r="C2218" s="1" t="s">
        <v>16361</v>
      </c>
      <c r="D2218" s="2">
        <v>155046</v>
      </c>
      <c r="E2218" s="1" t="s">
        <v>0</v>
      </c>
    </row>
    <row r="2219" spans="1:5" x14ac:dyDescent="0.25">
      <c r="A2219" s="1" t="s">
        <v>16362</v>
      </c>
      <c r="B2219" s="1" t="s">
        <v>5608</v>
      </c>
      <c r="C2219" s="1" t="s">
        <v>16363</v>
      </c>
      <c r="D2219" s="2">
        <v>155047</v>
      </c>
      <c r="E2219" s="1" t="s">
        <v>0</v>
      </c>
    </row>
    <row r="2220" spans="1:5" ht="409.5" x14ac:dyDescent="0.25">
      <c r="A2220" s="4" t="s">
        <v>16364</v>
      </c>
      <c r="B2220" s="1" t="s">
        <v>63609</v>
      </c>
      <c r="C2220" s="1" t="s">
        <v>16365</v>
      </c>
      <c r="D2220" s="2">
        <v>155048</v>
      </c>
      <c r="E2220" s="1" t="s">
        <v>0</v>
      </c>
    </row>
    <row r="2221" spans="1:5" x14ac:dyDescent="0.25">
      <c r="A2221" s="1" t="s">
        <v>16366</v>
      </c>
      <c r="B2221" s="1" t="s">
        <v>51591</v>
      </c>
      <c r="C2221" s="1" t="s">
        <v>16367</v>
      </c>
      <c r="D2221" s="2">
        <v>155049</v>
      </c>
      <c r="E2221" s="1" t="s">
        <v>0</v>
      </c>
    </row>
    <row r="2222" spans="1:5" x14ac:dyDescent="0.25">
      <c r="A2222" s="2">
        <v>444</v>
      </c>
      <c r="B2222" s="2">
        <v>444</v>
      </c>
      <c r="C2222" s="1" t="s">
        <v>0</v>
      </c>
      <c r="D2222" s="2">
        <v>155050</v>
      </c>
      <c r="E2222" s="1" t="s">
        <v>0</v>
      </c>
    </row>
    <row r="2223" spans="1:5" x14ac:dyDescent="0.25">
      <c r="A2223" s="1" t="s">
        <v>409</v>
      </c>
      <c r="B2223" s="1" t="s">
        <v>5609</v>
      </c>
      <c r="C2223" s="1" t="s">
        <v>16368</v>
      </c>
      <c r="D2223" s="2">
        <v>155051</v>
      </c>
      <c r="E2223" s="1" t="s">
        <v>0</v>
      </c>
    </row>
    <row r="2224" spans="1:5" x14ac:dyDescent="0.25">
      <c r="A2224" s="1" t="s">
        <v>16369</v>
      </c>
      <c r="B2224" s="1" t="s">
        <v>57716</v>
      </c>
      <c r="C2224" s="1" t="s">
        <v>16370</v>
      </c>
      <c r="D2224" s="2">
        <v>155052</v>
      </c>
      <c r="E2224" s="1" t="s">
        <v>0</v>
      </c>
    </row>
    <row r="2225" spans="1:5" ht="409.5" x14ac:dyDescent="0.25">
      <c r="A2225" s="4" t="s">
        <v>16371</v>
      </c>
      <c r="B2225" s="1" t="s">
        <v>57717</v>
      </c>
      <c r="C2225" s="1" t="s">
        <v>16372</v>
      </c>
      <c r="D2225" s="2">
        <v>155053</v>
      </c>
      <c r="E2225" s="1" t="s">
        <v>0</v>
      </c>
    </row>
    <row r="2226" spans="1:5" x14ac:dyDescent="0.25">
      <c r="A2226" s="1" t="s">
        <v>16373</v>
      </c>
      <c r="B2226" s="1" t="s">
        <v>5610</v>
      </c>
      <c r="C2226" s="1" t="s">
        <v>16374</v>
      </c>
      <c r="D2226" s="2">
        <v>155054</v>
      </c>
      <c r="E2226" s="1" t="s">
        <v>0</v>
      </c>
    </row>
    <row r="2227" spans="1:5" x14ac:dyDescent="0.25">
      <c r="A2227" s="2">
        <v>445</v>
      </c>
      <c r="B2227" s="2">
        <v>445</v>
      </c>
      <c r="C2227" s="1" t="s">
        <v>0</v>
      </c>
      <c r="D2227" s="2">
        <v>155055</v>
      </c>
      <c r="E2227" s="1" t="s">
        <v>0</v>
      </c>
    </row>
    <row r="2228" spans="1:5" x14ac:dyDescent="0.25">
      <c r="A2228" s="1" t="s">
        <v>410</v>
      </c>
      <c r="B2228" s="1" t="s">
        <v>5611</v>
      </c>
      <c r="C2228" s="1" t="s">
        <v>16375</v>
      </c>
      <c r="D2228" s="2">
        <v>155056</v>
      </c>
      <c r="E2228" s="1" t="s">
        <v>0</v>
      </c>
    </row>
    <row r="2229" spans="1:5" x14ac:dyDescent="0.25">
      <c r="A2229" s="1" t="s">
        <v>16376</v>
      </c>
      <c r="B2229" s="1" t="s">
        <v>51592</v>
      </c>
      <c r="C2229" s="1" t="s">
        <v>16377</v>
      </c>
      <c r="D2229" s="2">
        <v>155057</v>
      </c>
      <c r="E2229" s="1" t="s">
        <v>0</v>
      </c>
    </row>
    <row r="2230" spans="1:5" ht="409.5" x14ac:dyDescent="0.25">
      <c r="A2230" s="4" t="s">
        <v>16378</v>
      </c>
      <c r="B2230" s="1" t="s">
        <v>51593</v>
      </c>
      <c r="C2230" s="1" t="s">
        <v>16379</v>
      </c>
      <c r="D2230" s="2">
        <v>155058</v>
      </c>
      <c r="E2230" s="1" t="s">
        <v>0</v>
      </c>
    </row>
    <row r="2231" spans="1:5" x14ac:dyDescent="0.25">
      <c r="A2231" s="1" t="s">
        <v>16380</v>
      </c>
      <c r="B2231" s="1" t="s">
        <v>5612</v>
      </c>
      <c r="C2231" s="1" t="s">
        <v>16381</v>
      </c>
      <c r="D2231" s="2">
        <v>155059</v>
      </c>
      <c r="E2231" s="1" t="s">
        <v>0</v>
      </c>
    </row>
    <row r="2232" spans="1:5" x14ac:dyDescent="0.25">
      <c r="A2232" s="2">
        <v>446</v>
      </c>
      <c r="B2232" s="2">
        <v>446</v>
      </c>
      <c r="C2232" s="1" t="s">
        <v>0</v>
      </c>
      <c r="D2232" s="2">
        <v>155060</v>
      </c>
      <c r="E2232" s="1" t="s">
        <v>0</v>
      </c>
    </row>
    <row r="2233" spans="1:5" x14ac:dyDescent="0.25">
      <c r="A2233" s="1" t="s">
        <v>411</v>
      </c>
      <c r="B2233" s="1" t="s">
        <v>5613</v>
      </c>
      <c r="C2233" s="1" t="s">
        <v>16382</v>
      </c>
      <c r="D2233" s="2">
        <v>155061</v>
      </c>
      <c r="E2233" s="1" t="s">
        <v>0</v>
      </c>
    </row>
    <row r="2234" spans="1:5" x14ac:dyDescent="0.25">
      <c r="A2234" s="1" t="s">
        <v>16383</v>
      </c>
      <c r="B2234" s="1" t="s">
        <v>5614</v>
      </c>
      <c r="C2234" s="1" t="s">
        <v>16384</v>
      </c>
      <c r="D2234" s="2">
        <v>155062</v>
      </c>
      <c r="E2234" s="1" t="s">
        <v>0</v>
      </c>
    </row>
    <row r="2235" spans="1:5" ht="409.5" x14ac:dyDescent="0.25">
      <c r="A2235" s="4" t="s">
        <v>16385</v>
      </c>
      <c r="B2235" s="1" t="s">
        <v>5615</v>
      </c>
      <c r="C2235" s="1" t="s">
        <v>16386</v>
      </c>
      <c r="D2235" s="2">
        <v>155063</v>
      </c>
      <c r="E2235" s="1" t="s">
        <v>0</v>
      </c>
    </row>
    <row r="2236" spans="1:5" x14ac:dyDescent="0.25">
      <c r="A2236" s="1" t="s">
        <v>16387</v>
      </c>
      <c r="B2236" s="1" t="s">
        <v>51594</v>
      </c>
      <c r="C2236" s="1" t="s">
        <v>16388</v>
      </c>
      <c r="D2236" s="2">
        <v>155064</v>
      </c>
      <c r="E2236" s="1" t="s">
        <v>0</v>
      </c>
    </row>
    <row r="2237" spans="1:5" x14ac:dyDescent="0.25">
      <c r="A2237" s="2">
        <v>447</v>
      </c>
      <c r="B2237" s="2">
        <v>447</v>
      </c>
      <c r="C2237" s="1" t="s">
        <v>0</v>
      </c>
      <c r="D2237" s="2">
        <v>155065</v>
      </c>
      <c r="E2237" s="1" t="s">
        <v>0</v>
      </c>
    </row>
    <row r="2238" spans="1:5" x14ac:dyDescent="0.25">
      <c r="A2238" s="1" t="s">
        <v>5616</v>
      </c>
      <c r="B2238" s="1" t="s">
        <v>5617</v>
      </c>
      <c r="C2238" s="1" t="s">
        <v>16389</v>
      </c>
      <c r="D2238" s="2">
        <v>155066</v>
      </c>
      <c r="E2238" s="1" t="s">
        <v>0</v>
      </c>
    </row>
    <row r="2239" spans="1:5" x14ac:dyDescent="0.25">
      <c r="A2239" s="1" t="s">
        <v>16390</v>
      </c>
      <c r="B2239" s="1" t="s">
        <v>5618</v>
      </c>
      <c r="C2239" s="1" t="s">
        <v>16391</v>
      </c>
      <c r="D2239" s="2">
        <v>155067</v>
      </c>
      <c r="E2239" s="1" t="s">
        <v>0</v>
      </c>
    </row>
    <row r="2240" spans="1:5" ht="409.5" x14ac:dyDescent="0.25">
      <c r="A2240" s="4" t="s">
        <v>16392</v>
      </c>
      <c r="B2240" s="1" t="s">
        <v>5619</v>
      </c>
      <c r="C2240" s="1" t="s">
        <v>16393</v>
      </c>
      <c r="D2240" s="2">
        <v>155068</v>
      </c>
      <c r="E2240" s="1" t="s">
        <v>0</v>
      </c>
    </row>
    <row r="2241" spans="1:5" x14ac:dyDescent="0.25">
      <c r="A2241" s="1" t="s">
        <v>16394</v>
      </c>
      <c r="B2241" s="1" t="s">
        <v>5620</v>
      </c>
      <c r="C2241" s="1" t="s">
        <v>16395</v>
      </c>
      <c r="D2241" s="2">
        <v>155069</v>
      </c>
      <c r="E2241" s="1" t="s">
        <v>0</v>
      </c>
    </row>
    <row r="2242" spans="1:5" x14ac:dyDescent="0.25">
      <c r="A2242" s="2">
        <v>448</v>
      </c>
      <c r="B2242" s="2">
        <v>448</v>
      </c>
      <c r="C2242" s="1" t="s">
        <v>0</v>
      </c>
      <c r="D2242" s="2">
        <v>155070</v>
      </c>
      <c r="E2242" s="1" t="s">
        <v>0</v>
      </c>
    </row>
    <row r="2243" spans="1:5" x14ac:dyDescent="0.25">
      <c r="A2243" s="1" t="s">
        <v>412</v>
      </c>
      <c r="B2243" s="1" t="s">
        <v>50402</v>
      </c>
      <c r="C2243" s="1" t="s">
        <v>16396</v>
      </c>
      <c r="D2243" s="2">
        <v>155071</v>
      </c>
      <c r="E2243" s="1" t="s">
        <v>0</v>
      </c>
    </row>
    <row r="2244" spans="1:5" x14ac:dyDescent="0.25">
      <c r="A2244" s="1" t="s">
        <v>16397</v>
      </c>
      <c r="B2244" s="1" t="s">
        <v>59550</v>
      </c>
      <c r="C2244" s="1" t="s">
        <v>16398</v>
      </c>
      <c r="D2244" s="2">
        <v>155072</v>
      </c>
      <c r="E2244" s="1" t="s">
        <v>0</v>
      </c>
    </row>
    <row r="2245" spans="1:5" ht="409.5" x14ac:dyDescent="0.25">
      <c r="A2245" s="4" t="s">
        <v>16399</v>
      </c>
      <c r="B2245" s="1" t="s">
        <v>59551</v>
      </c>
      <c r="C2245" s="1" t="s">
        <v>16400</v>
      </c>
      <c r="D2245" s="2">
        <v>155073</v>
      </c>
      <c r="E2245" s="1" t="s">
        <v>0</v>
      </c>
    </row>
    <row r="2246" spans="1:5" x14ac:dyDescent="0.25">
      <c r="A2246" s="1" t="s">
        <v>16401</v>
      </c>
      <c r="B2246" s="1" t="s">
        <v>5621</v>
      </c>
      <c r="C2246" s="1" t="s">
        <v>16402</v>
      </c>
      <c r="D2246" s="2">
        <v>155074</v>
      </c>
      <c r="E2246" s="1" t="s">
        <v>0</v>
      </c>
    </row>
    <row r="2247" spans="1:5" x14ac:dyDescent="0.25">
      <c r="A2247" s="2">
        <v>449</v>
      </c>
      <c r="B2247" s="2">
        <v>449</v>
      </c>
      <c r="C2247" s="1" t="s">
        <v>0</v>
      </c>
      <c r="D2247" s="2">
        <v>155075</v>
      </c>
      <c r="E2247" s="1" t="s">
        <v>0</v>
      </c>
    </row>
    <row r="2248" spans="1:5" x14ac:dyDescent="0.25">
      <c r="A2248" s="1" t="s">
        <v>413</v>
      </c>
      <c r="B2248" s="1" t="s">
        <v>5622</v>
      </c>
      <c r="C2248" s="1" t="s">
        <v>16403</v>
      </c>
      <c r="D2248" s="2">
        <v>155076</v>
      </c>
      <c r="E2248" s="1" t="s">
        <v>0</v>
      </c>
    </row>
    <row r="2249" spans="1:5" x14ac:dyDescent="0.25">
      <c r="A2249" s="1" t="s">
        <v>16404</v>
      </c>
      <c r="B2249" s="1" t="s">
        <v>51595</v>
      </c>
      <c r="C2249" s="1" t="s">
        <v>16405</v>
      </c>
      <c r="D2249" s="2">
        <v>155077</v>
      </c>
      <c r="E2249" s="1" t="s">
        <v>0</v>
      </c>
    </row>
    <row r="2250" spans="1:5" ht="409.5" x14ac:dyDescent="0.25">
      <c r="A2250" s="4" t="s">
        <v>16406</v>
      </c>
      <c r="B2250" s="1" t="s">
        <v>51596</v>
      </c>
      <c r="C2250" s="1" t="s">
        <v>16407</v>
      </c>
      <c r="D2250" s="2">
        <v>155078</v>
      </c>
      <c r="E2250" s="1" t="s">
        <v>0</v>
      </c>
    </row>
    <row r="2251" spans="1:5" x14ac:dyDescent="0.25">
      <c r="A2251" s="1" t="s">
        <v>16408</v>
      </c>
      <c r="B2251" s="1" t="s">
        <v>5623</v>
      </c>
      <c r="C2251" s="1" t="s">
        <v>16409</v>
      </c>
      <c r="D2251" s="2">
        <v>155079</v>
      </c>
      <c r="E2251" s="1" t="s">
        <v>0</v>
      </c>
    </row>
    <row r="2252" spans="1:5" x14ac:dyDescent="0.25">
      <c r="A2252" s="2">
        <v>450</v>
      </c>
      <c r="B2252" s="2">
        <v>450</v>
      </c>
      <c r="C2252" s="1" t="s">
        <v>0</v>
      </c>
      <c r="D2252" s="2">
        <v>155080</v>
      </c>
      <c r="E2252" s="1" t="s">
        <v>0</v>
      </c>
    </row>
    <row r="2253" spans="1:5" x14ac:dyDescent="0.25">
      <c r="A2253" s="1" t="s">
        <v>12988</v>
      </c>
      <c r="B2253" s="1" t="s">
        <v>5624</v>
      </c>
      <c r="C2253" s="1" t="s">
        <v>16410</v>
      </c>
      <c r="D2253" s="2">
        <v>155081</v>
      </c>
      <c r="E2253" s="1" t="s">
        <v>0</v>
      </c>
    </row>
    <row r="2254" spans="1:5" x14ac:dyDescent="0.25">
      <c r="A2254" s="1" t="s">
        <v>16411</v>
      </c>
      <c r="B2254" s="1" t="s">
        <v>5625</v>
      </c>
      <c r="C2254" s="1" t="s">
        <v>16412</v>
      </c>
      <c r="D2254" s="2">
        <v>155082</v>
      </c>
      <c r="E2254" s="1" t="s">
        <v>0</v>
      </c>
    </row>
    <row r="2255" spans="1:5" ht="409.5" x14ac:dyDescent="0.25">
      <c r="A2255" s="4" t="s">
        <v>16413</v>
      </c>
      <c r="B2255" s="1" t="s">
        <v>51597</v>
      </c>
      <c r="C2255" s="1" t="s">
        <v>16414</v>
      </c>
      <c r="D2255" s="2">
        <v>155083</v>
      </c>
      <c r="E2255" s="1" t="s">
        <v>0</v>
      </c>
    </row>
    <row r="2256" spans="1:5" x14ac:dyDescent="0.25">
      <c r="A2256" s="1" t="s">
        <v>15303</v>
      </c>
      <c r="B2256" s="1" t="s">
        <v>60888</v>
      </c>
      <c r="C2256" s="1" t="s">
        <v>15304</v>
      </c>
      <c r="D2256" s="2">
        <v>155084</v>
      </c>
      <c r="E2256" s="1" t="s">
        <v>0</v>
      </c>
    </row>
    <row r="2257" spans="1:5" x14ac:dyDescent="0.25">
      <c r="A2257" s="2">
        <v>451</v>
      </c>
      <c r="B2257" s="2">
        <v>451</v>
      </c>
      <c r="C2257" s="1" t="s">
        <v>0</v>
      </c>
      <c r="D2257" s="2">
        <v>155085</v>
      </c>
      <c r="E2257" s="1" t="s">
        <v>0</v>
      </c>
    </row>
    <row r="2258" spans="1:5" x14ac:dyDescent="0.25">
      <c r="A2258" s="1" t="s">
        <v>414</v>
      </c>
      <c r="B2258" s="1" t="s">
        <v>5626</v>
      </c>
      <c r="C2258" s="1" t="s">
        <v>16415</v>
      </c>
      <c r="D2258" s="2">
        <v>155086</v>
      </c>
      <c r="E2258" s="1" t="s">
        <v>0</v>
      </c>
    </row>
    <row r="2259" spans="1:5" x14ac:dyDescent="0.25">
      <c r="A2259" s="1" t="s">
        <v>16416</v>
      </c>
      <c r="B2259" s="1" t="s">
        <v>58169</v>
      </c>
      <c r="C2259" s="1" t="s">
        <v>16417</v>
      </c>
      <c r="D2259" s="2">
        <v>155087</v>
      </c>
      <c r="E2259" s="1" t="s">
        <v>0</v>
      </c>
    </row>
    <row r="2260" spans="1:5" ht="409.5" x14ac:dyDescent="0.25">
      <c r="A2260" s="4" t="s">
        <v>16418</v>
      </c>
      <c r="B2260" s="1" t="s">
        <v>58170</v>
      </c>
      <c r="C2260" s="1" t="s">
        <v>16419</v>
      </c>
      <c r="D2260" s="2">
        <v>155088</v>
      </c>
      <c r="E2260" s="1" t="s">
        <v>0</v>
      </c>
    </row>
    <row r="2261" spans="1:5" x14ac:dyDescent="0.25">
      <c r="A2261" s="1" t="s">
        <v>16420</v>
      </c>
      <c r="B2261" s="1" t="s">
        <v>51598</v>
      </c>
      <c r="C2261" s="1" t="s">
        <v>16421</v>
      </c>
      <c r="D2261" s="2">
        <v>155089</v>
      </c>
      <c r="E2261" s="1" t="s">
        <v>0</v>
      </c>
    </row>
    <row r="2262" spans="1:5" x14ac:dyDescent="0.25">
      <c r="A2262" s="2">
        <v>452</v>
      </c>
      <c r="B2262" s="2">
        <v>452</v>
      </c>
      <c r="C2262" s="1" t="s">
        <v>0</v>
      </c>
      <c r="D2262" s="2">
        <v>155090</v>
      </c>
      <c r="E2262" s="1" t="s">
        <v>0</v>
      </c>
    </row>
    <row r="2263" spans="1:5" x14ac:dyDescent="0.25">
      <c r="A2263" s="1" t="s">
        <v>415</v>
      </c>
      <c r="B2263" s="1" t="s">
        <v>51599</v>
      </c>
      <c r="C2263" s="1" t="s">
        <v>16422</v>
      </c>
      <c r="D2263" s="2">
        <v>155091</v>
      </c>
      <c r="E2263" s="1" t="s">
        <v>0</v>
      </c>
    </row>
    <row r="2264" spans="1:5" x14ac:dyDescent="0.25">
      <c r="A2264" s="1" t="s">
        <v>16423</v>
      </c>
      <c r="B2264" s="1" t="s">
        <v>51600</v>
      </c>
      <c r="C2264" s="1" t="s">
        <v>16424</v>
      </c>
      <c r="D2264" s="2">
        <v>155092</v>
      </c>
      <c r="E2264" s="1" t="s">
        <v>0</v>
      </c>
    </row>
    <row r="2265" spans="1:5" ht="409.5" x14ac:dyDescent="0.25">
      <c r="A2265" s="4" t="s">
        <v>16425</v>
      </c>
      <c r="B2265" s="1" t="s">
        <v>60902</v>
      </c>
      <c r="C2265" s="1" t="s">
        <v>16426</v>
      </c>
      <c r="D2265" s="2">
        <v>155093</v>
      </c>
      <c r="E2265" s="1" t="s">
        <v>0</v>
      </c>
    </row>
    <row r="2266" spans="1:5" x14ac:dyDescent="0.25">
      <c r="A2266" s="1" t="s">
        <v>16427</v>
      </c>
      <c r="B2266" s="1" t="s">
        <v>5627</v>
      </c>
      <c r="C2266" s="1" t="s">
        <v>16428</v>
      </c>
      <c r="D2266" s="2">
        <v>155094</v>
      </c>
      <c r="E2266" s="1" t="s">
        <v>0</v>
      </c>
    </row>
    <row r="2267" spans="1:5" x14ac:dyDescent="0.25">
      <c r="A2267" s="2">
        <v>453</v>
      </c>
      <c r="B2267" s="2">
        <v>453</v>
      </c>
      <c r="C2267" s="1" t="s">
        <v>0</v>
      </c>
      <c r="D2267" s="2">
        <v>155095</v>
      </c>
      <c r="E2267" s="1" t="s">
        <v>0</v>
      </c>
    </row>
    <row r="2268" spans="1:5" x14ac:dyDescent="0.25">
      <c r="A2268" s="1" t="s">
        <v>416</v>
      </c>
      <c r="B2268" s="1" t="s">
        <v>5628</v>
      </c>
      <c r="C2268" s="1" t="s">
        <v>16429</v>
      </c>
      <c r="D2268" s="2">
        <v>155096</v>
      </c>
      <c r="E2268" s="1" t="s">
        <v>0</v>
      </c>
    </row>
    <row r="2269" spans="1:5" x14ac:dyDescent="0.25">
      <c r="A2269" s="1" t="s">
        <v>16430</v>
      </c>
      <c r="B2269" s="1" t="s">
        <v>5629</v>
      </c>
      <c r="C2269" s="1" t="s">
        <v>16431</v>
      </c>
      <c r="D2269" s="2">
        <v>155097</v>
      </c>
      <c r="E2269" s="1" t="s">
        <v>0</v>
      </c>
    </row>
    <row r="2270" spans="1:5" ht="409.5" x14ac:dyDescent="0.25">
      <c r="A2270" s="4" t="s">
        <v>16432</v>
      </c>
      <c r="B2270" s="1" t="s">
        <v>56686</v>
      </c>
      <c r="C2270" s="1" t="s">
        <v>16433</v>
      </c>
      <c r="D2270" s="2">
        <v>155098</v>
      </c>
      <c r="E2270" s="1" t="s">
        <v>0</v>
      </c>
    </row>
    <row r="2271" spans="1:5" x14ac:dyDescent="0.25">
      <c r="A2271" s="1" t="s">
        <v>16434</v>
      </c>
      <c r="B2271" s="1" t="s">
        <v>51601</v>
      </c>
      <c r="C2271" s="1" t="s">
        <v>16435</v>
      </c>
      <c r="D2271" s="2">
        <v>155099</v>
      </c>
      <c r="E2271" s="1" t="s">
        <v>0</v>
      </c>
    </row>
    <row r="2272" spans="1:5" x14ac:dyDescent="0.25">
      <c r="A2272" s="2">
        <v>454</v>
      </c>
      <c r="B2272" s="2">
        <v>454</v>
      </c>
      <c r="C2272" s="1" t="s">
        <v>0</v>
      </c>
      <c r="D2272" s="2">
        <v>155100</v>
      </c>
      <c r="E2272" s="1" t="s">
        <v>0</v>
      </c>
    </row>
    <row r="2273" spans="1:5" x14ac:dyDescent="0.25">
      <c r="A2273" s="1" t="s">
        <v>417</v>
      </c>
      <c r="B2273" s="1" t="s">
        <v>51602</v>
      </c>
      <c r="C2273" s="1" t="s">
        <v>16436</v>
      </c>
      <c r="D2273" s="2">
        <v>155101</v>
      </c>
      <c r="E2273" s="1" t="s">
        <v>0</v>
      </c>
    </row>
    <row r="2274" spans="1:5" x14ac:dyDescent="0.25">
      <c r="A2274" s="1" t="s">
        <v>16437</v>
      </c>
      <c r="B2274" s="1" t="s">
        <v>51603</v>
      </c>
      <c r="C2274" s="1" t="s">
        <v>16438</v>
      </c>
      <c r="D2274" s="2">
        <v>155102</v>
      </c>
      <c r="E2274" s="1" t="s">
        <v>0</v>
      </c>
    </row>
    <row r="2275" spans="1:5" ht="409.5" x14ac:dyDescent="0.25">
      <c r="A2275" s="4" t="s">
        <v>16439</v>
      </c>
      <c r="B2275" s="1" t="s">
        <v>51604</v>
      </c>
      <c r="C2275" s="1" t="s">
        <v>16440</v>
      </c>
      <c r="D2275" s="2">
        <v>155103</v>
      </c>
      <c r="E2275" s="1" t="s">
        <v>0</v>
      </c>
    </row>
    <row r="2276" spans="1:5" x14ac:dyDescent="0.25">
      <c r="A2276" s="1" t="s">
        <v>16441</v>
      </c>
      <c r="B2276" s="1" t="s">
        <v>5630</v>
      </c>
      <c r="C2276" s="1" t="s">
        <v>16442</v>
      </c>
      <c r="D2276" s="2">
        <v>155104</v>
      </c>
      <c r="E2276" s="1" t="s">
        <v>0</v>
      </c>
    </row>
    <row r="2277" spans="1:5" x14ac:dyDescent="0.25">
      <c r="A2277" s="2">
        <v>455</v>
      </c>
      <c r="B2277" s="2">
        <v>455</v>
      </c>
      <c r="C2277" s="1" t="s">
        <v>0</v>
      </c>
      <c r="D2277" s="2">
        <v>155105</v>
      </c>
      <c r="E2277" s="1" t="s">
        <v>0</v>
      </c>
    </row>
    <row r="2278" spans="1:5" x14ac:dyDescent="0.25">
      <c r="A2278" s="1" t="s">
        <v>418</v>
      </c>
      <c r="B2278" s="1" t="s">
        <v>5631</v>
      </c>
      <c r="C2278" s="1" t="s">
        <v>16443</v>
      </c>
      <c r="D2278" s="2">
        <v>155106</v>
      </c>
      <c r="E2278" s="1" t="s">
        <v>0</v>
      </c>
    </row>
    <row r="2279" spans="1:5" x14ac:dyDescent="0.25">
      <c r="A2279" s="1" t="s">
        <v>16444</v>
      </c>
      <c r="B2279" s="1" t="s">
        <v>5632</v>
      </c>
      <c r="C2279" s="1" t="s">
        <v>16445</v>
      </c>
      <c r="D2279" s="2">
        <v>155107</v>
      </c>
      <c r="E2279" s="1" t="s">
        <v>0</v>
      </c>
    </row>
    <row r="2280" spans="1:5" ht="409.5" x14ac:dyDescent="0.25">
      <c r="A2280" s="4" t="s">
        <v>16446</v>
      </c>
      <c r="B2280" s="1" t="s">
        <v>5633</v>
      </c>
      <c r="C2280" s="1" t="s">
        <v>16447</v>
      </c>
      <c r="D2280" s="2">
        <v>155108</v>
      </c>
      <c r="E2280" s="1" t="s">
        <v>0</v>
      </c>
    </row>
    <row r="2281" spans="1:5" x14ac:dyDescent="0.25">
      <c r="A2281" s="1" t="s">
        <v>16448</v>
      </c>
      <c r="B2281" s="1" t="s">
        <v>5634</v>
      </c>
      <c r="C2281" s="1" t="s">
        <v>16449</v>
      </c>
      <c r="D2281" s="2">
        <v>155109</v>
      </c>
      <c r="E2281" s="1" t="s">
        <v>0</v>
      </c>
    </row>
    <row r="2282" spans="1:5" x14ac:dyDescent="0.25">
      <c r="A2282" s="2">
        <v>456</v>
      </c>
      <c r="B2282" s="2">
        <v>456</v>
      </c>
      <c r="C2282" s="1" t="s">
        <v>0</v>
      </c>
      <c r="D2282" s="2">
        <v>155110</v>
      </c>
      <c r="E2282" s="1" t="s">
        <v>0</v>
      </c>
    </row>
    <row r="2283" spans="1:5" x14ac:dyDescent="0.25">
      <c r="A2283" s="1" t="s">
        <v>419</v>
      </c>
      <c r="B2283" s="1" t="s">
        <v>5635</v>
      </c>
      <c r="C2283" s="1" t="s">
        <v>16450</v>
      </c>
      <c r="D2283" s="2">
        <v>155111</v>
      </c>
      <c r="E2283" s="1" t="s">
        <v>0</v>
      </c>
    </row>
    <row r="2284" spans="1:5" x14ac:dyDescent="0.25">
      <c r="A2284" s="1" t="s">
        <v>16451</v>
      </c>
      <c r="B2284" s="1" t="s">
        <v>5636</v>
      </c>
      <c r="C2284" s="1" t="s">
        <v>16452</v>
      </c>
      <c r="D2284" s="2">
        <v>155112</v>
      </c>
      <c r="E2284" s="1" t="s">
        <v>0</v>
      </c>
    </row>
    <row r="2285" spans="1:5" ht="409.5" x14ac:dyDescent="0.25">
      <c r="A2285" s="4" t="s">
        <v>16453</v>
      </c>
      <c r="B2285" s="1" t="s">
        <v>59756</v>
      </c>
      <c r="C2285" s="1" t="s">
        <v>16454</v>
      </c>
      <c r="D2285" s="2">
        <v>155113</v>
      </c>
      <c r="E2285" s="1" t="s">
        <v>0</v>
      </c>
    </row>
    <row r="2286" spans="1:5" x14ac:dyDescent="0.25">
      <c r="A2286" s="1" t="s">
        <v>16455</v>
      </c>
      <c r="B2286" s="1" t="s">
        <v>51605</v>
      </c>
      <c r="C2286" s="1" t="s">
        <v>16456</v>
      </c>
      <c r="D2286" s="2">
        <v>155114</v>
      </c>
      <c r="E2286" s="1" t="s">
        <v>0</v>
      </c>
    </row>
    <row r="2287" spans="1:5" x14ac:dyDescent="0.25">
      <c r="A2287" s="2">
        <v>457</v>
      </c>
      <c r="B2287" s="2">
        <v>457</v>
      </c>
      <c r="C2287" s="1" t="s">
        <v>0</v>
      </c>
      <c r="D2287" s="2">
        <v>155115</v>
      </c>
      <c r="E2287" s="1" t="s">
        <v>0</v>
      </c>
    </row>
    <row r="2288" spans="1:5" x14ac:dyDescent="0.25">
      <c r="A2288" s="1" t="s">
        <v>420</v>
      </c>
      <c r="B2288" s="1" t="s">
        <v>5637</v>
      </c>
      <c r="C2288" s="1" t="s">
        <v>16457</v>
      </c>
      <c r="D2288" s="2">
        <v>155116</v>
      </c>
      <c r="E2288" s="1" t="s">
        <v>0</v>
      </c>
    </row>
    <row r="2289" spans="1:5" x14ac:dyDescent="0.25">
      <c r="A2289" s="1" t="s">
        <v>16458</v>
      </c>
      <c r="B2289" s="1" t="s">
        <v>5638</v>
      </c>
      <c r="C2289" s="1" t="s">
        <v>16459</v>
      </c>
      <c r="D2289" s="2">
        <v>155117</v>
      </c>
      <c r="E2289" s="1" t="s">
        <v>0</v>
      </c>
    </row>
    <row r="2290" spans="1:5" ht="409.5" x14ac:dyDescent="0.25">
      <c r="A2290" s="4" t="s">
        <v>16460</v>
      </c>
      <c r="B2290" s="1" t="s">
        <v>56687</v>
      </c>
      <c r="C2290" s="1" t="s">
        <v>16461</v>
      </c>
      <c r="D2290" s="2">
        <v>155118</v>
      </c>
      <c r="E2290" s="1" t="s">
        <v>0</v>
      </c>
    </row>
    <row r="2291" spans="1:5" x14ac:dyDescent="0.25">
      <c r="A2291" s="1" t="s">
        <v>16462</v>
      </c>
      <c r="B2291" s="1" t="s">
        <v>5639</v>
      </c>
      <c r="C2291" s="1" t="s">
        <v>16463</v>
      </c>
      <c r="D2291" s="2">
        <v>155119</v>
      </c>
      <c r="E2291" s="1" t="s">
        <v>0</v>
      </c>
    </row>
    <row r="2292" spans="1:5" x14ac:dyDescent="0.25">
      <c r="A2292" s="2">
        <v>458</v>
      </c>
      <c r="B2292" s="2">
        <v>458</v>
      </c>
      <c r="C2292" s="1" t="s">
        <v>0</v>
      </c>
      <c r="D2292" s="2">
        <v>155120</v>
      </c>
      <c r="E2292" s="1" t="s">
        <v>0</v>
      </c>
    </row>
    <row r="2293" spans="1:5" x14ac:dyDescent="0.25">
      <c r="A2293" s="1" t="s">
        <v>421</v>
      </c>
      <c r="B2293" s="1" t="s">
        <v>50403</v>
      </c>
      <c r="C2293" s="1" t="s">
        <v>16464</v>
      </c>
      <c r="D2293" s="2">
        <v>155121</v>
      </c>
      <c r="E2293" s="1" t="s">
        <v>0</v>
      </c>
    </row>
    <row r="2294" spans="1:5" x14ac:dyDescent="0.25">
      <c r="A2294" s="1" t="s">
        <v>16465</v>
      </c>
      <c r="B2294" s="1" t="s">
        <v>51606</v>
      </c>
      <c r="C2294" s="1" t="s">
        <v>16466</v>
      </c>
      <c r="D2294" s="2">
        <v>155122</v>
      </c>
      <c r="E2294" s="1" t="s">
        <v>0</v>
      </c>
    </row>
    <row r="2295" spans="1:5" ht="409.5" x14ac:dyDescent="0.25">
      <c r="A2295" s="4" t="s">
        <v>16467</v>
      </c>
      <c r="B2295" s="1" t="s">
        <v>51607</v>
      </c>
      <c r="C2295" s="1" t="s">
        <v>16468</v>
      </c>
      <c r="D2295" s="2">
        <v>155123</v>
      </c>
      <c r="E2295" s="1" t="s">
        <v>0</v>
      </c>
    </row>
    <row r="2296" spans="1:5" x14ac:dyDescent="0.25">
      <c r="A2296" s="1" t="s">
        <v>16469</v>
      </c>
      <c r="B2296" s="1" t="s">
        <v>51608</v>
      </c>
      <c r="C2296" s="1" t="s">
        <v>16470</v>
      </c>
      <c r="D2296" s="2">
        <v>155124</v>
      </c>
      <c r="E2296" s="1" t="s">
        <v>0</v>
      </c>
    </row>
    <row r="2297" spans="1:5" x14ac:dyDescent="0.25">
      <c r="A2297" s="2">
        <v>459</v>
      </c>
      <c r="B2297" s="2">
        <v>459</v>
      </c>
      <c r="C2297" s="1" t="s">
        <v>0</v>
      </c>
      <c r="D2297" s="2">
        <v>155125</v>
      </c>
      <c r="E2297" s="1" t="s">
        <v>0</v>
      </c>
    </row>
    <row r="2298" spans="1:5" x14ac:dyDescent="0.25">
      <c r="A2298" s="1" t="s">
        <v>422</v>
      </c>
      <c r="B2298" s="1" t="s">
        <v>5640</v>
      </c>
      <c r="C2298" s="1" t="s">
        <v>16471</v>
      </c>
      <c r="D2298" s="2">
        <v>155126</v>
      </c>
      <c r="E2298" s="1" t="s">
        <v>0</v>
      </c>
    </row>
    <row r="2299" spans="1:5" x14ac:dyDescent="0.25">
      <c r="A2299" s="1" t="s">
        <v>16472</v>
      </c>
      <c r="B2299" s="1" t="s">
        <v>60692</v>
      </c>
      <c r="C2299" s="1" t="s">
        <v>16473</v>
      </c>
      <c r="D2299" s="2">
        <v>155127</v>
      </c>
      <c r="E2299" s="1" t="s">
        <v>0</v>
      </c>
    </row>
    <row r="2300" spans="1:5" ht="409.5" x14ac:dyDescent="0.25">
      <c r="A2300" s="4" t="s">
        <v>16474</v>
      </c>
      <c r="B2300" s="1" t="s">
        <v>60693</v>
      </c>
      <c r="C2300" s="1" t="s">
        <v>16475</v>
      </c>
      <c r="D2300" s="2">
        <v>155128</v>
      </c>
      <c r="E2300" s="1" t="s">
        <v>0</v>
      </c>
    </row>
    <row r="2301" spans="1:5" x14ac:dyDescent="0.25">
      <c r="A2301" s="1" t="s">
        <v>16476</v>
      </c>
      <c r="B2301" s="1" t="s">
        <v>51609</v>
      </c>
      <c r="C2301" s="1" t="s">
        <v>16477</v>
      </c>
      <c r="D2301" s="2">
        <v>155129</v>
      </c>
      <c r="E2301" s="1" t="s">
        <v>0</v>
      </c>
    </row>
    <row r="2302" spans="1:5" x14ac:dyDescent="0.25">
      <c r="A2302" s="2">
        <v>460</v>
      </c>
      <c r="B2302" s="2">
        <v>460</v>
      </c>
      <c r="C2302" s="1" t="s">
        <v>0</v>
      </c>
      <c r="D2302" s="2">
        <v>155130</v>
      </c>
      <c r="E2302" s="1" t="s">
        <v>0</v>
      </c>
    </row>
    <row r="2303" spans="1:5" x14ac:dyDescent="0.25">
      <c r="A2303" s="1" t="s">
        <v>423</v>
      </c>
      <c r="B2303" s="1" t="s">
        <v>5641</v>
      </c>
      <c r="C2303" s="1" t="s">
        <v>16478</v>
      </c>
      <c r="D2303" s="2">
        <v>155131</v>
      </c>
      <c r="E2303" s="1" t="s">
        <v>0</v>
      </c>
    </row>
    <row r="2304" spans="1:5" x14ac:dyDescent="0.25">
      <c r="A2304" s="1" t="s">
        <v>16479</v>
      </c>
      <c r="B2304" s="1" t="s">
        <v>56688</v>
      </c>
      <c r="C2304" s="1" t="s">
        <v>16480</v>
      </c>
      <c r="D2304" s="2">
        <v>155132</v>
      </c>
      <c r="E2304" s="1" t="s">
        <v>0</v>
      </c>
    </row>
    <row r="2305" spans="1:5" ht="409.5" x14ac:dyDescent="0.25">
      <c r="A2305" s="4" t="s">
        <v>16481</v>
      </c>
      <c r="B2305" s="1" t="s">
        <v>60694</v>
      </c>
      <c r="C2305" s="1" t="s">
        <v>16482</v>
      </c>
      <c r="D2305" s="2">
        <v>155133</v>
      </c>
      <c r="E2305" s="1" t="s">
        <v>0</v>
      </c>
    </row>
    <row r="2306" spans="1:5" x14ac:dyDescent="0.25">
      <c r="A2306" s="1" t="s">
        <v>16483</v>
      </c>
      <c r="B2306" s="1" t="s">
        <v>5642</v>
      </c>
      <c r="C2306" s="1" t="s">
        <v>16484</v>
      </c>
      <c r="D2306" s="2">
        <v>155134</v>
      </c>
      <c r="E2306" s="1" t="s">
        <v>0</v>
      </c>
    </row>
    <row r="2307" spans="1:5" x14ac:dyDescent="0.25">
      <c r="A2307" s="2">
        <v>461</v>
      </c>
      <c r="B2307" s="2">
        <v>461</v>
      </c>
      <c r="C2307" s="1" t="s">
        <v>0</v>
      </c>
      <c r="D2307" s="2">
        <v>155135</v>
      </c>
      <c r="E2307" s="1" t="s">
        <v>0</v>
      </c>
    </row>
    <row r="2308" spans="1:5" x14ac:dyDescent="0.25">
      <c r="A2308" s="1" t="s">
        <v>424</v>
      </c>
      <c r="B2308" s="1" t="s">
        <v>5643</v>
      </c>
      <c r="C2308" s="1" t="s">
        <v>16485</v>
      </c>
      <c r="D2308" s="2">
        <v>155136</v>
      </c>
      <c r="E2308" s="1" t="s">
        <v>0</v>
      </c>
    </row>
    <row r="2309" spans="1:5" x14ac:dyDescent="0.25">
      <c r="A2309" s="1" t="s">
        <v>16486</v>
      </c>
      <c r="B2309" s="1" t="s">
        <v>57718</v>
      </c>
      <c r="C2309" s="1" t="s">
        <v>16487</v>
      </c>
      <c r="D2309" s="2">
        <v>155137</v>
      </c>
      <c r="E2309" s="1" t="s">
        <v>0</v>
      </c>
    </row>
    <row r="2310" spans="1:5" ht="409.5" x14ac:dyDescent="0.25">
      <c r="A2310" s="4" t="s">
        <v>16488</v>
      </c>
      <c r="B2310" s="1" t="s">
        <v>60903</v>
      </c>
      <c r="C2310" s="1" t="s">
        <v>16489</v>
      </c>
      <c r="D2310" s="2">
        <v>155138</v>
      </c>
      <c r="E2310" s="1" t="s">
        <v>0</v>
      </c>
    </row>
    <row r="2311" spans="1:5" x14ac:dyDescent="0.25">
      <c r="A2311" s="1" t="s">
        <v>16490</v>
      </c>
      <c r="B2311" s="1" t="s">
        <v>57719</v>
      </c>
      <c r="C2311" s="1" t="s">
        <v>16491</v>
      </c>
      <c r="D2311" s="2">
        <v>155139</v>
      </c>
      <c r="E2311" s="1" t="s">
        <v>0</v>
      </c>
    </row>
    <row r="2312" spans="1:5" x14ac:dyDescent="0.25">
      <c r="A2312" s="2">
        <v>462</v>
      </c>
      <c r="B2312" s="2">
        <v>462</v>
      </c>
      <c r="C2312" s="1" t="s">
        <v>0</v>
      </c>
      <c r="D2312" s="2">
        <v>155140</v>
      </c>
      <c r="E2312" s="1" t="s">
        <v>0</v>
      </c>
    </row>
    <row r="2313" spans="1:5" x14ac:dyDescent="0.25">
      <c r="A2313" s="1" t="s">
        <v>425</v>
      </c>
      <c r="B2313" s="1" t="s">
        <v>51610</v>
      </c>
      <c r="C2313" s="1" t="s">
        <v>16492</v>
      </c>
      <c r="D2313" s="2">
        <v>155141</v>
      </c>
      <c r="E2313" s="1" t="s">
        <v>0</v>
      </c>
    </row>
    <row r="2314" spans="1:5" x14ac:dyDescent="0.25">
      <c r="A2314" s="1" t="s">
        <v>16493</v>
      </c>
      <c r="B2314" s="1" t="s">
        <v>51611</v>
      </c>
      <c r="C2314" s="1" t="s">
        <v>16494</v>
      </c>
      <c r="D2314" s="2">
        <v>155142</v>
      </c>
      <c r="E2314" s="1" t="s">
        <v>0</v>
      </c>
    </row>
    <row r="2315" spans="1:5" ht="409.5" x14ac:dyDescent="0.25">
      <c r="A2315" s="4" t="s">
        <v>63972</v>
      </c>
      <c r="B2315" s="1" t="s">
        <v>51612</v>
      </c>
      <c r="C2315" s="1" t="s">
        <v>16495</v>
      </c>
      <c r="D2315" s="2">
        <v>155143</v>
      </c>
      <c r="E2315" s="1" t="s">
        <v>0</v>
      </c>
    </row>
    <row r="2316" spans="1:5" x14ac:dyDescent="0.25">
      <c r="A2316" s="1" t="s">
        <v>16496</v>
      </c>
      <c r="B2316" s="1" t="s">
        <v>5644</v>
      </c>
      <c r="C2316" s="1" t="s">
        <v>16497</v>
      </c>
      <c r="D2316" s="2">
        <v>155144</v>
      </c>
      <c r="E2316" s="1" t="s">
        <v>0</v>
      </c>
    </row>
    <row r="2317" spans="1:5" x14ac:dyDescent="0.25">
      <c r="A2317" s="2">
        <v>463</v>
      </c>
      <c r="B2317" s="2">
        <v>463</v>
      </c>
      <c r="C2317" s="1" t="s">
        <v>0</v>
      </c>
      <c r="D2317" s="2">
        <v>155145</v>
      </c>
      <c r="E2317" s="1" t="s">
        <v>0</v>
      </c>
    </row>
    <row r="2318" spans="1:5" x14ac:dyDescent="0.25">
      <c r="A2318" s="1" t="s">
        <v>426</v>
      </c>
      <c r="B2318" s="1" t="s">
        <v>59757</v>
      </c>
      <c r="C2318" s="1" t="s">
        <v>16498</v>
      </c>
      <c r="D2318" s="2">
        <v>155146</v>
      </c>
      <c r="E2318" s="1" t="s">
        <v>0</v>
      </c>
    </row>
    <row r="2319" spans="1:5" x14ac:dyDescent="0.25">
      <c r="A2319" s="1" t="s">
        <v>16499</v>
      </c>
      <c r="B2319" s="1" t="s">
        <v>51613</v>
      </c>
      <c r="C2319" s="1" t="s">
        <v>16500</v>
      </c>
      <c r="D2319" s="2">
        <v>155147</v>
      </c>
      <c r="E2319" s="1" t="s">
        <v>0</v>
      </c>
    </row>
    <row r="2320" spans="1:5" ht="409.5" x14ac:dyDescent="0.25">
      <c r="A2320" s="4" t="s">
        <v>63973</v>
      </c>
      <c r="B2320" s="1" t="s">
        <v>51614</v>
      </c>
      <c r="C2320" s="1" t="s">
        <v>16501</v>
      </c>
      <c r="D2320" s="2">
        <v>155148</v>
      </c>
      <c r="E2320" s="1" t="s">
        <v>0</v>
      </c>
    </row>
    <row r="2321" spans="1:5" x14ac:dyDescent="0.25">
      <c r="A2321" s="1" t="s">
        <v>16502</v>
      </c>
      <c r="B2321" s="1" t="s">
        <v>5645</v>
      </c>
      <c r="C2321" s="1" t="s">
        <v>16503</v>
      </c>
      <c r="D2321" s="2">
        <v>155149</v>
      </c>
      <c r="E2321" s="1" t="s">
        <v>0</v>
      </c>
    </row>
    <row r="2322" spans="1:5" x14ac:dyDescent="0.25">
      <c r="A2322" s="2">
        <v>464</v>
      </c>
      <c r="B2322" s="2">
        <v>464</v>
      </c>
      <c r="C2322" s="1" t="s">
        <v>0</v>
      </c>
      <c r="D2322" s="2">
        <v>155150</v>
      </c>
      <c r="E2322" s="1" t="s">
        <v>0</v>
      </c>
    </row>
    <row r="2323" spans="1:5" x14ac:dyDescent="0.25">
      <c r="A2323" s="1" t="s">
        <v>427</v>
      </c>
      <c r="B2323" s="1" t="s">
        <v>5646</v>
      </c>
      <c r="C2323" s="1" t="s">
        <v>16504</v>
      </c>
      <c r="D2323" s="2">
        <v>155151</v>
      </c>
      <c r="E2323" s="1" t="s">
        <v>0</v>
      </c>
    </row>
    <row r="2324" spans="1:5" x14ac:dyDescent="0.25">
      <c r="A2324" s="1" t="s">
        <v>16505</v>
      </c>
      <c r="B2324" s="1" t="s">
        <v>62020</v>
      </c>
      <c r="C2324" s="1" t="s">
        <v>16506</v>
      </c>
      <c r="D2324" s="2">
        <v>155152</v>
      </c>
      <c r="E2324" s="1" t="s">
        <v>0</v>
      </c>
    </row>
    <row r="2325" spans="1:5" ht="409.5" x14ac:dyDescent="0.25">
      <c r="A2325" s="4" t="s">
        <v>16507</v>
      </c>
      <c r="B2325" s="1" t="s">
        <v>62021</v>
      </c>
      <c r="C2325" s="1" t="s">
        <v>16508</v>
      </c>
      <c r="D2325" s="2">
        <v>155153</v>
      </c>
      <c r="E2325" s="1" t="s">
        <v>0</v>
      </c>
    </row>
    <row r="2326" spans="1:5" x14ac:dyDescent="0.25">
      <c r="A2326" s="1" t="s">
        <v>16509</v>
      </c>
      <c r="B2326" s="1" t="s">
        <v>5647</v>
      </c>
      <c r="C2326" s="1" t="s">
        <v>16510</v>
      </c>
      <c r="D2326" s="2">
        <v>155154</v>
      </c>
      <c r="E2326" s="1" t="s">
        <v>0</v>
      </c>
    </row>
    <row r="2327" spans="1:5" x14ac:dyDescent="0.25">
      <c r="A2327" s="2">
        <v>465</v>
      </c>
      <c r="B2327" s="2">
        <v>465</v>
      </c>
      <c r="C2327" s="1" t="s">
        <v>0</v>
      </c>
      <c r="D2327" s="2">
        <v>155155</v>
      </c>
      <c r="E2327" s="1" t="s">
        <v>0</v>
      </c>
    </row>
    <row r="2328" spans="1:5" x14ac:dyDescent="0.25">
      <c r="A2328" s="1" t="s">
        <v>428</v>
      </c>
      <c r="B2328" s="1" t="s">
        <v>50404</v>
      </c>
      <c r="C2328" s="1" t="s">
        <v>16511</v>
      </c>
      <c r="D2328" s="2">
        <v>155156</v>
      </c>
      <c r="E2328" s="1" t="s">
        <v>0</v>
      </c>
    </row>
    <row r="2329" spans="1:5" x14ac:dyDescent="0.25">
      <c r="A2329" s="1" t="s">
        <v>16512</v>
      </c>
      <c r="B2329" s="1" t="s">
        <v>51615</v>
      </c>
      <c r="C2329" s="1" t="s">
        <v>16513</v>
      </c>
      <c r="D2329" s="2">
        <v>155157</v>
      </c>
      <c r="E2329" s="1" t="s">
        <v>0</v>
      </c>
    </row>
    <row r="2330" spans="1:5" ht="409.5" x14ac:dyDescent="0.25">
      <c r="A2330" s="4" t="s">
        <v>16514</v>
      </c>
      <c r="B2330" s="1" t="s">
        <v>51616</v>
      </c>
      <c r="C2330" s="1" t="s">
        <v>16515</v>
      </c>
      <c r="D2330" s="2">
        <v>155158</v>
      </c>
      <c r="E2330" s="1" t="s">
        <v>0</v>
      </c>
    </row>
    <row r="2331" spans="1:5" x14ac:dyDescent="0.25">
      <c r="A2331" s="1" t="s">
        <v>16516</v>
      </c>
      <c r="B2331" s="1" t="s">
        <v>57121</v>
      </c>
      <c r="C2331" s="1" t="s">
        <v>16517</v>
      </c>
      <c r="D2331" s="2">
        <v>155159</v>
      </c>
      <c r="E2331" s="1" t="s">
        <v>0</v>
      </c>
    </row>
    <row r="2332" spans="1:5" x14ac:dyDescent="0.25">
      <c r="A2332" s="2">
        <v>466</v>
      </c>
      <c r="B2332" s="2">
        <v>466</v>
      </c>
      <c r="C2332" s="1" t="s">
        <v>0</v>
      </c>
      <c r="D2332" s="2">
        <v>155160</v>
      </c>
      <c r="E2332" s="1" t="s">
        <v>0</v>
      </c>
    </row>
    <row r="2333" spans="1:5" x14ac:dyDescent="0.25">
      <c r="A2333" s="1" t="s">
        <v>429</v>
      </c>
      <c r="B2333" s="1" t="s">
        <v>5648</v>
      </c>
      <c r="C2333" s="1" t="s">
        <v>16518</v>
      </c>
      <c r="D2333" s="2">
        <v>155161</v>
      </c>
      <c r="E2333" s="1" t="s">
        <v>0</v>
      </c>
    </row>
    <row r="2334" spans="1:5" x14ac:dyDescent="0.25">
      <c r="A2334" s="1" t="s">
        <v>16519</v>
      </c>
      <c r="B2334" s="1" t="s">
        <v>59758</v>
      </c>
      <c r="C2334" s="1" t="s">
        <v>16520</v>
      </c>
      <c r="D2334" s="2">
        <v>155162</v>
      </c>
      <c r="E2334" s="1" t="s">
        <v>0</v>
      </c>
    </row>
    <row r="2335" spans="1:5" ht="409.5" x14ac:dyDescent="0.25">
      <c r="A2335" s="4" t="s">
        <v>16521</v>
      </c>
      <c r="B2335" s="1" t="s">
        <v>59759</v>
      </c>
      <c r="C2335" s="1" t="s">
        <v>16522</v>
      </c>
      <c r="D2335" s="2">
        <v>155163</v>
      </c>
      <c r="E2335" s="1" t="s">
        <v>0</v>
      </c>
    </row>
    <row r="2336" spans="1:5" x14ac:dyDescent="0.25">
      <c r="A2336" s="1" t="s">
        <v>16523</v>
      </c>
      <c r="B2336" s="1" t="s">
        <v>51617</v>
      </c>
      <c r="C2336" s="1" t="s">
        <v>16524</v>
      </c>
      <c r="D2336" s="2">
        <v>155164</v>
      </c>
      <c r="E2336" s="1" t="s">
        <v>0</v>
      </c>
    </row>
    <row r="2337" spans="1:5" x14ac:dyDescent="0.25">
      <c r="A2337" s="2">
        <v>467</v>
      </c>
      <c r="B2337" s="2">
        <v>467</v>
      </c>
      <c r="C2337" s="1" t="s">
        <v>0</v>
      </c>
      <c r="D2337" s="2">
        <v>155165</v>
      </c>
      <c r="E2337" s="1" t="s">
        <v>0</v>
      </c>
    </row>
    <row r="2338" spans="1:5" x14ac:dyDescent="0.25">
      <c r="A2338" s="1" t="s">
        <v>430</v>
      </c>
      <c r="B2338" s="1" t="s">
        <v>5649</v>
      </c>
      <c r="C2338" s="1" t="s">
        <v>16525</v>
      </c>
      <c r="D2338" s="2">
        <v>155166</v>
      </c>
      <c r="E2338" s="1" t="s">
        <v>0</v>
      </c>
    </row>
    <row r="2339" spans="1:5" x14ac:dyDescent="0.25">
      <c r="A2339" s="1" t="s">
        <v>16526</v>
      </c>
      <c r="B2339" s="1" t="s">
        <v>5650</v>
      </c>
      <c r="C2339" s="1" t="s">
        <v>16527</v>
      </c>
      <c r="D2339" s="2">
        <v>155167</v>
      </c>
      <c r="E2339" s="1" t="s">
        <v>0</v>
      </c>
    </row>
    <row r="2340" spans="1:5" ht="409.5" x14ac:dyDescent="0.25">
      <c r="A2340" s="4" t="s">
        <v>16528</v>
      </c>
      <c r="B2340" s="1" t="s">
        <v>5651</v>
      </c>
      <c r="C2340" s="1" t="s">
        <v>16529</v>
      </c>
      <c r="D2340" s="2">
        <v>155168</v>
      </c>
      <c r="E2340" s="1" t="s">
        <v>0</v>
      </c>
    </row>
    <row r="2341" spans="1:5" x14ac:dyDescent="0.25">
      <c r="A2341" s="1" t="s">
        <v>16530</v>
      </c>
      <c r="B2341" s="1" t="s">
        <v>5652</v>
      </c>
      <c r="C2341" s="1" t="s">
        <v>16531</v>
      </c>
      <c r="D2341" s="2">
        <v>155169</v>
      </c>
      <c r="E2341" s="1" t="s">
        <v>0</v>
      </c>
    </row>
    <row r="2342" spans="1:5" x14ac:dyDescent="0.25">
      <c r="A2342" s="2">
        <v>468</v>
      </c>
      <c r="B2342" s="2">
        <v>468</v>
      </c>
      <c r="C2342" s="1" t="s">
        <v>0</v>
      </c>
      <c r="D2342" s="2">
        <v>155170</v>
      </c>
      <c r="E2342" s="1" t="s">
        <v>0</v>
      </c>
    </row>
    <row r="2343" spans="1:5" x14ac:dyDescent="0.25">
      <c r="A2343" s="1" t="s">
        <v>431</v>
      </c>
      <c r="B2343" s="1" t="s">
        <v>56908</v>
      </c>
      <c r="C2343" s="1" t="s">
        <v>16532</v>
      </c>
      <c r="D2343" s="2">
        <v>155171</v>
      </c>
      <c r="E2343" s="1" t="s">
        <v>0</v>
      </c>
    </row>
    <row r="2344" spans="1:5" x14ac:dyDescent="0.25">
      <c r="A2344" s="1" t="s">
        <v>16533</v>
      </c>
      <c r="B2344" s="1" t="s">
        <v>62022</v>
      </c>
      <c r="C2344" s="1" t="s">
        <v>16534</v>
      </c>
      <c r="D2344" s="2">
        <v>155172</v>
      </c>
      <c r="E2344" s="1" t="s">
        <v>0</v>
      </c>
    </row>
    <row r="2345" spans="1:5" ht="409.5" x14ac:dyDescent="0.25">
      <c r="A2345" s="4" t="s">
        <v>16535</v>
      </c>
      <c r="B2345" s="1" t="s">
        <v>62023</v>
      </c>
      <c r="C2345" s="1" t="s">
        <v>16536</v>
      </c>
      <c r="D2345" s="2">
        <v>155173</v>
      </c>
      <c r="E2345" s="1" t="s">
        <v>0</v>
      </c>
    </row>
    <row r="2346" spans="1:5" x14ac:dyDescent="0.25">
      <c r="A2346" s="1" t="s">
        <v>16537</v>
      </c>
      <c r="B2346" s="1" t="s">
        <v>5653</v>
      </c>
      <c r="C2346" s="1" t="s">
        <v>16538</v>
      </c>
      <c r="D2346" s="2">
        <v>155174</v>
      </c>
      <c r="E2346" s="1" t="s">
        <v>0</v>
      </c>
    </row>
    <row r="2347" spans="1:5" x14ac:dyDescent="0.25">
      <c r="A2347" s="2">
        <v>469</v>
      </c>
      <c r="B2347" s="2">
        <v>469</v>
      </c>
      <c r="C2347" s="1" t="s">
        <v>0</v>
      </c>
      <c r="D2347" s="2">
        <v>155175</v>
      </c>
      <c r="E2347" s="1" t="s">
        <v>0</v>
      </c>
    </row>
    <row r="2348" spans="1:5" x14ac:dyDescent="0.25">
      <c r="A2348" s="1" t="s">
        <v>12989</v>
      </c>
      <c r="B2348" s="1" t="s">
        <v>5654</v>
      </c>
      <c r="C2348" s="1" t="s">
        <v>16539</v>
      </c>
      <c r="D2348" s="2">
        <v>155176</v>
      </c>
      <c r="E2348" s="1" t="s">
        <v>0</v>
      </c>
    </row>
    <row r="2349" spans="1:5" x14ac:dyDescent="0.25">
      <c r="A2349" s="1" t="s">
        <v>16540</v>
      </c>
      <c r="B2349" s="1" t="s">
        <v>12990</v>
      </c>
      <c r="C2349" s="1" t="s">
        <v>16541</v>
      </c>
      <c r="D2349" s="2">
        <v>155177</v>
      </c>
      <c r="E2349" s="1" t="s">
        <v>0</v>
      </c>
    </row>
    <row r="2350" spans="1:5" ht="409.5" x14ac:dyDescent="0.25">
      <c r="A2350" s="4" t="s">
        <v>16542</v>
      </c>
      <c r="B2350" s="1" t="s">
        <v>50405</v>
      </c>
      <c r="C2350" s="1" t="s">
        <v>16543</v>
      </c>
      <c r="D2350" s="2">
        <v>155178</v>
      </c>
      <c r="E2350" s="1" t="s">
        <v>0</v>
      </c>
    </row>
    <row r="2351" spans="1:5" x14ac:dyDescent="0.25">
      <c r="A2351" s="1" t="s">
        <v>16544</v>
      </c>
      <c r="B2351" s="1" t="s">
        <v>5655</v>
      </c>
      <c r="C2351" s="1" t="s">
        <v>16545</v>
      </c>
      <c r="D2351" s="2">
        <v>155179</v>
      </c>
      <c r="E2351" s="1" t="s">
        <v>0</v>
      </c>
    </row>
    <row r="2352" spans="1:5" x14ac:dyDescent="0.25">
      <c r="A2352" s="2">
        <v>470</v>
      </c>
      <c r="B2352" s="2">
        <v>470</v>
      </c>
      <c r="C2352" s="1" t="s">
        <v>0</v>
      </c>
      <c r="D2352" s="2">
        <v>155180</v>
      </c>
      <c r="E2352" s="1" t="s">
        <v>0</v>
      </c>
    </row>
    <row r="2353" spans="1:5" x14ac:dyDescent="0.25">
      <c r="A2353" s="1" t="s">
        <v>432</v>
      </c>
      <c r="B2353" s="1" t="s">
        <v>5656</v>
      </c>
      <c r="C2353" s="1" t="s">
        <v>16546</v>
      </c>
      <c r="D2353" s="2">
        <v>155181</v>
      </c>
      <c r="E2353" s="1" t="s">
        <v>0</v>
      </c>
    </row>
    <row r="2354" spans="1:5" x14ac:dyDescent="0.25">
      <c r="A2354" s="1" t="s">
        <v>16547</v>
      </c>
      <c r="B2354" s="1" t="s">
        <v>50406</v>
      </c>
      <c r="C2354" s="1" t="s">
        <v>16548</v>
      </c>
      <c r="D2354" s="2">
        <v>155182</v>
      </c>
      <c r="E2354" s="1" t="s">
        <v>0</v>
      </c>
    </row>
    <row r="2355" spans="1:5" ht="409.5" x14ac:dyDescent="0.25">
      <c r="A2355" s="4" t="s">
        <v>16549</v>
      </c>
      <c r="B2355" s="1" t="s">
        <v>50407</v>
      </c>
      <c r="C2355" s="1" t="s">
        <v>16550</v>
      </c>
      <c r="D2355" s="2">
        <v>155183</v>
      </c>
      <c r="E2355" s="1" t="s">
        <v>0</v>
      </c>
    </row>
    <row r="2356" spans="1:5" x14ac:dyDescent="0.25">
      <c r="A2356" s="1" t="s">
        <v>16551</v>
      </c>
      <c r="B2356" s="1" t="s">
        <v>57122</v>
      </c>
      <c r="C2356" s="1" t="s">
        <v>16552</v>
      </c>
      <c r="D2356" s="2">
        <v>155184</v>
      </c>
      <c r="E2356" s="1" t="s">
        <v>0</v>
      </c>
    </row>
    <row r="2357" spans="1:5" x14ac:dyDescent="0.25">
      <c r="A2357" s="2">
        <v>471</v>
      </c>
      <c r="B2357" s="2">
        <v>471</v>
      </c>
      <c r="C2357" s="1" t="s">
        <v>0</v>
      </c>
      <c r="D2357" s="2">
        <v>155185</v>
      </c>
      <c r="E2357" s="1" t="s">
        <v>0</v>
      </c>
    </row>
    <row r="2358" spans="1:5" x14ac:dyDescent="0.25">
      <c r="A2358" s="1" t="s">
        <v>433</v>
      </c>
      <c r="B2358" s="1" t="s">
        <v>57393</v>
      </c>
      <c r="C2358" s="1" t="s">
        <v>16553</v>
      </c>
      <c r="D2358" s="2">
        <v>155186</v>
      </c>
      <c r="E2358" s="1" t="s">
        <v>0</v>
      </c>
    </row>
    <row r="2359" spans="1:5" x14ac:dyDescent="0.25">
      <c r="A2359" s="1" t="s">
        <v>16554</v>
      </c>
      <c r="B2359" s="1" t="s">
        <v>59760</v>
      </c>
      <c r="C2359" s="1" t="s">
        <v>16555</v>
      </c>
      <c r="D2359" s="2">
        <v>155187</v>
      </c>
      <c r="E2359" s="1" t="s">
        <v>0</v>
      </c>
    </row>
    <row r="2360" spans="1:5" ht="409.5" x14ac:dyDescent="0.25">
      <c r="A2360" s="4" t="s">
        <v>16556</v>
      </c>
      <c r="B2360" s="1" t="s">
        <v>62024</v>
      </c>
      <c r="C2360" s="1" t="s">
        <v>16557</v>
      </c>
      <c r="D2360" s="2">
        <v>155188</v>
      </c>
      <c r="E2360" s="1" t="s">
        <v>0</v>
      </c>
    </row>
    <row r="2361" spans="1:5" x14ac:dyDescent="0.25">
      <c r="A2361" s="1" t="s">
        <v>16558</v>
      </c>
      <c r="B2361" s="1" t="s">
        <v>57394</v>
      </c>
      <c r="C2361" s="1" t="s">
        <v>16559</v>
      </c>
      <c r="D2361" s="2">
        <v>155189</v>
      </c>
      <c r="E2361" s="1" t="s">
        <v>0</v>
      </c>
    </row>
    <row r="2362" spans="1:5" x14ac:dyDescent="0.25">
      <c r="A2362" s="2">
        <v>472</v>
      </c>
      <c r="B2362" s="2">
        <v>472</v>
      </c>
      <c r="C2362" s="1" t="s">
        <v>0</v>
      </c>
      <c r="D2362" s="2">
        <v>155190</v>
      </c>
      <c r="E2362" s="1" t="s">
        <v>0</v>
      </c>
    </row>
    <row r="2363" spans="1:5" x14ac:dyDescent="0.25">
      <c r="A2363" s="1" t="s">
        <v>434</v>
      </c>
      <c r="B2363" s="1" t="s">
        <v>5657</v>
      </c>
      <c r="C2363" s="1" t="s">
        <v>16560</v>
      </c>
      <c r="D2363" s="2">
        <v>155191</v>
      </c>
      <c r="E2363" s="1" t="s">
        <v>0</v>
      </c>
    </row>
    <row r="2364" spans="1:5" x14ac:dyDescent="0.25">
      <c r="A2364" s="1" t="s">
        <v>16561</v>
      </c>
      <c r="B2364" s="1" t="s">
        <v>62025</v>
      </c>
      <c r="C2364" s="1" t="s">
        <v>16562</v>
      </c>
      <c r="D2364" s="2">
        <v>155192</v>
      </c>
      <c r="E2364" s="1" t="s">
        <v>0</v>
      </c>
    </row>
    <row r="2365" spans="1:5" ht="409.5" x14ac:dyDescent="0.25">
      <c r="A2365" s="4" t="s">
        <v>16563</v>
      </c>
      <c r="B2365" s="1" t="s">
        <v>62026</v>
      </c>
      <c r="C2365" s="1" t="s">
        <v>16564</v>
      </c>
      <c r="D2365" s="2">
        <v>155193</v>
      </c>
      <c r="E2365" s="1" t="s">
        <v>0</v>
      </c>
    </row>
    <row r="2366" spans="1:5" x14ac:dyDescent="0.25">
      <c r="A2366" s="1" t="s">
        <v>16565</v>
      </c>
      <c r="B2366" s="1" t="s">
        <v>5658</v>
      </c>
      <c r="C2366" s="1" t="s">
        <v>16566</v>
      </c>
      <c r="D2366" s="2">
        <v>155194</v>
      </c>
      <c r="E2366" s="1" t="s">
        <v>0</v>
      </c>
    </row>
    <row r="2367" spans="1:5" x14ac:dyDescent="0.25">
      <c r="A2367" s="2">
        <v>473</v>
      </c>
      <c r="B2367" s="2">
        <v>473</v>
      </c>
      <c r="C2367" s="1" t="s">
        <v>0</v>
      </c>
      <c r="D2367" s="2">
        <v>155195</v>
      </c>
      <c r="E2367" s="1" t="s">
        <v>0</v>
      </c>
    </row>
    <row r="2368" spans="1:5" x14ac:dyDescent="0.25">
      <c r="A2368" s="1" t="s">
        <v>435</v>
      </c>
      <c r="B2368" s="1" t="s">
        <v>5659</v>
      </c>
      <c r="C2368" s="1" t="s">
        <v>16567</v>
      </c>
      <c r="D2368" s="2">
        <v>155196</v>
      </c>
      <c r="E2368" s="1" t="s">
        <v>0</v>
      </c>
    </row>
    <row r="2369" spans="1:5" x14ac:dyDescent="0.25">
      <c r="A2369" s="1" t="s">
        <v>16568</v>
      </c>
      <c r="B2369" s="1" t="s">
        <v>51618</v>
      </c>
      <c r="C2369" s="1" t="s">
        <v>16569</v>
      </c>
      <c r="D2369" s="2">
        <v>155197</v>
      </c>
      <c r="E2369" s="1" t="s">
        <v>0</v>
      </c>
    </row>
    <row r="2370" spans="1:5" ht="409.5" x14ac:dyDescent="0.25">
      <c r="A2370" s="4" t="s">
        <v>16570</v>
      </c>
      <c r="B2370" s="1" t="s">
        <v>63199</v>
      </c>
      <c r="C2370" s="1" t="s">
        <v>16571</v>
      </c>
      <c r="D2370" s="2">
        <v>155198</v>
      </c>
      <c r="E2370" s="1" t="s">
        <v>0</v>
      </c>
    </row>
    <row r="2371" spans="1:5" x14ac:dyDescent="0.25">
      <c r="A2371" s="1" t="s">
        <v>16572</v>
      </c>
      <c r="B2371" s="1" t="s">
        <v>5660</v>
      </c>
      <c r="C2371" s="1" t="s">
        <v>16573</v>
      </c>
      <c r="D2371" s="2">
        <v>155199</v>
      </c>
      <c r="E2371" s="1" t="s">
        <v>0</v>
      </c>
    </row>
    <row r="2372" spans="1:5" x14ac:dyDescent="0.25">
      <c r="A2372" s="2">
        <v>474</v>
      </c>
      <c r="B2372" s="2">
        <v>474</v>
      </c>
      <c r="C2372" s="1" t="s">
        <v>0</v>
      </c>
      <c r="D2372" s="2">
        <v>155200</v>
      </c>
      <c r="E2372" s="1" t="s">
        <v>0</v>
      </c>
    </row>
    <row r="2373" spans="1:5" x14ac:dyDescent="0.25">
      <c r="A2373" s="1" t="s">
        <v>436</v>
      </c>
      <c r="B2373" s="1" t="s">
        <v>5661</v>
      </c>
      <c r="C2373" s="1" t="s">
        <v>16574</v>
      </c>
      <c r="D2373" s="2">
        <v>155201</v>
      </c>
      <c r="E2373" s="1" t="s">
        <v>0</v>
      </c>
    </row>
    <row r="2374" spans="1:5" x14ac:dyDescent="0.25">
      <c r="A2374" s="1" t="s">
        <v>16575</v>
      </c>
      <c r="B2374" s="1" t="s">
        <v>51619</v>
      </c>
      <c r="C2374" s="1" t="s">
        <v>16576</v>
      </c>
      <c r="D2374" s="2">
        <v>155202</v>
      </c>
      <c r="E2374" s="1" t="s">
        <v>0</v>
      </c>
    </row>
    <row r="2375" spans="1:5" ht="409.5" x14ac:dyDescent="0.25">
      <c r="A2375" s="4" t="s">
        <v>16577</v>
      </c>
      <c r="B2375" s="1" t="s">
        <v>63200</v>
      </c>
      <c r="C2375" s="1" t="s">
        <v>16578</v>
      </c>
      <c r="D2375" s="2">
        <v>155203</v>
      </c>
      <c r="E2375" s="1" t="s">
        <v>0</v>
      </c>
    </row>
    <row r="2376" spans="1:5" x14ac:dyDescent="0.25">
      <c r="A2376" s="1" t="s">
        <v>16579</v>
      </c>
      <c r="B2376" s="1" t="s">
        <v>5662</v>
      </c>
      <c r="C2376" s="1" t="s">
        <v>16580</v>
      </c>
      <c r="D2376" s="2">
        <v>155204</v>
      </c>
      <c r="E2376" s="1" t="s">
        <v>0</v>
      </c>
    </row>
    <row r="2377" spans="1:5" x14ac:dyDescent="0.25">
      <c r="A2377" s="2">
        <v>475</v>
      </c>
      <c r="B2377" s="2">
        <v>475</v>
      </c>
      <c r="C2377" s="1" t="s">
        <v>0</v>
      </c>
      <c r="D2377" s="2">
        <v>155205</v>
      </c>
      <c r="E2377" s="1" t="s">
        <v>0</v>
      </c>
    </row>
    <row r="2378" spans="1:5" x14ac:dyDescent="0.25">
      <c r="A2378" s="1" t="s">
        <v>437</v>
      </c>
      <c r="B2378" s="1" t="s">
        <v>51620</v>
      </c>
      <c r="C2378" s="1" t="s">
        <v>16581</v>
      </c>
      <c r="D2378" s="2">
        <v>155206</v>
      </c>
      <c r="E2378" s="1" t="s">
        <v>0</v>
      </c>
    </row>
    <row r="2379" spans="1:5" x14ac:dyDescent="0.25">
      <c r="A2379" s="1" t="s">
        <v>16582</v>
      </c>
      <c r="B2379" s="1" t="s">
        <v>51621</v>
      </c>
      <c r="C2379" s="1" t="s">
        <v>16583</v>
      </c>
      <c r="D2379" s="2">
        <v>155207</v>
      </c>
      <c r="E2379" s="1" t="s">
        <v>0</v>
      </c>
    </row>
    <row r="2380" spans="1:5" ht="409.5" x14ac:dyDescent="0.25">
      <c r="A2380" s="4" t="s">
        <v>16584</v>
      </c>
      <c r="B2380" s="1" t="s">
        <v>56689</v>
      </c>
      <c r="C2380" s="1" t="s">
        <v>16585</v>
      </c>
      <c r="D2380" s="2">
        <v>155208</v>
      </c>
      <c r="E2380" s="1" t="s">
        <v>0</v>
      </c>
    </row>
    <row r="2381" spans="1:5" x14ac:dyDescent="0.25">
      <c r="A2381" s="1" t="s">
        <v>16586</v>
      </c>
      <c r="B2381" s="1" t="s">
        <v>51622</v>
      </c>
      <c r="C2381" s="1" t="s">
        <v>16587</v>
      </c>
      <c r="D2381" s="2">
        <v>155209</v>
      </c>
      <c r="E2381" s="1" t="s">
        <v>0</v>
      </c>
    </row>
    <row r="2382" spans="1:5" x14ac:dyDescent="0.25">
      <c r="A2382" s="2">
        <v>476</v>
      </c>
      <c r="B2382" s="2">
        <v>476</v>
      </c>
      <c r="C2382" s="1" t="s">
        <v>0</v>
      </c>
      <c r="D2382" s="2">
        <v>155210</v>
      </c>
      <c r="E2382" s="1" t="s">
        <v>0</v>
      </c>
    </row>
    <row r="2383" spans="1:5" x14ac:dyDescent="0.25">
      <c r="A2383" s="1" t="s">
        <v>438</v>
      </c>
      <c r="B2383" s="1" t="s">
        <v>56909</v>
      </c>
      <c r="C2383" s="1" t="s">
        <v>16588</v>
      </c>
      <c r="D2383" s="2">
        <v>155211</v>
      </c>
      <c r="E2383" s="1" t="s">
        <v>0</v>
      </c>
    </row>
    <row r="2384" spans="1:5" x14ac:dyDescent="0.25">
      <c r="A2384" s="1" t="s">
        <v>16589</v>
      </c>
      <c r="B2384" s="1" t="s">
        <v>62027</v>
      </c>
      <c r="C2384" s="1" t="s">
        <v>16590</v>
      </c>
      <c r="D2384" s="2">
        <v>155212</v>
      </c>
      <c r="E2384" s="1" t="s">
        <v>0</v>
      </c>
    </row>
    <row r="2385" spans="1:5" ht="409.5" x14ac:dyDescent="0.25">
      <c r="A2385" s="4" t="s">
        <v>16591</v>
      </c>
      <c r="B2385" s="1" t="s">
        <v>62028</v>
      </c>
      <c r="C2385" s="1" t="s">
        <v>16592</v>
      </c>
      <c r="D2385" s="2">
        <v>155213</v>
      </c>
      <c r="E2385" s="1" t="s">
        <v>0</v>
      </c>
    </row>
    <row r="2386" spans="1:5" x14ac:dyDescent="0.25">
      <c r="A2386" s="1" t="s">
        <v>16593</v>
      </c>
      <c r="B2386" s="1" t="s">
        <v>58171</v>
      </c>
      <c r="C2386" s="1" t="s">
        <v>16594</v>
      </c>
      <c r="D2386" s="2">
        <v>155214</v>
      </c>
      <c r="E2386" s="1" t="s">
        <v>0</v>
      </c>
    </row>
    <row r="2387" spans="1:5" x14ac:dyDescent="0.25">
      <c r="A2387" s="2">
        <v>477</v>
      </c>
      <c r="B2387" s="2">
        <v>477</v>
      </c>
      <c r="C2387" s="1" t="s">
        <v>0</v>
      </c>
      <c r="D2387" s="2">
        <v>155215</v>
      </c>
      <c r="E2387" s="1" t="s">
        <v>0</v>
      </c>
    </row>
    <row r="2388" spans="1:5" x14ac:dyDescent="0.25">
      <c r="A2388" s="1" t="s">
        <v>439</v>
      </c>
      <c r="B2388" s="1" t="s">
        <v>5663</v>
      </c>
      <c r="C2388" s="1" t="s">
        <v>16595</v>
      </c>
      <c r="D2388" s="2">
        <v>155216</v>
      </c>
      <c r="E2388" s="1" t="s">
        <v>0</v>
      </c>
    </row>
    <row r="2389" spans="1:5" x14ac:dyDescent="0.25">
      <c r="A2389" s="1" t="s">
        <v>16596</v>
      </c>
      <c r="B2389" s="1" t="s">
        <v>56690</v>
      </c>
      <c r="C2389" s="1" t="s">
        <v>16597</v>
      </c>
      <c r="D2389" s="2">
        <v>155217</v>
      </c>
      <c r="E2389" s="1" t="s">
        <v>0</v>
      </c>
    </row>
    <row r="2390" spans="1:5" ht="409.5" x14ac:dyDescent="0.25">
      <c r="A2390" s="4" t="s">
        <v>16598</v>
      </c>
      <c r="B2390" s="1" t="s">
        <v>56691</v>
      </c>
      <c r="C2390" s="1" t="s">
        <v>16599</v>
      </c>
      <c r="D2390" s="2">
        <v>155218</v>
      </c>
      <c r="E2390" s="1" t="s">
        <v>0</v>
      </c>
    </row>
    <row r="2391" spans="1:5" x14ac:dyDescent="0.25">
      <c r="A2391" s="1" t="s">
        <v>16600</v>
      </c>
      <c r="B2391" s="1" t="s">
        <v>51623</v>
      </c>
      <c r="C2391" s="1" t="s">
        <v>16601</v>
      </c>
      <c r="D2391" s="2">
        <v>155219</v>
      </c>
      <c r="E2391" s="1" t="s">
        <v>0</v>
      </c>
    </row>
    <row r="2392" spans="1:5" x14ac:dyDescent="0.25">
      <c r="A2392" s="2">
        <v>478</v>
      </c>
      <c r="B2392" s="2">
        <v>478</v>
      </c>
      <c r="C2392" s="1" t="s">
        <v>0</v>
      </c>
      <c r="D2392" s="2">
        <v>155220</v>
      </c>
      <c r="E2392" s="1" t="s">
        <v>0</v>
      </c>
    </row>
    <row r="2393" spans="1:5" x14ac:dyDescent="0.25">
      <c r="A2393" s="1" t="s">
        <v>440</v>
      </c>
      <c r="B2393" s="1" t="s">
        <v>5664</v>
      </c>
      <c r="C2393" s="1" t="s">
        <v>16602</v>
      </c>
      <c r="D2393" s="2">
        <v>155221</v>
      </c>
      <c r="E2393" s="1" t="s">
        <v>0</v>
      </c>
    </row>
    <row r="2394" spans="1:5" x14ac:dyDescent="0.25">
      <c r="A2394" s="1" t="s">
        <v>16603</v>
      </c>
      <c r="B2394" s="1" t="s">
        <v>62029</v>
      </c>
      <c r="C2394" s="1" t="s">
        <v>16604</v>
      </c>
      <c r="D2394" s="2">
        <v>155222</v>
      </c>
      <c r="E2394" s="1" t="s">
        <v>0</v>
      </c>
    </row>
    <row r="2395" spans="1:5" ht="409.5" x14ac:dyDescent="0.25">
      <c r="A2395" s="4" t="s">
        <v>16605</v>
      </c>
      <c r="B2395" s="1" t="s">
        <v>62030</v>
      </c>
      <c r="C2395" s="1" t="s">
        <v>16606</v>
      </c>
      <c r="D2395" s="2">
        <v>155223</v>
      </c>
      <c r="E2395" s="1" t="s">
        <v>0</v>
      </c>
    </row>
    <row r="2396" spans="1:5" x14ac:dyDescent="0.25">
      <c r="A2396" s="1" t="s">
        <v>16607</v>
      </c>
      <c r="B2396" s="1" t="s">
        <v>5665</v>
      </c>
      <c r="C2396" s="1" t="s">
        <v>16608</v>
      </c>
      <c r="D2396" s="2">
        <v>155224</v>
      </c>
      <c r="E2396" s="1" t="s">
        <v>0</v>
      </c>
    </row>
    <row r="2397" spans="1:5" x14ac:dyDescent="0.25">
      <c r="A2397" s="2">
        <v>479</v>
      </c>
      <c r="B2397" s="2">
        <v>479</v>
      </c>
      <c r="C2397" s="1" t="s">
        <v>0</v>
      </c>
      <c r="D2397" s="2">
        <v>155225</v>
      </c>
      <c r="E2397" s="1" t="s">
        <v>0</v>
      </c>
    </row>
    <row r="2398" spans="1:5" x14ac:dyDescent="0.25">
      <c r="A2398" s="1" t="s">
        <v>441</v>
      </c>
      <c r="B2398" s="1" t="s">
        <v>5666</v>
      </c>
      <c r="C2398" s="1" t="s">
        <v>16609</v>
      </c>
      <c r="D2398" s="2">
        <v>155226</v>
      </c>
      <c r="E2398" s="1" t="s">
        <v>0</v>
      </c>
    </row>
    <row r="2399" spans="1:5" x14ac:dyDescent="0.25">
      <c r="A2399" s="1" t="s">
        <v>16610</v>
      </c>
      <c r="B2399" s="1" t="s">
        <v>59761</v>
      </c>
      <c r="C2399" s="1" t="s">
        <v>16611</v>
      </c>
      <c r="D2399" s="2">
        <v>155227</v>
      </c>
      <c r="E2399" s="1" t="s">
        <v>0</v>
      </c>
    </row>
    <row r="2400" spans="1:5" ht="409.5" x14ac:dyDescent="0.25">
      <c r="A2400" s="4" t="s">
        <v>16612</v>
      </c>
      <c r="B2400" s="1" t="s">
        <v>59762</v>
      </c>
      <c r="C2400" s="1" t="s">
        <v>16613</v>
      </c>
      <c r="D2400" s="2">
        <v>155228</v>
      </c>
      <c r="E2400" s="1" t="s">
        <v>0</v>
      </c>
    </row>
    <row r="2401" spans="1:5" x14ac:dyDescent="0.25">
      <c r="A2401" s="1" t="s">
        <v>16614</v>
      </c>
      <c r="B2401" s="1" t="s">
        <v>51624</v>
      </c>
      <c r="C2401" s="1" t="s">
        <v>16615</v>
      </c>
      <c r="D2401" s="2">
        <v>155229</v>
      </c>
      <c r="E2401" s="1" t="s">
        <v>0</v>
      </c>
    </row>
    <row r="2402" spans="1:5" x14ac:dyDescent="0.25">
      <c r="A2402" s="2">
        <v>480</v>
      </c>
      <c r="B2402" s="2">
        <v>480</v>
      </c>
      <c r="C2402" s="1" t="s">
        <v>0</v>
      </c>
      <c r="D2402" s="2">
        <v>155230</v>
      </c>
      <c r="E2402" s="1" t="s">
        <v>0</v>
      </c>
    </row>
    <row r="2403" spans="1:5" x14ac:dyDescent="0.25">
      <c r="A2403" s="1" t="s">
        <v>442</v>
      </c>
      <c r="B2403" s="1" t="s">
        <v>5667</v>
      </c>
      <c r="C2403" s="1" t="s">
        <v>16616</v>
      </c>
      <c r="D2403" s="2">
        <v>155231</v>
      </c>
      <c r="E2403" s="1" t="s">
        <v>0</v>
      </c>
    </row>
    <row r="2404" spans="1:5" x14ac:dyDescent="0.25">
      <c r="A2404" s="1" t="s">
        <v>16617</v>
      </c>
      <c r="B2404" s="1" t="s">
        <v>59763</v>
      </c>
      <c r="C2404" s="1" t="s">
        <v>16618</v>
      </c>
      <c r="D2404" s="2">
        <v>155232</v>
      </c>
      <c r="E2404" s="1" t="s">
        <v>0</v>
      </c>
    </row>
    <row r="2405" spans="1:5" ht="409.5" x14ac:dyDescent="0.25">
      <c r="A2405" s="4" t="s">
        <v>16619</v>
      </c>
      <c r="B2405" s="1" t="s">
        <v>60391</v>
      </c>
      <c r="C2405" s="1" t="s">
        <v>16620</v>
      </c>
      <c r="D2405" s="2">
        <v>155233</v>
      </c>
      <c r="E2405" s="1" t="s">
        <v>0</v>
      </c>
    </row>
    <row r="2406" spans="1:5" x14ac:dyDescent="0.25">
      <c r="A2406" s="1" t="s">
        <v>16621</v>
      </c>
      <c r="B2406" s="1" t="s">
        <v>5668</v>
      </c>
      <c r="C2406" s="1" t="s">
        <v>16622</v>
      </c>
      <c r="D2406" s="2">
        <v>155234</v>
      </c>
      <c r="E2406" s="1" t="s">
        <v>0</v>
      </c>
    </row>
    <row r="2407" spans="1:5" x14ac:dyDescent="0.25">
      <c r="A2407" s="2">
        <v>481</v>
      </c>
      <c r="B2407" s="2">
        <v>481</v>
      </c>
      <c r="C2407" s="1" t="s">
        <v>0</v>
      </c>
      <c r="D2407" s="2">
        <v>155235</v>
      </c>
      <c r="E2407" s="1" t="s">
        <v>0</v>
      </c>
    </row>
    <row r="2408" spans="1:5" x14ac:dyDescent="0.25">
      <c r="A2408" s="1" t="s">
        <v>443</v>
      </c>
      <c r="B2408" s="1" t="s">
        <v>5669</v>
      </c>
      <c r="C2408" s="1" t="s">
        <v>16623</v>
      </c>
      <c r="D2408" s="2">
        <v>155236</v>
      </c>
      <c r="E2408" s="1" t="s">
        <v>0</v>
      </c>
    </row>
    <row r="2409" spans="1:5" x14ac:dyDescent="0.25">
      <c r="A2409" s="1" t="s">
        <v>16624</v>
      </c>
      <c r="B2409" s="1" t="s">
        <v>60550</v>
      </c>
      <c r="C2409" s="1" t="s">
        <v>16625</v>
      </c>
      <c r="D2409" s="2">
        <v>155237</v>
      </c>
      <c r="E2409" s="1" t="s">
        <v>0</v>
      </c>
    </row>
    <row r="2410" spans="1:5" ht="409.5" x14ac:dyDescent="0.25">
      <c r="A2410" s="4" t="s">
        <v>16626</v>
      </c>
      <c r="B2410" s="1" t="s">
        <v>60551</v>
      </c>
      <c r="C2410" s="1" t="s">
        <v>16627</v>
      </c>
      <c r="D2410" s="2">
        <v>155238</v>
      </c>
      <c r="E2410" s="1" t="s">
        <v>0</v>
      </c>
    </row>
    <row r="2411" spans="1:5" x14ac:dyDescent="0.25">
      <c r="A2411" s="1" t="s">
        <v>16628</v>
      </c>
      <c r="B2411" s="1" t="s">
        <v>51625</v>
      </c>
      <c r="C2411" s="1" t="s">
        <v>16629</v>
      </c>
      <c r="D2411" s="2">
        <v>155239</v>
      </c>
      <c r="E2411" s="1" t="s">
        <v>0</v>
      </c>
    </row>
    <row r="2412" spans="1:5" x14ac:dyDescent="0.25">
      <c r="A2412" s="2">
        <v>482</v>
      </c>
      <c r="B2412" s="2">
        <v>482</v>
      </c>
      <c r="C2412" s="1" t="s">
        <v>0</v>
      </c>
      <c r="D2412" s="2">
        <v>155240</v>
      </c>
      <c r="E2412" s="1" t="s">
        <v>0</v>
      </c>
    </row>
    <row r="2413" spans="1:5" x14ac:dyDescent="0.25">
      <c r="A2413" s="1" t="s">
        <v>444</v>
      </c>
      <c r="B2413" s="1" t="s">
        <v>5670</v>
      </c>
      <c r="C2413" s="1" t="s">
        <v>16630</v>
      </c>
      <c r="D2413" s="2">
        <v>155241</v>
      </c>
      <c r="E2413" s="1" t="s">
        <v>0</v>
      </c>
    </row>
    <row r="2414" spans="1:5" x14ac:dyDescent="0.25">
      <c r="A2414" s="1" t="s">
        <v>16631</v>
      </c>
      <c r="B2414" s="1" t="s">
        <v>5671</v>
      </c>
      <c r="C2414" s="1" t="s">
        <v>16632</v>
      </c>
      <c r="D2414" s="2">
        <v>155242</v>
      </c>
      <c r="E2414" s="1" t="s">
        <v>0</v>
      </c>
    </row>
    <row r="2415" spans="1:5" ht="409.5" x14ac:dyDescent="0.25">
      <c r="A2415" s="4" t="s">
        <v>16633</v>
      </c>
      <c r="B2415" s="1" t="s">
        <v>62031</v>
      </c>
      <c r="C2415" s="1" t="s">
        <v>16634</v>
      </c>
      <c r="D2415" s="2">
        <v>155243</v>
      </c>
      <c r="E2415" s="1" t="s">
        <v>0</v>
      </c>
    </row>
    <row r="2416" spans="1:5" x14ac:dyDescent="0.25">
      <c r="A2416" s="1" t="s">
        <v>16635</v>
      </c>
      <c r="B2416" s="1" t="s">
        <v>51626</v>
      </c>
      <c r="C2416" s="1" t="s">
        <v>16636</v>
      </c>
      <c r="D2416" s="2">
        <v>155244</v>
      </c>
      <c r="E2416" s="1" t="s">
        <v>0</v>
      </c>
    </row>
    <row r="2417" spans="1:5" x14ac:dyDescent="0.25">
      <c r="A2417" s="2">
        <v>483</v>
      </c>
      <c r="B2417" s="2">
        <v>483</v>
      </c>
      <c r="C2417" s="1" t="s">
        <v>0</v>
      </c>
      <c r="D2417" s="2">
        <v>155245</v>
      </c>
      <c r="E2417" s="1" t="s">
        <v>0</v>
      </c>
    </row>
    <row r="2418" spans="1:5" x14ac:dyDescent="0.25">
      <c r="A2418" s="1" t="s">
        <v>445</v>
      </c>
      <c r="B2418" s="1" t="s">
        <v>5672</v>
      </c>
      <c r="C2418" s="1" t="s">
        <v>16637</v>
      </c>
      <c r="D2418" s="2">
        <v>155246</v>
      </c>
      <c r="E2418" s="1" t="s">
        <v>0</v>
      </c>
    </row>
    <row r="2419" spans="1:5" x14ac:dyDescent="0.25">
      <c r="A2419" s="1" t="s">
        <v>16638</v>
      </c>
      <c r="B2419" s="1" t="s">
        <v>50408</v>
      </c>
      <c r="C2419" s="1" t="s">
        <v>16639</v>
      </c>
      <c r="D2419" s="2">
        <v>155247</v>
      </c>
      <c r="E2419" s="1" t="s">
        <v>0</v>
      </c>
    </row>
    <row r="2420" spans="1:5" ht="409.5" x14ac:dyDescent="0.25">
      <c r="A2420" s="4" t="s">
        <v>16640</v>
      </c>
      <c r="B2420" s="1" t="s">
        <v>50409</v>
      </c>
      <c r="C2420" s="1" t="s">
        <v>16641</v>
      </c>
      <c r="D2420" s="2">
        <v>155248</v>
      </c>
      <c r="E2420" s="1" t="s">
        <v>0</v>
      </c>
    </row>
    <row r="2421" spans="1:5" x14ac:dyDescent="0.25">
      <c r="A2421" s="1" t="s">
        <v>16642</v>
      </c>
      <c r="B2421" s="1" t="s">
        <v>51627</v>
      </c>
      <c r="C2421" s="1" t="s">
        <v>16643</v>
      </c>
      <c r="D2421" s="2">
        <v>155249</v>
      </c>
      <c r="E2421" s="1" t="s">
        <v>0</v>
      </c>
    </row>
    <row r="2422" spans="1:5" x14ac:dyDescent="0.25">
      <c r="A2422" s="2">
        <v>484</v>
      </c>
      <c r="B2422" s="2">
        <v>484</v>
      </c>
      <c r="C2422" s="1" t="s">
        <v>0</v>
      </c>
      <c r="D2422" s="2">
        <v>155250</v>
      </c>
      <c r="E2422" s="1" t="s">
        <v>0</v>
      </c>
    </row>
    <row r="2423" spans="1:5" x14ac:dyDescent="0.25">
      <c r="A2423" s="1" t="s">
        <v>446</v>
      </c>
      <c r="B2423" s="1" t="s">
        <v>5673</v>
      </c>
      <c r="C2423" s="1" t="s">
        <v>16644</v>
      </c>
      <c r="D2423" s="2">
        <v>155251</v>
      </c>
      <c r="E2423" s="1" t="s">
        <v>0</v>
      </c>
    </row>
    <row r="2424" spans="1:5" x14ac:dyDescent="0.25">
      <c r="A2424" s="1" t="s">
        <v>16645</v>
      </c>
      <c r="B2424" s="1" t="s">
        <v>56997</v>
      </c>
      <c r="C2424" s="1" t="s">
        <v>16646</v>
      </c>
      <c r="D2424" s="2">
        <v>155252</v>
      </c>
      <c r="E2424" s="1" t="s">
        <v>0</v>
      </c>
    </row>
    <row r="2425" spans="1:5" ht="409.5" x14ac:dyDescent="0.25">
      <c r="A2425" s="4" t="s">
        <v>16647</v>
      </c>
      <c r="B2425" s="1" t="s">
        <v>57720</v>
      </c>
      <c r="C2425" s="1" t="s">
        <v>16648</v>
      </c>
      <c r="D2425" s="2">
        <v>155253</v>
      </c>
      <c r="E2425" s="1" t="s">
        <v>0</v>
      </c>
    </row>
    <row r="2426" spans="1:5" x14ac:dyDescent="0.25">
      <c r="A2426" s="1" t="s">
        <v>16649</v>
      </c>
      <c r="B2426" s="1" t="s">
        <v>51628</v>
      </c>
      <c r="C2426" s="1" t="s">
        <v>16650</v>
      </c>
      <c r="D2426" s="2">
        <v>155254</v>
      </c>
      <c r="E2426" s="1" t="s">
        <v>0</v>
      </c>
    </row>
    <row r="2427" spans="1:5" x14ac:dyDescent="0.25">
      <c r="A2427" s="2">
        <v>485</v>
      </c>
      <c r="B2427" s="2">
        <v>485</v>
      </c>
      <c r="C2427" s="1" t="s">
        <v>0</v>
      </c>
      <c r="D2427" s="2">
        <v>155255</v>
      </c>
      <c r="E2427" s="1" t="s">
        <v>0</v>
      </c>
    </row>
    <row r="2428" spans="1:5" x14ac:dyDescent="0.25">
      <c r="A2428" s="1" t="s">
        <v>447</v>
      </c>
      <c r="B2428" s="1" t="s">
        <v>5674</v>
      </c>
      <c r="C2428" s="1" t="s">
        <v>16651</v>
      </c>
      <c r="D2428" s="2">
        <v>155256</v>
      </c>
      <c r="E2428" s="1" t="s">
        <v>0</v>
      </c>
    </row>
    <row r="2429" spans="1:5" x14ac:dyDescent="0.25">
      <c r="A2429" s="1" t="s">
        <v>16652</v>
      </c>
      <c r="B2429" s="1" t="s">
        <v>59552</v>
      </c>
      <c r="C2429" s="1" t="s">
        <v>16653</v>
      </c>
      <c r="D2429" s="2">
        <v>155257</v>
      </c>
      <c r="E2429" s="1" t="s">
        <v>0</v>
      </c>
    </row>
    <row r="2430" spans="1:5" ht="409.5" x14ac:dyDescent="0.25">
      <c r="A2430" s="4" t="s">
        <v>16654</v>
      </c>
      <c r="B2430" s="1" t="s">
        <v>59553</v>
      </c>
      <c r="C2430" s="1" t="s">
        <v>16655</v>
      </c>
      <c r="D2430" s="2">
        <v>155258</v>
      </c>
      <c r="E2430" s="1" t="s">
        <v>0</v>
      </c>
    </row>
    <row r="2431" spans="1:5" x14ac:dyDescent="0.25">
      <c r="A2431" s="1" t="s">
        <v>16656</v>
      </c>
      <c r="B2431" s="1" t="s">
        <v>5675</v>
      </c>
      <c r="C2431" s="1" t="s">
        <v>16657</v>
      </c>
      <c r="D2431" s="2">
        <v>155259</v>
      </c>
      <c r="E2431" s="1" t="s">
        <v>0</v>
      </c>
    </row>
    <row r="2432" spans="1:5" x14ac:dyDescent="0.25">
      <c r="A2432" s="2">
        <v>486</v>
      </c>
      <c r="B2432" s="2">
        <v>486</v>
      </c>
      <c r="C2432" s="1" t="s">
        <v>0</v>
      </c>
      <c r="D2432" s="2">
        <v>155260</v>
      </c>
      <c r="E2432" s="1" t="s">
        <v>0</v>
      </c>
    </row>
    <row r="2433" spans="1:5" x14ac:dyDescent="0.25">
      <c r="A2433" s="1" t="s">
        <v>448</v>
      </c>
      <c r="B2433" s="1" t="s">
        <v>5676</v>
      </c>
      <c r="C2433" s="1" t="s">
        <v>16658</v>
      </c>
      <c r="D2433" s="2">
        <v>155261</v>
      </c>
      <c r="E2433" s="1" t="s">
        <v>0</v>
      </c>
    </row>
    <row r="2434" spans="1:5" x14ac:dyDescent="0.25">
      <c r="A2434" s="1" t="s">
        <v>16659</v>
      </c>
      <c r="B2434" s="1" t="s">
        <v>62032</v>
      </c>
      <c r="C2434" s="1" t="s">
        <v>16660</v>
      </c>
      <c r="D2434" s="2">
        <v>155262</v>
      </c>
      <c r="E2434" s="1" t="s">
        <v>0</v>
      </c>
    </row>
    <row r="2435" spans="1:5" ht="409.5" x14ac:dyDescent="0.25">
      <c r="A2435" s="4" t="s">
        <v>16661</v>
      </c>
      <c r="B2435" s="1" t="s">
        <v>62033</v>
      </c>
      <c r="C2435" s="1" t="s">
        <v>16662</v>
      </c>
      <c r="D2435" s="2">
        <v>155263</v>
      </c>
      <c r="E2435" s="1" t="s">
        <v>0</v>
      </c>
    </row>
    <row r="2436" spans="1:5" x14ac:dyDescent="0.25">
      <c r="A2436" s="1" t="s">
        <v>16663</v>
      </c>
      <c r="B2436" s="1" t="s">
        <v>5677</v>
      </c>
      <c r="C2436" s="1" t="s">
        <v>16664</v>
      </c>
      <c r="D2436" s="2">
        <v>155264</v>
      </c>
      <c r="E2436" s="1" t="s">
        <v>0</v>
      </c>
    </row>
    <row r="2437" spans="1:5" x14ac:dyDescent="0.25">
      <c r="A2437" s="2">
        <v>487</v>
      </c>
      <c r="B2437" s="2">
        <v>487</v>
      </c>
      <c r="C2437" s="1" t="s">
        <v>0</v>
      </c>
      <c r="D2437" s="2">
        <v>155265</v>
      </c>
      <c r="E2437" s="1" t="s">
        <v>0</v>
      </c>
    </row>
    <row r="2438" spans="1:5" x14ac:dyDescent="0.25">
      <c r="A2438" s="1" t="s">
        <v>449</v>
      </c>
      <c r="B2438" s="1" t="s">
        <v>5678</v>
      </c>
      <c r="C2438" s="1" t="s">
        <v>16665</v>
      </c>
      <c r="D2438" s="2">
        <v>155266</v>
      </c>
      <c r="E2438" s="1" t="s">
        <v>0</v>
      </c>
    </row>
    <row r="2439" spans="1:5" x14ac:dyDescent="0.25">
      <c r="A2439" s="1" t="s">
        <v>16666</v>
      </c>
      <c r="B2439" s="1" t="s">
        <v>5679</v>
      </c>
      <c r="C2439" s="1" t="s">
        <v>16667</v>
      </c>
      <c r="D2439" s="2">
        <v>155267</v>
      </c>
      <c r="E2439" s="1" t="s">
        <v>0</v>
      </c>
    </row>
    <row r="2440" spans="1:5" ht="409.5" x14ac:dyDescent="0.25">
      <c r="A2440" s="4" t="s">
        <v>16668</v>
      </c>
      <c r="B2440" s="1" t="s">
        <v>60392</v>
      </c>
      <c r="C2440" s="1" t="s">
        <v>16669</v>
      </c>
      <c r="D2440" s="2">
        <v>155268</v>
      </c>
      <c r="E2440" s="1" t="s">
        <v>0</v>
      </c>
    </row>
    <row r="2441" spans="1:5" x14ac:dyDescent="0.25">
      <c r="A2441" s="1" t="s">
        <v>16670</v>
      </c>
      <c r="B2441" s="1" t="s">
        <v>51629</v>
      </c>
      <c r="C2441" s="1" t="s">
        <v>16671</v>
      </c>
      <c r="D2441" s="2">
        <v>155269</v>
      </c>
      <c r="E2441" s="1" t="s">
        <v>0</v>
      </c>
    </row>
    <row r="2442" spans="1:5" x14ac:dyDescent="0.25">
      <c r="A2442" s="2">
        <v>488</v>
      </c>
      <c r="B2442" s="2">
        <v>488</v>
      </c>
      <c r="C2442" s="1" t="s">
        <v>0</v>
      </c>
      <c r="D2442" s="2">
        <v>155270</v>
      </c>
      <c r="E2442" s="1" t="s">
        <v>0</v>
      </c>
    </row>
    <row r="2443" spans="1:5" x14ac:dyDescent="0.25">
      <c r="A2443" s="1" t="s">
        <v>450</v>
      </c>
      <c r="B2443" s="1" t="s">
        <v>5680</v>
      </c>
      <c r="C2443" s="1" t="s">
        <v>16672</v>
      </c>
      <c r="D2443" s="2">
        <v>155271</v>
      </c>
      <c r="E2443" s="1" t="s">
        <v>0</v>
      </c>
    </row>
    <row r="2444" spans="1:5" x14ac:dyDescent="0.25">
      <c r="A2444" s="1" t="s">
        <v>16673</v>
      </c>
      <c r="B2444" s="1" t="s">
        <v>51630</v>
      </c>
      <c r="C2444" s="1" t="s">
        <v>16674</v>
      </c>
      <c r="D2444" s="2">
        <v>155272</v>
      </c>
      <c r="E2444" s="1" t="s">
        <v>0</v>
      </c>
    </row>
    <row r="2445" spans="1:5" ht="409.5" x14ac:dyDescent="0.25">
      <c r="A2445" s="4" t="s">
        <v>16675</v>
      </c>
      <c r="B2445" s="1" t="s">
        <v>51631</v>
      </c>
      <c r="C2445" s="1" t="s">
        <v>16676</v>
      </c>
      <c r="D2445" s="2">
        <v>155273</v>
      </c>
      <c r="E2445" s="1" t="s">
        <v>0</v>
      </c>
    </row>
    <row r="2446" spans="1:5" x14ac:dyDescent="0.25">
      <c r="A2446" s="1" t="s">
        <v>16677</v>
      </c>
      <c r="B2446" s="1" t="s">
        <v>57123</v>
      </c>
      <c r="C2446" s="1" t="s">
        <v>16678</v>
      </c>
      <c r="D2446" s="2">
        <v>155274</v>
      </c>
      <c r="E2446" s="1" t="s">
        <v>0</v>
      </c>
    </row>
    <row r="2447" spans="1:5" x14ac:dyDescent="0.25">
      <c r="A2447" s="2">
        <v>489</v>
      </c>
      <c r="B2447" s="2">
        <v>489</v>
      </c>
      <c r="C2447" s="1" t="s">
        <v>0</v>
      </c>
      <c r="D2447" s="2">
        <v>155275</v>
      </c>
      <c r="E2447" s="1" t="s">
        <v>0</v>
      </c>
    </row>
    <row r="2448" spans="1:5" x14ac:dyDescent="0.25">
      <c r="A2448" s="1" t="s">
        <v>451</v>
      </c>
      <c r="B2448" s="1" t="s">
        <v>5681</v>
      </c>
      <c r="C2448" s="1" t="s">
        <v>16679</v>
      </c>
      <c r="D2448" s="2">
        <v>155276</v>
      </c>
      <c r="E2448" s="1" t="s">
        <v>0</v>
      </c>
    </row>
    <row r="2449" spans="1:5" x14ac:dyDescent="0.25">
      <c r="A2449" s="1" t="s">
        <v>16680</v>
      </c>
      <c r="B2449" s="1" t="s">
        <v>62034</v>
      </c>
      <c r="C2449" s="1" t="s">
        <v>16681</v>
      </c>
      <c r="D2449" s="2">
        <v>155277</v>
      </c>
      <c r="E2449" s="1" t="s">
        <v>0</v>
      </c>
    </row>
    <row r="2450" spans="1:5" ht="409.5" x14ac:dyDescent="0.25">
      <c r="A2450" s="4" t="s">
        <v>16682</v>
      </c>
      <c r="B2450" s="1" t="s">
        <v>62035</v>
      </c>
      <c r="C2450" s="1" t="s">
        <v>16683</v>
      </c>
      <c r="D2450" s="2">
        <v>155278</v>
      </c>
      <c r="E2450" s="1" t="s">
        <v>0</v>
      </c>
    </row>
    <row r="2451" spans="1:5" x14ac:dyDescent="0.25">
      <c r="A2451" s="1" t="s">
        <v>16684</v>
      </c>
      <c r="B2451" s="1" t="s">
        <v>60904</v>
      </c>
      <c r="C2451" s="1" t="s">
        <v>16685</v>
      </c>
      <c r="D2451" s="2">
        <v>155279</v>
      </c>
      <c r="E2451" s="1" t="s">
        <v>0</v>
      </c>
    </row>
    <row r="2452" spans="1:5" x14ac:dyDescent="0.25">
      <c r="A2452" s="2">
        <v>490</v>
      </c>
      <c r="B2452" s="2">
        <v>490</v>
      </c>
      <c r="C2452" s="1" t="s">
        <v>0</v>
      </c>
      <c r="D2452" s="2">
        <v>155280</v>
      </c>
      <c r="E2452" s="1" t="s">
        <v>0</v>
      </c>
    </row>
    <row r="2453" spans="1:5" x14ac:dyDescent="0.25">
      <c r="A2453" s="1" t="s">
        <v>452</v>
      </c>
      <c r="B2453" s="1" t="s">
        <v>5682</v>
      </c>
      <c r="C2453" s="1" t="s">
        <v>16686</v>
      </c>
      <c r="D2453" s="2">
        <v>155281</v>
      </c>
      <c r="E2453" s="1" t="s">
        <v>0</v>
      </c>
    </row>
    <row r="2454" spans="1:5" x14ac:dyDescent="0.25">
      <c r="A2454" s="1" t="s">
        <v>16687</v>
      </c>
      <c r="B2454" s="1" t="s">
        <v>51632</v>
      </c>
      <c r="C2454" s="1" t="s">
        <v>16688</v>
      </c>
      <c r="D2454" s="2">
        <v>155282</v>
      </c>
      <c r="E2454" s="1" t="s">
        <v>0</v>
      </c>
    </row>
    <row r="2455" spans="1:5" ht="409.5" x14ac:dyDescent="0.25">
      <c r="A2455" s="4" t="s">
        <v>16689</v>
      </c>
      <c r="B2455" s="1" t="s">
        <v>51633</v>
      </c>
      <c r="C2455" s="1" t="s">
        <v>16690</v>
      </c>
      <c r="D2455" s="2">
        <v>155283</v>
      </c>
      <c r="E2455" s="1" t="s">
        <v>0</v>
      </c>
    </row>
    <row r="2456" spans="1:5" x14ac:dyDescent="0.25">
      <c r="A2456" s="1" t="s">
        <v>16691</v>
      </c>
      <c r="B2456" s="1" t="s">
        <v>51634</v>
      </c>
      <c r="C2456" s="1" t="s">
        <v>16692</v>
      </c>
      <c r="D2456" s="2">
        <v>155284</v>
      </c>
      <c r="E2456" s="1" t="s">
        <v>0</v>
      </c>
    </row>
    <row r="2457" spans="1:5" x14ac:dyDescent="0.25">
      <c r="A2457" s="2">
        <v>491</v>
      </c>
      <c r="B2457" s="2">
        <v>491</v>
      </c>
      <c r="C2457" s="1" t="s">
        <v>0</v>
      </c>
      <c r="D2457" s="2">
        <v>155285</v>
      </c>
      <c r="E2457" s="1" t="s">
        <v>0</v>
      </c>
    </row>
    <row r="2458" spans="1:5" x14ac:dyDescent="0.25">
      <c r="A2458" s="1" t="s">
        <v>63974</v>
      </c>
      <c r="B2458" s="1" t="s">
        <v>5683</v>
      </c>
      <c r="C2458" s="1" t="s">
        <v>16693</v>
      </c>
      <c r="D2458" s="2">
        <v>155286</v>
      </c>
      <c r="E2458" s="1" t="s">
        <v>0</v>
      </c>
    </row>
    <row r="2459" spans="1:5" x14ac:dyDescent="0.25">
      <c r="A2459" s="1" t="s">
        <v>16694</v>
      </c>
      <c r="B2459" s="1" t="s">
        <v>51635</v>
      </c>
      <c r="C2459" s="1" t="s">
        <v>16695</v>
      </c>
      <c r="D2459" s="2">
        <v>155287</v>
      </c>
      <c r="E2459" s="1" t="s">
        <v>0</v>
      </c>
    </row>
    <row r="2460" spans="1:5" ht="409.5" x14ac:dyDescent="0.25">
      <c r="A2460" s="4" t="s">
        <v>63975</v>
      </c>
      <c r="B2460" s="1" t="s">
        <v>62036</v>
      </c>
      <c r="C2460" s="1" t="s">
        <v>16696</v>
      </c>
      <c r="D2460" s="2">
        <v>155288</v>
      </c>
      <c r="E2460" s="1" t="s">
        <v>0</v>
      </c>
    </row>
    <row r="2461" spans="1:5" x14ac:dyDescent="0.25">
      <c r="A2461" s="1" t="s">
        <v>16697</v>
      </c>
      <c r="B2461" s="1" t="s">
        <v>51636</v>
      </c>
      <c r="C2461" s="1" t="s">
        <v>16698</v>
      </c>
      <c r="D2461" s="2">
        <v>155289</v>
      </c>
      <c r="E2461" s="1" t="s">
        <v>0</v>
      </c>
    </row>
    <row r="2462" spans="1:5" x14ac:dyDescent="0.25">
      <c r="A2462" s="2">
        <v>492</v>
      </c>
      <c r="B2462" s="2">
        <v>492</v>
      </c>
      <c r="C2462" s="1" t="s">
        <v>0</v>
      </c>
      <c r="D2462" s="2">
        <v>155290</v>
      </c>
      <c r="E2462" s="1" t="s">
        <v>0</v>
      </c>
    </row>
    <row r="2463" spans="1:5" x14ac:dyDescent="0.25">
      <c r="A2463" s="1" t="s">
        <v>453</v>
      </c>
      <c r="B2463" s="1" t="s">
        <v>61575</v>
      </c>
      <c r="C2463" s="1" t="s">
        <v>16699</v>
      </c>
      <c r="D2463" s="2">
        <v>155291</v>
      </c>
      <c r="E2463" s="1" t="s">
        <v>0</v>
      </c>
    </row>
    <row r="2464" spans="1:5" x14ac:dyDescent="0.25">
      <c r="A2464" s="1" t="s">
        <v>63976</v>
      </c>
      <c r="B2464" s="1" t="s">
        <v>61576</v>
      </c>
      <c r="C2464" s="1" t="s">
        <v>16700</v>
      </c>
      <c r="D2464" s="2">
        <v>155292</v>
      </c>
      <c r="E2464" s="1" t="s">
        <v>0</v>
      </c>
    </row>
    <row r="2465" spans="1:5" ht="409.5" x14ac:dyDescent="0.25">
      <c r="A2465" s="4" t="s">
        <v>63977</v>
      </c>
      <c r="B2465" s="1" t="s">
        <v>61577</v>
      </c>
      <c r="C2465" s="1" t="s">
        <v>16701</v>
      </c>
      <c r="D2465" s="2">
        <v>155293</v>
      </c>
      <c r="E2465" s="1" t="s">
        <v>0</v>
      </c>
    </row>
    <row r="2466" spans="1:5" x14ac:dyDescent="0.25">
      <c r="A2466" s="1" t="s">
        <v>16702</v>
      </c>
      <c r="B2466" s="1" t="s">
        <v>61578</v>
      </c>
      <c r="C2466" s="1" t="s">
        <v>16703</v>
      </c>
      <c r="D2466" s="2">
        <v>155294</v>
      </c>
      <c r="E2466" s="1" t="s">
        <v>0</v>
      </c>
    </row>
    <row r="2467" spans="1:5" x14ac:dyDescent="0.25">
      <c r="A2467" s="2">
        <v>493</v>
      </c>
      <c r="B2467" s="2">
        <v>493</v>
      </c>
      <c r="C2467" s="1" t="s">
        <v>0</v>
      </c>
      <c r="D2467" s="2">
        <v>155295</v>
      </c>
      <c r="E2467" s="1" t="s">
        <v>0</v>
      </c>
    </row>
    <row r="2468" spans="1:5" x14ac:dyDescent="0.25">
      <c r="A2468" s="1" t="s">
        <v>454</v>
      </c>
      <c r="B2468" s="1" t="s">
        <v>5684</v>
      </c>
      <c r="C2468" s="1" t="s">
        <v>16704</v>
      </c>
      <c r="D2468" s="2">
        <v>155296</v>
      </c>
      <c r="E2468" s="1" t="s">
        <v>0</v>
      </c>
    </row>
    <row r="2469" spans="1:5" x14ac:dyDescent="0.25">
      <c r="A2469" s="1" t="s">
        <v>16705</v>
      </c>
      <c r="B2469" s="1" t="s">
        <v>5685</v>
      </c>
      <c r="C2469" s="1" t="s">
        <v>16706</v>
      </c>
      <c r="D2469" s="2">
        <v>155297</v>
      </c>
      <c r="E2469" s="1" t="s">
        <v>0</v>
      </c>
    </row>
    <row r="2470" spans="1:5" ht="409.5" x14ac:dyDescent="0.25">
      <c r="A2470" s="4" t="s">
        <v>16707</v>
      </c>
      <c r="B2470" s="1" t="s">
        <v>51637</v>
      </c>
      <c r="C2470" s="1" t="s">
        <v>16708</v>
      </c>
      <c r="D2470" s="2">
        <v>155298</v>
      </c>
      <c r="E2470" s="1" t="s">
        <v>0</v>
      </c>
    </row>
    <row r="2471" spans="1:5" x14ac:dyDescent="0.25">
      <c r="A2471" s="1" t="s">
        <v>16709</v>
      </c>
      <c r="B2471" s="1" t="s">
        <v>5686</v>
      </c>
      <c r="C2471" s="1" t="s">
        <v>16710</v>
      </c>
      <c r="D2471" s="2">
        <v>155299</v>
      </c>
      <c r="E2471" s="1" t="s">
        <v>0</v>
      </c>
    </row>
    <row r="2472" spans="1:5" x14ac:dyDescent="0.25">
      <c r="A2472" s="2">
        <v>494</v>
      </c>
      <c r="B2472" s="2">
        <v>494</v>
      </c>
      <c r="C2472" s="1" t="s">
        <v>0</v>
      </c>
      <c r="D2472" s="2">
        <v>155300</v>
      </c>
      <c r="E2472" s="1" t="s">
        <v>0</v>
      </c>
    </row>
    <row r="2473" spans="1:5" x14ac:dyDescent="0.25">
      <c r="A2473" s="1" t="s">
        <v>455</v>
      </c>
      <c r="B2473" s="1" t="s">
        <v>5687</v>
      </c>
      <c r="C2473" s="1" t="s">
        <v>16711</v>
      </c>
      <c r="D2473" s="2">
        <v>155301</v>
      </c>
      <c r="E2473" s="1" t="s">
        <v>0</v>
      </c>
    </row>
    <row r="2474" spans="1:5" x14ac:dyDescent="0.25">
      <c r="A2474" s="1" t="s">
        <v>16712</v>
      </c>
      <c r="B2474" s="1" t="s">
        <v>5688</v>
      </c>
      <c r="C2474" s="1" t="s">
        <v>16713</v>
      </c>
      <c r="D2474" s="2">
        <v>155302</v>
      </c>
      <c r="E2474" s="1" t="s">
        <v>0</v>
      </c>
    </row>
    <row r="2475" spans="1:5" ht="409.5" x14ac:dyDescent="0.25">
      <c r="A2475" s="4" t="s">
        <v>16714</v>
      </c>
      <c r="B2475" s="1" t="s">
        <v>5689</v>
      </c>
      <c r="C2475" s="1" t="s">
        <v>16715</v>
      </c>
      <c r="D2475" s="2">
        <v>155303</v>
      </c>
      <c r="E2475" s="1" t="s">
        <v>0</v>
      </c>
    </row>
    <row r="2476" spans="1:5" x14ac:dyDescent="0.25">
      <c r="A2476" s="1" t="s">
        <v>16716</v>
      </c>
      <c r="B2476" s="1" t="s">
        <v>51638</v>
      </c>
      <c r="C2476" s="1" t="s">
        <v>16717</v>
      </c>
      <c r="D2476" s="2">
        <v>155304</v>
      </c>
      <c r="E2476" s="1" t="s">
        <v>0</v>
      </c>
    </row>
    <row r="2477" spans="1:5" x14ac:dyDescent="0.25">
      <c r="A2477" s="2">
        <v>495</v>
      </c>
      <c r="B2477" s="2">
        <v>495</v>
      </c>
      <c r="C2477" s="1" t="s">
        <v>0</v>
      </c>
      <c r="D2477" s="2">
        <v>155305</v>
      </c>
      <c r="E2477" s="1" t="s">
        <v>0</v>
      </c>
    </row>
    <row r="2478" spans="1:5" x14ac:dyDescent="0.25">
      <c r="A2478" s="1" t="s">
        <v>456</v>
      </c>
      <c r="B2478" s="1" t="s">
        <v>5690</v>
      </c>
      <c r="C2478" s="1" t="s">
        <v>16718</v>
      </c>
      <c r="D2478" s="2">
        <v>155306</v>
      </c>
      <c r="E2478" s="1" t="s">
        <v>0</v>
      </c>
    </row>
    <row r="2479" spans="1:5" x14ac:dyDescent="0.25">
      <c r="A2479" s="1" t="s">
        <v>16719</v>
      </c>
      <c r="B2479" s="1" t="s">
        <v>56692</v>
      </c>
      <c r="C2479" s="1" t="s">
        <v>16720</v>
      </c>
      <c r="D2479" s="2">
        <v>155307</v>
      </c>
      <c r="E2479" s="1" t="s">
        <v>0</v>
      </c>
    </row>
    <row r="2480" spans="1:5" ht="409.5" x14ac:dyDescent="0.25">
      <c r="A2480" s="4" t="s">
        <v>16721</v>
      </c>
      <c r="B2480" s="1" t="s">
        <v>56693</v>
      </c>
      <c r="C2480" s="1" t="s">
        <v>16722</v>
      </c>
      <c r="D2480" s="2">
        <v>155308</v>
      </c>
      <c r="E2480" s="1" t="s">
        <v>0</v>
      </c>
    </row>
    <row r="2481" spans="1:5" x14ac:dyDescent="0.25">
      <c r="A2481" s="1" t="s">
        <v>16723</v>
      </c>
      <c r="B2481" s="1" t="s">
        <v>5691</v>
      </c>
      <c r="C2481" s="1" t="s">
        <v>16724</v>
      </c>
      <c r="D2481" s="2">
        <v>155309</v>
      </c>
      <c r="E2481" s="1" t="s">
        <v>0</v>
      </c>
    </row>
    <row r="2482" spans="1:5" x14ac:dyDescent="0.25">
      <c r="A2482" s="2">
        <v>496</v>
      </c>
      <c r="B2482" s="2">
        <v>496</v>
      </c>
      <c r="C2482" s="1" t="s">
        <v>0</v>
      </c>
      <c r="D2482" s="2">
        <v>155310</v>
      </c>
      <c r="E2482" s="1" t="s">
        <v>0</v>
      </c>
    </row>
    <row r="2483" spans="1:5" x14ac:dyDescent="0.25">
      <c r="A2483" s="1" t="s">
        <v>457</v>
      </c>
      <c r="B2483" s="1" t="s">
        <v>5692</v>
      </c>
      <c r="C2483" s="1" t="s">
        <v>16725</v>
      </c>
      <c r="D2483" s="2">
        <v>155311</v>
      </c>
      <c r="E2483" s="1" t="s">
        <v>0</v>
      </c>
    </row>
    <row r="2484" spans="1:5" x14ac:dyDescent="0.25">
      <c r="A2484" s="1" t="s">
        <v>16726</v>
      </c>
      <c r="B2484" s="1" t="s">
        <v>51639</v>
      </c>
      <c r="C2484" s="1" t="s">
        <v>16727</v>
      </c>
      <c r="D2484" s="2">
        <v>155312</v>
      </c>
      <c r="E2484" s="1" t="s">
        <v>0</v>
      </c>
    </row>
    <row r="2485" spans="1:5" ht="409.5" x14ac:dyDescent="0.25">
      <c r="A2485" s="4" t="s">
        <v>16728</v>
      </c>
      <c r="B2485" s="1" t="s">
        <v>58056</v>
      </c>
      <c r="C2485" s="1" t="s">
        <v>16729</v>
      </c>
      <c r="D2485" s="2">
        <v>155313</v>
      </c>
      <c r="E2485" s="1" t="s">
        <v>0</v>
      </c>
    </row>
    <row r="2486" spans="1:5" x14ac:dyDescent="0.25">
      <c r="A2486" s="1" t="s">
        <v>16730</v>
      </c>
      <c r="B2486" s="1" t="s">
        <v>50410</v>
      </c>
      <c r="C2486" s="1" t="s">
        <v>16731</v>
      </c>
      <c r="D2486" s="2">
        <v>155314</v>
      </c>
      <c r="E2486" s="1" t="s">
        <v>0</v>
      </c>
    </row>
    <row r="2487" spans="1:5" x14ac:dyDescent="0.25">
      <c r="A2487" s="2">
        <v>497</v>
      </c>
      <c r="B2487" s="2">
        <v>497</v>
      </c>
      <c r="C2487" s="1" t="s">
        <v>0</v>
      </c>
      <c r="D2487" s="2">
        <v>155315</v>
      </c>
      <c r="E2487" s="1" t="s">
        <v>0</v>
      </c>
    </row>
    <row r="2488" spans="1:5" x14ac:dyDescent="0.25">
      <c r="A2488" s="1" t="s">
        <v>458</v>
      </c>
      <c r="B2488" s="1" t="s">
        <v>51640</v>
      </c>
      <c r="C2488" s="1" t="s">
        <v>16732</v>
      </c>
      <c r="D2488" s="2">
        <v>155316</v>
      </c>
      <c r="E2488" s="1" t="s">
        <v>0</v>
      </c>
    </row>
    <row r="2489" spans="1:5" x14ac:dyDescent="0.25">
      <c r="A2489" s="1" t="s">
        <v>16733</v>
      </c>
      <c r="B2489" s="1" t="s">
        <v>51641</v>
      </c>
      <c r="C2489" s="1" t="s">
        <v>16734</v>
      </c>
      <c r="D2489" s="2">
        <v>155317</v>
      </c>
      <c r="E2489" s="1" t="s">
        <v>0</v>
      </c>
    </row>
    <row r="2490" spans="1:5" ht="409.5" x14ac:dyDescent="0.25">
      <c r="A2490" s="4" t="s">
        <v>16735</v>
      </c>
      <c r="B2490" s="1" t="s">
        <v>60905</v>
      </c>
      <c r="C2490" s="1" t="s">
        <v>16736</v>
      </c>
      <c r="D2490" s="2">
        <v>155318</v>
      </c>
      <c r="E2490" s="1" t="s">
        <v>0</v>
      </c>
    </row>
    <row r="2491" spans="1:5" x14ac:dyDescent="0.25">
      <c r="A2491" s="1" t="s">
        <v>16737</v>
      </c>
      <c r="B2491" s="1" t="s">
        <v>5693</v>
      </c>
      <c r="C2491" s="1" t="s">
        <v>16738</v>
      </c>
      <c r="D2491" s="2">
        <v>155319</v>
      </c>
      <c r="E2491" s="1" t="s">
        <v>0</v>
      </c>
    </row>
    <row r="2492" spans="1:5" x14ac:dyDescent="0.25">
      <c r="A2492" s="2">
        <v>498</v>
      </c>
      <c r="B2492" s="2">
        <v>498</v>
      </c>
      <c r="C2492" s="1" t="s">
        <v>0</v>
      </c>
      <c r="D2492" s="2">
        <v>155320</v>
      </c>
      <c r="E2492" s="1" t="s">
        <v>0</v>
      </c>
    </row>
    <row r="2493" spans="1:5" x14ac:dyDescent="0.25">
      <c r="A2493" s="1" t="s">
        <v>5694</v>
      </c>
      <c r="B2493" s="1" t="s">
        <v>5695</v>
      </c>
      <c r="C2493" s="1" t="s">
        <v>16739</v>
      </c>
      <c r="D2493" s="2">
        <v>155321</v>
      </c>
      <c r="E2493" s="1" t="s">
        <v>0</v>
      </c>
    </row>
    <row r="2494" spans="1:5" x14ac:dyDescent="0.25">
      <c r="A2494" s="1" t="s">
        <v>16740</v>
      </c>
      <c r="B2494" s="1" t="s">
        <v>50411</v>
      </c>
      <c r="C2494" s="1" t="s">
        <v>16741</v>
      </c>
      <c r="D2494" s="2">
        <v>155322</v>
      </c>
      <c r="E2494" s="1" t="s">
        <v>0</v>
      </c>
    </row>
    <row r="2495" spans="1:5" ht="409.5" x14ac:dyDescent="0.25">
      <c r="A2495" s="4" t="s">
        <v>16742</v>
      </c>
      <c r="B2495" s="1" t="s">
        <v>59764</v>
      </c>
      <c r="C2495" s="1" t="s">
        <v>16743</v>
      </c>
      <c r="D2495" s="2">
        <v>155323</v>
      </c>
      <c r="E2495" s="1" t="s">
        <v>0</v>
      </c>
    </row>
    <row r="2496" spans="1:5" x14ac:dyDescent="0.25">
      <c r="A2496" s="1" t="s">
        <v>16744</v>
      </c>
      <c r="B2496" s="1" t="s">
        <v>51642</v>
      </c>
      <c r="C2496" s="1" t="s">
        <v>16745</v>
      </c>
      <c r="D2496" s="2">
        <v>155324</v>
      </c>
      <c r="E2496" s="1" t="s">
        <v>0</v>
      </c>
    </row>
    <row r="2497" spans="1:5" x14ac:dyDescent="0.25">
      <c r="A2497" s="2">
        <v>499</v>
      </c>
      <c r="B2497" s="2">
        <v>499</v>
      </c>
      <c r="C2497" s="1" t="s">
        <v>0</v>
      </c>
      <c r="D2497" s="2">
        <v>155325</v>
      </c>
      <c r="E2497" s="1" t="s">
        <v>0</v>
      </c>
    </row>
    <row r="2498" spans="1:5" x14ac:dyDescent="0.25">
      <c r="A2498" s="1" t="s">
        <v>459</v>
      </c>
      <c r="B2498" s="1" t="s">
        <v>50412</v>
      </c>
      <c r="C2498" s="1" t="s">
        <v>16746</v>
      </c>
      <c r="D2498" s="2">
        <v>155326</v>
      </c>
      <c r="E2498" s="1" t="s">
        <v>0</v>
      </c>
    </row>
    <row r="2499" spans="1:5" x14ac:dyDescent="0.25">
      <c r="A2499" s="1" t="s">
        <v>16747</v>
      </c>
      <c r="B2499" s="1" t="s">
        <v>51643</v>
      </c>
      <c r="C2499" s="1" t="s">
        <v>16748</v>
      </c>
      <c r="D2499" s="2">
        <v>155327</v>
      </c>
      <c r="E2499" s="1" t="s">
        <v>0</v>
      </c>
    </row>
    <row r="2500" spans="1:5" ht="409.5" x14ac:dyDescent="0.25">
      <c r="A2500" s="4" t="s">
        <v>16749</v>
      </c>
      <c r="B2500" s="1" t="s">
        <v>51644</v>
      </c>
      <c r="C2500" s="1" t="s">
        <v>16750</v>
      </c>
      <c r="D2500" s="2">
        <v>155328</v>
      </c>
      <c r="E2500" s="1" t="s">
        <v>0</v>
      </c>
    </row>
    <row r="2501" spans="1:5" x14ac:dyDescent="0.25">
      <c r="A2501" s="1" t="s">
        <v>16751</v>
      </c>
      <c r="B2501" s="1" t="s">
        <v>5696</v>
      </c>
      <c r="C2501" s="1" t="s">
        <v>16752</v>
      </c>
      <c r="D2501" s="2">
        <v>155329</v>
      </c>
      <c r="E2501" s="1" t="s">
        <v>0</v>
      </c>
    </row>
    <row r="2502" spans="1:5" x14ac:dyDescent="0.25">
      <c r="A2502" s="2">
        <v>500</v>
      </c>
      <c r="B2502" s="2">
        <v>500</v>
      </c>
      <c r="C2502" s="1" t="s">
        <v>0</v>
      </c>
      <c r="D2502" s="2">
        <v>155330</v>
      </c>
      <c r="E2502" s="1" t="s">
        <v>0</v>
      </c>
    </row>
    <row r="2503" spans="1:5" x14ac:dyDescent="0.25">
      <c r="A2503" s="1" t="s">
        <v>460</v>
      </c>
      <c r="B2503" s="1" t="s">
        <v>5697</v>
      </c>
      <c r="C2503" s="1" t="s">
        <v>16753</v>
      </c>
      <c r="D2503" s="2">
        <v>155331</v>
      </c>
      <c r="E2503" s="1" t="s">
        <v>0</v>
      </c>
    </row>
    <row r="2504" spans="1:5" x14ac:dyDescent="0.25">
      <c r="A2504" s="1" t="s">
        <v>16754</v>
      </c>
      <c r="B2504" s="1" t="s">
        <v>58172</v>
      </c>
      <c r="C2504" s="1" t="s">
        <v>16755</v>
      </c>
      <c r="D2504" s="2">
        <v>155332</v>
      </c>
      <c r="E2504" s="1" t="s">
        <v>0</v>
      </c>
    </row>
    <row r="2505" spans="1:5" ht="409.5" x14ac:dyDescent="0.25">
      <c r="A2505" s="4" t="s">
        <v>16756</v>
      </c>
      <c r="B2505" s="1" t="s">
        <v>62037</v>
      </c>
      <c r="C2505" s="1" t="s">
        <v>16757</v>
      </c>
      <c r="D2505" s="2">
        <v>155333</v>
      </c>
      <c r="E2505" s="1" t="s">
        <v>0</v>
      </c>
    </row>
    <row r="2506" spans="1:5" x14ac:dyDescent="0.25">
      <c r="A2506" s="1" t="s">
        <v>16758</v>
      </c>
      <c r="B2506" s="1" t="s">
        <v>51645</v>
      </c>
      <c r="C2506" s="1" t="s">
        <v>16759</v>
      </c>
      <c r="D2506" s="2">
        <v>155334</v>
      </c>
      <c r="E2506" s="1" t="s">
        <v>0</v>
      </c>
    </row>
    <row r="2507" spans="1:5" x14ac:dyDescent="0.25">
      <c r="A2507" s="2">
        <v>501</v>
      </c>
      <c r="B2507" s="2">
        <v>501</v>
      </c>
      <c r="C2507" s="1" t="s">
        <v>0</v>
      </c>
      <c r="D2507" s="2">
        <v>155335</v>
      </c>
      <c r="E2507" s="1" t="s">
        <v>0</v>
      </c>
    </row>
    <row r="2508" spans="1:5" x14ac:dyDescent="0.25">
      <c r="A2508" s="1" t="s">
        <v>461</v>
      </c>
      <c r="B2508" s="1" t="s">
        <v>50413</v>
      </c>
      <c r="C2508" s="1" t="s">
        <v>16760</v>
      </c>
      <c r="D2508" s="2">
        <v>155336</v>
      </c>
      <c r="E2508" s="1" t="s">
        <v>0</v>
      </c>
    </row>
    <row r="2509" spans="1:5" x14ac:dyDescent="0.25">
      <c r="A2509" s="1" t="s">
        <v>16761</v>
      </c>
      <c r="B2509" s="1" t="s">
        <v>50414</v>
      </c>
      <c r="C2509" s="1" t="s">
        <v>16762</v>
      </c>
      <c r="D2509" s="2">
        <v>155337</v>
      </c>
      <c r="E2509" s="1" t="s">
        <v>0</v>
      </c>
    </row>
    <row r="2510" spans="1:5" ht="409.5" x14ac:dyDescent="0.25">
      <c r="A2510" s="4" t="s">
        <v>16763</v>
      </c>
      <c r="B2510" s="1" t="s">
        <v>50415</v>
      </c>
      <c r="C2510" s="1" t="s">
        <v>16764</v>
      </c>
      <c r="D2510" s="2">
        <v>155338</v>
      </c>
      <c r="E2510" s="1" t="s">
        <v>0</v>
      </c>
    </row>
    <row r="2511" spans="1:5" x14ac:dyDescent="0.25">
      <c r="A2511" s="1" t="s">
        <v>16765</v>
      </c>
      <c r="B2511" s="1" t="s">
        <v>51646</v>
      </c>
      <c r="C2511" s="1" t="s">
        <v>16766</v>
      </c>
      <c r="D2511" s="2">
        <v>155339</v>
      </c>
      <c r="E2511" s="1" t="s">
        <v>0</v>
      </c>
    </row>
    <row r="2512" spans="1:5" x14ac:dyDescent="0.25">
      <c r="A2512" s="2">
        <v>502</v>
      </c>
      <c r="B2512" s="2">
        <v>502</v>
      </c>
      <c r="C2512" s="1" t="s">
        <v>0</v>
      </c>
      <c r="D2512" s="2">
        <v>155340</v>
      </c>
      <c r="E2512" s="1" t="s">
        <v>0</v>
      </c>
    </row>
    <row r="2513" spans="1:5" x14ac:dyDescent="0.25">
      <c r="A2513" s="1" t="s">
        <v>462</v>
      </c>
      <c r="B2513" s="1" t="s">
        <v>5698</v>
      </c>
      <c r="C2513" s="1" t="s">
        <v>16767</v>
      </c>
      <c r="D2513" s="2">
        <v>155341</v>
      </c>
      <c r="E2513" s="1" t="s">
        <v>0</v>
      </c>
    </row>
    <row r="2514" spans="1:5" x14ac:dyDescent="0.25">
      <c r="A2514" s="1" t="s">
        <v>16768</v>
      </c>
      <c r="B2514" s="1" t="s">
        <v>58965</v>
      </c>
      <c r="C2514" s="1" t="s">
        <v>16769</v>
      </c>
      <c r="D2514" s="2">
        <v>155342</v>
      </c>
      <c r="E2514" s="1" t="s">
        <v>0</v>
      </c>
    </row>
    <row r="2515" spans="1:5" ht="409.5" x14ac:dyDescent="0.25">
      <c r="A2515" s="4" t="s">
        <v>16770</v>
      </c>
      <c r="B2515" s="1" t="s">
        <v>58966</v>
      </c>
      <c r="C2515" s="1" t="s">
        <v>16771</v>
      </c>
      <c r="D2515" s="2">
        <v>155343</v>
      </c>
      <c r="E2515" s="1" t="s">
        <v>0</v>
      </c>
    </row>
    <row r="2516" spans="1:5" x14ac:dyDescent="0.25">
      <c r="A2516" s="1" t="s">
        <v>16772</v>
      </c>
      <c r="B2516" s="1" t="s">
        <v>5699</v>
      </c>
      <c r="C2516" s="1" t="s">
        <v>16773</v>
      </c>
      <c r="D2516" s="2">
        <v>155344</v>
      </c>
      <c r="E2516" s="1" t="s">
        <v>0</v>
      </c>
    </row>
    <row r="2517" spans="1:5" x14ac:dyDescent="0.25">
      <c r="A2517" s="2">
        <v>503</v>
      </c>
      <c r="B2517" s="2">
        <v>503</v>
      </c>
      <c r="C2517" s="1" t="s">
        <v>0</v>
      </c>
      <c r="D2517" s="2">
        <v>155345</v>
      </c>
      <c r="E2517" s="1" t="s">
        <v>0</v>
      </c>
    </row>
    <row r="2518" spans="1:5" x14ac:dyDescent="0.25">
      <c r="A2518" s="1" t="s">
        <v>463</v>
      </c>
      <c r="B2518" s="1" t="s">
        <v>5700</v>
      </c>
      <c r="C2518" s="1" t="s">
        <v>16774</v>
      </c>
      <c r="D2518" s="2">
        <v>155346</v>
      </c>
      <c r="E2518" s="1" t="s">
        <v>0</v>
      </c>
    </row>
    <row r="2519" spans="1:5" x14ac:dyDescent="0.25">
      <c r="A2519" s="1" t="s">
        <v>61749</v>
      </c>
      <c r="B2519" s="1" t="s">
        <v>58173</v>
      </c>
      <c r="C2519" s="1" t="s">
        <v>16775</v>
      </c>
      <c r="D2519" s="2">
        <v>155347</v>
      </c>
      <c r="E2519" s="1" t="s">
        <v>0</v>
      </c>
    </row>
    <row r="2520" spans="1:5" ht="409.5" x14ac:dyDescent="0.25">
      <c r="A2520" s="4" t="s">
        <v>61750</v>
      </c>
      <c r="B2520" s="1" t="s">
        <v>58174</v>
      </c>
      <c r="C2520" s="1" t="s">
        <v>16776</v>
      </c>
      <c r="D2520" s="2">
        <v>155348</v>
      </c>
      <c r="E2520" s="1" t="s">
        <v>0</v>
      </c>
    </row>
    <row r="2521" spans="1:5" x14ac:dyDescent="0.25">
      <c r="A2521" s="1" t="s">
        <v>16777</v>
      </c>
      <c r="B2521" s="1" t="s">
        <v>5701</v>
      </c>
      <c r="C2521" s="1" t="s">
        <v>16778</v>
      </c>
      <c r="D2521" s="2">
        <v>155349</v>
      </c>
      <c r="E2521" s="1" t="s">
        <v>0</v>
      </c>
    </row>
    <row r="2522" spans="1:5" x14ac:dyDescent="0.25">
      <c r="A2522" s="2">
        <v>504</v>
      </c>
      <c r="B2522" s="2">
        <v>504</v>
      </c>
      <c r="C2522" s="1" t="s">
        <v>0</v>
      </c>
      <c r="D2522" s="2">
        <v>155350</v>
      </c>
      <c r="E2522" s="1" t="s">
        <v>0</v>
      </c>
    </row>
    <row r="2523" spans="1:5" x14ac:dyDescent="0.25">
      <c r="A2523" s="1" t="s">
        <v>464</v>
      </c>
      <c r="B2523" s="1" t="s">
        <v>5702</v>
      </c>
      <c r="C2523" s="1" t="s">
        <v>16779</v>
      </c>
      <c r="D2523" s="2">
        <v>155351</v>
      </c>
      <c r="E2523" s="1" t="s">
        <v>0</v>
      </c>
    </row>
    <row r="2524" spans="1:5" x14ac:dyDescent="0.25">
      <c r="A2524" s="1" t="s">
        <v>16780</v>
      </c>
      <c r="B2524" s="1" t="s">
        <v>60393</v>
      </c>
      <c r="C2524" s="1" t="s">
        <v>16781</v>
      </c>
      <c r="D2524" s="2">
        <v>155352</v>
      </c>
      <c r="E2524" s="1" t="s">
        <v>0</v>
      </c>
    </row>
    <row r="2525" spans="1:5" ht="409.5" x14ac:dyDescent="0.25">
      <c r="A2525" s="4" t="s">
        <v>16782</v>
      </c>
      <c r="B2525" s="1" t="s">
        <v>61547</v>
      </c>
      <c r="C2525" s="1" t="s">
        <v>16783</v>
      </c>
      <c r="D2525" s="2">
        <v>155353</v>
      </c>
      <c r="E2525" s="1" t="s">
        <v>0</v>
      </c>
    </row>
    <row r="2526" spans="1:5" x14ac:dyDescent="0.25">
      <c r="A2526" s="1" t="s">
        <v>16784</v>
      </c>
      <c r="B2526" s="1" t="s">
        <v>51647</v>
      </c>
      <c r="C2526" s="1" t="s">
        <v>16785</v>
      </c>
      <c r="D2526" s="2">
        <v>155354</v>
      </c>
      <c r="E2526" s="1" t="s">
        <v>0</v>
      </c>
    </row>
    <row r="2527" spans="1:5" x14ac:dyDescent="0.25">
      <c r="A2527" s="2">
        <v>505</v>
      </c>
      <c r="B2527" s="2">
        <v>505</v>
      </c>
      <c r="C2527" s="1" t="s">
        <v>0</v>
      </c>
      <c r="D2527" s="2">
        <v>155355</v>
      </c>
      <c r="E2527" s="1" t="s">
        <v>0</v>
      </c>
    </row>
    <row r="2528" spans="1:5" x14ac:dyDescent="0.25">
      <c r="A2528" s="1" t="s">
        <v>465</v>
      </c>
      <c r="B2528" s="1" t="s">
        <v>59765</v>
      </c>
      <c r="C2528" s="1" t="s">
        <v>16786</v>
      </c>
      <c r="D2528" s="2">
        <v>155356</v>
      </c>
      <c r="E2528" s="1" t="s">
        <v>0</v>
      </c>
    </row>
    <row r="2529" spans="1:5" x14ac:dyDescent="0.25">
      <c r="A2529" s="1" t="s">
        <v>16787</v>
      </c>
      <c r="B2529" s="1" t="s">
        <v>60906</v>
      </c>
      <c r="C2529" s="1" t="s">
        <v>16788</v>
      </c>
      <c r="D2529" s="2">
        <v>155357</v>
      </c>
      <c r="E2529" s="1" t="s">
        <v>0</v>
      </c>
    </row>
    <row r="2530" spans="1:5" ht="409.5" x14ac:dyDescent="0.25">
      <c r="A2530" s="4" t="s">
        <v>63978</v>
      </c>
      <c r="B2530" s="1" t="s">
        <v>60907</v>
      </c>
      <c r="C2530" s="1" t="s">
        <v>16789</v>
      </c>
      <c r="D2530" s="2">
        <v>155358</v>
      </c>
      <c r="E2530" s="1" t="s">
        <v>0</v>
      </c>
    </row>
    <row r="2531" spans="1:5" x14ac:dyDescent="0.25">
      <c r="A2531" s="1" t="s">
        <v>16790</v>
      </c>
      <c r="B2531" s="1" t="s">
        <v>51648</v>
      </c>
      <c r="C2531" s="1" t="s">
        <v>16791</v>
      </c>
      <c r="D2531" s="2">
        <v>155359</v>
      </c>
      <c r="E2531" s="1" t="s">
        <v>0</v>
      </c>
    </row>
    <row r="2532" spans="1:5" x14ac:dyDescent="0.25">
      <c r="A2532" s="2">
        <v>506</v>
      </c>
      <c r="B2532" s="2">
        <v>506</v>
      </c>
      <c r="C2532" s="1" t="s">
        <v>0</v>
      </c>
      <c r="D2532" s="2">
        <v>155360</v>
      </c>
      <c r="E2532" s="1" t="s">
        <v>0</v>
      </c>
    </row>
    <row r="2533" spans="1:5" x14ac:dyDescent="0.25">
      <c r="A2533" s="1" t="s">
        <v>12991</v>
      </c>
      <c r="B2533" s="1" t="s">
        <v>12992</v>
      </c>
      <c r="C2533" s="1" t="s">
        <v>16792</v>
      </c>
      <c r="D2533" s="2">
        <v>155361</v>
      </c>
      <c r="E2533" s="1" t="s">
        <v>0</v>
      </c>
    </row>
    <row r="2534" spans="1:5" x14ac:dyDescent="0.25">
      <c r="A2534" s="1" t="s">
        <v>16793</v>
      </c>
      <c r="B2534" s="1" t="s">
        <v>51649</v>
      </c>
      <c r="C2534" s="1" t="s">
        <v>16794</v>
      </c>
      <c r="D2534" s="2">
        <v>155362</v>
      </c>
      <c r="E2534" s="1" t="s">
        <v>0</v>
      </c>
    </row>
    <row r="2535" spans="1:5" ht="409.5" x14ac:dyDescent="0.25">
      <c r="A2535" s="4" t="s">
        <v>16795</v>
      </c>
      <c r="B2535" s="1" t="s">
        <v>51650</v>
      </c>
      <c r="C2535" s="1" t="s">
        <v>16796</v>
      </c>
      <c r="D2535" s="2">
        <v>155363</v>
      </c>
      <c r="E2535" s="1" t="s">
        <v>0</v>
      </c>
    </row>
    <row r="2536" spans="1:5" x14ac:dyDescent="0.25">
      <c r="A2536" s="1" t="s">
        <v>16797</v>
      </c>
      <c r="B2536" s="1" t="s">
        <v>5703</v>
      </c>
      <c r="C2536" s="1" t="s">
        <v>16798</v>
      </c>
      <c r="D2536" s="2">
        <v>155364</v>
      </c>
      <c r="E2536" s="1" t="s">
        <v>0</v>
      </c>
    </row>
    <row r="2537" spans="1:5" x14ac:dyDescent="0.25">
      <c r="A2537" s="2">
        <v>507</v>
      </c>
      <c r="B2537" s="2">
        <v>507</v>
      </c>
      <c r="C2537" s="1" t="s">
        <v>0</v>
      </c>
      <c r="D2537" s="2">
        <v>155365</v>
      </c>
      <c r="E2537" s="1" t="s">
        <v>0</v>
      </c>
    </row>
    <row r="2538" spans="1:5" x14ac:dyDescent="0.25">
      <c r="A2538" s="1" t="s">
        <v>466</v>
      </c>
      <c r="B2538" s="1" t="s">
        <v>5704</v>
      </c>
      <c r="C2538" s="1" t="s">
        <v>16799</v>
      </c>
      <c r="D2538" s="2">
        <v>155366</v>
      </c>
      <c r="E2538" s="1" t="s">
        <v>0</v>
      </c>
    </row>
    <row r="2539" spans="1:5" x14ac:dyDescent="0.25">
      <c r="A2539" s="1" t="s">
        <v>16800</v>
      </c>
      <c r="B2539" s="1" t="s">
        <v>56694</v>
      </c>
      <c r="C2539" s="1" t="s">
        <v>16801</v>
      </c>
      <c r="D2539" s="2">
        <v>155367</v>
      </c>
      <c r="E2539" s="1" t="s">
        <v>0</v>
      </c>
    </row>
    <row r="2540" spans="1:5" ht="409.5" x14ac:dyDescent="0.25">
      <c r="A2540" s="4" t="s">
        <v>16802</v>
      </c>
      <c r="B2540" s="1" t="s">
        <v>56695</v>
      </c>
      <c r="C2540" s="1" t="s">
        <v>16803</v>
      </c>
      <c r="D2540" s="2">
        <v>155368</v>
      </c>
      <c r="E2540" s="1" t="s">
        <v>0</v>
      </c>
    </row>
    <row r="2541" spans="1:5" x14ac:dyDescent="0.25">
      <c r="A2541" s="1" t="s">
        <v>16804</v>
      </c>
      <c r="B2541" s="1" t="s">
        <v>51651</v>
      </c>
      <c r="C2541" s="1" t="s">
        <v>16805</v>
      </c>
      <c r="D2541" s="2">
        <v>155369</v>
      </c>
      <c r="E2541" s="1" t="s">
        <v>0</v>
      </c>
    </row>
    <row r="2542" spans="1:5" x14ac:dyDescent="0.25">
      <c r="A2542" s="2">
        <v>508</v>
      </c>
      <c r="B2542" s="2">
        <v>508</v>
      </c>
      <c r="C2542" s="1" t="s">
        <v>0</v>
      </c>
      <c r="D2542" s="2">
        <v>155370</v>
      </c>
      <c r="E2542" s="1" t="s">
        <v>0</v>
      </c>
    </row>
    <row r="2543" spans="1:5" x14ac:dyDescent="0.25">
      <c r="A2543" s="1" t="s">
        <v>467</v>
      </c>
      <c r="B2543" s="1" t="s">
        <v>5705</v>
      </c>
      <c r="C2543" s="1" t="s">
        <v>16806</v>
      </c>
      <c r="D2543" s="2">
        <v>155371</v>
      </c>
      <c r="E2543" s="1" t="s">
        <v>0</v>
      </c>
    </row>
    <row r="2544" spans="1:5" x14ac:dyDescent="0.25">
      <c r="A2544" s="1" t="s">
        <v>16807</v>
      </c>
      <c r="B2544" s="1" t="s">
        <v>62038</v>
      </c>
      <c r="C2544" s="1" t="s">
        <v>16808</v>
      </c>
      <c r="D2544" s="2">
        <v>155372</v>
      </c>
      <c r="E2544" s="1" t="s">
        <v>0</v>
      </c>
    </row>
    <row r="2545" spans="1:5" ht="409.5" x14ac:dyDescent="0.25">
      <c r="A2545" s="4" t="s">
        <v>16809</v>
      </c>
      <c r="B2545" s="1" t="s">
        <v>50416</v>
      </c>
      <c r="C2545" s="1" t="s">
        <v>16810</v>
      </c>
      <c r="D2545" s="2">
        <v>155373</v>
      </c>
      <c r="E2545" s="1" t="s">
        <v>0</v>
      </c>
    </row>
    <row r="2546" spans="1:5" x14ac:dyDescent="0.25">
      <c r="A2546" s="1" t="s">
        <v>16811</v>
      </c>
      <c r="B2546" s="1" t="s">
        <v>5706</v>
      </c>
      <c r="C2546" s="1" t="s">
        <v>16812</v>
      </c>
      <c r="D2546" s="2">
        <v>155374</v>
      </c>
      <c r="E2546" s="1" t="s">
        <v>0</v>
      </c>
    </row>
    <row r="2547" spans="1:5" x14ac:dyDescent="0.25">
      <c r="A2547" s="2">
        <v>509</v>
      </c>
      <c r="B2547" s="2">
        <v>509</v>
      </c>
      <c r="C2547" s="1" t="s">
        <v>0</v>
      </c>
      <c r="D2547" s="2">
        <v>155375</v>
      </c>
      <c r="E2547" s="1" t="s">
        <v>0</v>
      </c>
    </row>
    <row r="2548" spans="1:5" x14ac:dyDescent="0.25">
      <c r="A2548" s="1" t="s">
        <v>468</v>
      </c>
      <c r="B2548" s="1" t="s">
        <v>51652</v>
      </c>
      <c r="C2548" s="1" t="s">
        <v>16813</v>
      </c>
      <c r="D2548" s="2">
        <v>155376</v>
      </c>
      <c r="E2548" s="1" t="s">
        <v>0</v>
      </c>
    </row>
    <row r="2549" spans="1:5" x14ac:dyDescent="0.25">
      <c r="A2549" s="1" t="s">
        <v>16814</v>
      </c>
      <c r="B2549" s="1" t="s">
        <v>51653</v>
      </c>
      <c r="C2549" s="1" t="s">
        <v>16815</v>
      </c>
      <c r="D2549" s="2">
        <v>155377</v>
      </c>
      <c r="E2549" s="1" t="s">
        <v>0</v>
      </c>
    </row>
    <row r="2550" spans="1:5" ht="409.5" x14ac:dyDescent="0.25">
      <c r="A2550" s="4" t="s">
        <v>16816</v>
      </c>
      <c r="B2550" s="1" t="s">
        <v>51654</v>
      </c>
      <c r="C2550" s="1" t="s">
        <v>16817</v>
      </c>
      <c r="D2550" s="2">
        <v>155378</v>
      </c>
      <c r="E2550" s="1" t="s">
        <v>0</v>
      </c>
    </row>
    <row r="2551" spans="1:5" x14ac:dyDescent="0.25">
      <c r="A2551" s="1" t="s">
        <v>16818</v>
      </c>
      <c r="B2551" s="1" t="s">
        <v>5707</v>
      </c>
      <c r="C2551" s="1" t="s">
        <v>16819</v>
      </c>
      <c r="D2551" s="2">
        <v>155379</v>
      </c>
      <c r="E2551" s="1" t="s">
        <v>0</v>
      </c>
    </row>
    <row r="2552" spans="1:5" x14ac:dyDescent="0.25">
      <c r="A2552" s="2">
        <v>510</v>
      </c>
      <c r="B2552" s="2">
        <v>510</v>
      </c>
      <c r="C2552" s="1" t="s">
        <v>0</v>
      </c>
      <c r="D2552" s="2">
        <v>155380</v>
      </c>
      <c r="E2552" s="1" t="s">
        <v>0</v>
      </c>
    </row>
    <row r="2553" spans="1:5" x14ac:dyDescent="0.25">
      <c r="A2553" s="1" t="s">
        <v>469</v>
      </c>
      <c r="B2553" s="1" t="s">
        <v>5708</v>
      </c>
      <c r="C2553" s="1" t="s">
        <v>16820</v>
      </c>
      <c r="D2553" s="2">
        <v>155381</v>
      </c>
      <c r="E2553" s="1" t="s">
        <v>0</v>
      </c>
    </row>
    <row r="2554" spans="1:5" x14ac:dyDescent="0.25">
      <c r="A2554" s="1" t="s">
        <v>16821</v>
      </c>
      <c r="B2554" s="1" t="s">
        <v>50417</v>
      </c>
      <c r="C2554" s="1" t="s">
        <v>16822</v>
      </c>
      <c r="D2554" s="2">
        <v>155382</v>
      </c>
      <c r="E2554" s="1" t="s">
        <v>0</v>
      </c>
    </row>
    <row r="2555" spans="1:5" ht="409.5" x14ac:dyDescent="0.25">
      <c r="A2555" s="4" t="s">
        <v>63979</v>
      </c>
      <c r="B2555" s="1" t="s">
        <v>60908</v>
      </c>
      <c r="C2555" s="1" t="s">
        <v>16823</v>
      </c>
      <c r="D2555" s="2">
        <v>155383</v>
      </c>
      <c r="E2555" s="1" t="s">
        <v>0</v>
      </c>
    </row>
    <row r="2556" spans="1:5" x14ac:dyDescent="0.25">
      <c r="A2556" s="1" t="s">
        <v>16824</v>
      </c>
      <c r="B2556" s="1" t="s">
        <v>51655</v>
      </c>
      <c r="C2556" s="1" t="s">
        <v>16825</v>
      </c>
      <c r="D2556" s="2">
        <v>155384</v>
      </c>
      <c r="E2556" s="1" t="s">
        <v>0</v>
      </c>
    </row>
    <row r="2557" spans="1:5" x14ac:dyDescent="0.25">
      <c r="A2557" s="2">
        <v>511</v>
      </c>
      <c r="B2557" s="2">
        <v>511</v>
      </c>
      <c r="C2557" s="1" t="s">
        <v>0</v>
      </c>
      <c r="D2557" s="2">
        <v>155385</v>
      </c>
      <c r="E2557" s="1" t="s">
        <v>0</v>
      </c>
    </row>
    <row r="2558" spans="1:5" x14ac:dyDescent="0.25">
      <c r="A2558" s="1" t="s">
        <v>470</v>
      </c>
      <c r="B2558" s="1" t="s">
        <v>5709</v>
      </c>
      <c r="C2558" s="1" t="s">
        <v>16826</v>
      </c>
      <c r="D2558" s="2">
        <v>155386</v>
      </c>
      <c r="E2558" s="1" t="s">
        <v>0</v>
      </c>
    </row>
    <row r="2559" spans="1:5" x14ac:dyDescent="0.25">
      <c r="A2559" s="1" t="s">
        <v>16827</v>
      </c>
      <c r="B2559" s="1" t="s">
        <v>5710</v>
      </c>
      <c r="C2559" s="1" t="s">
        <v>16828</v>
      </c>
      <c r="D2559" s="2">
        <v>155387</v>
      </c>
      <c r="E2559" s="1" t="s">
        <v>0</v>
      </c>
    </row>
    <row r="2560" spans="1:5" ht="409.5" x14ac:dyDescent="0.25">
      <c r="A2560" s="4" t="s">
        <v>16829</v>
      </c>
      <c r="B2560" s="1" t="s">
        <v>57721</v>
      </c>
      <c r="C2560" s="1" t="s">
        <v>16830</v>
      </c>
      <c r="D2560" s="2">
        <v>155388</v>
      </c>
      <c r="E2560" s="1" t="s">
        <v>0</v>
      </c>
    </row>
    <row r="2561" spans="1:5" x14ac:dyDescent="0.25">
      <c r="A2561" s="1" t="s">
        <v>16831</v>
      </c>
      <c r="B2561" s="1" t="s">
        <v>5711</v>
      </c>
      <c r="C2561" s="1" t="s">
        <v>16832</v>
      </c>
      <c r="D2561" s="2">
        <v>155389</v>
      </c>
      <c r="E2561" s="1" t="s">
        <v>0</v>
      </c>
    </row>
    <row r="2562" spans="1:5" x14ac:dyDescent="0.25">
      <c r="A2562" s="2">
        <v>512</v>
      </c>
      <c r="B2562" s="2">
        <v>512</v>
      </c>
      <c r="C2562" s="1" t="s">
        <v>0</v>
      </c>
      <c r="D2562" s="2">
        <v>155390</v>
      </c>
      <c r="E2562" s="1" t="s">
        <v>0</v>
      </c>
    </row>
    <row r="2563" spans="1:5" x14ac:dyDescent="0.25">
      <c r="A2563" s="1" t="s">
        <v>471</v>
      </c>
      <c r="B2563" s="1" t="s">
        <v>5712</v>
      </c>
      <c r="C2563" s="1" t="s">
        <v>16833</v>
      </c>
      <c r="D2563" s="2">
        <v>155391</v>
      </c>
      <c r="E2563" s="1" t="s">
        <v>0</v>
      </c>
    </row>
    <row r="2564" spans="1:5" x14ac:dyDescent="0.25">
      <c r="A2564" s="1" t="s">
        <v>16834</v>
      </c>
      <c r="B2564" s="1" t="s">
        <v>62039</v>
      </c>
      <c r="C2564" s="1" t="s">
        <v>16835</v>
      </c>
      <c r="D2564" s="2">
        <v>155392</v>
      </c>
      <c r="E2564" s="1" t="s">
        <v>0</v>
      </c>
    </row>
    <row r="2565" spans="1:5" ht="409.5" x14ac:dyDescent="0.25">
      <c r="A2565" s="4" t="s">
        <v>16836</v>
      </c>
      <c r="B2565" s="1" t="s">
        <v>62040</v>
      </c>
      <c r="C2565" s="1" t="s">
        <v>16837</v>
      </c>
      <c r="D2565" s="2">
        <v>155393</v>
      </c>
      <c r="E2565" s="1" t="s">
        <v>0</v>
      </c>
    </row>
    <row r="2566" spans="1:5" x14ac:dyDescent="0.25">
      <c r="A2566" s="1" t="s">
        <v>16838</v>
      </c>
      <c r="B2566" s="1" t="s">
        <v>51656</v>
      </c>
      <c r="C2566" s="1" t="s">
        <v>16839</v>
      </c>
      <c r="D2566" s="2">
        <v>155394</v>
      </c>
      <c r="E2566" s="1" t="s">
        <v>0</v>
      </c>
    </row>
    <row r="2567" spans="1:5" x14ac:dyDescent="0.25">
      <c r="A2567" s="2">
        <v>513</v>
      </c>
      <c r="B2567" s="2">
        <v>513</v>
      </c>
      <c r="C2567" s="1" t="s">
        <v>0</v>
      </c>
      <c r="D2567" s="2">
        <v>155395</v>
      </c>
      <c r="E2567" s="1" t="s">
        <v>0</v>
      </c>
    </row>
    <row r="2568" spans="1:5" x14ac:dyDescent="0.25">
      <c r="A2568" s="1" t="s">
        <v>472</v>
      </c>
      <c r="B2568" s="1" t="s">
        <v>5713</v>
      </c>
      <c r="C2568" s="1" t="s">
        <v>16840</v>
      </c>
      <c r="D2568" s="2">
        <v>155396</v>
      </c>
      <c r="E2568" s="1" t="s">
        <v>0</v>
      </c>
    </row>
    <row r="2569" spans="1:5" x14ac:dyDescent="0.25">
      <c r="A2569" s="1" t="s">
        <v>16841</v>
      </c>
      <c r="B2569" s="1" t="s">
        <v>5714</v>
      </c>
      <c r="C2569" s="1" t="s">
        <v>16842</v>
      </c>
      <c r="D2569" s="2">
        <v>155397</v>
      </c>
      <c r="E2569" s="1" t="s">
        <v>0</v>
      </c>
    </row>
    <row r="2570" spans="1:5" ht="409.5" x14ac:dyDescent="0.25">
      <c r="A2570" s="4" t="s">
        <v>16843</v>
      </c>
      <c r="B2570" s="1" t="s">
        <v>60695</v>
      </c>
      <c r="C2570" s="1" t="s">
        <v>16844</v>
      </c>
      <c r="D2570" s="2">
        <v>155398</v>
      </c>
      <c r="E2570" s="1" t="s">
        <v>0</v>
      </c>
    </row>
    <row r="2571" spans="1:5" x14ac:dyDescent="0.25">
      <c r="A2571" s="1" t="s">
        <v>16845</v>
      </c>
      <c r="B2571" s="1" t="s">
        <v>60909</v>
      </c>
      <c r="C2571" s="1" t="s">
        <v>16846</v>
      </c>
      <c r="D2571" s="2">
        <v>155399</v>
      </c>
      <c r="E2571" s="1" t="s">
        <v>0</v>
      </c>
    </row>
    <row r="2572" spans="1:5" x14ac:dyDescent="0.25">
      <c r="A2572" s="2">
        <v>514</v>
      </c>
      <c r="B2572" s="2">
        <v>514</v>
      </c>
      <c r="C2572" s="1" t="s">
        <v>0</v>
      </c>
      <c r="D2572" s="2">
        <v>155400</v>
      </c>
      <c r="E2572" s="1" t="s">
        <v>0</v>
      </c>
    </row>
    <row r="2573" spans="1:5" x14ac:dyDescent="0.25">
      <c r="A2573" s="1" t="s">
        <v>473</v>
      </c>
      <c r="B2573" s="1" t="s">
        <v>5715</v>
      </c>
      <c r="C2573" s="1" t="s">
        <v>16847</v>
      </c>
      <c r="D2573" s="2">
        <v>155401</v>
      </c>
      <c r="E2573" s="1" t="s">
        <v>0</v>
      </c>
    </row>
    <row r="2574" spans="1:5" x14ac:dyDescent="0.25">
      <c r="A2574" s="1" t="s">
        <v>16848</v>
      </c>
      <c r="B2574" s="1" t="s">
        <v>62041</v>
      </c>
      <c r="C2574" s="1" t="s">
        <v>16849</v>
      </c>
      <c r="D2574" s="2">
        <v>155402</v>
      </c>
      <c r="E2574" s="1" t="s">
        <v>0</v>
      </c>
    </row>
    <row r="2575" spans="1:5" ht="409.5" x14ac:dyDescent="0.25">
      <c r="A2575" s="4" t="s">
        <v>63980</v>
      </c>
      <c r="B2575" s="1" t="s">
        <v>62042</v>
      </c>
      <c r="C2575" s="1" t="s">
        <v>16850</v>
      </c>
      <c r="D2575" s="2">
        <v>155403</v>
      </c>
      <c r="E2575" s="1" t="s">
        <v>0</v>
      </c>
    </row>
    <row r="2576" spans="1:5" x14ac:dyDescent="0.25">
      <c r="A2576" s="1" t="s">
        <v>16851</v>
      </c>
      <c r="B2576" s="1" t="s">
        <v>5716</v>
      </c>
      <c r="C2576" s="1" t="s">
        <v>16852</v>
      </c>
      <c r="D2576" s="2">
        <v>155404</v>
      </c>
      <c r="E2576" s="1" t="s">
        <v>0</v>
      </c>
    </row>
    <row r="2577" spans="1:5" x14ac:dyDescent="0.25">
      <c r="A2577" s="2">
        <v>515</v>
      </c>
      <c r="B2577" s="2">
        <v>515</v>
      </c>
      <c r="C2577" s="1" t="s">
        <v>0</v>
      </c>
      <c r="D2577" s="2">
        <v>155405</v>
      </c>
      <c r="E2577" s="1" t="s">
        <v>0</v>
      </c>
    </row>
    <row r="2578" spans="1:5" x14ac:dyDescent="0.25">
      <c r="A2578" s="1" t="s">
        <v>474</v>
      </c>
      <c r="B2578" s="1" t="s">
        <v>5717</v>
      </c>
      <c r="C2578" s="1" t="s">
        <v>16853</v>
      </c>
      <c r="D2578" s="2">
        <v>155406</v>
      </c>
      <c r="E2578" s="1" t="s">
        <v>0</v>
      </c>
    </row>
    <row r="2579" spans="1:5" x14ac:dyDescent="0.25">
      <c r="A2579" s="1" t="s">
        <v>16854</v>
      </c>
      <c r="B2579" s="1" t="s">
        <v>62043</v>
      </c>
      <c r="C2579" s="1" t="s">
        <v>16855</v>
      </c>
      <c r="D2579" s="2">
        <v>155407</v>
      </c>
      <c r="E2579" s="1" t="s">
        <v>0</v>
      </c>
    </row>
    <row r="2580" spans="1:5" ht="409.5" x14ac:dyDescent="0.25">
      <c r="A2580" s="4" t="s">
        <v>16856</v>
      </c>
      <c r="B2580" s="1" t="s">
        <v>62044</v>
      </c>
      <c r="C2580" s="1" t="s">
        <v>16857</v>
      </c>
      <c r="D2580" s="2">
        <v>155408</v>
      </c>
      <c r="E2580" s="1" t="s">
        <v>0</v>
      </c>
    </row>
    <row r="2581" spans="1:5" x14ac:dyDescent="0.25">
      <c r="A2581" s="1" t="s">
        <v>16858</v>
      </c>
      <c r="B2581" s="1" t="s">
        <v>5718</v>
      </c>
      <c r="C2581" s="1" t="s">
        <v>16859</v>
      </c>
      <c r="D2581" s="2">
        <v>155409</v>
      </c>
      <c r="E2581" s="1" t="s">
        <v>0</v>
      </c>
    </row>
    <row r="2582" spans="1:5" x14ac:dyDescent="0.25">
      <c r="A2582" s="2">
        <v>516</v>
      </c>
      <c r="B2582" s="2">
        <v>516</v>
      </c>
      <c r="C2582" s="1" t="s">
        <v>0</v>
      </c>
      <c r="D2582" s="2">
        <v>155410</v>
      </c>
      <c r="E2582" s="1" t="s">
        <v>0</v>
      </c>
    </row>
    <row r="2583" spans="1:5" x14ac:dyDescent="0.25">
      <c r="A2583" s="1" t="s">
        <v>475</v>
      </c>
      <c r="B2583" s="1" t="s">
        <v>5719</v>
      </c>
      <c r="C2583" s="1" t="s">
        <v>16860</v>
      </c>
      <c r="D2583" s="2">
        <v>155411</v>
      </c>
      <c r="E2583" s="1" t="s">
        <v>0</v>
      </c>
    </row>
    <row r="2584" spans="1:5" x14ac:dyDescent="0.25">
      <c r="A2584" s="1" t="s">
        <v>16861</v>
      </c>
      <c r="B2584" s="1" t="s">
        <v>51657</v>
      </c>
      <c r="C2584" s="1" t="s">
        <v>16862</v>
      </c>
      <c r="D2584" s="2">
        <v>155412</v>
      </c>
      <c r="E2584" s="1" t="s">
        <v>0</v>
      </c>
    </row>
    <row r="2585" spans="1:5" ht="409.5" x14ac:dyDescent="0.25">
      <c r="A2585" s="4" t="s">
        <v>16863</v>
      </c>
      <c r="B2585" s="1" t="s">
        <v>51658</v>
      </c>
      <c r="C2585" s="1" t="s">
        <v>16864</v>
      </c>
      <c r="D2585" s="2">
        <v>155413</v>
      </c>
      <c r="E2585" s="1" t="s">
        <v>0</v>
      </c>
    </row>
    <row r="2586" spans="1:5" x14ac:dyDescent="0.25">
      <c r="A2586" s="1" t="s">
        <v>16865</v>
      </c>
      <c r="B2586" s="1" t="s">
        <v>5720</v>
      </c>
      <c r="C2586" s="1" t="s">
        <v>16866</v>
      </c>
      <c r="D2586" s="2">
        <v>155414</v>
      </c>
      <c r="E2586" s="1" t="s">
        <v>0</v>
      </c>
    </row>
    <row r="2587" spans="1:5" x14ac:dyDescent="0.25">
      <c r="A2587" s="2">
        <v>517</v>
      </c>
      <c r="B2587" s="2">
        <v>517</v>
      </c>
      <c r="C2587" s="1" t="s">
        <v>0</v>
      </c>
      <c r="D2587" s="2">
        <v>155415</v>
      </c>
      <c r="E2587" s="1" t="s">
        <v>0</v>
      </c>
    </row>
    <row r="2588" spans="1:5" x14ac:dyDescent="0.25">
      <c r="A2588" s="1" t="s">
        <v>476</v>
      </c>
      <c r="B2588" s="1" t="s">
        <v>5721</v>
      </c>
      <c r="C2588" s="1" t="s">
        <v>16867</v>
      </c>
      <c r="D2588" s="2">
        <v>155416</v>
      </c>
      <c r="E2588" s="1" t="s">
        <v>0</v>
      </c>
    </row>
    <row r="2589" spans="1:5" x14ac:dyDescent="0.25">
      <c r="A2589" s="1" t="s">
        <v>16868</v>
      </c>
      <c r="B2589" s="1" t="s">
        <v>5722</v>
      </c>
      <c r="C2589" s="1" t="s">
        <v>16869</v>
      </c>
      <c r="D2589" s="2">
        <v>155417</v>
      </c>
      <c r="E2589" s="1" t="s">
        <v>0</v>
      </c>
    </row>
    <row r="2590" spans="1:5" ht="409.5" x14ac:dyDescent="0.25">
      <c r="A2590" s="4" t="s">
        <v>16870</v>
      </c>
      <c r="B2590" s="1" t="s">
        <v>12993</v>
      </c>
      <c r="C2590" s="1" t="s">
        <v>16871</v>
      </c>
      <c r="D2590" s="2">
        <v>155418</v>
      </c>
      <c r="E2590" s="1" t="s">
        <v>0</v>
      </c>
    </row>
    <row r="2591" spans="1:5" x14ac:dyDescent="0.25">
      <c r="A2591" s="1" t="s">
        <v>16872</v>
      </c>
      <c r="B2591" s="1" t="s">
        <v>51659</v>
      </c>
      <c r="C2591" s="1" t="s">
        <v>16873</v>
      </c>
      <c r="D2591" s="2">
        <v>155419</v>
      </c>
      <c r="E2591" s="1" t="s">
        <v>0</v>
      </c>
    </row>
    <row r="2592" spans="1:5" x14ac:dyDescent="0.25">
      <c r="A2592" s="2">
        <v>518</v>
      </c>
      <c r="B2592" s="2">
        <v>518</v>
      </c>
      <c r="C2592" s="1" t="s">
        <v>0</v>
      </c>
      <c r="D2592" s="2">
        <v>155420</v>
      </c>
      <c r="E2592" s="1" t="s">
        <v>0</v>
      </c>
    </row>
    <row r="2593" spans="1:5" x14ac:dyDescent="0.25">
      <c r="A2593" s="1" t="s">
        <v>477</v>
      </c>
      <c r="B2593" s="1" t="s">
        <v>5723</v>
      </c>
      <c r="C2593" s="1" t="s">
        <v>16874</v>
      </c>
      <c r="D2593" s="2">
        <v>155421</v>
      </c>
      <c r="E2593" s="1" t="s">
        <v>0</v>
      </c>
    </row>
    <row r="2594" spans="1:5" x14ac:dyDescent="0.25">
      <c r="A2594" s="1" t="s">
        <v>16875</v>
      </c>
      <c r="B2594" s="1" t="s">
        <v>5724</v>
      </c>
      <c r="C2594" s="1" t="s">
        <v>16876</v>
      </c>
      <c r="D2594" s="2">
        <v>155422</v>
      </c>
      <c r="E2594" s="1" t="s">
        <v>0</v>
      </c>
    </row>
    <row r="2595" spans="1:5" ht="409.5" x14ac:dyDescent="0.25">
      <c r="A2595" s="4" t="s">
        <v>16877</v>
      </c>
      <c r="B2595" s="1" t="s">
        <v>5725</v>
      </c>
      <c r="C2595" s="1" t="s">
        <v>16878</v>
      </c>
      <c r="D2595" s="2">
        <v>155423</v>
      </c>
      <c r="E2595" s="1" t="s">
        <v>0</v>
      </c>
    </row>
    <row r="2596" spans="1:5" x14ac:dyDescent="0.25">
      <c r="A2596" s="1" t="s">
        <v>16879</v>
      </c>
      <c r="B2596" s="1" t="s">
        <v>5726</v>
      </c>
      <c r="C2596" s="1" t="s">
        <v>16880</v>
      </c>
      <c r="D2596" s="2">
        <v>155424</v>
      </c>
      <c r="E2596" s="1" t="s">
        <v>0</v>
      </c>
    </row>
    <row r="2597" spans="1:5" x14ac:dyDescent="0.25">
      <c r="A2597" s="2">
        <v>519</v>
      </c>
      <c r="B2597" s="2">
        <v>519</v>
      </c>
      <c r="C2597" s="1" t="s">
        <v>0</v>
      </c>
      <c r="D2597" s="2">
        <v>155425</v>
      </c>
      <c r="E2597" s="1" t="s">
        <v>0</v>
      </c>
    </row>
    <row r="2598" spans="1:5" x14ac:dyDescent="0.25">
      <c r="A2598" s="1" t="s">
        <v>12994</v>
      </c>
      <c r="B2598" s="1" t="s">
        <v>51660</v>
      </c>
      <c r="C2598" s="1" t="s">
        <v>16881</v>
      </c>
      <c r="D2598" s="2">
        <v>155426</v>
      </c>
      <c r="E2598" s="1" t="s">
        <v>0</v>
      </c>
    </row>
    <row r="2599" spans="1:5" x14ac:dyDescent="0.25">
      <c r="A2599" s="1" t="s">
        <v>16882</v>
      </c>
      <c r="B2599" s="1" t="s">
        <v>51661</v>
      </c>
      <c r="C2599" s="1" t="s">
        <v>16883</v>
      </c>
      <c r="D2599" s="2">
        <v>155427</v>
      </c>
      <c r="E2599" s="1" t="s">
        <v>0</v>
      </c>
    </row>
    <row r="2600" spans="1:5" ht="409.5" x14ac:dyDescent="0.25">
      <c r="A2600" s="4" t="s">
        <v>16884</v>
      </c>
      <c r="B2600" s="1" t="s">
        <v>58694</v>
      </c>
      <c r="C2600" s="1" t="s">
        <v>16885</v>
      </c>
      <c r="D2600" s="2">
        <v>155428</v>
      </c>
      <c r="E2600" s="1" t="s">
        <v>0</v>
      </c>
    </row>
    <row r="2601" spans="1:5" x14ac:dyDescent="0.25">
      <c r="A2601" s="1" t="s">
        <v>16886</v>
      </c>
      <c r="B2601" s="1" t="s">
        <v>5727</v>
      </c>
      <c r="C2601" s="1" t="s">
        <v>16887</v>
      </c>
      <c r="D2601" s="2">
        <v>155429</v>
      </c>
      <c r="E2601" s="1" t="s">
        <v>0</v>
      </c>
    </row>
    <row r="2602" spans="1:5" x14ac:dyDescent="0.25">
      <c r="A2602" s="2">
        <v>520</v>
      </c>
      <c r="B2602" s="2">
        <v>520</v>
      </c>
      <c r="C2602" s="1" t="s">
        <v>0</v>
      </c>
      <c r="D2602" s="2">
        <v>155430</v>
      </c>
      <c r="E2602" s="1" t="s">
        <v>0</v>
      </c>
    </row>
    <row r="2603" spans="1:5" x14ac:dyDescent="0.25">
      <c r="A2603" s="1" t="s">
        <v>478</v>
      </c>
      <c r="B2603" s="1" t="s">
        <v>63201</v>
      </c>
      <c r="C2603" s="1" t="s">
        <v>16888</v>
      </c>
      <c r="D2603" s="2">
        <v>155431</v>
      </c>
      <c r="E2603" s="1" t="s">
        <v>0</v>
      </c>
    </row>
    <row r="2604" spans="1:5" x14ac:dyDescent="0.25">
      <c r="A2604" s="1" t="s">
        <v>16889</v>
      </c>
      <c r="B2604" s="1" t="s">
        <v>63202</v>
      </c>
      <c r="C2604" s="1" t="s">
        <v>16890</v>
      </c>
      <c r="D2604" s="2">
        <v>155432</v>
      </c>
      <c r="E2604" s="1" t="s">
        <v>0</v>
      </c>
    </row>
    <row r="2605" spans="1:5" ht="409.5" x14ac:dyDescent="0.25">
      <c r="A2605" s="4" t="s">
        <v>16891</v>
      </c>
      <c r="B2605" s="1" t="s">
        <v>63203</v>
      </c>
      <c r="C2605" s="1" t="s">
        <v>16892</v>
      </c>
      <c r="D2605" s="2">
        <v>155433</v>
      </c>
      <c r="E2605" s="1" t="s">
        <v>0</v>
      </c>
    </row>
    <row r="2606" spans="1:5" x14ac:dyDescent="0.25">
      <c r="A2606" s="1" t="s">
        <v>16086</v>
      </c>
      <c r="B2606" s="1" t="s">
        <v>60897</v>
      </c>
      <c r="C2606" s="1" t="s">
        <v>16087</v>
      </c>
      <c r="D2606" s="2">
        <v>155434</v>
      </c>
      <c r="E2606" s="1" t="s">
        <v>0</v>
      </c>
    </row>
    <row r="2607" spans="1:5" x14ac:dyDescent="0.25">
      <c r="A2607" s="2">
        <v>521</v>
      </c>
      <c r="B2607" s="2">
        <v>521</v>
      </c>
      <c r="C2607" s="1" t="s">
        <v>0</v>
      </c>
      <c r="D2607" s="2">
        <v>155435</v>
      </c>
      <c r="E2607" s="1" t="s">
        <v>0</v>
      </c>
    </row>
    <row r="2608" spans="1:5" x14ac:dyDescent="0.25">
      <c r="A2608" s="1" t="s">
        <v>479</v>
      </c>
      <c r="B2608" s="1" t="s">
        <v>5728</v>
      </c>
      <c r="C2608" s="1" t="s">
        <v>16893</v>
      </c>
      <c r="D2608" s="2">
        <v>155436</v>
      </c>
      <c r="E2608" s="1" t="s">
        <v>0</v>
      </c>
    </row>
    <row r="2609" spans="1:5" x14ac:dyDescent="0.25">
      <c r="A2609" s="1" t="s">
        <v>16894</v>
      </c>
      <c r="B2609" s="1" t="s">
        <v>5729</v>
      </c>
      <c r="C2609" s="1" t="s">
        <v>16895</v>
      </c>
      <c r="D2609" s="2">
        <v>155437</v>
      </c>
      <c r="E2609" s="1" t="s">
        <v>0</v>
      </c>
    </row>
    <row r="2610" spans="1:5" ht="409.5" x14ac:dyDescent="0.25">
      <c r="A2610" s="4" t="s">
        <v>16896</v>
      </c>
      <c r="B2610" s="1" t="s">
        <v>51662</v>
      </c>
      <c r="C2610" s="1" t="s">
        <v>16897</v>
      </c>
      <c r="D2610" s="2">
        <v>155438</v>
      </c>
      <c r="E2610" s="1" t="s">
        <v>0</v>
      </c>
    </row>
    <row r="2611" spans="1:5" x14ac:dyDescent="0.25">
      <c r="A2611" s="1" t="s">
        <v>16898</v>
      </c>
      <c r="B2611" s="1" t="s">
        <v>60845</v>
      </c>
      <c r="C2611" s="1" t="s">
        <v>13414</v>
      </c>
      <c r="D2611" s="2">
        <v>155439</v>
      </c>
      <c r="E2611" s="1" t="s">
        <v>0</v>
      </c>
    </row>
    <row r="2612" spans="1:5" x14ac:dyDescent="0.25">
      <c r="A2612" s="2">
        <v>522</v>
      </c>
      <c r="B2612" s="2">
        <v>522</v>
      </c>
      <c r="C2612" s="1" t="s">
        <v>0</v>
      </c>
      <c r="D2612" s="2">
        <v>155440</v>
      </c>
      <c r="E2612" s="1" t="s">
        <v>0</v>
      </c>
    </row>
    <row r="2613" spans="1:5" x14ac:dyDescent="0.25">
      <c r="A2613" s="1" t="s">
        <v>480</v>
      </c>
      <c r="B2613" s="1" t="s">
        <v>61579</v>
      </c>
      <c r="C2613" s="1" t="s">
        <v>16899</v>
      </c>
      <c r="D2613" s="2">
        <v>155441</v>
      </c>
      <c r="E2613" s="1" t="s">
        <v>0</v>
      </c>
    </row>
    <row r="2614" spans="1:5" x14ac:dyDescent="0.25">
      <c r="A2614" s="1" t="s">
        <v>16900</v>
      </c>
      <c r="B2614" s="1" t="s">
        <v>61580</v>
      </c>
      <c r="C2614" s="1" t="s">
        <v>16901</v>
      </c>
      <c r="D2614" s="2">
        <v>155442</v>
      </c>
      <c r="E2614" s="1" t="s">
        <v>0</v>
      </c>
    </row>
    <row r="2615" spans="1:5" ht="409.5" x14ac:dyDescent="0.25">
      <c r="A2615" s="4" t="s">
        <v>16902</v>
      </c>
      <c r="B2615" s="1" t="s">
        <v>61581</v>
      </c>
      <c r="C2615" s="1" t="s">
        <v>16903</v>
      </c>
      <c r="D2615" s="2">
        <v>155443</v>
      </c>
      <c r="E2615" s="1" t="s">
        <v>0</v>
      </c>
    </row>
    <row r="2616" spans="1:5" x14ac:dyDescent="0.25">
      <c r="A2616" s="1" t="s">
        <v>16904</v>
      </c>
      <c r="B2616" s="1" t="s">
        <v>51663</v>
      </c>
      <c r="C2616" s="1" t="s">
        <v>16905</v>
      </c>
      <c r="D2616" s="2">
        <v>155444</v>
      </c>
      <c r="E2616" s="1" t="s">
        <v>0</v>
      </c>
    </row>
    <row r="2617" spans="1:5" x14ac:dyDescent="0.25">
      <c r="A2617" s="2">
        <v>523</v>
      </c>
      <c r="B2617" s="2">
        <v>523</v>
      </c>
      <c r="C2617" s="1" t="s">
        <v>0</v>
      </c>
      <c r="D2617" s="2">
        <v>155445</v>
      </c>
      <c r="E2617" s="1" t="s">
        <v>0</v>
      </c>
    </row>
    <row r="2618" spans="1:5" x14ac:dyDescent="0.25">
      <c r="A2618" s="1" t="s">
        <v>481</v>
      </c>
      <c r="B2618" s="1" t="s">
        <v>5730</v>
      </c>
      <c r="C2618" s="1" t="s">
        <v>16906</v>
      </c>
      <c r="D2618" s="2">
        <v>155446</v>
      </c>
      <c r="E2618" s="1" t="s">
        <v>0</v>
      </c>
    </row>
    <row r="2619" spans="1:5" x14ac:dyDescent="0.25">
      <c r="A2619" s="1" t="s">
        <v>16907</v>
      </c>
      <c r="B2619" s="1" t="s">
        <v>5731</v>
      </c>
      <c r="C2619" s="1" t="s">
        <v>16908</v>
      </c>
      <c r="D2619" s="2">
        <v>155447</v>
      </c>
      <c r="E2619" s="1" t="s">
        <v>0</v>
      </c>
    </row>
    <row r="2620" spans="1:5" ht="409.5" x14ac:dyDescent="0.25">
      <c r="A2620" s="4" t="s">
        <v>16909</v>
      </c>
      <c r="B2620" s="1" t="s">
        <v>5732</v>
      </c>
      <c r="C2620" s="1" t="s">
        <v>16910</v>
      </c>
      <c r="D2620" s="2">
        <v>155448</v>
      </c>
      <c r="E2620" s="1" t="s">
        <v>0</v>
      </c>
    </row>
    <row r="2621" spans="1:5" x14ac:dyDescent="0.25">
      <c r="A2621" s="1" t="s">
        <v>16911</v>
      </c>
      <c r="B2621" s="1" t="s">
        <v>51664</v>
      </c>
      <c r="C2621" s="1" t="s">
        <v>16912</v>
      </c>
      <c r="D2621" s="2">
        <v>155449</v>
      </c>
      <c r="E2621" s="1" t="s">
        <v>0</v>
      </c>
    </row>
    <row r="2622" spans="1:5" x14ac:dyDescent="0.25">
      <c r="A2622" s="2">
        <v>524</v>
      </c>
      <c r="B2622" s="2">
        <v>524</v>
      </c>
      <c r="C2622" s="1" t="s">
        <v>0</v>
      </c>
      <c r="D2622" s="2">
        <v>155450</v>
      </c>
      <c r="E2622" s="1" t="s">
        <v>0</v>
      </c>
    </row>
    <row r="2623" spans="1:5" x14ac:dyDescent="0.25">
      <c r="A2623" s="1" t="s">
        <v>482</v>
      </c>
      <c r="B2623" s="1" t="s">
        <v>5733</v>
      </c>
      <c r="C2623" s="1" t="s">
        <v>16913</v>
      </c>
      <c r="D2623" s="2">
        <v>155451</v>
      </c>
      <c r="E2623" s="1" t="s">
        <v>0</v>
      </c>
    </row>
    <row r="2624" spans="1:5" x14ac:dyDescent="0.25">
      <c r="A2624" s="1" t="s">
        <v>16914</v>
      </c>
      <c r="B2624" s="1" t="s">
        <v>62045</v>
      </c>
      <c r="C2624" s="1" t="s">
        <v>16915</v>
      </c>
      <c r="D2624" s="2">
        <v>155452</v>
      </c>
      <c r="E2624" s="1" t="s">
        <v>0</v>
      </c>
    </row>
    <row r="2625" spans="1:5" ht="409.5" x14ac:dyDescent="0.25">
      <c r="A2625" s="4" t="s">
        <v>16916</v>
      </c>
      <c r="B2625" s="1" t="s">
        <v>62046</v>
      </c>
      <c r="C2625" s="1" t="s">
        <v>16917</v>
      </c>
      <c r="D2625" s="2">
        <v>155453</v>
      </c>
      <c r="E2625" s="1" t="s">
        <v>0</v>
      </c>
    </row>
    <row r="2626" spans="1:5" x14ac:dyDescent="0.25">
      <c r="A2626" s="1" t="s">
        <v>16918</v>
      </c>
      <c r="B2626" s="1" t="s">
        <v>51665</v>
      </c>
      <c r="C2626" s="1" t="s">
        <v>16919</v>
      </c>
      <c r="D2626" s="2">
        <v>155454</v>
      </c>
      <c r="E2626" s="1" t="s">
        <v>0</v>
      </c>
    </row>
    <row r="2627" spans="1:5" x14ac:dyDescent="0.25">
      <c r="A2627" s="2">
        <v>525</v>
      </c>
      <c r="B2627" s="2">
        <v>525</v>
      </c>
      <c r="C2627" s="1" t="s">
        <v>0</v>
      </c>
      <c r="D2627" s="2">
        <v>155455</v>
      </c>
      <c r="E2627" s="1" t="s">
        <v>0</v>
      </c>
    </row>
    <row r="2628" spans="1:5" x14ac:dyDescent="0.25">
      <c r="A2628" s="1" t="s">
        <v>483</v>
      </c>
      <c r="B2628" s="1" t="s">
        <v>50418</v>
      </c>
      <c r="C2628" s="1" t="s">
        <v>16920</v>
      </c>
      <c r="D2628" s="2">
        <v>155456</v>
      </c>
      <c r="E2628" s="1" t="s">
        <v>0</v>
      </c>
    </row>
    <row r="2629" spans="1:5" x14ac:dyDescent="0.25">
      <c r="A2629" s="1" t="s">
        <v>16921</v>
      </c>
      <c r="B2629" s="1" t="s">
        <v>51666</v>
      </c>
      <c r="C2629" s="1" t="s">
        <v>16922</v>
      </c>
      <c r="D2629" s="2">
        <v>155457</v>
      </c>
      <c r="E2629" s="1" t="s">
        <v>0</v>
      </c>
    </row>
    <row r="2630" spans="1:5" ht="409.5" x14ac:dyDescent="0.25">
      <c r="A2630" s="4" t="s">
        <v>16923</v>
      </c>
      <c r="B2630" s="1" t="s">
        <v>51667</v>
      </c>
      <c r="C2630" s="1" t="s">
        <v>16924</v>
      </c>
      <c r="D2630" s="2">
        <v>155458</v>
      </c>
      <c r="E2630" s="1" t="s">
        <v>0</v>
      </c>
    </row>
    <row r="2631" spans="1:5" x14ac:dyDescent="0.25">
      <c r="A2631" s="1" t="s">
        <v>14855</v>
      </c>
      <c r="B2631" s="1" t="s">
        <v>60879</v>
      </c>
      <c r="C2631" s="1" t="s">
        <v>14856</v>
      </c>
      <c r="D2631" s="2">
        <v>155459</v>
      </c>
      <c r="E2631" s="1" t="s">
        <v>0</v>
      </c>
    </row>
    <row r="2632" spans="1:5" x14ac:dyDescent="0.25">
      <c r="A2632" s="2">
        <v>526</v>
      </c>
      <c r="B2632" s="2">
        <v>526</v>
      </c>
      <c r="C2632" s="1" t="s">
        <v>0</v>
      </c>
      <c r="D2632" s="2">
        <v>155460</v>
      </c>
      <c r="E2632" s="1" t="s">
        <v>0</v>
      </c>
    </row>
    <row r="2633" spans="1:5" x14ac:dyDescent="0.25">
      <c r="A2633" s="1" t="s">
        <v>484</v>
      </c>
      <c r="B2633" s="1" t="s">
        <v>5734</v>
      </c>
      <c r="C2633" s="1" t="s">
        <v>16925</v>
      </c>
      <c r="D2633" s="2">
        <v>155461</v>
      </c>
      <c r="E2633" s="1" t="s">
        <v>0</v>
      </c>
    </row>
    <row r="2634" spans="1:5" x14ac:dyDescent="0.25">
      <c r="A2634" s="1" t="s">
        <v>16926</v>
      </c>
      <c r="B2634" s="1" t="s">
        <v>5735</v>
      </c>
      <c r="C2634" s="1" t="s">
        <v>16927</v>
      </c>
      <c r="D2634" s="2">
        <v>155462</v>
      </c>
      <c r="E2634" s="1" t="s">
        <v>0</v>
      </c>
    </row>
    <row r="2635" spans="1:5" ht="409.5" x14ac:dyDescent="0.25">
      <c r="A2635" s="4" t="s">
        <v>16928</v>
      </c>
      <c r="B2635" s="1" t="s">
        <v>62047</v>
      </c>
      <c r="C2635" s="1" t="s">
        <v>16929</v>
      </c>
      <c r="D2635" s="2">
        <v>155463</v>
      </c>
      <c r="E2635" s="1" t="s">
        <v>0</v>
      </c>
    </row>
    <row r="2636" spans="1:5" x14ac:dyDescent="0.25">
      <c r="A2636" s="1" t="s">
        <v>16930</v>
      </c>
      <c r="B2636" s="1" t="s">
        <v>51668</v>
      </c>
      <c r="C2636" s="1" t="s">
        <v>16931</v>
      </c>
      <c r="D2636" s="2">
        <v>155464</v>
      </c>
      <c r="E2636" s="1" t="s">
        <v>0</v>
      </c>
    </row>
    <row r="2637" spans="1:5" x14ac:dyDescent="0.25">
      <c r="A2637" s="2">
        <v>527</v>
      </c>
      <c r="B2637" s="2">
        <v>527</v>
      </c>
      <c r="C2637" s="1" t="s">
        <v>0</v>
      </c>
      <c r="D2637" s="2">
        <v>155465</v>
      </c>
      <c r="E2637" s="1" t="s">
        <v>0</v>
      </c>
    </row>
    <row r="2638" spans="1:5" x14ac:dyDescent="0.25">
      <c r="A2638" s="1" t="s">
        <v>485</v>
      </c>
      <c r="B2638" s="1" t="s">
        <v>50419</v>
      </c>
      <c r="C2638" s="1" t="s">
        <v>16932</v>
      </c>
      <c r="D2638" s="2">
        <v>155466</v>
      </c>
      <c r="E2638" s="1" t="s">
        <v>0</v>
      </c>
    </row>
    <row r="2639" spans="1:5" x14ac:dyDescent="0.25">
      <c r="A2639" s="1" t="s">
        <v>16933</v>
      </c>
      <c r="B2639" s="1" t="s">
        <v>63610</v>
      </c>
      <c r="C2639" s="1" t="s">
        <v>16934</v>
      </c>
      <c r="D2639" s="2">
        <v>155467</v>
      </c>
      <c r="E2639" s="1" t="s">
        <v>0</v>
      </c>
    </row>
    <row r="2640" spans="1:5" ht="409.5" x14ac:dyDescent="0.25">
      <c r="A2640" s="4" t="s">
        <v>16935</v>
      </c>
      <c r="B2640" s="1" t="s">
        <v>63611</v>
      </c>
      <c r="C2640" s="1" t="s">
        <v>16936</v>
      </c>
      <c r="D2640" s="2">
        <v>155468</v>
      </c>
      <c r="E2640" s="1" t="s">
        <v>0</v>
      </c>
    </row>
    <row r="2641" spans="1:5" x14ac:dyDescent="0.25">
      <c r="A2641" s="1" t="s">
        <v>16937</v>
      </c>
      <c r="B2641" s="1" t="s">
        <v>51669</v>
      </c>
      <c r="C2641" s="1" t="s">
        <v>16938</v>
      </c>
      <c r="D2641" s="2">
        <v>155469</v>
      </c>
      <c r="E2641" s="1" t="s">
        <v>0</v>
      </c>
    </row>
    <row r="2642" spans="1:5" x14ac:dyDescent="0.25">
      <c r="A2642" s="2">
        <v>528</v>
      </c>
      <c r="B2642" s="2">
        <v>528</v>
      </c>
      <c r="C2642" s="1" t="s">
        <v>0</v>
      </c>
      <c r="D2642" s="2">
        <v>155470</v>
      </c>
      <c r="E2642" s="1" t="s">
        <v>0</v>
      </c>
    </row>
    <row r="2643" spans="1:5" x14ac:dyDescent="0.25">
      <c r="A2643" s="1" t="s">
        <v>486</v>
      </c>
      <c r="B2643" s="1" t="s">
        <v>5736</v>
      </c>
      <c r="C2643" s="1" t="s">
        <v>16939</v>
      </c>
      <c r="D2643" s="2">
        <v>155471</v>
      </c>
      <c r="E2643" s="1" t="s">
        <v>0</v>
      </c>
    </row>
    <row r="2644" spans="1:5" x14ac:dyDescent="0.25">
      <c r="A2644" s="1" t="s">
        <v>16940</v>
      </c>
      <c r="B2644" s="1" t="s">
        <v>51670</v>
      </c>
      <c r="C2644" s="1" t="s">
        <v>16941</v>
      </c>
      <c r="D2644" s="2">
        <v>155472</v>
      </c>
      <c r="E2644" s="1" t="s">
        <v>0</v>
      </c>
    </row>
    <row r="2645" spans="1:5" ht="409.5" x14ac:dyDescent="0.25">
      <c r="A2645" s="4" t="s">
        <v>16942</v>
      </c>
      <c r="B2645" s="1" t="s">
        <v>51671</v>
      </c>
      <c r="C2645" s="1" t="s">
        <v>16943</v>
      </c>
      <c r="D2645" s="2">
        <v>155473</v>
      </c>
      <c r="E2645" s="1" t="s">
        <v>0</v>
      </c>
    </row>
    <row r="2646" spans="1:5" x14ac:dyDescent="0.25">
      <c r="A2646" s="1" t="s">
        <v>14855</v>
      </c>
      <c r="B2646" s="1" t="s">
        <v>60879</v>
      </c>
      <c r="C2646" s="1" t="s">
        <v>14856</v>
      </c>
      <c r="D2646" s="2">
        <v>155474</v>
      </c>
      <c r="E2646" s="1" t="s">
        <v>0</v>
      </c>
    </row>
    <row r="2647" spans="1:5" x14ac:dyDescent="0.25">
      <c r="A2647" s="2">
        <v>529</v>
      </c>
      <c r="B2647" s="2">
        <v>529</v>
      </c>
      <c r="C2647" s="1" t="s">
        <v>0</v>
      </c>
      <c r="D2647" s="2">
        <v>155475</v>
      </c>
      <c r="E2647" s="1" t="s">
        <v>0</v>
      </c>
    </row>
    <row r="2648" spans="1:5" x14ac:dyDescent="0.25">
      <c r="A2648" s="1" t="s">
        <v>487</v>
      </c>
      <c r="B2648" s="1" t="s">
        <v>5737</v>
      </c>
      <c r="C2648" s="1" t="s">
        <v>16944</v>
      </c>
      <c r="D2648" s="2">
        <v>155476</v>
      </c>
      <c r="E2648" s="1" t="s">
        <v>0</v>
      </c>
    </row>
    <row r="2649" spans="1:5" x14ac:dyDescent="0.25">
      <c r="A2649" s="1" t="s">
        <v>16945</v>
      </c>
      <c r="B2649" s="1" t="s">
        <v>62048</v>
      </c>
      <c r="C2649" s="1" t="s">
        <v>16946</v>
      </c>
      <c r="D2649" s="2">
        <v>155477</v>
      </c>
      <c r="E2649" s="1" t="s">
        <v>0</v>
      </c>
    </row>
    <row r="2650" spans="1:5" ht="409.5" x14ac:dyDescent="0.25">
      <c r="A2650" s="4" t="s">
        <v>16947</v>
      </c>
      <c r="B2650" s="1" t="s">
        <v>62049</v>
      </c>
      <c r="C2650" s="1" t="s">
        <v>16948</v>
      </c>
      <c r="D2650" s="2">
        <v>155478</v>
      </c>
      <c r="E2650" s="1" t="s">
        <v>0</v>
      </c>
    </row>
    <row r="2651" spans="1:5" x14ac:dyDescent="0.25">
      <c r="A2651" s="1" t="s">
        <v>16949</v>
      </c>
      <c r="B2651" s="1" t="s">
        <v>51672</v>
      </c>
      <c r="C2651" s="1" t="s">
        <v>16950</v>
      </c>
      <c r="D2651" s="2">
        <v>155479</v>
      </c>
      <c r="E2651" s="1" t="s">
        <v>0</v>
      </c>
    </row>
    <row r="2652" spans="1:5" x14ac:dyDescent="0.25">
      <c r="A2652" s="2">
        <v>530</v>
      </c>
      <c r="B2652" s="2">
        <v>530</v>
      </c>
      <c r="C2652" s="1" t="s">
        <v>0</v>
      </c>
      <c r="D2652" s="2">
        <v>155480</v>
      </c>
      <c r="E2652" s="1" t="s">
        <v>0</v>
      </c>
    </row>
    <row r="2653" spans="1:5" x14ac:dyDescent="0.25">
      <c r="A2653" s="1" t="s">
        <v>488</v>
      </c>
      <c r="B2653" s="1" t="s">
        <v>5738</v>
      </c>
      <c r="C2653" s="1" t="s">
        <v>16951</v>
      </c>
      <c r="D2653" s="2">
        <v>155481</v>
      </c>
      <c r="E2653" s="1" t="s">
        <v>0</v>
      </c>
    </row>
    <row r="2654" spans="1:5" x14ac:dyDescent="0.25">
      <c r="A2654" s="1" t="s">
        <v>16952</v>
      </c>
      <c r="B2654" s="1" t="s">
        <v>51673</v>
      </c>
      <c r="C2654" s="1" t="s">
        <v>16953</v>
      </c>
      <c r="D2654" s="2">
        <v>155482</v>
      </c>
      <c r="E2654" s="1" t="s">
        <v>0</v>
      </c>
    </row>
    <row r="2655" spans="1:5" ht="409.5" x14ac:dyDescent="0.25">
      <c r="A2655" s="4" t="s">
        <v>16954</v>
      </c>
      <c r="B2655" s="1" t="s">
        <v>57395</v>
      </c>
      <c r="C2655" s="1" t="s">
        <v>16955</v>
      </c>
      <c r="D2655" s="2">
        <v>155483</v>
      </c>
      <c r="E2655" s="1" t="s">
        <v>0</v>
      </c>
    </row>
    <row r="2656" spans="1:5" x14ac:dyDescent="0.25">
      <c r="A2656" s="1" t="s">
        <v>16956</v>
      </c>
      <c r="B2656" s="1" t="s">
        <v>5739</v>
      </c>
      <c r="C2656" s="1" t="s">
        <v>16957</v>
      </c>
      <c r="D2656" s="2">
        <v>155484</v>
      </c>
      <c r="E2656" s="1" t="s">
        <v>0</v>
      </c>
    </row>
    <row r="2657" spans="1:5" x14ac:dyDescent="0.25">
      <c r="A2657" s="2">
        <v>531</v>
      </c>
      <c r="B2657" s="2">
        <v>531</v>
      </c>
      <c r="C2657" s="1" t="s">
        <v>0</v>
      </c>
      <c r="D2657" s="2">
        <v>155485</v>
      </c>
      <c r="E2657" s="1" t="s">
        <v>0</v>
      </c>
    </row>
    <row r="2658" spans="1:5" x14ac:dyDescent="0.25">
      <c r="A2658" s="1" t="s">
        <v>489</v>
      </c>
      <c r="B2658" s="1" t="s">
        <v>5740</v>
      </c>
      <c r="C2658" s="1" t="s">
        <v>16958</v>
      </c>
      <c r="D2658" s="2">
        <v>155486</v>
      </c>
      <c r="E2658" s="1" t="s">
        <v>0</v>
      </c>
    </row>
    <row r="2659" spans="1:5" x14ac:dyDescent="0.25">
      <c r="A2659" s="1" t="s">
        <v>61751</v>
      </c>
      <c r="B2659" s="1" t="s">
        <v>62050</v>
      </c>
      <c r="C2659" s="1" t="s">
        <v>16959</v>
      </c>
      <c r="D2659" s="2">
        <v>155487</v>
      </c>
      <c r="E2659" s="1" t="s">
        <v>0</v>
      </c>
    </row>
    <row r="2660" spans="1:5" ht="409.5" x14ac:dyDescent="0.25">
      <c r="A2660" s="4" t="s">
        <v>61752</v>
      </c>
      <c r="B2660" s="1" t="s">
        <v>62051</v>
      </c>
      <c r="C2660" s="1" t="s">
        <v>16960</v>
      </c>
      <c r="D2660" s="2">
        <v>155488</v>
      </c>
      <c r="E2660" s="1" t="s">
        <v>0</v>
      </c>
    </row>
    <row r="2661" spans="1:5" x14ac:dyDescent="0.25">
      <c r="A2661" s="1" t="s">
        <v>16961</v>
      </c>
      <c r="B2661" s="1" t="s">
        <v>51674</v>
      </c>
      <c r="C2661" s="1" t="s">
        <v>16962</v>
      </c>
      <c r="D2661" s="2">
        <v>155489</v>
      </c>
      <c r="E2661" s="1" t="s">
        <v>0</v>
      </c>
    </row>
    <row r="2662" spans="1:5" x14ac:dyDescent="0.25">
      <c r="A2662" s="2">
        <v>532</v>
      </c>
      <c r="B2662" s="2">
        <v>532</v>
      </c>
      <c r="C2662" s="1" t="s">
        <v>0</v>
      </c>
      <c r="D2662" s="2">
        <v>155490</v>
      </c>
      <c r="E2662" s="1" t="s">
        <v>0</v>
      </c>
    </row>
    <row r="2663" spans="1:5" x14ac:dyDescent="0.25">
      <c r="A2663" s="1" t="s">
        <v>490</v>
      </c>
      <c r="B2663" s="1" t="s">
        <v>5741</v>
      </c>
      <c r="C2663" s="1" t="s">
        <v>16963</v>
      </c>
      <c r="D2663" s="2">
        <v>155491</v>
      </c>
      <c r="E2663" s="1" t="s">
        <v>0</v>
      </c>
    </row>
    <row r="2664" spans="1:5" x14ac:dyDescent="0.25">
      <c r="A2664" s="1" t="s">
        <v>16964</v>
      </c>
      <c r="B2664" s="1" t="s">
        <v>51675</v>
      </c>
      <c r="C2664" s="1" t="s">
        <v>16965</v>
      </c>
      <c r="D2664" s="2">
        <v>155492</v>
      </c>
      <c r="E2664" s="1" t="s">
        <v>0</v>
      </c>
    </row>
    <row r="2665" spans="1:5" ht="409.5" x14ac:dyDescent="0.25">
      <c r="A2665" s="4" t="s">
        <v>16966</v>
      </c>
      <c r="B2665" s="1" t="s">
        <v>51676</v>
      </c>
      <c r="C2665" s="1" t="s">
        <v>16967</v>
      </c>
      <c r="D2665" s="2">
        <v>155493</v>
      </c>
      <c r="E2665" s="1" t="s">
        <v>0</v>
      </c>
    </row>
    <row r="2666" spans="1:5" x14ac:dyDescent="0.25">
      <c r="A2666" s="1" t="s">
        <v>16968</v>
      </c>
      <c r="B2666" s="1" t="s">
        <v>57124</v>
      </c>
      <c r="C2666" s="1" t="s">
        <v>16969</v>
      </c>
      <c r="D2666" s="2">
        <v>155494</v>
      </c>
      <c r="E2666" s="1" t="s">
        <v>0</v>
      </c>
    </row>
    <row r="2667" spans="1:5" x14ac:dyDescent="0.25">
      <c r="A2667" s="2">
        <v>533</v>
      </c>
      <c r="B2667" s="2">
        <v>533</v>
      </c>
      <c r="C2667" s="1" t="s">
        <v>0</v>
      </c>
      <c r="D2667" s="2">
        <v>155495</v>
      </c>
      <c r="E2667" s="1" t="s">
        <v>0</v>
      </c>
    </row>
    <row r="2668" spans="1:5" x14ac:dyDescent="0.25">
      <c r="A2668" s="1" t="s">
        <v>491</v>
      </c>
      <c r="B2668" s="1" t="s">
        <v>5742</v>
      </c>
      <c r="C2668" s="1" t="s">
        <v>16970</v>
      </c>
      <c r="D2668" s="2">
        <v>155496</v>
      </c>
      <c r="E2668" s="1" t="s">
        <v>0</v>
      </c>
    </row>
    <row r="2669" spans="1:5" x14ac:dyDescent="0.25">
      <c r="A2669" s="1" t="s">
        <v>16971</v>
      </c>
      <c r="B2669" s="1" t="s">
        <v>59766</v>
      </c>
      <c r="C2669" s="1" t="s">
        <v>16972</v>
      </c>
      <c r="D2669" s="2">
        <v>155497</v>
      </c>
      <c r="E2669" s="1" t="s">
        <v>0</v>
      </c>
    </row>
    <row r="2670" spans="1:5" ht="409.5" x14ac:dyDescent="0.25">
      <c r="A2670" s="4" t="s">
        <v>16973</v>
      </c>
      <c r="B2670" s="1" t="s">
        <v>59767</v>
      </c>
      <c r="C2670" s="1" t="s">
        <v>16974</v>
      </c>
      <c r="D2670" s="2">
        <v>155498</v>
      </c>
      <c r="E2670" s="1" t="s">
        <v>0</v>
      </c>
    </row>
    <row r="2671" spans="1:5" x14ac:dyDescent="0.25">
      <c r="A2671" s="1" t="s">
        <v>16975</v>
      </c>
      <c r="B2671" s="1" t="s">
        <v>51677</v>
      </c>
      <c r="C2671" s="1" t="s">
        <v>16976</v>
      </c>
      <c r="D2671" s="2">
        <v>155499</v>
      </c>
      <c r="E2671" s="1" t="s">
        <v>0</v>
      </c>
    </row>
    <row r="2672" spans="1:5" x14ac:dyDescent="0.25">
      <c r="A2672" s="2">
        <v>534</v>
      </c>
      <c r="B2672" s="2">
        <v>534</v>
      </c>
      <c r="C2672" s="1" t="s">
        <v>0</v>
      </c>
      <c r="D2672" s="2">
        <v>155500</v>
      </c>
      <c r="E2672" s="1" t="s">
        <v>0</v>
      </c>
    </row>
    <row r="2673" spans="1:5" x14ac:dyDescent="0.25">
      <c r="A2673" s="1" t="s">
        <v>492</v>
      </c>
      <c r="B2673" s="1" t="s">
        <v>5743</v>
      </c>
      <c r="C2673" s="1" t="s">
        <v>16977</v>
      </c>
      <c r="D2673" s="2">
        <v>155501</v>
      </c>
      <c r="E2673" s="1" t="s">
        <v>0</v>
      </c>
    </row>
    <row r="2674" spans="1:5" x14ac:dyDescent="0.25">
      <c r="A2674" s="1" t="s">
        <v>16978</v>
      </c>
      <c r="B2674" s="1" t="s">
        <v>51678</v>
      </c>
      <c r="C2674" s="1" t="s">
        <v>16979</v>
      </c>
      <c r="D2674" s="2">
        <v>155502</v>
      </c>
      <c r="E2674" s="1" t="s">
        <v>0</v>
      </c>
    </row>
    <row r="2675" spans="1:5" ht="409.5" x14ac:dyDescent="0.25">
      <c r="A2675" s="4" t="s">
        <v>16980</v>
      </c>
      <c r="B2675" s="1" t="s">
        <v>51679</v>
      </c>
      <c r="C2675" s="1" t="s">
        <v>16981</v>
      </c>
      <c r="D2675" s="2">
        <v>155503</v>
      </c>
      <c r="E2675" s="1" t="s">
        <v>0</v>
      </c>
    </row>
    <row r="2676" spans="1:5" x14ac:dyDescent="0.25">
      <c r="A2676" s="1" t="s">
        <v>16982</v>
      </c>
      <c r="B2676" s="1" t="s">
        <v>51680</v>
      </c>
      <c r="C2676" s="1" t="s">
        <v>16983</v>
      </c>
      <c r="D2676" s="2">
        <v>155504</v>
      </c>
      <c r="E2676" s="1" t="s">
        <v>0</v>
      </c>
    </row>
    <row r="2677" spans="1:5" x14ac:dyDescent="0.25">
      <c r="A2677" s="2">
        <v>535</v>
      </c>
      <c r="B2677" s="2">
        <v>535</v>
      </c>
      <c r="C2677" s="1" t="s">
        <v>0</v>
      </c>
      <c r="D2677" s="2">
        <v>155505</v>
      </c>
      <c r="E2677" s="1" t="s">
        <v>0</v>
      </c>
    </row>
    <row r="2678" spans="1:5" x14ac:dyDescent="0.25">
      <c r="A2678" s="1" t="s">
        <v>493</v>
      </c>
      <c r="B2678" s="1" t="s">
        <v>5744</v>
      </c>
      <c r="C2678" s="1" t="s">
        <v>494</v>
      </c>
      <c r="D2678" s="2">
        <v>155506</v>
      </c>
      <c r="E2678" s="1" t="s">
        <v>0</v>
      </c>
    </row>
    <row r="2679" spans="1:5" x14ac:dyDescent="0.25">
      <c r="A2679" s="1" t="s">
        <v>16984</v>
      </c>
      <c r="B2679" s="1" t="s">
        <v>51681</v>
      </c>
      <c r="C2679" s="1" t="s">
        <v>16985</v>
      </c>
      <c r="D2679" s="2">
        <v>155507</v>
      </c>
      <c r="E2679" s="1" t="s">
        <v>0</v>
      </c>
    </row>
    <row r="2680" spans="1:5" ht="409.5" x14ac:dyDescent="0.25">
      <c r="A2680" s="4" t="s">
        <v>63981</v>
      </c>
      <c r="B2680" s="1" t="s">
        <v>51682</v>
      </c>
      <c r="C2680" s="1" t="s">
        <v>16986</v>
      </c>
      <c r="D2680" s="2">
        <v>155508</v>
      </c>
      <c r="E2680" s="1" t="s">
        <v>0</v>
      </c>
    </row>
    <row r="2681" spans="1:5" x14ac:dyDescent="0.25">
      <c r="A2681" s="1" t="s">
        <v>16987</v>
      </c>
      <c r="B2681" s="1" t="s">
        <v>5745</v>
      </c>
      <c r="C2681" s="1" t="s">
        <v>16988</v>
      </c>
      <c r="D2681" s="2">
        <v>155509</v>
      </c>
      <c r="E2681" s="1" t="s">
        <v>0</v>
      </c>
    </row>
    <row r="2682" spans="1:5" x14ac:dyDescent="0.25">
      <c r="A2682" s="2">
        <v>536</v>
      </c>
      <c r="B2682" s="2">
        <v>536</v>
      </c>
      <c r="C2682" s="1" t="s">
        <v>0</v>
      </c>
      <c r="D2682" s="2">
        <v>155510</v>
      </c>
      <c r="E2682" s="1" t="s">
        <v>0</v>
      </c>
    </row>
    <row r="2683" spans="1:5" x14ac:dyDescent="0.25">
      <c r="A2683" s="1" t="s">
        <v>495</v>
      </c>
      <c r="B2683" s="1" t="s">
        <v>5746</v>
      </c>
      <c r="C2683" s="1" t="s">
        <v>16989</v>
      </c>
      <c r="D2683" s="2">
        <v>155511</v>
      </c>
      <c r="E2683" s="1" t="s">
        <v>0</v>
      </c>
    </row>
    <row r="2684" spans="1:5" x14ac:dyDescent="0.25">
      <c r="A2684" s="1" t="s">
        <v>16990</v>
      </c>
      <c r="B2684" s="1" t="s">
        <v>51683</v>
      </c>
      <c r="C2684" s="1" t="s">
        <v>16991</v>
      </c>
      <c r="D2684" s="2">
        <v>155512</v>
      </c>
      <c r="E2684" s="1" t="s">
        <v>0</v>
      </c>
    </row>
    <row r="2685" spans="1:5" x14ac:dyDescent="0.25">
      <c r="A2685" s="1" t="s">
        <v>16992</v>
      </c>
      <c r="B2685" s="1" t="s">
        <v>51684</v>
      </c>
      <c r="C2685" s="1" t="s">
        <v>16993</v>
      </c>
      <c r="D2685" s="2">
        <v>155513</v>
      </c>
      <c r="E2685" s="1" t="s">
        <v>0</v>
      </c>
    </row>
    <row r="2686" spans="1:5" x14ac:dyDescent="0.25">
      <c r="A2686" s="1" t="s">
        <v>16994</v>
      </c>
      <c r="B2686" s="1" t="s">
        <v>5747</v>
      </c>
      <c r="C2686" s="1" t="s">
        <v>16995</v>
      </c>
      <c r="D2686" s="2">
        <v>155514</v>
      </c>
      <c r="E2686" s="1" t="s">
        <v>0</v>
      </c>
    </row>
    <row r="2687" spans="1:5" x14ac:dyDescent="0.25">
      <c r="A2687" s="2">
        <v>537</v>
      </c>
      <c r="B2687" s="2">
        <v>537</v>
      </c>
      <c r="C2687" s="1" t="s">
        <v>0</v>
      </c>
      <c r="D2687" s="2">
        <v>155515</v>
      </c>
      <c r="E2687" s="1" t="s">
        <v>0</v>
      </c>
    </row>
    <row r="2688" spans="1:5" x14ac:dyDescent="0.25">
      <c r="A2688" s="1" t="s">
        <v>496</v>
      </c>
      <c r="B2688" s="1" t="s">
        <v>51685</v>
      </c>
      <c r="C2688" s="1" t="s">
        <v>16996</v>
      </c>
      <c r="D2688" s="2">
        <v>155516</v>
      </c>
      <c r="E2688" s="1" t="s">
        <v>0</v>
      </c>
    </row>
    <row r="2689" spans="1:5" x14ac:dyDescent="0.25">
      <c r="A2689" s="1" t="s">
        <v>16997</v>
      </c>
      <c r="B2689" s="1" t="s">
        <v>62052</v>
      </c>
      <c r="C2689" s="1" t="s">
        <v>16998</v>
      </c>
      <c r="D2689" s="2">
        <v>155517</v>
      </c>
      <c r="E2689" s="1" t="s">
        <v>0</v>
      </c>
    </row>
    <row r="2690" spans="1:5" ht="409.5" x14ac:dyDescent="0.25">
      <c r="A2690" s="4" t="s">
        <v>16999</v>
      </c>
      <c r="B2690" s="1" t="s">
        <v>62053</v>
      </c>
      <c r="C2690" s="1" t="s">
        <v>17000</v>
      </c>
      <c r="D2690" s="2">
        <v>155518</v>
      </c>
      <c r="E2690" s="1" t="s">
        <v>0</v>
      </c>
    </row>
    <row r="2691" spans="1:5" x14ac:dyDescent="0.25">
      <c r="A2691" s="1" t="s">
        <v>17001</v>
      </c>
      <c r="B2691" s="1" t="s">
        <v>60910</v>
      </c>
      <c r="C2691" s="1" t="s">
        <v>17002</v>
      </c>
      <c r="D2691" s="2">
        <v>155519</v>
      </c>
      <c r="E2691" s="1" t="s">
        <v>0</v>
      </c>
    </row>
    <row r="2692" spans="1:5" x14ac:dyDescent="0.25">
      <c r="A2692" s="2">
        <v>538</v>
      </c>
      <c r="B2692" s="2">
        <v>538</v>
      </c>
      <c r="C2692" s="1" t="s">
        <v>0</v>
      </c>
      <c r="D2692" s="2">
        <v>155520</v>
      </c>
      <c r="E2692" s="1" t="s">
        <v>0</v>
      </c>
    </row>
    <row r="2693" spans="1:5" x14ac:dyDescent="0.25">
      <c r="A2693" s="1" t="s">
        <v>497</v>
      </c>
      <c r="B2693" s="1" t="s">
        <v>5748</v>
      </c>
      <c r="C2693" s="1" t="s">
        <v>17003</v>
      </c>
      <c r="D2693" s="2">
        <v>155521</v>
      </c>
      <c r="E2693" s="1" t="s">
        <v>0</v>
      </c>
    </row>
    <row r="2694" spans="1:5" x14ac:dyDescent="0.25">
      <c r="A2694" s="1" t="s">
        <v>17004</v>
      </c>
      <c r="B2694" s="1" t="s">
        <v>5749</v>
      </c>
      <c r="C2694" s="1" t="s">
        <v>17005</v>
      </c>
      <c r="D2694" s="2">
        <v>155522</v>
      </c>
      <c r="E2694" s="1" t="s">
        <v>0</v>
      </c>
    </row>
    <row r="2695" spans="1:5" ht="409.5" x14ac:dyDescent="0.25">
      <c r="A2695" s="4" t="s">
        <v>17006</v>
      </c>
      <c r="B2695" s="1" t="s">
        <v>62054</v>
      </c>
      <c r="C2695" s="1" t="s">
        <v>17007</v>
      </c>
      <c r="D2695" s="2">
        <v>155523</v>
      </c>
      <c r="E2695" s="1" t="s">
        <v>0</v>
      </c>
    </row>
    <row r="2696" spans="1:5" x14ac:dyDescent="0.25">
      <c r="A2696" s="1" t="s">
        <v>17008</v>
      </c>
      <c r="B2696" s="1" t="s">
        <v>5750</v>
      </c>
      <c r="C2696" s="1" t="s">
        <v>17009</v>
      </c>
      <c r="D2696" s="2">
        <v>155524</v>
      </c>
      <c r="E2696" s="1" t="s">
        <v>0</v>
      </c>
    </row>
    <row r="2697" spans="1:5" x14ac:dyDescent="0.25">
      <c r="A2697" s="2">
        <v>539</v>
      </c>
      <c r="B2697" s="2">
        <v>539</v>
      </c>
      <c r="C2697" s="1" t="s">
        <v>0</v>
      </c>
      <c r="D2697" s="2">
        <v>155525</v>
      </c>
      <c r="E2697" s="1" t="s">
        <v>0</v>
      </c>
    </row>
    <row r="2698" spans="1:5" x14ac:dyDescent="0.25">
      <c r="A2698" s="1" t="s">
        <v>498</v>
      </c>
      <c r="B2698" s="1" t="s">
        <v>5751</v>
      </c>
      <c r="C2698" s="1" t="s">
        <v>17010</v>
      </c>
      <c r="D2698" s="2">
        <v>155526</v>
      </c>
      <c r="E2698" s="1" t="s">
        <v>0</v>
      </c>
    </row>
    <row r="2699" spans="1:5" x14ac:dyDescent="0.25">
      <c r="A2699" s="1" t="s">
        <v>17011</v>
      </c>
      <c r="B2699" s="1" t="s">
        <v>51686</v>
      </c>
      <c r="C2699" s="1" t="s">
        <v>17012</v>
      </c>
      <c r="D2699" s="2">
        <v>155527</v>
      </c>
      <c r="E2699" s="1" t="s">
        <v>0</v>
      </c>
    </row>
    <row r="2700" spans="1:5" ht="409.5" x14ac:dyDescent="0.25">
      <c r="A2700" s="4" t="s">
        <v>17013</v>
      </c>
      <c r="B2700" s="1" t="s">
        <v>51687</v>
      </c>
      <c r="C2700" s="1" t="s">
        <v>17014</v>
      </c>
      <c r="D2700" s="2">
        <v>155528</v>
      </c>
      <c r="E2700" s="1" t="s">
        <v>0</v>
      </c>
    </row>
    <row r="2701" spans="1:5" x14ac:dyDescent="0.25">
      <c r="A2701" s="1" t="s">
        <v>17015</v>
      </c>
      <c r="B2701" s="1" t="s">
        <v>5752</v>
      </c>
      <c r="C2701" s="1" t="s">
        <v>17016</v>
      </c>
      <c r="D2701" s="2">
        <v>155529</v>
      </c>
      <c r="E2701" s="1" t="s">
        <v>0</v>
      </c>
    </row>
    <row r="2702" spans="1:5" x14ac:dyDescent="0.25">
      <c r="A2702" s="2">
        <v>540</v>
      </c>
      <c r="B2702" s="2">
        <v>540</v>
      </c>
      <c r="C2702" s="1" t="s">
        <v>0</v>
      </c>
      <c r="D2702" s="2">
        <v>155530</v>
      </c>
      <c r="E2702" s="1" t="s">
        <v>0</v>
      </c>
    </row>
    <row r="2703" spans="1:5" x14ac:dyDescent="0.25">
      <c r="A2703" s="1" t="s">
        <v>499</v>
      </c>
      <c r="B2703" s="1" t="s">
        <v>5753</v>
      </c>
      <c r="C2703" s="1" t="s">
        <v>17017</v>
      </c>
      <c r="D2703" s="2">
        <v>155531</v>
      </c>
      <c r="E2703" s="1" t="s">
        <v>0</v>
      </c>
    </row>
    <row r="2704" spans="1:5" x14ac:dyDescent="0.25">
      <c r="A2704" s="1" t="s">
        <v>17018</v>
      </c>
      <c r="B2704" s="1" t="s">
        <v>5754</v>
      </c>
      <c r="C2704" s="1" t="s">
        <v>17019</v>
      </c>
      <c r="D2704" s="2">
        <v>155532</v>
      </c>
      <c r="E2704" s="1" t="s">
        <v>0</v>
      </c>
    </row>
    <row r="2705" spans="1:5" ht="409.5" x14ac:dyDescent="0.25">
      <c r="A2705" s="4" t="s">
        <v>17020</v>
      </c>
      <c r="B2705" s="1" t="s">
        <v>51688</v>
      </c>
      <c r="C2705" s="1" t="s">
        <v>17021</v>
      </c>
      <c r="D2705" s="2">
        <v>155533</v>
      </c>
      <c r="E2705" s="1" t="s">
        <v>0</v>
      </c>
    </row>
    <row r="2706" spans="1:5" x14ac:dyDescent="0.25">
      <c r="A2706" s="1" t="s">
        <v>14572</v>
      </c>
      <c r="B2706" s="1" t="s">
        <v>60869</v>
      </c>
      <c r="C2706" s="1" t="s">
        <v>14573</v>
      </c>
      <c r="D2706" s="2">
        <v>155534</v>
      </c>
      <c r="E2706" s="1" t="s">
        <v>0</v>
      </c>
    </row>
    <row r="2707" spans="1:5" x14ac:dyDescent="0.25">
      <c r="A2707" s="2">
        <v>541</v>
      </c>
      <c r="B2707" s="2">
        <v>541</v>
      </c>
      <c r="C2707" s="1" t="s">
        <v>0</v>
      </c>
      <c r="D2707" s="2">
        <v>155535</v>
      </c>
      <c r="E2707" s="1" t="s">
        <v>0</v>
      </c>
    </row>
    <row r="2708" spans="1:5" x14ac:dyDescent="0.25">
      <c r="A2708" s="1" t="s">
        <v>500</v>
      </c>
      <c r="B2708" s="1" t="s">
        <v>5755</v>
      </c>
      <c r="C2708" s="1" t="s">
        <v>17022</v>
      </c>
      <c r="D2708" s="2">
        <v>155536</v>
      </c>
      <c r="E2708" s="1" t="s">
        <v>0</v>
      </c>
    </row>
    <row r="2709" spans="1:5" x14ac:dyDescent="0.25">
      <c r="A2709" s="1" t="s">
        <v>17023</v>
      </c>
      <c r="B2709" s="1" t="s">
        <v>5756</v>
      </c>
      <c r="C2709" s="1" t="s">
        <v>17024</v>
      </c>
      <c r="D2709" s="2">
        <v>155537</v>
      </c>
      <c r="E2709" s="1" t="s">
        <v>0</v>
      </c>
    </row>
    <row r="2710" spans="1:5" ht="409.5" x14ac:dyDescent="0.25">
      <c r="A2710" s="4" t="s">
        <v>17025</v>
      </c>
      <c r="B2710" s="1" t="s">
        <v>5757</v>
      </c>
      <c r="C2710" s="1" t="s">
        <v>17026</v>
      </c>
      <c r="D2710" s="2">
        <v>155538</v>
      </c>
      <c r="E2710" s="1" t="s">
        <v>0</v>
      </c>
    </row>
    <row r="2711" spans="1:5" x14ac:dyDescent="0.25">
      <c r="A2711" s="1" t="s">
        <v>17027</v>
      </c>
      <c r="B2711" s="1" t="s">
        <v>51689</v>
      </c>
      <c r="C2711" s="1" t="s">
        <v>17028</v>
      </c>
      <c r="D2711" s="2">
        <v>155539</v>
      </c>
      <c r="E2711" s="1" t="s">
        <v>0</v>
      </c>
    </row>
    <row r="2712" spans="1:5" x14ac:dyDescent="0.25">
      <c r="A2712" s="2">
        <v>542</v>
      </c>
      <c r="B2712" s="2">
        <v>542</v>
      </c>
      <c r="C2712" s="1" t="s">
        <v>0</v>
      </c>
      <c r="D2712" s="2">
        <v>155540</v>
      </c>
      <c r="E2712" s="1" t="s">
        <v>0</v>
      </c>
    </row>
    <row r="2713" spans="1:5" x14ac:dyDescent="0.25">
      <c r="A2713" s="1" t="s">
        <v>501</v>
      </c>
      <c r="B2713" s="1" t="s">
        <v>59768</v>
      </c>
      <c r="C2713" s="1" t="s">
        <v>17029</v>
      </c>
      <c r="D2713" s="2">
        <v>155541</v>
      </c>
      <c r="E2713" s="1" t="s">
        <v>0</v>
      </c>
    </row>
    <row r="2714" spans="1:5" x14ac:dyDescent="0.25">
      <c r="A2714" s="1" t="s">
        <v>17030</v>
      </c>
      <c r="B2714" s="1" t="s">
        <v>62055</v>
      </c>
      <c r="C2714" s="1" t="s">
        <v>17031</v>
      </c>
      <c r="D2714" s="2">
        <v>155542</v>
      </c>
      <c r="E2714" s="1" t="s">
        <v>0</v>
      </c>
    </row>
    <row r="2715" spans="1:5" ht="409.5" x14ac:dyDescent="0.25">
      <c r="A2715" s="4" t="s">
        <v>17032</v>
      </c>
      <c r="B2715" s="1" t="s">
        <v>62056</v>
      </c>
      <c r="C2715" s="1" t="s">
        <v>17033</v>
      </c>
      <c r="D2715" s="2">
        <v>155543</v>
      </c>
      <c r="E2715" s="1" t="s">
        <v>0</v>
      </c>
    </row>
    <row r="2716" spans="1:5" x14ac:dyDescent="0.25">
      <c r="A2716" s="1" t="s">
        <v>17034</v>
      </c>
      <c r="B2716" s="1" t="s">
        <v>62057</v>
      </c>
      <c r="C2716" s="1" t="s">
        <v>17035</v>
      </c>
      <c r="D2716" s="2">
        <v>155544</v>
      </c>
      <c r="E2716" s="1" t="s">
        <v>0</v>
      </c>
    </row>
    <row r="2717" spans="1:5" x14ac:dyDescent="0.25">
      <c r="A2717" s="2">
        <v>543</v>
      </c>
      <c r="B2717" s="2">
        <v>543</v>
      </c>
      <c r="C2717" s="1" t="s">
        <v>0</v>
      </c>
      <c r="D2717" s="2">
        <v>155545</v>
      </c>
      <c r="E2717" s="1" t="s">
        <v>0</v>
      </c>
    </row>
    <row r="2718" spans="1:5" x14ac:dyDescent="0.25">
      <c r="A2718" s="1" t="s">
        <v>502</v>
      </c>
      <c r="B2718" s="1" t="s">
        <v>59554</v>
      </c>
      <c r="C2718" s="1" t="s">
        <v>17036</v>
      </c>
      <c r="D2718" s="2">
        <v>155546</v>
      </c>
      <c r="E2718" s="1" t="s">
        <v>0</v>
      </c>
    </row>
    <row r="2719" spans="1:5" x14ac:dyDescent="0.25">
      <c r="A2719" s="1" t="s">
        <v>17037</v>
      </c>
      <c r="B2719" s="1" t="s">
        <v>62058</v>
      </c>
      <c r="C2719" s="1" t="s">
        <v>17038</v>
      </c>
      <c r="D2719" s="2">
        <v>155547</v>
      </c>
      <c r="E2719" s="1" t="s">
        <v>0</v>
      </c>
    </row>
    <row r="2720" spans="1:5" ht="409.5" x14ac:dyDescent="0.25">
      <c r="A2720" s="4" t="s">
        <v>63982</v>
      </c>
      <c r="B2720" s="1" t="s">
        <v>62059</v>
      </c>
      <c r="C2720" s="1" t="s">
        <v>17039</v>
      </c>
      <c r="D2720" s="2">
        <v>155548</v>
      </c>
      <c r="E2720" s="1" t="s">
        <v>0</v>
      </c>
    </row>
    <row r="2721" spans="1:5" x14ac:dyDescent="0.25">
      <c r="A2721" s="1" t="s">
        <v>17040</v>
      </c>
      <c r="B2721" s="1" t="s">
        <v>51690</v>
      </c>
      <c r="C2721" s="1" t="s">
        <v>17041</v>
      </c>
      <c r="D2721" s="2">
        <v>155549</v>
      </c>
      <c r="E2721" s="1" t="s">
        <v>0</v>
      </c>
    </row>
    <row r="2722" spans="1:5" x14ac:dyDescent="0.25">
      <c r="A2722" s="2">
        <v>544</v>
      </c>
      <c r="B2722" s="2">
        <v>544</v>
      </c>
      <c r="C2722" s="1" t="s">
        <v>0</v>
      </c>
      <c r="D2722" s="2">
        <v>155550</v>
      </c>
      <c r="E2722" s="1" t="s">
        <v>0</v>
      </c>
    </row>
    <row r="2723" spans="1:5" x14ac:dyDescent="0.25">
      <c r="A2723" s="1" t="s">
        <v>503</v>
      </c>
      <c r="B2723" s="1" t="s">
        <v>5758</v>
      </c>
      <c r="C2723" s="1" t="s">
        <v>17042</v>
      </c>
      <c r="D2723" s="2">
        <v>155551</v>
      </c>
      <c r="E2723" s="1" t="s">
        <v>0</v>
      </c>
    </row>
    <row r="2724" spans="1:5" x14ac:dyDescent="0.25">
      <c r="A2724" s="1" t="s">
        <v>17043</v>
      </c>
      <c r="B2724" s="1" t="s">
        <v>58175</v>
      </c>
      <c r="C2724" s="1" t="s">
        <v>17044</v>
      </c>
      <c r="D2724" s="2">
        <v>155552</v>
      </c>
      <c r="E2724" s="1" t="s">
        <v>0</v>
      </c>
    </row>
    <row r="2725" spans="1:5" ht="409.5" x14ac:dyDescent="0.25">
      <c r="A2725" s="4" t="s">
        <v>17045</v>
      </c>
      <c r="B2725" s="1" t="s">
        <v>63204</v>
      </c>
      <c r="C2725" s="1" t="s">
        <v>17046</v>
      </c>
      <c r="D2725" s="2">
        <v>155553</v>
      </c>
      <c r="E2725" s="1" t="s">
        <v>0</v>
      </c>
    </row>
    <row r="2726" spans="1:5" x14ac:dyDescent="0.25">
      <c r="A2726" s="1" t="s">
        <v>17047</v>
      </c>
      <c r="B2726" s="1" t="s">
        <v>51691</v>
      </c>
      <c r="C2726" s="1" t="s">
        <v>17048</v>
      </c>
      <c r="D2726" s="2">
        <v>155554</v>
      </c>
      <c r="E2726" s="1" t="s">
        <v>0</v>
      </c>
    </row>
    <row r="2727" spans="1:5" x14ac:dyDescent="0.25">
      <c r="A2727" s="2">
        <v>545</v>
      </c>
      <c r="B2727" s="2">
        <v>545</v>
      </c>
      <c r="C2727" s="1" t="s">
        <v>0</v>
      </c>
      <c r="D2727" s="2">
        <v>155555</v>
      </c>
      <c r="E2727" s="1" t="s">
        <v>0</v>
      </c>
    </row>
    <row r="2728" spans="1:5" x14ac:dyDescent="0.25">
      <c r="A2728" s="1" t="s">
        <v>504</v>
      </c>
      <c r="B2728" s="1" t="s">
        <v>56910</v>
      </c>
      <c r="C2728" s="1" t="s">
        <v>17049</v>
      </c>
      <c r="D2728" s="2">
        <v>155556</v>
      </c>
      <c r="E2728" s="1" t="s">
        <v>0</v>
      </c>
    </row>
    <row r="2729" spans="1:5" x14ac:dyDescent="0.25">
      <c r="A2729" s="1" t="s">
        <v>61753</v>
      </c>
      <c r="B2729" s="1" t="s">
        <v>5759</v>
      </c>
      <c r="C2729" s="1" t="s">
        <v>17050</v>
      </c>
      <c r="D2729" s="2">
        <v>155557</v>
      </c>
      <c r="E2729" s="1" t="s">
        <v>0</v>
      </c>
    </row>
    <row r="2730" spans="1:5" ht="409.5" x14ac:dyDescent="0.25">
      <c r="A2730" s="4" t="s">
        <v>61754</v>
      </c>
      <c r="B2730" s="1" t="s">
        <v>5760</v>
      </c>
      <c r="C2730" s="1" t="s">
        <v>17051</v>
      </c>
      <c r="D2730" s="2">
        <v>155558</v>
      </c>
      <c r="E2730" s="1" t="s">
        <v>0</v>
      </c>
    </row>
    <row r="2731" spans="1:5" x14ac:dyDescent="0.25">
      <c r="A2731" s="1" t="s">
        <v>17052</v>
      </c>
      <c r="B2731" s="1" t="s">
        <v>5761</v>
      </c>
      <c r="C2731" s="1" t="s">
        <v>17053</v>
      </c>
      <c r="D2731" s="2">
        <v>155559</v>
      </c>
      <c r="E2731" s="1" t="s">
        <v>0</v>
      </c>
    </row>
    <row r="2732" spans="1:5" x14ac:dyDescent="0.25">
      <c r="A2732" s="2">
        <v>546</v>
      </c>
      <c r="B2732" s="2">
        <v>546</v>
      </c>
      <c r="C2732" s="1" t="s">
        <v>0</v>
      </c>
      <c r="D2732" s="2">
        <v>155560</v>
      </c>
      <c r="E2732" s="1" t="s">
        <v>0</v>
      </c>
    </row>
    <row r="2733" spans="1:5" x14ac:dyDescent="0.25">
      <c r="A2733" s="1" t="s">
        <v>505</v>
      </c>
      <c r="B2733" s="1" t="s">
        <v>5762</v>
      </c>
      <c r="C2733" s="1" t="s">
        <v>17054</v>
      </c>
      <c r="D2733" s="2">
        <v>155561</v>
      </c>
      <c r="E2733" s="1" t="s">
        <v>0</v>
      </c>
    </row>
    <row r="2734" spans="1:5" x14ac:dyDescent="0.25">
      <c r="A2734" s="1" t="s">
        <v>17055</v>
      </c>
      <c r="B2734" s="1" t="s">
        <v>63205</v>
      </c>
      <c r="C2734" s="1" t="s">
        <v>17056</v>
      </c>
      <c r="D2734" s="2">
        <v>155562</v>
      </c>
      <c r="E2734" s="1" t="s">
        <v>0</v>
      </c>
    </row>
    <row r="2735" spans="1:5" ht="409.5" x14ac:dyDescent="0.25">
      <c r="A2735" s="4" t="s">
        <v>63983</v>
      </c>
      <c r="B2735" s="1" t="s">
        <v>63206</v>
      </c>
      <c r="C2735" s="1" t="s">
        <v>17057</v>
      </c>
      <c r="D2735" s="2">
        <v>155563</v>
      </c>
      <c r="E2735" s="1" t="s">
        <v>0</v>
      </c>
    </row>
    <row r="2736" spans="1:5" x14ac:dyDescent="0.25">
      <c r="A2736" s="1" t="s">
        <v>17058</v>
      </c>
      <c r="B2736" s="1" t="s">
        <v>51692</v>
      </c>
      <c r="C2736" s="1" t="s">
        <v>17059</v>
      </c>
      <c r="D2736" s="2">
        <v>155564</v>
      </c>
      <c r="E2736" s="1" t="s">
        <v>0</v>
      </c>
    </row>
    <row r="2737" spans="1:5" x14ac:dyDescent="0.25">
      <c r="A2737" s="2">
        <v>547</v>
      </c>
      <c r="B2737" s="2">
        <v>547</v>
      </c>
      <c r="C2737" s="1" t="s">
        <v>0</v>
      </c>
      <c r="D2737" s="2">
        <v>155565</v>
      </c>
      <c r="E2737" s="1" t="s">
        <v>0</v>
      </c>
    </row>
    <row r="2738" spans="1:5" x14ac:dyDescent="0.25">
      <c r="A2738" s="1" t="s">
        <v>506</v>
      </c>
      <c r="B2738" s="1" t="s">
        <v>59555</v>
      </c>
      <c r="C2738" s="1" t="s">
        <v>17060</v>
      </c>
      <c r="D2738" s="2">
        <v>155566</v>
      </c>
      <c r="E2738" s="1" t="s">
        <v>0</v>
      </c>
    </row>
    <row r="2739" spans="1:5" x14ac:dyDescent="0.25">
      <c r="A2739" s="1" t="s">
        <v>17061</v>
      </c>
      <c r="B2739" s="1" t="s">
        <v>5763</v>
      </c>
      <c r="C2739" s="1" t="s">
        <v>17062</v>
      </c>
      <c r="D2739" s="2">
        <v>155567</v>
      </c>
      <c r="E2739" s="1" t="s">
        <v>0</v>
      </c>
    </row>
    <row r="2740" spans="1:5" ht="409.5" x14ac:dyDescent="0.25">
      <c r="A2740" s="4" t="s">
        <v>17063</v>
      </c>
      <c r="B2740" s="1" t="s">
        <v>59556</v>
      </c>
      <c r="C2740" s="1" t="s">
        <v>17064</v>
      </c>
      <c r="D2740" s="2">
        <v>155568</v>
      </c>
      <c r="E2740" s="1" t="s">
        <v>0</v>
      </c>
    </row>
    <row r="2741" spans="1:5" x14ac:dyDescent="0.25">
      <c r="A2741" s="1" t="s">
        <v>17065</v>
      </c>
      <c r="B2741" s="1" t="s">
        <v>60911</v>
      </c>
      <c r="C2741" s="1" t="s">
        <v>17066</v>
      </c>
      <c r="D2741" s="2">
        <v>155569</v>
      </c>
      <c r="E2741" s="1" t="s">
        <v>0</v>
      </c>
    </row>
    <row r="2742" spans="1:5" x14ac:dyDescent="0.25">
      <c r="A2742" s="2">
        <v>548</v>
      </c>
      <c r="B2742" s="2">
        <v>548</v>
      </c>
      <c r="C2742" s="1" t="s">
        <v>0</v>
      </c>
      <c r="D2742" s="2">
        <v>155570</v>
      </c>
      <c r="E2742" s="1" t="s">
        <v>0</v>
      </c>
    </row>
    <row r="2743" spans="1:5" x14ac:dyDescent="0.25">
      <c r="A2743" s="1" t="s">
        <v>507</v>
      </c>
      <c r="B2743" s="1" t="s">
        <v>5764</v>
      </c>
      <c r="C2743" s="1" t="s">
        <v>17067</v>
      </c>
      <c r="D2743" s="2">
        <v>155571</v>
      </c>
      <c r="E2743" s="1" t="s">
        <v>0</v>
      </c>
    </row>
    <row r="2744" spans="1:5" x14ac:dyDescent="0.25">
      <c r="A2744" s="1" t="s">
        <v>17068</v>
      </c>
      <c r="B2744" s="1" t="s">
        <v>51693</v>
      </c>
      <c r="C2744" s="1" t="s">
        <v>17069</v>
      </c>
      <c r="D2744" s="2">
        <v>155572</v>
      </c>
      <c r="E2744" s="1" t="s">
        <v>0</v>
      </c>
    </row>
    <row r="2745" spans="1:5" ht="409.5" x14ac:dyDescent="0.25">
      <c r="A2745" s="4" t="s">
        <v>17070</v>
      </c>
      <c r="B2745" s="1" t="s">
        <v>51694</v>
      </c>
      <c r="C2745" s="1" t="s">
        <v>17071</v>
      </c>
      <c r="D2745" s="2">
        <v>155573</v>
      </c>
      <c r="E2745" s="1" t="s">
        <v>0</v>
      </c>
    </row>
    <row r="2746" spans="1:5" x14ac:dyDescent="0.25">
      <c r="A2746" s="1" t="s">
        <v>17072</v>
      </c>
      <c r="B2746" s="1" t="s">
        <v>5765</v>
      </c>
      <c r="C2746" s="1" t="s">
        <v>17073</v>
      </c>
      <c r="D2746" s="2">
        <v>155574</v>
      </c>
      <c r="E2746" s="1" t="s">
        <v>0</v>
      </c>
    </row>
    <row r="2747" spans="1:5" x14ac:dyDescent="0.25">
      <c r="A2747" s="2">
        <v>549</v>
      </c>
      <c r="B2747" s="2">
        <v>549</v>
      </c>
      <c r="C2747" s="1" t="s">
        <v>0</v>
      </c>
      <c r="D2747" s="2">
        <v>155575</v>
      </c>
      <c r="E2747" s="1" t="s">
        <v>0</v>
      </c>
    </row>
    <row r="2748" spans="1:5" x14ac:dyDescent="0.25">
      <c r="A2748" s="1" t="s">
        <v>508</v>
      </c>
      <c r="B2748" s="1" t="s">
        <v>5766</v>
      </c>
      <c r="C2748" s="1" t="s">
        <v>17074</v>
      </c>
      <c r="D2748" s="2">
        <v>155576</v>
      </c>
      <c r="E2748" s="1" t="s">
        <v>0</v>
      </c>
    </row>
    <row r="2749" spans="1:5" x14ac:dyDescent="0.25">
      <c r="A2749" s="1" t="s">
        <v>17075</v>
      </c>
      <c r="B2749" s="1" t="s">
        <v>51695</v>
      </c>
      <c r="C2749" s="1" t="s">
        <v>17076</v>
      </c>
      <c r="D2749" s="2">
        <v>155577</v>
      </c>
      <c r="E2749" s="1" t="s">
        <v>0</v>
      </c>
    </row>
    <row r="2750" spans="1:5" ht="409.5" x14ac:dyDescent="0.25">
      <c r="A2750" s="4" t="s">
        <v>17077</v>
      </c>
      <c r="B2750" s="1" t="s">
        <v>51696</v>
      </c>
      <c r="C2750" s="1" t="s">
        <v>17078</v>
      </c>
      <c r="D2750" s="2">
        <v>155578</v>
      </c>
      <c r="E2750" s="1" t="s">
        <v>0</v>
      </c>
    </row>
    <row r="2751" spans="1:5" x14ac:dyDescent="0.25">
      <c r="A2751" s="1" t="s">
        <v>17079</v>
      </c>
      <c r="B2751" s="1" t="s">
        <v>5767</v>
      </c>
      <c r="C2751" s="1" t="s">
        <v>17080</v>
      </c>
      <c r="D2751" s="2">
        <v>155579</v>
      </c>
      <c r="E2751" s="1" t="s">
        <v>0</v>
      </c>
    </row>
    <row r="2752" spans="1:5" x14ac:dyDescent="0.25">
      <c r="A2752" s="2">
        <v>550</v>
      </c>
      <c r="B2752" s="2">
        <v>550</v>
      </c>
      <c r="C2752" s="1" t="s">
        <v>0</v>
      </c>
      <c r="D2752" s="2">
        <v>155580</v>
      </c>
      <c r="E2752" s="1" t="s">
        <v>0</v>
      </c>
    </row>
    <row r="2753" spans="1:5" x14ac:dyDescent="0.25">
      <c r="A2753" s="1" t="s">
        <v>509</v>
      </c>
      <c r="B2753" s="1" t="s">
        <v>51697</v>
      </c>
      <c r="C2753" s="1" t="s">
        <v>17081</v>
      </c>
      <c r="D2753" s="2">
        <v>155581</v>
      </c>
      <c r="E2753" s="1" t="s">
        <v>0</v>
      </c>
    </row>
    <row r="2754" spans="1:5" x14ac:dyDescent="0.25">
      <c r="A2754" s="1" t="s">
        <v>17082</v>
      </c>
      <c r="B2754" s="1" t="s">
        <v>51698</v>
      </c>
      <c r="C2754" s="1" t="s">
        <v>17083</v>
      </c>
      <c r="D2754" s="2">
        <v>155582</v>
      </c>
      <c r="E2754" s="1" t="s">
        <v>0</v>
      </c>
    </row>
    <row r="2755" spans="1:5" ht="409.5" x14ac:dyDescent="0.25">
      <c r="A2755" s="4" t="s">
        <v>17084</v>
      </c>
      <c r="B2755" s="1" t="s">
        <v>51699</v>
      </c>
      <c r="C2755" s="1" t="s">
        <v>17085</v>
      </c>
      <c r="D2755" s="2">
        <v>155583</v>
      </c>
      <c r="E2755" s="1" t="s">
        <v>0</v>
      </c>
    </row>
    <row r="2756" spans="1:5" x14ac:dyDescent="0.25">
      <c r="A2756" s="1" t="s">
        <v>17086</v>
      </c>
      <c r="B2756" s="1" t="s">
        <v>51700</v>
      </c>
      <c r="C2756" s="1" t="s">
        <v>17087</v>
      </c>
      <c r="D2756" s="2">
        <v>155584</v>
      </c>
      <c r="E2756" s="1" t="s">
        <v>0</v>
      </c>
    </row>
    <row r="2757" spans="1:5" x14ac:dyDescent="0.25">
      <c r="A2757" s="2">
        <v>551</v>
      </c>
      <c r="B2757" s="2">
        <v>551</v>
      </c>
      <c r="C2757" s="1" t="s">
        <v>0</v>
      </c>
      <c r="D2757" s="2">
        <v>155585</v>
      </c>
      <c r="E2757" s="1" t="s">
        <v>0</v>
      </c>
    </row>
    <row r="2758" spans="1:5" x14ac:dyDescent="0.25">
      <c r="A2758" s="1" t="s">
        <v>510</v>
      </c>
      <c r="B2758" s="1" t="s">
        <v>5768</v>
      </c>
      <c r="C2758" s="1" t="s">
        <v>17088</v>
      </c>
      <c r="D2758" s="2">
        <v>155586</v>
      </c>
      <c r="E2758" s="1" t="s">
        <v>0</v>
      </c>
    </row>
    <row r="2759" spans="1:5" x14ac:dyDescent="0.25">
      <c r="A2759" s="1" t="s">
        <v>17089</v>
      </c>
      <c r="B2759" s="1" t="s">
        <v>51701</v>
      </c>
      <c r="C2759" s="1" t="s">
        <v>17090</v>
      </c>
      <c r="D2759" s="2">
        <v>155587</v>
      </c>
      <c r="E2759" s="1" t="s">
        <v>0</v>
      </c>
    </row>
    <row r="2760" spans="1:5" ht="409.5" x14ac:dyDescent="0.25">
      <c r="A2760" s="4" t="s">
        <v>17091</v>
      </c>
      <c r="B2760" s="1" t="s">
        <v>51702</v>
      </c>
      <c r="C2760" s="1" t="s">
        <v>17092</v>
      </c>
      <c r="D2760" s="2">
        <v>155588</v>
      </c>
      <c r="E2760" s="1" t="s">
        <v>0</v>
      </c>
    </row>
    <row r="2761" spans="1:5" x14ac:dyDescent="0.25">
      <c r="A2761" s="1" t="s">
        <v>17093</v>
      </c>
      <c r="B2761" s="1" t="s">
        <v>5769</v>
      </c>
      <c r="C2761" s="1" t="s">
        <v>17094</v>
      </c>
      <c r="D2761" s="2">
        <v>155589</v>
      </c>
      <c r="E2761" s="1" t="s">
        <v>0</v>
      </c>
    </row>
    <row r="2762" spans="1:5" x14ac:dyDescent="0.25">
      <c r="A2762" s="2">
        <v>552</v>
      </c>
      <c r="B2762" s="2">
        <v>552</v>
      </c>
      <c r="C2762" s="1" t="s">
        <v>0</v>
      </c>
      <c r="D2762" s="2">
        <v>155590</v>
      </c>
      <c r="E2762" s="1" t="s">
        <v>0</v>
      </c>
    </row>
    <row r="2763" spans="1:5" x14ac:dyDescent="0.25">
      <c r="A2763" s="1" t="s">
        <v>511</v>
      </c>
      <c r="B2763" s="1" t="s">
        <v>5770</v>
      </c>
      <c r="C2763" s="1" t="s">
        <v>17095</v>
      </c>
      <c r="D2763" s="2">
        <v>155591</v>
      </c>
      <c r="E2763" s="1" t="s">
        <v>0</v>
      </c>
    </row>
    <row r="2764" spans="1:5" x14ac:dyDescent="0.25">
      <c r="A2764" s="1" t="s">
        <v>17096</v>
      </c>
      <c r="B2764" s="1" t="s">
        <v>51703</v>
      </c>
      <c r="C2764" s="1" t="s">
        <v>17097</v>
      </c>
      <c r="D2764" s="2">
        <v>155592</v>
      </c>
      <c r="E2764" s="1" t="s">
        <v>0</v>
      </c>
    </row>
    <row r="2765" spans="1:5" ht="409.5" x14ac:dyDescent="0.25">
      <c r="A2765" s="4" t="s">
        <v>17098</v>
      </c>
      <c r="B2765" s="1" t="s">
        <v>51704</v>
      </c>
      <c r="C2765" s="1" t="s">
        <v>17099</v>
      </c>
      <c r="D2765" s="2">
        <v>155593</v>
      </c>
      <c r="E2765" s="1" t="s">
        <v>0</v>
      </c>
    </row>
    <row r="2766" spans="1:5" x14ac:dyDescent="0.25">
      <c r="A2766" s="1" t="s">
        <v>17100</v>
      </c>
      <c r="B2766" s="1" t="s">
        <v>5771</v>
      </c>
      <c r="C2766" s="1" t="s">
        <v>17101</v>
      </c>
      <c r="D2766" s="2">
        <v>155594</v>
      </c>
      <c r="E2766" s="1" t="s">
        <v>0</v>
      </c>
    </row>
    <row r="2767" spans="1:5" x14ac:dyDescent="0.25">
      <c r="A2767" s="2">
        <v>553</v>
      </c>
      <c r="B2767" s="2">
        <v>553</v>
      </c>
      <c r="C2767" s="1" t="s">
        <v>0</v>
      </c>
      <c r="D2767" s="2">
        <v>155595</v>
      </c>
      <c r="E2767" s="1" t="s">
        <v>0</v>
      </c>
    </row>
    <row r="2768" spans="1:5" x14ac:dyDescent="0.25">
      <c r="A2768" s="1" t="s">
        <v>512</v>
      </c>
      <c r="B2768" s="1" t="s">
        <v>5772</v>
      </c>
      <c r="C2768" s="1" t="s">
        <v>17102</v>
      </c>
      <c r="D2768" s="2">
        <v>155596</v>
      </c>
      <c r="E2768" s="1" t="s">
        <v>0</v>
      </c>
    </row>
    <row r="2769" spans="1:5" x14ac:dyDescent="0.25">
      <c r="A2769" s="1" t="s">
        <v>17103</v>
      </c>
      <c r="B2769" s="1" t="s">
        <v>51705</v>
      </c>
      <c r="C2769" s="1" t="s">
        <v>17104</v>
      </c>
      <c r="D2769" s="2">
        <v>155597</v>
      </c>
      <c r="E2769" s="1" t="s">
        <v>0</v>
      </c>
    </row>
    <row r="2770" spans="1:5" ht="409.5" x14ac:dyDescent="0.25">
      <c r="A2770" s="4" t="s">
        <v>17105</v>
      </c>
      <c r="B2770" s="1" t="s">
        <v>51706</v>
      </c>
      <c r="C2770" s="1" t="s">
        <v>17106</v>
      </c>
      <c r="D2770" s="2">
        <v>155598</v>
      </c>
      <c r="E2770" s="1" t="s">
        <v>0</v>
      </c>
    </row>
    <row r="2771" spans="1:5" x14ac:dyDescent="0.25">
      <c r="A2771" s="1" t="s">
        <v>17107</v>
      </c>
      <c r="B2771" s="1" t="s">
        <v>60912</v>
      </c>
      <c r="C2771" s="1" t="s">
        <v>17108</v>
      </c>
      <c r="D2771" s="2">
        <v>155599</v>
      </c>
      <c r="E2771" s="1" t="s">
        <v>0</v>
      </c>
    </row>
    <row r="2772" spans="1:5" x14ac:dyDescent="0.25">
      <c r="A2772" s="2">
        <v>554</v>
      </c>
      <c r="B2772" s="2">
        <v>554</v>
      </c>
      <c r="C2772" s="1" t="s">
        <v>0</v>
      </c>
      <c r="D2772" s="2">
        <v>155600</v>
      </c>
      <c r="E2772" s="1" t="s">
        <v>0</v>
      </c>
    </row>
    <row r="2773" spans="1:5" x14ac:dyDescent="0.25">
      <c r="A2773" s="1" t="s">
        <v>513</v>
      </c>
      <c r="B2773" s="1" t="s">
        <v>5773</v>
      </c>
      <c r="C2773" s="1" t="s">
        <v>17109</v>
      </c>
      <c r="D2773" s="2">
        <v>155601</v>
      </c>
      <c r="E2773" s="1" t="s">
        <v>0</v>
      </c>
    </row>
    <row r="2774" spans="1:5" x14ac:dyDescent="0.25">
      <c r="A2774" s="1" t="s">
        <v>17110</v>
      </c>
      <c r="B2774" s="1" t="s">
        <v>5774</v>
      </c>
      <c r="C2774" s="1" t="s">
        <v>17111</v>
      </c>
      <c r="D2774" s="2">
        <v>155602</v>
      </c>
      <c r="E2774" s="1" t="s">
        <v>0</v>
      </c>
    </row>
    <row r="2775" spans="1:5" ht="409.5" x14ac:dyDescent="0.25">
      <c r="A2775" s="4" t="s">
        <v>17112</v>
      </c>
      <c r="B2775" s="1" t="s">
        <v>57722</v>
      </c>
      <c r="C2775" s="1" t="s">
        <v>17113</v>
      </c>
      <c r="D2775" s="2">
        <v>155603</v>
      </c>
      <c r="E2775" s="1" t="s">
        <v>0</v>
      </c>
    </row>
    <row r="2776" spans="1:5" x14ac:dyDescent="0.25">
      <c r="A2776" s="1" t="s">
        <v>17114</v>
      </c>
      <c r="B2776" s="1" t="s">
        <v>51707</v>
      </c>
      <c r="C2776" s="1" t="s">
        <v>17115</v>
      </c>
      <c r="D2776" s="2">
        <v>155604</v>
      </c>
      <c r="E2776" s="1" t="s">
        <v>0</v>
      </c>
    </row>
    <row r="2777" spans="1:5" x14ac:dyDescent="0.25">
      <c r="A2777" s="2">
        <v>555</v>
      </c>
      <c r="B2777" s="2">
        <v>555</v>
      </c>
      <c r="C2777" s="1" t="s">
        <v>0</v>
      </c>
      <c r="D2777" s="2">
        <v>155605</v>
      </c>
      <c r="E2777" s="1" t="s">
        <v>0</v>
      </c>
    </row>
    <row r="2778" spans="1:5" x14ac:dyDescent="0.25">
      <c r="A2778" s="1" t="s">
        <v>514</v>
      </c>
      <c r="B2778" s="1" t="s">
        <v>5775</v>
      </c>
      <c r="C2778" s="1" t="s">
        <v>17116</v>
      </c>
      <c r="D2778" s="2">
        <v>155606</v>
      </c>
      <c r="E2778" s="1" t="s">
        <v>0</v>
      </c>
    </row>
    <row r="2779" spans="1:5" x14ac:dyDescent="0.25">
      <c r="A2779" s="1" t="s">
        <v>17117</v>
      </c>
      <c r="B2779" s="1" t="s">
        <v>51708</v>
      </c>
      <c r="C2779" s="1" t="s">
        <v>17118</v>
      </c>
      <c r="D2779" s="2">
        <v>155607</v>
      </c>
      <c r="E2779" s="1" t="s">
        <v>0</v>
      </c>
    </row>
    <row r="2780" spans="1:5" ht="409.5" x14ac:dyDescent="0.25">
      <c r="A2780" s="4" t="s">
        <v>17119</v>
      </c>
      <c r="B2780" s="1" t="s">
        <v>51709</v>
      </c>
      <c r="C2780" s="1" t="s">
        <v>17120</v>
      </c>
      <c r="D2780" s="2">
        <v>155608</v>
      </c>
      <c r="E2780" s="1" t="s">
        <v>0</v>
      </c>
    </row>
    <row r="2781" spans="1:5" x14ac:dyDescent="0.25">
      <c r="A2781" s="1" t="s">
        <v>17121</v>
      </c>
      <c r="B2781" s="1" t="s">
        <v>51710</v>
      </c>
      <c r="C2781" s="1" t="s">
        <v>17122</v>
      </c>
      <c r="D2781" s="2">
        <v>155609</v>
      </c>
      <c r="E2781" s="1" t="s">
        <v>0</v>
      </c>
    </row>
    <row r="2782" spans="1:5" x14ac:dyDescent="0.25">
      <c r="A2782" s="2">
        <v>556</v>
      </c>
      <c r="B2782" s="2">
        <v>556</v>
      </c>
      <c r="C2782" s="1" t="s">
        <v>0</v>
      </c>
      <c r="D2782" s="2">
        <v>155610</v>
      </c>
      <c r="E2782" s="1" t="s">
        <v>0</v>
      </c>
    </row>
    <row r="2783" spans="1:5" x14ac:dyDescent="0.25">
      <c r="A2783" s="1" t="s">
        <v>515</v>
      </c>
      <c r="B2783" s="1" t="s">
        <v>5776</v>
      </c>
      <c r="C2783" s="1" t="s">
        <v>17123</v>
      </c>
      <c r="D2783" s="2">
        <v>155611</v>
      </c>
      <c r="E2783" s="1" t="s">
        <v>0</v>
      </c>
    </row>
    <row r="2784" spans="1:5" x14ac:dyDescent="0.25">
      <c r="A2784" s="1" t="s">
        <v>17124</v>
      </c>
      <c r="B2784" s="1" t="s">
        <v>58176</v>
      </c>
      <c r="C2784" s="1" t="s">
        <v>17125</v>
      </c>
      <c r="D2784" s="2">
        <v>155612</v>
      </c>
      <c r="E2784" s="1" t="s">
        <v>0</v>
      </c>
    </row>
    <row r="2785" spans="1:5" ht="409.5" x14ac:dyDescent="0.25">
      <c r="A2785" s="4" t="s">
        <v>17126</v>
      </c>
      <c r="B2785" s="1" t="s">
        <v>58177</v>
      </c>
      <c r="C2785" s="1" t="s">
        <v>17127</v>
      </c>
      <c r="D2785" s="2">
        <v>155613</v>
      </c>
      <c r="E2785" s="1" t="s">
        <v>0</v>
      </c>
    </row>
    <row r="2786" spans="1:5" x14ac:dyDescent="0.25">
      <c r="A2786" s="1" t="s">
        <v>17128</v>
      </c>
      <c r="B2786" s="1" t="s">
        <v>5777</v>
      </c>
      <c r="C2786" s="1" t="s">
        <v>17129</v>
      </c>
      <c r="D2786" s="2">
        <v>155614</v>
      </c>
      <c r="E2786" s="1" t="s">
        <v>0</v>
      </c>
    </row>
    <row r="2787" spans="1:5" x14ac:dyDescent="0.25">
      <c r="A2787" s="2">
        <v>557</v>
      </c>
      <c r="B2787" s="2">
        <v>557</v>
      </c>
      <c r="C2787" s="1" t="s">
        <v>0</v>
      </c>
      <c r="D2787" s="2">
        <v>155615</v>
      </c>
      <c r="E2787" s="1" t="s">
        <v>0</v>
      </c>
    </row>
    <row r="2788" spans="1:5" x14ac:dyDescent="0.25">
      <c r="A2788" s="1" t="s">
        <v>516</v>
      </c>
      <c r="B2788" s="1" t="s">
        <v>5778</v>
      </c>
      <c r="C2788" s="1" t="s">
        <v>17130</v>
      </c>
      <c r="D2788" s="2">
        <v>155616</v>
      </c>
      <c r="E2788" s="1" t="s">
        <v>0</v>
      </c>
    </row>
    <row r="2789" spans="1:5" x14ac:dyDescent="0.25">
      <c r="A2789" s="1" t="s">
        <v>17131</v>
      </c>
      <c r="B2789" s="1" t="s">
        <v>51711</v>
      </c>
      <c r="C2789" s="1" t="s">
        <v>17132</v>
      </c>
      <c r="D2789" s="2">
        <v>155617</v>
      </c>
      <c r="E2789" s="1" t="s">
        <v>0</v>
      </c>
    </row>
    <row r="2790" spans="1:5" ht="409.5" x14ac:dyDescent="0.25">
      <c r="A2790" s="4" t="s">
        <v>63984</v>
      </c>
      <c r="B2790" s="1" t="s">
        <v>59557</v>
      </c>
      <c r="C2790" s="1" t="s">
        <v>17133</v>
      </c>
      <c r="D2790" s="2">
        <v>155618</v>
      </c>
      <c r="E2790" s="1" t="s">
        <v>0</v>
      </c>
    </row>
    <row r="2791" spans="1:5" x14ac:dyDescent="0.25">
      <c r="A2791" s="1" t="s">
        <v>17134</v>
      </c>
      <c r="B2791" s="1" t="s">
        <v>5779</v>
      </c>
      <c r="C2791" s="1" t="s">
        <v>17135</v>
      </c>
      <c r="D2791" s="2">
        <v>155619</v>
      </c>
      <c r="E2791" s="1" t="s">
        <v>0</v>
      </c>
    </row>
    <row r="2792" spans="1:5" x14ac:dyDescent="0.25">
      <c r="A2792" s="2">
        <v>558</v>
      </c>
      <c r="B2792" s="2">
        <v>558</v>
      </c>
      <c r="C2792" s="1" t="s">
        <v>0</v>
      </c>
      <c r="D2792" s="2">
        <v>155620</v>
      </c>
      <c r="E2792" s="1" t="s">
        <v>0</v>
      </c>
    </row>
    <row r="2793" spans="1:5" x14ac:dyDescent="0.25">
      <c r="A2793" s="1" t="s">
        <v>517</v>
      </c>
      <c r="B2793" s="1" t="s">
        <v>5780</v>
      </c>
      <c r="C2793" s="1" t="s">
        <v>17136</v>
      </c>
      <c r="D2793" s="2">
        <v>155621</v>
      </c>
      <c r="E2793" s="1" t="s">
        <v>0</v>
      </c>
    </row>
    <row r="2794" spans="1:5" x14ac:dyDescent="0.25">
      <c r="A2794" s="1" t="s">
        <v>17137</v>
      </c>
      <c r="B2794" s="1" t="s">
        <v>60552</v>
      </c>
      <c r="C2794" s="1" t="s">
        <v>17138</v>
      </c>
      <c r="D2794" s="2">
        <v>155622</v>
      </c>
      <c r="E2794" s="1" t="s">
        <v>0</v>
      </c>
    </row>
    <row r="2795" spans="1:5" ht="409.5" x14ac:dyDescent="0.25">
      <c r="A2795" s="4" t="s">
        <v>17139</v>
      </c>
      <c r="B2795" s="1" t="s">
        <v>60553</v>
      </c>
      <c r="C2795" s="1" t="s">
        <v>17140</v>
      </c>
      <c r="D2795" s="2">
        <v>155623</v>
      </c>
      <c r="E2795" s="1" t="s">
        <v>0</v>
      </c>
    </row>
    <row r="2796" spans="1:5" x14ac:dyDescent="0.25">
      <c r="A2796" s="1" t="s">
        <v>17141</v>
      </c>
      <c r="B2796" s="1" t="s">
        <v>51712</v>
      </c>
      <c r="C2796" s="1" t="s">
        <v>17142</v>
      </c>
      <c r="D2796" s="2">
        <v>155624</v>
      </c>
      <c r="E2796" s="1" t="s">
        <v>0</v>
      </c>
    </row>
    <row r="2797" spans="1:5" x14ac:dyDescent="0.25">
      <c r="A2797" s="2">
        <v>559</v>
      </c>
      <c r="B2797" s="2">
        <v>559</v>
      </c>
      <c r="C2797" s="1" t="s">
        <v>0</v>
      </c>
      <c r="D2797" s="2">
        <v>155625</v>
      </c>
      <c r="E2797" s="1" t="s">
        <v>0</v>
      </c>
    </row>
    <row r="2798" spans="1:5" x14ac:dyDescent="0.25">
      <c r="A2798" s="1" t="s">
        <v>518</v>
      </c>
      <c r="B2798" s="1" t="s">
        <v>60554</v>
      </c>
      <c r="C2798" s="1" t="s">
        <v>17143</v>
      </c>
      <c r="D2798" s="2">
        <v>155626</v>
      </c>
      <c r="E2798" s="1" t="s">
        <v>0</v>
      </c>
    </row>
    <row r="2799" spans="1:5" x14ac:dyDescent="0.25">
      <c r="A2799" s="1" t="s">
        <v>17144</v>
      </c>
      <c r="B2799" s="1" t="s">
        <v>63612</v>
      </c>
      <c r="C2799" s="1" t="s">
        <v>17145</v>
      </c>
      <c r="D2799" s="2">
        <v>155627</v>
      </c>
      <c r="E2799" s="1" t="s">
        <v>0</v>
      </c>
    </row>
    <row r="2800" spans="1:5" ht="409.5" x14ac:dyDescent="0.25">
      <c r="A2800" s="4" t="s">
        <v>17146</v>
      </c>
      <c r="B2800" s="1" t="s">
        <v>63613</v>
      </c>
      <c r="C2800" s="1" t="s">
        <v>17147</v>
      </c>
      <c r="D2800" s="2">
        <v>155628</v>
      </c>
      <c r="E2800" s="1" t="s">
        <v>0</v>
      </c>
    </row>
    <row r="2801" spans="1:5" x14ac:dyDescent="0.25">
      <c r="A2801" s="1" t="s">
        <v>17148</v>
      </c>
      <c r="B2801" s="1" t="s">
        <v>60555</v>
      </c>
      <c r="C2801" s="1" t="s">
        <v>17149</v>
      </c>
      <c r="D2801" s="2">
        <v>155629</v>
      </c>
      <c r="E2801" s="1" t="s">
        <v>0</v>
      </c>
    </row>
    <row r="2802" spans="1:5" x14ac:dyDescent="0.25">
      <c r="A2802" s="2">
        <v>560</v>
      </c>
      <c r="B2802" s="2">
        <v>560</v>
      </c>
      <c r="C2802" s="1" t="s">
        <v>0</v>
      </c>
      <c r="D2802" s="2">
        <v>155630</v>
      </c>
      <c r="E2802" s="1" t="s">
        <v>0</v>
      </c>
    </row>
    <row r="2803" spans="1:5" x14ac:dyDescent="0.25">
      <c r="A2803" s="1" t="s">
        <v>519</v>
      </c>
      <c r="B2803" s="1" t="s">
        <v>50420</v>
      </c>
      <c r="C2803" s="1" t="s">
        <v>17150</v>
      </c>
      <c r="D2803" s="2">
        <v>155631</v>
      </c>
      <c r="E2803" s="1" t="s">
        <v>0</v>
      </c>
    </row>
    <row r="2804" spans="1:5" x14ac:dyDescent="0.25">
      <c r="A2804" s="1" t="s">
        <v>17151</v>
      </c>
      <c r="B2804" s="1" t="s">
        <v>51713</v>
      </c>
      <c r="C2804" s="1" t="s">
        <v>17152</v>
      </c>
      <c r="D2804" s="2">
        <v>155632</v>
      </c>
      <c r="E2804" s="1" t="s">
        <v>0</v>
      </c>
    </row>
    <row r="2805" spans="1:5" ht="409.5" x14ac:dyDescent="0.25">
      <c r="A2805" s="4" t="s">
        <v>17153</v>
      </c>
      <c r="B2805" s="1" t="s">
        <v>51714</v>
      </c>
      <c r="C2805" s="1" t="s">
        <v>17154</v>
      </c>
      <c r="D2805" s="2">
        <v>155633</v>
      </c>
      <c r="E2805" s="1" t="s">
        <v>0</v>
      </c>
    </row>
    <row r="2806" spans="1:5" x14ac:dyDescent="0.25">
      <c r="A2806" s="1" t="s">
        <v>17155</v>
      </c>
      <c r="B2806" s="1" t="s">
        <v>5781</v>
      </c>
      <c r="C2806" s="1" t="s">
        <v>17156</v>
      </c>
      <c r="D2806" s="2">
        <v>155634</v>
      </c>
      <c r="E2806" s="1" t="s">
        <v>0</v>
      </c>
    </row>
    <row r="2807" spans="1:5" x14ac:dyDescent="0.25">
      <c r="A2807" s="2">
        <v>561</v>
      </c>
      <c r="B2807" s="2">
        <v>561</v>
      </c>
      <c r="C2807" s="1" t="s">
        <v>0</v>
      </c>
      <c r="D2807" s="2">
        <v>155635</v>
      </c>
      <c r="E2807" s="1" t="s">
        <v>0</v>
      </c>
    </row>
    <row r="2808" spans="1:5" x14ac:dyDescent="0.25">
      <c r="A2808" s="1" t="s">
        <v>12995</v>
      </c>
      <c r="B2808" s="1" t="s">
        <v>5782</v>
      </c>
      <c r="C2808" s="1" t="s">
        <v>17157</v>
      </c>
      <c r="D2808" s="2">
        <v>155636</v>
      </c>
      <c r="E2808" s="1" t="s">
        <v>0</v>
      </c>
    </row>
    <row r="2809" spans="1:5" x14ac:dyDescent="0.25">
      <c r="A2809" s="1" t="s">
        <v>17158</v>
      </c>
      <c r="B2809" s="1" t="s">
        <v>59558</v>
      </c>
      <c r="C2809" s="1" t="s">
        <v>17159</v>
      </c>
      <c r="D2809" s="2">
        <v>155637</v>
      </c>
      <c r="E2809" s="1" t="s">
        <v>0</v>
      </c>
    </row>
    <row r="2810" spans="1:5" ht="409.5" x14ac:dyDescent="0.25">
      <c r="A2810" s="4" t="s">
        <v>17160</v>
      </c>
      <c r="B2810" s="1" t="s">
        <v>59559</v>
      </c>
      <c r="C2810" s="1" t="s">
        <v>17161</v>
      </c>
      <c r="D2810" s="2">
        <v>155638</v>
      </c>
      <c r="E2810" s="1" t="s">
        <v>0</v>
      </c>
    </row>
    <row r="2811" spans="1:5" x14ac:dyDescent="0.25">
      <c r="A2811" s="1" t="s">
        <v>17162</v>
      </c>
      <c r="B2811" s="1" t="s">
        <v>57396</v>
      </c>
      <c r="C2811" s="1" t="s">
        <v>17163</v>
      </c>
      <c r="D2811" s="2">
        <v>155639</v>
      </c>
      <c r="E2811" s="1" t="s">
        <v>0</v>
      </c>
    </row>
    <row r="2812" spans="1:5" x14ac:dyDescent="0.25">
      <c r="A2812" s="2">
        <v>562</v>
      </c>
      <c r="B2812" s="2">
        <v>562</v>
      </c>
      <c r="C2812" s="1" t="s">
        <v>0</v>
      </c>
      <c r="D2812" s="2">
        <v>155640</v>
      </c>
      <c r="E2812" s="1" t="s">
        <v>0</v>
      </c>
    </row>
    <row r="2813" spans="1:5" x14ac:dyDescent="0.25">
      <c r="A2813" s="1" t="s">
        <v>12996</v>
      </c>
      <c r="B2813" s="1" t="s">
        <v>50421</v>
      </c>
      <c r="C2813" s="1" t="s">
        <v>17164</v>
      </c>
      <c r="D2813" s="2">
        <v>155641</v>
      </c>
      <c r="E2813" s="1" t="s">
        <v>0</v>
      </c>
    </row>
    <row r="2814" spans="1:5" x14ac:dyDescent="0.25">
      <c r="A2814" s="1" t="s">
        <v>17165</v>
      </c>
      <c r="B2814" s="1" t="s">
        <v>57397</v>
      </c>
      <c r="C2814" s="1" t="s">
        <v>17166</v>
      </c>
      <c r="D2814" s="2">
        <v>155642</v>
      </c>
      <c r="E2814" s="1" t="s">
        <v>0</v>
      </c>
    </row>
    <row r="2815" spans="1:5" ht="409.5" x14ac:dyDescent="0.25">
      <c r="A2815" s="4" t="s">
        <v>17167</v>
      </c>
      <c r="B2815" s="1" t="s">
        <v>57398</v>
      </c>
      <c r="C2815" s="1" t="s">
        <v>17168</v>
      </c>
      <c r="D2815" s="2">
        <v>155643</v>
      </c>
      <c r="E2815" s="1" t="s">
        <v>0</v>
      </c>
    </row>
    <row r="2816" spans="1:5" x14ac:dyDescent="0.25">
      <c r="A2816" s="1" t="s">
        <v>17169</v>
      </c>
      <c r="B2816" s="1" t="s">
        <v>51715</v>
      </c>
      <c r="C2816" s="1" t="s">
        <v>17170</v>
      </c>
      <c r="D2816" s="2">
        <v>155644</v>
      </c>
      <c r="E2816" s="1" t="s">
        <v>0</v>
      </c>
    </row>
    <row r="2817" spans="1:5" x14ac:dyDescent="0.25">
      <c r="A2817" s="2">
        <v>563</v>
      </c>
      <c r="B2817" s="2">
        <v>563</v>
      </c>
      <c r="C2817" s="1" t="s">
        <v>0</v>
      </c>
      <c r="D2817" s="2">
        <v>155645</v>
      </c>
      <c r="E2817" s="1" t="s">
        <v>0</v>
      </c>
    </row>
    <row r="2818" spans="1:5" x14ac:dyDescent="0.25">
      <c r="A2818" s="1" t="s">
        <v>520</v>
      </c>
      <c r="B2818" s="1" t="s">
        <v>5783</v>
      </c>
      <c r="C2818" s="1" t="s">
        <v>17171</v>
      </c>
      <c r="D2818" s="2">
        <v>155646</v>
      </c>
      <c r="E2818" s="1" t="s">
        <v>0</v>
      </c>
    </row>
    <row r="2819" spans="1:5" x14ac:dyDescent="0.25">
      <c r="A2819" s="1" t="s">
        <v>17172</v>
      </c>
      <c r="B2819" s="1" t="s">
        <v>51716</v>
      </c>
      <c r="C2819" s="1" t="s">
        <v>17173</v>
      </c>
      <c r="D2819" s="2">
        <v>155647</v>
      </c>
      <c r="E2819" s="1" t="s">
        <v>0</v>
      </c>
    </row>
    <row r="2820" spans="1:5" ht="409.5" x14ac:dyDescent="0.25">
      <c r="A2820" s="4" t="s">
        <v>17174</v>
      </c>
      <c r="B2820" s="1" t="s">
        <v>51717</v>
      </c>
      <c r="C2820" s="1" t="s">
        <v>17175</v>
      </c>
      <c r="D2820" s="2">
        <v>155648</v>
      </c>
      <c r="E2820" s="1" t="s">
        <v>0</v>
      </c>
    </row>
    <row r="2821" spans="1:5" x14ac:dyDescent="0.25">
      <c r="A2821" s="1" t="s">
        <v>17176</v>
      </c>
      <c r="B2821" s="1" t="s">
        <v>57125</v>
      </c>
      <c r="C2821" s="1" t="s">
        <v>17177</v>
      </c>
      <c r="D2821" s="2">
        <v>155649</v>
      </c>
      <c r="E2821" s="1" t="s">
        <v>0</v>
      </c>
    </row>
    <row r="2822" spans="1:5" x14ac:dyDescent="0.25">
      <c r="A2822" s="2">
        <v>564</v>
      </c>
      <c r="B2822" s="2">
        <v>564</v>
      </c>
      <c r="C2822" s="1" t="s">
        <v>0</v>
      </c>
      <c r="D2822" s="2">
        <v>155650</v>
      </c>
      <c r="E2822" s="1" t="s">
        <v>0</v>
      </c>
    </row>
    <row r="2823" spans="1:5" x14ac:dyDescent="0.25">
      <c r="A2823" s="1" t="s">
        <v>521</v>
      </c>
      <c r="B2823" s="1" t="s">
        <v>5784</v>
      </c>
      <c r="C2823" s="1" t="s">
        <v>17178</v>
      </c>
      <c r="D2823" s="2">
        <v>155651</v>
      </c>
      <c r="E2823" s="1" t="s">
        <v>0</v>
      </c>
    </row>
    <row r="2824" spans="1:5" x14ac:dyDescent="0.25">
      <c r="A2824" s="1" t="s">
        <v>17179</v>
      </c>
      <c r="B2824" s="1" t="s">
        <v>51718</v>
      </c>
      <c r="C2824" s="1" t="s">
        <v>17180</v>
      </c>
      <c r="D2824" s="2">
        <v>155652</v>
      </c>
      <c r="E2824" s="1" t="s">
        <v>0</v>
      </c>
    </row>
    <row r="2825" spans="1:5" ht="409.5" x14ac:dyDescent="0.25">
      <c r="A2825" s="4" t="s">
        <v>17181</v>
      </c>
      <c r="B2825" s="1" t="s">
        <v>57399</v>
      </c>
      <c r="C2825" s="1" t="s">
        <v>17182</v>
      </c>
      <c r="D2825" s="2">
        <v>155653</v>
      </c>
      <c r="E2825" s="1" t="s">
        <v>0</v>
      </c>
    </row>
    <row r="2826" spans="1:5" x14ac:dyDescent="0.25">
      <c r="A2826" s="1" t="s">
        <v>17183</v>
      </c>
      <c r="B2826" s="1" t="s">
        <v>51719</v>
      </c>
      <c r="C2826" s="1" t="s">
        <v>17184</v>
      </c>
      <c r="D2826" s="2">
        <v>155654</v>
      </c>
      <c r="E2826" s="1" t="s">
        <v>0</v>
      </c>
    </row>
    <row r="2827" spans="1:5" x14ac:dyDescent="0.25">
      <c r="A2827" s="2">
        <v>565</v>
      </c>
      <c r="B2827" s="2">
        <v>565</v>
      </c>
      <c r="C2827" s="1" t="s">
        <v>0</v>
      </c>
      <c r="D2827" s="2">
        <v>155655</v>
      </c>
      <c r="E2827" s="1" t="s">
        <v>0</v>
      </c>
    </row>
    <row r="2828" spans="1:5" x14ac:dyDescent="0.25">
      <c r="A2828" s="1" t="s">
        <v>522</v>
      </c>
      <c r="B2828" s="1" t="s">
        <v>5785</v>
      </c>
      <c r="C2828" s="1" t="s">
        <v>17185</v>
      </c>
      <c r="D2828" s="2">
        <v>155656</v>
      </c>
      <c r="E2828" s="1" t="s">
        <v>0</v>
      </c>
    </row>
    <row r="2829" spans="1:5" x14ac:dyDescent="0.25">
      <c r="A2829" s="1" t="s">
        <v>17186</v>
      </c>
      <c r="B2829" s="1" t="s">
        <v>51720</v>
      </c>
      <c r="C2829" s="1" t="s">
        <v>17187</v>
      </c>
      <c r="D2829" s="2">
        <v>155657</v>
      </c>
      <c r="E2829" s="1" t="s">
        <v>0</v>
      </c>
    </row>
    <row r="2830" spans="1:5" ht="409.5" x14ac:dyDescent="0.25">
      <c r="A2830" s="4" t="s">
        <v>17188</v>
      </c>
      <c r="B2830" s="1" t="s">
        <v>51721</v>
      </c>
      <c r="C2830" s="1" t="s">
        <v>17189</v>
      </c>
      <c r="D2830" s="2">
        <v>155658</v>
      </c>
      <c r="E2830" s="1" t="s">
        <v>0</v>
      </c>
    </row>
    <row r="2831" spans="1:5" x14ac:dyDescent="0.25">
      <c r="A2831" s="1" t="s">
        <v>17190</v>
      </c>
      <c r="B2831" s="1" t="s">
        <v>5786</v>
      </c>
      <c r="C2831" s="1" t="s">
        <v>17191</v>
      </c>
      <c r="D2831" s="2">
        <v>155659</v>
      </c>
      <c r="E2831" s="1" t="s">
        <v>0</v>
      </c>
    </row>
    <row r="2832" spans="1:5" x14ac:dyDescent="0.25">
      <c r="A2832" s="2">
        <v>566</v>
      </c>
      <c r="B2832" s="2">
        <v>566</v>
      </c>
      <c r="C2832" s="1" t="s">
        <v>0</v>
      </c>
      <c r="D2832" s="2">
        <v>155660</v>
      </c>
      <c r="E2832" s="1" t="s">
        <v>0</v>
      </c>
    </row>
    <row r="2833" spans="1:5" x14ac:dyDescent="0.25">
      <c r="A2833" s="1" t="s">
        <v>523</v>
      </c>
      <c r="B2833" s="1" t="s">
        <v>5787</v>
      </c>
      <c r="C2833" s="1" t="s">
        <v>17192</v>
      </c>
      <c r="D2833" s="2">
        <v>155661</v>
      </c>
      <c r="E2833" s="1" t="s">
        <v>0</v>
      </c>
    </row>
    <row r="2834" spans="1:5" x14ac:dyDescent="0.25">
      <c r="A2834" s="1" t="s">
        <v>17193</v>
      </c>
      <c r="B2834" s="1" t="s">
        <v>63614</v>
      </c>
      <c r="C2834" s="1" t="s">
        <v>17194</v>
      </c>
      <c r="D2834" s="2">
        <v>155662</v>
      </c>
      <c r="E2834" s="1" t="s">
        <v>0</v>
      </c>
    </row>
    <row r="2835" spans="1:5" ht="409.5" x14ac:dyDescent="0.25">
      <c r="A2835" s="4" t="s">
        <v>17195</v>
      </c>
      <c r="B2835" s="1" t="s">
        <v>63615</v>
      </c>
      <c r="C2835" s="1" t="s">
        <v>17196</v>
      </c>
      <c r="D2835" s="2">
        <v>155663</v>
      </c>
      <c r="E2835" s="1" t="s">
        <v>0</v>
      </c>
    </row>
    <row r="2836" spans="1:5" x14ac:dyDescent="0.25">
      <c r="A2836" s="1" t="s">
        <v>17197</v>
      </c>
      <c r="B2836" s="1" t="s">
        <v>5788</v>
      </c>
      <c r="C2836" s="1" t="s">
        <v>17198</v>
      </c>
      <c r="D2836" s="2">
        <v>155664</v>
      </c>
      <c r="E2836" s="1" t="s">
        <v>0</v>
      </c>
    </row>
    <row r="2837" spans="1:5" x14ac:dyDescent="0.25">
      <c r="A2837" s="2">
        <v>567</v>
      </c>
      <c r="B2837" s="2">
        <v>567</v>
      </c>
      <c r="C2837" s="1" t="s">
        <v>0</v>
      </c>
      <c r="D2837" s="2">
        <v>155665</v>
      </c>
      <c r="E2837" s="1" t="s">
        <v>0</v>
      </c>
    </row>
    <row r="2838" spans="1:5" x14ac:dyDescent="0.25">
      <c r="A2838" s="1" t="s">
        <v>524</v>
      </c>
      <c r="B2838" s="1" t="s">
        <v>5789</v>
      </c>
      <c r="C2838" s="1" t="s">
        <v>17199</v>
      </c>
      <c r="D2838" s="2">
        <v>155666</v>
      </c>
      <c r="E2838" s="1" t="s">
        <v>0</v>
      </c>
    </row>
    <row r="2839" spans="1:5" x14ac:dyDescent="0.25">
      <c r="A2839" s="1" t="s">
        <v>17200</v>
      </c>
      <c r="B2839" s="1" t="s">
        <v>51722</v>
      </c>
      <c r="C2839" s="1" t="s">
        <v>17201</v>
      </c>
      <c r="D2839" s="2">
        <v>155667</v>
      </c>
      <c r="E2839" s="1" t="s">
        <v>0</v>
      </c>
    </row>
    <row r="2840" spans="1:5" ht="409.5" x14ac:dyDescent="0.25">
      <c r="A2840" s="4" t="s">
        <v>17202</v>
      </c>
      <c r="B2840" s="1" t="s">
        <v>51723</v>
      </c>
      <c r="C2840" s="1" t="s">
        <v>17203</v>
      </c>
      <c r="D2840" s="2">
        <v>155668</v>
      </c>
      <c r="E2840" s="1" t="s">
        <v>0</v>
      </c>
    </row>
    <row r="2841" spans="1:5" x14ac:dyDescent="0.25">
      <c r="A2841" s="1" t="s">
        <v>17204</v>
      </c>
      <c r="B2841" s="1" t="s">
        <v>5790</v>
      </c>
      <c r="C2841" s="1" t="s">
        <v>17205</v>
      </c>
      <c r="D2841" s="2">
        <v>155669</v>
      </c>
      <c r="E2841" s="1" t="s">
        <v>0</v>
      </c>
    </row>
    <row r="2842" spans="1:5" x14ac:dyDescent="0.25">
      <c r="A2842" s="2">
        <v>568</v>
      </c>
      <c r="B2842" s="2">
        <v>568</v>
      </c>
      <c r="C2842" s="1" t="s">
        <v>0</v>
      </c>
      <c r="D2842" s="2">
        <v>155670</v>
      </c>
      <c r="E2842" s="1" t="s">
        <v>0</v>
      </c>
    </row>
    <row r="2843" spans="1:5" x14ac:dyDescent="0.25">
      <c r="A2843" s="1" t="s">
        <v>525</v>
      </c>
      <c r="B2843" s="1" t="s">
        <v>5791</v>
      </c>
      <c r="C2843" s="1" t="s">
        <v>17206</v>
      </c>
      <c r="D2843" s="2">
        <v>155671</v>
      </c>
      <c r="E2843" s="1" t="s">
        <v>0</v>
      </c>
    </row>
    <row r="2844" spans="1:5" x14ac:dyDescent="0.25">
      <c r="A2844" s="1" t="s">
        <v>17207</v>
      </c>
      <c r="B2844" s="1" t="s">
        <v>61582</v>
      </c>
      <c r="C2844" s="1" t="s">
        <v>17208</v>
      </c>
      <c r="D2844" s="2">
        <v>155672</v>
      </c>
      <c r="E2844" s="1" t="s">
        <v>0</v>
      </c>
    </row>
    <row r="2845" spans="1:5" ht="409.5" x14ac:dyDescent="0.25">
      <c r="A2845" s="4" t="s">
        <v>17209</v>
      </c>
      <c r="B2845" s="1" t="s">
        <v>63207</v>
      </c>
      <c r="C2845" s="1" t="s">
        <v>17210</v>
      </c>
      <c r="D2845" s="2">
        <v>155673</v>
      </c>
      <c r="E2845" s="1" t="s">
        <v>0</v>
      </c>
    </row>
    <row r="2846" spans="1:5" x14ac:dyDescent="0.25">
      <c r="A2846" s="1" t="s">
        <v>17211</v>
      </c>
      <c r="B2846" s="1" t="s">
        <v>5792</v>
      </c>
      <c r="C2846" s="1" t="s">
        <v>17212</v>
      </c>
      <c r="D2846" s="2">
        <v>155674</v>
      </c>
      <c r="E2846" s="1" t="s">
        <v>0</v>
      </c>
    </row>
    <row r="2847" spans="1:5" x14ac:dyDescent="0.25">
      <c r="A2847" s="2">
        <v>569</v>
      </c>
      <c r="B2847" s="2">
        <v>569</v>
      </c>
      <c r="C2847" s="1" t="s">
        <v>0</v>
      </c>
      <c r="D2847" s="2">
        <v>155675</v>
      </c>
      <c r="E2847" s="1" t="s">
        <v>0</v>
      </c>
    </row>
    <row r="2848" spans="1:5" x14ac:dyDescent="0.25">
      <c r="A2848" s="1" t="s">
        <v>526</v>
      </c>
      <c r="B2848" s="1" t="s">
        <v>5793</v>
      </c>
      <c r="C2848" s="1" t="s">
        <v>17213</v>
      </c>
      <c r="D2848" s="2">
        <v>155676</v>
      </c>
      <c r="E2848" s="1" t="s">
        <v>0</v>
      </c>
    </row>
    <row r="2849" spans="1:5" x14ac:dyDescent="0.25">
      <c r="A2849" s="1" t="s">
        <v>17214</v>
      </c>
      <c r="B2849" s="1" t="s">
        <v>5794</v>
      </c>
      <c r="C2849" s="1" t="s">
        <v>17215</v>
      </c>
      <c r="D2849" s="2">
        <v>155677</v>
      </c>
      <c r="E2849" s="1" t="s">
        <v>0</v>
      </c>
    </row>
    <row r="2850" spans="1:5" ht="409.5" x14ac:dyDescent="0.25">
      <c r="A2850" s="4" t="s">
        <v>17216</v>
      </c>
      <c r="B2850" s="1" t="s">
        <v>51724</v>
      </c>
      <c r="C2850" s="1" t="s">
        <v>17217</v>
      </c>
      <c r="D2850" s="2">
        <v>155678</v>
      </c>
      <c r="E2850" s="1" t="s">
        <v>0</v>
      </c>
    </row>
    <row r="2851" spans="1:5" x14ac:dyDescent="0.25">
      <c r="A2851" s="1" t="s">
        <v>17218</v>
      </c>
      <c r="B2851" s="1" t="s">
        <v>60913</v>
      </c>
      <c r="C2851" s="1" t="s">
        <v>17219</v>
      </c>
      <c r="D2851" s="2">
        <v>155679</v>
      </c>
      <c r="E2851" s="1" t="s">
        <v>0</v>
      </c>
    </row>
    <row r="2852" spans="1:5" x14ac:dyDescent="0.25">
      <c r="A2852" s="2">
        <v>570</v>
      </c>
      <c r="B2852" s="2">
        <v>570</v>
      </c>
      <c r="C2852" s="1" t="s">
        <v>0</v>
      </c>
      <c r="D2852" s="2">
        <v>155680</v>
      </c>
      <c r="E2852" s="1" t="s">
        <v>0</v>
      </c>
    </row>
    <row r="2853" spans="1:5" x14ac:dyDescent="0.25">
      <c r="A2853" s="1" t="s">
        <v>527</v>
      </c>
      <c r="B2853" s="1" t="s">
        <v>50422</v>
      </c>
      <c r="C2853" s="1" t="s">
        <v>17220</v>
      </c>
      <c r="D2853" s="2">
        <v>155681</v>
      </c>
      <c r="E2853" s="1" t="s">
        <v>0</v>
      </c>
    </row>
    <row r="2854" spans="1:5" x14ac:dyDescent="0.25">
      <c r="A2854" s="1" t="s">
        <v>17221</v>
      </c>
      <c r="B2854" s="1" t="s">
        <v>51725</v>
      </c>
      <c r="C2854" s="1" t="s">
        <v>17222</v>
      </c>
      <c r="D2854" s="2">
        <v>155682</v>
      </c>
      <c r="E2854" s="1" t="s">
        <v>0</v>
      </c>
    </row>
    <row r="2855" spans="1:5" ht="409.5" x14ac:dyDescent="0.25">
      <c r="A2855" s="4" t="s">
        <v>17223</v>
      </c>
      <c r="B2855" s="1" t="s">
        <v>51726</v>
      </c>
      <c r="C2855" s="1" t="s">
        <v>17224</v>
      </c>
      <c r="D2855" s="2">
        <v>155683</v>
      </c>
      <c r="E2855" s="1" t="s">
        <v>0</v>
      </c>
    </row>
    <row r="2856" spans="1:5" x14ac:dyDescent="0.25">
      <c r="A2856" s="1" t="s">
        <v>17225</v>
      </c>
      <c r="B2856" s="1" t="s">
        <v>5795</v>
      </c>
      <c r="C2856" s="1" t="s">
        <v>17226</v>
      </c>
      <c r="D2856" s="2">
        <v>155684</v>
      </c>
      <c r="E2856" s="1" t="s">
        <v>0</v>
      </c>
    </row>
    <row r="2857" spans="1:5" x14ac:dyDescent="0.25">
      <c r="A2857" s="2">
        <v>571</v>
      </c>
      <c r="B2857" s="2">
        <v>571</v>
      </c>
      <c r="C2857" s="1" t="s">
        <v>0</v>
      </c>
      <c r="D2857" s="2">
        <v>155685</v>
      </c>
      <c r="E2857" s="1" t="s">
        <v>0</v>
      </c>
    </row>
    <row r="2858" spans="1:5" x14ac:dyDescent="0.25">
      <c r="A2858" s="1" t="s">
        <v>528</v>
      </c>
      <c r="B2858" s="1" t="s">
        <v>5796</v>
      </c>
      <c r="C2858" s="1" t="s">
        <v>17227</v>
      </c>
      <c r="D2858" s="2">
        <v>155686</v>
      </c>
      <c r="E2858" s="1" t="s">
        <v>0</v>
      </c>
    </row>
    <row r="2859" spans="1:5" x14ac:dyDescent="0.25">
      <c r="A2859" s="1" t="s">
        <v>17228</v>
      </c>
      <c r="B2859" s="1" t="s">
        <v>63208</v>
      </c>
      <c r="C2859" s="1" t="s">
        <v>17229</v>
      </c>
      <c r="D2859" s="2">
        <v>155687</v>
      </c>
      <c r="E2859" s="1" t="s">
        <v>0</v>
      </c>
    </row>
    <row r="2860" spans="1:5" ht="409.5" x14ac:dyDescent="0.25">
      <c r="A2860" s="4" t="s">
        <v>17230</v>
      </c>
      <c r="B2860" s="1" t="s">
        <v>63209</v>
      </c>
      <c r="C2860" s="1" t="s">
        <v>17231</v>
      </c>
      <c r="D2860" s="2">
        <v>155688</v>
      </c>
      <c r="E2860" s="1" t="s">
        <v>0</v>
      </c>
    </row>
    <row r="2861" spans="1:5" x14ac:dyDescent="0.25">
      <c r="A2861" s="1" t="s">
        <v>17232</v>
      </c>
      <c r="B2861" s="1" t="s">
        <v>57126</v>
      </c>
      <c r="C2861" s="1" t="s">
        <v>17233</v>
      </c>
      <c r="D2861" s="2">
        <v>155689</v>
      </c>
      <c r="E2861" s="1" t="s">
        <v>0</v>
      </c>
    </row>
    <row r="2862" spans="1:5" x14ac:dyDescent="0.25">
      <c r="A2862" s="2">
        <v>572</v>
      </c>
      <c r="B2862" s="2">
        <v>572</v>
      </c>
      <c r="C2862" s="1" t="s">
        <v>0</v>
      </c>
      <c r="D2862" s="2">
        <v>155690</v>
      </c>
      <c r="E2862" s="1" t="s">
        <v>0</v>
      </c>
    </row>
    <row r="2863" spans="1:5" x14ac:dyDescent="0.25">
      <c r="A2863" s="1" t="s">
        <v>529</v>
      </c>
      <c r="B2863" s="1" t="s">
        <v>5797</v>
      </c>
      <c r="C2863" s="1" t="s">
        <v>17234</v>
      </c>
      <c r="D2863" s="2">
        <v>155691</v>
      </c>
      <c r="E2863" s="1" t="s">
        <v>0</v>
      </c>
    </row>
    <row r="2864" spans="1:5" x14ac:dyDescent="0.25">
      <c r="A2864" s="1" t="s">
        <v>17235</v>
      </c>
      <c r="B2864" s="1" t="s">
        <v>63210</v>
      </c>
      <c r="C2864" s="1" t="s">
        <v>17236</v>
      </c>
      <c r="D2864" s="2">
        <v>155692</v>
      </c>
      <c r="E2864" s="1" t="s">
        <v>0</v>
      </c>
    </row>
    <row r="2865" spans="1:5" ht="409.5" x14ac:dyDescent="0.25">
      <c r="A2865" s="4" t="s">
        <v>17237</v>
      </c>
      <c r="B2865" s="1" t="s">
        <v>63211</v>
      </c>
      <c r="C2865" s="1" t="s">
        <v>17238</v>
      </c>
      <c r="D2865" s="2">
        <v>155693</v>
      </c>
      <c r="E2865" s="1" t="s">
        <v>0</v>
      </c>
    </row>
    <row r="2866" spans="1:5" x14ac:dyDescent="0.25">
      <c r="A2866" s="1" t="s">
        <v>17239</v>
      </c>
      <c r="B2866" s="1" t="s">
        <v>51727</v>
      </c>
      <c r="C2866" s="1" t="s">
        <v>17240</v>
      </c>
      <c r="D2866" s="2">
        <v>155694</v>
      </c>
      <c r="E2866" s="1" t="s">
        <v>0</v>
      </c>
    </row>
    <row r="2867" spans="1:5" x14ac:dyDescent="0.25">
      <c r="A2867" s="2">
        <v>573</v>
      </c>
      <c r="B2867" s="2">
        <v>573</v>
      </c>
      <c r="C2867" s="1" t="s">
        <v>0</v>
      </c>
      <c r="D2867" s="2">
        <v>155695</v>
      </c>
      <c r="E2867" s="1" t="s">
        <v>0</v>
      </c>
    </row>
    <row r="2868" spans="1:5" x14ac:dyDescent="0.25">
      <c r="A2868" s="1" t="s">
        <v>530</v>
      </c>
      <c r="B2868" s="1" t="s">
        <v>5798</v>
      </c>
      <c r="C2868" s="1" t="s">
        <v>17241</v>
      </c>
      <c r="D2868" s="2">
        <v>155696</v>
      </c>
      <c r="E2868" s="1" t="s">
        <v>0</v>
      </c>
    </row>
    <row r="2869" spans="1:5" x14ac:dyDescent="0.25">
      <c r="A2869" s="1" t="s">
        <v>17242</v>
      </c>
      <c r="B2869" s="1" t="s">
        <v>60696</v>
      </c>
      <c r="C2869" s="1" t="s">
        <v>17243</v>
      </c>
      <c r="D2869" s="2">
        <v>155697</v>
      </c>
      <c r="E2869" s="1" t="s">
        <v>0</v>
      </c>
    </row>
    <row r="2870" spans="1:5" ht="409.5" x14ac:dyDescent="0.25">
      <c r="A2870" s="4" t="s">
        <v>17244</v>
      </c>
      <c r="B2870" s="1" t="s">
        <v>60697</v>
      </c>
      <c r="C2870" s="1" t="s">
        <v>17245</v>
      </c>
      <c r="D2870" s="2">
        <v>155698</v>
      </c>
      <c r="E2870" s="1" t="s">
        <v>0</v>
      </c>
    </row>
    <row r="2871" spans="1:5" x14ac:dyDescent="0.25">
      <c r="A2871" s="1" t="s">
        <v>17246</v>
      </c>
      <c r="B2871" s="1" t="s">
        <v>51728</v>
      </c>
      <c r="C2871" s="1" t="s">
        <v>17247</v>
      </c>
      <c r="D2871" s="2">
        <v>155699</v>
      </c>
      <c r="E2871" s="1" t="s">
        <v>0</v>
      </c>
    </row>
    <row r="2872" spans="1:5" x14ac:dyDescent="0.25">
      <c r="A2872" s="2">
        <v>574</v>
      </c>
      <c r="B2872" s="2">
        <v>574</v>
      </c>
      <c r="C2872" s="1" t="s">
        <v>0</v>
      </c>
      <c r="D2872" s="2">
        <v>155700</v>
      </c>
      <c r="E2872" s="1" t="s">
        <v>0</v>
      </c>
    </row>
    <row r="2873" spans="1:5" x14ac:dyDescent="0.25">
      <c r="A2873" s="1" t="s">
        <v>531</v>
      </c>
      <c r="B2873" s="1" t="s">
        <v>5799</v>
      </c>
      <c r="C2873" s="1" t="s">
        <v>17248</v>
      </c>
      <c r="D2873" s="2">
        <v>155701</v>
      </c>
      <c r="E2873" s="1" t="s">
        <v>0</v>
      </c>
    </row>
    <row r="2874" spans="1:5" x14ac:dyDescent="0.25">
      <c r="A2874" s="1" t="s">
        <v>17249</v>
      </c>
      <c r="B2874" s="1" t="s">
        <v>50423</v>
      </c>
      <c r="C2874" s="1" t="s">
        <v>17250</v>
      </c>
      <c r="D2874" s="2">
        <v>155702</v>
      </c>
      <c r="E2874" s="1" t="s">
        <v>0</v>
      </c>
    </row>
    <row r="2875" spans="1:5" ht="409.5" x14ac:dyDescent="0.25">
      <c r="A2875" s="4" t="s">
        <v>17251</v>
      </c>
      <c r="B2875" s="1" t="s">
        <v>50424</v>
      </c>
      <c r="C2875" s="1" t="s">
        <v>17252</v>
      </c>
      <c r="D2875" s="2">
        <v>155703</v>
      </c>
      <c r="E2875" s="1" t="s">
        <v>0</v>
      </c>
    </row>
    <row r="2876" spans="1:5" x14ac:dyDescent="0.25">
      <c r="A2876" s="1" t="s">
        <v>17253</v>
      </c>
      <c r="B2876" s="1" t="s">
        <v>60914</v>
      </c>
      <c r="C2876" s="1" t="s">
        <v>17254</v>
      </c>
      <c r="D2876" s="2">
        <v>155704</v>
      </c>
      <c r="E2876" s="1" t="s">
        <v>0</v>
      </c>
    </row>
    <row r="2877" spans="1:5" x14ac:dyDescent="0.25">
      <c r="A2877" s="2">
        <v>575</v>
      </c>
      <c r="B2877" s="2">
        <v>575</v>
      </c>
      <c r="C2877" s="1" t="s">
        <v>0</v>
      </c>
      <c r="D2877" s="2">
        <v>155705</v>
      </c>
      <c r="E2877" s="1" t="s">
        <v>0</v>
      </c>
    </row>
    <row r="2878" spans="1:5" x14ac:dyDescent="0.25">
      <c r="A2878" s="1" t="s">
        <v>532</v>
      </c>
      <c r="B2878" s="1" t="s">
        <v>5800</v>
      </c>
      <c r="C2878" s="1" t="s">
        <v>17255</v>
      </c>
      <c r="D2878" s="2">
        <v>155706</v>
      </c>
      <c r="E2878" s="1" t="s">
        <v>0</v>
      </c>
    </row>
    <row r="2879" spans="1:5" x14ac:dyDescent="0.25">
      <c r="A2879" s="1" t="s">
        <v>17256</v>
      </c>
      <c r="B2879" s="1" t="s">
        <v>5801</v>
      </c>
      <c r="C2879" s="1" t="s">
        <v>17257</v>
      </c>
      <c r="D2879" s="2">
        <v>155707</v>
      </c>
      <c r="E2879" s="1" t="s">
        <v>0</v>
      </c>
    </row>
    <row r="2880" spans="1:5" ht="409.5" x14ac:dyDescent="0.25">
      <c r="A2880" s="4" t="s">
        <v>17258</v>
      </c>
      <c r="B2880" s="1" t="s">
        <v>12997</v>
      </c>
      <c r="C2880" s="1" t="s">
        <v>17259</v>
      </c>
      <c r="D2880" s="2">
        <v>155708</v>
      </c>
      <c r="E2880" s="1" t="s">
        <v>0</v>
      </c>
    </row>
    <row r="2881" spans="1:5" x14ac:dyDescent="0.25">
      <c r="A2881" s="1" t="s">
        <v>17260</v>
      </c>
      <c r="B2881" s="1" t="s">
        <v>51729</v>
      </c>
      <c r="C2881" s="1" t="s">
        <v>17261</v>
      </c>
      <c r="D2881" s="2">
        <v>155709</v>
      </c>
      <c r="E2881" s="1" t="s">
        <v>0</v>
      </c>
    </row>
    <row r="2882" spans="1:5" x14ac:dyDescent="0.25">
      <c r="A2882" s="2">
        <v>576</v>
      </c>
      <c r="B2882" s="2">
        <v>576</v>
      </c>
      <c r="C2882" s="1" t="s">
        <v>0</v>
      </c>
      <c r="D2882" s="2">
        <v>155710</v>
      </c>
      <c r="E2882" s="1" t="s">
        <v>0</v>
      </c>
    </row>
    <row r="2883" spans="1:5" x14ac:dyDescent="0.25">
      <c r="A2883" s="1" t="s">
        <v>533</v>
      </c>
      <c r="B2883" s="1" t="s">
        <v>5802</v>
      </c>
      <c r="C2883" s="1" t="s">
        <v>17262</v>
      </c>
      <c r="D2883" s="2">
        <v>155711</v>
      </c>
      <c r="E2883" s="1" t="s">
        <v>0</v>
      </c>
    </row>
    <row r="2884" spans="1:5" x14ac:dyDescent="0.25">
      <c r="A2884" s="1" t="s">
        <v>17263</v>
      </c>
      <c r="B2884" s="1" t="s">
        <v>51730</v>
      </c>
      <c r="C2884" s="1" t="s">
        <v>17264</v>
      </c>
      <c r="D2884" s="2">
        <v>155712</v>
      </c>
      <c r="E2884" s="1" t="s">
        <v>0</v>
      </c>
    </row>
    <row r="2885" spans="1:5" ht="409.5" x14ac:dyDescent="0.25">
      <c r="A2885" s="4" t="s">
        <v>17265</v>
      </c>
      <c r="B2885" s="1" t="s">
        <v>56696</v>
      </c>
      <c r="C2885" s="1" t="s">
        <v>17266</v>
      </c>
      <c r="D2885" s="2">
        <v>155713</v>
      </c>
      <c r="E2885" s="1" t="s">
        <v>0</v>
      </c>
    </row>
    <row r="2886" spans="1:5" x14ac:dyDescent="0.25">
      <c r="A2886" s="1" t="s">
        <v>17267</v>
      </c>
      <c r="B2886" s="1" t="s">
        <v>51731</v>
      </c>
      <c r="C2886" s="1" t="s">
        <v>17268</v>
      </c>
      <c r="D2886" s="2">
        <v>155714</v>
      </c>
      <c r="E2886" s="1" t="s">
        <v>0</v>
      </c>
    </row>
    <row r="2887" spans="1:5" x14ac:dyDescent="0.25">
      <c r="A2887" s="2">
        <v>577</v>
      </c>
      <c r="B2887" s="2">
        <v>577</v>
      </c>
      <c r="C2887" s="1" t="s">
        <v>0</v>
      </c>
      <c r="D2887" s="2">
        <v>155715</v>
      </c>
      <c r="E2887" s="1" t="s">
        <v>0</v>
      </c>
    </row>
    <row r="2888" spans="1:5" x14ac:dyDescent="0.25">
      <c r="A2888" s="1" t="s">
        <v>534</v>
      </c>
      <c r="B2888" s="1" t="s">
        <v>50425</v>
      </c>
      <c r="C2888" s="1" t="s">
        <v>17269</v>
      </c>
      <c r="D2888" s="2">
        <v>155716</v>
      </c>
      <c r="E2888" s="1" t="s">
        <v>0</v>
      </c>
    </row>
    <row r="2889" spans="1:5" x14ac:dyDescent="0.25">
      <c r="A2889" s="1" t="s">
        <v>17270</v>
      </c>
      <c r="B2889" s="1" t="s">
        <v>51732</v>
      </c>
      <c r="C2889" s="1" t="s">
        <v>17271</v>
      </c>
      <c r="D2889" s="2">
        <v>155717</v>
      </c>
      <c r="E2889" s="1" t="s">
        <v>0</v>
      </c>
    </row>
    <row r="2890" spans="1:5" ht="409.5" x14ac:dyDescent="0.25">
      <c r="A2890" s="4" t="s">
        <v>17272</v>
      </c>
      <c r="B2890" s="1" t="s">
        <v>59769</v>
      </c>
      <c r="C2890" s="1" t="s">
        <v>17273</v>
      </c>
      <c r="D2890" s="2">
        <v>155718</v>
      </c>
      <c r="E2890" s="1" t="s">
        <v>0</v>
      </c>
    </row>
    <row r="2891" spans="1:5" x14ac:dyDescent="0.25">
      <c r="A2891" s="1" t="s">
        <v>17274</v>
      </c>
      <c r="B2891" s="1" t="s">
        <v>51733</v>
      </c>
      <c r="C2891" s="1" t="s">
        <v>17275</v>
      </c>
      <c r="D2891" s="2">
        <v>155719</v>
      </c>
      <c r="E2891" s="1" t="s">
        <v>0</v>
      </c>
    </row>
    <row r="2892" spans="1:5" x14ac:dyDescent="0.25">
      <c r="A2892" s="2">
        <v>578</v>
      </c>
      <c r="B2892" s="2">
        <v>578</v>
      </c>
      <c r="C2892" s="1" t="s">
        <v>0</v>
      </c>
      <c r="D2892" s="2">
        <v>155720</v>
      </c>
      <c r="E2892" s="1" t="s">
        <v>0</v>
      </c>
    </row>
    <row r="2893" spans="1:5" x14ac:dyDescent="0.25">
      <c r="A2893" s="1" t="s">
        <v>535</v>
      </c>
      <c r="B2893" s="1" t="s">
        <v>5803</v>
      </c>
      <c r="C2893" s="1" t="s">
        <v>17276</v>
      </c>
      <c r="D2893" s="2">
        <v>155721</v>
      </c>
      <c r="E2893" s="1" t="s">
        <v>0</v>
      </c>
    </row>
    <row r="2894" spans="1:5" x14ac:dyDescent="0.25">
      <c r="A2894" s="1" t="s">
        <v>17277</v>
      </c>
      <c r="B2894" s="1" t="s">
        <v>5804</v>
      </c>
      <c r="C2894" s="1" t="s">
        <v>17278</v>
      </c>
      <c r="D2894" s="2">
        <v>155722</v>
      </c>
      <c r="E2894" s="1" t="s">
        <v>0</v>
      </c>
    </row>
    <row r="2895" spans="1:5" ht="409.5" x14ac:dyDescent="0.25">
      <c r="A2895" s="4" t="s">
        <v>17279</v>
      </c>
      <c r="B2895" s="1" t="s">
        <v>5805</v>
      </c>
      <c r="C2895" s="1" t="s">
        <v>17280</v>
      </c>
      <c r="D2895" s="2">
        <v>155723</v>
      </c>
      <c r="E2895" s="1" t="s">
        <v>0</v>
      </c>
    </row>
    <row r="2896" spans="1:5" x14ac:dyDescent="0.25">
      <c r="A2896" s="1" t="s">
        <v>17281</v>
      </c>
      <c r="B2896" s="1" t="s">
        <v>51734</v>
      </c>
      <c r="C2896" s="1" t="s">
        <v>17282</v>
      </c>
      <c r="D2896" s="2">
        <v>155724</v>
      </c>
      <c r="E2896" s="1" t="s">
        <v>0</v>
      </c>
    </row>
    <row r="2897" spans="1:5" x14ac:dyDescent="0.25">
      <c r="A2897" s="2">
        <v>579</v>
      </c>
      <c r="B2897" s="2">
        <v>579</v>
      </c>
      <c r="C2897" s="1" t="s">
        <v>0</v>
      </c>
      <c r="D2897" s="2">
        <v>155725</v>
      </c>
      <c r="E2897" s="1" t="s">
        <v>0</v>
      </c>
    </row>
    <row r="2898" spans="1:5" x14ac:dyDescent="0.25">
      <c r="A2898" s="1" t="s">
        <v>536</v>
      </c>
      <c r="B2898" s="1" t="s">
        <v>5806</v>
      </c>
      <c r="C2898" s="1" t="s">
        <v>17283</v>
      </c>
      <c r="D2898" s="2">
        <v>155726</v>
      </c>
      <c r="E2898" s="1" t="s">
        <v>0</v>
      </c>
    </row>
    <row r="2899" spans="1:5" x14ac:dyDescent="0.25">
      <c r="A2899" s="1" t="s">
        <v>17284</v>
      </c>
      <c r="B2899" s="1" t="s">
        <v>51735</v>
      </c>
      <c r="C2899" s="1" t="s">
        <v>17285</v>
      </c>
      <c r="D2899" s="2">
        <v>155727</v>
      </c>
      <c r="E2899" s="1" t="s">
        <v>0</v>
      </c>
    </row>
    <row r="2900" spans="1:5" ht="409.5" x14ac:dyDescent="0.25">
      <c r="A2900" s="4" t="s">
        <v>17286</v>
      </c>
      <c r="B2900" s="1" t="s">
        <v>51736</v>
      </c>
      <c r="C2900" s="1" t="s">
        <v>17287</v>
      </c>
      <c r="D2900" s="2">
        <v>155728</v>
      </c>
      <c r="E2900" s="1" t="s">
        <v>0</v>
      </c>
    </row>
    <row r="2901" spans="1:5" x14ac:dyDescent="0.25">
      <c r="A2901" s="1" t="s">
        <v>17288</v>
      </c>
      <c r="B2901" s="1" t="s">
        <v>60915</v>
      </c>
      <c r="C2901" s="1" t="s">
        <v>17289</v>
      </c>
      <c r="D2901" s="2">
        <v>155729</v>
      </c>
      <c r="E2901" s="1" t="s">
        <v>0</v>
      </c>
    </row>
    <row r="2902" spans="1:5" x14ac:dyDescent="0.25">
      <c r="A2902" s="2">
        <v>580</v>
      </c>
      <c r="B2902" s="2">
        <v>580</v>
      </c>
      <c r="C2902" s="1" t="s">
        <v>0</v>
      </c>
      <c r="D2902" s="2">
        <v>155730</v>
      </c>
      <c r="E2902" s="1" t="s">
        <v>0</v>
      </c>
    </row>
    <row r="2903" spans="1:5" x14ac:dyDescent="0.25">
      <c r="A2903" s="1" t="s">
        <v>537</v>
      </c>
      <c r="B2903" s="1" t="s">
        <v>5807</v>
      </c>
      <c r="C2903" s="1" t="s">
        <v>17290</v>
      </c>
      <c r="D2903" s="2">
        <v>155731</v>
      </c>
      <c r="E2903" s="1" t="s">
        <v>0</v>
      </c>
    </row>
    <row r="2904" spans="1:5" x14ac:dyDescent="0.25">
      <c r="A2904" s="1" t="s">
        <v>17291</v>
      </c>
      <c r="B2904" s="1" t="s">
        <v>5808</v>
      </c>
      <c r="C2904" s="1" t="s">
        <v>17292</v>
      </c>
      <c r="D2904" s="2">
        <v>155732</v>
      </c>
      <c r="E2904" s="1" t="s">
        <v>0</v>
      </c>
    </row>
    <row r="2905" spans="1:5" ht="409.5" x14ac:dyDescent="0.25">
      <c r="A2905" s="4" t="s">
        <v>17293</v>
      </c>
      <c r="B2905" s="1" t="s">
        <v>5809</v>
      </c>
      <c r="C2905" s="1" t="s">
        <v>17294</v>
      </c>
      <c r="D2905" s="2">
        <v>155733</v>
      </c>
      <c r="E2905" s="1" t="s">
        <v>0</v>
      </c>
    </row>
    <row r="2906" spans="1:5" x14ac:dyDescent="0.25">
      <c r="A2906" s="1" t="s">
        <v>17295</v>
      </c>
      <c r="B2906" s="1" t="s">
        <v>51737</v>
      </c>
      <c r="C2906" s="1" t="s">
        <v>17296</v>
      </c>
      <c r="D2906" s="2">
        <v>155734</v>
      </c>
      <c r="E2906" s="1" t="s">
        <v>0</v>
      </c>
    </row>
    <row r="2907" spans="1:5" x14ac:dyDescent="0.25">
      <c r="A2907" s="2">
        <v>581</v>
      </c>
      <c r="B2907" s="2">
        <v>581</v>
      </c>
      <c r="C2907" s="1" t="s">
        <v>0</v>
      </c>
      <c r="D2907" s="2">
        <v>155735</v>
      </c>
      <c r="E2907" s="1" t="s">
        <v>0</v>
      </c>
    </row>
    <row r="2908" spans="1:5" x14ac:dyDescent="0.25">
      <c r="A2908" s="1" t="s">
        <v>538</v>
      </c>
      <c r="B2908" s="1" t="s">
        <v>5810</v>
      </c>
      <c r="C2908" s="1" t="s">
        <v>17297</v>
      </c>
      <c r="D2908" s="2">
        <v>155736</v>
      </c>
      <c r="E2908" s="1" t="s">
        <v>0</v>
      </c>
    </row>
    <row r="2909" spans="1:5" x14ac:dyDescent="0.25">
      <c r="A2909" s="1" t="s">
        <v>17298</v>
      </c>
      <c r="B2909" s="1" t="s">
        <v>5811</v>
      </c>
      <c r="C2909" s="1" t="s">
        <v>17299</v>
      </c>
      <c r="D2909" s="2">
        <v>155737</v>
      </c>
      <c r="E2909" s="1" t="s">
        <v>0</v>
      </c>
    </row>
    <row r="2910" spans="1:5" ht="409.5" x14ac:dyDescent="0.25">
      <c r="A2910" s="4" t="s">
        <v>17300</v>
      </c>
      <c r="B2910" s="1" t="s">
        <v>57400</v>
      </c>
      <c r="C2910" s="1" t="s">
        <v>17301</v>
      </c>
      <c r="D2910" s="2">
        <v>155738</v>
      </c>
      <c r="E2910" s="1" t="s">
        <v>0</v>
      </c>
    </row>
    <row r="2911" spans="1:5" x14ac:dyDescent="0.25">
      <c r="A2911" s="1" t="s">
        <v>17302</v>
      </c>
      <c r="B2911" s="1" t="s">
        <v>51738</v>
      </c>
      <c r="C2911" s="1" t="s">
        <v>17303</v>
      </c>
      <c r="D2911" s="2">
        <v>155739</v>
      </c>
      <c r="E2911" s="1" t="s">
        <v>0</v>
      </c>
    </row>
    <row r="2912" spans="1:5" x14ac:dyDescent="0.25">
      <c r="A2912" s="2">
        <v>582</v>
      </c>
      <c r="B2912" s="2">
        <v>582</v>
      </c>
      <c r="C2912" s="1" t="s">
        <v>0</v>
      </c>
      <c r="D2912" s="2">
        <v>155740</v>
      </c>
      <c r="E2912" s="1" t="s">
        <v>0</v>
      </c>
    </row>
    <row r="2913" spans="1:5" x14ac:dyDescent="0.25">
      <c r="A2913" s="1" t="s">
        <v>539</v>
      </c>
      <c r="B2913" s="1" t="s">
        <v>5812</v>
      </c>
      <c r="C2913" s="1" t="s">
        <v>17304</v>
      </c>
      <c r="D2913" s="2">
        <v>155741</v>
      </c>
      <c r="E2913" s="1" t="s">
        <v>0</v>
      </c>
    </row>
    <row r="2914" spans="1:5" x14ac:dyDescent="0.25">
      <c r="A2914" s="1" t="s">
        <v>17305</v>
      </c>
      <c r="B2914" s="1" t="s">
        <v>59770</v>
      </c>
      <c r="C2914" s="1" t="s">
        <v>17306</v>
      </c>
      <c r="D2914" s="2">
        <v>155742</v>
      </c>
      <c r="E2914" s="1" t="s">
        <v>0</v>
      </c>
    </row>
    <row r="2915" spans="1:5" ht="409.5" x14ac:dyDescent="0.25">
      <c r="A2915" s="4" t="s">
        <v>17307</v>
      </c>
      <c r="B2915" s="1" t="s">
        <v>59771</v>
      </c>
      <c r="C2915" s="1" t="s">
        <v>17308</v>
      </c>
      <c r="D2915" s="2">
        <v>155743</v>
      </c>
      <c r="E2915" s="1" t="s">
        <v>0</v>
      </c>
    </row>
    <row r="2916" spans="1:5" x14ac:dyDescent="0.25">
      <c r="A2916" s="1" t="s">
        <v>17309</v>
      </c>
      <c r="B2916" s="1" t="s">
        <v>5813</v>
      </c>
      <c r="C2916" s="1" t="s">
        <v>17310</v>
      </c>
      <c r="D2916" s="2">
        <v>155744</v>
      </c>
      <c r="E2916" s="1" t="s">
        <v>0</v>
      </c>
    </row>
    <row r="2917" spans="1:5" x14ac:dyDescent="0.25">
      <c r="A2917" s="2">
        <v>583</v>
      </c>
      <c r="B2917" s="2">
        <v>583</v>
      </c>
      <c r="C2917" s="1" t="s">
        <v>0</v>
      </c>
      <c r="D2917" s="2">
        <v>155745</v>
      </c>
      <c r="E2917" s="1" t="s">
        <v>0</v>
      </c>
    </row>
    <row r="2918" spans="1:5" x14ac:dyDescent="0.25">
      <c r="A2918" s="1" t="s">
        <v>540</v>
      </c>
      <c r="B2918" s="1" t="s">
        <v>5814</v>
      </c>
      <c r="C2918" s="1" t="s">
        <v>17311</v>
      </c>
      <c r="D2918" s="2">
        <v>155746</v>
      </c>
      <c r="E2918" s="1" t="s">
        <v>0</v>
      </c>
    </row>
    <row r="2919" spans="1:5" x14ac:dyDescent="0.25">
      <c r="A2919" s="1" t="s">
        <v>17312</v>
      </c>
      <c r="B2919" s="1" t="s">
        <v>51739</v>
      </c>
      <c r="C2919" s="1" t="s">
        <v>17313</v>
      </c>
      <c r="D2919" s="2">
        <v>155747</v>
      </c>
      <c r="E2919" s="1" t="s">
        <v>0</v>
      </c>
    </row>
    <row r="2920" spans="1:5" ht="409.5" x14ac:dyDescent="0.25">
      <c r="A2920" s="4" t="s">
        <v>17314</v>
      </c>
      <c r="B2920" s="1" t="s">
        <v>51740</v>
      </c>
      <c r="C2920" s="1" t="s">
        <v>17315</v>
      </c>
      <c r="D2920" s="2">
        <v>155748</v>
      </c>
      <c r="E2920" s="1" t="s">
        <v>0</v>
      </c>
    </row>
    <row r="2921" spans="1:5" x14ac:dyDescent="0.25">
      <c r="A2921" s="1" t="s">
        <v>17316</v>
      </c>
      <c r="B2921" s="1" t="s">
        <v>5815</v>
      </c>
      <c r="C2921" s="1" t="s">
        <v>17317</v>
      </c>
      <c r="D2921" s="2">
        <v>155749</v>
      </c>
      <c r="E2921" s="1" t="s">
        <v>0</v>
      </c>
    </row>
    <row r="2922" spans="1:5" x14ac:dyDescent="0.25">
      <c r="A2922" s="2">
        <v>584</v>
      </c>
      <c r="B2922" s="2">
        <v>584</v>
      </c>
      <c r="C2922" s="1" t="s">
        <v>0</v>
      </c>
      <c r="D2922" s="2">
        <v>155750</v>
      </c>
      <c r="E2922" s="1" t="s">
        <v>0</v>
      </c>
    </row>
    <row r="2923" spans="1:5" x14ac:dyDescent="0.25">
      <c r="A2923" s="1" t="s">
        <v>541</v>
      </c>
      <c r="B2923" s="1" t="s">
        <v>5816</v>
      </c>
      <c r="C2923" s="1" t="s">
        <v>17318</v>
      </c>
      <c r="D2923" s="2">
        <v>155751</v>
      </c>
      <c r="E2923" s="1" t="s">
        <v>0</v>
      </c>
    </row>
    <row r="2924" spans="1:5" x14ac:dyDescent="0.25">
      <c r="A2924" s="1" t="s">
        <v>17319</v>
      </c>
      <c r="B2924" s="1" t="s">
        <v>51741</v>
      </c>
      <c r="C2924" s="1" t="s">
        <v>17320</v>
      </c>
      <c r="D2924" s="2">
        <v>155752</v>
      </c>
      <c r="E2924" s="1" t="s">
        <v>0</v>
      </c>
    </row>
    <row r="2925" spans="1:5" ht="409.5" x14ac:dyDescent="0.25">
      <c r="A2925" s="4" t="s">
        <v>17321</v>
      </c>
      <c r="B2925" s="1" t="s">
        <v>60916</v>
      </c>
      <c r="C2925" s="1" t="s">
        <v>17322</v>
      </c>
      <c r="D2925" s="2">
        <v>155753</v>
      </c>
      <c r="E2925" s="1" t="s">
        <v>0</v>
      </c>
    </row>
    <row r="2926" spans="1:5" x14ac:dyDescent="0.25">
      <c r="A2926" s="1" t="s">
        <v>17323</v>
      </c>
      <c r="B2926" s="1" t="s">
        <v>5817</v>
      </c>
      <c r="C2926" s="1" t="s">
        <v>17324</v>
      </c>
      <c r="D2926" s="2">
        <v>155754</v>
      </c>
      <c r="E2926" s="1" t="s">
        <v>0</v>
      </c>
    </row>
    <row r="2927" spans="1:5" x14ac:dyDescent="0.25">
      <c r="A2927" s="2">
        <v>585</v>
      </c>
      <c r="B2927" s="2">
        <v>585</v>
      </c>
      <c r="C2927" s="1" t="s">
        <v>0</v>
      </c>
      <c r="D2927" s="2">
        <v>155755</v>
      </c>
      <c r="E2927" s="1" t="s">
        <v>0</v>
      </c>
    </row>
    <row r="2928" spans="1:5" x14ac:dyDescent="0.25">
      <c r="A2928" s="1" t="s">
        <v>542</v>
      </c>
      <c r="B2928" s="1" t="s">
        <v>5818</v>
      </c>
      <c r="C2928" s="1" t="s">
        <v>17325</v>
      </c>
      <c r="D2928" s="2">
        <v>155756</v>
      </c>
      <c r="E2928" s="1" t="s">
        <v>0</v>
      </c>
    </row>
    <row r="2929" spans="1:5" x14ac:dyDescent="0.25">
      <c r="A2929" s="1" t="s">
        <v>17326</v>
      </c>
      <c r="B2929" s="1" t="s">
        <v>51742</v>
      </c>
      <c r="C2929" s="1" t="s">
        <v>17327</v>
      </c>
      <c r="D2929" s="2">
        <v>155757</v>
      </c>
      <c r="E2929" s="1" t="s">
        <v>0</v>
      </c>
    </row>
    <row r="2930" spans="1:5" ht="409.5" x14ac:dyDescent="0.25">
      <c r="A2930" s="4" t="s">
        <v>17328</v>
      </c>
      <c r="B2930" s="1" t="s">
        <v>60556</v>
      </c>
      <c r="C2930" s="1" t="s">
        <v>17329</v>
      </c>
      <c r="D2930" s="2">
        <v>155758</v>
      </c>
      <c r="E2930" s="1" t="s">
        <v>0</v>
      </c>
    </row>
    <row r="2931" spans="1:5" x14ac:dyDescent="0.25">
      <c r="A2931" s="1" t="s">
        <v>17330</v>
      </c>
      <c r="B2931" s="1" t="s">
        <v>60917</v>
      </c>
      <c r="C2931" s="1" t="s">
        <v>17331</v>
      </c>
      <c r="D2931" s="2">
        <v>155759</v>
      </c>
      <c r="E2931" s="1" t="s">
        <v>0</v>
      </c>
    </row>
    <row r="2932" spans="1:5" x14ac:dyDescent="0.25">
      <c r="A2932" s="2">
        <v>586</v>
      </c>
      <c r="B2932" s="2">
        <v>586</v>
      </c>
      <c r="C2932" s="1" t="s">
        <v>0</v>
      </c>
      <c r="D2932" s="2">
        <v>155760</v>
      </c>
      <c r="E2932" s="1" t="s">
        <v>0</v>
      </c>
    </row>
    <row r="2933" spans="1:5" x14ac:dyDescent="0.25">
      <c r="A2933" s="1" t="s">
        <v>543</v>
      </c>
      <c r="B2933" s="1" t="s">
        <v>51743</v>
      </c>
      <c r="C2933" s="1" t="s">
        <v>17332</v>
      </c>
      <c r="D2933" s="2">
        <v>155761</v>
      </c>
      <c r="E2933" s="1" t="s">
        <v>0</v>
      </c>
    </row>
    <row r="2934" spans="1:5" x14ac:dyDescent="0.25">
      <c r="A2934" s="1" t="s">
        <v>17333</v>
      </c>
      <c r="B2934" s="1" t="s">
        <v>51744</v>
      </c>
      <c r="C2934" s="1" t="s">
        <v>17334</v>
      </c>
      <c r="D2934" s="2">
        <v>155762</v>
      </c>
      <c r="E2934" s="1" t="s">
        <v>0</v>
      </c>
    </row>
    <row r="2935" spans="1:5" ht="409.5" x14ac:dyDescent="0.25">
      <c r="A2935" s="4" t="s">
        <v>63985</v>
      </c>
      <c r="B2935" s="1" t="s">
        <v>60918</v>
      </c>
      <c r="C2935" s="1" t="s">
        <v>17335</v>
      </c>
      <c r="D2935" s="2">
        <v>155763</v>
      </c>
      <c r="E2935" s="1" t="s">
        <v>0</v>
      </c>
    </row>
    <row r="2936" spans="1:5" x14ac:dyDescent="0.25">
      <c r="A2936" s="1" t="s">
        <v>17336</v>
      </c>
      <c r="B2936" s="1" t="s">
        <v>60919</v>
      </c>
      <c r="C2936" s="1" t="s">
        <v>17337</v>
      </c>
      <c r="D2936" s="2">
        <v>155764</v>
      </c>
      <c r="E2936" s="1" t="s">
        <v>0</v>
      </c>
    </row>
    <row r="2937" spans="1:5" x14ac:dyDescent="0.25">
      <c r="A2937" s="2">
        <v>587</v>
      </c>
      <c r="B2937" s="2">
        <v>587</v>
      </c>
      <c r="C2937" s="1" t="s">
        <v>0</v>
      </c>
      <c r="D2937" s="2">
        <v>155765</v>
      </c>
      <c r="E2937" s="1" t="s">
        <v>0</v>
      </c>
    </row>
    <row r="2938" spans="1:5" x14ac:dyDescent="0.25">
      <c r="A2938" s="1" t="s">
        <v>544</v>
      </c>
      <c r="B2938" s="1" t="s">
        <v>5819</v>
      </c>
      <c r="C2938" s="1" t="s">
        <v>17338</v>
      </c>
      <c r="D2938" s="2">
        <v>155766</v>
      </c>
      <c r="E2938" s="1" t="s">
        <v>0</v>
      </c>
    </row>
    <row r="2939" spans="1:5" x14ac:dyDescent="0.25">
      <c r="A2939" s="1" t="s">
        <v>17339</v>
      </c>
      <c r="B2939" s="1" t="s">
        <v>5820</v>
      </c>
      <c r="C2939" s="1" t="s">
        <v>17340</v>
      </c>
      <c r="D2939" s="2">
        <v>155767</v>
      </c>
      <c r="E2939" s="1" t="s">
        <v>0</v>
      </c>
    </row>
    <row r="2940" spans="1:5" ht="409.5" x14ac:dyDescent="0.25">
      <c r="A2940" s="4" t="s">
        <v>17341</v>
      </c>
      <c r="B2940" s="1" t="s">
        <v>51745</v>
      </c>
      <c r="C2940" s="1" t="s">
        <v>17342</v>
      </c>
      <c r="D2940" s="2">
        <v>155768</v>
      </c>
      <c r="E2940" s="1" t="s">
        <v>0</v>
      </c>
    </row>
    <row r="2941" spans="1:5" x14ac:dyDescent="0.25">
      <c r="A2941" s="1" t="s">
        <v>17343</v>
      </c>
      <c r="B2941" s="1" t="s">
        <v>5821</v>
      </c>
      <c r="C2941" s="1" t="s">
        <v>17344</v>
      </c>
      <c r="D2941" s="2">
        <v>155769</v>
      </c>
      <c r="E2941" s="1" t="s">
        <v>0</v>
      </c>
    </row>
    <row r="2942" spans="1:5" x14ac:dyDescent="0.25">
      <c r="A2942" s="2">
        <v>588</v>
      </c>
      <c r="B2942" s="2">
        <v>588</v>
      </c>
      <c r="C2942" s="1" t="s">
        <v>0</v>
      </c>
      <c r="D2942" s="2">
        <v>155770</v>
      </c>
      <c r="E2942" s="1" t="s">
        <v>0</v>
      </c>
    </row>
    <row r="2943" spans="1:5" x14ac:dyDescent="0.25">
      <c r="A2943" s="1" t="s">
        <v>545</v>
      </c>
      <c r="B2943" s="1" t="s">
        <v>58967</v>
      </c>
      <c r="C2943" s="1" t="s">
        <v>17345</v>
      </c>
      <c r="D2943" s="2">
        <v>155771</v>
      </c>
      <c r="E2943" s="1" t="s">
        <v>0</v>
      </c>
    </row>
    <row r="2944" spans="1:5" x14ac:dyDescent="0.25">
      <c r="A2944" s="1" t="s">
        <v>63986</v>
      </c>
      <c r="B2944" s="1" t="s">
        <v>58968</v>
      </c>
      <c r="C2944" s="1" t="s">
        <v>17346</v>
      </c>
      <c r="D2944" s="2">
        <v>155772</v>
      </c>
      <c r="E2944" s="1" t="s">
        <v>0</v>
      </c>
    </row>
    <row r="2945" spans="1:5" ht="409.5" x14ac:dyDescent="0.25">
      <c r="A2945" s="4" t="s">
        <v>63987</v>
      </c>
      <c r="B2945" s="1" t="s">
        <v>58969</v>
      </c>
      <c r="C2945" s="1" t="s">
        <v>17347</v>
      </c>
      <c r="D2945" s="2">
        <v>155773</v>
      </c>
      <c r="E2945" s="1" t="s">
        <v>0</v>
      </c>
    </row>
    <row r="2946" spans="1:5" x14ac:dyDescent="0.25">
      <c r="A2946" s="1" t="s">
        <v>17348</v>
      </c>
      <c r="B2946" s="1" t="s">
        <v>58970</v>
      </c>
      <c r="C2946" s="1" t="s">
        <v>5822</v>
      </c>
      <c r="D2946" s="2">
        <v>155774</v>
      </c>
      <c r="E2946" s="1" t="s">
        <v>0</v>
      </c>
    </row>
    <row r="2947" spans="1:5" x14ac:dyDescent="0.25">
      <c r="A2947" s="2">
        <v>589</v>
      </c>
      <c r="B2947" s="2">
        <v>589</v>
      </c>
      <c r="C2947" s="1" t="s">
        <v>0</v>
      </c>
      <c r="D2947" s="2">
        <v>155775</v>
      </c>
      <c r="E2947" s="1" t="s">
        <v>0</v>
      </c>
    </row>
    <row r="2948" spans="1:5" x14ac:dyDescent="0.25">
      <c r="A2948" s="1" t="s">
        <v>546</v>
      </c>
      <c r="B2948" s="1" t="s">
        <v>5823</v>
      </c>
      <c r="C2948" s="1" t="s">
        <v>17349</v>
      </c>
      <c r="D2948" s="2">
        <v>155776</v>
      </c>
      <c r="E2948" s="1" t="s">
        <v>0</v>
      </c>
    </row>
    <row r="2949" spans="1:5" x14ac:dyDescent="0.25">
      <c r="A2949" s="1" t="s">
        <v>17350</v>
      </c>
      <c r="B2949" s="1" t="s">
        <v>59772</v>
      </c>
      <c r="C2949" s="1" t="s">
        <v>17351</v>
      </c>
      <c r="D2949" s="2">
        <v>155777</v>
      </c>
      <c r="E2949" s="1" t="s">
        <v>0</v>
      </c>
    </row>
    <row r="2950" spans="1:5" ht="409.5" x14ac:dyDescent="0.25">
      <c r="A2950" s="4" t="s">
        <v>17352</v>
      </c>
      <c r="B2950" s="1" t="s">
        <v>59773</v>
      </c>
      <c r="C2950" s="1" t="s">
        <v>17353</v>
      </c>
      <c r="D2950" s="2">
        <v>155778</v>
      </c>
      <c r="E2950" s="1" t="s">
        <v>0</v>
      </c>
    </row>
    <row r="2951" spans="1:5" x14ac:dyDescent="0.25">
      <c r="A2951" s="1" t="s">
        <v>17354</v>
      </c>
      <c r="B2951" s="1" t="s">
        <v>51746</v>
      </c>
      <c r="C2951" s="1" t="s">
        <v>17355</v>
      </c>
      <c r="D2951" s="2">
        <v>155779</v>
      </c>
      <c r="E2951" s="1" t="s">
        <v>0</v>
      </c>
    </row>
    <row r="2952" spans="1:5" x14ac:dyDescent="0.25">
      <c r="A2952" s="2">
        <v>590</v>
      </c>
      <c r="B2952" s="2">
        <v>590</v>
      </c>
      <c r="C2952" s="1" t="s">
        <v>0</v>
      </c>
      <c r="D2952" s="2">
        <v>155780</v>
      </c>
      <c r="E2952" s="1" t="s">
        <v>0</v>
      </c>
    </row>
    <row r="2953" spans="1:5" x14ac:dyDescent="0.25">
      <c r="A2953" s="1" t="s">
        <v>547</v>
      </c>
      <c r="B2953" s="1" t="s">
        <v>5824</v>
      </c>
      <c r="C2953" s="1" t="s">
        <v>17356</v>
      </c>
      <c r="D2953" s="2">
        <v>155781</v>
      </c>
      <c r="E2953" s="1" t="s">
        <v>0</v>
      </c>
    </row>
    <row r="2954" spans="1:5" x14ac:dyDescent="0.25">
      <c r="A2954" s="1" t="s">
        <v>17357</v>
      </c>
      <c r="B2954" s="1" t="s">
        <v>5825</v>
      </c>
      <c r="C2954" s="1" t="s">
        <v>17358</v>
      </c>
      <c r="D2954" s="2">
        <v>155782</v>
      </c>
      <c r="E2954" s="1" t="s">
        <v>0</v>
      </c>
    </row>
    <row r="2955" spans="1:5" ht="409.5" x14ac:dyDescent="0.25">
      <c r="A2955" s="4" t="s">
        <v>17359</v>
      </c>
      <c r="B2955" s="1" t="s">
        <v>59560</v>
      </c>
      <c r="C2955" s="1" t="s">
        <v>17360</v>
      </c>
      <c r="D2955" s="2">
        <v>155783</v>
      </c>
      <c r="E2955" s="1" t="s">
        <v>0</v>
      </c>
    </row>
    <row r="2956" spans="1:5" x14ac:dyDescent="0.25">
      <c r="A2956" s="1" t="s">
        <v>17361</v>
      </c>
      <c r="B2956" s="1" t="s">
        <v>51747</v>
      </c>
      <c r="C2956" s="1" t="s">
        <v>17362</v>
      </c>
      <c r="D2956" s="2">
        <v>155784</v>
      </c>
      <c r="E2956" s="1" t="s">
        <v>0</v>
      </c>
    </row>
    <row r="2957" spans="1:5" x14ac:dyDescent="0.25">
      <c r="A2957" s="2">
        <v>591</v>
      </c>
      <c r="B2957" s="2">
        <v>591</v>
      </c>
      <c r="C2957" s="1" t="s">
        <v>0</v>
      </c>
      <c r="D2957" s="2">
        <v>155785</v>
      </c>
      <c r="E2957" s="1" t="s">
        <v>0</v>
      </c>
    </row>
    <row r="2958" spans="1:5" x14ac:dyDescent="0.25">
      <c r="A2958" s="1" t="s">
        <v>548</v>
      </c>
      <c r="B2958" s="1" t="s">
        <v>50426</v>
      </c>
      <c r="C2958" s="1" t="s">
        <v>17363</v>
      </c>
      <c r="D2958" s="2">
        <v>155786</v>
      </c>
      <c r="E2958" s="1" t="s">
        <v>0</v>
      </c>
    </row>
    <row r="2959" spans="1:5" x14ac:dyDescent="0.25">
      <c r="A2959" s="1" t="s">
        <v>17364</v>
      </c>
      <c r="B2959" s="1" t="s">
        <v>51748</v>
      </c>
      <c r="C2959" s="1" t="s">
        <v>17365</v>
      </c>
      <c r="D2959" s="2">
        <v>155787</v>
      </c>
      <c r="E2959" s="1" t="s">
        <v>0</v>
      </c>
    </row>
    <row r="2960" spans="1:5" ht="409.5" x14ac:dyDescent="0.25">
      <c r="A2960" s="4" t="s">
        <v>17366</v>
      </c>
      <c r="B2960" s="1" t="s">
        <v>58057</v>
      </c>
      <c r="C2960" s="1" t="s">
        <v>17367</v>
      </c>
      <c r="D2960" s="2">
        <v>155788</v>
      </c>
      <c r="E2960" s="1" t="s">
        <v>0</v>
      </c>
    </row>
    <row r="2961" spans="1:5" x14ac:dyDescent="0.25">
      <c r="A2961" s="1" t="s">
        <v>17368</v>
      </c>
      <c r="B2961" s="1" t="s">
        <v>57127</v>
      </c>
      <c r="C2961" s="1" t="s">
        <v>17369</v>
      </c>
      <c r="D2961" s="2">
        <v>155789</v>
      </c>
      <c r="E2961" s="1" t="s">
        <v>0</v>
      </c>
    </row>
    <row r="2962" spans="1:5" x14ac:dyDescent="0.25">
      <c r="A2962" s="2">
        <v>592</v>
      </c>
      <c r="B2962" s="2">
        <v>592</v>
      </c>
      <c r="C2962" s="1" t="s">
        <v>0</v>
      </c>
      <c r="D2962" s="2">
        <v>155790</v>
      </c>
      <c r="E2962" s="1" t="s">
        <v>0</v>
      </c>
    </row>
    <row r="2963" spans="1:5" x14ac:dyDescent="0.25">
      <c r="A2963" s="1" t="s">
        <v>549</v>
      </c>
      <c r="B2963" s="1" t="s">
        <v>5826</v>
      </c>
      <c r="C2963" s="1" t="s">
        <v>17370</v>
      </c>
      <c r="D2963" s="2">
        <v>155791</v>
      </c>
      <c r="E2963" s="1" t="s">
        <v>0</v>
      </c>
    </row>
    <row r="2964" spans="1:5" x14ac:dyDescent="0.25">
      <c r="A2964" s="1" t="s">
        <v>17371</v>
      </c>
      <c r="B2964" s="1" t="s">
        <v>5827</v>
      </c>
      <c r="C2964" s="1" t="s">
        <v>17372</v>
      </c>
      <c r="D2964" s="2">
        <v>155792</v>
      </c>
      <c r="E2964" s="1" t="s">
        <v>0</v>
      </c>
    </row>
    <row r="2965" spans="1:5" ht="409.5" x14ac:dyDescent="0.25">
      <c r="A2965" s="4" t="s">
        <v>17373</v>
      </c>
      <c r="B2965" s="1" t="s">
        <v>51749</v>
      </c>
      <c r="C2965" s="1" t="s">
        <v>17374</v>
      </c>
      <c r="D2965" s="2">
        <v>155793</v>
      </c>
      <c r="E2965" s="1" t="s">
        <v>0</v>
      </c>
    </row>
    <row r="2966" spans="1:5" x14ac:dyDescent="0.25">
      <c r="A2966" s="1" t="s">
        <v>17375</v>
      </c>
      <c r="B2966" s="1" t="s">
        <v>5828</v>
      </c>
      <c r="C2966" s="1" t="s">
        <v>17376</v>
      </c>
      <c r="D2966" s="2">
        <v>155794</v>
      </c>
      <c r="E2966" s="1" t="s">
        <v>0</v>
      </c>
    </row>
    <row r="2967" spans="1:5" x14ac:dyDescent="0.25">
      <c r="A2967" s="2">
        <v>593</v>
      </c>
      <c r="B2967" s="2">
        <v>593</v>
      </c>
      <c r="C2967" s="1" t="s">
        <v>0</v>
      </c>
      <c r="D2967" s="2">
        <v>155795</v>
      </c>
      <c r="E2967" s="1" t="s">
        <v>0</v>
      </c>
    </row>
    <row r="2968" spans="1:5" x14ac:dyDescent="0.25">
      <c r="A2968" s="1" t="s">
        <v>550</v>
      </c>
      <c r="B2968" s="1" t="s">
        <v>5829</v>
      </c>
      <c r="C2968" s="1" t="s">
        <v>17377</v>
      </c>
      <c r="D2968" s="2">
        <v>155796</v>
      </c>
      <c r="E2968" s="1" t="s">
        <v>0</v>
      </c>
    </row>
    <row r="2969" spans="1:5" x14ac:dyDescent="0.25">
      <c r="A2969" s="1" t="s">
        <v>61755</v>
      </c>
      <c r="B2969" s="1" t="s">
        <v>58178</v>
      </c>
      <c r="C2969" s="1" t="s">
        <v>17378</v>
      </c>
      <c r="D2969" s="2">
        <v>155797</v>
      </c>
      <c r="E2969" s="1" t="s">
        <v>0</v>
      </c>
    </row>
    <row r="2970" spans="1:5" ht="409.5" x14ac:dyDescent="0.25">
      <c r="A2970" s="4" t="s">
        <v>61756</v>
      </c>
      <c r="B2970" s="1" t="s">
        <v>58179</v>
      </c>
      <c r="C2970" s="1" t="s">
        <v>17379</v>
      </c>
      <c r="D2970" s="2">
        <v>155798</v>
      </c>
      <c r="E2970" s="1" t="s">
        <v>0</v>
      </c>
    </row>
    <row r="2971" spans="1:5" x14ac:dyDescent="0.25">
      <c r="A2971" s="1" t="s">
        <v>17380</v>
      </c>
      <c r="B2971" s="1" t="s">
        <v>5830</v>
      </c>
      <c r="C2971" s="1" t="s">
        <v>17381</v>
      </c>
      <c r="D2971" s="2">
        <v>155799</v>
      </c>
      <c r="E2971" s="1" t="s">
        <v>0</v>
      </c>
    </row>
    <row r="2972" spans="1:5" x14ac:dyDescent="0.25">
      <c r="A2972" s="2">
        <v>594</v>
      </c>
      <c r="B2972" s="2">
        <v>594</v>
      </c>
      <c r="C2972" s="1" t="s">
        <v>0</v>
      </c>
      <c r="D2972" s="2">
        <v>155800</v>
      </c>
      <c r="E2972" s="1" t="s">
        <v>0</v>
      </c>
    </row>
    <row r="2973" spans="1:5" x14ac:dyDescent="0.25">
      <c r="A2973" s="1" t="s">
        <v>551</v>
      </c>
      <c r="B2973" s="1" t="s">
        <v>5831</v>
      </c>
      <c r="C2973" s="1" t="s">
        <v>17382</v>
      </c>
      <c r="D2973" s="2">
        <v>155801</v>
      </c>
      <c r="E2973" s="1" t="s">
        <v>0</v>
      </c>
    </row>
    <row r="2974" spans="1:5" x14ac:dyDescent="0.25">
      <c r="A2974" s="1" t="s">
        <v>17383</v>
      </c>
      <c r="B2974" s="1" t="s">
        <v>51750</v>
      </c>
      <c r="C2974" s="1" t="s">
        <v>17384</v>
      </c>
      <c r="D2974" s="2">
        <v>155802</v>
      </c>
      <c r="E2974" s="1" t="s">
        <v>0</v>
      </c>
    </row>
    <row r="2975" spans="1:5" ht="409.5" x14ac:dyDescent="0.25">
      <c r="A2975" s="4" t="s">
        <v>63988</v>
      </c>
      <c r="B2975" s="1" t="s">
        <v>51751</v>
      </c>
      <c r="C2975" s="1" t="s">
        <v>17385</v>
      </c>
      <c r="D2975" s="2">
        <v>155803</v>
      </c>
      <c r="E2975" s="1" t="s">
        <v>0</v>
      </c>
    </row>
    <row r="2976" spans="1:5" x14ac:dyDescent="0.25">
      <c r="A2976" s="1" t="s">
        <v>17386</v>
      </c>
      <c r="B2976" s="1" t="s">
        <v>5832</v>
      </c>
      <c r="C2976" s="1" t="s">
        <v>17387</v>
      </c>
      <c r="D2976" s="2">
        <v>155804</v>
      </c>
      <c r="E2976" s="1" t="s">
        <v>0</v>
      </c>
    </row>
    <row r="2977" spans="1:5" x14ac:dyDescent="0.25">
      <c r="A2977" s="2">
        <v>595</v>
      </c>
      <c r="B2977" s="2">
        <v>595</v>
      </c>
      <c r="C2977" s="1" t="s">
        <v>0</v>
      </c>
      <c r="D2977" s="2">
        <v>155805</v>
      </c>
      <c r="E2977" s="1" t="s">
        <v>0</v>
      </c>
    </row>
    <row r="2978" spans="1:5" x14ac:dyDescent="0.25">
      <c r="A2978" s="1" t="s">
        <v>552</v>
      </c>
      <c r="B2978" s="1" t="s">
        <v>50427</v>
      </c>
      <c r="C2978" s="1" t="s">
        <v>17388</v>
      </c>
      <c r="D2978" s="2">
        <v>155806</v>
      </c>
      <c r="E2978" s="1" t="s">
        <v>0</v>
      </c>
    </row>
    <row r="2979" spans="1:5" x14ac:dyDescent="0.25">
      <c r="A2979" s="1" t="s">
        <v>17389</v>
      </c>
      <c r="B2979" s="1" t="s">
        <v>51752</v>
      </c>
      <c r="C2979" s="1" t="s">
        <v>17390</v>
      </c>
      <c r="D2979" s="2">
        <v>155807</v>
      </c>
      <c r="E2979" s="1" t="s">
        <v>0</v>
      </c>
    </row>
    <row r="2980" spans="1:5" ht="409.5" x14ac:dyDescent="0.25">
      <c r="A2980" s="4" t="s">
        <v>17391</v>
      </c>
      <c r="B2980" s="1" t="s">
        <v>51753</v>
      </c>
      <c r="C2980" s="1" t="s">
        <v>17392</v>
      </c>
      <c r="D2980" s="2">
        <v>155808</v>
      </c>
      <c r="E2980" s="1" t="s">
        <v>0</v>
      </c>
    </row>
    <row r="2981" spans="1:5" x14ac:dyDescent="0.25">
      <c r="A2981" s="1" t="s">
        <v>17393</v>
      </c>
      <c r="B2981" s="1" t="s">
        <v>5833</v>
      </c>
      <c r="C2981" s="1" t="s">
        <v>17394</v>
      </c>
      <c r="D2981" s="2">
        <v>155809</v>
      </c>
      <c r="E2981" s="1" t="s">
        <v>0</v>
      </c>
    </row>
    <row r="2982" spans="1:5" x14ac:dyDescent="0.25">
      <c r="A2982" s="2">
        <v>596</v>
      </c>
      <c r="B2982" s="2">
        <v>596</v>
      </c>
      <c r="C2982" s="1" t="s">
        <v>0</v>
      </c>
      <c r="D2982" s="2">
        <v>155810</v>
      </c>
      <c r="E2982" s="1" t="s">
        <v>0</v>
      </c>
    </row>
    <row r="2983" spans="1:5" x14ac:dyDescent="0.25">
      <c r="A2983" s="1" t="s">
        <v>553</v>
      </c>
      <c r="B2983" s="1" t="s">
        <v>5834</v>
      </c>
      <c r="C2983" s="1" t="s">
        <v>17395</v>
      </c>
      <c r="D2983" s="2">
        <v>155811</v>
      </c>
      <c r="E2983" s="1" t="s">
        <v>0</v>
      </c>
    </row>
    <row r="2984" spans="1:5" x14ac:dyDescent="0.25">
      <c r="A2984" s="1" t="s">
        <v>17396</v>
      </c>
      <c r="B2984" s="1" t="s">
        <v>51754</v>
      </c>
      <c r="C2984" s="1" t="s">
        <v>17397</v>
      </c>
      <c r="D2984" s="2">
        <v>155812</v>
      </c>
      <c r="E2984" s="1" t="s">
        <v>0</v>
      </c>
    </row>
    <row r="2985" spans="1:5" ht="409.5" x14ac:dyDescent="0.25">
      <c r="A2985" s="4" t="s">
        <v>17398</v>
      </c>
      <c r="B2985" s="1" t="s">
        <v>60488</v>
      </c>
      <c r="C2985" s="1" t="s">
        <v>17399</v>
      </c>
      <c r="D2985" s="2">
        <v>155813</v>
      </c>
      <c r="E2985" s="1" t="s">
        <v>0</v>
      </c>
    </row>
    <row r="2986" spans="1:5" x14ac:dyDescent="0.25">
      <c r="A2986" s="1" t="s">
        <v>17400</v>
      </c>
      <c r="B2986" s="1" t="s">
        <v>57128</v>
      </c>
      <c r="C2986" s="1" t="s">
        <v>17401</v>
      </c>
      <c r="D2986" s="2">
        <v>155814</v>
      </c>
      <c r="E2986" s="1" t="s">
        <v>0</v>
      </c>
    </row>
    <row r="2987" spans="1:5" x14ac:dyDescent="0.25">
      <c r="A2987" s="2">
        <v>597</v>
      </c>
      <c r="B2987" s="2">
        <v>597</v>
      </c>
      <c r="C2987" s="1" t="s">
        <v>0</v>
      </c>
      <c r="D2987" s="2">
        <v>155815</v>
      </c>
      <c r="E2987" s="1" t="s">
        <v>0</v>
      </c>
    </row>
    <row r="2988" spans="1:5" x14ac:dyDescent="0.25">
      <c r="A2988" s="1" t="s">
        <v>12998</v>
      </c>
      <c r="B2988" s="1" t="s">
        <v>5835</v>
      </c>
      <c r="C2988" s="1" t="s">
        <v>17402</v>
      </c>
      <c r="D2988" s="2">
        <v>155816</v>
      </c>
      <c r="E2988" s="1" t="s">
        <v>0</v>
      </c>
    </row>
    <row r="2989" spans="1:5" x14ac:dyDescent="0.25">
      <c r="A2989" s="1" t="s">
        <v>17403</v>
      </c>
      <c r="B2989" s="1" t="s">
        <v>50428</v>
      </c>
      <c r="C2989" s="1" t="s">
        <v>17404</v>
      </c>
      <c r="D2989" s="2">
        <v>155817</v>
      </c>
      <c r="E2989" s="1" t="s">
        <v>0</v>
      </c>
    </row>
    <row r="2990" spans="1:5" ht="409.5" x14ac:dyDescent="0.25">
      <c r="A2990" s="4" t="s">
        <v>17405</v>
      </c>
      <c r="B2990" s="1" t="s">
        <v>60920</v>
      </c>
      <c r="C2990" s="1" t="s">
        <v>17406</v>
      </c>
      <c r="D2990" s="2">
        <v>155818</v>
      </c>
      <c r="E2990" s="1" t="s">
        <v>0</v>
      </c>
    </row>
    <row r="2991" spans="1:5" x14ac:dyDescent="0.25">
      <c r="A2991" s="1" t="s">
        <v>17407</v>
      </c>
      <c r="B2991" s="1" t="s">
        <v>57129</v>
      </c>
      <c r="C2991" s="1" t="s">
        <v>17408</v>
      </c>
      <c r="D2991" s="2">
        <v>155819</v>
      </c>
      <c r="E2991" s="1" t="s">
        <v>0</v>
      </c>
    </row>
    <row r="2992" spans="1:5" x14ac:dyDescent="0.25">
      <c r="A2992" s="2">
        <v>598</v>
      </c>
      <c r="B2992" s="2">
        <v>598</v>
      </c>
      <c r="C2992" s="1" t="s">
        <v>0</v>
      </c>
      <c r="D2992" s="2">
        <v>155820</v>
      </c>
      <c r="E2992" s="1" t="s">
        <v>0</v>
      </c>
    </row>
    <row r="2993" spans="1:5" x14ac:dyDescent="0.25">
      <c r="A2993" s="1" t="s">
        <v>554</v>
      </c>
      <c r="B2993" s="1" t="s">
        <v>5836</v>
      </c>
      <c r="C2993" s="1" t="s">
        <v>17409</v>
      </c>
      <c r="D2993" s="2">
        <v>155821</v>
      </c>
      <c r="E2993" s="1" t="s">
        <v>0</v>
      </c>
    </row>
    <row r="2994" spans="1:5" x14ac:dyDescent="0.25">
      <c r="A2994" s="1" t="s">
        <v>17410</v>
      </c>
      <c r="B2994" s="1" t="s">
        <v>51755</v>
      </c>
      <c r="C2994" s="1" t="s">
        <v>17411</v>
      </c>
      <c r="D2994" s="2">
        <v>155822</v>
      </c>
      <c r="E2994" s="1" t="s">
        <v>0</v>
      </c>
    </row>
    <row r="2995" spans="1:5" ht="409.5" x14ac:dyDescent="0.25">
      <c r="A2995" s="4" t="s">
        <v>17412</v>
      </c>
      <c r="B2995" s="1" t="s">
        <v>51756</v>
      </c>
      <c r="C2995" s="1" t="s">
        <v>17413</v>
      </c>
      <c r="D2995" s="2">
        <v>155823</v>
      </c>
      <c r="E2995" s="1" t="s">
        <v>0</v>
      </c>
    </row>
    <row r="2996" spans="1:5" x14ac:dyDescent="0.25">
      <c r="A2996" s="1" t="s">
        <v>17414</v>
      </c>
      <c r="B2996" s="1" t="s">
        <v>51757</v>
      </c>
      <c r="C2996" s="1" t="s">
        <v>17415</v>
      </c>
      <c r="D2996" s="2">
        <v>155824</v>
      </c>
      <c r="E2996" s="1" t="s">
        <v>0</v>
      </c>
    </row>
    <row r="2997" spans="1:5" x14ac:dyDescent="0.25">
      <c r="A2997" s="2">
        <v>599</v>
      </c>
      <c r="B2997" s="2">
        <v>599</v>
      </c>
      <c r="C2997" s="1" t="s">
        <v>0</v>
      </c>
      <c r="D2997" s="2">
        <v>155825</v>
      </c>
      <c r="E2997" s="1" t="s">
        <v>0</v>
      </c>
    </row>
    <row r="2998" spans="1:5" x14ac:dyDescent="0.25">
      <c r="A2998" s="1" t="s">
        <v>555</v>
      </c>
      <c r="B2998" s="1" t="s">
        <v>5837</v>
      </c>
      <c r="C2998" s="1" t="s">
        <v>17416</v>
      </c>
      <c r="D2998" s="2">
        <v>155826</v>
      </c>
      <c r="E2998" s="1" t="s">
        <v>0</v>
      </c>
    </row>
    <row r="2999" spans="1:5" x14ac:dyDescent="0.25">
      <c r="A2999" s="1" t="s">
        <v>17417</v>
      </c>
      <c r="B2999" s="1" t="s">
        <v>62060</v>
      </c>
      <c r="C2999" s="1" t="s">
        <v>17418</v>
      </c>
      <c r="D2999" s="2">
        <v>155827</v>
      </c>
      <c r="E2999" s="1" t="s">
        <v>0</v>
      </c>
    </row>
    <row r="3000" spans="1:5" ht="409.5" x14ac:dyDescent="0.25">
      <c r="A3000" s="4" t="s">
        <v>63989</v>
      </c>
      <c r="B3000" s="1" t="s">
        <v>62061</v>
      </c>
      <c r="C3000" s="1" t="s">
        <v>17419</v>
      </c>
      <c r="D3000" s="2">
        <v>155828</v>
      </c>
      <c r="E3000" s="1" t="s">
        <v>0</v>
      </c>
    </row>
    <row r="3001" spans="1:5" x14ac:dyDescent="0.25">
      <c r="A3001" s="1" t="s">
        <v>17420</v>
      </c>
      <c r="B3001" s="1" t="s">
        <v>51758</v>
      </c>
      <c r="C3001" s="1" t="s">
        <v>17421</v>
      </c>
      <c r="D3001" s="2">
        <v>155829</v>
      </c>
      <c r="E3001" s="1" t="s">
        <v>0</v>
      </c>
    </row>
    <row r="3002" spans="1:5" x14ac:dyDescent="0.25">
      <c r="A3002" s="2">
        <v>600</v>
      </c>
      <c r="B3002" s="2">
        <v>600</v>
      </c>
      <c r="C3002" s="1" t="s">
        <v>0</v>
      </c>
      <c r="D3002" s="2">
        <v>155830</v>
      </c>
      <c r="E3002" s="1" t="s">
        <v>0</v>
      </c>
    </row>
    <row r="3003" spans="1:5" x14ac:dyDescent="0.25">
      <c r="A3003" s="1" t="s">
        <v>556</v>
      </c>
      <c r="B3003" s="1" t="s">
        <v>5838</v>
      </c>
      <c r="C3003" s="1" t="s">
        <v>17422</v>
      </c>
      <c r="D3003" s="2">
        <v>155831</v>
      </c>
      <c r="E3003" s="1" t="s">
        <v>0</v>
      </c>
    </row>
    <row r="3004" spans="1:5" x14ac:dyDescent="0.25">
      <c r="A3004" s="1" t="s">
        <v>17423</v>
      </c>
      <c r="B3004" s="1" t="s">
        <v>58180</v>
      </c>
      <c r="C3004" s="1" t="s">
        <v>17424</v>
      </c>
      <c r="D3004" s="2">
        <v>155832</v>
      </c>
      <c r="E3004" s="1" t="s">
        <v>0</v>
      </c>
    </row>
    <row r="3005" spans="1:5" ht="409.5" x14ac:dyDescent="0.25">
      <c r="A3005" s="4" t="s">
        <v>17425</v>
      </c>
      <c r="B3005" s="1" t="s">
        <v>58181</v>
      </c>
      <c r="C3005" s="1" t="s">
        <v>17426</v>
      </c>
      <c r="D3005" s="2">
        <v>155833</v>
      </c>
      <c r="E3005" s="1" t="s">
        <v>0</v>
      </c>
    </row>
    <row r="3006" spans="1:5" x14ac:dyDescent="0.25">
      <c r="A3006" s="1" t="s">
        <v>17427</v>
      </c>
      <c r="B3006" s="1" t="s">
        <v>5839</v>
      </c>
      <c r="C3006" s="1" t="s">
        <v>17428</v>
      </c>
      <c r="D3006" s="2">
        <v>155834</v>
      </c>
      <c r="E3006" s="1" t="s">
        <v>0</v>
      </c>
    </row>
    <row r="3007" spans="1:5" x14ac:dyDescent="0.25">
      <c r="A3007" s="2">
        <v>601</v>
      </c>
      <c r="B3007" s="2">
        <v>601</v>
      </c>
      <c r="C3007" s="1" t="s">
        <v>0</v>
      </c>
      <c r="D3007" s="2">
        <v>155835</v>
      </c>
      <c r="E3007" s="1" t="s">
        <v>0</v>
      </c>
    </row>
    <row r="3008" spans="1:5" x14ac:dyDescent="0.25">
      <c r="A3008" s="1" t="s">
        <v>5840</v>
      </c>
      <c r="B3008" s="1" t="s">
        <v>5841</v>
      </c>
      <c r="C3008" s="1" t="s">
        <v>17429</v>
      </c>
      <c r="D3008" s="2">
        <v>155836</v>
      </c>
      <c r="E3008" s="1" t="s">
        <v>0</v>
      </c>
    </row>
    <row r="3009" spans="1:5" x14ac:dyDescent="0.25">
      <c r="A3009" s="1" t="s">
        <v>17430</v>
      </c>
      <c r="B3009" s="1" t="s">
        <v>51759</v>
      </c>
      <c r="C3009" s="1" t="s">
        <v>17431</v>
      </c>
      <c r="D3009" s="2">
        <v>155837</v>
      </c>
      <c r="E3009" s="1" t="s">
        <v>0</v>
      </c>
    </row>
    <row r="3010" spans="1:5" ht="409.5" x14ac:dyDescent="0.25">
      <c r="A3010" s="4" t="s">
        <v>17432</v>
      </c>
      <c r="B3010" s="1" t="s">
        <v>51760</v>
      </c>
      <c r="C3010" s="1" t="s">
        <v>17433</v>
      </c>
      <c r="D3010" s="2">
        <v>155838</v>
      </c>
      <c r="E3010" s="1" t="s">
        <v>0</v>
      </c>
    </row>
    <row r="3011" spans="1:5" x14ac:dyDescent="0.25">
      <c r="A3011" s="1" t="s">
        <v>17434</v>
      </c>
      <c r="B3011" s="1" t="s">
        <v>5842</v>
      </c>
      <c r="C3011" s="1" t="s">
        <v>17435</v>
      </c>
      <c r="D3011" s="2">
        <v>155839</v>
      </c>
      <c r="E3011" s="1" t="s">
        <v>0</v>
      </c>
    </row>
    <row r="3012" spans="1:5" x14ac:dyDescent="0.25">
      <c r="A3012" s="2">
        <v>602</v>
      </c>
      <c r="B3012" s="2">
        <v>602</v>
      </c>
      <c r="C3012" s="1" t="s">
        <v>0</v>
      </c>
      <c r="D3012" s="2">
        <v>155840</v>
      </c>
      <c r="E3012" s="1" t="s">
        <v>0</v>
      </c>
    </row>
    <row r="3013" spans="1:5" x14ac:dyDescent="0.25">
      <c r="A3013" s="1" t="s">
        <v>557</v>
      </c>
      <c r="B3013" s="1" t="s">
        <v>5843</v>
      </c>
      <c r="C3013" s="1" t="s">
        <v>17436</v>
      </c>
      <c r="D3013" s="2">
        <v>155841</v>
      </c>
      <c r="E3013" s="1" t="s">
        <v>0</v>
      </c>
    </row>
    <row r="3014" spans="1:5" x14ac:dyDescent="0.25">
      <c r="A3014" s="1" t="s">
        <v>63990</v>
      </c>
      <c r="B3014" s="1" t="s">
        <v>5844</v>
      </c>
      <c r="C3014" s="1" t="s">
        <v>17437</v>
      </c>
      <c r="D3014" s="2">
        <v>155842</v>
      </c>
      <c r="E3014" s="1" t="s">
        <v>0</v>
      </c>
    </row>
    <row r="3015" spans="1:5" ht="409.5" x14ac:dyDescent="0.25">
      <c r="A3015" s="4" t="s">
        <v>63991</v>
      </c>
      <c r="B3015" s="1" t="s">
        <v>5845</v>
      </c>
      <c r="C3015" s="1" t="s">
        <v>17438</v>
      </c>
      <c r="D3015" s="2">
        <v>155843</v>
      </c>
      <c r="E3015" s="1" t="s">
        <v>0</v>
      </c>
    </row>
    <row r="3016" spans="1:5" x14ac:dyDescent="0.25">
      <c r="A3016" s="1" t="s">
        <v>17439</v>
      </c>
      <c r="B3016" s="1" t="s">
        <v>51761</v>
      </c>
      <c r="C3016" s="1" t="s">
        <v>17440</v>
      </c>
      <c r="D3016" s="2">
        <v>155844</v>
      </c>
      <c r="E3016" s="1" t="s">
        <v>0</v>
      </c>
    </row>
    <row r="3017" spans="1:5" x14ac:dyDescent="0.25">
      <c r="A3017" s="2">
        <v>603</v>
      </c>
      <c r="B3017" s="2">
        <v>603</v>
      </c>
      <c r="C3017" s="1" t="s">
        <v>0</v>
      </c>
      <c r="D3017" s="2">
        <v>155845</v>
      </c>
      <c r="E3017" s="1" t="s">
        <v>0</v>
      </c>
    </row>
    <row r="3018" spans="1:5" x14ac:dyDescent="0.25">
      <c r="A3018" s="1" t="s">
        <v>558</v>
      </c>
      <c r="B3018" s="1" t="s">
        <v>5846</v>
      </c>
      <c r="C3018" s="1" t="s">
        <v>17441</v>
      </c>
      <c r="D3018" s="2">
        <v>155846</v>
      </c>
      <c r="E3018" s="1" t="s">
        <v>0</v>
      </c>
    </row>
    <row r="3019" spans="1:5" x14ac:dyDescent="0.25">
      <c r="A3019" s="1" t="s">
        <v>17442</v>
      </c>
      <c r="B3019" s="1" t="s">
        <v>51762</v>
      </c>
      <c r="C3019" s="1" t="s">
        <v>17443</v>
      </c>
      <c r="D3019" s="2">
        <v>155847</v>
      </c>
      <c r="E3019" s="1" t="s">
        <v>0</v>
      </c>
    </row>
    <row r="3020" spans="1:5" ht="409.5" x14ac:dyDescent="0.25">
      <c r="A3020" s="4" t="s">
        <v>17444</v>
      </c>
      <c r="B3020" s="1" t="s">
        <v>51763</v>
      </c>
      <c r="C3020" s="1" t="s">
        <v>17445</v>
      </c>
      <c r="D3020" s="2">
        <v>155848</v>
      </c>
      <c r="E3020" s="1" t="s">
        <v>0</v>
      </c>
    </row>
    <row r="3021" spans="1:5" x14ac:dyDescent="0.25">
      <c r="A3021" s="1" t="s">
        <v>17446</v>
      </c>
      <c r="B3021" s="1" t="s">
        <v>51764</v>
      </c>
      <c r="C3021" s="1" t="s">
        <v>17447</v>
      </c>
      <c r="D3021" s="2">
        <v>155849</v>
      </c>
      <c r="E3021" s="1" t="s">
        <v>0</v>
      </c>
    </row>
    <row r="3022" spans="1:5" x14ac:dyDescent="0.25">
      <c r="A3022" s="2">
        <v>604</v>
      </c>
      <c r="B3022" s="2">
        <v>604</v>
      </c>
      <c r="C3022" s="1" t="s">
        <v>0</v>
      </c>
      <c r="D3022" s="2">
        <v>155850</v>
      </c>
      <c r="E3022" s="1" t="s">
        <v>0</v>
      </c>
    </row>
    <row r="3023" spans="1:5" x14ac:dyDescent="0.25">
      <c r="A3023" s="1" t="s">
        <v>559</v>
      </c>
      <c r="B3023" s="1" t="s">
        <v>5847</v>
      </c>
      <c r="C3023" s="1" t="s">
        <v>17448</v>
      </c>
      <c r="D3023" s="2">
        <v>155851</v>
      </c>
      <c r="E3023" s="1" t="s">
        <v>0</v>
      </c>
    </row>
    <row r="3024" spans="1:5" x14ac:dyDescent="0.25">
      <c r="A3024" s="1" t="s">
        <v>17449</v>
      </c>
      <c r="B3024" s="1" t="s">
        <v>56697</v>
      </c>
      <c r="C3024" s="1" t="s">
        <v>17450</v>
      </c>
      <c r="D3024" s="2">
        <v>155852</v>
      </c>
      <c r="E3024" s="1" t="s">
        <v>0</v>
      </c>
    </row>
    <row r="3025" spans="1:5" ht="409.5" x14ac:dyDescent="0.25">
      <c r="A3025" s="4" t="s">
        <v>17451</v>
      </c>
      <c r="B3025" s="1" t="s">
        <v>56698</v>
      </c>
      <c r="C3025" s="1" t="s">
        <v>17452</v>
      </c>
      <c r="D3025" s="2">
        <v>155853</v>
      </c>
      <c r="E3025" s="1" t="s">
        <v>0</v>
      </c>
    </row>
    <row r="3026" spans="1:5" x14ac:dyDescent="0.25">
      <c r="A3026" s="1" t="s">
        <v>17453</v>
      </c>
      <c r="B3026" s="1" t="s">
        <v>5848</v>
      </c>
      <c r="C3026" s="1" t="s">
        <v>17454</v>
      </c>
      <c r="D3026" s="2">
        <v>155854</v>
      </c>
      <c r="E3026" s="1" t="s">
        <v>0</v>
      </c>
    </row>
    <row r="3027" spans="1:5" x14ac:dyDescent="0.25">
      <c r="A3027" s="2">
        <v>605</v>
      </c>
      <c r="B3027" s="2">
        <v>605</v>
      </c>
      <c r="C3027" s="1" t="s">
        <v>0</v>
      </c>
      <c r="D3027" s="2">
        <v>155855</v>
      </c>
      <c r="E3027" s="1" t="s">
        <v>0</v>
      </c>
    </row>
    <row r="3028" spans="1:5" x14ac:dyDescent="0.25">
      <c r="A3028" s="1" t="s">
        <v>12999</v>
      </c>
      <c r="B3028" s="1" t="s">
        <v>5849</v>
      </c>
      <c r="C3028" s="1" t="s">
        <v>17455</v>
      </c>
      <c r="D3028" s="2">
        <v>155856</v>
      </c>
      <c r="E3028" s="1" t="s">
        <v>0</v>
      </c>
    </row>
    <row r="3029" spans="1:5" x14ac:dyDescent="0.25">
      <c r="A3029" s="1" t="s">
        <v>17456</v>
      </c>
      <c r="B3029" s="1" t="s">
        <v>51765</v>
      </c>
      <c r="C3029" s="1" t="s">
        <v>17457</v>
      </c>
      <c r="D3029" s="2">
        <v>155857</v>
      </c>
      <c r="E3029" s="1" t="s">
        <v>0</v>
      </c>
    </row>
    <row r="3030" spans="1:5" ht="409.5" x14ac:dyDescent="0.25">
      <c r="A3030" s="4" t="s">
        <v>17458</v>
      </c>
      <c r="B3030" s="1" t="s">
        <v>60557</v>
      </c>
      <c r="C3030" s="1" t="s">
        <v>17459</v>
      </c>
      <c r="D3030" s="2">
        <v>155858</v>
      </c>
      <c r="E3030" s="1" t="s">
        <v>0</v>
      </c>
    </row>
    <row r="3031" spans="1:5" x14ac:dyDescent="0.25">
      <c r="A3031" s="1" t="s">
        <v>17460</v>
      </c>
      <c r="B3031" s="1" t="s">
        <v>5850</v>
      </c>
      <c r="C3031" s="1" t="s">
        <v>17461</v>
      </c>
      <c r="D3031" s="2">
        <v>155859</v>
      </c>
      <c r="E3031" s="1" t="s">
        <v>0</v>
      </c>
    </row>
    <row r="3032" spans="1:5" x14ac:dyDescent="0.25">
      <c r="A3032" s="2">
        <v>606</v>
      </c>
      <c r="B3032" s="2">
        <v>606</v>
      </c>
      <c r="C3032" s="1" t="s">
        <v>0</v>
      </c>
      <c r="D3032" s="2">
        <v>155860</v>
      </c>
      <c r="E3032" s="1" t="s">
        <v>0</v>
      </c>
    </row>
    <row r="3033" spans="1:5" x14ac:dyDescent="0.25">
      <c r="A3033" s="1" t="s">
        <v>560</v>
      </c>
      <c r="B3033" s="1" t="s">
        <v>5851</v>
      </c>
      <c r="C3033" s="1" t="s">
        <v>17462</v>
      </c>
      <c r="D3033" s="2">
        <v>155861</v>
      </c>
      <c r="E3033" s="1" t="s">
        <v>0</v>
      </c>
    </row>
    <row r="3034" spans="1:5" x14ac:dyDescent="0.25">
      <c r="A3034" s="1" t="s">
        <v>17463</v>
      </c>
      <c r="B3034" s="1" t="s">
        <v>51766</v>
      </c>
      <c r="C3034" s="1" t="s">
        <v>17464</v>
      </c>
      <c r="D3034" s="2">
        <v>155862</v>
      </c>
      <c r="E3034" s="1" t="s">
        <v>0</v>
      </c>
    </row>
    <row r="3035" spans="1:5" ht="409.5" x14ac:dyDescent="0.25">
      <c r="A3035" s="4" t="s">
        <v>17465</v>
      </c>
      <c r="B3035" s="1" t="s">
        <v>51767</v>
      </c>
      <c r="C3035" s="1" t="s">
        <v>17466</v>
      </c>
      <c r="D3035" s="2">
        <v>155863</v>
      </c>
      <c r="E3035" s="1" t="s">
        <v>0</v>
      </c>
    </row>
    <row r="3036" spans="1:5" x14ac:dyDescent="0.25">
      <c r="A3036" s="1" t="s">
        <v>17467</v>
      </c>
      <c r="B3036" s="1" t="s">
        <v>51768</v>
      </c>
      <c r="C3036" s="1" t="s">
        <v>17468</v>
      </c>
      <c r="D3036" s="2">
        <v>155864</v>
      </c>
      <c r="E3036" s="1" t="s">
        <v>0</v>
      </c>
    </row>
    <row r="3037" spans="1:5" x14ac:dyDescent="0.25">
      <c r="A3037" s="2">
        <v>607</v>
      </c>
      <c r="B3037" s="2">
        <v>607</v>
      </c>
      <c r="C3037" s="1" t="s">
        <v>0</v>
      </c>
      <c r="D3037" s="2">
        <v>155865</v>
      </c>
      <c r="E3037" s="1" t="s">
        <v>0</v>
      </c>
    </row>
    <row r="3038" spans="1:5" x14ac:dyDescent="0.25">
      <c r="A3038" s="1" t="s">
        <v>561</v>
      </c>
      <c r="B3038" s="1" t="s">
        <v>59774</v>
      </c>
      <c r="C3038" s="1" t="s">
        <v>17469</v>
      </c>
      <c r="D3038" s="2">
        <v>155866</v>
      </c>
      <c r="E3038" s="1" t="s">
        <v>0</v>
      </c>
    </row>
    <row r="3039" spans="1:5" x14ac:dyDescent="0.25">
      <c r="A3039" s="1" t="s">
        <v>17470</v>
      </c>
      <c r="B3039" s="1" t="s">
        <v>56699</v>
      </c>
      <c r="C3039" s="1" t="s">
        <v>17471</v>
      </c>
      <c r="D3039" s="2">
        <v>155867</v>
      </c>
      <c r="E3039" s="1" t="s">
        <v>0</v>
      </c>
    </row>
    <row r="3040" spans="1:5" ht="409.5" x14ac:dyDescent="0.25">
      <c r="A3040" s="4" t="s">
        <v>17472</v>
      </c>
      <c r="B3040" s="1" t="s">
        <v>59775</v>
      </c>
      <c r="C3040" s="1" t="s">
        <v>17473</v>
      </c>
      <c r="D3040" s="2">
        <v>155868</v>
      </c>
      <c r="E3040" s="1" t="s">
        <v>0</v>
      </c>
    </row>
    <row r="3041" spans="1:5" x14ac:dyDescent="0.25">
      <c r="A3041" s="1" t="s">
        <v>17474</v>
      </c>
      <c r="B3041" s="1" t="s">
        <v>51769</v>
      </c>
      <c r="C3041" s="1" t="s">
        <v>17475</v>
      </c>
      <c r="D3041" s="2">
        <v>155869</v>
      </c>
      <c r="E3041" s="1" t="s">
        <v>0</v>
      </c>
    </row>
    <row r="3042" spans="1:5" x14ac:dyDescent="0.25">
      <c r="A3042" s="2">
        <v>608</v>
      </c>
      <c r="B3042" s="2">
        <v>608</v>
      </c>
      <c r="C3042" s="1" t="s">
        <v>0</v>
      </c>
      <c r="D3042" s="2">
        <v>155870</v>
      </c>
      <c r="E3042" s="1" t="s">
        <v>0</v>
      </c>
    </row>
    <row r="3043" spans="1:5" x14ac:dyDescent="0.25">
      <c r="A3043" s="1" t="s">
        <v>562</v>
      </c>
      <c r="B3043" s="1" t="s">
        <v>5852</v>
      </c>
      <c r="C3043" s="1" t="s">
        <v>17476</v>
      </c>
      <c r="D3043" s="2">
        <v>155871</v>
      </c>
      <c r="E3043" s="1" t="s">
        <v>0</v>
      </c>
    </row>
    <row r="3044" spans="1:5" x14ac:dyDescent="0.25">
      <c r="A3044" s="1" t="s">
        <v>17477</v>
      </c>
      <c r="B3044" s="1" t="s">
        <v>51770</v>
      </c>
      <c r="C3044" s="1" t="s">
        <v>17478</v>
      </c>
      <c r="D3044" s="2">
        <v>155872</v>
      </c>
      <c r="E3044" s="1" t="s">
        <v>0</v>
      </c>
    </row>
    <row r="3045" spans="1:5" ht="409.5" x14ac:dyDescent="0.25">
      <c r="A3045" s="4" t="s">
        <v>17479</v>
      </c>
      <c r="B3045" s="1" t="s">
        <v>56998</v>
      </c>
      <c r="C3045" s="1" t="s">
        <v>17480</v>
      </c>
      <c r="D3045" s="2">
        <v>155873</v>
      </c>
      <c r="E3045" s="1" t="s">
        <v>0</v>
      </c>
    </row>
    <row r="3046" spans="1:5" x14ac:dyDescent="0.25">
      <c r="A3046" s="1" t="s">
        <v>17481</v>
      </c>
      <c r="B3046" s="1" t="s">
        <v>51771</v>
      </c>
      <c r="C3046" s="1" t="s">
        <v>17482</v>
      </c>
      <c r="D3046" s="2">
        <v>155874</v>
      </c>
      <c r="E3046" s="1" t="s">
        <v>0</v>
      </c>
    </row>
    <row r="3047" spans="1:5" x14ac:dyDescent="0.25">
      <c r="A3047" s="2">
        <v>609</v>
      </c>
      <c r="B3047" s="2">
        <v>609</v>
      </c>
      <c r="C3047" s="1" t="s">
        <v>0</v>
      </c>
      <c r="D3047" s="2">
        <v>155875</v>
      </c>
      <c r="E3047" s="1" t="s">
        <v>0</v>
      </c>
    </row>
    <row r="3048" spans="1:5" x14ac:dyDescent="0.25">
      <c r="A3048" s="1" t="s">
        <v>563</v>
      </c>
      <c r="B3048" s="1" t="s">
        <v>5853</v>
      </c>
      <c r="C3048" s="1" t="s">
        <v>17483</v>
      </c>
      <c r="D3048" s="2">
        <v>155876</v>
      </c>
      <c r="E3048" s="1" t="s">
        <v>0</v>
      </c>
    </row>
    <row r="3049" spans="1:5" x14ac:dyDescent="0.25">
      <c r="A3049" s="1" t="s">
        <v>17484</v>
      </c>
      <c r="B3049" s="1" t="s">
        <v>5854</v>
      </c>
      <c r="C3049" s="1" t="s">
        <v>17485</v>
      </c>
      <c r="D3049" s="2">
        <v>155877</v>
      </c>
      <c r="E3049" s="1" t="s">
        <v>0</v>
      </c>
    </row>
    <row r="3050" spans="1:5" ht="409.5" x14ac:dyDescent="0.25">
      <c r="A3050" s="4" t="s">
        <v>17486</v>
      </c>
      <c r="B3050" s="1" t="s">
        <v>61583</v>
      </c>
      <c r="C3050" s="1" t="s">
        <v>17487</v>
      </c>
      <c r="D3050" s="2">
        <v>155878</v>
      </c>
      <c r="E3050" s="1" t="s">
        <v>0</v>
      </c>
    </row>
    <row r="3051" spans="1:5" x14ac:dyDescent="0.25">
      <c r="A3051" s="1" t="s">
        <v>17488</v>
      </c>
      <c r="B3051" s="1" t="s">
        <v>51772</v>
      </c>
      <c r="C3051" s="1" t="s">
        <v>17489</v>
      </c>
      <c r="D3051" s="2">
        <v>155879</v>
      </c>
      <c r="E3051" s="1" t="s">
        <v>0</v>
      </c>
    </row>
    <row r="3052" spans="1:5" x14ac:dyDescent="0.25">
      <c r="A3052" s="2">
        <v>610</v>
      </c>
      <c r="B3052" s="2">
        <v>610</v>
      </c>
      <c r="C3052" s="1" t="s">
        <v>0</v>
      </c>
      <c r="D3052" s="2">
        <v>155880</v>
      </c>
      <c r="E3052" s="1" t="s">
        <v>0</v>
      </c>
    </row>
    <row r="3053" spans="1:5" x14ac:dyDescent="0.25">
      <c r="A3053" s="1" t="s">
        <v>564</v>
      </c>
      <c r="B3053" s="1" t="s">
        <v>51773</v>
      </c>
      <c r="C3053" s="1" t="s">
        <v>17490</v>
      </c>
      <c r="D3053" s="2">
        <v>155881</v>
      </c>
      <c r="E3053" s="1" t="s">
        <v>0</v>
      </c>
    </row>
    <row r="3054" spans="1:5" x14ac:dyDescent="0.25">
      <c r="A3054" s="1" t="s">
        <v>17491</v>
      </c>
      <c r="B3054" s="1" t="s">
        <v>50429</v>
      </c>
      <c r="C3054" s="1" t="s">
        <v>17492</v>
      </c>
      <c r="D3054" s="2">
        <v>155882</v>
      </c>
      <c r="E3054" s="1" t="s">
        <v>0</v>
      </c>
    </row>
    <row r="3055" spans="1:5" ht="409.5" x14ac:dyDescent="0.25">
      <c r="A3055" s="4" t="s">
        <v>17493</v>
      </c>
      <c r="B3055" s="1" t="s">
        <v>60921</v>
      </c>
      <c r="C3055" s="1" t="s">
        <v>17494</v>
      </c>
      <c r="D3055" s="2">
        <v>155883</v>
      </c>
      <c r="E3055" s="1" t="s">
        <v>0</v>
      </c>
    </row>
    <row r="3056" spans="1:5" x14ac:dyDescent="0.25">
      <c r="A3056" s="1" t="s">
        <v>17495</v>
      </c>
      <c r="B3056" s="1" t="s">
        <v>50430</v>
      </c>
      <c r="C3056" s="1" t="s">
        <v>17496</v>
      </c>
      <c r="D3056" s="2">
        <v>155884</v>
      </c>
      <c r="E3056" s="1" t="s">
        <v>0</v>
      </c>
    </row>
    <row r="3057" spans="1:5" x14ac:dyDescent="0.25">
      <c r="A3057" s="2">
        <v>611</v>
      </c>
      <c r="B3057" s="2">
        <v>611</v>
      </c>
      <c r="C3057" s="1" t="s">
        <v>0</v>
      </c>
      <c r="D3057" s="2">
        <v>155885</v>
      </c>
      <c r="E3057" s="1" t="s">
        <v>0</v>
      </c>
    </row>
    <row r="3058" spans="1:5" x14ac:dyDescent="0.25">
      <c r="A3058" s="1" t="s">
        <v>5855</v>
      </c>
      <c r="B3058" s="1" t="s">
        <v>5856</v>
      </c>
      <c r="C3058" s="1" t="s">
        <v>17497</v>
      </c>
      <c r="D3058" s="2">
        <v>155886</v>
      </c>
      <c r="E3058" s="1" t="s">
        <v>0</v>
      </c>
    </row>
    <row r="3059" spans="1:5" x14ac:dyDescent="0.25">
      <c r="A3059" s="1" t="s">
        <v>17498</v>
      </c>
      <c r="B3059" s="1" t="s">
        <v>5857</v>
      </c>
      <c r="C3059" s="1" t="s">
        <v>17499</v>
      </c>
      <c r="D3059" s="2">
        <v>155887</v>
      </c>
      <c r="E3059" s="1" t="s">
        <v>0</v>
      </c>
    </row>
    <row r="3060" spans="1:5" ht="409.5" x14ac:dyDescent="0.25">
      <c r="A3060" s="4" t="s">
        <v>17500</v>
      </c>
      <c r="B3060" s="1" t="s">
        <v>51774</v>
      </c>
      <c r="C3060" s="1" t="s">
        <v>17501</v>
      </c>
      <c r="D3060" s="2">
        <v>155888</v>
      </c>
      <c r="E3060" s="1" t="s">
        <v>0</v>
      </c>
    </row>
    <row r="3061" spans="1:5" x14ac:dyDescent="0.25">
      <c r="A3061" s="1" t="s">
        <v>17502</v>
      </c>
      <c r="B3061" s="1" t="s">
        <v>5858</v>
      </c>
      <c r="C3061" s="1" t="s">
        <v>17503</v>
      </c>
      <c r="D3061" s="2">
        <v>155889</v>
      </c>
      <c r="E3061" s="1" t="s">
        <v>0</v>
      </c>
    </row>
    <row r="3062" spans="1:5" x14ac:dyDescent="0.25">
      <c r="A3062" s="2">
        <v>612</v>
      </c>
      <c r="B3062" s="2">
        <v>612</v>
      </c>
      <c r="C3062" s="1" t="s">
        <v>0</v>
      </c>
      <c r="D3062" s="2">
        <v>155890</v>
      </c>
      <c r="E3062" s="1" t="s">
        <v>0</v>
      </c>
    </row>
    <row r="3063" spans="1:5" x14ac:dyDescent="0.25">
      <c r="A3063" s="1" t="s">
        <v>565</v>
      </c>
      <c r="B3063" s="1" t="s">
        <v>5859</v>
      </c>
      <c r="C3063" s="1" t="s">
        <v>17504</v>
      </c>
      <c r="D3063" s="2">
        <v>155891</v>
      </c>
      <c r="E3063" s="1" t="s">
        <v>0</v>
      </c>
    </row>
    <row r="3064" spans="1:5" x14ac:dyDescent="0.25">
      <c r="A3064" s="1" t="s">
        <v>17505</v>
      </c>
      <c r="B3064" s="1" t="s">
        <v>5860</v>
      </c>
      <c r="C3064" s="1" t="s">
        <v>17506</v>
      </c>
      <c r="D3064" s="2">
        <v>155892</v>
      </c>
      <c r="E3064" s="1" t="s">
        <v>0</v>
      </c>
    </row>
    <row r="3065" spans="1:5" ht="409.5" x14ac:dyDescent="0.25">
      <c r="A3065" s="4" t="s">
        <v>17507</v>
      </c>
      <c r="B3065" s="1" t="s">
        <v>62062</v>
      </c>
      <c r="C3065" s="1" t="s">
        <v>17508</v>
      </c>
      <c r="D3065" s="2">
        <v>155893</v>
      </c>
      <c r="E3065" s="1" t="s">
        <v>0</v>
      </c>
    </row>
    <row r="3066" spans="1:5" x14ac:dyDescent="0.25">
      <c r="A3066" s="1" t="s">
        <v>17509</v>
      </c>
      <c r="B3066" s="1" t="s">
        <v>60922</v>
      </c>
      <c r="C3066" s="1" t="s">
        <v>17510</v>
      </c>
      <c r="D3066" s="2">
        <v>155894</v>
      </c>
      <c r="E3066" s="1" t="s">
        <v>0</v>
      </c>
    </row>
    <row r="3067" spans="1:5" x14ac:dyDescent="0.25">
      <c r="A3067" s="2">
        <v>613</v>
      </c>
      <c r="B3067" s="2">
        <v>613</v>
      </c>
      <c r="C3067" s="1" t="s">
        <v>0</v>
      </c>
      <c r="D3067" s="2">
        <v>155895</v>
      </c>
      <c r="E3067" s="1" t="s">
        <v>0</v>
      </c>
    </row>
    <row r="3068" spans="1:5" x14ac:dyDescent="0.25">
      <c r="A3068" s="1" t="s">
        <v>5861</v>
      </c>
      <c r="B3068" s="1" t="s">
        <v>5862</v>
      </c>
      <c r="C3068" s="1" t="s">
        <v>17511</v>
      </c>
      <c r="D3068" s="2">
        <v>155896</v>
      </c>
      <c r="E3068" s="1" t="s">
        <v>0</v>
      </c>
    </row>
    <row r="3069" spans="1:5" x14ac:dyDescent="0.25">
      <c r="A3069" s="1" t="s">
        <v>17512</v>
      </c>
      <c r="B3069" s="1" t="s">
        <v>13000</v>
      </c>
      <c r="C3069" s="1" t="s">
        <v>17513</v>
      </c>
      <c r="D3069" s="2">
        <v>155897</v>
      </c>
      <c r="E3069" s="1" t="s">
        <v>0</v>
      </c>
    </row>
    <row r="3070" spans="1:5" ht="409.5" x14ac:dyDescent="0.25">
      <c r="A3070" s="4" t="s">
        <v>17514</v>
      </c>
      <c r="B3070" s="1" t="s">
        <v>13001</v>
      </c>
      <c r="C3070" s="1" t="s">
        <v>17515</v>
      </c>
      <c r="D3070" s="2">
        <v>155898</v>
      </c>
      <c r="E3070" s="1" t="s">
        <v>0</v>
      </c>
    </row>
    <row r="3071" spans="1:5" x14ac:dyDescent="0.25">
      <c r="A3071" s="1" t="s">
        <v>17516</v>
      </c>
      <c r="B3071" s="1" t="s">
        <v>5863</v>
      </c>
      <c r="C3071" s="1" t="s">
        <v>17517</v>
      </c>
      <c r="D3071" s="2">
        <v>155899</v>
      </c>
      <c r="E3071" s="1" t="s">
        <v>0</v>
      </c>
    </row>
    <row r="3072" spans="1:5" x14ac:dyDescent="0.25">
      <c r="A3072" s="2">
        <v>614</v>
      </c>
      <c r="B3072" s="2">
        <v>614</v>
      </c>
      <c r="C3072" s="1" t="s">
        <v>0</v>
      </c>
      <c r="D3072" s="2">
        <v>155900</v>
      </c>
      <c r="E3072" s="1" t="s">
        <v>0</v>
      </c>
    </row>
    <row r="3073" spans="1:5" x14ac:dyDescent="0.25">
      <c r="A3073" s="1" t="s">
        <v>566</v>
      </c>
      <c r="B3073" s="1" t="s">
        <v>5864</v>
      </c>
      <c r="C3073" s="1" t="s">
        <v>17518</v>
      </c>
      <c r="D3073" s="2">
        <v>155901</v>
      </c>
      <c r="E3073" s="1" t="s">
        <v>0</v>
      </c>
    </row>
    <row r="3074" spans="1:5" x14ac:dyDescent="0.25">
      <c r="A3074" s="1" t="s">
        <v>17519</v>
      </c>
      <c r="B3074" s="1" t="s">
        <v>51775</v>
      </c>
      <c r="C3074" s="1" t="s">
        <v>17520</v>
      </c>
      <c r="D3074" s="2">
        <v>155902</v>
      </c>
      <c r="E3074" s="1" t="s">
        <v>0</v>
      </c>
    </row>
    <row r="3075" spans="1:5" ht="409.5" x14ac:dyDescent="0.25">
      <c r="A3075" s="4" t="s">
        <v>17521</v>
      </c>
      <c r="B3075" s="1" t="s">
        <v>58182</v>
      </c>
      <c r="C3075" s="1" t="s">
        <v>17522</v>
      </c>
      <c r="D3075" s="2">
        <v>155903</v>
      </c>
      <c r="E3075" s="1" t="s">
        <v>0</v>
      </c>
    </row>
    <row r="3076" spans="1:5" x14ac:dyDescent="0.25">
      <c r="A3076" s="1" t="s">
        <v>17523</v>
      </c>
      <c r="B3076" s="1" t="s">
        <v>5865</v>
      </c>
      <c r="C3076" s="1" t="s">
        <v>17524</v>
      </c>
      <c r="D3076" s="2">
        <v>155904</v>
      </c>
      <c r="E3076" s="1" t="s">
        <v>0</v>
      </c>
    </row>
    <row r="3077" spans="1:5" x14ac:dyDescent="0.25">
      <c r="A3077" s="2">
        <v>615</v>
      </c>
      <c r="B3077" s="2">
        <v>615</v>
      </c>
      <c r="C3077" s="1" t="s">
        <v>0</v>
      </c>
      <c r="D3077" s="2">
        <v>155905</v>
      </c>
      <c r="E3077" s="1" t="s">
        <v>0</v>
      </c>
    </row>
    <row r="3078" spans="1:5" x14ac:dyDescent="0.25">
      <c r="A3078" s="1" t="s">
        <v>567</v>
      </c>
      <c r="B3078" s="1" t="s">
        <v>5866</v>
      </c>
      <c r="C3078" s="1" t="s">
        <v>17525</v>
      </c>
      <c r="D3078" s="2">
        <v>155906</v>
      </c>
      <c r="E3078" s="1" t="s">
        <v>0</v>
      </c>
    </row>
    <row r="3079" spans="1:5" x14ac:dyDescent="0.25">
      <c r="A3079" s="1" t="s">
        <v>17526</v>
      </c>
      <c r="B3079" s="1" t="s">
        <v>60558</v>
      </c>
      <c r="C3079" s="1" t="s">
        <v>17527</v>
      </c>
      <c r="D3079" s="2">
        <v>155907</v>
      </c>
      <c r="E3079" s="1" t="s">
        <v>0</v>
      </c>
    </row>
    <row r="3080" spans="1:5" ht="409.5" x14ac:dyDescent="0.25">
      <c r="A3080" s="4" t="s">
        <v>17528</v>
      </c>
      <c r="B3080" s="1" t="s">
        <v>60559</v>
      </c>
      <c r="C3080" s="1" t="s">
        <v>17529</v>
      </c>
      <c r="D3080" s="2">
        <v>155908</v>
      </c>
      <c r="E3080" s="1" t="s">
        <v>0</v>
      </c>
    </row>
    <row r="3081" spans="1:5" x14ac:dyDescent="0.25">
      <c r="A3081" s="1" t="s">
        <v>17530</v>
      </c>
      <c r="B3081" s="1" t="s">
        <v>51776</v>
      </c>
      <c r="C3081" s="1" t="s">
        <v>17531</v>
      </c>
      <c r="D3081" s="2">
        <v>155909</v>
      </c>
      <c r="E3081" s="1" t="s">
        <v>0</v>
      </c>
    </row>
    <row r="3082" spans="1:5" x14ac:dyDescent="0.25">
      <c r="A3082" s="2">
        <v>616</v>
      </c>
      <c r="B3082" s="2">
        <v>616</v>
      </c>
      <c r="C3082" s="1" t="s">
        <v>0</v>
      </c>
      <c r="D3082" s="2">
        <v>155910</v>
      </c>
      <c r="E3082" s="1" t="s">
        <v>0</v>
      </c>
    </row>
    <row r="3083" spans="1:5" x14ac:dyDescent="0.25">
      <c r="A3083" s="1" t="s">
        <v>568</v>
      </c>
      <c r="B3083" s="1" t="s">
        <v>5867</v>
      </c>
      <c r="C3083" s="1" t="s">
        <v>17532</v>
      </c>
      <c r="D3083" s="2">
        <v>155911</v>
      </c>
      <c r="E3083" s="1" t="s">
        <v>0</v>
      </c>
    </row>
    <row r="3084" spans="1:5" x14ac:dyDescent="0.25">
      <c r="A3084" s="1" t="s">
        <v>17533</v>
      </c>
      <c r="B3084" s="1" t="s">
        <v>5868</v>
      </c>
      <c r="C3084" s="1" t="s">
        <v>17534</v>
      </c>
      <c r="D3084" s="2">
        <v>155912</v>
      </c>
      <c r="E3084" s="1" t="s">
        <v>0</v>
      </c>
    </row>
    <row r="3085" spans="1:5" ht="409.5" x14ac:dyDescent="0.25">
      <c r="A3085" s="4" t="s">
        <v>17535</v>
      </c>
      <c r="B3085" s="1" t="s">
        <v>62063</v>
      </c>
      <c r="C3085" s="1" t="s">
        <v>17536</v>
      </c>
      <c r="D3085" s="2">
        <v>155913</v>
      </c>
      <c r="E3085" s="1" t="s">
        <v>0</v>
      </c>
    </row>
    <row r="3086" spans="1:5" x14ac:dyDescent="0.25">
      <c r="A3086" s="1" t="s">
        <v>17537</v>
      </c>
      <c r="B3086" s="1" t="s">
        <v>5869</v>
      </c>
      <c r="C3086" s="1" t="s">
        <v>17538</v>
      </c>
      <c r="D3086" s="2">
        <v>155914</v>
      </c>
      <c r="E3086" s="1" t="s">
        <v>0</v>
      </c>
    </row>
    <row r="3087" spans="1:5" x14ac:dyDescent="0.25">
      <c r="A3087" s="2">
        <v>617</v>
      </c>
      <c r="B3087" s="2">
        <v>617</v>
      </c>
      <c r="C3087" s="1" t="s">
        <v>0</v>
      </c>
      <c r="D3087" s="2">
        <v>155915</v>
      </c>
      <c r="E3087" s="1" t="s">
        <v>0</v>
      </c>
    </row>
    <row r="3088" spans="1:5" x14ac:dyDescent="0.25">
      <c r="A3088" s="1" t="s">
        <v>569</v>
      </c>
      <c r="B3088" s="1" t="s">
        <v>5870</v>
      </c>
      <c r="C3088" s="1" t="s">
        <v>17539</v>
      </c>
      <c r="D3088" s="2">
        <v>155916</v>
      </c>
      <c r="E3088" s="1" t="s">
        <v>0</v>
      </c>
    </row>
    <row r="3089" spans="1:5" x14ac:dyDescent="0.25">
      <c r="A3089" s="1" t="s">
        <v>17540</v>
      </c>
      <c r="B3089" s="1" t="s">
        <v>61584</v>
      </c>
      <c r="C3089" s="1" t="s">
        <v>17541</v>
      </c>
      <c r="D3089" s="2">
        <v>155917</v>
      </c>
      <c r="E3089" s="1" t="s">
        <v>0</v>
      </c>
    </row>
    <row r="3090" spans="1:5" ht="409.5" x14ac:dyDescent="0.25">
      <c r="A3090" s="4" t="s">
        <v>17542</v>
      </c>
      <c r="B3090" s="1" t="s">
        <v>62064</v>
      </c>
      <c r="C3090" s="1" t="s">
        <v>17543</v>
      </c>
      <c r="D3090" s="2">
        <v>155918</v>
      </c>
      <c r="E3090" s="1" t="s">
        <v>0</v>
      </c>
    </row>
    <row r="3091" spans="1:5" x14ac:dyDescent="0.25">
      <c r="A3091" s="1" t="s">
        <v>17544</v>
      </c>
      <c r="B3091" s="1" t="s">
        <v>51777</v>
      </c>
      <c r="C3091" s="1" t="s">
        <v>17545</v>
      </c>
      <c r="D3091" s="2">
        <v>155919</v>
      </c>
      <c r="E3091" s="1" t="s">
        <v>0</v>
      </c>
    </row>
    <row r="3092" spans="1:5" x14ac:dyDescent="0.25">
      <c r="A3092" s="2">
        <v>618</v>
      </c>
      <c r="B3092" s="2">
        <v>618</v>
      </c>
      <c r="C3092" s="1" t="s">
        <v>0</v>
      </c>
      <c r="D3092" s="2">
        <v>155920</v>
      </c>
      <c r="E3092" s="1" t="s">
        <v>0</v>
      </c>
    </row>
    <row r="3093" spans="1:5" x14ac:dyDescent="0.25">
      <c r="A3093" s="1" t="s">
        <v>570</v>
      </c>
      <c r="B3093" s="1" t="s">
        <v>5871</v>
      </c>
      <c r="C3093" s="1" t="s">
        <v>17546</v>
      </c>
      <c r="D3093" s="2">
        <v>155921</v>
      </c>
      <c r="E3093" s="1" t="s">
        <v>0</v>
      </c>
    </row>
    <row r="3094" spans="1:5" x14ac:dyDescent="0.25">
      <c r="A3094" s="1" t="s">
        <v>17547</v>
      </c>
      <c r="B3094" s="1" t="s">
        <v>51778</v>
      </c>
      <c r="C3094" s="1" t="s">
        <v>17548</v>
      </c>
      <c r="D3094" s="2">
        <v>155922</v>
      </c>
      <c r="E3094" s="1" t="s">
        <v>0</v>
      </c>
    </row>
    <row r="3095" spans="1:5" ht="409.5" x14ac:dyDescent="0.25">
      <c r="A3095" s="4" t="s">
        <v>17549</v>
      </c>
      <c r="B3095" s="1" t="s">
        <v>60923</v>
      </c>
      <c r="C3095" s="1" t="s">
        <v>17550</v>
      </c>
      <c r="D3095" s="2">
        <v>155923</v>
      </c>
      <c r="E3095" s="1" t="s">
        <v>0</v>
      </c>
    </row>
    <row r="3096" spans="1:5" x14ac:dyDescent="0.25">
      <c r="A3096" s="1" t="s">
        <v>17551</v>
      </c>
      <c r="B3096" s="1" t="s">
        <v>51779</v>
      </c>
      <c r="C3096" s="1" t="s">
        <v>17552</v>
      </c>
      <c r="D3096" s="2">
        <v>155924</v>
      </c>
      <c r="E3096" s="1" t="s">
        <v>0</v>
      </c>
    </row>
    <row r="3097" spans="1:5" x14ac:dyDescent="0.25">
      <c r="A3097" s="2">
        <v>619</v>
      </c>
      <c r="B3097" s="2">
        <v>619</v>
      </c>
      <c r="C3097" s="1" t="s">
        <v>0</v>
      </c>
      <c r="D3097" s="2">
        <v>155925</v>
      </c>
      <c r="E3097" s="1" t="s">
        <v>0</v>
      </c>
    </row>
    <row r="3098" spans="1:5" x14ac:dyDescent="0.25">
      <c r="A3098" s="1" t="s">
        <v>571</v>
      </c>
      <c r="B3098" s="1" t="s">
        <v>5872</v>
      </c>
      <c r="C3098" s="1" t="s">
        <v>17553</v>
      </c>
      <c r="D3098" s="2">
        <v>155926</v>
      </c>
      <c r="E3098" s="1" t="s">
        <v>0</v>
      </c>
    </row>
    <row r="3099" spans="1:5" x14ac:dyDescent="0.25">
      <c r="A3099" s="1" t="s">
        <v>17554</v>
      </c>
      <c r="B3099" s="1" t="s">
        <v>5873</v>
      </c>
      <c r="C3099" s="1" t="s">
        <v>17555</v>
      </c>
      <c r="D3099" s="2">
        <v>155927</v>
      </c>
      <c r="E3099" s="1" t="s">
        <v>0</v>
      </c>
    </row>
    <row r="3100" spans="1:5" ht="409.5" x14ac:dyDescent="0.25">
      <c r="A3100" s="4" t="s">
        <v>17556</v>
      </c>
      <c r="B3100" s="1" t="s">
        <v>60560</v>
      </c>
      <c r="C3100" s="1" t="s">
        <v>17557</v>
      </c>
      <c r="D3100" s="2">
        <v>155928</v>
      </c>
      <c r="E3100" s="1" t="s">
        <v>0</v>
      </c>
    </row>
    <row r="3101" spans="1:5" x14ac:dyDescent="0.25">
      <c r="A3101" s="1" t="s">
        <v>17558</v>
      </c>
      <c r="B3101" s="1" t="s">
        <v>51780</v>
      </c>
      <c r="C3101" s="1" t="s">
        <v>17559</v>
      </c>
      <c r="D3101" s="2">
        <v>155929</v>
      </c>
      <c r="E3101" s="1" t="s">
        <v>0</v>
      </c>
    </row>
    <row r="3102" spans="1:5" x14ac:dyDescent="0.25">
      <c r="A3102" s="2">
        <v>620</v>
      </c>
      <c r="B3102" s="2">
        <v>620</v>
      </c>
      <c r="C3102" s="1" t="s">
        <v>0</v>
      </c>
      <c r="D3102" s="2">
        <v>155930</v>
      </c>
      <c r="E3102" s="1" t="s">
        <v>0</v>
      </c>
    </row>
    <row r="3103" spans="1:5" x14ac:dyDescent="0.25">
      <c r="A3103" s="1" t="s">
        <v>572</v>
      </c>
      <c r="B3103" s="1" t="s">
        <v>56911</v>
      </c>
      <c r="C3103" s="1" t="s">
        <v>17560</v>
      </c>
      <c r="D3103" s="2">
        <v>155931</v>
      </c>
      <c r="E3103" s="1" t="s">
        <v>0</v>
      </c>
    </row>
    <row r="3104" spans="1:5" x14ac:dyDescent="0.25">
      <c r="A3104" s="1" t="s">
        <v>17561</v>
      </c>
      <c r="B3104" s="1" t="s">
        <v>5874</v>
      </c>
      <c r="C3104" s="1" t="s">
        <v>17562</v>
      </c>
      <c r="D3104" s="2">
        <v>155932</v>
      </c>
      <c r="E3104" s="1" t="s">
        <v>0</v>
      </c>
    </row>
    <row r="3105" spans="1:5" ht="409.5" x14ac:dyDescent="0.25">
      <c r="A3105" s="4" t="s">
        <v>17563</v>
      </c>
      <c r="B3105" s="1" t="s">
        <v>59776</v>
      </c>
      <c r="C3105" s="1" t="s">
        <v>17564</v>
      </c>
      <c r="D3105" s="2">
        <v>155933</v>
      </c>
      <c r="E3105" s="1" t="s">
        <v>0</v>
      </c>
    </row>
    <row r="3106" spans="1:5" x14ac:dyDescent="0.25">
      <c r="A3106" s="1" t="s">
        <v>17565</v>
      </c>
      <c r="B3106" s="1" t="s">
        <v>59777</v>
      </c>
      <c r="C3106" s="1" t="s">
        <v>17566</v>
      </c>
      <c r="D3106" s="2">
        <v>155934</v>
      </c>
      <c r="E3106" s="1" t="s">
        <v>0</v>
      </c>
    </row>
    <row r="3107" spans="1:5" x14ac:dyDescent="0.25">
      <c r="A3107" s="2">
        <v>621</v>
      </c>
      <c r="B3107" s="2">
        <v>621</v>
      </c>
      <c r="C3107" s="1" t="s">
        <v>0</v>
      </c>
      <c r="D3107" s="2">
        <v>155935</v>
      </c>
      <c r="E3107" s="1" t="s">
        <v>0</v>
      </c>
    </row>
    <row r="3108" spans="1:5" x14ac:dyDescent="0.25">
      <c r="A3108" s="1" t="s">
        <v>573</v>
      </c>
      <c r="B3108" s="1" t="s">
        <v>5875</v>
      </c>
      <c r="C3108" s="1" t="s">
        <v>17567</v>
      </c>
      <c r="D3108" s="2">
        <v>155936</v>
      </c>
      <c r="E3108" s="1" t="s">
        <v>0</v>
      </c>
    </row>
    <row r="3109" spans="1:5" x14ac:dyDescent="0.25">
      <c r="A3109" s="1" t="s">
        <v>17568</v>
      </c>
      <c r="B3109" s="1" t="s">
        <v>58183</v>
      </c>
      <c r="C3109" s="1" t="s">
        <v>17569</v>
      </c>
      <c r="D3109" s="2">
        <v>155937</v>
      </c>
      <c r="E3109" s="1" t="s">
        <v>0</v>
      </c>
    </row>
    <row r="3110" spans="1:5" ht="409.5" x14ac:dyDescent="0.25">
      <c r="A3110" s="4" t="s">
        <v>17570</v>
      </c>
      <c r="B3110" s="1" t="s">
        <v>58184</v>
      </c>
      <c r="C3110" s="1" t="s">
        <v>17571</v>
      </c>
      <c r="D3110" s="2">
        <v>155938</v>
      </c>
      <c r="E3110" s="1" t="s">
        <v>0</v>
      </c>
    </row>
    <row r="3111" spans="1:5" x14ac:dyDescent="0.25">
      <c r="A3111" s="1" t="s">
        <v>17572</v>
      </c>
      <c r="B3111" s="1" t="s">
        <v>51781</v>
      </c>
      <c r="C3111" s="1" t="s">
        <v>17573</v>
      </c>
      <c r="D3111" s="2">
        <v>155939</v>
      </c>
      <c r="E3111" s="1" t="s">
        <v>0</v>
      </c>
    </row>
    <row r="3112" spans="1:5" x14ac:dyDescent="0.25">
      <c r="A3112" s="2">
        <v>622</v>
      </c>
      <c r="B3112" s="2">
        <v>622</v>
      </c>
      <c r="C3112" s="1" t="s">
        <v>0</v>
      </c>
      <c r="D3112" s="2">
        <v>155940</v>
      </c>
      <c r="E3112" s="1" t="s">
        <v>0</v>
      </c>
    </row>
    <row r="3113" spans="1:5" x14ac:dyDescent="0.25">
      <c r="A3113" s="1" t="s">
        <v>574</v>
      </c>
      <c r="B3113" s="1" t="s">
        <v>5876</v>
      </c>
      <c r="C3113" s="1" t="s">
        <v>17574</v>
      </c>
      <c r="D3113" s="2">
        <v>155941</v>
      </c>
      <c r="E3113" s="1" t="s">
        <v>0</v>
      </c>
    </row>
    <row r="3114" spans="1:5" x14ac:dyDescent="0.25">
      <c r="A3114" s="1" t="s">
        <v>17575</v>
      </c>
      <c r="B3114" s="1" t="s">
        <v>57723</v>
      </c>
      <c r="C3114" s="1" t="s">
        <v>17576</v>
      </c>
      <c r="D3114" s="2">
        <v>155942</v>
      </c>
      <c r="E3114" s="1" t="s">
        <v>0</v>
      </c>
    </row>
    <row r="3115" spans="1:5" ht="409.5" x14ac:dyDescent="0.25">
      <c r="A3115" s="4" t="s">
        <v>17577</v>
      </c>
      <c r="B3115" s="1" t="s">
        <v>60394</v>
      </c>
      <c r="C3115" s="1" t="s">
        <v>17578</v>
      </c>
      <c r="D3115" s="2">
        <v>155943</v>
      </c>
      <c r="E3115" s="1" t="s">
        <v>0</v>
      </c>
    </row>
    <row r="3116" spans="1:5" x14ac:dyDescent="0.25">
      <c r="A3116" s="1" t="s">
        <v>17579</v>
      </c>
      <c r="B3116" s="1" t="s">
        <v>60924</v>
      </c>
      <c r="C3116" s="1" t="s">
        <v>17580</v>
      </c>
      <c r="D3116" s="2">
        <v>155944</v>
      </c>
      <c r="E3116" s="1" t="s">
        <v>0</v>
      </c>
    </row>
    <row r="3117" spans="1:5" x14ac:dyDescent="0.25">
      <c r="A3117" s="2">
        <v>623</v>
      </c>
      <c r="B3117" s="2">
        <v>623</v>
      </c>
      <c r="C3117" s="1" t="s">
        <v>0</v>
      </c>
      <c r="D3117" s="2">
        <v>155945</v>
      </c>
      <c r="E3117" s="1" t="s">
        <v>0</v>
      </c>
    </row>
    <row r="3118" spans="1:5" x14ac:dyDescent="0.25">
      <c r="A3118" s="1" t="s">
        <v>575</v>
      </c>
      <c r="B3118" s="1" t="s">
        <v>5877</v>
      </c>
      <c r="C3118" s="1" t="s">
        <v>17581</v>
      </c>
      <c r="D3118" s="2">
        <v>155946</v>
      </c>
      <c r="E3118" s="1" t="s">
        <v>0</v>
      </c>
    </row>
    <row r="3119" spans="1:5" x14ac:dyDescent="0.25">
      <c r="A3119" s="1" t="s">
        <v>17582</v>
      </c>
      <c r="B3119" s="1" t="s">
        <v>5878</v>
      </c>
      <c r="C3119" s="1" t="s">
        <v>17583</v>
      </c>
      <c r="D3119" s="2">
        <v>155947</v>
      </c>
      <c r="E3119" s="1" t="s">
        <v>0</v>
      </c>
    </row>
    <row r="3120" spans="1:5" ht="409.5" x14ac:dyDescent="0.25">
      <c r="A3120" s="4" t="s">
        <v>17584</v>
      </c>
      <c r="B3120" s="1" t="s">
        <v>63212</v>
      </c>
      <c r="C3120" s="1" t="s">
        <v>17585</v>
      </c>
      <c r="D3120" s="2">
        <v>155948</v>
      </c>
      <c r="E3120" s="1" t="s">
        <v>0</v>
      </c>
    </row>
    <row r="3121" spans="1:5" x14ac:dyDescent="0.25">
      <c r="A3121" s="1" t="s">
        <v>17586</v>
      </c>
      <c r="B3121" s="1" t="s">
        <v>5879</v>
      </c>
      <c r="C3121" s="1" t="s">
        <v>17587</v>
      </c>
      <c r="D3121" s="2">
        <v>155949</v>
      </c>
      <c r="E3121" s="1" t="s">
        <v>0</v>
      </c>
    </row>
    <row r="3122" spans="1:5" x14ac:dyDescent="0.25">
      <c r="A3122" s="2">
        <v>624</v>
      </c>
      <c r="B3122" s="2">
        <v>624</v>
      </c>
      <c r="C3122" s="1" t="s">
        <v>0</v>
      </c>
      <c r="D3122" s="2">
        <v>155950</v>
      </c>
      <c r="E3122" s="1" t="s">
        <v>0</v>
      </c>
    </row>
    <row r="3123" spans="1:5" x14ac:dyDescent="0.25">
      <c r="A3123" s="1" t="s">
        <v>576</v>
      </c>
      <c r="B3123" s="1" t="s">
        <v>51782</v>
      </c>
      <c r="C3123" s="1" t="s">
        <v>17588</v>
      </c>
      <c r="D3123" s="2">
        <v>155951</v>
      </c>
      <c r="E3123" s="1" t="s">
        <v>0</v>
      </c>
    </row>
    <row r="3124" spans="1:5" x14ac:dyDescent="0.25">
      <c r="A3124" s="1" t="s">
        <v>17589</v>
      </c>
      <c r="B3124" s="1" t="s">
        <v>51783</v>
      </c>
      <c r="C3124" s="1" t="s">
        <v>17590</v>
      </c>
      <c r="D3124" s="2">
        <v>155952</v>
      </c>
      <c r="E3124" s="1" t="s">
        <v>0</v>
      </c>
    </row>
    <row r="3125" spans="1:5" ht="409.5" x14ac:dyDescent="0.25">
      <c r="A3125" s="4" t="s">
        <v>17591</v>
      </c>
      <c r="B3125" s="1" t="s">
        <v>51784</v>
      </c>
      <c r="C3125" s="1" t="s">
        <v>17592</v>
      </c>
      <c r="D3125" s="2">
        <v>155953</v>
      </c>
      <c r="E3125" s="1" t="s">
        <v>0</v>
      </c>
    </row>
    <row r="3126" spans="1:5" x14ac:dyDescent="0.25">
      <c r="A3126" s="1" t="s">
        <v>13413</v>
      </c>
      <c r="B3126" s="1" t="s">
        <v>60845</v>
      </c>
      <c r="C3126" s="1" t="s">
        <v>13414</v>
      </c>
      <c r="D3126" s="2">
        <v>155954</v>
      </c>
      <c r="E3126" s="1" t="s">
        <v>0</v>
      </c>
    </row>
    <row r="3127" spans="1:5" x14ac:dyDescent="0.25">
      <c r="A3127" s="2">
        <v>625</v>
      </c>
      <c r="B3127" s="2">
        <v>625</v>
      </c>
      <c r="C3127" s="1" t="s">
        <v>0</v>
      </c>
      <c r="D3127" s="2">
        <v>155955</v>
      </c>
      <c r="E3127" s="1" t="s">
        <v>0</v>
      </c>
    </row>
    <row r="3128" spans="1:5" x14ac:dyDescent="0.25">
      <c r="A3128" s="1" t="s">
        <v>577</v>
      </c>
      <c r="B3128" s="1" t="s">
        <v>5880</v>
      </c>
      <c r="C3128" s="1" t="s">
        <v>17593</v>
      </c>
      <c r="D3128" s="2">
        <v>155956</v>
      </c>
      <c r="E3128" s="1" t="s">
        <v>0</v>
      </c>
    </row>
    <row r="3129" spans="1:5" x14ac:dyDescent="0.25">
      <c r="A3129" s="1" t="s">
        <v>17594</v>
      </c>
      <c r="B3129" s="1" t="s">
        <v>57724</v>
      </c>
      <c r="C3129" s="1" t="s">
        <v>17595</v>
      </c>
      <c r="D3129" s="2">
        <v>155957</v>
      </c>
      <c r="E3129" s="1" t="s">
        <v>0</v>
      </c>
    </row>
    <row r="3130" spans="1:5" ht="409.5" x14ac:dyDescent="0.25">
      <c r="A3130" s="4" t="s">
        <v>17596</v>
      </c>
      <c r="B3130" s="1" t="s">
        <v>62065</v>
      </c>
      <c r="C3130" s="1" t="s">
        <v>17597</v>
      </c>
      <c r="D3130" s="2">
        <v>155958</v>
      </c>
      <c r="E3130" s="1" t="s">
        <v>0</v>
      </c>
    </row>
    <row r="3131" spans="1:5" x14ac:dyDescent="0.25">
      <c r="A3131" s="1" t="s">
        <v>17598</v>
      </c>
      <c r="B3131" s="1" t="s">
        <v>51785</v>
      </c>
      <c r="C3131" s="1" t="s">
        <v>17599</v>
      </c>
      <c r="D3131" s="2">
        <v>155959</v>
      </c>
      <c r="E3131" s="1" t="s">
        <v>0</v>
      </c>
    </row>
    <row r="3132" spans="1:5" x14ac:dyDescent="0.25">
      <c r="A3132" s="2">
        <v>626</v>
      </c>
      <c r="B3132" s="2">
        <v>626</v>
      </c>
      <c r="C3132" s="1" t="s">
        <v>0</v>
      </c>
      <c r="D3132" s="2">
        <v>155960</v>
      </c>
      <c r="E3132" s="1" t="s">
        <v>0</v>
      </c>
    </row>
    <row r="3133" spans="1:5" x14ac:dyDescent="0.25">
      <c r="A3133" s="1" t="s">
        <v>578</v>
      </c>
      <c r="B3133" s="1" t="s">
        <v>5881</v>
      </c>
      <c r="C3133" s="1" t="s">
        <v>17600</v>
      </c>
      <c r="D3133" s="2">
        <v>155961</v>
      </c>
      <c r="E3133" s="1" t="s">
        <v>0</v>
      </c>
    </row>
    <row r="3134" spans="1:5" x14ac:dyDescent="0.25">
      <c r="A3134" s="1" t="s">
        <v>17601</v>
      </c>
      <c r="B3134" s="1" t="s">
        <v>5882</v>
      </c>
      <c r="C3134" s="1" t="s">
        <v>17602</v>
      </c>
      <c r="D3134" s="2">
        <v>155962</v>
      </c>
      <c r="E3134" s="1" t="s">
        <v>0</v>
      </c>
    </row>
    <row r="3135" spans="1:5" ht="409.5" x14ac:dyDescent="0.25">
      <c r="A3135" s="4" t="s">
        <v>17603</v>
      </c>
      <c r="B3135" s="1" t="s">
        <v>62066</v>
      </c>
      <c r="C3135" s="1" t="s">
        <v>17604</v>
      </c>
      <c r="D3135" s="2">
        <v>155963</v>
      </c>
      <c r="E3135" s="1" t="s">
        <v>0</v>
      </c>
    </row>
    <row r="3136" spans="1:5" x14ac:dyDescent="0.25">
      <c r="A3136" s="1" t="s">
        <v>17605</v>
      </c>
      <c r="B3136" s="1" t="s">
        <v>51786</v>
      </c>
      <c r="C3136" s="1" t="s">
        <v>17606</v>
      </c>
      <c r="D3136" s="2">
        <v>155964</v>
      </c>
      <c r="E3136" s="1" t="s">
        <v>0</v>
      </c>
    </row>
    <row r="3137" spans="1:5" x14ac:dyDescent="0.25">
      <c r="A3137" s="2">
        <v>627</v>
      </c>
      <c r="B3137" s="2">
        <v>627</v>
      </c>
      <c r="C3137" s="1" t="s">
        <v>0</v>
      </c>
      <c r="D3137" s="2">
        <v>155965</v>
      </c>
      <c r="E3137" s="1" t="s">
        <v>0</v>
      </c>
    </row>
    <row r="3138" spans="1:5" x14ac:dyDescent="0.25">
      <c r="A3138" s="1" t="s">
        <v>579</v>
      </c>
      <c r="B3138" s="1" t="s">
        <v>5883</v>
      </c>
      <c r="C3138" s="1" t="s">
        <v>17607</v>
      </c>
      <c r="D3138" s="2">
        <v>155966</v>
      </c>
      <c r="E3138" s="1" t="s">
        <v>0</v>
      </c>
    </row>
    <row r="3139" spans="1:5" x14ac:dyDescent="0.25">
      <c r="A3139" s="1" t="s">
        <v>17608</v>
      </c>
      <c r="B3139" s="1" t="s">
        <v>51787</v>
      </c>
      <c r="C3139" s="1" t="s">
        <v>17609</v>
      </c>
      <c r="D3139" s="2">
        <v>155967</v>
      </c>
      <c r="E3139" s="1" t="s">
        <v>0</v>
      </c>
    </row>
    <row r="3140" spans="1:5" ht="409.5" x14ac:dyDescent="0.25">
      <c r="A3140" s="4" t="s">
        <v>17610</v>
      </c>
      <c r="B3140" s="1" t="s">
        <v>51788</v>
      </c>
      <c r="C3140" s="1" t="s">
        <v>17611</v>
      </c>
      <c r="D3140" s="2">
        <v>155968</v>
      </c>
      <c r="E3140" s="1" t="s">
        <v>0</v>
      </c>
    </row>
    <row r="3141" spans="1:5" x14ac:dyDescent="0.25">
      <c r="A3141" s="1" t="s">
        <v>17612</v>
      </c>
      <c r="B3141" s="1" t="s">
        <v>51789</v>
      </c>
      <c r="C3141" s="1" t="s">
        <v>17613</v>
      </c>
      <c r="D3141" s="2">
        <v>155969</v>
      </c>
      <c r="E3141" s="1" t="s">
        <v>0</v>
      </c>
    </row>
    <row r="3142" spans="1:5" x14ac:dyDescent="0.25">
      <c r="A3142" s="2">
        <v>628</v>
      </c>
      <c r="B3142" s="2">
        <v>628</v>
      </c>
      <c r="C3142" s="1" t="s">
        <v>0</v>
      </c>
      <c r="D3142" s="2">
        <v>155970</v>
      </c>
      <c r="E3142" s="1" t="s">
        <v>0</v>
      </c>
    </row>
    <row r="3143" spans="1:5" x14ac:dyDescent="0.25">
      <c r="A3143" s="1" t="s">
        <v>580</v>
      </c>
      <c r="B3143" s="1" t="s">
        <v>59778</v>
      </c>
      <c r="C3143" s="1" t="s">
        <v>17614</v>
      </c>
      <c r="D3143" s="2">
        <v>155971</v>
      </c>
      <c r="E3143" s="1" t="s">
        <v>0</v>
      </c>
    </row>
    <row r="3144" spans="1:5" x14ac:dyDescent="0.25">
      <c r="A3144" s="1" t="s">
        <v>17615</v>
      </c>
      <c r="B3144" s="1" t="s">
        <v>59779</v>
      </c>
      <c r="C3144" s="1" t="s">
        <v>17616</v>
      </c>
      <c r="D3144" s="2">
        <v>155972</v>
      </c>
      <c r="E3144" s="1" t="s">
        <v>0</v>
      </c>
    </row>
    <row r="3145" spans="1:5" x14ac:dyDescent="0.25">
      <c r="A3145" s="1" t="s">
        <v>17617</v>
      </c>
      <c r="B3145" s="1" t="s">
        <v>59780</v>
      </c>
      <c r="C3145" s="1" t="s">
        <v>17618</v>
      </c>
      <c r="D3145" s="2">
        <v>155973</v>
      </c>
      <c r="E3145" s="1" t="s">
        <v>0</v>
      </c>
    </row>
    <row r="3146" spans="1:5" x14ac:dyDescent="0.25">
      <c r="A3146" s="1" t="s">
        <v>17619</v>
      </c>
      <c r="B3146" s="1" t="s">
        <v>59781</v>
      </c>
      <c r="C3146" s="1" t="s">
        <v>17620</v>
      </c>
      <c r="D3146" s="2">
        <v>155974</v>
      </c>
      <c r="E3146" s="1" t="s">
        <v>0</v>
      </c>
    </row>
    <row r="3147" spans="1:5" x14ac:dyDescent="0.25">
      <c r="A3147" s="2">
        <v>629</v>
      </c>
      <c r="B3147" s="2">
        <v>629</v>
      </c>
      <c r="C3147" s="1" t="s">
        <v>0</v>
      </c>
      <c r="D3147" s="2">
        <v>155975</v>
      </c>
      <c r="E3147" s="1" t="s">
        <v>0</v>
      </c>
    </row>
    <row r="3148" spans="1:5" x14ac:dyDescent="0.25">
      <c r="A3148" s="1" t="s">
        <v>5884</v>
      </c>
      <c r="B3148" s="1" t="s">
        <v>5885</v>
      </c>
      <c r="C3148" s="1" t="s">
        <v>17621</v>
      </c>
      <c r="D3148" s="2">
        <v>155976</v>
      </c>
      <c r="E3148" s="1" t="s">
        <v>0</v>
      </c>
    </row>
    <row r="3149" spans="1:5" x14ac:dyDescent="0.25">
      <c r="A3149" s="1" t="s">
        <v>17622</v>
      </c>
      <c r="B3149" s="1" t="s">
        <v>59782</v>
      </c>
      <c r="C3149" s="1" t="s">
        <v>17623</v>
      </c>
      <c r="D3149" s="2">
        <v>155977</v>
      </c>
      <c r="E3149" s="1" t="s">
        <v>0</v>
      </c>
    </row>
    <row r="3150" spans="1:5" ht="409.5" x14ac:dyDescent="0.25">
      <c r="A3150" s="4" t="s">
        <v>17624</v>
      </c>
      <c r="B3150" s="1" t="s">
        <v>59783</v>
      </c>
      <c r="C3150" s="1" t="s">
        <v>17625</v>
      </c>
      <c r="D3150" s="2">
        <v>155978</v>
      </c>
      <c r="E3150" s="1" t="s">
        <v>0</v>
      </c>
    </row>
    <row r="3151" spans="1:5" x14ac:dyDescent="0.25">
      <c r="A3151" s="1" t="s">
        <v>17626</v>
      </c>
      <c r="B3151" s="1" t="s">
        <v>51790</v>
      </c>
      <c r="C3151" s="1" t="s">
        <v>17627</v>
      </c>
      <c r="D3151" s="2">
        <v>155979</v>
      </c>
      <c r="E3151" s="1" t="s">
        <v>0</v>
      </c>
    </row>
    <row r="3152" spans="1:5" x14ac:dyDescent="0.25">
      <c r="A3152" s="2">
        <v>630</v>
      </c>
      <c r="B3152" s="2">
        <v>630</v>
      </c>
      <c r="C3152" s="1" t="s">
        <v>0</v>
      </c>
      <c r="D3152" s="2">
        <v>155980</v>
      </c>
      <c r="E3152" s="1" t="s">
        <v>0</v>
      </c>
    </row>
    <row r="3153" spans="1:5" x14ac:dyDescent="0.25">
      <c r="A3153" s="1" t="s">
        <v>581</v>
      </c>
      <c r="B3153" s="1" t="s">
        <v>5886</v>
      </c>
      <c r="C3153" s="1" t="s">
        <v>17628</v>
      </c>
      <c r="D3153" s="2">
        <v>155981</v>
      </c>
      <c r="E3153" s="1" t="s">
        <v>0</v>
      </c>
    </row>
    <row r="3154" spans="1:5" x14ac:dyDescent="0.25">
      <c r="A3154" s="1" t="s">
        <v>17629</v>
      </c>
      <c r="B3154" s="1" t="s">
        <v>51791</v>
      </c>
      <c r="C3154" s="1" t="s">
        <v>17630</v>
      </c>
      <c r="D3154" s="2">
        <v>155982</v>
      </c>
      <c r="E3154" s="1" t="s">
        <v>0</v>
      </c>
    </row>
    <row r="3155" spans="1:5" ht="409.5" x14ac:dyDescent="0.25">
      <c r="A3155" s="4" t="s">
        <v>17631</v>
      </c>
      <c r="B3155" s="1" t="s">
        <v>57725</v>
      </c>
      <c r="C3155" s="1" t="s">
        <v>17632</v>
      </c>
      <c r="D3155" s="2">
        <v>155983</v>
      </c>
      <c r="E3155" s="1" t="s">
        <v>0</v>
      </c>
    </row>
    <row r="3156" spans="1:5" x14ac:dyDescent="0.25">
      <c r="A3156" s="1" t="s">
        <v>17633</v>
      </c>
      <c r="B3156" s="1" t="s">
        <v>5887</v>
      </c>
      <c r="C3156" s="1" t="s">
        <v>17634</v>
      </c>
      <c r="D3156" s="2">
        <v>155984</v>
      </c>
      <c r="E3156" s="1" t="s">
        <v>0</v>
      </c>
    </row>
    <row r="3157" spans="1:5" x14ac:dyDescent="0.25">
      <c r="A3157" s="2">
        <v>631</v>
      </c>
      <c r="B3157" s="2">
        <v>631</v>
      </c>
      <c r="C3157" s="1" t="s">
        <v>0</v>
      </c>
      <c r="D3157" s="2">
        <v>155985</v>
      </c>
      <c r="E3157" s="1" t="s">
        <v>0</v>
      </c>
    </row>
    <row r="3158" spans="1:5" x14ac:dyDescent="0.25">
      <c r="A3158" s="1" t="s">
        <v>582</v>
      </c>
      <c r="B3158" s="1" t="s">
        <v>5888</v>
      </c>
      <c r="C3158" s="1" t="s">
        <v>17635</v>
      </c>
      <c r="D3158" s="2">
        <v>155986</v>
      </c>
      <c r="E3158" s="1" t="s">
        <v>0</v>
      </c>
    </row>
    <row r="3159" spans="1:5" x14ac:dyDescent="0.25">
      <c r="A3159" s="1" t="s">
        <v>17636</v>
      </c>
      <c r="B3159" s="1" t="s">
        <v>60561</v>
      </c>
      <c r="C3159" s="1" t="s">
        <v>17637</v>
      </c>
      <c r="D3159" s="2">
        <v>155987</v>
      </c>
      <c r="E3159" s="1" t="s">
        <v>0</v>
      </c>
    </row>
    <row r="3160" spans="1:5" ht="409.5" x14ac:dyDescent="0.25">
      <c r="A3160" s="4" t="s">
        <v>17638</v>
      </c>
      <c r="B3160" s="1" t="s">
        <v>60562</v>
      </c>
      <c r="C3160" s="1" t="s">
        <v>17639</v>
      </c>
      <c r="D3160" s="2">
        <v>155988</v>
      </c>
      <c r="E3160" s="1" t="s">
        <v>0</v>
      </c>
    </row>
    <row r="3161" spans="1:5" x14ac:dyDescent="0.25">
      <c r="A3161" s="1" t="s">
        <v>17640</v>
      </c>
      <c r="B3161" s="1" t="s">
        <v>58185</v>
      </c>
      <c r="C3161" s="1" t="s">
        <v>17641</v>
      </c>
      <c r="D3161" s="2">
        <v>155989</v>
      </c>
      <c r="E3161" s="1" t="s">
        <v>0</v>
      </c>
    </row>
    <row r="3162" spans="1:5" x14ac:dyDescent="0.25">
      <c r="A3162" s="2">
        <v>632</v>
      </c>
      <c r="B3162" s="2">
        <v>632</v>
      </c>
      <c r="C3162" s="1" t="s">
        <v>0</v>
      </c>
      <c r="D3162" s="2">
        <v>155990</v>
      </c>
      <c r="E3162" s="1" t="s">
        <v>0</v>
      </c>
    </row>
    <row r="3163" spans="1:5" x14ac:dyDescent="0.25">
      <c r="A3163" s="1" t="s">
        <v>583</v>
      </c>
      <c r="B3163" s="1" t="s">
        <v>5889</v>
      </c>
      <c r="C3163" s="1" t="s">
        <v>17642</v>
      </c>
      <c r="D3163" s="2">
        <v>155991</v>
      </c>
      <c r="E3163" s="1" t="s">
        <v>0</v>
      </c>
    </row>
    <row r="3164" spans="1:5" x14ac:dyDescent="0.25">
      <c r="A3164" s="1" t="s">
        <v>17643</v>
      </c>
      <c r="B3164" s="1" t="s">
        <v>51792</v>
      </c>
      <c r="C3164" s="1" t="s">
        <v>17644</v>
      </c>
      <c r="D3164" s="2">
        <v>155992</v>
      </c>
      <c r="E3164" s="1" t="s">
        <v>0</v>
      </c>
    </row>
    <row r="3165" spans="1:5" ht="409.5" x14ac:dyDescent="0.25">
      <c r="A3165" s="4" t="s">
        <v>17645</v>
      </c>
      <c r="B3165" s="1" t="s">
        <v>58186</v>
      </c>
      <c r="C3165" s="1" t="s">
        <v>17646</v>
      </c>
      <c r="D3165" s="2">
        <v>155993</v>
      </c>
      <c r="E3165" s="1" t="s">
        <v>0</v>
      </c>
    </row>
    <row r="3166" spans="1:5" x14ac:dyDescent="0.25">
      <c r="A3166" s="1" t="s">
        <v>17647</v>
      </c>
      <c r="B3166" s="1" t="s">
        <v>5890</v>
      </c>
      <c r="C3166" s="1" t="s">
        <v>17648</v>
      </c>
      <c r="D3166" s="2">
        <v>155994</v>
      </c>
      <c r="E3166" s="1" t="s">
        <v>0</v>
      </c>
    </row>
    <row r="3167" spans="1:5" x14ac:dyDescent="0.25">
      <c r="A3167" s="2">
        <v>633</v>
      </c>
      <c r="B3167" s="2">
        <v>633</v>
      </c>
      <c r="C3167" s="1" t="s">
        <v>0</v>
      </c>
      <c r="D3167" s="2">
        <v>155995</v>
      </c>
      <c r="E3167" s="1" t="s">
        <v>0</v>
      </c>
    </row>
    <row r="3168" spans="1:5" x14ac:dyDescent="0.25">
      <c r="A3168" s="1" t="s">
        <v>584</v>
      </c>
      <c r="B3168" s="1" t="s">
        <v>5891</v>
      </c>
      <c r="C3168" s="1" t="s">
        <v>17649</v>
      </c>
      <c r="D3168" s="2">
        <v>155996</v>
      </c>
      <c r="E3168" s="1" t="s">
        <v>0</v>
      </c>
    </row>
    <row r="3169" spans="1:5" x14ac:dyDescent="0.25">
      <c r="A3169" s="1" t="s">
        <v>17650</v>
      </c>
      <c r="B3169" s="1" t="s">
        <v>5892</v>
      </c>
      <c r="C3169" s="1" t="s">
        <v>17651</v>
      </c>
      <c r="D3169" s="2">
        <v>155997</v>
      </c>
      <c r="E3169" s="1" t="s">
        <v>0</v>
      </c>
    </row>
    <row r="3170" spans="1:5" ht="409.5" x14ac:dyDescent="0.25">
      <c r="A3170" s="4" t="s">
        <v>17652</v>
      </c>
      <c r="B3170" s="1" t="s">
        <v>57401</v>
      </c>
      <c r="C3170" s="1" t="s">
        <v>17653</v>
      </c>
      <c r="D3170" s="2">
        <v>155998</v>
      </c>
      <c r="E3170" s="1" t="s">
        <v>0</v>
      </c>
    </row>
    <row r="3171" spans="1:5" x14ac:dyDescent="0.25">
      <c r="A3171" s="1" t="s">
        <v>17654</v>
      </c>
      <c r="B3171" s="1" t="s">
        <v>5893</v>
      </c>
      <c r="C3171" s="1" t="s">
        <v>17655</v>
      </c>
      <c r="D3171" s="2">
        <v>155999</v>
      </c>
      <c r="E3171" s="1" t="s">
        <v>0</v>
      </c>
    </row>
    <row r="3172" spans="1:5" x14ac:dyDescent="0.25">
      <c r="A3172" s="2">
        <v>634</v>
      </c>
      <c r="B3172" s="2">
        <v>634</v>
      </c>
      <c r="C3172" s="1" t="s">
        <v>0</v>
      </c>
      <c r="D3172" s="2">
        <v>156000</v>
      </c>
      <c r="E3172" s="1" t="s">
        <v>0</v>
      </c>
    </row>
    <row r="3173" spans="1:5" x14ac:dyDescent="0.25">
      <c r="A3173" s="1" t="s">
        <v>5894</v>
      </c>
      <c r="B3173" s="1" t="s">
        <v>5895</v>
      </c>
      <c r="C3173" s="1" t="s">
        <v>17656</v>
      </c>
      <c r="D3173" s="2">
        <v>156001</v>
      </c>
      <c r="E3173" s="1" t="s">
        <v>0</v>
      </c>
    </row>
    <row r="3174" spans="1:5" x14ac:dyDescent="0.25">
      <c r="A3174" s="1" t="s">
        <v>17657</v>
      </c>
      <c r="B3174" s="1" t="s">
        <v>5896</v>
      </c>
      <c r="C3174" s="1" t="s">
        <v>17658</v>
      </c>
      <c r="D3174" s="2">
        <v>156002</v>
      </c>
      <c r="E3174" s="1" t="s">
        <v>0</v>
      </c>
    </row>
    <row r="3175" spans="1:5" ht="409.5" x14ac:dyDescent="0.25">
      <c r="A3175" s="4" t="s">
        <v>17659</v>
      </c>
      <c r="B3175" s="1" t="s">
        <v>63213</v>
      </c>
      <c r="C3175" s="1" t="s">
        <v>17660</v>
      </c>
      <c r="D3175" s="2">
        <v>156003</v>
      </c>
      <c r="E3175" s="1" t="s">
        <v>0</v>
      </c>
    </row>
    <row r="3176" spans="1:5" x14ac:dyDescent="0.25">
      <c r="A3176" s="1" t="s">
        <v>17661</v>
      </c>
      <c r="B3176" s="1" t="s">
        <v>51793</v>
      </c>
      <c r="C3176" s="1" t="s">
        <v>17662</v>
      </c>
      <c r="D3176" s="2">
        <v>156004</v>
      </c>
      <c r="E3176" s="1" t="s">
        <v>0</v>
      </c>
    </row>
    <row r="3177" spans="1:5" x14ac:dyDescent="0.25">
      <c r="A3177" s="2">
        <v>635</v>
      </c>
      <c r="B3177" s="2">
        <v>635</v>
      </c>
      <c r="C3177" s="1" t="s">
        <v>0</v>
      </c>
      <c r="D3177" s="2">
        <v>156005</v>
      </c>
      <c r="E3177" s="1" t="s">
        <v>0</v>
      </c>
    </row>
    <row r="3178" spans="1:5" x14ac:dyDescent="0.25">
      <c r="A3178" s="1" t="s">
        <v>585</v>
      </c>
      <c r="B3178" s="1" t="s">
        <v>5897</v>
      </c>
      <c r="C3178" s="1" t="s">
        <v>17663</v>
      </c>
      <c r="D3178" s="2">
        <v>156006</v>
      </c>
      <c r="E3178" s="1" t="s">
        <v>0</v>
      </c>
    </row>
    <row r="3179" spans="1:5" x14ac:dyDescent="0.25">
      <c r="A3179" s="1" t="s">
        <v>17664</v>
      </c>
      <c r="B3179" s="1" t="s">
        <v>59561</v>
      </c>
      <c r="C3179" s="1" t="s">
        <v>17665</v>
      </c>
      <c r="D3179" s="2">
        <v>156007</v>
      </c>
      <c r="E3179" s="1" t="s">
        <v>0</v>
      </c>
    </row>
    <row r="3180" spans="1:5" ht="409.5" x14ac:dyDescent="0.25">
      <c r="A3180" s="4" t="s">
        <v>17666</v>
      </c>
      <c r="B3180" s="1" t="s">
        <v>59562</v>
      </c>
      <c r="C3180" s="1" t="s">
        <v>17667</v>
      </c>
      <c r="D3180" s="2">
        <v>156008</v>
      </c>
      <c r="E3180" s="1" t="s">
        <v>0</v>
      </c>
    </row>
    <row r="3181" spans="1:5" x14ac:dyDescent="0.25">
      <c r="A3181" s="1" t="s">
        <v>17668</v>
      </c>
      <c r="B3181" s="1" t="s">
        <v>51794</v>
      </c>
      <c r="C3181" s="1" t="s">
        <v>17669</v>
      </c>
      <c r="D3181" s="2">
        <v>156009</v>
      </c>
      <c r="E3181" s="1" t="s">
        <v>0</v>
      </c>
    </row>
    <row r="3182" spans="1:5" x14ac:dyDescent="0.25">
      <c r="A3182" s="2">
        <v>636</v>
      </c>
      <c r="B3182" s="2">
        <v>636</v>
      </c>
      <c r="C3182" s="1" t="s">
        <v>0</v>
      </c>
      <c r="D3182" s="2">
        <v>156010</v>
      </c>
      <c r="E3182" s="1" t="s">
        <v>0</v>
      </c>
    </row>
    <row r="3183" spans="1:5" x14ac:dyDescent="0.25">
      <c r="A3183" s="1" t="s">
        <v>586</v>
      </c>
      <c r="B3183" s="1" t="s">
        <v>5898</v>
      </c>
      <c r="C3183" s="1" t="s">
        <v>17670</v>
      </c>
      <c r="D3183" s="2">
        <v>156011</v>
      </c>
      <c r="E3183" s="1" t="s">
        <v>0</v>
      </c>
    </row>
    <row r="3184" spans="1:5" x14ac:dyDescent="0.25">
      <c r="A3184" s="1" t="s">
        <v>17671</v>
      </c>
      <c r="B3184" s="1" t="s">
        <v>56999</v>
      </c>
      <c r="C3184" s="1" t="s">
        <v>17672</v>
      </c>
      <c r="D3184" s="2">
        <v>156012</v>
      </c>
      <c r="E3184" s="1" t="s">
        <v>0</v>
      </c>
    </row>
    <row r="3185" spans="1:5" ht="409.5" x14ac:dyDescent="0.25">
      <c r="A3185" s="4" t="s">
        <v>17673</v>
      </c>
      <c r="B3185" s="1" t="s">
        <v>57000</v>
      </c>
      <c r="C3185" s="1" t="s">
        <v>17674</v>
      </c>
      <c r="D3185" s="2">
        <v>156013</v>
      </c>
      <c r="E3185" s="1" t="s">
        <v>0</v>
      </c>
    </row>
    <row r="3186" spans="1:5" x14ac:dyDescent="0.25">
      <c r="A3186" s="1" t="s">
        <v>17675</v>
      </c>
      <c r="B3186" s="1" t="s">
        <v>5899</v>
      </c>
      <c r="C3186" s="1" t="s">
        <v>17676</v>
      </c>
      <c r="D3186" s="2">
        <v>156014</v>
      </c>
      <c r="E3186" s="1" t="s">
        <v>0</v>
      </c>
    </row>
    <row r="3187" spans="1:5" x14ac:dyDescent="0.25">
      <c r="A3187" s="2">
        <v>637</v>
      </c>
      <c r="B3187" s="2">
        <v>637</v>
      </c>
      <c r="C3187" s="1" t="s">
        <v>0</v>
      </c>
      <c r="D3187" s="2">
        <v>156015</v>
      </c>
      <c r="E3187" s="1" t="s">
        <v>0</v>
      </c>
    </row>
    <row r="3188" spans="1:5" x14ac:dyDescent="0.25">
      <c r="A3188" s="1" t="s">
        <v>587</v>
      </c>
      <c r="B3188" s="1" t="s">
        <v>5900</v>
      </c>
      <c r="C3188" s="1" t="s">
        <v>17677</v>
      </c>
      <c r="D3188" s="2">
        <v>156016</v>
      </c>
      <c r="E3188" s="1" t="s">
        <v>0</v>
      </c>
    </row>
    <row r="3189" spans="1:5" x14ac:dyDescent="0.25">
      <c r="A3189" s="1" t="s">
        <v>17678</v>
      </c>
      <c r="B3189" s="1" t="s">
        <v>58971</v>
      </c>
      <c r="C3189" s="1" t="s">
        <v>17679</v>
      </c>
      <c r="D3189" s="2">
        <v>156017</v>
      </c>
      <c r="E3189" s="1" t="s">
        <v>0</v>
      </c>
    </row>
    <row r="3190" spans="1:5" ht="409.5" x14ac:dyDescent="0.25">
      <c r="A3190" s="4" t="s">
        <v>17680</v>
      </c>
      <c r="B3190" s="1" t="s">
        <v>58972</v>
      </c>
      <c r="C3190" s="1" t="s">
        <v>17681</v>
      </c>
      <c r="D3190" s="2">
        <v>156018</v>
      </c>
      <c r="E3190" s="1" t="s">
        <v>0</v>
      </c>
    </row>
    <row r="3191" spans="1:5" x14ac:dyDescent="0.25">
      <c r="A3191" s="1" t="s">
        <v>17682</v>
      </c>
      <c r="B3191" s="1" t="s">
        <v>5901</v>
      </c>
      <c r="C3191" s="1" t="s">
        <v>17683</v>
      </c>
      <c r="D3191" s="2">
        <v>156019</v>
      </c>
      <c r="E3191" s="1" t="s">
        <v>0</v>
      </c>
    </row>
    <row r="3192" spans="1:5" x14ac:dyDescent="0.25">
      <c r="A3192" s="2">
        <v>638</v>
      </c>
      <c r="B3192" s="2">
        <v>638</v>
      </c>
      <c r="C3192" s="1" t="s">
        <v>0</v>
      </c>
      <c r="D3192" s="2">
        <v>156020</v>
      </c>
      <c r="E3192" s="1" t="s">
        <v>0</v>
      </c>
    </row>
    <row r="3193" spans="1:5" x14ac:dyDescent="0.25">
      <c r="A3193" s="1" t="s">
        <v>588</v>
      </c>
      <c r="B3193" s="1" t="s">
        <v>5902</v>
      </c>
      <c r="C3193" s="1" t="s">
        <v>17684</v>
      </c>
      <c r="D3193" s="2">
        <v>156021</v>
      </c>
      <c r="E3193" s="1" t="s">
        <v>0</v>
      </c>
    </row>
    <row r="3194" spans="1:5" x14ac:dyDescent="0.25">
      <c r="A3194" s="1" t="s">
        <v>17685</v>
      </c>
      <c r="B3194" s="1" t="s">
        <v>5903</v>
      </c>
      <c r="C3194" s="1" t="s">
        <v>17686</v>
      </c>
      <c r="D3194" s="2">
        <v>156022</v>
      </c>
      <c r="E3194" s="1" t="s">
        <v>0</v>
      </c>
    </row>
    <row r="3195" spans="1:5" ht="409.5" x14ac:dyDescent="0.25">
      <c r="A3195" s="4" t="s">
        <v>17687</v>
      </c>
      <c r="B3195" s="1" t="s">
        <v>5904</v>
      </c>
      <c r="C3195" s="1" t="s">
        <v>17688</v>
      </c>
      <c r="D3195" s="2">
        <v>156023</v>
      </c>
      <c r="E3195" s="1" t="s">
        <v>0</v>
      </c>
    </row>
    <row r="3196" spans="1:5" x14ac:dyDescent="0.25">
      <c r="A3196" s="1" t="s">
        <v>17689</v>
      </c>
      <c r="B3196" s="1" t="s">
        <v>51795</v>
      </c>
      <c r="C3196" s="1" t="s">
        <v>17690</v>
      </c>
      <c r="D3196" s="2">
        <v>156024</v>
      </c>
      <c r="E3196" s="1" t="s">
        <v>0</v>
      </c>
    </row>
    <row r="3197" spans="1:5" x14ac:dyDescent="0.25">
      <c r="A3197" s="2">
        <v>639</v>
      </c>
      <c r="B3197" s="2">
        <v>639</v>
      </c>
      <c r="C3197" s="1" t="s">
        <v>0</v>
      </c>
      <c r="D3197" s="2">
        <v>156025</v>
      </c>
      <c r="E3197" s="1" t="s">
        <v>0</v>
      </c>
    </row>
    <row r="3198" spans="1:5" x14ac:dyDescent="0.25">
      <c r="A3198" s="1" t="s">
        <v>5905</v>
      </c>
      <c r="B3198" s="1" t="s">
        <v>58187</v>
      </c>
      <c r="C3198" s="1" t="s">
        <v>17691</v>
      </c>
      <c r="D3198" s="2">
        <v>156026</v>
      </c>
      <c r="E3198" s="1" t="s">
        <v>0</v>
      </c>
    </row>
    <row r="3199" spans="1:5" x14ac:dyDescent="0.25">
      <c r="A3199" s="1" t="s">
        <v>17692</v>
      </c>
      <c r="B3199" s="1" t="s">
        <v>62067</v>
      </c>
      <c r="C3199" s="1" t="s">
        <v>17693</v>
      </c>
      <c r="D3199" s="2">
        <v>156027</v>
      </c>
      <c r="E3199" s="1" t="s">
        <v>0</v>
      </c>
    </row>
    <row r="3200" spans="1:5" ht="409.5" x14ac:dyDescent="0.25">
      <c r="A3200" s="4" t="s">
        <v>17694</v>
      </c>
      <c r="B3200" s="1" t="s">
        <v>62068</v>
      </c>
      <c r="C3200" s="1" t="s">
        <v>17695</v>
      </c>
      <c r="D3200" s="2">
        <v>156028</v>
      </c>
      <c r="E3200" s="1" t="s">
        <v>0</v>
      </c>
    </row>
    <row r="3201" spans="1:5" x14ac:dyDescent="0.25">
      <c r="A3201" s="1" t="s">
        <v>17696</v>
      </c>
      <c r="B3201" s="1" t="s">
        <v>5906</v>
      </c>
      <c r="C3201" s="1" t="s">
        <v>17697</v>
      </c>
      <c r="D3201" s="2">
        <v>156029</v>
      </c>
      <c r="E3201" s="1" t="s">
        <v>0</v>
      </c>
    </row>
    <row r="3202" spans="1:5" x14ac:dyDescent="0.25">
      <c r="A3202" s="2">
        <v>640</v>
      </c>
      <c r="B3202" s="2">
        <v>640</v>
      </c>
      <c r="C3202" s="1" t="s">
        <v>0</v>
      </c>
      <c r="D3202" s="2">
        <v>156030</v>
      </c>
      <c r="E3202" s="1" t="s">
        <v>0</v>
      </c>
    </row>
    <row r="3203" spans="1:5" x14ac:dyDescent="0.25">
      <c r="A3203" s="1" t="s">
        <v>589</v>
      </c>
      <c r="B3203" s="1" t="s">
        <v>5907</v>
      </c>
      <c r="C3203" s="1" t="s">
        <v>17698</v>
      </c>
      <c r="D3203" s="2">
        <v>156031</v>
      </c>
      <c r="E3203" s="1" t="s">
        <v>0</v>
      </c>
    </row>
    <row r="3204" spans="1:5" x14ac:dyDescent="0.25">
      <c r="A3204" s="1" t="s">
        <v>17699</v>
      </c>
      <c r="B3204" s="1" t="s">
        <v>5908</v>
      </c>
      <c r="C3204" s="1" t="s">
        <v>17700</v>
      </c>
      <c r="D3204" s="2">
        <v>156032</v>
      </c>
      <c r="E3204" s="1" t="s">
        <v>0</v>
      </c>
    </row>
    <row r="3205" spans="1:5" ht="409.5" x14ac:dyDescent="0.25">
      <c r="A3205" s="4" t="s">
        <v>17701</v>
      </c>
      <c r="B3205" s="1" t="s">
        <v>50431</v>
      </c>
      <c r="C3205" s="1" t="s">
        <v>17702</v>
      </c>
      <c r="D3205" s="2">
        <v>156033</v>
      </c>
      <c r="E3205" s="1" t="s">
        <v>0</v>
      </c>
    </row>
    <row r="3206" spans="1:5" x14ac:dyDescent="0.25">
      <c r="A3206" s="1" t="s">
        <v>17703</v>
      </c>
      <c r="B3206" s="1" t="s">
        <v>51796</v>
      </c>
      <c r="C3206" s="1" t="s">
        <v>17704</v>
      </c>
      <c r="D3206" s="2">
        <v>156034</v>
      </c>
      <c r="E3206" s="1" t="s">
        <v>0</v>
      </c>
    </row>
    <row r="3207" spans="1:5" x14ac:dyDescent="0.25">
      <c r="A3207" s="2">
        <v>641</v>
      </c>
      <c r="B3207" s="2">
        <v>641</v>
      </c>
      <c r="C3207" s="1" t="s">
        <v>0</v>
      </c>
      <c r="D3207" s="2">
        <v>156035</v>
      </c>
      <c r="E3207" s="1" t="s">
        <v>0</v>
      </c>
    </row>
    <row r="3208" spans="1:5" x14ac:dyDescent="0.25">
      <c r="A3208" s="1" t="s">
        <v>590</v>
      </c>
      <c r="B3208" s="1" t="s">
        <v>5909</v>
      </c>
      <c r="C3208" s="1" t="s">
        <v>17705</v>
      </c>
      <c r="D3208" s="2">
        <v>156036</v>
      </c>
      <c r="E3208" s="1" t="s">
        <v>0</v>
      </c>
    </row>
    <row r="3209" spans="1:5" x14ac:dyDescent="0.25">
      <c r="A3209" s="1" t="s">
        <v>17706</v>
      </c>
      <c r="B3209" s="1" t="s">
        <v>5910</v>
      </c>
      <c r="C3209" s="1" t="s">
        <v>17707</v>
      </c>
      <c r="D3209" s="2">
        <v>156037</v>
      </c>
      <c r="E3209" s="1" t="s">
        <v>0</v>
      </c>
    </row>
    <row r="3210" spans="1:5" ht="409.5" x14ac:dyDescent="0.25">
      <c r="A3210" s="4" t="s">
        <v>17708</v>
      </c>
      <c r="B3210" s="1" t="s">
        <v>5911</v>
      </c>
      <c r="C3210" s="1" t="s">
        <v>17709</v>
      </c>
      <c r="D3210" s="2">
        <v>156038</v>
      </c>
      <c r="E3210" s="1" t="s">
        <v>0</v>
      </c>
    </row>
    <row r="3211" spans="1:5" x14ac:dyDescent="0.25">
      <c r="A3211" s="1" t="s">
        <v>17710</v>
      </c>
      <c r="B3211" s="1" t="s">
        <v>51797</v>
      </c>
      <c r="C3211" s="1" t="s">
        <v>17711</v>
      </c>
      <c r="D3211" s="2">
        <v>156039</v>
      </c>
      <c r="E3211" s="1" t="s">
        <v>0</v>
      </c>
    </row>
    <row r="3212" spans="1:5" x14ac:dyDescent="0.25">
      <c r="A3212" s="2">
        <v>642</v>
      </c>
      <c r="B3212" s="2">
        <v>642</v>
      </c>
      <c r="C3212" s="1" t="s">
        <v>0</v>
      </c>
      <c r="D3212" s="2">
        <v>156040</v>
      </c>
      <c r="E3212" s="1" t="s">
        <v>0</v>
      </c>
    </row>
    <row r="3213" spans="1:5" x14ac:dyDescent="0.25">
      <c r="A3213" s="1" t="s">
        <v>591</v>
      </c>
      <c r="B3213" s="1" t="s">
        <v>5912</v>
      </c>
      <c r="C3213" s="1" t="s">
        <v>17712</v>
      </c>
      <c r="D3213" s="2">
        <v>156041</v>
      </c>
      <c r="E3213" s="1" t="s">
        <v>0</v>
      </c>
    </row>
    <row r="3214" spans="1:5" x14ac:dyDescent="0.25">
      <c r="A3214" s="1" t="s">
        <v>17713</v>
      </c>
      <c r="B3214" s="1" t="s">
        <v>59784</v>
      </c>
      <c r="C3214" s="1" t="s">
        <v>17714</v>
      </c>
      <c r="D3214" s="2">
        <v>156042</v>
      </c>
      <c r="E3214" s="1" t="s">
        <v>0</v>
      </c>
    </row>
    <row r="3215" spans="1:5" ht="409.5" x14ac:dyDescent="0.25">
      <c r="A3215" s="4" t="s">
        <v>17715</v>
      </c>
      <c r="B3215" s="1" t="s">
        <v>59785</v>
      </c>
      <c r="C3215" s="1" t="s">
        <v>17716</v>
      </c>
      <c r="D3215" s="2">
        <v>156043</v>
      </c>
      <c r="E3215" s="1" t="s">
        <v>0</v>
      </c>
    </row>
    <row r="3216" spans="1:5" x14ac:dyDescent="0.25">
      <c r="A3216" s="1" t="s">
        <v>17717</v>
      </c>
      <c r="B3216" s="1" t="s">
        <v>60925</v>
      </c>
      <c r="C3216" s="1" t="s">
        <v>17718</v>
      </c>
      <c r="D3216" s="2">
        <v>156044</v>
      </c>
      <c r="E3216" s="1" t="s">
        <v>0</v>
      </c>
    </row>
    <row r="3217" spans="1:5" x14ac:dyDescent="0.25">
      <c r="A3217" s="2">
        <v>643</v>
      </c>
      <c r="B3217" s="2">
        <v>643</v>
      </c>
      <c r="C3217" s="1" t="s">
        <v>0</v>
      </c>
      <c r="D3217" s="2">
        <v>156045</v>
      </c>
      <c r="E3217" s="1" t="s">
        <v>0</v>
      </c>
    </row>
    <row r="3218" spans="1:5" x14ac:dyDescent="0.25">
      <c r="A3218" s="1" t="s">
        <v>592</v>
      </c>
      <c r="B3218" s="1" t="s">
        <v>5913</v>
      </c>
      <c r="C3218" s="1" t="s">
        <v>17719</v>
      </c>
      <c r="D3218" s="2">
        <v>156046</v>
      </c>
      <c r="E3218" s="1" t="s">
        <v>0</v>
      </c>
    </row>
    <row r="3219" spans="1:5" x14ac:dyDescent="0.25">
      <c r="A3219" s="1" t="s">
        <v>17720</v>
      </c>
      <c r="B3219" s="1" t="s">
        <v>5914</v>
      </c>
      <c r="C3219" s="1" t="s">
        <v>17721</v>
      </c>
      <c r="D3219" s="2">
        <v>156047</v>
      </c>
      <c r="E3219" s="1" t="s">
        <v>0</v>
      </c>
    </row>
    <row r="3220" spans="1:5" ht="409.5" x14ac:dyDescent="0.25">
      <c r="A3220" s="4" t="s">
        <v>17722</v>
      </c>
      <c r="B3220" s="1" t="s">
        <v>56700</v>
      </c>
      <c r="C3220" s="1" t="s">
        <v>17723</v>
      </c>
      <c r="D3220" s="2">
        <v>156048</v>
      </c>
      <c r="E3220" s="1" t="s">
        <v>0</v>
      </c>
    </row>
    <row r="3221" spans="1:5" x14ac:dyDescent="0.25">
      <c r="A3221" s="1" t="s">
        <v>17724</v>
      </c>
      <c r="B3221" s="1" t="s">
        <v>5915</v>
      </c>
      <c r="C3221" s="1" t="s">
        <v>17725</v>
      </c>
      <c r="D3221" s="2">
        <v>156049</v>
      </c>
      <c r="E3221" s="1" t="s">
        <v>0</v>
      </c>
    </row>
    <row r="3222" spans="1:5" x14ac:dyDescent="0.25">
      <c r="A3222" s="2">
        <v>644</v>
      </c>
      <c r="B3222" s="2">
        <v>644</v>
      </c>
      <c r="C3222" s="1" t="s">
        <v>0</v>
      </c>
      <c r="D3222" s="2">
        <v>156050</v>
      </c>
      <c r="E3222" s="1" t="s">
        <v>0</v>
      </c>
    </row>
    <row r="3223" spans="1:5" x14ac:dyDescent="0.25">
      <c r="A3223" s="1" t="s">
        <v>17726</v>
      </c>
      <c r="B3223" s="1" t="s">
        <v>5916</v>
      </c>
      <c r="C3223" s="1" t="s">
        <v>17727</v>
      </c>
      <c r="D3223" s="2">
        <v>156051</v>
      </c>
      <c r="E3223" s="1" t="s">
        <v>0</v>
      </c>
    </row>
    <row r="3224" spans="1:5" x14ac:dyDescent="0.25">
      <c r="A3224" s="1" t="s">
        <v>17728</v>
      </c>
      <c r="B3224" s="1" t="s">
        <v>13002</v>
      </c>
      <c r="C3224" s="1" t="s">
        <v>17729</v>
      </c>
      <c r="D3224" s="2">
        <v>156052</v>
      </c>
      <c r="E3224" s="1" t="s">
        <v>0</v>
      </c>
    </row>
    <row r="3225" spans="1:5" ht="409.5" x14ac:dyDescent="0.25">
      <c r="A3225" s="4" t="s">
        <v>17730</v>
      </c>
      <c r="B3225" s="1" t="s">
        <v>51798</v>
      </c>
      <c r="C3225" s="1" t="s">
        <v>17731</v>
      </c>
      <c r="D3225" s="2">
        <v>156053</v>
      </c>
      <c r="E3225" s="1" t="s">
        <v>0</v>
      </c>
    </row>
    <row r="3226" spans="1:5" x14ac:dyDescent="0.25">
      <c r="A3226" s="1" t="s">
        <v>17732</v>
      </c>
      <c r="B3226" s="1" t="s">
        <v>51799</v>
      </c>
      <c r="C3226" s="1" t="s">
        <v>17733</v>
      </c>
      <c r="D3226" s="2">
        <v>156054</v>
      </c>
      <c r="E3226" s="1" t="s">
        <v>0</v>
      </c>
    </row>
    <row r="3227" spans="1:5" x14ac:dyDescent="0.25">
      <c r="A3227" s="2">
        <v>645</v>
      </c>
      <c r="B3227" s="2">
        <v>645</v>
      </c>
      <c r="C3227" s="1" t="s">
        <v>0</v>
      </c>
      <c r="D3227" s="2">
        <v>156055</v>
      </c>
      <c r="E3227" s="1" t="s">
        <v>0</v>
      </c>
    </row>
    <row r="3228" spans="1:5" x14ac:dyDescent="0.25">
      <c r="A3228" s="1" t="s">
        <v>593</v>
      </c>
      <c r="B3228" s="1" t="s">
        <v>5917</v>
      </c>
      <c r="C3228" s="1" t="s">
        <v>17734</v>
      </c>
      <c r="D3228" s="2">
        <v>156056</v>
      </c>
      <c r="E3228" s="1" t="s">
        <v>0</v>
      </c>
    </row>
    <row r="3229" spans="1:5" x14ac:dyDescent="0.25">
      <c r="A3229" s="1" t="s">
        <v>17735</v>
      </c>
      <c r="B3229" s="1" t="s">
        <v>5918</v>
      </c>
      <c r="C3229" s="1" t="s">
        <v>17736</v>
      </c>
      <c r="D3229" s="2">
        <v>156057</v>
      </c>
      <c r="E3229" s="1" t="s">
        <v>0</v>
      </c>
    </row>
    <row r="3230" spans="1:5" ht="409.5" x14ac:dyDescent="0.25">
      <c r="A3230" s="4" t="s">
        <v>17737</v>
      </c>
      <c r="B3230" s="1" t="s">
        <v>5919</v>
      </c>
      <c r="C3230" s="1" t="s">
        <v>17738</v>
      </c>
      <c r="D3230" s="2">
        <v>156058</v>
      </c>
      <c r="E3230" s="1" t="s">
        <v>0</v>
      </c>
    </row>
    <row r="3231" spans="1:5" x14ac:dyDescent="0.25">
      <c r="A3231" s="1" t="s">
        <v>17739</v>
      </c>
      <c r="B3231" s="1" t="s">
        <v>5920</v>
      </c>
      <c r="C3231" s="1" t="s">
        <v>17740</v>
      </c>
      <c r="D3231" s="2">
        <v>156059</v>
      </c>
      <c r="E3231" s="1" t="s">
        <v>0</v>
      </c>
    </row>
    <row r="3232" spans="1:5" x14ac:dyDescent="0.25">
      <c r="A3232" s="2">
        <v>646</v>
      </c>
      <c r="B3232" s="2">
        <v>646</v>
      </c>
      <c r="C3232" s="1" t="s">
        <v>0</v>
      </c>
      <c r="D3232" s="2">
        <v>156060</v>
      </c>
      <c r="E3232" s="1" t="s">
        <v>0</v>
      </c>
    </row>
    <row r="3233" spans="1:5" x14ac:dyDescent="0.25">
      <c r="A3233" s="1" t="s">
        <v>594</v>
      </c>
      <c r="B3233" s="1" t="s">
        <v>5921</v>
      </c>
      <c r="C3233" s="1" t="s">
        <v>17741</v>
      </c>
      <c r="D3233" s="2">
        <v>156061</v>
      </c>
      <c r="E3233" s="1" t="s">
        <v>0</v>
      </c>
    </row>
    <row r="3234" spans="1:5" x14ac:dyDescent="0.25">
      <c r="A3234" s="1" t="s">
        <v>17742</v>
      </c>
      <c r="B3234" s="1" t="s">
        <v>13003</v>
      </c>
      <c r="C3234" s="1" t="s">
        <v>17743</v>
      </c>
      <c r="D3234" s="2">
        <v>156062</v>
      </c>
      <c r="E3234" s="1" t="s">
        <v>0</v>
      </c>
    </row>
    <row r="3235" spans="1:5" ht="409.5" x14ac:dyDescent="0.25">
      <c r="A3235" s="4" t="s">
        <v>17744</v>
      </c>
      <c r="B3235" s="1" t="s">
        <v>13004</v>
      </c>
      <c r="C3235" s="1" t="s">
        <v>17745</v>
      </c>
      <c r="D3235" s="2">
        <v>156063</v>
      </c>
      <c r="E3235" s="1" t="s">
        <v>0</v>
      </c>
    </row>
    <row r="3236" spans="1:5" x14ac:dyDescent="0.25">
      <c r="A3236" s="1" t="s">
        <v>17746</v>
      </c>
      <c r="B3236" s="1" t="s">
        <v>51800</v>
      </c>
      <c r="C3236" s="1" t="s">
        <v>17747</v>
      </c>
      <c r="D3236" s="2">
        <v>156064</v>
      </c>
      <c r="E3236" s="1" t="s">
        <v>0</v>
      </c>
    </row>
    <row r="3237" spans="1:5" x14ac:dyDescent="0.25">
      <c r="A3237" s="2">
        <v>647</v>
      </c>
      <c r="B3237" s="2">
        <v>647</v>
      </c>
      <c r="C3237" s="1" t="s">
        <v>0</v>
      </c>
      <c r="D3237" s="2">
        <v>156065</v>
      </c>
      <c r="E3237" s="1" t="s">
        <v>0</v>
      </c>
    </row>
    <row r="3238" spans="1:5" x14ac:dyDescent="0.25">
      <c r="A3238" s="1" t="s">
        <v>595</v>
      </c>
      <c r="B3238" s="1" t="s">
        <v>5922</v>
      </c>
      <c r="C3238" s="1" t="s">
        <v>17748</v>
      </c>
      <c r="D3238" s="2">
        <v>156066</v>
      </c>
      <c r="E3238" s="1" t="s">
        <v>0</v>
      </c>
    </row>
    <row r="3239" spans="1:5" x14ac:dyDescent="0.25">
      <c r="A3239" s="1" t="s">
        <v>17749</v>
      </c>
      <c r="B3239" s="1" t="s">
        <v>51801</v>
      </c>
      <c r="C3239" s="1" t="s">
        <v>17750</v>
      </c>
      <c r="D3239" s="2">
        <v>156067</v>
      </c>
      <c r="E3239" s="1" t="s">
        <v>0</v>
      </c>
    </row>
    <row r="3240" spans="1:5" ht="409.5" x14ac:dyDescent="0.25">
      <c r="A3240" s="4" t="s">
        <v>17751</v>
      </c>
      <c r="B3240" s="1" t="s">
        <v>51802</v>
      </c>
      <c r="C3240" s="1" t="s">
        <v>17752</v>
      </c>
      <c r="D3240" s="2">
        <v>156068</v>
      </c>
      <c r="E3240" s="1" t="s">
        <v>0</v>
      </c>
    </row>
    <row r="3241" spans="1:5" x14ac:dyDescent="0.25">
      <c r="A3241" s="1" t="s">
        <v>17753</v>
      </c>
      <c r="B3241" s="1" t="s">
        <v>5923</v>
      </c>
      <c r="C3241" s="1" t="s">
        <v>17754</v>
      </c>
      <c r="D3241" s="2">
        <v>156069</v>
      </c>
      <c r="E3241" s="1" t="s">
        <v>0</v>
      </c>
    </row>
    <row r="3242" spans="1:5" x14ac:dyDescent="0.25">
      <c r="A3242" s="2">
        <v>648</v>
      </c>
      <c r="B3242" s="2">
        <v>648</v>
      </c>
      <c r="C3242" s="1" t="s">
        <v>0</v>
      </c>
      <c r="D3242" s="2">
        <v>156070</v>
      </c>
      <c r="E3242" s="1" t="s">
        <v>0</v>
      </c>
    </row>
    <row r="3243" spans="1:5" x14ac:dyDescent="0.25">
      <c r="A3243" s="1" t="s">
        <v>596</v>
      </c>
      <c r="B3243" s="1" t="s">
        <v>5924</v>
      </c>
      <c r="C3243" s="1" t="s">
        <v>17755</v>
      </c>
      <c r="D3243" s="2">
        <v>156071</v>
      </c>
      <c r="E3243" s="1" t="s">
        <v>0</v>
      </c>
    </row>
    <row r="3244" spans="1:5" x14ac:dyDescent="0.25">
      <c r="A3244" s="1" t="s">
        <v>17756</v>
      </c>
      <c r="B3244" s="1" t="s">
        <v>60563</v>
      </c>
      <c r="C3244" s="1" t="s">
        <v>17757</v>
      </c>
      <c r="D3244" s="2">
        <v>156072</v>
      </c>
      <c r="E3244" s="1" t="s">
        <v>0</v>
      </c>
    </row>
    <row r="3245" spans="1:5" ht="409.5" x14ac:dyDescent="0.25">
      <c r="A3245" s="4" t="s">
        <v>61757</v>
      </c>
      <c r="B3245" s="1" t="s">
        <v>60564</v>
      </c>
      <c r="C3245" s="1" t="s">
        <v>17758</v>
      </c>
      <c r="D3245" s="2">
        <v>156073</v>
      </c>
      <c r="E3245" s="1" t="s">
        <v>0</v>
      </c>
    </row>
    <row r="3246" spans="1:5" x14ac:dyDescent="0.25">
      <c r="A3246" s="1" t="s">
        <v>17759</v>
      </c>
      <c r="B3246" s="1" t="s">
        <v>60565</v>
      </c>
      <c r="C3246" s="1" t="s">
        <v>17760</v>
      </c>
      <c r="D3246" s="2">
        <v>156074</v>
      </c>
      <c r="E3246" s="1" t="s">
        <v>0</v>
      </c>
    </row>
    <row r="3247" spans="1:5" x14ac:dyDescent="0.25">
      <c r="A3247" s="2">
        <v>649</v>
      </c>
      <c r="B3247" s="2">
        <v>649</v>
      </c>
      <c r="C3247" s="1" t="s">
        <v>0</v>
      </c>
      <c r="D3247" s="2">
        <v>156075</v>
      </c>
      <c r="E3247" s="1" t="s">
        <v>0</v>
      </c>
    </row>
    <row r="3248" spans="1:5" x14ac:dyDescent="0.25">
      <c r="A3248" s="1" t="s">
        <v>597</v>
      </c>
      <c r="B3248" s="1" t="s">
        <v>5925</v>
      </c>
      <c r="C3248" s="1" t="s">
        <v>17761</v>
      </c>
      <c r="D3248" s="2">
        <v>156076</v>
      </c>
      <c r="E3248" s="1" t="s">
        <v>0</v>
      </c>
    </row>
    <row r="3249" spans="1:5" x14ac:dyDescent="0.25">
      <c r="A3249" s="1" t="s">
        <v>17762</v>
      </c>
      <c r="B3249" s="1" t="s">
        <v>57726</v>
      </c>
      <c r="C3249" s="1" t="s">
        <v>17763</v>
      </c>
      <c r="D3249" s="2">
        <v>156077</v>
      </c>
      <c r="E3249" s="1" t="s">
        <v>0</v>
      </c>
    </row>
    <row r="3250" spans="1:5" ht="409.5" x14ac:dyDescent="0.25">
      <c r="A3250" s="4" t="s">
        <v>17764</v>
      </c>
      <c r="B3250" s="1" t="s">
        <v>57727</v>
      </c>
      <c r="C3250" s="1" t="s">
        <v>17765</v>
      </c>
      <c r="D3250" s="2">
        <v>156078</v>
      </c>
      <c r="E3250" s="1" t="s">
        <v>0</v>
      </c>
    </row>
    <row r="3251" spans="1:5" x14ac:dyDescent="0.25">
      <c r="A3251" s="1" t="s">
        <v>17766</v>
      </c>
      <c r="B3251" s="1" t="s">
        <v>51803</v>
      </c>
      <c r="C3251" s="1" t="s">
        <v>17767</v>
      </c>
      <c r="D3251" s="2">
        <v>156079</v>
      </c>
      <c r="E3251" s="1" t="s">
        <v>0</v>
      </c>
    </row>
    <row r="3252" spans="1:5" x14ac:dyDescent="0.25">
      <c r="A3252" s="2">
        <v>650</v>
      </c>
      <c r="B3252" s="2">
        <v>650</v>
      </c>
      <c r="C3252" s="1" t="s">
        <v>0</v>
      </c>
      <c r="D3252" s="2">
        <v>156080</v>
      </c>
      <c r="E3252" s="1" t="s">
        <v>0</v>
      </c>
    </row>
    <row r="3253" spans="1:5" x14ac:dyDescent="0.25">
      <c r="A3253" s="1" t="s">
        <v>598</v>
      </c>
      <c r="B3253" s="1" t="s">
        <v>5926</v>
      </c>
      <c r="C3253" s="1" t="s">
        <v>17768</v>
      </c>
      <c r="D3253" s="2">
        <v>156081</v>
      </c>
      <c r="E3253" s="1" t="s">
        <v>0</v>
      </c>
    </row>
    <row r="3254" spans="1:5" x14ac:dyDescent="0.25">
      <c r="A3254" s="1" t="s">
        <v>17769</v>
      </c>
      <c r="B3254" s="1" t="s">
        <v>5927</v>
      </c>
      <c r="C3254" s="1" t="s">
        <v>17770</v>
      </c>
      <c r="D3254" s="2">
        <v>156082</v>
      </c>
      <c r="E3254" s="1" t="s">
        <v>0</v>
      </c>
    </row>
    <row r="3255" spans="1:5" ht="409.5" x14ac:dyDescent="0.25">
      <c r="A3255" s="4" t="s">
        <v>17771</v>
      </c>
      <c r="B3255" s="1" t="s">
        <v>57402</v>
      </c>
      <c r="C3255" s="1" t="s">
        <v>17772</v>
      </c>
      <c r="D3255" s="2">
        <v>156083</v>
      </c>
      <c r="E3255" s="1" t="s">
        <v>0</v>
      </c>
    </row>
    <row r="3256" spans="1:5" x14ac:dyDescent="0.25">
      <c r="A3256" s="1" t="s">
        <v>17773</v>
      </c>
      <c r="B3256" s="1" t="s">
        <v>5928</v>
      </c>
      <c r="C3256" s="1" t="s">
        <v>17774</v>
      </c>
      <c r="D3256" s="2">
        <v>156084</v>
      </c>
      <c r="E3256" s="1" t="s">
        <v>0</v>
      </c>
    </row>
    <row r="3257" spans="1:5" x14ac:dyDescent="0.25">
      <c r="A3257" s="2">
        <v>651</v>
      </c>
      <c r="B3257" s="2">
        <v>651</v>
      </c>
      <c r="C3257" s="1" t="s">
        <v>0</v>
      </c>
      <c r="D3257" s="2">
        <v>156085</v>
      </c>
      <c r="E3257" s="1" t="s">
        <v>0</v>
      </c>
    </row>
    <row r="3258" spans="1:5" x14ac:dyDescent="0.25">
      <c r="A3258" s="1" t="s">
        <v>599</v>
      </c>
      <c r="B3258" s="1" t="s">
        <v>5929</v>
      </c>
      <c r="C3258" s="1" t="s">
        <v>17775</v>
      </c>
      <c r="D3258" s="2">
        <v>156086</v>
      </c>
      <c r="E3258" s="1" t="s">
        <v>0</v>
      </c>
    </row>
    <row r="3259" spans="1:5" x14ac:dyDescent="0.25">
      <c r="A3259" s="1" t="s">
        <v>17776</v>
      </c>
      <c r="B3259" s="1" t="s">
        <v>58188</v>
      </c>
      <c r="C3259" s="1" t="s">
        <v>17777</v>
      </c>
      <c r="D3259" s="2">
        <v>156087</v>
      </c>
      <c r="E3259" s="1" t="s">
        <v>0</v>
      </c>
    </row>
    <row r="3260" spans="1:5" ht="409.5" x14ac:dyDescent="0.25">
      <c r="A3260" s="4" t="s">
        <v>17778</v>
      </c>
      <c r="B3260" s="1" t="s">
        <v>58189</v>
      </c>
      <c r="C3260" s="1" t="s">
        <v>17779</v>
      </c>
      <c r="D3260" s="2">
        <v>156088</v>
      </c>
      <c r="E3260" s="1" t="s">
        <v>0</v>
      </c>
    </row>
    <row r="3261" spans="1:5" x14ac:dyDescent="0.25">
      <c r="A3261" s="1" t="s">
        <v>17780</v>
      </c>
      <c r="B3261" s="1" t="s">
        <v>5930</v>
      </c>
      <c r="C3261" s="1" t="s">
        <v>17781</v>
      </c>
      <c r="D3261" s="2">
        <v>156089</v>
      </c>
      <c r="E3261" s="1" t="s">
        <v>0</v>
      </c>
    </row>
    <row r="3262" spans="1:5" x14ac:dyDescent="0.25">
      <c r="A3262" s="2">
        <v>652</v>
      </c>
      <c r="B3262" s="2">
        <v>652</v>
      </c>
      <c r="C3262" s="1" t="s">
        <v>0</v>
      </c>
      <c r="D3262" s="2">
        <v>156090</v>
      </c>
      <c r="E3262" s="1" t="s">
        <v>0</v>
      </c>
    </row>
    <row r="3263" spans="1:5" x14ac:dyDescent="0.25">
      <c r="A3263" s="1" t="s">
        <v>600</v>
      </c>
      <c r="B3263" s="1" t="s">
        <v>5931</v>
      </c>
      <c r="C3263" s="1" t="s">
        <v>17782</v>
      </c>
      <c r="D3263" s="2">
        <v>156091</v>
      </c>
      <c r="E3263" s="1" t="s">
        <v>0</v>
      </c>
    </row>
    <row r="3264" spans="1:5" x14ac:dyDescent="0.25">
      <c r="A3264" s="1" t="s">
        <v>17783</v>
      </c>
      <c r="B3264" s="1" t="s">
        <v>51804</v>
      </c>
      <c r="C3264" s="1" t="s">
        <v>17784</v>
      </c>
      <c r="D3264" s="2">
        <v>156092</v>
      </c>
      <c r="E3264" s="1" t="s">
        <v>0</v>
      </c>
    </row>
    <row r="3265" spans="1:5" ht="409.5" x14ac:dyDescent="0.25">
      <c r="A3265" s="4" t="s">
        <v>17785</v>
      </c>
      <c r="B3265" s="1" t="s">
        <v>60926</v>
      </c>
      <c r="C3265" s="1" t="s">
        <v>17786</v>
      </c>
      <c r="D3265" s="2">
        <v>156093</v>
      </c>
      <c r="E3265" s="1" t="s">
        <v>0</v>
      </c>
    </row>
    <row r="3266" spans="1:5" x14ac:dyDescent="0.25">
      <c r="A3266" s="1" t="s">
        <v>17787</v>
      </c>
      <c r="B3266" s="1" t="s">
        <v>57130</v>
      </c>
      <c r="C3266" s="1" t="s">
        <v>17788</v>
      </c>
      <c r="D3266" s="2">
        <v>156094</v>
      </c>
      <c r="E3266" s="1" t="s">
        <v>0</v>
      </c>
    </row>
    <row r="3267" spans="1:5" x14ac:dyDescent="0.25">
      <c r="A3267" s="2">
        <v>653</v>
      </c>
      <c r="B3267" s="2">
        <v>653</v>
      </c>
      <c r="C3267" s="1" t="s">
        <v>0</v>
      </c>
      <c r="D3267" s="2">
        <v>156095</v>
      </c>
      <c r="E3267" s="1" t="s">
        <v>0</v>
      </c>
    </row>
    <row r="3268" spans="1:5" x14ac:dyDescent="0.25">
      <c r="A3268" s="1" t="s">
        <v>601</v>
      </c>
      <c r="B3268" s="1" t="s">
        <v>5932</v>
      </c>
      <c r="C3268" s="1" t="s">
        <v>17789</v>
      </c>
      <c r="D3268" s="2">
        <v>156096</v>
      </c>
      <c r="E3268" s="1" t="s">
        <v>0</v>
      </c>
    </row>
    <row r="3269" spans="1:5" x14ac:dyDescent="0.25">
      <c r="A3269" s="1" t="s">
        <v>17790</v>
      </c>
      <c r="B3269" s="1" t="s">
        <v>51805</v>
      </c>
      <c r="C3269" s="1" t="s">
        <v>17791</v>
      </c>
      <c r="D3269" s="2">
        <v>156097</v>
      </c>
      <c r="E3269" s="1" t="s">
        <v>0</v>
      </c>
    </row>
    <row r="3270" spans="1:5" ht="409.5" x14ac:dyDescent="0.25">
      <c r="A3270" s="4" t="s">
        <v>17792</v>
      </c>
      <c r="B3270" s="1" t="s">
        <v>57068</v>
      </c>
      <c r="C3270" s="1" t="s">
        <v>17793</v>
      </c>
      <c r="D3270" s="2">
        <v>156098</v>
      </c>
      <c r="E3270" s="1" t="s">
        <v>0</v>
      </c>
    </row>
    <row r="3271" spans="1:5" x14ac:dyDescent="0.25">
      <c r="A3271" s="1" t="s">
        <v>17794</v>
      </c>
      <c r="B3271" s="1" t="s">
        <v>51806</v>
      </c>
      <c r="C3271" s="1" t="s">
        <v>17795</v>
      </c>
      <c r="D3271" s="2">
        <v>156099</v>
      </c>
      <c r="E3271" s="1" t="s">
        <v>0</v>
      </c>
    </row>
    <row r="3272" spans="1:5" x14ac:dyDescent="0.25">
      <c r="A3272" s="2">
        <v>654</v>
      </c>
      <c r="B3272" s="2">
        <v>654</v>
      </c>
      <c r="C3272" s="1" t="s">
        <v>0</v>
      </c>
      <c r="D3272" s="2">
        <v>156100</v>
      </c>
      <c r="E3272" s="1" t="s">
        <v>0</v>
      </c>
    </row>
    <row r="3273" spans="1:5" x14ac:dyDescent="0.25">
      <c r="A3273" s="1" t="s">
        <v>17796</v>
      </c>
      <c r="B3273" s="1" t="s">
        <v>5933</v>
      </c>
      <c r="C3273" s="1" t="s">
        <v>17797</v>
      </c>
      <c r="D3273" s="2">
        <v>156101</v>
      </c>
      <c r="E3273" s="1" t="s">
        <v>0</v>
      </c>
    </row>
    <row r="3274" spans="1:5" x14ac:dyDescent="0.25">
      <c r="A3274" s="1" t="s">
        <v>17798</v>
      </c>
      <c r="B3274" s="1" t="s">
        <v>58973</v>
      </c>
      <c r="C3274" s="1" t="s">
        <v>17799</v>
      </c>
      <c r="D3274" s="2">
        <v>156102</v>
      </c>
      <c r="E3274" s="1" t="s">
        <v>0</v>
      </c>
    </row>
    <row r="3275" spans="1:5" ht="409.5" x14ac:dyDescent="0.25">
      <c r="A3275" s="4" t="s">
        <v>17800</v>
      </c>
      <c r="B3275" s="1" t="s">
        <v>58974</v>
      </c>
      <c r="C3275" s="1" t="s">
        <v>17801</v>
      </c>
      <c r="D3275" s="2">
        <v>156103</v>
      </c>
      <c r="E3275" s="1" t="s">
        <v>0</v>
      </c>
    </row>
    <row r="3276" spans="1:5" x14ac:dyDescent="0.25">
      <c r="A3276" s="1" t="s">
        <v>17802</v>
      </c>
      <c r="B3276" s="1" t="s">
        <v>51807</v>
      </c>
      <c r="C3276" s="1" t="s">
        <v>17803</v>
      </c>
      <c r="D3276" s="2">
        <v>156104</v>
      </c>
      <c r="E3276" s="1" t="s">
        <v>0</v>
      </c>
    </row>
    <row r="3277" spans="1:5" x14ac:dyDescent="0.25">
      <c r="A3277" s="2">
        <v>655</v>
      </c>
      <c r="B3277" s="2">
        <v>655</v>
      </c>
      <c r="C3277" s="1" t="s">
        <v>0</v>
      </c>
      <c r="D3277" s="2">
        <v>156105</v>
      </c>
      <c r="E3277" s="1" t="s">
        <v>0</v>
      </c>
    </row>
    <row r="3278" spans="1:5" x14ac:dyDescent="0.25">
      <c r="A3278" s="1" t="s">
        <v>602</v>
      </c>
      <c r="B3278" s="1" t="s">
        <v>58190</v>
      </c>
      <c r="C3278" s="1" t="s">
        <v>17804</v>
      </c>
      <c r="D3278" s="2">
        <v>156106</v>
      </c>
      <c r="E3278" s="1" t="s">
        <v>0</v>
      </c>
    </row>
    <row r="3279" spans="1:5" x14ac:dyDescent="0.25">
      <c r="A3279" s="1" t="s">
        <v>17805</v>
      </c>
      <c r="B3279" s="1" t="s">
        <v>62069</v>
      </c>
      <c r="C3279" s="1" t="s">
        <v>17806</v>
      </c>
      <c r="D3279" s="2">
        <v>156107</v>
      </c>
      <c r="E3279" s="1" t="s">
        <v>0</v>
      </c>
    </row>
    <row r="3280" spans="1:5" ht="409.5" x14ac:dyDescent="0.25">
      <c r="A3280" s="4" t="s">
        <v>17807</v>
      </c>
      <c r="B3280" s="1" t="s">
        <v>62070</v>
      </c>
      <c r="C3280" s="1" t="s">
        <v>17808</v>
      </c>
      <c r="D3280" s="2">
        <v>156108</v>
      </c>
      <c r="E3280" s="1" t="s">
        <v>0</v>
      </c>
    </row>
    <row r="3281" spans="1:5" x14ac:dyDescent="0.25">
      <c r="A3281" s="1" t="s">
        <v>17809</v>
      </c>
      <c r="B3281" s="1" t="s">
        <v>58191</v>
      </c>
      <c r="C3281" s="1" t="s">
        <v>17810</v>
      </c>
      <c r="D3281" s="2">
        <v>156109</v>
      </c>
      <c r="E3281" s="1" t="s">
        <v>0</v>
      </c>
    </row>
    <row r="3282" spans="1:5" x14ac:dyDescent="0.25">
      <c r="A3282" s="2">
        <v>656</v>
      </c>
      <c r="B3282" s="2">
        <v>656</v>
      </c>
      <c r="C3282" s="1" t="s">
        <v>0</v>
      </c>
      <c r="D3282" s="2">
        <v>156110</v>
      </c>
      <c r="E3282" s="1" t="s">
        <v>0</v>
      </c>
    </row>
    <row r="3283" spans="1:5" x14ac:dyDescent="0.25">
      <c r="A3283" s="1" t="s">
        <v>603</v>
      </c>
      <c r="B3283" s="1" t="s">
        <v>58975</v>
      </c>
      <c r="C3283" s="1" t="s">
        <v>17811</v>
      </c>
      <c r="D3283" s="2">
        <v>156111</v>
      </c>
      <c r="E3283" s="1" t="s">
        <v>0</v>
      </c>
    </row>
    <row r="3284" spans="1:5" x14ac:dyDescent="0.25">
      <c r="A3284" s="1" t="s">
        <v>17812</v>
      </c>
      <c r="B3284" s="1" t="s">
        <v>58976</v>
      </c>
      <c r="C3284" s="1" t="s">
        <v>17813</v>
      </c>
      <c r="D3284" s="2">
        <v>156112</v>
      </c>
      <c r="E3284" s="1" t="s">
        <v>0</v>
      </c>
    </row>
    <row r="3285" spans="1:5" ht="409.5" x14ac:dyDescent="0.25">
      <c r="A3285" s="4" t="s">
        <v>17814</v>
      </c>
      <c r="B3285" s="1" t="s">
        <v>58977</v>
      </c>
      <c r="C3285" s="1" t="s">
        <v>17815</v>
      </c>
      <c r="D3285" s="2">
        <v>156113</v>
      </c>
      <c r="E3285" s="1" t="s">
        <v>0</v>
      </c>
    </row>
    <row r="3286" spans="1:5" x14ac:dyDescent="0.25">
      <c r="A3286" s="1" t="s">
        <v>17816</v>
      </c>
      <c r="B3286" s="1" t="s">
        <v>51808</v>
      </c>
      <c r="C3286" s="1" t="s">
        <v>17817</v>
      </c>
      <c r="D3286" s="2">
        <v>156114</v>
      </c>
      <c r="E3286" s="1" t="s">
        <v>0</v>
      </c>
    </row>
    <row r="3287" spans="1:5" x14ac:dyDescent="0.25">
      <c r="A3287" s="2">
        <v>657</v>
      </c>
      <c r="B3287" s="2">
        <v>657</v>
      </c>
      <c r="C3287" s="1" t="s">
        <v>0</v>
      </c>
      <c r="D3287" s="2">
        <v>156115</v>
      </c>
      <c r="E3287" s="1" t="s">
        <v>0</v>
      </c>
    </row>
    <row r="3288" spans="1:5" x14ac:dyDescent="0.25">
      <c r="A3288" s="1" t="s">
        <v>604</v>
      </c>
      <c r="B3288" s="1" t="s">
        <v>5934</v>
      </c>
      <c r="C3288" s="1" t="s">
        <v>17818</v>
      </c>
      <c r="D3288" s="2">
        <v>156116</v>
      </c>
      <c r="E3288" s="1" t="s">
        <v>0</v>
      </c>
    </row>
    <row r="3289" spans="1:5" x14ac:dyDescent="0.25">
      <c r="A3289" s="1" t="s">
        <v>17819</v>
      </c>
      <c r="B3289" s="1" t="s">
        <v>59786</v>
      </c>
      <c r="C3289" s="1" t="s">
        <v>17820</v>
      </c>
      <c r="D3289" s="2">
        <v>156117</v>
      </c>
      <c r="E3289" s="1" t="s">
        <v>0</v>
      </c>
    </row>
    <row r="3290" spans="1:5" ht="409.5" x14ac:dyDescent="0.25">
      <c r="A3290" s="4" t="s">
        <v>17821</v>
      </c>
      <c r="B3290" s="1" t="s">
        <v>59787</v>
      </c>
      <c r="C3290" s="1" t="s">
        <v>17822</v>
      </c>
      <c r="D3290" s="2">
        <v>156118</v>
      </c>
      <c r="E3290" s="1" t="s">
        <v>0</v>
      </c>
    </row>
    <row r="3291" spans="1:5" x14ac:dyDescent="0.25">
      <c r="A3291" s="1" t="s">
        <v>17823</v>
      </c>
      <c r="B3291" s="1" t="s">
        <v>51809</v>
      </c>
      <c r="C3291" s="1" t="s">
        <v>17824</v>
      </c>
      <c r="D3291" s="2">
        <v>156119</v>
      </c>
      <c r="E3291" s="1" t="s">
        <v>0</v>
      </c>
    </row>
    <row r="3292" spans="1:5" x14ac:dyDescent="0.25">
      <c r="A3292" s="2">
        <v>658</v>
      </c>
      <c r="B3292" s="2">
        <v>658</v>
      </c>
      <c r="C3292" s="1" t="s">
        <v>0</v>
      </c>
      <c r="D3292" s="2">
        <v>156120</v>
      </c>
      <c r="E3292" s="1" t="s">
        <v>0</v>
      </c>
    </row>
    <row r="3293" spans="1:5" x14ac:dyDescent="0.25">
      <c r="A3293" s="1" t="s">
        <v>13005</v>
      </c>
      <c r="B3293" s="1" t="s">
        <v>5935</v>
      </c>
      <c r="C3293" s="1" t="s">
        <v>17825</v>
      </c>
      <c r="D3293" s="2">
        <v>156121</v>
      </c>
      <c r="E3293" s="1" t="s">
        <v>0</v>
      </c>
    </row>
    <row r="3294" spans="1:5" x14ac:dyDescent="0.25">
      <c r="A3294" s="1" t="s">
        <v>17826</v>
      </c>
      <c r="B3294" s="1" t="s">
        <v>5936</v>
      </c>
      <c r="C3294" s="1" t="s">
        <v>17827</v>
      </c>
      <c r="D3294" s="2">
        <v>156122</v>
      </c>
      <c r="E3294" s="1" t="s">
        <v>0</v>
      </c>
    </row>
    <row r="3295" spans="1:5" ht="409.5" x14ac:dyDescent="0.25">
      <c r="A3295" s="4" t="s">
        <v>17828</v>
      </c>
      <c r="B3295" s="1" t="s">
        <v>17829</v>
      </c>
      <c r="C3295" s="1" t="s">
        <v>17830</v>
      </c>
      <c r="D3295" s="2">
        <v>156123</v>
      </c>
      <c r="E3295" s="1" t="s">
        <v>0</v>
      </c>
    </row>
    <row r="3296" spans="1:5" x14ac:dyDescent="0.25">
      <c r="A3296" s="1" t="s">
        <v>17831</v>
      </c>
      <c r="B3296" s="1" t="s">
        <v>51810</v>
      </c>
      <c r="C3296" s="1" t="s">
        <v>17832</v>
      </c>
      <c r="D3296" s="2">
        <v>156124</v>
      </c>
      <c r="E3296" s="1" t="s">
        <v>0</v>
      </c>
    </row>
    <row r="3297" spans="1:5" x14ac:dyDescent="0.25">
      <c r="A3297" s="2">
        <v>659</v>
      </c>
      <c r="B3297" s="2">
        <v>659</v>
      </c>
      <c r="C3297" s="1" t="s">
        <v>0</v>
      </c>
      <c r="D3297" s="2">
        <v>156125</v>
      </c>
      <c r="E3297" s="1" t="s">
        <v>0</v>
      </c>
    </row>
    <row r="3298" spans="1:5" x14ac:dyDescent="0.25">
      <c r="A3298" s="1" t="s">
        <v>605</v>
      </c>
      <c r="B3298" s="1" t="s">
        <v>5937</v>
      </c>
      <c r="C3298" s="1" t="s">
        <v>17833</v>
      </c>
      <c r="D3298" s="2">
        <v>156126</v>
      </c>
      <c r="E3298" s="1" t="s">
        <v>0</v>
      </c>
    </row>
    <row r="3299" spans="1:5" x14ac:dyDescent="0.25">
      <c r="A3299" s="1" t="s">
        <v>17834</v>
      </c>
      <c r="B3299" s="1" t="s">
        <v>51811</v>
      </c>
      <c r="C3299" s="1" t="s">
        <v>17835</v>
      </c>
      <c r="D3299" s="2">
        <v>156127</v>
      </c>
      <c r="E3299" s="1" t="s">
        <v>0</v>
      </c>
    </row>
    <row r="3300" spans="1:5" ht="409.5" x14ac:dyDescent="0.25">
      <c r="A3300" s="4" t="s">
        <v>17836</v>
      </c>
      <c r="B3300" s="1" t="s">
        <v>59788</v>
      </c>
      <c r="C3300" s="1" t="s">
        <v>17837</v>
      </c>
      <c r="D3300" s="2">
        <v>156128</v>
      </c>
      <c r="E3300" s="1" t="s">
        <v>0</v>
      </c>
    </row>
    <row r="3301" spans="1:5" x14ac:dyDescent="0.25">
      <c r="A3301" s="1" t="s">
        <v>17838</v>
      </c>
      <c r="B3301" s="1" t="s">
        <v>51812</v>
      </c>
      <c r="C3301" s="1" t="s">
        <v>17839</v>
      </c>
      <c r="D3301" s="2">
        <v>156129</v>
      </c>
      <c r="E3301" s="1" t="s">
        <v>0</v>
      </c>
    </row>
    <row r="3302" spans="1:5" x14ac:dyDescent="0.25">
      <c r="A3302" s="2">
        <v>660</v>
      </c>
      <c r="B3302" s="2">
        <v>660</v>
      </c>
      <c r="C3302" s="1" t="s">
        <v>0</v>
      </c>
      <c r="D3302" s="2">
        <v>156130</v>
      </c>
      <c r="E3302" s="1" t="s">
        <v>0</v>
      </c>
    </row>
    <row r="3303" spans="1:5" x14ac:dyDescent="0.25">
      <c r="A3303" s="1" t="s">
        <v>606</v>
      </c>
      <c r="B3303" s="1" t="s">
        <v>5938</v>
      </c>
      <c r="C3303" s="1" t="s">
        <v>17840</v>
      </c>
      <c r="D3303" s="2">
        <v>156131</v>
      </c>
      <c r="E3303" s="1" t="s">
        <v>0</v>
      </c>
    </row>
    <row r="3304" spans="1:5" x14ac:dyDescent="0.25">
      <c r="A3304" s="1" t="s">
        <v>17841</v>
      </c>
      <c r="B3304" s="1" t="s">
        <v>51813</v>
      </c>
      <c r="C3304" s="1" t="s">
        <v>17842</v>
      </c>
      <c r="D3304" s="2">
        <v>156132</v>
      </c>
      <c r="E3304" s="1" t="s">
        <v>0</v>
      </c>
    </row>
    <row r="3305" spans="1:5" ht="409.5" x14ac:dyDescent="0.25">
      <c r="A3305" s="4" t="s">
        <v>17843</v>
      </c>
      <c r="B3305" s="1" t="s">
        <v>51814</v>
      </c>
      <c r="C3305" s="1" t="s">
        <v>17844</v>
      </c>
      <c r="D3305" s="2">
        <v>156133</v>
      </c>
      <c r="E3305" s="1" t="s">
        <v>0</v>
      </c>
    </row>
    <row r="3306" spans="1:5" x14ac:dyDescent="0.25">
      <c r="A3306" s="1" t="s">
        <v>17845</v>
      </c>
      <c r="B3306" s="1" t="s">
        <v>5939</v>
      </c>
      <c r="C3306" s="1" t="s">
        <v>17846</v>
      </c>
      <c r="D3306" s="2">
        <v>156134</v>
      </c>
      <c r="E3306" s="1" t="s">
        <v>0</v>
      </c>
    </row>
    <row r="3307" spans="1:5" x14ac:dyDescent="0.25">
      <c r="A3307" s="2">
        <v>661</v>
      </c>
      <c r="B3307" s="2">
        <v>661</v>
      </c>
      <c r="C3307" s="1" t="s">
        <v>0</v>
      </c>
      <c r="D3307" s="2">
        <v>156135</v>
      </c>
      <c r="E3307" s="1" t="s">
        <v>0</v>
      </c>
    </row>
    <row r="3308" spans="1:5" x14ac:dyDescent="0.25">
      <c r="A3308" s="1" t="s">
        <v>607</v>
      </c>
      <c r="B3308" s="1" t="s">
        <v>5940</v>
      </c>
      <c r="C3308" s="1" t="s">
        <v>17847</v>
      </c>
      <c r="D3308" s="2">
        <v>156136</v>
      </c>
      <c r="E3308" s="1" t="s">
        <v>0</v>
      </c>
    </row>
    <row r="3309" spans="1:5" x14ac:dyDescent="0.25">
      <c r="A3309" s="1" t="s">
        <v>17848</v>
      </c>
      <c r="B3309" s="1" t="s">
        <v>5941</v>
      </c>
      <c r="C3309" s="1" t="s">
        <v>17849</v>
      </c>
      <c r="D3309" s="2">
        <v>156137</v>
      </c>
      <c r="E3309" s="1" t="s">
        <v>0</v>
      </c>
    </row>
    <row r="3310" spans="1:5" ht="409.5" x14ac:dyDescent="0.25">
      <c r="A3310" s="4" t="s">
        <v>17850</v>
      </c>
      <c r="B3310" s="1" t="s">
        <v>57728</v>
      </c>
      <c r="C3310" s="1" t="s">
        <v>17851</v>
      </c>
      <c r="D3310" s="2">
        <v>156138</v>
      </c>
      <c r="E3310" s="1" t="s">
        <v>0</v>
      </c>
    </row>
    <row r="3311" spans="1:5" x14ac:dyDescent="0.25">
      <c r="A3311" s="1" t="s">
        <v>17852</v>
      </c>
      <c r="B3311" s="1" t="s">
        <v>51815</v>
      </c>
      <c r="C3311" s="1" t="s">
        <v>17853</v>
      </c>
      <c r="D3311" s="2">
        <v>156139</v>
      </c>
      <c r="E3311" s="1" t="s">
        <v>0</v>
      </c>
    </row>
    <row r="3312" spans="1:5" x14ac:dyDescent="0.25">
      <c r="A3312" s="2">
        <v>662</v>
      </c>
      <c r="B3312" s="2">
        <v>662</v>
      </c>
      <c r="C3312" s="1" t="s">
        <v>0</v>
      </c>
      <c r="D3312" s="2">
        <v>156140</v>
      </c>
      <c r="E3312" s="1" t="s">
        <v>0</v>
      </c>
    </row>
    <row r="3313" spans="1:5" x14ac:dyDescent="0.25">
      <c r="A3313" s="1" t="s">
        <v>608</v>
      </c>
      <c r="B3313" s="1" t="s">
        <v>51816</v>
      </c>
      <c r="C3313" s="1" t="s">
        <v>17854</v>
      </c>
      <c r="D3313" s="2">
        <v>156141</v>
      </c>
      <c r="E3313" s="1" t="s">
        <v>0</v>
      </c>
    </row>
    <row r="3314" spans="1:5" x14ac:dyDescent="0.25">
      <c r="A3314" s="1" t="s">
        <v>17855</v>
      </c>
      <c r="B3314" s="1" t="s">
        <v>62071</v>
      </c>
      <c r="C3314" s="1" t="s">
        <v>17856</v>
      </c>
      <c r="D3314" s="2">
        <v>156142</v>
      </c>
      <c r="E3314" s="1" t="s">
        <v>0</v>
      </c>
    </row>
    <row r="3315" spans="1:5" ht="409.5" x14ac:dyDescent="0.25">
      <c r="A3315" s="4" t="s">
        <v>17857</v>
      </c>
      <c r="B3315" s="1" t="s">
        <v>62072</v>
      </c>
      <c r="C3315" s="1" t="s">
        <v>17858</v>
      </c>
      <c r="D3315" s="2">
        <v>156143</v>
      </c>
      <c r="E3315" s="1" t="s">
        <v>0</v>
      </c>
    </row>
    <row r="3316" spans="1:5" x14ac:dyDescent="0.25">
      <c r="A3316" s="1" t="s">
        <v>17859</v>
      </c>
      <c r="B3316" s="1" t="s">
        <v>57131</v>
      </c>
      <c r="C3316" s="1" t="s">
        <v>17860</v>
      </c>
      <c r="D3316" s="2">
        <v>156144</v>
      </c>
      <c r="E3316" s="1" t="s">
        <v>0</v>
      </c>
    </row>
    <row r="3317" spans="1:5" x14ac:dyDescent="0.25">
      <c r="A3317" s="2">
        <v>663</v>
      </c>
      <c r="B3317" s="2">
        <v>663</v>
      </c>
      <c r="C3317" s="1" t="s">
        <v>0</v>
      </c>
      <c r="D3317" s="2">
        <v>156145</v>
      </c>
      <c r="E3317" s="1" t="s">
        <v>0</v>
      </c>
    </row>
    <row r="3318" spans="1:5" x14ac:dyDescent="0.25">
      <c r="A3318" s="1" t="s">
        <v>609</v>
      </c>
      <c r="B3318" s="1" t="s">
        <v>51817</v>
      </c>
      <c r="C3318" s="1" t="s">
        <v>17861</v>
      </c>
      <c r="D3318" s="2">
        <v>156146</v>
      </c>
      <c r="E3318" s="1" t="s">
        <v>0</v>
      </c>
    </row>
    <row r="3319" spans="1:5" x14ac:dyDescent="0.25">
      <c r="A3319" s="1" t="s">
        <v>17862</v>
      </c>
      <c r="B3319" s="1" t="s">
        <v>51818</v>
      </c>
      <c r="C3319" s="1" t="s">
        <v>17863</v>
      </c>
      <c r="D3319" s="2">
        <v>156147</v>
      </c>
      <c r="E3319" s="1" t="s">
        <v>0</v>
      </c>
    </row>
    <row r="3320" spans="1:5" ht="409.5" x14ac:dyDescent="0.25">
      <c r="A3320" s="4" t="s">
        <v>17864</v>
      </c>
      <c r="B3320" s="1" t="s">
        <v>60927</v>
      </c>
      <c r="C3320" s="1" t="s">
        <v>17865</v>
      </c>
      <c r="D3320" s="2">
        <v>156148</v>
      </c>
      <c r="E3320" s="1" t="s">
        <v>0</v>
      </c>
    </row>
    <row r="3321" spans="1:5" x14ac:dyDescent="0.25">
      <c r="A3321" s="1" t="s">
        <v>17866</v>
      </c>
      <c r="B3321" s="1" t="s">
        <v>57132</v>
      </c>
      <c r="C3321" s="1" t="s">
        <v>17867</v>
      </c>
      <c r="D3321" s="2">
        <v>156149</v>
      </c>
      <c r="E3321" s="1" t="s">
        <v>0</v>
      </c>
    </row>
    <row r="3322" spans="1:5" x14ac:dyDescent="0.25">
      <c r="A3322" s="2">
        <v>664</v>
      </c>
      <c r="B3322" s="2">
        <v>664</v>
      </c>
      <c r="C3322" s="1" t="s">
        <v>0</v>
      </c>
      <c r="D3322" s="2">
        <v>156150</v>
      </c>
      <c r="E3322" s="1" t="s">
        <v>0</v>
      </c>
    </row>
    <row r="3323" spans="1:5" x14ac:dyDescent="0.25">
      <c r="A3323" s="1" t="s">
        <v>610</v>
      </c>
      <c r="B3323" s="1" t="s">
        <v>5942</v>
      </c>
      <c r="C3323" s="1" t="s">
        <v>17868</v>
      </c>
      <c r="D3323" s="2">
        <v>156151</v>
      </c>
      <c r="E3323" s="1" t="s">
        <v>0</v>
      </c>
    </row>
    <row r="3324" spans="1:5" x14ac:dyDescent="0.25">
      <c r="A3324" s="1" t="s">
        <v>17869</v>
      </c>
      <c r="B3324" s="1" t="s">
        <v>17870</v>
      </c>
      <c r="C3324" s="1" t="s">
        <v>17871</v>
      </c>
      <c r="D3324" s="2">
        <v>156152</v>
      </c>
      <c r="E3324" s="1" t="s">
        <v>0</v>
      </c>
    </row>
    <row r="3325" spans="1:5" ht="409.5" x14ac:dyDescent="0.25">
      <c r="A3325" s="4" t="s">
        <v>17872</v>
      </c>
      <c r="B3325" s="1" t="s">
        <v>56701</v>
      </c>
      <c r="C3325" s="1" t="s">
        <v>17873</v>
      </c>
      <c r="D3325" s="2">
        <v>156153</v>
      </c>
      <c r="E3325" s="1" t="s">
        <v>0</v>
      </c>
    </row>
    <row r="3326" spans="1:5" x14ac:dyDescent="0.25">
      <c r="A3326" s="1" t="s">
        <v>17874</v>
      </c>
      <c r="B3326" s="1" t="s">
        <v>51819</v>
      </c>
      <c r="C3326" s="1" t="s">
        <v>17875</v>
      </c>
      <c r="D3326" s="2">
        <v>156154</v>
      </c>
      <c r="E3326" s="1" t="s">
        <v>0</v>
      </c>
    </row>
    <row r="3327" spans="1:5" x14ac:dyDescent="0.25">
      <c r="A3327" s="2">
        <v>665</v>
      </c>
      <c r="B3327" s="2">
        <v>665</v>
      </c>
      <c r="C3327" s="1" t="s">
        <v>0</v>
      </c>
      <c r="D3327" s="2">
        <v>156155</v>
      </c>
      <c r="E3327" s="1" t="s">
        <v>0</v>
      </c>
    </row>
    <row r="3328" spans="1:5" x14ac:dyDescent="0.25">
      <c r="A3328" s="1" t="s">
        <v>611</v>
      </c>
      <c r="B3328" s="1" t="s">
        <v>51820</v>
      </c>
      <c r="C3328" s="1" t="s">
        <v>17876</v>
      </c>
      <c r="D3328" s="2">
        <v>156156</v>
      </c>
      <c r="E3328" s="1" t="s">
        <v>0</v>
      </c>
    </row>
    <row r="3329" spans="1:5" x14ac:dyDescent="0.25">
      <c r="A3329" s="1" t="s">
        <v>17877</v>
      </c>
      <c r="B3329" s="1" t="s">
        <v>51821</v>
      </c>
      <c r="C3329" s="1" t="s">
        <v>17878</v>
      </c>
      <c r="D3329" s="2">
        <v>156157</v>
      </c>
      <c r="E3329" s="1" t="s">
        <v>0</v>
      </c>
    </row>
    <row r="3330" spans="1:5" ht="409.5" x14ac:dyDescent="0.25">
      <c r="A3330" s="4" t="s">
        <v>17879</v>
      </c>
      <c r="B3330" s="1" t="s">
        <v>51822</v>
      </c>
      <c r="C3330" s="1" t="s">
        <v>17880</v>
      </c>
      <c r="D3330" s="2">
        <v>156158</v>
      </c>
      <c r="E3330" s="1" t="s">
        <v>0</v>
      </c>
    </row>
    <row r="3331" spans="1:5" x14ac:dyDescent="0.25">
      <c r="A3331" s="1" t="s">
        <v>17881</v>
      </c>
      <c r="B3331" s="1" t="s">
        <v>51823</v>
      </c>
      <c r="C3331" s="1" t="s">
        <v>17882</v>
      </c>
      <c r="D3331" s="2">
        <v>156159</v>
      </c>
      <c r="E3331" s="1" t="s">
        <v>0</v>
      </c>
    </row>
    <row r="3332" spans="1:5" x14ac:dyDescent="0.25">
      <c r="A3332" s="2">
        <v>666</v>
      </c>
      <c r="B3332" s="2">
        <v>666</v>
      </c>
      <c r="C3332" s="1" t="s">
        <v>0</v>
      </c>
      <c r="D3332" s="2">
        <v>156160</v>
      </c>
      <c r="E3332" s="1" t="s">
        <v>0</v>
      </c>
    </row>
    <row r="3333" spans="1:5" x14ac:dyDescent="0.25">
      <c r="A3333" s="1" t="s">
        <v>612</v>
      </c>
      <c r="B3333" s="1" t="s">
        <v>5943</v>
      </c>
      <c r="C3333" s="1" t="s">
        <v>17883</v>
      </c>
      <c r="D3333" s="2">
        <v>156161</v>
      </c>
      <c r="E3333" s="1" t="s">
        <v>0</v>
      </c>
    </row>
    <row r="3334" spans="1:5" x14ac:dyDescent="0.25">
      <c r="A3334" s="1" t="s">
        <v>17884</v>
      </c>
      <c r="B3334" s="1" t="s">
        <v>51824</v>
      </c>
      <c r="C3334" s="1" t="s">
        <v>17885</v>
      </c>
      <c r="D3334" s="2">
        <v>156162</v>
      </c>
      <c r="E3334" s="1" t="s">
        <v>0</v>
      </c>
    </row>
    <row r="3335" spans="1:5" ht="409.5" x14ac:dyDescent="0.25">
      <c r="A3335" s="4" t="s">
        <v>17886</v>
      </c>
      <c r="B3335" s="1" t="s">
        <v>63214</v>
      </c>
      <c r="C3335" s="1" t="s">
        <v>17887</v>
      </c>
      <c r="D3335" s="2">
        <v>156163</v>
      </c>
      <c r="E3335" s="1" t="s">
        <v>0</v>
      </c>
    </row>
    <row r="3336" spans="1:5" x14ac:dyDescent="0.25">
      <c r="A3336" s="1" t="s">
        <v>17888</v>
      </c>
      <c r="B3336" s="1" t="s">
        <v>5944</v>
      </c>
      <c r="C3336" s="1" t="s">
        <v>17889</v>
      </c>
      <c r="D3336" s="2">
        <v>156164</v>
      </c>
      <c r="E3336" s="1" t="s">
        <v>0</v>
      </c>
    </row>
    <row r="3337" spans="1:5" x14ac:dyDescent="0.25">
      <c r="A3337" s="2">
        <v>667</v>
      </c>
      <c r="B3337" s="2">
        <v>667</v>
      </c>
      <c r="C3337" s="1" t="s">
        <v>0</v>
      </c>
      <c r="D3337" s="2">
        <v>156165</v>
      </c>
      <c r="E3337" s="1" t="s">
        <v>0</v>
      </c>
    </row>
    <row r="3338" spans="1:5" x14ac:dyDescent="0.25">
      <c r="A3338" s="1" t="s">
        <v>5945</v>
      </c>
      <c r="B3338" s="1" t="s">
        <v>5946</v>
      </c>
      <c r="C3338" s="1" t="s">
        <v>17890</v>
      </c>
      <c r="D3338" s="2">
        <v>156166</v>
      </c>
      <c r="E3338" s="1" t="s">
        <v>0</v>
      </c>
    </row>
    <row r="3339" spans="1:5" x14ac:dyDescent="0.25">
      <c r="A3339" s="1" t="s">
        <v>17891</v>
      </c>
      <c r="B3339" s="1" t="s">
        <v>62073</v>
      </c>
      <c r="C3339" s="1" t="s">
        <v>17892</v>
      </c>
      <c r="D3339" s="2">
        <v>156167</v>
      </c>
      <c r="E3339" s="1" t="s">
        <v>0</v>
      </c>
    </row>
    <row r="3340" spans="1:5" ht="409.5" x14ac:dyDescent="0.25">
      <c r="A3340" s="4" t="s">
        <v>17893</v>
      </c>
      <c r="B3340" s="1" t="s">
        <v>62074</v>
      </c>
      <c r="C3340" s="1" t="s">
        <v>17894</v>
      </c>
      <c r="D3340" s="2">
        <v>156168</v>
      </c>
      <c r="E3340" s="1" t="s">
        <v>0</v>
      </c>
    </row>
    <row r="3341" spans="1:5" x14ac:dyDescent="0.25">
      <c r="A3341" s="1" t="s">
        <v>17895</v>
      </c>
      <c r="B3341" s="1" t="s">
        <v>51825</v>
      </c>
      <c r="C3341" s="1" t="s">
        <v>17896</v>
      </c>
      <c r="D3341" s="2">
        <v>156169</v>
      </c>
      <c r="E3341" s="1" t="s">
        <v>0</v>
      </c>
    </row>
    <row r="3342" spans="1:5" x14ac:dyDescent="0.25">
      <c r="A3342" s="2">
        <v>668</v>
      </c>
      <c r="B3342" s="2">
        <v>668</v>
      </c>
      <c r="C3342" s="1" t="s">
        <v>0</v>
      </c>
      <c r="D3342" s="2">
        <v>156170</v>
      </c>
      <c r="E3342" s="1" t="s">
        <v>0</v>
      </c>
    </row>
    <row r="3343" spans="1:5" x14ac:dyDescent="0.25">
      <c r="A3343" s="1" t="s">
        <v>613</v>
      </c>
      <c r="B3343" s="1" t="s">
        <v>5947</v>
      </c>
      <c r="C3343" s="1" t="s">
        <v>17897</v>
      </c>
      <c r="D3343" s="2">
        <v>156171</v>
      </c>
      <c r="E3343" s="1" t="s">
        <v>0</v>
      </c>
    </row>
    <row r="3344" spans="1:5" x14ac:dyDescent="0.25">
      <c r="A3344" s="1" t="s">
        <v>17898</v>
      </c>
      <c r="B3344" s="1" t="s">
        <v>5948</v>
      </c>
      <c r="C3344" s="1" t="s">
        <v>17899</v>
      </c>
      <c r="D3344" s="2">
        <v>156172</v>
      </c>
      <c r="E3344" s="1" t="s">
        <v>0</v>
      </c>
    </row>
    <row r="3345" spans="1:5" ht="409.5" x14ac:dyDescent="0.25">
      <c r="A3345" s="4" t="s">
        <v>17900</v>
      </c>
      <c r="B3345" s="1" t="s">
        <v>57403</v>
      </c>
      <c r="C3345" s="1" t="s">
        <v>17901</v>
      </c>
      <c r="D3345" s="2">
        <v>156173</v>
      </c>
      <c r="E3345" s="1" t="s">
        <v>0</v>
      </c>
    </row>
    <row r="3346" spans="1:5" x14ac:dyDescent="0.25">
      <c r="A3346" s="1" t="s">
        <v>17902</v>
      </c>
      <c r="B3346" s="1" t="s">
        <v>5949</v>
      </c>
      <c r="C3346" s="1" t="s">
        <v>17903</v>
      </c>
      <c r="D3346" s="2">
        <v>156174</v>
      </c>
      <c r="E3346" s="1" t="s">
        <v>0</v>
      </c>
    </row>
    <row r="3347" spans="1:5" x14ac:dyDescent="0.25">
      <c r="A3347" s="2">
        <v>669</v>
      </c>
      <c r="B3347" s="2">
        <v>669</v>
      </c>
      <c r="C3347" s="1" t="s">
        <v>0</v>
      </c>
      <c r="D3347" s="2">
        <v>156175</v>
      </c>
      <c r="E3347" s="1" t="s">
        <v>0</v>
      </c>
    </row>
    <row r="3348" spans="1:5" x14ac:dyDescent="0.25">
      <c r="A3348" s="1" t="s">
        <v>614</v>
      </c>
      <c r="B3348" s="1" t="s">
        <v>5950</v>
      </c>
      <c r="C3348" s="1" t="s">
        <v>17904</v>
      </c>
      <c r="D3348" s="2">
        <v>156176</v>
      </c>
      <c r="E3348" s="1" t="s">
        <v>0</v>
      </c>
    </row>
    <row r="3349" spans="1:5" x14ac:dyDescent="0.25">
      <c r="A3349" s="1" t="s">
        <v>17905</v>
      </c>
      <c r="B3349" s="1" t="s">
        <v>5951</v>
      </c>
      <c r="C3349" s="1" t="s">
        <v>17906</v>
      </c>
      <c r="D3349" s="2">
        <v>156177</v>
      </c>
      <c r="E3349" s="1" t="s">
        <v>0</v>
      </c>
    </row>
    <row r="3350" spans="1:5" ht="409.5" x14ac:dyDescent="0.25">
      <c r="A3350" s="4" t="s">
        <v>63992</v>
      </c>
      <c r="B3350" s="1" t="s">
        <v>51826</v>
      </c>
      <c r="C3350" s="1" t="s">
        <v>17907</v>
      </c>
      <c r="D3350" s="2">
        <v>156178</v>
      </c>
      <c r="E3350" s="1" t="s">
        <v>0</v>
      </c>
    </row>
    <row r="3351" spans="1:5" x14ac:dyDescent="0.25">
      <c r="A3351" s="1" t="s">
        <v>17908</v>
      </c>
      <c r="B3351" s="1" t="s">
        <v>5952</v>
      </c>
      <c r="C3351" s="1" t="s">
        <v>17909</v>
      </c>
      <c r="D3351" s="2">
        <v>156179</v>
      </c>
      <c r="E3351" s="1" t="s">
        <v>0</v>
      </c>
    </row>
    <row r="3352" spans="1:5" x14ac:dyDescent="0.25">
      <c r="A3352" s="2">
        <v>670</v>
      </c>
      <c r="B3352" s="2">
        <v>670</v>
      </c>
      <c r="C3352" s="1" t="s">
        <v>0</v>
      </c>
      <c r="D3352" s="2">
        <v>156180</v>
      </c>
      <c r="E3352" s="1" t="s">
        <v>0</v>
      </c>
    </row>
    <row r="3353" spans="1:5" x14ac:dyDescent="0.25">
      <c r="A3353" s="1" t="s">
        <v>615</v>
      </c>
      <c r="B3353" s="1" t="s">
        <v>61475</v>
      </c>
      <c r="C3353" s="1" t="s">
        <v>17910</v>
      </c>
      <c r="D3353" s="2">
        <v>156181</v>
      </c>
      <c r="E3353" s="1" t="s">
        <v>0</v>
      </c>
    </row>
    <row r="3354" spans="1:5" x14ac:dyDescent="0.25">
      <c r="A3354" s="1" t="s">
        <v>17911</v>
      </c>
      <c r="B3354" s="1" t="s">
        <v>61476</v>
      </c>
      <c r="C3354" s="1" t="s">
        <v>17912</v>
      </c>
      <c r="D3354" s="2">
        <v>156182</v>
      </c>
      <c r="E3354" s="1" t="s">
        <v>0</v>
      </c>
    </row>
    <row r="3355" spans="1:5" ht="409.5" x14ac:dyDescent="0.25">
      <c r="A3355" s="4" t="s">
        <v>17913</v>
      </c>
      <c r="B3355" s="1" t="s">
        <v>61477</v>
      </c>
      <c r="C3355" s="1" t="s">
        <v>17914</v>
      </c>
      <c r="D3355" s="2">
        <v>156183</v>
      </c>
      <c r="E3355" s="1" t="s">
        <v>0</v>
      </c>
    </row>
    <row r="3356" spans="1:5" x14ac:dyDescent="0.25">
      <c r="A3356" s="1" t="s">
        <v>17915</v>
      </c>
      <c r="B3356" s="1" t="s">
        <v>51827</v>
      </c>
      <c r="C3356" s="1" t="s">
        <v>17916</v>
      </c>
      <c r="D3356" s="2">
        <v>156184</v>
      </c>
      <c r="E3356" s="1" t="s">
        <v>0</v>
      </c>
    </row>
    <row r="3357" spans="1:5" x14ac:dyDescent="0.25">
      <c r="A3357" s="2">
        <v>671</v>
      </c>
      <c r="B3357" s="2">
        <v>671</v>
      </c>
      <c r="C3357" s="1" t="s">
        <v>0</v>
      </c>
      <c r="D3357" s="2">
        <v>156185</v>
      </c>
      <c r="E3357" s="1" t="s">
        <v>0</v>
      </c>
    </row>
    <row r="3358" spans="1:5" x14ac:dyDescent="0.25">
      <c r="A3358" s="1" t="s">
        <v>616</v>
      </c>
      <c r="B3358" s="1" t="s">
        <v>5953</v>
      </c>
      <c r="C3358" s="1" t="s">
        <v>17917</v>
      </c>
      <c r="D3358" s="2">
        <v>156186</v>
      </c>
      <c r="E3358" s="1" t="s">
        <v>0</v>
      </c>
    </row>
    <row r="3359" spans="1:5" x14ac:dyDescent="0.25">
      <c r="A3359" s="1" t="s">
        <v>17918</v>
      </c>
      <c r="B3359" s="1" t="s">
        <v>5954</v>
      </c>
      <c r="C3359" s="1" t="s">
        <v>17919</v>
      </c>
      <c r="D3359" s="2">
        <v>156187</v>
      </c>
      <c r="E3359" s="1" t="s">
        <v>0</v>
      </c>
    </row>
    <row r="3360" spans="1:5" ht="409.5" x14ac:dyDescent="0.25">
      <c r="A3360" s="4" t="s">
        <v>63993</v>
      </c>
      <c r="B3360" s="1" t="s">
        <v>57404</v>
      </c>
      <c r="C3360" s="1" t="s">
        <v>17920</v>
      </c>
      <c r="D3360" s="2">
        <v>156188</v>
      </c>
      <c r="E3360" s="1" t="s">
        <v>0</v>
      </c>
    </row>
    <row r="3361" spans="1:5" x14ac:dyDescent="0.25">
      <c r="A3361" s="1" t="s">
        <v>17921</v>
      </c>
      <c r="B3361" s="1" t="s">
        <v>51828</v>
      </c>
      <c r="C3361" s="1" t="s">
        <v>17922</v>
      </c>
      <c r="D3361" s="2">
        <v>156189</v>
      </c>
      <c r="E3361" s="1" t="s">
        <v>0</v>
      </c>
    </row>
    <row r="3362" spans="1:5" x14ac:dyDescent="0.25">
      <c r="A3362" s="2">
        <v>672</v>
      </c>
      <c r="B3362" s="2">
        <v>672</v>
      </c>
      <c r="C3362" s="1" t="s">
        <v>0</v>
      </c>
      <c r="D3362" s="2">
        <v>156190</v>
      </c>
      <c r="E3362" s="1" t="s">
        <v>0</v>
      </c>
    </row>
    <row r="3363" spans="1:5" x14ac:dyDescent="0.25">
      <c r="A3363" s="1" t="s">
        <v>17923</v>
      </c>
      <c r="B3363" s="1" t="s">
        <v>5955</v>
      </c>
      <c r="C3363" s="1" t="s">
        <v>17924</v>
      </c>
      <c r="D3363" s="2">
        <v>156191</v>
      </c>
      <c r="E3363" s="1" t="s">
        <v>0</v>
      </c>
    </row>
    <row r="3364" spans="1:5" x14ac:dyDescent="0.25">
      <c r="A3364" s="1" t="s">
        <v>17925</v>
      </c>
      <c r="B3364" s="1" t="s">
        <v>51829</v>
      </c>
      <c r="C3364" s="1" t="s">
        <v>17926</v>
      </c>
      <c r="D3364" s="2">
        <v>156192</v>
      </c>
      <c r="E3364" s="1" t="s">
        <v>0</v>
      </c>
    </row>
    <row r="3365" spans="1:5" ht="409.5" x14ac:dyDescent="0.25">
      <c r="A3365" s="4" t="s">
        <v>17927</v>
      </c>
      <c r="B3365" s="1" t="s">
        <v>51830</v>
      </c>
      <c r="C3365" s="1" t="s">
        <v>17928</v>
      </c>
      <c r="D3365" s="2">
        <v>156193</v>
      </c>
      <c r="E3365" s="1" t="s">
        <v>0</v>
      </c>
    </row>
    <row r="3366" spans="1:5" x14ac:dyDescent="0.25">
      <c r="A3366" s="1" t="s">
        <v>17929</v>
      </c>
      <c r="B3366" s="1" t="s">
        <v>5956</v>
      </c>
      <c r="C3366" s="1" t="s">
        <v>17930</v>
      </c>
      <c r="D3366" s="2">
        <v>156194</v>
      </c>
      <c r="E3366" s="1" t="s">
        <v>0</v>
      </c>
    </row>
    <row r="3367" spans="1:5" x14ac:dyDescent="0.25">
      <c r="A3367" s="2">
        <v>673</v>
      </c>
      <c r="B3367" s="2">
        <v>673</v>
      </c>
      <c r="C3367" s="1" t="s">
        <v>0</v>
      </c>
      <c r="D3367" s="2">
        <v>156195</v>
      </c>
      <c r="E3367" s="1" t="s">
        <v>0</v>
      </c>
    </row>
    <row r="3368" spans="1:5" x14ac:dyDescent="0.25">
      <c r="A3368" s="1" t="s">
        <v>617</v>
      </c>
      <c r="B3368" s="1" t="s">
        <v>5957</v>
      </c>
      <c r="C3368" s="1" t="s">
        <v>17931</v>
      </c>
      <c r="D3368" s="2">
        <v>156196</v>
      </c>
      <c r="E3368" s="1" t="s">
        <v>0</v>
      </c>
    </row>
    <row r="3369" spans="1:5" x14ac:dyDescent="0.25">
      <c r="A3369" s="1" t="s">
        <v>17932</v>
      </c>
      <c r="B3369" s="1" t="s">
        <v>57729</v>
      </c>
      <c r="C3369" s="1" t="s">
        <v>17933</v>
      </c>
      <c r="D3369" s="2">
        <v>156197</v>
      </c>
      <c r="E3369" s="1" t="s">
        <v>0</v>
      </c>
    </row>
    <row r="3370" spans="1:5" ht="409.5" x14ac:dyDescent="0.25">
      <c r="A3370" s="4" t="s">
        <v>17934</v>
      </c>
      <c r="B3370" s="1" t="s">
        <v>57730</v>
      </c>
      <c r="C3370" s="1" t="s">
        <v>17935</v>
      </c>
      <c r="D3370" s="2">
        <v>156198</v>
      </c>
      <c r="E3370" s="1" t="s">
        <v>0</v>
      </c>
    </row>
    <row r="3371" spans="1:5" x14ac:dyDescent="0.25">
      <c r="A3371" s="1" t="s">
        <v>17936</v>
      </c>
      <c r="B3371" s="1" t="s">
        <v>5958</v>
      </c>
      <c r="C3371" s="1" t="s">
        <v>17937</v>
      </c>
      <c r="D3371" s="2">
        <v>156199</v>
      </c>
      <c r="E3371" s="1" t="s">
        <v>0</v>
      </c>
    </row>
    <row r="3372" spans="1:5" x14ac:dyDescent="0.25">
      <c r="A3372" s="2">
        <v>674</v>
      </c>
      <c r="B3372" s="2">
        <v>674</v>
      </c>
      <c r="C3372" s="1" t="s">
        <v>0</v>
      </c>
      <c r="D3372" s="2">
        <v>156200</v>
      </c>
      <c r="E3372" s="1" t="s">
        <v>0</v>
      </c>
    </row>
    <row r="3373" spans="1:5" x14ac:dyDescent="0.25">
      <c r="A3373" s="1" t="s">
        <v>618</v>
      </c>
      <c r="B3373" s="1" t="s">
        <v>50432</v>
      </c>
      <c r="C3373" s="1" t="s">
        <v>17938</v>
      </c>
      <c r="D3373" s="2">
        <v>156201</v>
      </c>
      <c r="E3373" s="1" t="s">
        <v>0</v>
      </c>
    </row>
    <row r="3374" spans="1:5" x14ac:dyDescent="0.25">
      <c r="A3374" s="1" t="s">
        <v>17939</v>
      </c>
      <c r="B3374" s="1" t="s">
        <v>63616</v>
      </c>
      <c r="C3374" s="1" t="s">
        <v>17940</v>
      </c>
      <c r="D3374" s="2">
        <v>156202</v>
      </c>
      <c r="E3374" s="1" t="s">
        <v>0</v>
      </c>
    </row>
    <row r="3375" spans="1:5" ht="409.5" x14ac:dyDescent="0.25">
      <c r="A3375" s="4" t="s">
        <v>17941</v>
      </c>
      <c r="B3375" s="1" t="s">
        <v>63617</v>
      </c>
      <c r="C3375" s="1" t="s">
        <v>17942</v>
      </c>
      <c r="D3375" s="2">
        <v>156203</v>
      </c>
      <c r="E3375" s="1" t="s">
        <v>0</v>
      </c>
    </row>
    <row r="3376" spans="1:5" x14ac:dyDescent="0.25">
      <c r="A3376" s="1" t="s">
        <v>17943</v>
      </c>
      <c r="B3376" s="1" t="s">
        <v>57133</v>
      </c>
      <c r="C3376" s="1" t="s">
        <v>17944</v>
      </c>
      <c r="D3376" s="2">
        <v>156204</v>
      </c>
      <c r="E3376" s="1" t="s">
        <v>0</v>
      </c>
    </row>
    <row r="3377" spans="1:5" x14ac:dyDescent="0.25">
      <c r="A3377" s="2">
        <v>675</v>
      </c>
      <c r="B3377" s="2">
        <v>675</v>
      </c>
      <c r="C3377" s="1" t="s">
        <v>0</v>
      </c>
      <c r="D3377" s="2">
        <v>156205</v>
      </c>
      <c r="E3377" s="1" t="s">
        <v>0</v>
      </c>
    </row>
    <row r="3378" spans="1:5" x14ac:dyDescent="0.25">
      <c r="A3378" s="1" t="s">
        <v>619</v>
      </c>
      <c r="B3378" s="1" t="s">
        <v>59789</v>
      </c>
      <c r="C3378" s="1" t="s">
        <v>17945</v>
      </c>
      <c r="D3378" s="2">
        <v>156206</v>
      </c>
      <c r="E3378" s="1" t="s">
        <v>0</v>
      </c>
    </row>
    <row r="3379" spans="1:5" x14ac:dyDescent="0.25">
      <c r="A3379" s="1" t="s">
        <v>17946</v>
      </c>
      <c r="B3379" s="1" t="s">
        <v>57405</v>
      </c>
      <c r="C3379" s="1" t="s">
        <v>17947</v>
      </c>
      <c r="D3379" s="2">
        <v>156207</v>
      </c>
      <c r="E3379" s="1" t="s">
        <v>0</v>
      </c>
    </row>
    <row r="3380" spans="1:5" ht="409.5" x14ac:dyDescent="0.25">
      <c r="A3380" s="4" t="s">
        <v>17948</v>
      </c>
      <c r="B3380" s="1" t="s">
        <v>62075</v>
      </c>
      <c r="C3380" s="1" t="s">
        <v>17949</v>
      </c>
      <c r="D3380" s="2">
        <v>156208</v>
      </c>
      <c r="E3380" s="1" t="s">
        <v>0</v>
      </c>
    </row>
    <row r="3381" spans="1:5" x14ac:dyDescent="0.25">
      <c r="A3381" s="1" t="s">
        <v>17950</v>
      </c>
      <c r="B3381" s="1" t="s">
        <v>5959</v>
      </c>
      <c r="C3381" s="1" t="s">
        <v>17951</v>
      </c>
      <c r="D3381" s="2">
        <v>156209</v>
      </c>
      <c r="E3381" s="1" t="s">
        <v>0</v>
      </c>
    </row>
    <row r="3382" spans="1:5" x14ac:dyDescent="0.25">
      <c r="A3382" s="2">
        <v>676</v>
      </c>
      <c r="B3382" s="2">
        <v>676</v>
      </c>
      <c r="C3382" s="1" t="s">
        <v>0</v>
      </c>
      <c r="D3382" s="2">
        <v>156210</v>
      </c>
      <c r="E3382" s="1" t="s">
        <v>0</v>
      </c>
    </row>
    <row r="3383" spans="1:5" x14ac:dyDescent="0.25">
      <c r="A3383" s="1" t="s">
        <v>620</v>
      </c>
      <c r="B3383" s="1" t="s">
        <v>50433</v>
      </c>
      <c r="C3383" s="1" t="s">
        <v>17952</v>
      </c>
      <c r="D3383" s="2">
        <v>156211</v>
      </c>
      <c r="E3383" s="1" t="s">
        <v>0</v>
      </c>
    </row>
    <row r="3384" spans="1:5" x14ac:dyDescent="0.25">
      <c r="A3384" s="1" t="s">
        <v>17953</v>
      </c>
      <c r="B3384" s="1" t="s">
        <v>5960</v>
      </c>
      <c r="C3384" s="1" t="s">
        <v>17954</v>
      </c>
      <c r="D3384" s="2">
        <v>156212</v>
      </c>
      <c r="E3384" s="1" t="s">
        <v>0</v>
      </c>
    </row>
    <row r="3385" spans="1:5" ht="409.5" x14ac:dyDescent="0.25">
      <c r="A3385" s="4" t="s">
        <v>17955</v>
      </c>
      <c r="B3385" s="1" t="s">
        <v>51831</v>
      </c>
      <c r="C3385" s="1" t="s">
        <v>17956</v>
      </c>
      <c r="D3385" s="2">
        <v>156213</v>
      </c>
      <c r="E3385" s="1" t="s">
        <v>0</v>
      </c>
    </row>
    <row r="3386" spans="1:5" x14ac:dyDescent="0.25">
      <c r="A3386" s="1" t="s">
        <v>17957</v>
      </c>
      <c r="B3386" s="1" t="s">
        <v>50434</v>
      </c>
      <c r="C3386" s="1" t="s">
        <v>17958</v>
      </c>
      <c r="D3386" s="2">
        <v>156214</v>
      </c>
      <c r="E3386" s="1" t="s">
        <v>0</v>
      </c>
    </row>
    <row r="3387" spans="1:5" x14ac:dyDescent="0.25">
      <c r="A3387" s="2">
        <v>677</v>
      </c>
      <c r="B3387" s="2">
        <v>677</v>
      </c>
      <c r="C3387" s="1" t="s">
        <v>0</v>
      </c>
      <c r="D3387" s="2">
        <v>156215</v>
      </c>
      <c r="E3387" s="1" t="s">
        <v>0</v>
      </c>
    </row>
    <row r="3388" spans="1:5" x14ac:dyDescent="0.25">
      <c r="A3388" s="1" t="s">
        <v>621</v>
      </c>
      <c r="B3388" s="1" t="s">
        <v>5961</v>
      </c>
      <c r="C3388" s="1" t="s">
        <v>17959</v>
      </c>
      <c r="D3388" s="2">
        <v>156216</v>
      </c>
      <c r="E3388" s="1" t="s">
        <v>0</v>
      </c>
    </row>
    <row r="3389" spans="1:5" x14ac:dyDescent="0.25">
      <c r="A3389" s="1" t="s">
        <v>63994</v>
      </c>
      <c r="B3389" s="1" t="s">
        <v>51832</v>
      </c>
      <c r="C3389" s="1" t="s">
        <v>17960</v>
      </c>
      <c r="D3389" s="2">
        <v>156217</v>
      </c>
      <c r="E3389" s="1" t="s">
        <v>0</v>
      </c>
    </row>
    <row r="3390" spans="1:5" ht="409.5" x14ac:dyDescent="0.25">
      <c r="A3390" s="4" t="s">
        <v>63995</v>
      </c>
      <c r="B3390" s="1" t="s">
        <v>63215</v>
      </c>
      <c r="C3390" s="1" t="s">
        <v>17961</v>
      </c>
      <c r="D3390" s="2">
        <v>156218</v>
      </c>
      <c r="E3390" s="1" t="s">
        <v>0</v>
      </c>
    </row>
    <row r="3391" spans="1:5" x14ac:dyDescent="0.25">
      <c r="A3391" s="1" t="s">
        <v>17962</v>
      </c>
      <c r="B3391" s="1" t="s">
        <v>5962</v>
      </c>
      <c r="C3391" s="1" t="s">
        <v>17963</v>
      </c>
      <c r="D3391" s="2">
        <v>156219</v>
      </c>
      <c r="E3391" s="1" t="s">
        <v>0</v>
      </c>
    </row>
    <row r="3392" spans="1:5" x14ac:dyDescent="0.25">
      <c r="A3392" s="2">
        <v>678</v>
      </c>
      <c r="B3392" s="2">
        <v>678</v>
      </c>
      <c r="C3392" s="1" t="s">
        <v>0</v>
      </c>
      <c r="D3392" s="2">
        <v>156220</v>
      </c>
      <c r="E3392" s="1" t="s">
        <v>0</v>
      </c>
    </row>
    <row r="3393" spans="1:5" x14ac:dyDescent="0.25">
      <c r="A3393" s="1" t="s">
        <v>622</v>
      </c>
      <c r="B3393" s="1" t="s">
        <v>5963</v>
      </c>
      <c r="C3393" s="1" t="s">
        <v>17964</v>
      </c>
      <c r="D3393" s="2">
        <v>156221</v>
      </c>
      <c r="E3393" s="1" t="s">
        <v>0</v>
      </c>
    </row>
    <row r="3394" spans="1:5" x14ac:dyDescent="0.25">
      <c r="A3394" s="1" t="s">
        <v>17965</v>
      </c>
      <c r="B3394" s="1" t="s">
        <v>5964</v>
      </c>
      <c r="C3394" s="1" t="s">
        <v>17966</v>
      </c>
      <c r="D3394" s="2">
        <v>156222</v>
      </c>
      <c r="E3394" s="1" t="s">
        <v>0</v>
      </c>
    </row>
    <row r="3395" spans="1:5" ht="409.5" x14ac:dyDescent="0.25">
      <c r="A3395" s="4" t="s">
        <v>17967</v>
      </c>
      <c r="B3395" s="1" t="s">
        <v>5965</v>
      </c>
      <c r="C3395" s="1" t="s">
        <v>17968</v>
      </c>
      <c r="D3395" s="2">
        <v>156223</v>
      </c>
      <c r="E3395" s="1" t="s">
        <v>0</v>
      </c>
    </row>
    <row r="3396" spans="1:5" x14ac:dyDescent="0.25">
      <c r="A3396" s="1" t="s">
        <v>17969</v>
      </c>
      <c r="B3396" s="1" t="s">
        <v>57134</v>
      </c>
      <c r="C3396" s="1" t="s">
        <v>17970</v>
      </c>
      <c r="D3396" s="2">
        <v>156224</v>
      </c>
      <c r="E3396" s="1" t="s">
        <v>0</v>
      </c>
    </row>
    <row r="3397" spans="1:5" x14ac:dyDescent="0.25">
      <c r="A3397" s="2">
        <v>679</v>
      </c>
      <c r="B3397" s="2">
        <v>679</v>
      </c>
      <c r="C3397" s="1" t="s">
        <v>0</v>
      </c>
      <c r="D3397" s="2">
        <v>156225</v>
      </c>
      <c r="E3397" s="1" t="s">
        <v>0</v>
      </c>
    </row>
    <row r="3398" spans="1:5" x14ac:dyDescent="0.25">
      <c r="A3398" s="1" t="s">
        <v>623</v>
      </c>
      <c r="B3398" s="1" t="s">
        <v>5966</v>
      </c>
      <c r="C3398" s="1" t="s">
        <v>17971</v>
      </c>
      <c r="D3398" s="2">
        <v>156226</v>
      </c>
      <c r="E3398" s="1" t="s">
        <v>0</v>
      </c>
    </row>
    <row r="3399" spans="1:5" x14ac:dyDescent="0.25">
      <c r="A3399" s="1" t="s">
        <v>17972</v>
      </c>
      <c r="B3399" s="1" t="s">
        <v>51833</v>
      </c>
      <c r="C3399" s="1" t="s">
        <v>17973</v>
      </c>
      <c r="D3399" s="2">
        <v>156227</v>
      </c>
      <c r="E3399" s="1" t="s">
        <v>0</v>
      </c>
    </row>
    <row r="3400" spans="1:5" ht="409.5" x14ac:dyDescent="0.25">
      <c r="A3400" s="4" t="s">
        <v>17974</v>
      </c>
      <c r="B3400" s="1" t="s">
        <v>51834</v>
      </c>
      <c r="C3400" s="1" t="s">
        <v>17975</v>
      </c>
      <c r="D3400" s="2">
        <v>156228</v>
      </c>
      <c r="E3400" s="1" t="s">
        <v>0</v>
      </c>
    </row>
    <row r="3401" spans="1:5" x14ac:dyDescent="0.25">
      <c r="A3401" s="1" t="s">
        <v>17976</v>
      </c>
      <c r="B3401" s="1" t="s">
        <v>57135</v>
      </c>
      <c r="C3401" s="1" t="s">
        <v>17977</v>
      </c>
      <c r="D3401" s="2">
        <v>156229</v>
      </c>
      <c r="E3401" s="1" t="s">
        <v>0</v>
      </c>
    </row>
    <row r="3402" spans="1:5" x14ac:dyDescent="0.25">
      <c r="A3402" s="2">
        <v>680</v>
      </c>
      <c r="B3402" s="2">
        <v>680</v>
      </c>
      <c r="C3402" s="1" t="s">
        <v>0</v>
      </c>
      <c r="D3402" s="2">
        <v>156230</v>
      </c>
      <c r="E3402" s="1" t="s">
        <v>0</v>
      </c>
    </row>
    <row r="3403" spans="1:5" x14ac:dyDescent="0.25">
      <c r="A3403" s="1" t="s">
        <v>624</v>
      </c>
      <c r="B3403" s="1" t="s">
        <v>5967</v>
      </c>
      <c r="C3403" s="1" t="s">
        <v>17978</v>
      </c>
      <c r="D3403" s="2">
        <v>156231</v>
      </c>
      <c r="E3403" s="1" t="s">
        <v>0</v>
      </c>
    </row>
    <row r="3404" spans="1:5" x14ac:dyDescent="0.25">
      <c r="A3404" s="1" t="s">
        <v>17979</v>
      </c>
      <c r="B3404" s="1" t="s">
        <v>51835</v>
      </c>
      <c r="C3404" s="1" t="s">
        <v>17980</v>
      </c>
      <c r="D3404" s="2">
        <v>156232</v>
      </c>
      <c r="E3404" s="1" t="s">
        <v>0</v>
      </c>
    </row>
    <row r="3405" spans="1:5" ht="409.5" x14ac:dyDescent="0.25">
      <c r="A3405" s="4" t="s">
        <v>17981</v>
      </c>
      <c r="B3405" s="1" t="s">
        <v>51836</v>
      </c>
      <c r="C3405" s="1" t="s">
        <v>17982</v>
      </c>
      <c r="D3405" s="2">
        <v>156233</v>
      </c>
      <c r="E3405" s="1" t="s">
        <v>0</v>
      </c>
    </row>
    <row r="3406" spans="1:5" x14ac:dyDescent="0.25">
      <c r="A3406" s="1" t="s">
        <v>17983</v>
      </c>
      <c r="B3406" s="1" t="s">
        <v>5968</v>
      </c>
      <c r="C3406" s="1" t="s">
        <v>17984</v>
      </c>
      <c r="D3406" s="2">
        <v>156234</v>
      </c>
      <c r="E3406" s="1" t="s">
        <v>0</v>
      </c>
    </row>
    <row r="3407" spans="1:5" x14ac:dyDescent="0.25">
      <c r="A3407" s="2">
        <v>681</v>
      </c>
      <c r="B3407" s="2">
        <v>681</v>
      </c>
      <c r="C3407" s="1" t="s">
        <v>0</v>
      </c>
      <c r="D3407" s="2">
        <v>156235</v>
      </c>
      <c r="E3407" s="1" t="s">
        <v>0</v>
      </c>
    </row>
    <row r="3408" spans="1:5" x14ac:dyDescent="0.25">
      <c r="A3408" s="1" t="s">
        <v>625</v>
      </c>
      <c r="B3408" s="1" t="s">
        <v>5969</v>
      </c>
      <c r="C3408" s="1" t="s">
        <v>17985</v>
      </c>
      <c r="D3408" s="2">
        <v>156236</v>
      </c>
      <c r="E3408" s="1" t="s">
        <v>0</v>
      </c>
    </row>
    <row r="3409" spans="1:5" x14ac:dyDescent="0.25">
      <c r="A3409" s="1" t="s">
        <v>17986</v>
      </c>
      <c r="B3409" s="1" t="s">
        <v>59790</v>
      </c>
      <c r="C3409" s="1" t="s">
        <v>17987</v>
      </c>
      <c r="D3409" s="2">
        <v>156237</v>
      </c>
      <c r="E3409" s="1" t="s">
        <v>0</v>
      </c>
    </row>
    <row r="3410" spans="1:5" ht="409.5" x14ac:dyDescent="0.25">
      <c r="A3410" s="4" t="s">
        <v>17988</v>
      </c>
      <c r="B3410" s="1" t="s">
        <v>59791</v>
      </c>
      <c r="C3410" s="1" t="s">
        <v>17989</v>
      </c>
      <c r="D3410" s="2">
        <v>156238</v>
      </c>
      <c r="E3410" s="1" t="s">
        <v>0</v>
      </c>
    </row>
    <row r="3411" spans="1:5" x14ac:dyDescent="0.25">
      <c r="A3411" s="1" t="s">
        <v>17990</v>
      </c>
      <c r="B3411" s="1" t="s">
        <v>51837</v>
      </c>
      <c r="C3411" s="1" t="s">
        <v>17991</v>
      </c>
      <c r="D3411" s="2">
        <v>156239</v>
      </c>
      <c r="E3411" s="1" t="s">
        <v>0</v>
      </c>
    </row>
    <row r="3412" spans="1:5" x14ac:dyDescent="0.25">
      <c r="A3412" s="2">
        <v>682</v>
      </c>
      <c r="B3412" s="2">
        <v>682</v>
      </c>
      <c r="C3412" s="1" t="s">
        <v>0</v>
      </c>
      <c r="D3412" s="2">
        <v>156240</v>
      </c>
      <c r="E3412" s="1" t="s">
        <v>0</v>
      </c>
    </row>
    <row r="3413" spans="1:5" x14ac:dyDescent="0.25">
      <c r="A3413" s="1" t="s">
        <v>5970</v>
      </c>
      <c r="B3413" s="1" t="s">
        <v>5971</v>
      </c>
      <c r="C3413" s="1" t="s">
        <v>17992</v>
      </c>
      <c r="D3413" s="2">
        <v>156241</v>
      </c>
      <c r="E3413" s="1" t="s">
        <v>0</v>
      </c>
    </row>
    <row r="3414" spans="1:5" x14ac:dyDescent="0.25">
      <c r="A3414" s="1" t="s">
        <v>61758</v>
      </c>
      <c r="B3414" s="1" t="s">
        <v>62076</v>
      </c>
      <c r="C3414" s="1" t="s">
        <v>17993</v>
      </c>
      <c r="D3414" s="2">
        <v>156242</v>
      </c>
      <c r="E3414" s="1" t="s">
        <v>0</v>
      </c>
    </row>
    <row r="3415" spans="1:5" ht="409.5" x14ac:dyDescent="0.25">
      <c r="A3415" s="4" t="s">
        <v>61759</v>
      </c>
      <c r="B3415" s="1" t="s">
        <v>62077</v>
      </c>
      <c r="C3415" s="1" t="s">
        <v>17994</v>
      </c>
      <c r="D3415" s="2">
        <v>156243</v>
      </c>
      <c r="E3415" s="1" t="s">
        <v>0</v>
      </c>
    </row>
    <row r="3416" spans="1:5" x14ac:dyDescent="0.25">
      <c r="A3416" s="1" t="s">
        <v>17995</v>
      </c>
      <c r="B3416" s="1" t="s">
        <v>56702</v>
      </c>
      <c r="C3416" s="1" t="s">
        <v>17996</v>
      </c>
      <c r="D3416" s="2">
        <v>156244</v>
      </c>
      <c r="E3416" s="1" t="s">
        <v>0</v>
      </c>
    </row>
    <row r="3417" spans="1:5" x14ac:dyDescent="0.25">
      <c r="A3417" s="2">
        <v>683</v>
      </c>
      <c r="B3417" s="2">
        <v>683</v>
      </c>
      <c r="C3417" s="1" t="s">
        <v>0</v>
      </c>
      <c r="D3417" s="2">
        <v>156245</v>
      </c>
      <c r="E3417" s="1" t="s">
        <v>0</v>
      </c>
    </row>
    <row r="3418" spans="1:5" x14ac:dyDescent="0.25">
      <c r="A3418" s="1" t="s">
        <v>626</v>
      </c>
      <c r="B3418" s="1" t="s">
        <v>5972</v>
      </c>
      <c r="C3418" s="1" t="s">
        <v>17997</v>
      </c>
      <c r="D3418" s="2">
        <v>156246</v>
      </c>
      <c r="E3418" s="1" t="s">
        <v>0</v>
      </c>
    </row>
    <row r="3419" spans="1:5" x14ac:dyDescent="0.25">
      <c r="A3419" s="1" t="s">
        <v>17998</v>
      </c>
      <c r="B3419" s="1" t="s">
        <v>51838</v>
      </c>
      <c r="C3419" s="1" t="s">
        <v>17999</v>
      </c>
      <c r="D3419" s="2">
        <v>156247</v>
      </c>
      <c r="E3419" s="1" t="s">
        <v>0</v>
      </c>
    </row>
    <row r="3420" spans="1:5" ht="409.5" x14ac:dyDescent="0.25">
      <c r="A3420" s="4" t="s">
        <v>18000</v>
      </c>
      <c r="B3420" s="1" t="s">
        <v>51839</v>
      </c>
      <c r="C3420" s="1" t="s">
        <v>18001</v>
      </c>
      <c r="D3420" s="2">
        <v>156248</v>
      </c>
      <c r="E3420" s="1" t="s">
        <v>0</v>
      </c>
    </row>
    <row r="3421" spans="1:5" x14ac:dyDescent="0.25">
      <c r="A3421" s="1" t="s">
        <v>18002</v>
      </c>
      <c r="B3421" s="1" t="s">
        <v>5973</v>
      </c>
      <c r="C3421" s="1" t="s">
        <v>18003</v>
      </c>
      <c r="D3421" s="2">
        <v>156249</v>
      </c>
      <c r="E3421" s="1" t="s">
        <v>0</v>
      </c>
    </row>
    <row r="3422" spans="1:5" x14ac:dyDescent="0.25">
      <c r="A3422" s="2">
        <v>684</v>
      </c>
      <c r="B3422" s="2">
        <v>684</v>
      </c>
      <c r="C3422" s="1" t="s">
        <v>0</v>
      </c>
      <c r="D3422" s="2">
        <v>156250</v>
      </c>
      <c r="E3422" s="1" t="s">
        <v>0</v>
      </c>
    </row>
    <row r="3423" spans="1:5" x14ac:dyDescent="0.25">
      <c r="A3423" s="1" t="s">
        <v>627</v>
      </c>
      <c r="B3423" s="1" t="s">
        <v>5974</v>
      </c>
      <c r="C3423" s="1" t="s">
        <v>18004</v>
      </c>
      <c r="D3423" s="2">
        <v>156251</v>
      </c>
      <c r="E3423" s="1" t="s">
        <v>0</v>
      </c>
    </row>
    <row r="3424" spans="1:5" x14ac:dyDescent="0.25">
      <c r="A3424" s="1" t="s">
        <v>18005</v>
      </c>
      <c r="B3424" s="1" t="s">
        <v>51840</v>
      </c>
      <c r="C3424" s="1" t="s">
        <v>18006</v>
      </c>
      <c r="D3424" s="2">
        <v>156252</v>
      </c>
      <c r="E3424" s="1" t="s">
        <v>0</v>
      </c>
    </row>
    <row r="3425" spans="1:5" ht="409.5" x14ac:dyDescent="0.25">
      <c r="A3425" s="4" t="s">
        <v>63996</v>
      </c>
      <c r="B3425" s="1" t="s">
        <v>51841</v>
      </c>
      <c r="C3425" s="1" t="s">
        <v>18007</v>
      </c>
      <c r="D3425" s="2">
        <v>156253</v>
      </c>
      <c r="E3425" s="1" t="s">
        <v>0</v>
      </c>
    </row>
    <row r="3426" spans="1:5" x14ac:dyDescent="0.25">
      <c r="A3426" s="1" t="s">
        <v>18008</v>
      </c>
      <c r="B3426" s="1" t="s">
        <v>5975</v>
      </c>
      <c r="C3426" s="1" t="s">
        <v>18009</v>
      </c>
      <c r="D3426" s="2">
        <v>156254</v>
      </c>
      <c r="E3426" s="1" t="s">
        <v>0</v>
      </c>
    </row>
    <row r="3427" spans="1:5" x14ac:dyDescent="0.25">
      <c r="A3427" s="2">
        <v>685</v>
      </c>
      <c r="B3427" s="2">
        <v>685</v>
      </c>
      <c r="C3427" s="1" t="s">
        <v>0</v>
      </c>
      <c r="D3427" s="2">
        <v>156255</v>
      </c>
      <c r="E3427" s="1" t="s">
        <v>0</v>
      </c>
    </row>
    <row r="3428" spans="1:5" x14ac:dyDescent="0.25">
      <c r="A3428" s="1" t="s">
        <v>628</v>
      </c>
      <c r="B3428" s="1" t="s">
        <v>51842</v>
      </c>
      <c r="C3428" s="1" t="s">
        <v>18010</v>
      </c>
      <c r="D3428" s="2">
        <v>156256</v>
      </c>
      <c r="E3428" s="1" t="s">
        <v>0</v>
      </c>
    </row>
    <row r="3429" spans="1:5" x14ac:dyDescent="0.25">
      <c r="A3429" s="1" t="s">
        <v>18011</v>
      </c>
      <c r="B3429" s="1" t="s">
        <v>51843</v>
      </c>
      <c r="C3429" s="1" t="s">
        <v>18012</v>
      </c>
      <c r="D3429" s="2">
        <v>156257</v>
      </c>
      <c r="E3429" s="1" t="s">
        <v>0</v>
      </c>
    </row>
    <row r="3430" spans="1:5" ht="409.5" x14ac:dyDescent="0.25">
      <c r="A3430" s="4" t="s">
        <v>18013</v>
      </c>
      <c r="B3430" s="1" t="s">
        <v>63216</v>
      </c>
      <c r="C3430" s="1" t="s">
        <v>18014</v>
      </c>
      <c r="D3430" s="2">
        <v>156258</v>
      </c>
      <c r="E3430" s="1" t="s">
        <v>0</v>
      </c>
    </row>
    <row r="3431" spans="1:5" x14ac:dyDescent="0.25">
      <c r="A3431" s="1" t="s">
        <v>18015</v>
      </c>
      <c r="B3431" s="1" t="s">
        <v>5976</v>
      </c>
      <c r="C3431" s="1" t="s">
        <v>18016</v>
      </c>
      <c r="D3431" s="2">
        <v>156259</v>
      </c>
      <c r="E3431" s="1" t="s">
        <v>0</v>
      </c>
    </row>
    <row r="3432" spans="1:5" x14ac:dyDescent="0.25">
      <c r="A3432" s="2">
        <v>686</v>
      </c>
      <c r="B3432" s="2">
        <v>686</v>
      </c>
      <c r="C3432" s="1" t="s">
        <v>0</v>
      </c>
      <c r="D3432" s="2">
        <v>156260</v>
      </c>
      <c r="E3432" s="1" t="s">
        <v>0</v>
      </c>
    </row>
    <row r="3433" spans="1:5" x14ac:dyDescent="0.25">
      <c r="A3433" s="1" t="s">
        <v>629</v>
      </c>
      <c r="B3433" s="1" t="s">
        <v>5977</v>
      </c>
      <c r="C3433" s="1" t="s">
        <v>18017</v>
      </c>
      <c r="D3433" s="2">
        <v>156261</v>
      </c>
      <c r="E3433" s="1" t="s">
        <v>0</v>
      </c>
    </row>
    <row r="3434" spans="1:5" x14ac:dyDescent="0.25">
      <c r="A3434" s="1" t="s">
        <v>18018</v>
      </c>
      <c r="B3434" s="1" t="s">
        <v>5978</v>
      </c>
      <c r="C3434" s="1" t="s">
        <v>18019</v>
      </c>
      <c r="D3434" s="2">
        <v>156262</v>
      </c>
      <c r="E3434" s="1" t="s">
        <v>0</v>
      </c>
    </row>
    <row r="3435" spans="1:5" ht="409.5" x14ac:dyDescent="0.25">
      <c r="A3435" s="4" t="s">
        <v>18020</v>
      </c>
      <c r="B3435" s="1" t="s">
        <v>51844</v>
      </c>
      <c r="C3435" s="1" t="s">
        <v>18021</v>
      </c>
      <c r="D3435" s="2">
        <v>156263</v>
      </c>
      <c r="E3435" s="1" t="s">
        <v>0</v>
      </c>
    </row>
    <row r="3436" spans="1:5" x14ac:dyDescent="0.25">
      <c r="A3436" s="1" t="s">
        <v>18022</v>
      </c>
      <c r="B3436" s="1" t="s">
        <v>5979</v>
      </c>
      <c r="C3436" s="1" t="s">
        <v>18023</v>
      </c>
      <c r="D3436" s="2">
        <v>156264</v>
      </c>
      <c r="E3436" s="1" t="s">
        <v>0</v>
      </c>
    </row>
    <row r="3437" spans="1:5" x14ac:dyDescent="0.25">
      <c r="A3437" s="2">
        <v>687</v>
      </c>
      <c r="B3437" s="2">
        <v>687</v>
      </c>
      <c r="C3437" s="1" t="s">
        <v>0</v>
      </c>
      <c r="D3437" s="2">
        <v>156265</v>
      </c>
      <c r="E3437" s="1" t="s">
        <v>0</v>
      </c>
    </row>
    <row r="3438" spans="1:5" x14ac:dyDescent="0.25">
      <c r="A3438" s="1" t="s">
        <v>630</v>
      </c>
      <c r="B3438" s="1" t="s">
        <v>5980</v>
      </c>
      <c r="C3438" s="1" t="s">
        <v>18024</v>
      </c>
      <c r="D3438" s="2">
        <v>156266</v>
      </c>
      <c r="E3438" s="1" t="s">
        <v>0</v>
      </c>
    </row>
    <row r="3439" spans="1:5" x14ac:dyDescent="0.25">
      <c r="A3439" s="1" t="s">
        <v>18025</v>
      </c>
      <c r="B3439" s="1" t="s">
        <v>63618</v>
      </c>
      <c r="C3439" s="1" t="s">
        <v>18026</v>
      </c>
      <c r="D3439" s="2">
        <v>156267</v>
      </c>
      <c r="E3439" s="1" t="s">
        <v>0</v>
      </c>
    </row>
    <row r="3440" spans="1:5" ht="409.5" x14ac:dyDescent="0.25">
      <c r="A3440" s="4" t="s">
        <v>18027</v>
      </c>
      <c r="B3440" s="1" t="s">
        <v>63619</v>
      </c>
      <c r="C3440" s="1" t="s">
        <v>18028</v>
      </c>
      <c r="D3440" s="2">
        <v>156268</v>
      </c>
      <c r="E3440" s="1" t="s">
        <v>0</v>
      </c>
    </row>
    <row r="3441" spans="1:5" x14ac:dyDescent="0.25">
      <c r="A3441" s="1" t="s">
        <v>18029</v>
      </c>
      <c r="B3441" s="1" t="s">
        <v>51845</v>
      </c>
      <c r="C3441" s="1" t="s">
        <v>18030</v>
      </c>
      <c r="D3441" s="2">
        <v>156269</v>
      </c>
      <c r="E3441" s="1" t="s">
        <v>0</v>
      </c>
    </row>
    <row r="3442" spans="1:5" x14ac:dyDescent="0.25">
      <c r="A3442" s="2">
        <v>688</v>
      </c>
      <c r="B3442" s="2">
        <v>688</v>
      </c>
      <c r="C3442" s="1" t="s">
        <v>0</v>
      </c>
      <c r="D3442" s="2">
        <v>156270</v>
      </c>
      <c r="E3442" s="1" t="s">
        <v>0</v>
      </c>
    </row>
    <row r="3443" spans="1:5" x14ac:dyDescent="0.25">
      <c r="A3443" s="1" t="s">
        <v>631</v>
      </c>
      <c r="B3443" s="1" t="s">
        <v>5981</v>
      </c>
      <c r="C3443" s="1" t="s">
        <v>18031</v>
      </c>
      <c r="D3443" s="2">
        <v>156271</v>
      </c>
      <c r="E3443" s="1" t="s">
        <v>0</v>
      </c>
    </row>
    <row r="3444" spans="1:5" x14ac:dyDescent="0.25">
      <c r="A3444" s="1" t="s">
        <v>18032</v>
      </c>
      <c r="B3444" s="1" t="s">
        <v>57406</v>
      </c>
      <c r="C3444" s="1" t="s">
        <v>18033</v>
      </c>
      <c r="D3444" s="2">
        <v>156272</v>
      </c>
      <c r="E3444" s="1" t="s">
        <v>0</v>
      </c>
    </row>
    <row r="3445" spans="1:5" ht="409.5" x14ac:dyDescent="0.25">
      <c r="A3445" s="4" t="s">
        <v>18034</v>
      </c>
      <c r="B3445" s="1" t="s">
        <v>57407</v>
      </c>
      <c r="C3445" s="1" t="s">
        <v>18035</v>
      </c>
      <c r="D3445" s="2">
        <v>156273</v>
      </c>
      <c r="E3445" s="1" t="s">
        <v>0</v>
      </c>
    </row>
    <row r="3446" spans="1:5" x14ac:dyDescent="0.25">
      <c r="A3446" s="1" t="s">
        <v>18036</v>
      </c>
      <c r="B3446" s="1" t="s">
        <v>51846</v>
      </c>
      <c r="C3446" s="1" t="s">
        <v>18037</v>
      </c>
      <c r="D3446" s="2">
        <v>156274</v>
      </c>
      <c r="E3446" s="1" t="s">
        <v>0</v>
      </c>
    </row>
    <row r="3447" spans="1:5" x14ac:dyDescent="0.25">
      <c r="A3447" s="2">
        <v>689</v>
      </c>
      <c r="B3447" s="2">
        <v>689</v>
      </c>
      <c r="C3447" s="1" t="s">
        <v>0</v>
      </c>
      <c r="D3447" s="2">
        <v>156275</v>
      </c>
      <c r="E3447" s="1" t="s">
        <v>0</v>
      </c>
    </row>
    <row r="3448" spans="1:5" x14ac:dyDescent="0.25">
      <c r="A3448" s="1" t="s">
        <v>632</v>
      </c>
      <c r="B3448" s="1" t="s">
        <v>51847</v>
      </c>
      <c r="C3448" s="1" t="s">
        <v>18038</v>
      </c>
      <c r="D3448" s="2">
        <v>156276</v>
      </c>
      <c r="E3448" s="1" t="s">
        <v>0</v>
      </c>
    </row>
    <row r="3449" spans="1:5" x14ac:dyDescent="0.25">
      <c r="A3449" s="1" t="s">
        <v>18039</v>
      </c>
      <c r="B3449" s="1" t="s">
        <v>51848</v>
      </c>
      <c r="C3449" s="1" t="s">
        <v>18040</v>
      </c>
      <c r="D3449" s="2">
        <v>156277</v>
      </c>
      <c r="E3449" s="1" t="s">
        <v>0</v>
      </c>
    </row>
    <row r="3450" spans="1:5" ht="409.5" x14ac:dyDescent="0.25">
      <c r="A3450" s="4" t="s">
        <v>18041</v>
      </c>
      <c r="B3450" s="1" t="s">
        <v>51849</v>
      </c>
      <c r="C3450" s="1" t="s">
        <v>18042</v>
      </c>
      <c r="D3450" s="2">
        <v>156278</v>
      </c>
      <c r="E3450" s="1" t="s">
        <v>0</v>
      </c>
    </row>
    <row r="3451" spans="1:5" x14ac:dyDescent="0.25">
      <c r="A3451" s="1" t="s">
        <v>18043</v>
      </c>
      <c r="B3451" s="1" t="s">
        <v>51850</v>
      </c>
      <c r="C3451" s="1" t="s">
        <v>18044</v>
      </c>
      <c r="D3451" s="2">
        <v>156279</v>
      </c>
      <c r="E3451" s="1" t="s">
        <v>0</v>
      </c>
    </row>
    <row r="3452" spans="1:5" x14ac:dyDescent="0.25">
      <c r="A3452" s="2">
        <v>690</v>
      </c>
      <c r="B3452" s="2">
        <v>690</v>
      </c>
      <c r="C3452" s="1" t="s">
        <v>0</v>
      </c>
      <c r="D3452" s="2">
        <v>156280</v>
      </c>
      <c r="E3452" s="1" t="s">
        <v>0</v>
      </c>
    </row>
    <row r="3453" spans="1:5" x14ac:dyDescent="0.25">
      <c r="A3453" s="1" t="s">
        <v>633</v>
      </c>
      <c r="B3453" s="1" t="s">
        <v>51851</v>
      </c>
      <c r="C3453" s="1" t="s">
        <v>18045</v>
      </c>
      <c r="D3453" s="2">
        <v>156281</v>
      </c>
      <c r="E3453" s="1" t="s">
        <v>0</v>
      </c>
    </row>
    <row r="3454" spans="1:5" x14ac:dyDescent="0.25">
      <c r="A3454" s="1" t="s">
        <v>18046</v>
      </c>
      <c r="B3454" s="1" t="s">
        <v>51852</v>
      </c>
      <c r="C3454" s="1" t="s">
        <v>18047</v>
      </c>
      <c r="D3454" s="2">
        <v>156282</v>
      </c>
      <c r="E3454" s="1" t="s">
        <v>0</v>
      </c>
    </row>
    <row r="3455" spans="1:5" ht="409.5" x14ac:dyDescent="0.25">
      <c r="A3455" s="4" t="s">
        <v>63997</v>
      </c>
      <c r="B3455" s="1" t="s">
        <v>63620</v>
      </c>
      <c r="C3455" s="1" t="s">
        <v>18048</v>
      </c>
      <c r="D3455" s="2">
        <v>156283</v>
      </c>
      <c r="E3455" s="1" t="s">
        <v>0</v>
      </c>
    </row>
    <row r="3456" spans="1:5" x14ac:dyDescent="0.25">
      <c r="A3456" s="1" t="s">
        <v>18049</v>
      </c>
      <c r="B3456" s="1" t="s">
        <v>5982</v>
      </c>
      <c r="C3456" s="1" t="s">
        <v>18050</v>
      </c>
      <c r="D3456" s="2">
        <v>156284</v>
      </c>
      <c r="E3456" s="1" t="s">
        <v>0</v>
      </c>
    </row>
    <row r="3457" spans="1:5" x14ac:dyDescent="0.25">
      <c r="A3457" s="2">
        <v>691</v>
      </c>
      <c r="B3457" s="2">
        <v>691</v>
      </c>
      <c r="C3457" s="1" t="s">
        <v>0</v>
      </c>
      <c r="D3457" s="2">
        <v>156285</v>
      </c>
      <c r="E3457" s="1" t="s">
        <v>0</v>
      </c>
    </row>
    <row r="3458" spans="1:5" x14ac:dyDescent="0.25">
      <c r="A3458" s="1" t="s">
        <v>634</v>
      </c>
      <c r="B3458" s="1" t="s">
        <v>5983</v>
      </c>
      <c r="C3458" s="1" t="s">
        <v>18051</v>
      </c>
      <c r="D3458" s="2">
        <v>156286</v>
      </c>
      <c r="E3458" s="1" t="s">
        <v>0</v>
      </c>
    </row>
    <row r="3459" spans="1:5" x14ac:dyDescent="0.25">
      <c r="A3459" s="1" t="s">
        <v>18052</v>
      </c>
      <c r="B3459" s="1" t="s">
        <v>50435</v>
      </c>
      <c r="C3459" s="1" t="s">
        <v>18053</v>
      </c>
      <c r="D3459" s="2">
        <v>156287</v>
      </c>
      <c r="E3459" s="1" t="s">
        <v>0</v>
      </c>
    </row>
    <row r="3460" spans="1:5" ht="409.5" x14ac:dyDescent="0.25">
      <c r="A3460" s="4" t="s">
        <v>18054</v>
      </c>
      <c r="B3460" s="1" t="s">
        <v>50436</v>
      </c>
      <c r="C3460" s="1" t="s">
        <v>18055</v>
      </c>
      <c r="D3460" s="2">
        <v>156288</v>
      </c>
      <c r="E3460" s="1" t="s">
        <v>0</v>
      </c>
    </row>
    <row r="3461" spans="1:5" x14ac:dyDescent="0.25">
      <c r="A3461" s="1" t="s">
        <v>18056</v>
      </c>
      <c r="B3461" s="1" t="s">
        <v>60928</v>
      </c>
      <c r="C3461" s="1" t="s">
        <v>18057</v>
      </c>
      <c r="D3461" s="2">
        <v>156289</v>
      </c>
      <c r="E3461" s="1" t="s">
        <v>0</v>
      </c>
    </row>
    <row r="3462" spans="1:5" x14ac:dyDescent="0.25">
      <c r="A3462" s="2">
        <v>692</v>
      </c>
      <c r="B3462" s="2">
        <v>692</v>
      </c>
      <c r="C3462" s="1" t="s">
        <v>0</v>
      </c>
      <c r="D3462" s="2">
        <v>156290</v>
      </c>
      <c r="E3462" s="1" t="s">
        <v>0</v>
      </c>
    </row>
    <row r="3463" spans="1:5" x14ac:dyDescent="0.25">
      <c r="A3463" s="1" t="s">
        <v>635</v>
      </c>
      <c r="B3463" s="1" t="s">
        <v>5984</v>
      </c>
      <c r="C3463" s="1" t="s">
        <v>18058</v>
      </c>
      <c r="D3463" s="2">
        <v>156291</v>
      </c>
      <c r="E3463" s="1" t="s">
        <v>0</v>
      </c>
    </row>
    <row r="3464" spans="1:5" x14ac:dyDescent="0.25">
      <c r="A3464" s="1" t="s">
        <v>18059</v>
      </c>
      <c r="B3464" s="1" t="s">
        <v>5985</v>
      </c>
      <c r="C3464" s="1" t="s">
        <v>18060</v>
      </c>
      <c r="D3464" s="2">
        <v>156292</v>
      </c>
      <c r="E3464" s="1" t="s">
        <v>0</v>
      </c>
    </row>
    <row r="3465" spans="1:5" ht="409.5" x14ac:dyDescent="0.25">
      <c r="A3465" s="4" t="s">
        <v>18061</v>
      </c>
      <c r="B3465" s="1" t="s">
        <v>62078</v>
      </c>
      <c r="C3465" s="1" t="s">
        <v>18062</v>
      </c>
      <c r="D3465" s="2">
        <v>156293</v>
      </c>
      <c r="E3465" s="1" t="s">
        <v>0</v>
      </c>
    </row>
    <row r="3466" spans="1:5" x14ac:dyDescent="0.25">
      <c r="A3466" s="1" t="s">
        <v>18063</v>
      </c>
      <c r="B3466" s="1" t="s">
        <v>51853</v>
      </c>
      <c r="C3466" s="1" t="s">
        <v>18064</v>
      </c>
      <c r="D3466" s="2">
        <v>156294</v>
      </c>
      <c r="E3466" s="1" t="s">
        <v>0</v>
      </c>
    </row>
    <row r="3467" spans="1:5" x14ac:dyDescent="0.25">
      <c r="A3467" s="2">
        <v>693</v>
      </c>
      <c r="B3467" s="2">
        <v>693</v>
      </c>
      <c r="C3467" s="1" t="s">
        <v>0</v>
      </c>
      <c r="D3467" s="2">
        <v>156295</v>
      </c>
      <c r="E3467" s="1" t="s">
        <v>0</v>
      </c>
    </row>
    <row r="3468" spans="1:5" x14ac:dyDescent="0.25">
      <c r="A3468" s="1" t="s">
        <v>636</v>
      </c>
      <c r="B3468" s="1" t="s">
        <v>50437</v>
      </c>
      <c r="C3468" s="1" t="s">
        <v>18065</v>
      </c>
      <c r="D3468" s="2">
        <v>156296</v>
      </c>
      <c r="E3468" s="1" t="s">
        <v>0</v>
      </c>
    </row>
    <row r="3469" spans="1:5" x14ac:dyDescent="0.25">
      <c r="A3469" s="1" t="s">
        <v>18066</v>
      </c>
      <c r="B3469" s="1" t="s">
        <v>51854</v>
      </c>
      <c r="C3469" s="1" t="s">
        <v>18067</v>
      </c>
      <c r="D3469" s="2">
        <v>156297</v>
      </c>
      <c r="E3469" s="1" t="s">
        <v>0</v>
      </c>
    </row>
    <row r="3470" spans="1:5" ht="409.5" x14ac:dyDescent="0.25">
      <c r="A3470" s="4" t="s">
        <v>18068</v>
      </c>
      <c r="B3470" s="1" t="s">
        <v>59563</v>
      </c>
      <c r="C3470" s="1" t="s">
        <v>18069</v>
      </c>
      <c r="D3470" s="2">
        <v>156298</v>
      </c>
      <c r="E3470" s="1" t="s">
        <v>0</v>
      </c>
    </row>
    <row r="3471" spans="1:5" x14ac:dyDescent="0.25">
      <c r="A3471" s="1" t="s">
        <v>18070</v>
      </c>
      <c r="B3471" s="1" t="s">
        <v>60929</v>
      </c>
      <c r="C3471" s="1" t="s">
        <v>18071</v>
      </c>
      <c r="D3471" s="2">
        <v>156299</v>
      </c>
      <c r="E3471" s="1" t="s">
        <v>0</v>
      </c>
    </row>
    <row r="3472" spans="1:5" x14ac:dyDescent="0.25">
      <c r="A3472" s="2">
        <v>694</v>
      </c>
      <c r="B3472" s="2">
        <v>694</v>
      </c>
      <c r="C3472" s="1" t="s">
        <v>0</v>
      </c>
      <c r="D3472" s="2">
        <v>156300</v>
      </c>
      <c r="E3472" s="1" t="s">
        <v>0</v>
      </c>
    </row>
    <row r="3473" spans="1:5" x14ac:dyDescent="0.25">
      <c r="A3473" s="1" t="s">
        <v>637</v>
      </c>
      <c r="B3473" s="1" t="s">
        <v>5986</v>
      </c>
      <c r="C3473" s="1" t="s">
        <v>18072</v>
      </c>
      <c r="D3473" s="2">
        <v>156301</v>
      </c>
      <c r="E3473" s="1" t="s">
        <v>0</v>
      </c>
    </row>
    <row r="3474" spans="1:5" x14ac:dyDescent="0.25">
      <c r="A3474" s="1" t="s">
        <v>18073</v>
      </c>
      <c r="B3474" s="1" t="s">
        <v>5987</v>
      </c>
      <c r="C3474" s="1" t="s">
        <v>18074</v>
      </c>
      <c r="D3474" s="2">
        <v>156302</v>
      </c>
      <c r="E3474" s="1" t="s">
        <v>0</v>
      </c>
    </row>
    <row r="3475" spans="1:5" ht="409.5" x14ac:dyDescent="0.25">
      <c r="A3475" s="4" t="s">
        <v>18075</v>
      </c>
      <c r="B3475" s="1" t="s">
        <v>5988</v>
      </c>
      <c r="C3475" s="1" t="s">
        <v>18076</v>
      </c>
      <c r="D3475" s="2">
        <v>156303</v>
      </c>
      <c r="E3475" s="1" t="s">
        <v>0</v>
      </c>
    </row>
    <row r="3476" spans="1:5" x14ac:dyDescent="0.25">
      <c r="A3476" s="1" t="s">
        <v>18077</v>
      </c>
      <c r="B3476" s="1" t="s">
        <v>5989</v>
      </c>
      <c r="C3476" s="1" t="s">
        <v>18078</v>
      </c>
      <c r="D3476" s="2">
        <v>156304</v>
      </c>
      <c r="E3476" s="1" t="s">
        <v>0</v>
      </c>
    </row>
    <row r="3477" spans="1:5" x14ac:dyDescent="0.25">
      <c r="A3477" s="2">
        <v>695</v>
      </c>
      <c r="B3477" s="2">
        <v>695</v>
      </c>
      <c r="C3477" s="1" t="s">
        <v>0</v>
      </c>
      <c r="D3477" s="2">
        <v>156305</v>
      </c>
      <c r="E3477" s="1" t="s">
        <v>0</v>
      </c>
    </row>
    <row r="3478" spans="1:5" x14ac:dyDescent="0.25">
      <c r="A3478" s="1" t="s">
        <v>638</v>
      </c>
      <c r="B3478" s="1" t="s">
        <v>5990</v>
      </c>
      <c r="C3478" s="1" t="s">
        <v>18079</v>
      </c>
      <c r="D3478" s="2">
        <v>156306</v>
      </c>
      <c r="E3478" s="1" t="s">
        <v>0</v>
      </c>
    </row>
    <row r="3479" spans="1:5" x14ac:dyDescent="0.25">
      <c r="A3479" s="1" t="s">
        <v>18080</v>
      </c>
      <c r="B3479" s="1" t="s">
        <v>51855</v>
      </c>
      <c r="C3479" s="1" t="s">
        <v>18081</v>
      </c>
      <c r="D3479" s="2">
        <v>156307</v>
      </c>
      <c r="E3479" s="1" t="s">
        <v>0</v>
      </c>
    </row>
    <row r="3480" spans="1:5" ht="409.5" x14ac:dyDescent="0.25">
      <c r="A3480" s="4" t="s">
        <v>18082</v>
      </c>
      <c r="B3480" s="1" t="s">
        <v>62079</v>
      </c>
      <c r="C3480" s="1" t="s">
        <v>18083</v>
      </c>
      <c r="D3480" s="2">
        <v>156308</v>
      </c>
      <c r="E3480" s="1" t="s">
        <v>0</v>
      </c>
    </row>
    <row r="3481" spans="1:5" x14ac:dyDescent="0.25">
      <c r="A3481" s="1" t="s">
        <v>18084</v>
      </c>
      <c r="B3481" s="1" t="s">
        <v>5991</v>
      </c>
      <c r="C3481" s="1" t="s">
        <v>18085</v>
      </c>
      <c r="D3481" s="2">
        <v>156309</v>
      </c>
      <c r="E3481" s="1" t="s">
        <v>0</v>
      </c>
    </row>
    <row r="3482" spans="1:5" x14ac:dyDescent="0.25">
      <c r="A3482" s="2">
        <v>696</v>
      </c>
      <c r="B3482" s="2">
        <v>696</v>
      </c>
      <c r="C3482" s="1" t="s">
        <v>0</v>
      </c>
      <c r="D3482" s="2">
        <v>156310</v>
      </c>
      <c r="E3482" s="1" t="s">
        <v>0</v>
      </c>
    </row>
    <row r="3483" spans="1:5" x14ac:dyDescent="0.25">
      <c r="A3483" s="1" t="s">
        <v>639</v>
      </c>
      <c r="B3483" s="1" t="s">
        <v>5992</v>
      </c>
      <c r="C3483" s="1" t="s">
        <v>18086</v>
      </c>
      <c r="D3483" s="2">
        <v>156311</v>
      </c>
      <c r="E3483" s="1" t="s">
        <v>0</v>
      </c>
    </row>
    <row r="3484" spans="1:5" x14ac:dyDescent="0.25">
      <c r="A3484" s="1" t="s">
        <v>18087</v>
      </c>
      <c r="B3484" s="1" t="s">
        <v>5993</v>
      </c>
      <c r="C3484" s="1" t="s">
        <v>18088</v>
      </c>
      <c r="D3484" s="2">
        <v>156312</v>
      </c>
      <c r="E3484" s="1" t="s">
        <v>0</v>
      </c>
    </row>
    <row r="3485" spans="1:5" ht="409.5" x14ac:dyDescent="0.25">
      <c r="A3485" s="4" t="s">
        <v>63998</v>
      </c>
      <c r="B3485" s="1" t="s">
        <v>60930</v>
      </c>
      <c r="C3485" s="1" t="s">
        <v>18089</v>
      </c>
      <c r="D3485" s="2">
        <v>156313</v>
      </c>
      <c r="E3485" s="1" t="s">
        <v>0</v>
      </c>
    </row>
    <row r="3486" spans="1:5" x14ac:dyDescent="0.25">
      <c r="A3486" s="1" t="s">
        <v>18090</v>
      </c>
      <c r="B3486" s="1" t="s">
        <v>5994</v>
      </c>
      <c r="C3486" s="1" t="s">
        <v>18091</v>
      </c>
      <c r="D3486" s="2">
        <v>156314</v>
      </c>
      <c r="E3486" s="1" t="s">
        <v>0</v>
      </c>
    </row>
    <row r="3487" spans="1:5" x14ac:dyDescent="0.25">
      <c r="A3487" s="2">
        <v>697</v>
      </c>
      <c r="B3487" s="2">
        <v>697</v>
      </c>
      <c r="C3487" s="1" t="s">
        <v>0</v>
      </c>
      <c r="D3487" s="2">
        <v>156315</v>
      </c>
      <c r="E3487" s="1" t="s">
        <v>0</v>
      </c>
    </row>
    <row r="3488" spans="1:5" x14ac:dyDescent="0.25">
      <c r="A3488" s="1" t="s">
        <v>640</v>
      </c>
      <c r="B3488" s="1" t="s">
        <v>61585</v>
      </c>
      <c r="C3488" s="1" t="s">
        <v>18092</v>
      </c>
      <c r="D3488" s="2">
        <v>156316</v>
      </c>
      <c r="E3488" s="1" t="s">
        <v>0</v>
      </c>
    </row>
    <row r="3489" spans="1:5" x14ac:dyDescent="0.25">
      <c r="A3489" s="1" t="s">
        <v>18093</v>
      </c>
      <c r="B3489" s="1" t="s">
        <v>61586</v>
      </c>
      <c r="C3489" s="1" t="s">
        <v>18094</v>
      </c>
      <c r="D3489" s="2">
        <v>156317</v>
      </c>
      <c r="E3489" s="1" t="s">
        <v>0</v>
      </c>
    </row>
    <row r="3490" spans="1:5" ht="409.5" x14ac:dyDescent="0.25">
      <c r="A3490" s="4" t="s">
        <v>18095</v>
      </c>
      <c r="B3490" s="1" t="s">
        <v>61587</v>
      </c>
      <c r="C3490" s="1" t="s">
        <v>18096</v>
      </c>
      <c r="D3490" s="2">
        <v>156318</v>
      </c>
      <c r="E3490" s="1" t="s">
        <v>0</v>
      </c>
    </row>
    <row r="3491" spans="1:5" x14ac:dyDescent="0.25">
      <c r="A3491" s="1" t="s">
        <v>18097</v>
      </c>
      <c r="B3491" s="1" t="s">
        <v>61588</v>
      </c>
      <c r="C3491" s="1" t="s">
        <v>18098</v>
      </c>
      <c r="D3491" s="2">
        <v>156319</v>
      </c>
      <c r="E3491" s="1" t="s">
        <v>0</v>
      </c>
    </row>
    <row r="3492" spans="1:5" x14ac:dyDescent="0.25">
      <c r="A3492" s="2">
        <v>698</v>
      </c>
      <c r="B3492" s="2">
        <v>698</v>
      </c>
      <c r="C3492" s="1" t="s">
        <v>0</v>
      </c>
      <c r="D3492" s="2">
        <v>156320</v>
      </c>
      <c r="E3492" s="1" t="s">
        <v>0</v>
      </c>
    </row>
    <row r="3493" spans="1:5" x14ac:dyDescent="0.25">
      <c r="A3493" s="1" t="s">
        <v>641</v>
      </c>
      <c r="B3493" s="1" t="s">
        <v>51856</v>
      </c>
      <c r="C3493" s="1" t="s">
        <v>18099</v>
      </c>
      <c r="D3493" s="2">
        <v>156321</v>
      </c>
      <c r="E3493" s="1" t="s">
        <v>0</v>
      </c>
    </row>
    <row r="3494" spans="1:5" x14ac:dyDescent="0.25">
      <c r="A3494" s="1" t="s">
        <v>63999</v>
      </c>
      <c r="B3494" s="1" t="s">
        <v>51857</v>
      </c>
      <c r="C3494" s="1" t="s">
        <v>18100</v>
      </c>
      <c r="D3494" s="2">
        <v>156322</v>
      </c>
      <c r="E3494" s="1" t="s">
        <v>0</v>
      </c>
    </row>
    <row r="3495" spans="1:5" ht="409.5" x14ac:dyDescent="0.25">
      <c r="A3495" s="4" t="s">
        <v>64000</v>
      </c>
      <c r="B3495" s="1" t="s">
        <v>51858</v>
      </c>
      <c r="C3495" s="1" t="s">
        <v>18101</v>
      </c>
      <c r="D3495" s="2">
        <v>156323</v>
      </c>
      <c r="E3495" s="1" t="s">
        <v>0</v>
      </c>
    </row>
    <row r="3496" spans="1:5" x14ac:dyDescent="0.25">
      <c r="A3496" s="1" t="s">
        <v>18102</v>
      </c>
      <c r="B3496" s="1" t="s">
        <v>5995</v>
      </c>
      <c r="C3496" s="1" t="s">
        <v>18103</v>
      </c>
      <c r="D3496" s="2">
        <v>156324</v>
      </c>
      <c r="E3496" s="1" t="s">
        <v>0</v>
      </c>
    </row>
    <row r="3497" spans="1:5" x14ac:dyDescent="0.25">
      <c r="A3497" s="2">
        <v>699</v>
      </c>
      <c r="B3497" s="2">
        <v>699</v>
      </c>
      <c r="C3497" s="1" t="s">
        <v>0</v>
      </c>
      <c r="D3497" s="2">
        <v>156325</v>
      </c>
      <c r="E3497" s="1" t="s">
        <v>0</v>
      </c>
    </row>
    <row r="3498" spans="1:5" x14ac:dyDescent="0.25">
      <c r="A3498" s="1" t="s">
        <v>5996</v>
      </c>
      <c r="B3498" s="1" t="s">
        <v>5997</v>
      </c>
      <c r="C3498" s="1" t="s">
        <v>18104</v>
      </c>
      <c r="D3498" s="2">
        <v>156326</v>
      </c>
      <c r="E3498" s="1" t="s">
        <v>0</v>
      </c>
    </row>
    <row r="3499" spans="1:5" x14ac:dyDescent="0.25">
      <c r="A3499" s="1" t="s">
        <v>18105</v>
      </c>
      <c r="B3499" s="1" t="s">
        <v>51859</v>
      </c>
      <c r="C3499" s="1" t="s">
        <v>18106</v>
      </c>
      <c r="D3499" s="2">
        <v>156327</v>
      </c>
      <c r="E3499" s="1" t="s">
        <v>0</v>
      </c>
    </row>
    <row r="3500" spans="1:5" ht="409.5" x14ac:dyDescent="0.25">
      <c r="A3500" s="4" t="s">
        <v>18107</v>
      </c>
      <c r="B3500" s="1" t="s">
        <v>51860</v>
      </c>
      <c r="C3500" s="1" t="s">
        <v>18108</v>
      </c>
      <c r="D3500" s="2">
        <v>156328</v>
      </c>
      <c r="E3500" s="1" t="s">
        <v>0</v>
      </c>
    </row>
    <row r="3501" spans="1:5" x14ac:dyDescent="0.25">
      <c r="A3501" s="1" t="s">
        <v>18109</v>
      </c>
      <c r="B3501" s="1" t="s">
        <v>5998</v>
      </c>
      <c r="C3501" s="1" t="s">
        <v>18110</v>
      </c>
      <c r="D3501" s="2">
        <v>156329</v>
      </c>
      <c r="E3501" s="1" t="s">
        <v>0</v>
      </c>
    </row>
    <row r="3502" spans="1:5" x14ac:dyDescent="0.25">
      <c r="A3502" s="2">
        <v>700</v>
      </c>
      <c r="B3502" s="2">
        <v>700</v>
      </c>
      <c r="C3502" s="1" t="s">
        <v>0</v>
      </c>
      <c r="D3502" s="2">
        <v>156330</v>
      </c>
      <c r="E3502" s="1" t="s">
        <v>0</v>
      </c>
    </row>
    <row r="3503" spans="1:5" x14ac:dyDescent="0.25">
      <c r="A3503" s="1" t="s">
        <v>642</v>
      </c>
      <c r="B3503" s="1" t="s">
        <v>59792</v>
      </c>
      <c r="C3503" s="1" t="s">
        <v>18111</v>
      </c>
      <c r="D3503" s="2">
        <v>156331</v>
      </c>
      <c r="E3503" s="1" t="s">
        <v>0</v>
      </c>
    </row>
    <row r="3504" spans="1:5" x14ac:dyDescent="0.25">
      <c r="A3504" s="1" t="s">
        <v>18112</v>
      </c>
      <c r="B3504" s="1" t="s">
        <v>5999</v>
      </c>
      <c r="C3504" s="1" t="s">
        <v>18113</v>
      </c>
      <c r="D3504" s="2">
        <v>156332</v>
      </c>
      <c r="E3504" s="1" t="s">
        <v>0</v>
      </c>
    </row>
    <row r="3505" spans="1:5" ht="409.5" x14ac:dyDescent="0.25">
      <c r="A3505" s="4" t="s">
        <v>18114</v>
      </c>
      <c r="B3505" s="1" t="s">
        <v>58695</v>
      </c>
      <c r="C3505" s="1" t="s">
        <v>18115</v>
      </c>
      <c r="D3505" s="2">
        <v>156333</v>
      </c>
      <c r="E3505" s="1" t="s">
        <v>0</v>
      </c>
    </row>
    <row r="3506" spans="1:5" x14ac:dyDescent="0.25">
      <c r="A3506" s="1" t="s">
        <v>18116</v>
      </c>
      <c r="B3506" s="1" t="s">
        <v>51861</v>
      </c>
      <c r="C3506" s="1" t="s">
        <v>18117</v>
      </c>
      <c r="D3506" s="2">
        <v>156334</v>
      </c>
      <c r="E3506" s="1" t="s">
        <v>0</v>
      </c>
    </row>
    <row r="3507" spans="1:5" x14ac:dyDescent="0.25">
      <c r="A3507" s="2">
        <v>701</v>
      </c>
      <c r="B3507" s="2">
        <v>701</v>
      </c>
      <c r="C3507" s="1" t="s">
        <v>0</v>
      </c>
      <c r="D3507" s="2">
        <v>156335</v>
      </c>
      <c r="E3507" s="1" t="s">
        <v>0</v>
      </c>
    </row>
    <row r="3508" spans="1:5" x14ac:dyDescent="0.25">
      <c r="A3508" s="1" t="s">
        <v>643</v>
      </c>
      <c r="B3508" s="1" t="s">
        <v>51862</v>
      </c>
      <c r="C3508" s="1" t="s">
        <v>18118</v>
      </c>
      <c r="D3508" s="2">
        <v>156336</v>
      </c>
      <c r="E3508" s="1" t="s">
        <v>0</v>
      </c>
    </row>
    <row r="3509" spans="1:5" x14ac:dyDescent="0.25">
      <c r="A3509" s="1" t="s">
        <v>18119</v>
      </c>
      <c r="B3509" s="1" t="s">
        <v>51863</v>
      </c>
      <c r="C3509" s="1" t="s">
        <v>18120</v>
      </c>
      <c r="D3509" s="2">
        <v>156337</v>
      </c>
      <c r="E3509" s="1" t="s">
        <v>0</v>
      </c>
    </row>
    <row r="3510" spans="1:5" ht="409.5" x14ac:dyDescent="0.25">
      <c r="A3510" s="4" t="s">
        <v>18121</v>
      </c>
      <c r="B3510" s="1" t="s">
        <v>51864</v>
      </c>
      <c r="C3510" s="1" t="s">
        <v>18122</v>
      </c>
      <c r="D3510" s="2">
        <v>156338</v>
      </c>
      <c r="E3510" s="1" t="s">
        <v>0</v>
      </c>
    </row>
    <row r="3511" spans="1:5" x14ac:dyDescent="0.25">
      <c r="A3511" s="1" t="s">
        <v>18123</v>
      </c>
      <c r="B3511" s="1" t="s">
        <v>6000</v>
      </c>
      <c r="C3511" s="1" t="s">
        <v>18124</v>
      </c>
      <c r="D3511" s="2">
        <v>156339</v>
      </c>
      <c r="E3511" s="1" t="s">
        <v>0</v>
      </c>
    </row>
    <row r="3512" spans="1:5" x14ac:dyDescent="0.25">
      <c r="A3512" s="2">
        <v>702</v>
      </c>
      <c r="B3512" s="2">
        <v>702</v>
      </c>
      <c r="C3512" s="1" t="s">
        <v>0</v>
      </c>
      <c r="D3512" s="2">
        <v>156340</v>
      </c>
      <c r="E3512" s="1" t="s">
        <v>0</v>
      </c>
    </row>
    <row r="3513" spans="1:5" x14ac:dyDescent="0.25">
      <c r="A3513" s="1" t="s">
        <v>644</v>
      </c>
      <c r="B3513" s="1" t="s">
        <v>6001</v>
      </c>
      <c r="C3513" s="1" t="s">
        <v>18125</v>
      </c>
      <c r="D3513" s="2">
        <v>156341</v>
      </c>
      <c r="E3513" s="1" t="s">
        <v>0</v>
      </c>
    </row>
    <row r="3514" spans="1:5" x14ac:dyDescent="0.25">
      <c r="A3514" s="1" t="s">
        <v>18126</v>
      </c>
      <c r="B3514" s="1" t="s">
        <v>56703</v>
      </c>
      <c r="C3514" s="1" t="s">
        <v>18127</v>
      </c>
      <c r="D3514" s="2">
        <v>156342</v>
      </c>
      <c r="E3514" s="1" t="s">
        <v>0</v>
      </c>
    </row>
    <row r="3515" spans="1:5" ht="409.5" x14ac:dyDescent="0.25">
      <c r="A3515" s="4" t="s">
        <v>18128</v>
      </c>
      <c r="B3515" s="1" t="s">
        <v>56704</v>
      </c>
      <c r="C3515" s="1" t="s">
        <v>18129</v>
      </c>
      <c r="D3515" s="2">
        <v>156343</v>
      </c>
      <c r="E3515" s="1" t="s">
        <v>0</v>
      </c>
    </row>
    <row r="3516" spans="1:5" x14ac:dyDescent="0.25">
      <c r="A3516" s="1" t="s">
        <v>18130</v>
      </c>
      <c r="B3516" s="1" t="s">
        <v>6002</v>
      </c>
      <c r="C3516" s="1" t="s">
        <v>18131</v>
      </c>
      <c r="D3516" s="2">
        <v>156344</v>
      </c>
      <c r="E3516" s="1" t="s">
        <v>0</v>
      </c>
    </row>
    <row r="3517" spans="1:5" x14ac:dyDescent="0.25">
      <c r="A3517" s="2">
        <v>703</v>
      </c>
      <c r="B3517" s="2">
        <v>703</v>
      </c>
      <c r="C3517" s="1" t="s">
        <v>0</v>
      </c>
      <c r="D3517" s="2">
        <v>156345</v>
      </c>
      <c r="E3517" s="1" t="s">
        <v>0</v>
      </c>
    </row>
    <row r="3518" spans="1:5" x14ac:dyDescent="0.25">
      <c r="A3518" s="1" t="s">
        <v>645</v>
      </c>
      <c r="B3518" s="1" t="s">
        <v>6003</v>
      </c>
      <c r="C3518" s="1" t="s">
        <v>18132</v>
      </c>
      <c r="D3518" s="2">
        <v>156346</v>
      </c>
      <c r="E3518" s="1" t="s">
        <v>0</v>
      </c>
    </row>
    <row r="3519" spans="1:5" x14ac:dyDescent="0.25">
      <c r="A3519" s="1" t="s">
        <v>18133</v>
      </c>
      <c r="B3519" s="1" t="s">
        <v>6004</v>
      </c>
      <c r="C3519" s="1" t="s">
        <v>18134</v>
      </c>
      <c r="D3519" s="2">
        <v>156347</v>
      </c>
      <c r="E3519" s="1" t="s">
        <v>0</v>
      </c>
    </row>
    <row r="3520" spans="1:5" ht="409.5" x14ac:dyDescent="0.25">
      <c r="A3520" s="4" t="s">
        <v>18135</v>
      </c>
      <c r="B3520" s="1" t="s">
        <v>50438</v>
      </c>
      <c r="C3520" s="1" t="s">
        <v>18136</v>
      </c>
      <c r="D3520" s="2">
        <v>156348</v>
      </c>
      <c r="E3520" s="1" t="s">
        <v>0</v>
      </c>
    </row>
    <row r="3521" spans="1:5" x14ac:dyDescent="0.25">
      <c r="A3521" s="1" t="s">
        <v>18137</v>
      </c>
      <c r="B3521" s="1" t="s">
        <v>51865</v>
      </c>
      <c r="C3521" s="1" t="s">
        <v>18138</v>
      </c>
      <c r="D3521" s="2">
        <v>156349</v>
      </c>
      <c r="E3521" s="1" t="s">
        <v>0</v>
      </c>
    </row>
    <row r="3522" spans="1:5" x14ac:dyDescent="0.25">
      <c r="A3522" s="2">
        <v>704</v>
      </c>
      <c r="B3522" s="2">
        <v>704</v>
      </c>
      <c r="C3522" s="1" t="s">
        <v>0</v>
      </c>
      <c r="D3522" s="2">
        <v>156350</v>
      </c>
      <c r="E3522" s="1" t="s">
        <v>0</v>
      </c>
    </row>
    <row r="3523" spans="1:5" x14ac:dyDescent="0.25">
      <c r="A3523" s="1" t="s">
        <v>646</v>
      </c>
      <c r="B3523" s="1" t="s">
        <v>6005</v>
      </c>
      <c r="C3523" s="1" t="s">
        <v>18139</v>
      </c>
      <c r="D3523" s="2">
        <v>156351</v>
      </c>
      <c r="E3523" s="1" t="s">
        <v>0</v>
      </c>
    </row>
    <row r="3524" spans="1:5" x14ac:dyDescent="0.25">
      <c r="A3524" s="1" t="s">
        <v>18140</v>
      </c>
      <c r="B3524" s="1" t="s">
        <v>51866</v>
      </c>
      <c r="C3524" s="1" t="s">
        <v>18141</v>
      </c>
      <c r="D3524" s="2">
        <v>156352</v>
      </c>
      <c r="E3524" s="1" t="s">
        <v>0</v>
      </c>
    </row>
    <row r="3525" spans="1:5" ht="409.5" x14ac:dyDescent="0.25">
      <c r="A3525" s="4" t="s">
        <v>18142</v>
      </c>
      <c r="B3525" s="1" t="s">
        <v>59793</v>
      </c>
      <c r="C3525" s="1" t="s">
        <v>18143</v>
      </c>
      <c r="D3525" s="2">
        <v>156353</v>
      </c>
      <c r="E3525" s="1" t="s">
        <v>0</v>
      </c>
    </row>
    <row r="3526" spans="1:5" x14ac:dyDescent="0.25">
      <c r="A3526" s="1" t="s">
        <v>18144</v>
      </c>
      <c r="B3526" s="1" t="s">
        <v>51867</v>
      </c>
      <c r="C3526" s="1" t="s">
        <v>18145</v>
      </c>
      <c r="D3526" s="2">
        <v>156354</v>
      </c>
      <c r="E3526" s="1" t="s">
        <v>0</v>
      </c>
    </row>
    <row r="3527" spans="1:5" x14ac:dyDescent="0.25">
      <c r="A3527" s="2">
        <v>705</v>
      </c>
      <c r="B3527" s="2">
        <v>705</v>
      </c>
      <c r="C3527" s="1" t="s">
        <v>0</v>
      </c>
      <c r="D3527" s="2">
        <v>156355</v>
      </c>
      <c r="E3527" s="1" t="s">
        <v>0</v>
      </c>
    </row>
    <row r="3528" spans="1:5" x14ac:dyDescent="0.25">
      <c r="A3528" s="1" t="s">
        <v>647</v>
      </c>
      <c r="B3528" s="1" t="s">
        <v>58192</v>
      </c>
      <c r="C3528" s="1" t="s">
        <v>18146</v>
      </c>
      <c r="D3528" s="2">
        <v>156356</v>
      </c>
      <c r="E3528" s="1" t="s">
        <v>0</v>
      </c>
    </row>
    <row r="3529" spans="1:5" x14ac:dyDescent="0.25">
      <c r="A3529" s="1" t="s">
        <v>18147</v>
      </c>
      <c r="B3529" s="1" t="s">
        <v>62080</v>
      </c>
      <c r="C3529" s="1" t="s">
        <v>18148</v>
      </c>
      <c r="D3529" s="2">
        <v>156357</v>
      </c>
      <c r="E3529" s="1" t="s">
        <v>0</v>
      </c>
    </row>
    <row r="3530" spans="1:5" ht="409.5" x14ac:dyDescent="0.25">
      <c r="A3530" s="4" t="s">
        <v>18149</v>
      </c>
      <c r="B3530" s="1" t="s">
        <v>62081</v>
      </c>
      <c r="C3530" s="1" t="s">
        <v>18150</v>
      </c>
      <c r="D3530" s="2">
        <v>156358</v>
      </c>
      <c r="E3530" s="1" t="s">
        <v>0</v>
      </c>
    </row>
    <row r="3531" spans="1:5" x14ac:dyDescent="0.25">
      <c r="A3531" s="1" t="s">
        <v>18151</v>
      </c>
      <c r="B3531" s="1" t="s">
        <v>6006</v>
      </c>
      <c r="C3531" s="1" t="s">
        <v>18152</v>
      </c>
      <c r="D3531" s="2">
        <v>156359</v>
      </c>
      <c r="E3531" s="1" t="s">
        <v>0</v>
      </c>
    </row>
    <row r="3532" spans="1:5" x14ac:dyDescent="0.25">
      <c r="A3532" s="2">
        <v>706</v>
      </c>
      <c r="B3532" s="2">
        <v>706</v>
      </c>
      <c r="C3532" s="1" t="s">
        <v>0</v>
      </c>
      <c r="D3532" s="2">
        <v>156360</v>
      </c>
      <c r="E3532" s="1" t="s">
        <v>0</v>
      </c>
    </row>
    <row r="3533" spans="1:5" x14ac:dyDescent="0.25">
      <c r="A3533" s="1" t="s">
        <v>648</v>
      </c>
      <c r="B3533" s="1" t="s">
        <v>6007</v>
      </c>
      <c r="C3533" s="1" t="s">
        <v>18153</v>
      </c>
      <c r="D3533" s="2">
        <v>156361</v>
      </c>
      <c r="E3533" s="1" t="s">
        <v>0</v>
      </c>
    </row>
    <row r="3534" spans="1:5" x14ac:dyDescent="0.25">
      <c r="A3534" s="1" t="s">
        <v>18154</v>
      </c>
      <c r="B3534" s="1" t="s">
        <v>57136</v>
      </c>
      <c r="C3534" s="1" t="s">
        <v>18155</v>
      </c>
      <c r="D3534" s="2">
        <v>156362</v>
      </c>
      <c r="E3534" s="1" t="s">
        <v>0</v>
      </c>
    </row>
    <row r="3535" spans="1:5" ht="409.5" x14ac:dyDescent="0.25">
      <c r="A3535" s="4" t="s">
        <v>18156</v>
      </c>
      <c r="B3535" s="1" t="s">
        <v>60931</v>
      </c>
      <c r="C3535" s="1" t="s">
        <v>18157</v>
      </c>
      <c r="D3535" s="2">
        <v>156363</v>
      </c>
      <c r="E3535" s="1" t="s">
        <v>0</v>
      </c>
    </row>
    <row r="3536" spans="1:5" x14ac:dyDescent="0.25">
      <c r="A3536" s="1" t="s">
        <v>14855</v>
      </c>
      <c r="B3536" s="1" t="s">
        <v>60879</v>
      </c>
      <c r="C3536" s="1" t="s">
        <v>14856</v>
      </c>
      <c r="D3536" s="2">
        <v>156364</v>
      </c>
      <c r="E3536" s="1" t="s">
        <v>0</v>
      </c>
    </row>
    <row r="3537" spans="1:5" x14ac:dyDescent="0.25">
      <c r="A3537" s="2">
        <v>707</v>
      </c>
      <c r="B3537" s="2">
        <v>707</v>
      </c>
      <c r="C3537" s="1" t="s">
        <v>0</v>
      </c>
      <c r="D3537" s="2">
        <v>156365</v>
      </c>
      <c r="E3537" s="1" t="s">
        <v>0</v>
      </c>
    </row>
    <row r="3538" spans="1:5" x14ac:dyDescent="0.25">
      <c r="A3538" s="1" t="s">
        <v>649</v>
      </c>
      <c r="B3538" s="1" t="s">
        <v>6008</v>
      </c>
      <c r="C3538" s="1" t="s">
        <v>18158</v>
      </c>
      <c r="D3538" s="2">
        <v>156366</v>
      </c>
      <c r="E3538" s="1" t="s">
        <v>0</v>
      </c>
    </row>
    <row r="3539" spans="1:5" x14ac:dyDescent="0.25">
      <c r="A3539" s="1" t="s">
        <v>18159</v>
      </c>
      <c r="B3539" s="1" t="s">
        <v>51868</v>
      </c>
      <c r="C3539" s="1" t="s">
        <v>18160</v>
      </c>
      <c r="D3539" s="2">
        <v>156367</v>
      </c>
      <c r="E3539" s="1" t="s">
        <v>0</v>
      </c>
    </row>
    <row r="3540" spans="1:5" ht="409.5" x14ac:dyDescent="0.25">
      <c r="A3540" s="4" t="s">
        <v>18161</v>
      </c>
      <c r="B3540" s="1" t="s">
        <v>63621</v>
      </c>
      <c r="C3540" s="1" t="s">
        <v>18162</v>
      </c>
      <c r="D3540" s="2">
        <v>156368</v>
      </c>
      <c r="E3540" s="1" t="s">
        <v>0</v>
      </c>
    </row>
    <row r="3541" spans="1:5" x14ac:dyDescent="0.25">
      <c r="A3541" s="1" t="s">
        <v>18163</v>
      </c>
      <c r="B3541" s="1" t="s">
        <v>50439</v>
      </c>
      <c r="C3541" s="1" t="s">
        <v>18164</v>
      </c>
      <c r="D3541" s="2">
        <v>156369</v>
      </c>
      <c r="E3541" s="1" t="s">
        <v>0</v>
      </c>
    </row>
    <row r="3542" spans="1:5" x14ac:dyDescent="0.25">
      <c r="A3542" s="2">
        <v>708</v>
      </c>
      <c r="B3542" s="2">
        <v>708</v>
      </c>
      <c r="C3542" s="1" t="s">
        <v>0</v>
      </c>
      <c r="D3542" s="2">
        <v>156370</v>
      </c>
      <c r="E3542" s="1" t="s">
        <v>0</v>
      </c>
    </row>
    <row r="3543" spans="1:5" x14ac:dyDescent="0.25">
      <c r="A3543" s="1" t="s">
        <v>650</v>
      </c>
      <c r="B3543" s="1" t="s">
        <v>6009</v>
      </c>
      <c r="C3543" s="1" t="s">
        <v>18165</v>
      </c>
      <c r="D3543" s="2">
        <v>156371</v>
      </c>
      <c r="E3543" s="1" t="s">
        <v>0</v>
      </c>
    </row>
    <row r="3544" spans="1:5" x14ac:dyDescent="0.25">
      <c r="A3544" s="1" t="s">
        <v>18166</v>
      </c>
      <c r="B3544" s="1" t="s">
        <v>13006</v>
      </c>
      <c r="C3544" s="1" t="s">
        <v>18167</v>
      </c>
      <c r="D3544" s="2">
        <v>156372</v>
      </c>
      <c r="E3544" s="1" t="s">
        <v>0</v>
      </c>
    </row>
    <row r="3545" spans="1:5" ht="409.5" x14ac:dyDescent="0.25">
      <c r="A3545" s="4" t="s">
        <v>18168</v>
      </c>
      <c r="B3545" s="1" t="s">
        <v>50440</v>
      </c>
      <c r="C3545" s="1" t="s">
        <v>18169</v>
      </c>
      <c r="D3545" s="2">
        <v>156373</v>
      </c>
      <c r="E3545" s="1" t="s">
        <v>0</v>
      </c>
    </row>
    <row r="3546" spans="1:5" x14ac:dyDescent="0.25">
      <c r="A3546" s="1" t="s">
        <v>18170</v>
      </c>
      <c r="B3546" s="1" t="s">
        <v>6010</v>
      </c>
      <c r="C3546" s="1" t="s">
        <v>18171</v>
      </c>
      <c r="D3546" s="2">
        <v>156374</v>
      </c>
      <c r="E3546" s="1" t="s">
        <v>0</v>
      </c>
    </row>
    <row r="3547" spans="1:5" x14ac:dyDescent="0.25">
      <c r="A3547" s="2">
        <v>709</v>
      </c>
      <c r="B3547" s="2">
        <v>709</v>
      </c>
      <c r="C3547" s="1" t="s">
        <v>0</v>
      </c>
      <c r="D3547" s="2">
        <v>156375</v>
      </c>
      <c r="E3547" s="1" t="s">
        <v>0</v>
      </c>
    </row>
    <row r="3548" spans="1:5" x14ac:dyDescent="0.25">
      <c r="A3548" s="1" t="s">
        <v>651</v>
      </c>
      <c r="B3548" s="1" t="s">
        <v>6011</v>
      </c>
      <c r="C3548" s="1" t="s">
        <v>18172</v>
      </c>
      <c r="D3548" s="2">
        <v>156376</v>
      </c>
      <c r="E3548" s="1" t="s">
        <v>0</v>
      </c>
    </row>
    <row r="3549" spans="1:5" x14ac:dyDescent="0.25">
      <c r="A3549" s="1" t="s">
        <v>18173</v>
      </c>
      <c r="B3549" s="1" t="s">
        <v>62082</v>
      </c>
      <c r="C3549" s="1" t="s">
        <v>18174</v>
      </c>
      <c r="D3549" s="2">
        <v>156377</v>
      </c>
      <c r="E3549" s="1" t="s">
        <v>0</v>
      </c>
    </row>
    <row r="3550" spans="1:5" ht="409.5" x14ac:dyDescent="0.25">
      <c r="A3550" s="4" t="s">
        <v>18175</v>
      </c>
      <c r="B3550" s="1" t="s">
        <v>63217</v>
      </c>
      <c r="C3550" s="1" t="s">
        <v>18176</v>
      </c>
      <c r="D3550" s="2">
        <v>156378</v>
      </c>
      <c r="E3550" s="1" t="s">
        <v>0</v>
      </c>
    </row>
    <row r="3551" spans="1:5" x14ac:dyDescent="0.25">
      <c r="A3551" s="1" t="s">
        <v>18177</v>
      </c>
      <c r="B3551" s="1" t="s">
        <v>60932</v>
      </c>
      <c r="C3551" s="1" t="s">
        <v>18178</v>
      </c>
      <c r="D3551" s="2">
        <v>156379</v>
      </c>
      <c r="E3551" s="1" t="s">
        <v>0</v>
      </c>
    </row>
    <row r="3552" spans="1:5" x14ac:dyDescent="0.25">
      <c r="A3552" s="2">
        <v>710</v>
      </c>
      <c r="B3552" s="2">
        <v>710</v>
      </c>
      <c r="C3552" s="1" t="s">
        <v>0</v>
      </c>
      <c r="D3552" s="2">
        <v>156380</v>
      </c>
      <c r="E3552" s="1" t="s">
        <v>0</v>
      </c>
    </row>
    <row r="3553" spans="1:5" x14ac:dyDescent="0.25">
      <c r="A3553" s="1" t="s">
        <v>652</v>
      </c>
      <c r="B3553" s="1" t="s">
        <v>57408</v>
      </c>
      <c r="C3553" s="1" t="s">
        <v>18179</v>
      </c>
      <c r="D3553" s="2">
        <v>156381</v>
      </c>
      <c r="E3553" s="1" t="s">
        <v>0</v>
      </c>
    </row>
    <row r="3554" spans="1:5" x14ac:dyDescent="0.25">
      <c r="A3554" s="1" t="s">
        <v>18180</v>
      </c>
      <c r="B3554" s="1" t="s">
        <v>62083</v>
      </c>
      <c r="C3554" s="1" t="s">
        <v>18181</v>
      </c>
      <c r="D3554" s="2">
        <v>156382</v>
      </c>
      <c r="E3554" s="1" t="s">
        <v>0</v>
      </c>
    </row>
    <row r="3555" spans="1:5" ht="409.5" x14ac:dyDescent="0.25">
      <c r="A3555" s="4" t="s">
        <v>18182</v>
      </c>
      <c r="B3555" s="1" t="s">
        <v>62084</v>
      </c>
      <c r="C3555" s="1" t="s">
        <v>18183</v>
      </c>
      <c r="D3555" s="2">
        <v>156383</v>
      </c>
      <c r="E3555" s="1" t="s">
        <v>0</v>
      </c>
    </row>
    <row r="3556" spans="1:5" x14ac:dyDescent="0.25">
      <c r="A3556" s="1" t="s">
        <v>18184</v>
      </c>
      <c r="B3556" s="1" t="s">
        <v>57409</v>
      </c>
      <c r="C3556" s="1" t="s">
        <v>18185</v>
      </c>
      <c r="D3556" s="2">
        <v>156384</v>
      </c>
      <c r="E3556" s="1" t="s">
        <v>0</v>
      </c>
    </row>
    <row r="3557" spans="1:5" x14ac:dyDescent="0.25">
      <c r="A3557" s="2">
        <v>711</v>
      </c>
      <c r="B3557" s="2">
        <v>711</v>
      </c>
      <c r="C3557" s="1" t="s">
        <v>0</v>
      </c>
      <c r="D3557" s="2">
        <v>156385</v>
      </c>
      <c r="E3557" s="1" t="s">
        <v>0</v>
      </c>
    </row>
    <row r="3558" spans="1:5" x14ac:dyDescent="0.25">
      <c r="A3558" s="1" t="s">
        <v>653</v>
      </c>
      <c r="B3558" s="1" t="s">
        <v>6012</v>
      </c>
      <c r="C3558" s="1" t="s">
        <v>18186</v>
      </c>
      <c r="D3558" s="2">
        <v>156386</v>
      </c>
      <c r="E3558" s="1" t="s">
        <v>0</v>
      </c>
    </row>
    <row r="3559" spans="1:5" x14ac:dyDescent="0.25">
      <c r="A3559" s="1" t="s">
        <v>18187</v>
      </c>
      <c r="B3559" s="1" t="s">
        <v>60698</v>
      </c>
      <c r="C3559" s="1" t="s">
        <v>18188</v>
      </c>
      <c r="D3559" s="2">
        <v>156387</v>
      </c>
      <c r="E3559" s="1" t="s">
        <v>0</v>
      </c>
    </row>
    <row r="3560" spans="1:5" ht="409.5" x14ac:dyDescent="0.25">
      <c r="A3560" s="4" t="s">
        <v>18189</v>
      </c>
      <c r="B3560" s="1" t="s">
        <v>60699</v>
      </c>
      <c r="C3560" s="1" t="s">
        <v>18190</v>
      </c>
      <c r="D3560" s="2">
        <v>156388</v>
      </c>
      <c r="E3560" s="1" t="s">
        <v>0</v>
      </c>
    </row>
    <row r="3561" spans="1:5" x14ac:dyDescent="0.25">
      <c r="A3561" s="1" t="s">
        <v>18191</v>
      </c>
      <c r="B3561" s="1" t="s">
        <v>6013</v>
      </c>
      <c r="C3561" s="1" t="s">
        <v>18192</v>
      </c>
      <c r="D3561" s="2">
        <v>156389</v>
      </c>
      <c r="E3561" s="1" t="s">
        <v>0</v>
      </c>
    </row>
    <row r="3562" spans="1:5" x14ac:dyDescent="0.25">
      <c r="A3562" s="2">
        <v>712</v>
      </c>
      <c r="B3562" s="2">
        <v>712</v>
      </c>
      <c r="C3562" s="1" t="s">
        <v>0</v>
      </c>
      <c r="D3562" s="2">
        <v>156390</v>
      </c>
      <c r="E3562" s="1" t="s">
        <v>0</v>
      </c>
    </row>
    <row r="3563" spans="1:5" x14ac:dyDescent="0.25">
      <c r="A3563" s="1" t="s">
        <v>654</v>
      </c>
      <c r="B3563" s="1" t="s">
        <v>6014</v>
      </c>
      <c r="C3563" s="1" t="s">
        <v>6015</v>
      </c>
      <c r="D3563" s="2">
        <v>156391</v>
      </c>
      <c r="E3563" s="1" t="s">
        <v>0</v>
      </c>
    </row>
    <row r="3564" spans="1:5" x14ac:dyDescent="0.25">
      <c r="A3564" s="1" t="s">
        <v>18193</v>
      </c>
      <c r="B3564" s="1" t="s">
        <v>50441</v>
      </c>
      <c r="C3564" s="1" t="s">
        <v>18194</v>
      </c>
      <c r="D3564" s="2">
        <v>156392</v>
      </c>
      <c r="E3564" s="1" t="s">
        <v>0</v>
      </c>
    </row>
    <row r="3565" spans="1:5" ht="409.5" x14ac:dyDescent="0.25">
      <c r="A3565" s="4" t="s">
        <v>18195</v>
      </c>
      <c r="B3565" s="1" t="s">
        <v>57410</v>
      </c>
      <c r="C3565" s="1" t="s">
        <v>18196</v>
      </c>
      <c r="D3565" s="2">
        <v>156393</v>
      </c>
      <c r="E3565" s="1" t="s">
        <v>0</v>
      </c>
    </row>
    <row r="3566" spans="1:5" x14ac:dyDescent="0.25">
      <c r="A3566" s="1" t="s">
        <v>18197</v>
      </c>
      <c r="B3566" s="1" t="s">
        <v>6016</v>
      </c>
      <c r="C3566" s="1" t="s">
        <v>18198</v>
      </c>
      <c r="D3566" s="2">
        <v>156394</v>
      </c>
      <c r="E3566" s="1" t="s">
        <v>0</v>
      </c>
    </row>
    <row r="3567" spans="1:5" x14ac:dyDescent="0.25">
      <c r="A3567" s="2">
        <v>713</v>
      </c>
      <c r="B3567" s="2">
        <v>713</v>
      </c>
      <c r="C3567" s="1" t="s">
        <v>0</v>
      </c>
      <c r="D3567" s="2">
        <v>156395</v>
      </c>
      <c r="E3567" s="1" t="s">
        <v>0</v>
      </c>
    </row>
    <row r="3568" spans="1:5" x14ac:dyDescent="0.25">
      <c r="A3568" s="1" t="s">
        <v>655</v>
      </c>
      <c r="B3568" s="1" t="s">
        <v>6017</v>
      </c>
      <c r="C3568" s="1" t="s">
        <v>18199</v>
      </c>
      <c r="D3568" s="2">
        <v>156396</v>
      </c>
      <c r="E3568" s="1" t="s">
        <v>0</v>
      </c>
    </row>
    <row r="3569" spans="1:5" x14ac:dyDescent="0.25">
      <c r="A3569" s="1" t="s">
        <v>18200</v>
      </c>
      <c r="B3569" s="1" t="s">
        <v>59564</v>
      </c>
      <c r="C3569" s="1" t="s">
        <v>18201</v>
      </c>
      <c r="D3569" s="2">
        <v>156397</v>
      </c>
      <c r="E3569" s="1" t="s">
        <v>0</v>
      </c>
    </row>
    <row r="3570" spans="1:5" ht="409.5" x14ac:dyDescent="0.25">
      <c r="A3570" s="4" t="s">
        <v>18202</v>
      </c>
      <c r="B3570" s="1" t="s">
        <v>59565</v>
      </c>
      <c r="C3570" s="1" t="s">
        <v>18203</v>
      </c>
      <c r="D3570" s="2">
        <v>156398</v>
      </c>
      <c r="E3570" s="1" t="s">
        <v>0</v>
      </c>
    </row>
    <row r="3571" spans="1:5" x14ac:dyDescent="0.25">
      <c r="A3571" s="1" t="s">
        <v>18204</v>
      </c>
      <c r="B3571" s="1" t="s">
        <v>51869</v>
      </c>
      <c r="C3571" s="1" t="s">
        <v>18205</v>
      </c>
      <c r="D3571" s="2">
        <v>156399</v>
      </c>
      <c r="E3571" s="1" t="s">
        <v>0</v>
      </c>
    </row>
    <row r="3572" spans="1:5" x14ac:dyDescent="0.25">
      <c r="A3572" s="2">
        <v>714</v>
      </c>
      <c r="B3572" s="2">
        <v>714</v>
      </c>
      <c r="C3572" s="1" t="s">
        <v>0</v>
      </c>
      <c r="D3572" s="2">
        <v>156400</v>
      </c>
      <c r="E3572" s="1" t="s">
        <v>0</v>
      </c>
    </row>
    <row r="3573" spans="1:5" x14ac:dyDescent="0.25">
      <c r="A3573" s="1" t="s">
        <v>656</v>
      </c>
      <c r="B3573" s="1" t="s">
        <v>6018</v>
      </c>
      <c r="C3573" s="1" t="s">
        <v>18206</v>
      </c>
      <c r="D3573" s="2">
        <v>156401</v>
      </c>
      <c r="E3573" s="1" t="s">
        <v>0</v>
      </c>
    </row>
    <row r="3574" spans="1:5" x14ac:dyDescent="0.25">
      <c r="A3574" s="1" t="s">
        <v>18207</v>
      </c>
      <c r="B3574" s="1" t="s">
        <v>62085</v>
      </c>
      <c r="C3574" s="1" t="s">
        <v>18208</v>
      </c>
      <c r="D3574" s="2">
        <v>156402</v>
      </c>
      <c r="E3574" s="1" t="s">
        <v>0</v>
      </c>
    </row>
    <row r="3575" spans="1:5" ht="409.5" x14ac:dyDescent="0.25">
      <c r="A3575" s="4" t="s">
        <v>18209</v>
      </c>
      <c r="B3575" s="1" t="s">
        <v>62086</v>
      </c>
      <c r="C3575" s="1" t="s">
        <v>18210</v>
      </c>
      <c r="D3575" s="2">
        <v>156403</v>
      </c>
      <c r="E3575" s="1" t="s">
        <v>0</v>
      </c>
    </row>
    <row r="3576" spans="1:5" x14ac:dyDescent="0.25">
      <c r="A3576" s="1" t="s">
        <v>18211</v>
      </c>
      <c r="B3576" s="1" t="s">
        <v>51870</v>
      </c>
      <c r="C3576" s="1" t="s">
        <v>18212</v>
      </c>
      <c r="D3576" s="2">
        <v>156404</v>
      </c>
      <c r="E3576" s="1" t="s">
        <v>0</v>
      </c>
    </row>
    <row r="3577" spans="1:5" x14ac:dyDescent="0.25">
      <c r="A3577" s="2">
        <v>715</v>
      </c>
      <c r="B3577" s="2">
        <v>715</v>
      </c>
      <c r="C3577" s="1" t="s">
        <v>0</v>
      </c>
      <c r="D3577" s="2">
        <v>156405</v>
      </c>
      <c r="E3577" s="1" t="s">
        <v>0</v>
      </c>
    </row>
    <row r="3578" spans="1:5" x14ac:dyDescent="0.25">
      <c r="A3578" s="1" t="s">
        <v>657</v>
      </c>
      <c r="B3578" s="1" t="s">
        <v>6019</v>
      </c>
      <c r="C3578" s="1" t="s">
        <v>18213</v>
      </c>
      <c r="D3578" s="2">
        <v>156406</v>
      </c>
      <c r="E3578" s="1" t="s">
        <v>0</v>
      </c>
    </row>
    <row r="3579" spans="1:5" x14ac:dyDescent="0.25">
      <c r="A3579" s="1" t="s">
        <v>18214</v>
      </c>
      <c r="B3579" s="1" t="s">
        <v>57069</v>
      </c>
      <c r="C3579" s="1" t="s">
        <v>18215</v>
      </c>
      <c r="D3579" s="2">
        <v>156407</v>
      </c>
      <c r="E3579" s="1" t="s">
        <v>0</v>
      </c>
    </row>
    <row r="3580" spans="1:5" ht="409.5" x14ac:dyDescent="0.25">
      <c r="A3580" s="4" t="s">
        <v>18216</v>
      </c>
      <c r="B3580" s="1" t="s">
        <v>60395</v>
      </c>
      <c r="C3580" s="1" t="s">
        <v>18217</v>
      </c>
      <c r="D3580" s="2">
        <v>156408</v>
      </c>
      <c r="E3580" s="1" t="s">
        <v>0</v>
      </c>
    </row>
    <row r="3581" spans="1:5" x14ac:dyDescent="0.25">
      <c r="A3581" s="1" t="s">
        <v>14855</v>
      </c>
      <c r="B3581" s="1" t="s">
        <v>60879</v>
      </c>
      <c r="C3581" s="1" t="s">
        <v>14856</v>
      </c>
      <c r="D3581" s="2">
        <v>156409</v>
      </c>
      <c r="E3581" s="1" t="s">
        <v>0</v>
      </c>
    </row>
    <row r="3582" spans="1:5" x14ac:dyDescent="0.25">
      <c r="A3582" s="2">
        <v>716</v>
      </c>
      <c r="B3582" s="2">
        <v>716</v>
      </c>
      <c r="C3582" s="1" t="s">
        <v>0</v>
      </c>
      <c r="D3582" s="2">
        <v>156410</v>
      </c>
      <c r="E3582" s="1" t="s">
        <v>0</v>
      </c>
    </row>
    <row r="3583" spans="1:5" x14ac:dyDescent="0.25">
      <c r="A3583" s="1" t="s">
        <v>658</v>
      </c>
      <c r="B3583" s="1" t="s">
        <v>6020</v>
      </c>
      <c r="C3583" s="1" t="s">
        <v>18218</v>
      </c>
      <c r="D3583" s="2">
        <v>156411</v>
      </c>
      <c r="E3583" s="1" t="s">
        <v>0</v>
      </c>
    </row>
    <row r="3584" spans="1:5" x14ac:dyDescent="0.25">
      <c r="A3584" s="1" t="s">
        <v>18219</v>
      </c>
      <c r="B3584" s="1" t="s">
        <v>6021</v>
      </c>
      <c r="C3584" s="1" t="s">
        <v>18220</v>
      </c>
      <c r="D3584" s="2">
        <v>156412</v>
      </c>
      <c r="E3584" s="1" t="s">
        <v>0</v>
      </c>
    </row>
    <row r="3585" spans="1:5" ht="409.5" x14ac:dyDescent="0.25">
      <c r="A3585" s="4" t="s">
        <v>18221</v>
      </c>
      <c r="B3585" s="1" t="s">
        <v>51871</v>
      </c>
      <c r="C3585" s="1" t="s">
        <v>18222</v>
      </c>
      <c r="D3585" s="2">
        <v>156413</v>
      </c>
      <c r="E3585" s="1" t="s">
        <v>0</v>
      </c>
    </row>
    <row r="3586" spans="1:5" x14ac:dyDescent="0.25">
      <c r="A3586" s="1" t="s">
        <v>18223</v>
      </c>
      <c r="B3586" s="1" t="s">
        <v>51872</v>
      </c>
      <c r="C3586" s="1" t="s">
        <v>18224</v>
      </c>
      <c r="D3586" s="2">
        <v>156414</v>
      </c>
      <c r="E3586" s="1" t="s">
        <v>0</v>
      </c>
    </row>
    <row r="3587" spans="1:5" x14ac:dyDescent="0.25">
      <c r="A3587" s="2">
        <v>717</v>
      </c>
      <c r="B3587" s="2">
        <v>717</v>
      </c>
      <c r="C3587" s="1" t="s">
        <v>0</v>
      </c>
      <c r="D3587" s="2">
        <v>156415</v>
      </c>
      <c r="E3587" s="1" t="s">
        <v>0</v>
      </c>
    </row>
    <row r="3588" spans="1:5" x14ac:dyDescent="0.25">
      <c r="A3588" s="1" t="s">
        <v>659</v>
      </c>
      <c r="B3588" s="1" t="s">
        <v>6022</v>
      </c>
      <c r="C3588" s="1" t="s">
        <v>18225</v>
      </c>
      <c r="D3588" s="2">
        <v>156416</v>
      </c>
      <c r="E3588" s="1" t="s">
        <v>0</v>
      </c>
    </row>
    <row r="3589" spans="1:5" x14ac:dyDescent="0.25">
      <c r="A3589" s="1" t="s">
        <v>18226</v>
      </c>
      <c r="B3589" s="1" t="s">
        <v>60396</v>
      </c>
      <c r="C3589" s="1" t="s">
        <v>18227</v>
      </c>
      <c r="D3589" s="2">
        <v>156417</v>
      </c>
      <c r="E3589" s="1" t="s">
        <v>0</v>
      </c>
    </row>
    <row r="3590" spans="1:5" ht="409.5" x14ac:dyDescent="0.25">
      <c r="A3590" s="4" t="s">
        <v>18228</v>
      </c>
      <c r="B3590" s="1" t="s">
        <v>60397</v>
      </c>
      <c r="C3590" s="1" t="s">
        <v>18229</v>
      </c>
      <c r="D3590" s="2">
        <v>156418</v>
      </c>
      <c r="E3590" s="1" t="s">
        <v>0</v>
      </c>
    </row>
    <row r="3591" spans="1:5" x14ac:dyDescent="0.25">
      <c r="A3591" s="1" t="s">
        <v>18230</v>
      </c>
      <c r="B3591" s="1" t="s">
        <v>51873</v>
      </c>
      <c r="C3591" s="1" t="s">
        <v>18231</v>
      </c>
      <c r="D3591" s="2">
        <v>156419</v>
      </c>
      <c r="E3591" s="1" t="s">
        <v>0</v>
      </c>
    </row>
    <row r="3592" spans="1:5" x14ac:dyDescent="0.25">
      <c r="A3592" s="2">
        <v>718</v>
      </c>
      <c r="B3592" s="2">
        <v>718</v>
      </c>
      <c r="C3592" s="1" t="s">
        <v>0</v>
      </c>
      <c r="D3592" s="2">
        <v>156420</v>
      </c>
      <c r="E3592" s="1" t="s">
        <v>0</v>
      </c>
    </row>
    <row r="3593" spans="1:5" x14ac:dyDescent="0.25">
      <c r="A3593" s="1" t="s">
        <v>660</v>
      </c>
      <c r="B3593" s="1" t="s">
        <v>59794</v>
      </c>
      <c r="C3593" s="1" t="s">
        <v>18232</v>
      </c>
      <c r="D3593" s="2">
        <v>156421</v>
      </c>
      <c r="E3593" s="1" t="s">
        <v>0</v>
      </c>
    </row>
    <row r="3594" spans="1:5" x14ac:dyDescent="0.25">
      <c r="A3594" s="1" t="s">
        <v>18233</v>
      </c>
      <c r="B3594" s="1" t="s">
        <v>59795</v>
      </c>
      <c r="C3594" s="1" t="s">
        <v>18234</v>
      </c>
      <c r="D3594" s="2">
        <v>156422</v>
      </c>
      <c r="E3594" s="1" t="s">
        <v>0</v>
      </c>
    </row>
    <row r="3595" spans="1:5" ht="409.5" x14ac:dyDescent="0.25">
      <c r="A3595" s="4" t="s">
        <v>18235</v>
      </c>
      <c r="B3595" s="1" t="s">
        <v>59796</v>
      </c>
      <c r="C3595" s="1" t="s">
        <v>18236</v>
      </c>
      <c r="D3595" s="2">
        <v>156423</v>
      </c>
      <c r="E3595" s="1" t="s">
        <v>0</v>
      </c>
    </row>
    <row r="3596" spans="1:5" x14ac:dyDescent="0.25">
      <c r="A3596" s="1" t="s">
        <v>18237</v>
      </c>
      <c r="B3596" s="1" t="s">
        <v>51874</v>
      </c>
      <c r="C3596" s="1" t="s">
        <v>18238</v>
      </c>
      <c r="D3596" s="2">
        <v>156424</v>
      </c>
      <c r="E3596" s="1" t="s">
        <v>0</v>
      </c>
    </row>
    <row r="3597" spans="1:5" x14ac:dyDescent="0.25">
      <c r="A3597" s="2">
        <v>719</v>
      </c>
      <c r="B3597" s="2">
        <v>719</v>
      </c>
      <c r="C3597" s="1" t="s">
        <v>0</v>
      </c>
      <c r="D3597" s="2">
        <v>156425</v>
      </c>
      <c r="E3597" s="1" t="s">
        <v>0</v>
      </c>
    </row>
    <row r="3598" spans="1:5" x14ac:dyDescent="0.25">
      <c r="A3598" s="1" t="s">
        <v>661</v>
      </c>
      <c r="B3598" s="1" t="s">
        <v>6023</v>
      </c>
      <c r="C3598" s="1" t="s">
        <v>18239</v>
      </c>
      <c r="D3598" s="2">
        <v>156426</v>
      </c>
      <c r="E3598" s="1" t="s">
        <v>0</v>
      </c>
    </row>
    <row r="3599" spans="1:5" x14ac:dyDescent="0.25">
      <c r="A3599" s="1" t="s">
        <v>18240</v>
      </c>
      <c r="B3599" s="1" t="s">
        <v>18241</v>
      </c>
      <c r="C3599" s="1" t="s">
        <v>18242</v>
      </c>
      <c r="D3599" s="2">
        <v>156427</v>
      </c>
      <c r="E3599" s="1" t="s">
        <v>0</v>
      </c>
    </row>
    <row r="3600" spans="1:5" ht="409.5" x14ac:dyDescent="0.25">
      <c r="A3600" s="4" t="s">
        <v>18243</v>
      </c>
      <c r="B3600" s="1" t="s">
        <v>61589</v>
      </c>
      <c r="C3600" s="1" t="s">
        <v>18244</v>
      </c>
      <c r="D3600" s="2">
        <v>156428</v>
      </c>
      <c r="E3600" s="1" t="s">
        <v>0</v>
      </c>
    </row>
    <row r="3601" spans="1:5" x14ac:dyDescent="0.25">
      <c r="A3601" s="1" t="s">
        <v>18245</v>
      </c>
      <c r="B3601" s="1" t="s">
        <v>51875</v>
      </c>
      <c r="C3601" s="1" t="s">
        <v>18246</v>
      </c>
      <c r="D3601" s="2">
        <v>156429</v>
      </c>
      <c r="E3601" s="1" t="s">
        <v>0</v>
      </c>
    </row>
    <row r="3602" spans="1:5" x14ac:dyDescent="0.25">
      <c r="A3602" s="2">
        <v>720</v>
      </c>
      <c r="B3602" s="2">
        <v>720</v>
      </c>
      <c r="C3602" s="1" t="s">
        <v>0</v>
      </c>
      <c r="D3602" s="2">
        <v>156430</v>
      </c>
      <c r="E3602" s="1" t="s">
        <v>0</v>
      </c>
    </row>
    <row r="3603" spans="1:5" x14ac:dyDescent="0.25">
      <c r="A3603" s="1" t="s">
        <v>662</v>
      </c>
      <c r="B3603" s="1" t="s">
        <v>51876</v>
      </c>
      <c r="C3603" s="1" t="s">
        <v>18247</v>
      </c>
      <c r="D3603" s="2">
        <v>156431</v>
      </c>
      <c r="E3603" s="1" t="s">
        <v>0</v>
      </c>
    </row>
    <row r="3604" spans="1:5" x14ac:dyDescent="0.25">
      <c r="A3604" s="1" t="s">
        <v>18248</v>
      </c>
      <c r="B3604" s="1" t="s">
        <v>51877</v>
      </c>
      <c r="C3604" s="1" t="s">
        <v>18249</v>
      </c>
      <c r="D3604" s="2">
        <v>156432</v>
      </c>
      <c r="E3604" s="1" t="s">
        <v>0</v>
      </c>
    </row>
    <row r="3605" spans="1:5" ht="409.5" x14ac:dyDescent="0.25">
      <c r="A3605" s="4" t="s">
        <v>18250</v>
      </c>
      <c r="B3605" s="1" t="s">
        <v>60489</v>
      </c>
      <c r="C3605" s="1" t="s">
        <v>18251</v>
      </c>
      <c r="D3605" s="2">
        <v>156433</v>
      </c>
      <c r="E3605" s="1" t="s">
        <v>0</v>
      </c>
    </row>
    <row r="3606" spans="1:5" x14ac:dyDescent="0.25">
      <c r="A3606" s="1" t="s">
        <v>18252</v>
      </c>
      <c r="B3606" s="1" t="s">
        <v>6024</v>
      </c>
      <c r="C3606" s="1" t="s">
        <v>18253</v>
      </c>
      <c r="D3606" s="2">
        <v>156434</v>
      </c>
      <c r="E3606" s="1" t="s">
        <v>0</v>
      </c>
    </row>
    <row r="3607" spans="1:5" x14ac:dyDescent="0.25">
      <c r="A3607" s="2">
        <v>721</v>
      </c>
      <c r="B3607" s="2">
        <v>721</v>
      </c>
      <c r="C3607" s="1" t="s">
        <v>0</v>
      </c>
      <c r="D3607" s="2">
        <v>156435</v>
      </c>
      <c r="E3607" s="1" t="s">
        <v>0</v>
      </c>
    </row>
    <row r="3608" spans="1:5" x14ac:dyDescent="0.25">
      <c r="A3608" s="1" t="s">
        <v>663</v>
      </c>
      <c r="B3608" s="1" t="s">
        <v>6025</v>
      </c>
      <c r="C3608" s="1" t="s">
        <v>18254</v>
      </c>
      <c r="D3608" s="2">
        <v>156436</v>
      </c>
      <c r="E3608" s="1" t="s">
        <v>0</v>
      </c>
    </row>
    <row r="3609" spans="1:5" x14ac:dyDescent="0.25">
      <c r="A3609" s="1" t="s">
        <v>18255</v>
      </c>
      <c r="B3609" s="1" t="s">
        <v>51878</v>
      </c>
      <c r="C3609" s="1" t="s">
        <v>18256</v>
      </c>
      <c r="D3609" s="2">
        <v>156437</v>
      </c>
      <c r="E3609" s="1" t="s">
        <v>0</v>
      </c>
    </row>
    <row r="3610" spans="1:5" ht="409.5" x14ac:dyDescent="0.25">
      <c r="A3610" s="4" t="s">
        <v>18257</v>
      </c>
      <c r="B3610" s="1" t="s">
        <v>63622</v>
      </c>
      <c r="C3610" s="1" t="s">
        <v>18258</v>
      </c>
      <c r="D3610" s="2">
        <v>156438</v>
      </c>
      <c r="E3610" s="1" t="s">
        <v>0</v>
      </c>
    </row>
    <row r="3611" spans="1:5" x14ac:dyDescent="0.25">
      <c r="A3611" s="1" t="s">
        <v>18259</v>
      </c>
      <c r="B3611" s="1" t="s">
        <v>6026</v>
      </c>
      <c r="C3611" s="1" t="s">
        <v>18260</v>
      </c>
      <c r="D3611" s="2">
        <v>156439</v>
      </c>
      <c r="E3611" s="1" t="s">
        <v>0</v>
      </c>
    </row>
    <row r="3612" spans="1:5" x14ac:dyDescent="0.25">
      <c r="A3612" s="2">
        <v>722</v>
      </c>
      <c r="B3612" s="2">
        <v>722</v>
      </c>
      <c r="C3612" s="1" t="s">
        <v>0</v>
      </c>
      <c r="D3612" s="2">
        <v>156440</v>
      </c>
      <c r="E3612" s="1" t="s">
        <v>0</v>
      </c>
    </row>
    <row r="3613" spans="1:5" x14ac:dyDescent="0.25">
      <c r="A3613" s="1" t="s">
        <v>664</v>
      </c>
      <c r="B3613" s="1" t="s">
        <v>6027</v>
      </c>
      <c r="C3613" s="1" t="s">
        <v>18261</v>
      </c>
      <c r="D3613" s="2">
        <v>156441</v>
      </c>
      <c r="E3613" s="1" t="s">
        <v>0</v>
      </c>
    </row>
    <row r="3614" spans="1:5" x14ac:dyDescent="0.25">
      <c r="A3614" s="1" t="s">
        <v>18262</v>
      </c>
      <c r="B3614" s="1" t="s">
        <v>63623</v>
      </c>
      <c r="C3614" s="1" t="s">
        <v>18263</v>
      </c>
      <c r="D3614" s="2">
        <v>156442</v>
      </c>
      <c r="E3614" s="1" t="s">
        <v>0</v>
      </c>
    </row>
    <row r="3615" spans="1:5" ht="409.5" x14ac:dyDescent="0.25">
      <c r="A3615" s="4" t="s">
        <v>18264</v>
      </c>
      <c r="B3615" s="1" t="s">
        <v>63624</v>
      </c>
      <c r="C3615" s="1" t="s">
        <v>18265</v>
      </c>
      <c r="D3615" s="2">
        <v>156443</v>
      </c>
      <c r="E3615" s="1" t="s">
        <v>0</v>
      </c>
    </row>
    <row r="3616" spans="1:5" x14ac:dyDescent="0.25">
      <c r="A3616" s="1" t="s">
        <v>18266</v>
      </c>
      <c r="B3616" s="1" t="s">
        <v>51879</v>
      </c>
      <c r="C3616" s="1" t="s">
        <v>18267</v>
      </c>
      <c r="D3616" s="2">
        <v>156444</v>
      </c>
      <c r="E3616" s="1" t="s">
        <v>0</v>
      </c>
    </row>
    <row r="3617" spans="1:5" x14ac:dyDescent="0.25">
      <c r="A3617" s="2">
        <v>723</v>
      </c>
      <c r="B3617" s="2">
        <v>723</v>
      </c>
      <c r="C3617" s="1" t="s">
        <v>0</v>
      </c>
      <c r="D3617" s="2">
        <v>156445</v>
      </c>
      <c r="E3617" s="1" t="s">
        <v>0</v>
      </c>
    </row>
    <row r="3618" spans="1:5" x14ac:dyDescent="0.25">
      <c r="A3618" s="1" t="s">
        <v>665</v>
      </c>
      <c r="B3618" s="1" t="s">
        <v>6028</v>
      </c>
      <c r="C3618" s="1" t="s">
        <v>18268</v>
      </c>
      <c r="D3618" s="2">
        <v>156446</v>
      </c>
      <c r="E3618" s="1" t="s">
        <v>0</v>
      </c>
    </row>
    <row r="3619" spans="1:5" x14ac:dyDescent="0.25">
      <c r="A3619" s="1" t="s">
        <v>18269</v>
      </c>
      <c r="B3619" s="1" t="s">
        <v>51880</v>
      </c>
      <c r="C3619" s="1" t="s">
        <v>18270</v>
      </c>
      <c r="D3619" s="2">
        <v>156447</v>
      </c>
      <c r="E3619" s="1" t="s">
        <v>0</v>
      </c>
    </row>
    <row r="3620" spans="1:5" ht="409.5" x14ac:dyDescent="0.25">
      <c r="A3620" s="4" t="s">
        <v>18271</v>
      </c>
      <c r="B3620" s="1" t="s">
        <v>51881</v>
      </c>
      <c r="C3620" s="1" t="s">
        <v>18272</v>
      </c>
      <c r="D3620" s="2">
        <v>156448</v>
      </c>
      <c r="E3620" s="1" t="s">
        <v>0</v>
      </c>
    </row>
    <row r="3621" spans="1:5" x14ac:dyDescent="0.25">
      <c r="A3621" s="1" t="s">
        <v>18273</v>
      </c>
      <c r="B3621" s="1" t="s">
        <v>6029</v>
      </c>
      <c r="C3621" s="1" t="s">
        <v>18274</v>
      </c>
      <c r="D3621" s="2">
        <v>156449</v>
      </c>
      <c r="E3621" s="1" t="s">
        <v>0</v>
      </c>
    </row>
    <row r="3622" spans="1:5" x14ac:dyDescent="0.25">
      <c r="A3622" s="2">
        <v>724</v>
      </c>
      <c r="B3622" s="2">
        <v>724</v>
      </c>
      <c r="C3622" s="1" t="s">
        <v>0</v>
      </c>
      <c r="D3622" s="2">
        <v>156450</v>
      </c>
      <c r="E3622" s="1" t="s">
        <v>0</v>
      </c>
    </row>
    <row r="3623" spans="1:5" x14ac:dyDescent="0.25">
      <c r="A3623" s="1" t="s">
        <v>666</v>
      </c>
      <c r="B3623" s="1" t="s">
        <v>6030</v>
      </c>
      <c r="C3623" s="1" t="s">
        <v>18275</v>
      </c>
      <c r="D3623" s="2">
        <v>156451</v>
      </c>
      <c r="E3623" s="1" t="s">
        <v>0</v>
      </c>
    </row>
    <row r="3624" spans="1:5" x14ac:dyDescent="0.25">
      <c r="A3624" s="1" t="s">
        <v>18276</v>
      </c>
      <c r="B3624" s="1" t="s">
        <v>50442</v>
      </c>
      <c r="C3624" s="1" t="s">
        <v>18277</v>
      </c>
      <c r="D3624" s="2">
        <v>156452</v>
      </c>
      <c r="E3624" s="1" t="s">
        <v>0</v>
      </c>
    </row>
    <row r="3625" spans="1:5" ht="409.5" x14ac:dyDescent="0.25">
      <c r="A3625" s="4" t="s">
        <v>18278</v>
      </c>
      <c r="B3625" s="1" t="s">
        <v>51882</v>
      </c>
      <c r="C3625" s="1" t="s">
        <v>18279</v>
      </c>
      <c r="D3625" s="2">
        <v>156453</v>
      </c>
      <c r="E3625" s="1" t="s">
        <v>0</v>
      </c>
    </row>
    <row r="3626" spans="1:5" x14ac:dyDescent="0.25">
      <c r="A3626" s="1" t="s">
        <v>18280</v>
      </c>
      <c r="B3626" s="1" t="s">
        <v>57137</v>
      </c>
      <c r="C3626" s="1" t="s">
        <v>18281</v>
      </c>
      <c r="D3626" s="2">
        <v>156454</v>
      </c>
      <c r="E3626" s="1" t="s">
        <v>0</v>
      </c>
    </row>
    <row r="3627" spans="1:5" x14ac:dyDescent="0.25">
      <c r="A3627" s="2">
        <v>725</v>
      </c>
      <c r="B3627" s="2">
        <v>725</v>
      </c>
      <c r="C3627" s="1" t="s">
        <v>0</v>
      </c>
      <c r="D3627" s="2">
        <v>156455</v>
      </c>
      <c r="E3627" s="1" t="s">
        <v>0</v>
      </c>
    </row>
    <row r="3628" spans="1:5" x14ac:dyDescent="0.25">
      <c r="A3628" s="1" t="s">
        <v>667</v>
      </c>
      <c r="B3628" s="1" t="s">
        <v>6031</v>
      </c>
      <c r="C3628" s="1" t="s">
        <v>18282</v>
      </c>
      <c r="D3628" s="2">
        <v>156456</v>
      </c>
      <c r="E3628" s="1" t="s">
        <v>0</v>
      </c>
    </row>
    <row r="3629" spans="1:5" x14ac:dyDescent="0.25">
      <c r="A3629" s="1" t="s">
        <v>18283</v>
      </c>
      <c r="B3629" s="1" t="s">
        <v>51883</v>
      </c>
      <c r="C3629" s="1" t="s">
        <v>18284</v>
      </c>
      <c r="D3629" s="2">
        <v>156457</v>
      </c>
      <c r="E3629" s="1" t="s">
        <v>0</v>
      </c>
    </row>
    <row r="3630" spans="1:5" ht="409.5" x14ac:dyDescent="0.25">
      <c r="A3630" s="4" t="s">
        <v>18285</v>
      </c>
      <c r="B3630" s="1" t="s">
        <v>63625</v>
      </c>
      <c r="C3630" s="1" t="s">
        <v>18286</v>
      </c>
      <c r="D3630" s="2">
        <v>156458</v>
      </c>
      <c r="E3630" s="1" t="s">
        <v>0</v>
      </c>
    </row>
    <row r="3631" spans="1:5" x14ac:dyDescent="0.25">
      <c r="A3631" s="1" t="s">
        <v>13413</v>
      </c>
      <c r="B3631" s="1" t="s">
        <v>60845</v>
      </c>
      <c r="C3631" s="1" t="s">
        <v>13414</v>
      </c>
      <c r="D3631" s="2">
        <v>156459</v>
      </c>
      <c r="E3631" s="1" t="s">
        <v>0</v>
      </c>
    </row>
    <row r="3632" spans="1:5" x14ac:dyDescent="0.25">
      <c r="A3632" s="2">
        <v>726</v>
      </c>
      <c r="B3632" s="2">
        <v>726</v>
      </c>
      <c r="C3632" s="1" t="s">
        <v>0</v>
      </c>
      <c r="D3632" s="2">
        <v>156460</v>
      </c>
      <c r="E3632" s="1" t="s">
        <v>0</v>
      </c>
    </row>
    <row r="3633" spans="1:5" x14ac:dyDescent="0.25">
      <c r="A3633" s="1" t="s">
        <v>668</v>
      </c>
      <c r="B3633" s="1" t="s">
        <v>6032</v>
      </c>
      <c r="C3633" s="1" t="s">
        <v>18287</v>
      </c>
      <c r="D3633" s="2">
        <v>156461</v>
      </c>
      <c r="E3633" s="1" t="s">
        <v>0</v>
      </c>
    </row>
    <row r="3634" spans="1:5" x14ac:dyDescent="0.25">
      <c r="A3634" s="1" t="s">
        <v>18288</v>
      </c>
      <c r="B3634" s="1" t="s">
        <v>58696</v>
      </c>
      <c r="C3634" s="1" t="s">
        <v>18289</v>
      </c>
      <c r="D3634" s="2">
        <v>156462</v>
      </c>
      <c r="E3634" s="1" t="s">
        <v>0</v>
      </c>
    </row>
    <row r="3635" spans="1:5" ht="409.5" x14ac:dyDescent="0.25">
      <c r="A3635" s="4" t="s">
        <v>64001</v>
      </c>
      <c r="B3635" s="1" t="s">
        <v>62087</v>
      </c>
      <c r="C3635" s="1" t="s">
        <v>18290</v>
      </c>
      <c r="D3635" s="2">
        <v>156463</v>
      </c>
      <c r="E3635" s="1" t="s">
        <v>0</v>
      </c>
    </row>
    <row r="3636" spans="1:5" x14ac:dyDescent="0.25">
      <c r="A3636" s="1" t="s">
        <v>18291</v>
      </c>
      <c r="B3636" s="1" t="s">
        <v>6033</v>
      </c>
      <c r="C3636" s="1" t="s">
        <v>18292</v>
      </c>
      <c r="D3636" s="2">
        <v>156464</v>
      </c>
      <c r="E3636" s="1" t="s">
        <v>0</v>
      </c>
    </row>
    <row r="3637" spans="1:5" x14ac:dyDescent="0.25">
      <c r="A3637" s="2">
        <v>727</v>
      </c>
      <c r="B3637" s="2">
        <v>727</v>
      </c>
      <c r="C3637" s="1" t="s">
        <v>0</v>
      </c>
      <c r="D3637" s="2">
        <v>156465</v>
      </c>
      <c r="E3637" s="1" t="s">
        <v>0</v>
      </c>
    </row>
    <row r="3638" spans="1:5" x14ac:dyDescent="0.25">
      <c r="A3638" s="1" t="s">
        <v>669</v>
      </c>
      <c r="B3638" s="1" t="s">
        <v>56912</v>
      </c>
      <c r="C3638" s="1" t="s">
        <v>18293</v>
      </c>
      <c r="D3638" s="2">
        <v>156466</v>
      </c>
      <c r="E3638" s="1" t="s">
        <v>0</v>
      </c>
    </row>
    <row r="3639" spans="1:5" x14ac:dyDescent="0.25">
      <c r="A3639" s="1" t="s">
        <v>18294</v>
      </c>
      <c r="B3639" s="1" t="s">
        <v>62088</v>
      </c>
      <c r="C3639" s="1" t="s">
        <v>18295</v>
      </c>
      <c r="D3639" s="2">
        <v>156467</v>
      </c>
      <c r="E3639" s="1" t="s">
        <v>0</v>
      </c>
    </row>
    <row r="3640" spans="1:5" ht="409.5" x14ac:dyDescent="0.25">
      <c r="A3640" s="4" t="s">
        <v>18296</v>
      </c>
      <c r="B3640" s="1" t="s">
        <v>62089</v>
      </c>
      <c r="C3640" s="1" t="s">
        <v>18297</v>
      </c>
      <c r="D3640" s="2">
        <v>156468</v>
      </c>
      <c r="E3640" s="1" t="s">
        <v>0</v>
      </c>
    </row>
    <row r="3641" spans="1:5" x14ac:dyDescent="0.25">
      <c r="A3641" s="1" t="s">
        <v>18298</v>
      </c>
      <c r="B3641" s="1" t="s">
        <v>51884</v>
      </c>
      <c r="C3641" s="1" t="s">
        <v>18299</v>
      </c>
      <c r="D3641" s="2">
        <v>156469</v>
      </c>
      <c r="E3641" s="1" t="s">
        <v>0</v>
      </c>
    </row>
    <row r="3642" spans="1:5" x14ac:dyDescent="0.25">
      <c r="A3642" s="2">
        <v>728</v>
      </c>
      <c r="B3642" s="2">
        <v>728</v>
      </c>
      <c r="C3642" s="1" t="s">
        <v>0</v>
      </c>
      <c r="D3642" s="2">
        <v>156470</v>
      </c>
      <c r="E3642" s="1" t="s">
        <v>0</v>
      </c>
    </row>
    <row r="3643" spans="1:5" x14ac:dyDescent="0.25">
      <c r="A3643" s="1" t="s">
        <v>13007</v>
      </c>
      <c r="B3643" s="1" t="s">
        <v>6034</v>
      </c>
      <c r="C3643" s="1" t="s">
        <v>18300</v>
      </c>
      <c r="D3643" s="2">
        <v>156471</v>
      </c>
      <c r="E3643" s="1" t="s">
        <v>0</v>
      </c>
    </row>
    <row r="3644" spans="1:5" x14ac:dyDescent="0.25">
      <c r="A3644" s="1" t="s">
        <v>18301</v>
      </c>
      <c r="B3644" s="1" t="s">
        <v>18302</v>
      </c>
      <c r="C3644" s="1" t="s">
        <v>18303</v>
      </c>
      <c r="D3644" s="2">
        <v>156472</v>
      </c>
      <c r="E3644" s="1" t="s">
        <v>0</v>
      </c>
    </row>
    <row r="3645" spans="1:5" ht="409.5" x14ac:dyDescent="0.25">
      <c r="A3645" s="4" t="s">
        <v>18304</v>
      </c>
      <c r="B3645" s="1" t="s">
        <v>56705</v>
      </c>
      <c r="C3645" s="1" t="s">
        <v>18305</v>
      </c>
      <c r="D3645" s="2">
        <v>156473</v>
      </c>
      <c r="E3645" s="1" t="s">
        <v>0</v>
      </c>
    </row>
    <row r="3646" spans="1:5" x14ac:dyDescent="0.25">
      <c r="A3646" s="1" t="s">
        <v>18306</v>
      </c>
      <c r="B3646" s="1" t="s">
        <v>6035</v>
      </c>
      <c r="C3646" s="1" t="s">
        <v>18307</v>
      </c>
      <c r="D3646" s="2">
        <v>156474</v>
      </c>
      <c r="E3646" s="1" t="s">
        <v>0</v>
      </c>
    </row>
    <row r="3647" spans="1:5" x14ac:dyDescent="0.25">
      <c r="A3647" s="2">
        <v>729</v>
      </c>
      <c r="B3647" s="2">
        <v>729</v>
      </c>
      <c r="C3647" s="1" t="s">
        <v>0</v>
      </c>
      <c r="D3647" s="2">
        <v>156475</v>
      </c>
      <c r="E3647" s="1" t="s">
        <v>0</v>
      </c>
    </row>
    <row r="3648" spans="1:5" x14ac:dyDescent="0.25">
      <c r="A3648" s="1" t="s">
        <v>670</v>
      </c>
      <c r="B3648" s="1" t="s">
        <v>6036</v>
      </c>
      <c r="C3648" s="1" t="s">
        <v>18308</v>
      </c>
      <c r="D3648" s="2">
        <v>156476</v>
      </c>
      <c r="E3648" s="1" t="s">
        <v>0</v>
      </c>
    </row>
    <row r="3649" spans="1:5" x14ac:dyDescent="0.25">
      <c r="A3649" s="1" t="s">
        <v>18309</v>
      </c>
      <c r="B3649" s="1" t="s">
        <v>57411</v>
      </c>
      <c r="C3649" s="1" t="s">
        <v>18310</v>
      </c>
      <c r="D3649" s="2">
        <v>156477</v>
      </c>
      <c r="E3649" s="1" t="s">
        <v>0</v>
      </c>
    </row>
    <row r="3650" spans="1:5" ht="409.5" x14ac:dyDescent="0.25">
      <c r="A3650" s="4" t="s">
        <v>18311</v>
      </c>
      <c r="B3650" s="1" t="s">
        <v>58193</v>
      </c>
      <c r="C3650" s="1" t="s">
        <v>18312</v>
      </c>
      <c r="D3650" s="2">
        <v>156478</v>
      </c>
      <c r="E3650" s="1" t="s">
        <v>0</v>
      </c>
    </row>
    <row r="3651" spans="1:5" x14ac:dyDescent="0.25">
      <c r="A3651" s="1" t="s">
        <v>18313</v>
      </c>
      <c r="B3651" s="1" t="s">
        <v>51885</v>
      </c>
      <c r="C3651" s="1" t="s">
        <v>18314</v>
      </c>
      <c r="D3651" s="2">
        <v>156479</v>
      </c>
      <c r="E3651" s="1" t="s">
        <v>0</v>
      </c>
    </row>
    <row r="3652" spans="1:5" x14ac:dyDescent="0.25">
      <c r="A3652" s="2">
        <v>730</v>
      </c>
      <c r="B3652" s="2">
        <v>730</v>
      </c>
      <c r="C3652" s="1" t="s">
        <v>0</v>
      </c>
      <c r="D3652" s="2">
        <v>156480</v>
      </c>
      <c r="E3652" s="1" t="s">
        <v>0</v>
      </c>
    </row>
    <row r="3653" spans="1:5" x14ac:dyDescent="0.25">
      <c r="A3653" s="1" t="s">
        <v>671</v>
      </c>
      <c r="B3653" s="1" t="s">
        <v>50443</v>
      </c>
      <c r="C3653" s="1" t="s">
        <v>18315</v>
      </c>
      <c r="D3653" s="2">
        <v>156481</v>
      </c>
      <c r="E3653" s="1" t="s">
        <v>0</v>
      </c>
    </row>
    <row r="3654" spans="1:5" x14ac:dyDescent="0.25">
      <c r="A3654" s="1" t="s">
        <v>18316</v>
      </c>
      <c r="B3654" s="1" t="s">
        <v>50444</v>
      </c>
      <c r="C3654" s="1" t="s">
        <v>18317</v>
      </c>
      <c r="D3654" s="2">
        <v>156482</v>
      </c>
      <c r="E3654" s="1" t="s">
        <v>0</v>
      </c>
    </row>
    <row r="3655" spans="1:5" ht="409.5" x14ac:dyDescent="0.25">
      <c r="A3655" s="4" t="s">
        <v>18318</v>
      </c>
      <c r="B3655" s="1" t="s">
        <v>51886</v>
      </c>
      <c r="C3655" s="1" t="s">
        <v>18319</v>
      </c>
      <c r="D3655" s="2">
        <v>156483</v>
      </c>
      <c r="E3655" s="1" t="s">
        <v>0</v>
      </c>
    </row>
    <row r="3656" spans="1:5" x14ac:dyDescent="0.25">
      <c r="A3656" s="1" t="s">
        <v>18320</v>
      </c>
      <c r="B3656" s="1" t="s">
        <v>50445</v>
      </c>
      <c r="C3656" s="1" t="s">
        <v>18321</v>
      </c>
      <c r="D3656" s="2">
        <v>156484</v>
      </c>
      <c r="E3656" s="1" t="s">
        <v>0</v>
      </c>
    </row>
    <row r="3657" spans="1:5" x14ac:dyDescent="0.25">
      <c r="A3657" s="2">
        <v>731</v>
      </c>
      <c r="B3657" s="2">
        <v>731</v>
      </c>
      <c r="C3657" s="1" t="s">
        <v>0</v>
      </c>
      <c r="D3657" s="2">
        <v>156485</v>
      </c>
      <c r="E3657" s="1" t="s">
        <v>0</v>
      </c>
    </row>
    <row r="3658" spans="1:5" x14ac:dyDescent="0.25">
      <c r="A3658" s="1" t="s">
        <v>672</v>
      </c>
      <c r="B3658" s="1" t="s">
        <v>6037</v>
      </c>
      <c r="C3658" s="1" t="s">
        <v>18322</v>
      </c>
      <c r="D3658" s="2">
        <v>156486</v>
      </c>
      <c r="E3658" s="1" t="s">
        <v>0</v>
      </c>
    </row>
    <row r="3659" spans="1:5" x14ac:dyDescent="0.25">
      <c r="A3659" s="1" t="s">
        <v>18323</v>
      </c>
      <c r="B3659" s="1" t="s">
        <v>51887</v>
      </c>
      <c r="C3659" s="1" t="s">
        <v>18324</v>
      </c>
      <c r="D3659" s="2">
        <v>156487</v>
      </c>
      <c r="E3659" s="1" t="s">
        <v>0</v>
      </c>
    </row>
    <row r="3660" spans="1:5" ht="409.5" x14ac:dyDescent="0.25">
      <c r="A3660" s="4" t="s">
        <v>18325</v>
      </c>
      <c r="B3660" s="1" t="s">
        <v>56913</v>
      </c>
      <c r="C3660" s="1" t="s">
        <v>18326</v>
      </c>
      <c r="D3660" s="2">
        <v>156488</v>
      </c>
      <c r="E3660" s="1" t="s">
        <v>0</v>
      </c>
    </row>
    <row r="3661" spans="1:5" x14ac:dyDescent="0.25">
      <c r="A3661" s="1" t="s">
        <v>18327</v>
      </c>
      <c r="B3661" s="1" t="s">
        <v>51888</v>
      </c>
      <c r="C3661" s="1" t="s">
        <v>18328</v>
      </c>
      <c r="D3661" s="2">
        <v>156489</v>
      </c>
      <c r="E3661" s="1" t="s">
        <v>0</v>
      </c>
    </row>
    <row r="3662" spans="1:5" x14ac:dyDescent="0.25">
      <c r="A3662" s="2">
        <v>732</v>
      </c>
      <c r="B3662" s="2">
        <v>732</v>
      </c>
      <c r="C3662" s="1" t="s">
        <v>0</v>
      </c>
      <c r="D3662" s="2">
        <v>156490</v>
      </c>
      <c r="E3662" s="1" t="s">
        <v>0</v>
      </c>
    </row>
    <row r="3663" spans="1:5" x14ac:dyDescent="0.25">
      <c r="A3663" s="1" t="s">
        <v>673</v>
      </c>
      <c r="B3663" s="1" t="s">
        <v>6038</v>
      </c>
      <c r="C3663" s="1" t="s">
        <v>18329</v>
      </c>
      <c r="D3663" s="2">
        <v>156491</v>
      </c>
      <c r="E3663" s="1" t="s">
        <v>0</v>
      </c>
    </row>
    <row r="3664" spans="1:5" x14ac:dyDescent="0.25">
      <c r="A3664" s="1" t="s">
        <v>18330</v>
      </c>
      <c r="B3664" s="1" t="s">
        <v>62090</v>
      </c>
      <c r="C3664" s="1" t="s">
        <v>18331</v>
      </c>
      <c r="D3664" s="2">
        <v>156492</v>
      </c>
      <c r="E3664" s="1" t="s">
        <v>0</v>
      </c>
    </row>
    <row r="3665" spans="1:5" ht="409.5" x14ac:dyDescent="0.25">
      <c r="A3665" s="4" t="s">
        <v>18332</v>
      </c>
      <c r="B3665" s="1" t="s">
        <v>62091</v>
      </c>
      <c r="C3665" s="1" t="s">
        <v>18333</v>
      </c>
      <c r="D3665" s="2">
        <v>156493</v>
      </c>
      <c r="E3665" s="1" t="s">
        <v>0</v>
      </c>
    </row>
    <row r="3666" spans="1:5" x14ac:dyDescent="0.25">
      <c r="A3666" s="1" t="s">
        <v>18334</v>
      </c>
      <c r="B3666" s="1" t="s">
        <v>51889</v>
      </c>
      <c r="C3666" s="1" t="s">
        <v>18335</v>
      </c>
      <c r="D3666" s="2">
        <v>156494</v>
      </c>
      <c r="E3666" s="1" t="s">
        <v>0</v>
      </c>
    </row>
    <row r="3667" spans="1:5" x14ac:dyDescent="0.25">
      <c r="A3667" s="2">
        <v>733</v>
      </c>
      <c r="B3667" s="2">
        <v>733</v>
      </c>
      <c r="C3667" s="1" t="s">
        <v>0</v>
      </c>
      <c r="D3667" s="2">
        <v>156495</v>
      </c>
      <c r="E3667" s="1" t="s">
        <v>0</v>
      </c>
    </row>
    <row r="3668" spans="1:5" x14ac:dyDescent="0.25">
      <c r="A3668" s="1" t="s">
        <v>674</v>
      </c>
      <c r="B3668" s="1" t="s">
        <v>6039</v>
      </c>
      <c r="C3668" s="1" t="s">
        <v>18336</v>
      </c>
      <c r="D3668" s="2">
        <v>156496</v>
      </c>
      <c r="E3668" s="1" t="s">
        <v>0</v>
      </c>
    </row>
    <row r="3669" spans="1:5" x14ac:dyDescent="0.25">
      <c r="A3669" s="1" t="s">
        <v>18337</v>
      </c>
      <c r="B3669" s="1" t="s">
        <v>50446</v>
      </c>
      <c r="C3669" s="1" t="s">
        <v>18338</v>
      </c>
      <c r="D3669" s="2">
        <v>156497</v>
      </c>
      <c r="E3669" s="1" t="s">
        <v>0</v>
      </c>
    </row>
    <row r="3670" spans="1:5" ht="409.5" x14ac:dyDescent="0.25">
      <c r="A3670" s="4" t="s">
        <v>18339</v>
      </c>
      <c r="B3670" s="1" t="s">
        <v>50447</v>
      </c>
      <c r="C3670" s="1" t="s">
        <v>18340</v>
      </c>
      <c r="D3670" s="2">
        <v>156498</v>
      </c>
      <c r="E3670" s="1" t="s">
        <v>0</v>
      </c>
    </row>
    <row r="3671" spans="1:5" x14ac:dyDescent="0.25">
      <c r="A3671" s="1" t="s">
        <v>16086</v>
      </c>
      <c r="B3671" s="1" t="s">
        <v>60897</v>
      </c>
      <c r="C3671" s="1" t="s">
        <v>16087</v>
      </c>
      <c r="D3671" s="2">
        <v>156499</v>
      </c>
      <c r="E3671" s="1" t="s">
        <v>0</v>
      </c>
    </row>
    <row r="3672" spans="1:5" x14ac:dyDescent="0.25">
      <c r="A3672" s="2">
        <v>734</v>
      </c>
      <c r="B3672" s="2">
        <v>734</v>
      </c>
      <c r="C3672" s="1" t="s">
        <v>0</v>
      </c>
      <c r="D3672" s="2">
        <v>156500</v>
      </c>
      <c r="E3672" s="1" t="s">
        <v>0</v>
      </c>
    </row>
    <row r="3673" spans="1:5" x14ac:dyDescent="0.25">
      <c r="A3673" s="1" t="s">
        <v>675</v>
      </c>
      <c r="B3673" s="1" t="s">
        <v>6040</v>
      </c>
      <c r="C3673" s="1" t="s">
        <v>18341</v>
      </c>
      <c r="D3673" s="2">
        <v>156501</v>
      </c>
      <c r="E3673" s="1" t="s">
        <v>0</v>
      </c>
    </row>
    <row r="3674" spans="1:5" x14ac:dyDescent="0.25">
      <c r="A3674" s="1" t="s">
        <v>18342</v>
      </c>
      <c r="B3674" s="1" t="s">
        <v>62092</v>
      </c>
      <c r="C3674" s="1" t="s">
        <v>18343</v>
      </c>
      <c r="D3674" s="2">
        <v>156502</v>
      </c>
      <c r="E3674" s="1" t="s">
        <v>0</v>
      </c>
    </row>
    <row r="3675" spans="1:5" ht="409.5" x14ac:dyDescent="0.25">
      <c r="A3675" s="4" t="s">
        <v>18344</v>
      </c>
      <c r="B3675" s="1" t="s">
        <v>62093</v>
      </c>
      <c r="C3675" s="1" t="s">
        <v>18345</v>
      </c>
      <c r="D3675" s="2">
        <v>156503</v>
      </c>
      <c r="E3675" s="1" t="s">
        <v>0</v>
      </c>
    </row>
    <row r="3676" spans="1:5" x14ac:dyDescent="0.25">
      <c r="A3676" s="1" t="s">
        <v>18346</v>
      </c>
      <c r="B3676" s="1" t="s">
        <v>6041</v>
      </c>
      <c r="C3676" s="1" t="s">
        <v>18347</v>
      </c>
      <c r="D3676" s="2">
        <v>156504</v>
      </c>
      <c r="E3676" s="1" t="s">
        <v>0</v>
      </c>
    </row>
    <row r="3677" spans="1:5" x14ac:dyDescent="0.25">
      <c r="A3677" s="2">
        <v>735</v>
      </c>
      <c r="B3677" s="2">
        <v>735</v>
      </c>
      <c r="C3677" s="1" t="s">
        <v>0</v>
      </c>
      <c r="D3677" s="2">
        <v>156505</v>
      </c>
      <c r="E3677" s="1" t="s">
        <v>0</v>
      </c>
    </row>
    <row r="3678" spans="1:5" x14ac:dyDescent="0.25">
      <c r="A3678" s="1" t="s">
        <v>676</v>
      </c>
      <c r="B3678" s="1" t="s">
        <v>6042</v>
      </c>
      <c r="C3678" s="1" t="s">
        <v>18348</v>
      </c>
      <c r="D3678" s="2">
        <v>156506</v>
      </c>
      <c r="E3678" s="1" t="s">
        <v>0</v>
      </c>
    </row>
    <row r="3679" spans="1:5" x14ac:dyDescent="0.25">
      <c r="A3679" s="1" t="s">
        <v>18349</v>
      </c>
      <c r="B3679" s="1" t="s">
        <v>62094</v>
      </c>
      <c r="C3679" s="1" t="s">
        <v>18350</v>
      </c>
      <c r="D3679" s="2">
        <v>156507</v>
      </c>
      <c r="E3679" s="1" t="s">
        <v>0</v>
      </c>
    </row>
    <row r="3680" spans="1:5" ht="409.5" x14ac:dyDescent="0.25">
      <c r="A3680" s="4" t="s">
        <v>18351</v>
      </c>
      <c r="B3680" s="1" t="s">
        <v>62095</v>
      </c>
      <c r="C3680" s="1" t="s">
        <v>18352</v>
      </c>
      <c r="D3680" s="2">
        <v>156508</v>
      </c>
      <c r="E3680" s="1" t="s">
        <v>0</v>
      </c>
    </row>
    <row r="3681" spans="1:5" x14ac:dyDescent="0.25">
      <c r="A3681" s="1" t="s">
        <v>18353</v>
      </c>
      <c r="B3681" s="1" t="s">
        <v>51890</v>
      </c>
      <c r="C3681" s="1" t="s">
        <v>18354</v>
      </c>
      <c r="D3681" s="2">
        <v>156509</v>
      </c>
      <c r="E3681" s="1" t="s">
        <v>0</v>
      </c>
    </row>
    <row r="3682" spans="1:5" x14ac:dyDescent="0.25">
      <c r="A3682" s="2">
        <v>736</v>
      </c>
      <c r="B3682" s="2">
        <v>736</v>
      </c>
      <c r="C3682" s="1" t="s">
        <v>0</v>
      </c>
      <c r="D3682" s="2">
        <v>156510</v>
      </c>
      <c r="E3682" s="1" t="s">
        <v>0</v>
      </c>
    </row>
    <row r="3683" spans="1:5" x14ac:dyDescent="0.25">
      <c r="A3683" s="1" t="s">
        <v>677</v>
      </c>
      <c r="B3683" s="1" t="s">
        <v>6043</v>
      </c>
      <c r="C3683" s="1" t="s">
        <v>18355</v>
      </c>
      <c r="D3683" s="2">
        <v>156511</v>
      </c>
      <c r="E3683" s="1" t="s">
        <v>0</v>
      </c>
    </row>
    <row r="3684" spans="1:5" x14ac:dyDescent="0.25">
      <c r="A3684" s="1" t="s">
        <v>18356</v>
      </c>
      <c r="B3684" s="1" t="s">
        <v>6044</v>
      </c>
      <c r="C3684" s="1" t="s">
        <v>18357</v>
      </c>
      <c r="D3684" s="2">
        <v>156512</v>
      </c>
      <c r="E3684" s="1" t="s">
        <v>0</v>
      </c>
    </row>
    <row r="3685" spans="1:5" ht="409.5" x14ac:dyDescent="0.25">
      <c r="A3685" s="4" t="s">
        <v>18358</v>
      </c>
      <c r="B3685" s="1" t="s">
        <v>6045</v>
      </c>
      <c r="C3685" s="1" t="s">
        <v>18359</v>
      </c>
      <c r="D3685" s="2">
        <v>156513</v>
      </c>
      <c r="E3685" s="1" t="s">
        <v>0</v>
      </c>
    </row>
    <row r="3686" spans="1:5" x14ac:dyDescent="0.25">
      <c r="A3686" s="1" t="s">
        <v>18360</v>
      </c>
      <c r="B3686" s="1" t="s">
        <v>60933</v>
      </c>
      <c r="C3686" s="1" t="s">
        <v>18361</v>
      </c>
      <c r="D3686" s="2">
        <v>156514</v>
      </c>
      <c r="E3686" s="1" t="s">
        <v>0</v>
      </c>
    </row>
    <row r="3687" spans="1:5" x14ac:dyDescent="0.25">
      <c r="A3687" s="2">
        <v>737</v>
      </c>
      <c r="B3687" s="2">
        <v>737</v>
      </c>
      <c r="C3687" s="1" t="s">
        <v>0</v>
      </c>
      <c r="D3687" s="2">
        <v>156515</v>
      </c>
      <c r="E3687" s="1" t="s">
        <v>0</v>
      </c>
    </row>
    <row r="3688" spans="1:5" x14ac:dyDescent="0.25">
      <c r="A3688" s="1" t="s">
        <v>678</v>
      </c>
      <c r="B3688" s="1" t="s">
        <v>6046</v>
      </c>
      <c r="C3688" s="1" t="s">
        <v>18362</v>
      </c>
      <c r="D3688" s="2">
        <v>156516</v>
      </c>
      <c r="E3688" s="1" t="s">
        <v>0</v>
      </c>
    </row>
    <row r="3689" spans="1:5" x14ac:dyDescent="0.25">
      <c r="A3689" s="1" t="s">
        <v>18363</v>
      </c>
      <c r="B3689" s="1" t="s">
        <v>51891</v>
      </c>
      <c r="C3689" s="1" t="s">
        <v>18364</v>
      </c>
      <c r="D3689" s="2">
        <v>156517</v>
      </c>
      <c r="E3689" s="1" t="s">
        <v>0</v>
      </c>
    </row>
    <row r="3690" spans="1:5" ht="409.5" x14ac:dyDescent="0.25">
      <c r="A3690" s="4" t="s">
        <v>64002</v>
      </c>
      <c r="B3690" s="1" t="s">
        <v>51892</v>
      </c>
      <c r="C3690" s="1" t="s">
        <v>18365</v>
      </c>
      <c r="D3690" s="2">
        <v>156518</v>
      </c>
      <c r="E3690" s="1" t="s">
        <v>0</v>
      </c>
    </row>
    <row r="3691" spans="1:5" x14ac:dyDescent="0.25">
      <c r="A3691" s="1" t="s">
        <v>18366</v>
      </c>
      <c r="B3691" s="1" t="s">
        <v>51893</v>
      </c>
      <c r="C3691" s="1" t="s">
        <v>18367</v>
      </c>
      <c r="D3691" s="2">
        <v>156519</v>
      </c>
      <c r="E3691" s="1" t="s">
        <v>0</v>
      </c>
    </row>
    <row r="3692" spans="1:5" x14ac:dyDescent="0.25">
      <c r="A3692" s="2">
        <v>738</v>
      </c>
      <c r="B3692" s="2">
        <v>738</v>
      </c>
      <c r="C3692" s="1" t="s">
        <v>0</v>
      </c>
      <c r="D3692" s="2">
        <v>156520</v>
      </c>
      <c r="E3692" s="1" t="s">
        <v>0</v>
      </c>
    </row>
    <row r="3693" spans="1:5" x14ac:dyDescent="0.25">
      <c r="A3693" s="1" t="s">
        <v>679</v>
      </c>
      <c r="B3693" s="1" t="s">
        <v>58194</v>
      </c>
      <c r="C3693" s="1" t="s">
        <v>18368</v>
      </c>
      <c r="D3693" s="2">
        <v>156521</v>
      </c>
      <c r="E3693" s="1" t="s">
        <v>0</v>
      </c>
    </row>
    <row r="3694" spans="1:5" x14ac:dyDescent="0.25">
      <c r="A3694" s="1" t="s">
        <v>18369</v>
      </c>
      <c r="B3694" s="1" t="s">
        <v>62096</v>
      </c>
      <c r="C3694" s="1" t="s">
        <v>18370</v>
      </c>
      <c r="D3694" s="2">
        <v>156522</v>
      </c>
      <c r="E3694" s="1" t="s">
        <v>0</v>
      </c>
    </row>
    <row r="3695" spans="1:5" ht="409.5" x14ac:dyDescent="0.25">
      <c r="A3695" s="4" t="s">
        <v>18371</v>
      </c>
      <c r="B3695" s="1" t="s">
        <v>62097</v>
      </c>
      <c r="C3695" s="1" t="s">
        <v>18372</v>
      </c>
      <c r="D3695" s="2">
        <v>156523</v>
      </c>
      <c r="E3695" s="1" t="s">
        <v>0</v>
      </c>
    </row>
    <row r="3696" spans="1:5" x14ac:dyDescent="0.25">
      <c r="A3696" s="1" t="s">
        <v>18373</v>
      </c>
      <c r="B3696" s="1" t="s">
        <v>58195</v>
      </c>
      <c r="C3696" s="1" t="s">
        <v>18374</v>
      </c>
      <c r="D3696" s="2">
        <v>156524</v>
      </c>
      <c r="E3696" s="1" t="s">
        <v>0</v>
      </c>
    </row>
    <row r="3697" spans="1:5" x14ac:dyDescent="0.25">
      <c r="A3697" s="2">
        <v>739</v>
      </c>
      <c r="B3697" s="2">
        <v>739</v>
      </c>
      <c r="C3697" s="1" t="s">
        <v>0</v>
      </c>
      <c r="D3697" s="2">
        <v>156525</v>
      </c>
      <c r="E3697" s="1" t="s">
        <v>0</v>
      </c>
    </row>
    <row r="3698" spans="1:5" x14ac:dyDescent="0.25">
      <c r="A3698" s="1" t="s">
        <v>680</v>
      </c>
      <c r="B3698" s="1" t="s">
        <v>6047</v>
      </c>
      <c r="C3698" s="1" t="s">
        <v>18375</v>
      </c>
      <c r="D3698" s="2">
        <v>156526</v>
      </c>
      <c r="E3698" s="1" t="s">
        <v>0</v>
      </c>
    </row>
    <row r="3699" spans="1:5" x14ac:dyDescent="0.25">
      <c r="A3699" s="1" t="s">
        <v>18376</v>
      </c>
      <c r="B3699" s="1" t="s">
        <v>6048</v>
      </c>
      <c r="C3699" s="1" t="s">
        <v>18377</v>
      </c>
      <c r="D3699" s="2">
        <v>156527</v>
      </c>
      <c r="E3699" s="1" t="s">
        <v>0</v>
      </c>
    </row>
    <row r="3700" spans="1:5" ht="409.5" x14ac:dyDescent="0.25">
      <c r="A3700" s="4" t="s">
        <v>18378</v>
      </c>
      <c r="B3700" s="1" t="s">
        <v>57412</v>
      </c>
      <c r="C3700" s="1" t="s">
        <v>18379</v>
      </c>
      <c r="D3700" s="2">
        <v>156528</v>
      </c>
      <c r="E3700" s="1" t="s">
        <v>0</v>
      </c>
    </row>
    <row r="3701" spans="1:5" x14ac:dyDescent="0.25">
      <c r="A3701" s="1" t="s">
        <v>18380</v>
      </c>
      <c r="B3701" s="1" t="s">
        <v>51894</v>
      </c>
      <c r="C3701" s="1" t="s">
        <v>18381</v>
      </c>
      <c r="D3701" s="2">
        <v>156529</v>
      </c>
      <c r="E3701" s="1" t="s">
        <v>0</v>
      </c>
    </row>
    <row r="3702" spans="1:5" x14ac:dyDescent="0.25">
      <c r="A3702" s="2">
        <v>740</v>
      </c>
      <c r="B3702" s="2">
        <v>740</v>
      </c>
      <c r="C3702" s="1" t="s">
        <v>0</v>
      </c>
      <c r="D3702" s="2">
        <v>156530</v>
      </c>
      <c r="E3702" s="1" t="s">
        <v>0</v>
      </c>
    </row>
    <row r="3703" spans="1:5" x14ac:dyDescent="0.25">
      <c r="A3703" s="1" t="s">
        <v>681</v>
      </c>
      <c r="B3703" s="1" t="s">
        <v>51895</v>
      </c>
      <c r="C3703" s="1" t="s">
        <v>18382</v>
      </c>
      <c r="D3703" s="2">
        <v>156531</v>
      </c>
      <c r="E3703" s="1" t="s">
        <v>0</v>
      </c>
    </row>
    <row r="3704" spans="1:5" x14ac:dyDescent="0.25">
      <c r="A3704" s="1" t="s">
        <v>18383</v>
      </c>
      <c r="B3704" s="1" t="s">
        <v>50448</v>
      </c>
      <c r="C3704" s="1" t="s">
        <v>18384</v>
      </c>
      <c r="D3704" s="2">
        <v>156532</v>
      </c>
      <c r="E3704" s="1" t="s">
        <v>0</v>
      </c>
    </row>
    <row r="3705" spans="1:5" ht="409.5" x14ac:dyDescent="0.25">
      <c r="A3705" s="4" t="s">
        <v>18385</v>
      </c>
      <c r="B3705" s="1" t="s">
        <v>50449</v>
      </c>
      <c r="C3705" s="1" t="s">
        <v>18386</v>
      </c>
      <c r="D3705" s="2">
        <v>156533</v>
      </c>
      <c r="E3705" s="1" t="s">
        <v>0</v>
      </c>
    </row>
    <row r="3706" spans="1:5" x14ac:dyDescent="0.25">
      <c r="A3706" s="1" t="s">
        <v>18387</v>
      </c>
      <c r="B3706" s="1" t="s">
        <v>51896</v>
      </c>
      <c r="C3706" s="1" t="s">
        <v>18388</v>
      </c>
      <c r="D3706" s="2">
        <v>156534</v>
      </c>
      <c r="E3706" s="1" t="s">
        <v>0</v>
      </c>
    </row>
    <row r="3707" spans="1:5" x14ac:dyDescent="0.25">
      <c r="A3707" s="2">
        <v>741</v>
      </c>
      <c r="B3707" s="2">
        <v>741</v>
      </c>
      <c r="C3707" s="1" t="s">
        <v>0</v>
      </c>
      <c r="D3707" s="2">
        <v>156535</v>
      </c>
      <c r="E3707" s="1" t="s">
        <v>0</v>
      </c>
    </row>
    <row r="3708" spans="1:5" x14ac:dyDescent="0.25">
      <c r="A3708" s="1" t="s">
        <v>682</v>
      </c>
      <c r="B3708" s="1" t="s">
        <v>58196</v>
      </c>
      <c r="C3708" s="1" t="s">
        <v>18389</v>
      </c>
      <c r="D3708" s="2">
        <v>156536</v>
      </c>
      <c r="E3708" s="1" t="s">
        <v>0</v>
      </c>
    </row>
    <row r="3709" spans="1:5" x14ac:dyDescent="0.25">
      <c r="A3709" s="1" t="s">
        <v>18390</v>
      </c>
      <c r="B3709" s="1" t="s">
        <v>58197</v>
      </c>
      <c r="C3709" s="1" t="s">
        <v>18391</v>
      </c>
      <c r="D3709" s="2">
        <v>156537</v>
      </c>
      <c r="E3709" s="1" t="s">
        <v>0</v>
      </c>
    </row>
    <row r="3710" spans="1:5" ht="409.5" x14ac:dyDescent="0.25">
      <c r="A3710" s="4" t="s">
        <v>18392</v>
      </c>
      <c r="B3710" s="1" t="s">
        <v>60566</v>
      </c>
      <c r="C3710" s="1" t="s">
        <v>18393</v>
      </c>
      <c r="D3710" s="2">
        <v>156538</v>
      </c>
      <c r="E3710" s="1" t="s">
        <v>0</v>
      </c>
    </row>
    <row r="3711" spans="1:5" x14ac:dyDescent="0.25">
      <c r="A3711" s="1" t="s">
        <v>18394</v>
      </c>
      <c r="B3711" s="1" t="s">
        <v>58198</v>
      </c>
      <c r="C3711" s="1" t="s">
        <v>18395</v>
      </c>
      <c r="D3711" s="2">
        <v>156539</v>
      </c>
      <c r="E3711" s="1" t="s">
        <v>0</v>
      </c>
    </row>
    <row r="3712" spans="1:5" x14ac:dyDescent="0.25">
      <c r="A3712" s="2">
        <v>742</v>
      </c>
      <c r="B3712" s="2">
        <v>742</v>
      </c>
      <c r="C3712" s="1" t="s">
        <v>0</v>
      </c>
      <c r="D3712" s="2">
        <v>156540</v>
      </c>
      <c r="E3712" s="1" t="s">
        <v>0</v>
      </c>
    </row>
    <row r="3713" spans="1:5" x14ac:dyDescent="0.25">
      <c r="A3713" s="1" t="s">
        <v>683</v>
      </c>
      <c r="B3713" s="1" t="s">
        <v>6049</v>
      </c>
      <c r="C3713" s="1" t="s">
        <v>18396</v>
      </c>
      <c r="D3713" s="2">
        <v>156541</v>
      </c>
      <c r="E3713" s="1" t="s">
        <v>0</v>
      </c>
    </row>
    <row r="3714" spans="1:5" x14ac:dyDescent="0.25">
      <c r="A3714" s="1" t="s">
        <v>18397</v>
      </c>
      <c r="B3714" s="1" t="s">
        <v>51897</v>
      </c>
      <c r="C3714" s="1" t="s">
        <v>18398</v>
      </c>
      <c r="D3714" s="2">
        <v>156542</v>
      </c>
      <c r="E3714" s="1" t="s">
        <v>0</v>
      </c>
    </row>
    <row r="3715" spans="1:5" ht="409.5" x14ac:dyDescent="0.25">
      <c r="A3715" s="4" t="s">
        <v>18399</v>
      </c>
      <c r="B3715" s="1" t="s">
        <v>51898</v>
      </c>
      <c r="C3715" s="1" t="s">
        <v>18400</v>
      </c>
      <c r="D3715" s="2">
        <v>156543</v>
      </c>
      <c r="E3715" s="1" t="s">
        <v>0</v>
      </c>
    </row>
    <row r="3716" spans="1:5" x14ac:dyDescent="0.25">
      <c r="A3716" s="1" t="s">
        <v>18401</v>
      </c>
      <c r="B3716" s="1" t="s">
        <v>6050</v>
      </c>
      <c r="C3716" s="1" t="s">
        <v>18402</v>
      </c>
      <c r="D3716" s="2">
        <v>156544</v>
      </c>
      <c r="E3716" s="1" t="s">
        <v>0</v>
      </c>
    </row>
    <row r="3717" spans="1:5" x14ac:dyDescent="0.25">
      <c r="A3717" s="2">
        <v>743</v>
      </c>
      <c r="B3717" s="2">
        <v>743</v>
      </c>
      <c r="C3717" s="1" t="s">
        <v>0</v>
      </c>
      <c r="D3717" s="2">
        <v>156545</v>
      </c>
      <c r="E3717" s="1" t="s">
        <v>0</v>
      </c>
    </row>
    <row r="3718" spans="1:5" x14ac:dyDescent="0.25">
      <c r="A3718" s="1" t="s">
        <v>684</v>
      </c>
      <c r="B3718" s="1" t="s">
        <v>50450</v>
      </c>
      <c r="C3718" s="1" t="s">
        <v>18403</v>
      </c>
      <c r="D3718" s="2">
        <v>156546</v>
      </c>
      <c r="E3718" s="1" t="s">
        <v>0</v>
      </c>
    </row>
    <row r="3719" spans="1:5" x14ac:dyDescent="0.25">
      <c r="A3719" s="1" t="s">
        <v>18404</v>
      </c>
      <c r="B3719" s="1" t="s">
        <v>58199</v>
      </c>
      <c r="C3719" s="1" t="s">
        <v>18405</v>
      </c>
      <c r="D3719" s="2">
        <v>156547</v>
      </c>
      <c r="E3719" s="1" t="s">
        <v>0</v>
      </c>
    </row>
    <row r="3720" spans="1:5" ht="409.5" x14ac:dyDescent="0.25">
      <c r="A3720" s="4" t="s">
        <v>18406</v>
      </c>
      <c r="B3720" s="1" t="s">
        <v>58902</v>
      </c>
      <c r="C3720" s="1" t="s">
        <v>18407</v>
      </c>
      <c r="D3720" s="2">
        <v>156548</v>
      </c>
      <c r="E3720" s="1" t="s">
        <v>0</v>
      </c>
    </row>
    <row r="3721" spans="1:5" x14ac:dyDescent="0.25">
      <c r="A3721" s="1" t="s">
        <v>18408</v>
      </c>
      <c r="B3721" s="1" t="s">
        <v>60934</v>
      </c>
      <c r="C3721" s="1" t="s">
        <v>18409</v>
      </c>
      <c r="D3721" s="2">
        <v>156549</v>
      </c>
      <c r="E3721" s="1" t="s">
        <v>0</v>
      </c>
    </row>
    <row r="3722" spans="1:5" x14ac:dyDescent="0.25">
      <c r="A3722" s="2">
        <v>744</v>
      </c>
      <c r="B3722" s="2">
        <v>744</v>
      </c>
      <c r="C3722" s="1" t="s">
        <v>0</v>
      </c>
      <c r="D3722" s="2">
        <v>156550</v>
      </c>
      <c r="E3722" s="1" t="s">
        <v>0</v>
      </c>
    </row>
    <row r="3723" spans="1:5" x14ac:dyDescent="0.25">
      <c r="A3723" s="1" t="s">
        <v>685</v>
      </c>
      <c r="B3723" s="1" t="s">
        <v>6051</v>
      </c>
      <c r="C3723" s="1" t="s">
        <v>18410</v>
      </c>
      <c r="D3723" s="2">
        <v>156551</v>
      </c>
      <c r="E3723" s="1" t="s">
        <v>0</v>
      </c>
    </row>
    <row r="3724" spans="1:5" x14ac:dyDescent="0.25">
      <c r="A3724" s="1" t="s">
        <v>18411</v>
      </c>
      <c r="B3724" s="1" t="s">
        <v>51899</v>
      </c>
      <c r="C3724" s="1" t="s">
        <v>18412</v>
      </c>
      <c r="D3724" s="2">
        <v>156552</v>
      </c>
      <c r="E3724" s="1" t="s">
        <v>0</v>
      </c>
    </row>
    <row r="3725" spans="1:5" ht="409.5" x14ac:dyDescent="0.25">
      <c r="A3725" s="4" t="s">
        <v>18413</v>
      </c>
      <c r="B3725" s="1" t="s">
        <v>51900</v>
      </c>
      <c r="C3725" s="1" t="s">
        <v>18414</v>
      </c>
      <c r="D3725" s="2">
        <v>156553</v>
      </c>
      <c r="E3725" s="1" t="s">
        <v>0</v>
      </c>
    </row>
    <row r="3726" spans="1:5" x14ac:dyDescent="0.25">
      <c r="A3726" s="1" t="s">
        <v>18415</v>
      </c>
      <c r="B3726" s="1" t="s">
        <v>51901</v>
      </c>
      <c r="C3726" s="1" t="s">
        <v>18416</v>
      </c>
      <c r="D3726" s="2">
        <v>156554</v>
      </c>
      <c r="E3726" s="1" t="s">
        <v>0</v>
      </c>
    </row>
    <row r="3727" spans="1:5" x14ac:dyDescent="0.25">
      <c r="A3727" s="2">
        <v>745</v>
      </c>
      <c r="B3727" s="2">
        <v>745</v>
      </c>
      <c r="C3727" s="1" t="s">
        <v>0</v>
      </c>
      <c r="D3727" s="2">
        <v>156555</v>
      </c>
      <c r="E3727" s="1" t="s">
        <v>0</v>
      </c>
    </row>
    <row r="3728" spans="1:5" x14ac:dyDescent="0.25">
      <c r="A3728" s="1" t="s">
        <v>686</v>
      </c>
      <c r="B3728" s="1" t="s">
        <v>6052</v>
      </c>
      <c r="C3728" s="1" t="s">
        <v>18417</v>
      </c>
      <c r="D3728" s="2">
        <v>156556</v>
      </c>
      <c r="E3728" s="1" t="s">
        <v>0</v>
      </c>
    </row>
    <row r="3729" spans="1:5" x14ac:dyDescent="0.25">
      <c r="A3729" s="1" t="s">
        <v>18418</v>
      </c>
      <c r="B3729" s="1" t="s">
        <v>6053</v>
      </c>
      <c r="C3729" s="1" t="s">
        <v>18419</v>
      </c>
      <c r="D3729" s="2">
        <v>156557</v>
      </c>
      <c r="E3729" s="1" t="s">
        <v>0</v>
      </c>
    </row>
    <row r="3730" spans="1:5" ht="409.5" x14ac:dyDescent="0.25">
      <c r="A3730" s="4" t="s">
        <v>18420</v>
      </c>
      <c r="B3730" s="1" t="s">
        <v>62098</v>
      </c>
      <c r="C3730" s="1" t="s">
        <v>18421</v>
      </c>
      <c r="D3730" s="2">
        <v>156558</v>
      </c>
      <c r="E3730" s="1" t="s">
        <v>0</v>
      </c>
    </row>
    <row r="3731" spans="1:5" x14ac:dyDescent="0.25">
      <c r="A3731" s="1" t="s">
        <v>18422</v>
      </c>
      <c r="B3731" s="1" t="s">
        <v>51902</v>
      </c>
      <c r="C3731" s="1" t="s">
        <v>18423</v>
      </c>
      <c r="D3731" s="2">
        <v>156559</v>
      </c>
      <c r="E3731" s="1" t="s">
        <v>0</v>
      </c>
    </row>
    <row r="3732" spans="1:5" x14ac:dyDescent="0.25">
      <c r="A3732" s="2">
        <v>746</v>
      </c>
      <c r="B3732" s="2">
        <v>746</v>
      </c>
      <c r="C3732" s="1" t="s">
        <v>0</v>
      </c>
      <c r="D3732" s="2">
        <v>156560</v>
      </c>
      <c r="E3732" s="1" t="s">
        <v>0</v>
      </c>
    </row>
    <row r="3733" spans="1:5" x14ac:dyDescent="0.25">
      <c r="A3733" s="1" t="s">
        <v>687</v>
      </c>
      <c r="B3733" s="1" t="s">
        <v>6054</v>
      </c>
      <c r="C3733" s="1" t="s">
        <v>18424</v>
      </c>
      <c r="D3733" s="2">
        <v>156561</v>
      </c>
      <c r="E3733" s="1" t="s">
        <v>0</v>
      </c>
    </row>
    <row r="3734" spans="1:5" x14ac:dyDescent="0.25">
      <c r="A3734" s="1" t="s">
        <v>18425</v>
      </c>
      <c r="B3734" s="1" t="s">
        <v>58200</v>
      </c>
      <c r="C3734" s="1" t="s">
        <v>18426</v>
      </c>
      <c r="D3734" s="2">
        <v>156562</v>
      </c>
      <c r="E3734" s="1" t="s">
        <v>0</v>
      </c>
    </row>
    <row r="3735" spans="1:5" ht="409.5" x14ac:dyDescent="0.25">
      <c r="A3735" s="4" t="s">
        <v>18427</v>
      </c>
      <c r="B3735" s="1" t="s">
        <v>58201</v>
      </c>
      <c r="C3735" s="1" t="s">
        <v>18428</v>
      </c>
      <c r="D3735" s="2">
        <v>156563</v>
      </c>
      <c r="E3735" s="1" t="s">
        <v>0</v>
      </c>
    </row>
    <row r="3736" spans="1:5" x14ac:dyDescent="0.25">
      <c r="A3736" s="1" t="s">
        <v>18429</v>
      </c>
      <c r="B3736" s="1" t="s">
        <v>6055</v>
      </c>
      <c r="C3736" s="1" t="s">
        <v>18430</v>
      </c>
      <c r="D3736" s="2">
        <v>156564</v>
      </c>
      <c r="E3736" s="1" t="s">
        <v>0</v>
      </c>
    </row>
    <row r="3737" spans="1:5" x14ac:dyDescent="0.25">
      <c r="A3737" s="2">
        <v>747</v>
      </c>
      <c r="B3737" s="2">
        <v>747</v>
      </c>
      <c r="C3737" s="1" t="s">
        <v>0</v>
      </c>
      <c r="D3737" s="2">
        <v>156565</v>
      </c>
      <c r="E3737" s="1" t="s">
        <v>0</v>
      </c>
    </row>
    <row r="3738" spans="1:5" x14ac:dyDescent="0.25">
      <c r="A3738" s="1" t="s">
        <v>688</v>
      </c>
      <c r="B3738" s="1" t="s">
        <v>6056</v>
      </c>
      <c r="C3738" s="1" t="s">
        <v>18431</v>
      </c>
      <c r="D3738" s="2">
        <v>156566</v>
      </c>
      <c r="E3738" s="1" t="s">
        <v>0</v>
      </c>
    </row>
    <row r="3739" spans="1:5" x14ac:dyDescent="0.25">
      <c r="A3739" s="1" t="s">
        <v>18432</v>
      </c>
      <c r="B3739" s="1" t="s">
        <v>6057</v>
      </c>
      <c r="C3739" s="1" t="s">
        <v>18433</v>
      </c>
      <c r="D3739" s="2">
        <v>156567</v>
      </c>
      <c r="E3739" s="1" t="s">
        <v>0</v>
      </c>
    </row>
    <row r="3740" spans="1:5" ht="409.5" x14ac:dyDescent="0.25">
      <c r="A3740" s="4" t="s">
        <v>18434</v>
      </c>
      <c r="B3740" s="1" t="s">
        <v>6058</v>
      </c>
      <c r="C3740" s="1" t="s">
        <v>18435</v>
      </c>
      <c r="D3740" s="2">
        <v>156568</v>
      </c>
      <c r="E3740" s="1" t="s">
        <v>0</v>
      </c>
    </row>
    <row r="3741" spans="1:5" x14ac:dyDescent="0.25">
      <c r="A3741" s="1" t="s">
        <v>18436</v>
      </c>
      <c r="B3741" s="1" t="s">
        <v>51903</v>
      </c>
      <c r="C3741" s="1" t="s">
        <v>18437</v>
      </c>
      <c r="D3741" s="2">
        <v>156569</v>
      </c>
      <c r="E3741" s="1" t="s">
        <v>0</v>
      </c>
    </row>
    <row r="3742" spans="1:5" x14ac:dyDescent="0.25">
      <c r="A3742" s="2">
        <v>748</v>
      </c>
      <c r="B3742" s="2">
        <v>748</v>
      </c>
      <c r="C3742" s="1" t="s">
        <v>0</v>
      </c>
      <c r="D3742" s="2">
        <v>156570</v>
      </c>
      <c r="E3742" s="1" t="s">
        <v>0</v>
      </c>
    </row>
    <row r="3743" spans="1:5" x14ac:dyDescent="0.25">
      <c r="A3743" s="1" t="s">
        <v>689</v>
      </c>
      <c r="B3743" s="1" t="s">
        <v>59797</v>
      </c>
      <c r="C3743" s="1" t="s">
        <v>18438</v>
      </c>
      <c r="D3743" s="2">
        <v>156571</v>
      </c>
      <c r="E3743" s="1" t="s">
        <v>0</v>
      </c>
    </row>
    <row r="3744" spans="1:5" x14ac:dyDescent="0.25">
      <c r="A3744" s="1" t="s">
        <v>18439</v>
      </c>
      <c r="B3744" s="1" t="s">
        <v>51904</v>
      </c>
      <c r="C3744" s="1" t="s">
        <v>18440</v>
      </c>
      <c r="D3744" s="2">
        <v>156572</v>
      </c>
      <c r="E3744" s="1" t="s">
        <v>0</v>
      </c>
    </row>
    <row r="3745" spans="1:5" ht="409.5" x14ac:dyDescent="0.25">
      <c r="A3745" s="4" t="s">
        <v>18441</v>
      </c>
      <c r="B3745" s="1" t="s">
        <v>51905</v>
      </c>
      <c r="C3745" s="1" t="s">
        <v>18442</v>
      </c>
      <c r="D3745" s="2">
        <v>156573</v>
      </c>
      <c r="E3745" s="1" t="s">
        <v>0</v>
      </c>
    </row>
    <row r="3746" spans="1:5" x14ac:dyDescent="0.25">
      <c r="A3746" s="1" t="s">
        <v>18443</v>
      </c>
      <c r="B3746" s="1" t="s">
        <v>51906</v>
      </c>
      <c r="C3746" s="1" t="s">
        <v>18444</v>
      </c>
      <c r="D3746" s="2">
        <v>156574</v>
      </c>
      <c r="E3746" s="1" t="s">
        <v>0</v>
      </c>
    </row>
    <row r="3747" spans="1:5" x14ac:dyDescent="0.25">
      <c r="A3747" s="2">
        <v>749</v>
      </c>
      <c r="B3747" s="2">
        <v>749</v>
      </c>
      <c r="C3747" s="1" t="s">
        <v>0</v>
      </c>
      <c r="D3747" s="2">
        <v>156575</v>
      </c>
      <c r="E3747" s="1" t="s">
        <v>0</v>
      </c>
    </row>
    <row r="3748" spans="1:5" x14ac:dyDescent="0.25">
      <c r="A3748" s="1" t="s">
        <v>690</v>
      </c>
      <c r="B3748" s="1" t="s">
        <v>6059</v>
      </c>
      <c r="C3748" s="1" t="s">
        <v>18445</v>
      </c>
      <c r="D3748" s="2">
        <v>156576</v>
      </c>
      <c r="E3748" s="1" t="s">
        <v>0</v>
      </c>
    </row>
    <row r="3749" spans="1:5" x14ac:dyDescent="0.25">
      <c r="A3749" s="1" t="s">
        <v>18446</v>
      </c>
      <c r="B3749" s="1" t="s">
        <v>51907</v>
      </c>
      <c r="C3749" s="1" t="s">
        <v>18447</v>
      </c>
      <c r="D3749" s="2">
        <v>156577</v>
      </c>
      <c r="E3749" s="1" t="s">
        <v>0</v>
      </c>
    </row>
    <row r="3750" spans="1:5" ht="409.5" x14ac:dyDescent="0.25">
      <c r="A3750" s="4" t="s">
        <v>18448</v>
      </c>
      <c r="B3750" s="1" t="s">
        <v>51908</v>
      </c>
      <c r="C3750" s="1" t="s">
        <v>18449</v>
      </c>
      <c r="D3750" s="2">
        <v>156578</v>
      </c>
      <c r="E3750" s="1" t="s">
        <v>0</v>
      </c>
    </row>
    <row r="3751" spans="1:5" x14ac:dyDescent="0.25">
      <c r="A3751" s="1" t="s">
        <v>18450</v>
      </c>
      <c r="B3751" s="1" t="s">
        <v>51909</v>
      </c>
      <c r="C3751" s="1" t="s">
        <v>18451</v>
      </c>
      <c r="D3751" s="2">
        <v>156579</v>
      </c>
      <c r="E3751" s="1" t="s">
        <v>0</v>
      </c>
    </row>
    <row r="3752" spans="1:5" x14ac:dyDescent="0.25">
      <c r="A3752" s="2">
        <v>750</v>
      </c>
      <c r="B3752" s="2">
        <v>750</v>
      </c>
      <c r="C3752" s="1" t="s">
        <v>0</v>
      </c>
      <c r="D3752" s="2">
        <v>156580</v>
      </c>
      <c r="E3752" s="1" t="s">
        <v>0</v>
      </c>
    </row>
    <row r="3753" spans="1:5" x14ac:dyDescent="0.25">
      <c r="A3753" s="1" t="s">
        <v>691</v>
      </c>
      <c r="B3753" s="1" t="s">
        <v>50451</v>
      </c>
      <c r="C3753" s="1" t="s">
        <v>18452</v>
      </c>
      <c r="D3753" s="2">
        <v>156581</v>
      </c>
      <c r="E3753" s="1" t="s">
        <v>0</v>
      </c>
    </row>
    <row r="3754" spans="1:5" x14ac:dyDescent="0.25">
      <c r="A3754" s="1" t="s">
        <v>18453</v>
      </c>
      <c r="B3754" s="1" t="s">
        <v>51910</v>
      </c>
      <c r="C3754" s="1" t="s">
        <v>18454</v>
      </c>
      <c r="D3754" s="2">
        <v>156582</v>
      </c>
      <c r="E3754" s="1" t="s">
        <v>0</v>
      </c>
    </row>
    <row r="3755" spans="1:5" ht="409.5" x14ac:dyDescent="0.25">
      <c r="A3755" s="4" t="s">
        <v>18455</v>
      </c>
      <c r="B3755" s="1" t="s">
        <v>51911</v>
      </c>
      <c r="C3755" s="1" t="s">
        <v>18456</v>
      </c>
      <c r="D3755" s="2">
        <v>156583</v>
      </c>
      <c r="E3755" s="1" t="s">
        <v>0</v>
      </c>
    </row>
    <row r="3756" spans="1:5" x14ac:dyDescent="0.25">
      <c r="A3756" s="1" t="s">
        <v>18457</v>
      </c>
      <c r="B3756" s="1" t="s">
        <v>51912</v>
      </c>
      <c r="C3756" s="1" t="s">
        <v>18458</v>
      </c>
      <c r="D3756" s="2">
        <v>156584</v>
      </c>
      <c r="E3756" s="1" t="s">
        <v>0</v>
      </c>
    </row>
    <row r="3757" spans="1:5" x14ac:dyDescent="0.25">
      <c r="A3757" s="2">
        <v>751</v>
      </c>
      <c r="B3757" s="2">
        <v>751</v>
      </c>
      <c r="C3757" s="1" t="s">
        <v>0</v>
      </c>
      <c r="D3757" s="2">
        <v>156585</v>
      </c>
      <c r="E3757" s="1" t="s">
        <v>0</v>
      </c>
    </row>
    <row r="3758" spans="1:5" x14ac:dyDescent="0.25">
      <c r="A3758" s="1" t="s">
        <v>692</v>
      </c>
      <c r="B3758" s="1" t="s">
        <v>6060</v>
      </c>
      <c r="C3758" s="1" t="s">
        <v>18459</v>
      </c>
      <c r="D3758" s="2">
        <v>156586</v>
      </c>
      <c r="E3758" s="1" t="s">
        <v>0</v>
      </c>
    </row>
    <row r="3759" spans="1:5" x14ac:dyDescent="0.25">
      <c r="A3759" s="1" t="s">
        <v>18460</v>
      </c>
      <c r="B3759" s="1" t="s">
        <v>62099</v>
      </c>
      <c r="C3759" s="1" t="s">
        <v>18461</v>
      </c>
      <c r="D3759" s="2">
        <v>156587</v>
      </c>
      <c r="E3759" s="1" t="s">
        <v>0</v>
      </c>
    </row>
    <row r="3760" spans="1:5" ht="409.5" x14ac:dyDescent="0.25">
      <c r="A3760" s="4" t="s">
        <v>18462</v>
      </c>
      <c r="B3760" s="1" t="s">
        <v>62100</v>
      </c>
      <c r="C3760" s="1" t="s">
        <v>18463</v>
      </c>
      <c r="D3760" s="2">
        <v>156588</v>
      </c>
      <c r="E3760" s="1" t="s">
        <v>0</v>
      </c>
    </row>
    <row r="3761" spans="1:5" x14ac:dyDescent="0.25">
      <c r="A3761" s="1" t="s">
        <v>18464</v>
      </c>
      <c r="B3761" s="1" t="s">
        <v>60935</v>
      </c>
      <c r="C3761" s="1" t="s">
        <v>18465</v>
      </c>
      <c r="D3761" s="2">
        <v>156589</v>
      </c>
      <c r="E3761" s="1" t="s">
        <v>0</v>
      </c>
    </row>
    <row r="3762" spans="1:5" x14ac:dyDescent="0.25">
      <c r="A3762" s="2">
        <v>752</v>
      </c>
      <c r="B3762" s="2">
        <v>752</v>
      </c>
      <c r="C3762" s="1" t="s">
        <v>0</v>
      </c>
      <c r="D3762" s="2">
        <v>156590</v>
      </c>
      <c r="E3762" s="1" t="s">
        <v>0</v>
      </c>
    </row>
    <row r="3763" spans="1:5" x14ac:dyDescent="0.25">
      <c r="A3763" s="1" t="s">
        <v>693</v>
      </c>
      <c r="B3763" s="1" t="s">
        <v>6061</v>
      </c>
      <c r="C3763" s="1" t="s">
        <v>18466</v>
      </c>
      <c r="D3763" s="2">
        <v>156591</v>
      </c>
      <c r="E3763" s="1" t="s">
        <v>0</v>
      </c>
    </row>
    <row r="3764" spans="1:5" x14ac:dyDescent="0.25">
      <c r="A3764" s="1" t="s">
        <v>18467</v>
      </c>
      <c r="B3764" s="1" t="s">
        <v>51913</v>
      </c>
      <c r="C3764" s="1" t="s">
        <v>18468</v>
      </c>
      <c r="D3764" s="2">
        <v>156592</v>
      </c>
      <c r="E3764" s="1" t="s">
        <v>0</v>
      </c>
    </row>
    <row r="3765" spans="1:5" ht="409.5" x14ac:dyDescent="0.25">
      <c r="A3765" s="4" t="s">
        <v>18469</v>
      </c>
      <c r="B3765" s="1" t="s">
        <v>59798</v>
      </c>
      <c r="C3765" s="1" t="s">
        <v>18470</v>
      </c>
      <c r="D3765" s="2">
        <v>156593</v>
      </c>
      <c r="E3765" s="1" t="s">
        <v>0</v>
      </c>
    </row>
    <row r="3766" spans="1:5" x14ac:dyDescent="0.25">
      <c r="A3766" s="1" t="s">
        <v>18471</v>
      </c>
      <c r="B3766" s="1" t="s">
        <v>60936</v>
      </c>
      <c r="C3766" s="1" t="s">
        <v>18472</v>
      </c>
      <c r="D3766" s="2">
        <v>156594</v>
      </c>
      <c r="E3766" s="1" t="s">
        <v>0</v>
      </c>
    </row>
    <row r="3767" spans="1:5" x14ac:dyDescent="0.25">
      <c r="A3767" s="2">
        <v>753</v>
      </c>
      <c r="B3767" s="2">
        <v>753</v>
      </c>
      <c r="C3767" s="1" t="s">
        <v>0</v>
      </c>
      <c r="D3767" s="2">
        <v>156595</v>
      </c>
      <c r="E3767" s="1" t="s">
        <v>0</v>
      </c>
    </row>
    <row r="3768" spans="1:5" x14ac:dyDescent="0.25">
      <c r="A3768" s="1" t="s">
        <v>64003</v>
      </c>
      <c r="B3768" s="1" t="s">
        <v>6062</v>
      </c>
      <c r="C3768" s="1" t="s">
        <v>18473</v>
      </c>
      <c r="D3768" s="2">
        <v>156596</v>
      </c>
      <c r="E3768" s="1" t="s">
        <v>0</v>
      </c>
    </row>
    <row r="3769" spans="1:5" x14ac:dyDescent="0.25">
      <c r="A3769" s="1" t="s">
        <v>18474</v>
      </c>
      <c r="B3769" s="1" t="s">
        <v>6063</v>
      </c>
      <c r="C3769" s="1" t="s">
        <v>18475</v>
      </c>
      <c r="D3769" s="2">
        <v>156597</v>
      </c>
      <c r="E3769" s="1" t="s">
        <v>0</v>
      </c>
    </row>
    <row r="3770" spans="1:5" ht="409.5" x14ac:dyDescent="0.25">
      <c r="A3770" s="4" t="s">
        <v>18476</v>
      </c>
      <c r="B3770" s="1" t="s">
        <v>61590</v>
      </c>
      <c r="C3770" s="1" t="s">
        <v>18477</v>
      </c>
      <c r="D3770" s="2">
        <v>156598</v>
      </c>
      <c r="E3770" s="1" t="s">
        <v>0</v>
      </c>
    </row>
    <row r="3771" spans="1:5" x14ac:dyDescent="0.25">
      <c r="A3771" s="1" t="s">
        <v>18478</v>
      </c>
      <c r="B3771" s="1" t="s">
        <v>61591</v>
      </c>
      <c r="C3771" s="1" t="s">
        <v>18479</v>
      </c>
      <c r="D3771" s="2">
        <v>156599</v>
      </c>
      <c r="E3771" s="1" t="s">
        <v>0</v>
      </c>
    </row>
    <row r="3772" spans="1:5" x14ac:dyDescent="0.25">
      <c r="A3772" s="2">
        <v>754</v>
      </c>
      <c r="B3772" s="2">
        <v>754</v>
      </c>
      <c r="C3772" s="1" t="s">
        <v>0</v>
      </c>
      <c r="D3772" s="2">
        <v>156600</v>
      </c>
      <c r="E3772" s="1" t="s">
        <v>0</v>
      </c>
    </row>
    <row r="3773" spans="1:5" x14ac:dyDescent="0.25">
      <c r="A3773" s="1" t="s">
        <v>694</v>
      </c>
      <c r="B3773" s="1" t="s">
        <v>6064</v>
      </c>
      <c r="C3773" s="1" t="s">
        <v>18480</v>
      </c>
      <c r="D3773" s="2">
        <v>156601</v>
      </c>
      <c r="E3773" s="1" t="s">
        <v>0</v>
      </c>
    </row>
    <row r="3774" spans="1:5" x14ac:dyDescent="0.25">
      <c r="A3774" s="1" t="s">
        <v>18481</v>
      </c>
      <c r="B3774" s="1" t="s">
        <v>51914</v>
      </c>
      <c r="C3774" s="1" t="s">
        <v>18482</v>
      </c>
      <c r="D3774" s="2">
        <v>156602</v>
      </c>
      <c r="E3774" s="1" t="s">
        <v>0</v>
      </c>
    </row>
    <row r="3775" spans="1:5" ht="409.5" x14ac:dyDescent="0.25">
      <c r="A3775" s="4" t="s">
        <v>18483</v>
      </c>
      <c r="B3775" s="1" t="s">
        <v>59566</v>
      </c>
      <c r="C3775" s="1" t="s">
        <v>18484</v>
      </c>
      <c r="D3775" s="2">
        <v>156603</v>
      </c>
      <c r="E3775" s="1" t="s">
        <v>0</v>
      </c>
    </row>
    <row r="3776" spans="1:5" x14ac:dyDescent="0.25">
      <c r="A3776" s="1" t="s">
        <v>18485</v>
      </c>
      <c r="B3776" s="1" t="s">
        <v>6065</v>
      </c>
      <c r="C3776" s="1" t="s">
        <v>18486</v>
      </c>
      <c r="D3776" s="2">
        <v>156604</v>
      </c>
      <c r="E3776" s="1" t="s">
        <v>0</v>
      </c>
    </row>
    <row r="3777" spans="1:5" x14ac:dyDescent="0.25">
      <c r="A3777" s="2">
        <v>755</v>
      </c>
      <c r="B3777" s="2">
        <v>755</v>
      </c>
      <c r="C3777" s="1" t="s">
        <v>0</v>
      </c>
      <c r="D3777" s="2">
        <v>156605</v>
      </c>
      <c r="E3777" s="1" t="s">
        <v>0</v>
      </c>
    </row>
    <row r="3778" spans="1:5" x14ac:dyDescent="0.25">
      <c r="A3778" s="1" t="s">
        <v>695</v>
      </c>
      <c r="B3778" s="1" t="s">
        <v>6066</v>
      </c>
      <c r="C3778" s="1" t="s">
        <v>18487</v>
      </c>
      <c r="D3778" s="2">
        <v>156606</v>
      </c>
      <c r="E3778" s="1" t="s">
        <v>0</v>
      </c>
    </row>
    <row r="3779" spans="1:5" x14ac:dyDescent="0.25">
      <c r="A3779" s="1" t="s">
        <v>18488</v>
      </c>
      <c r="B3779" s="1" t="s">
        <v>6067</v>
      </c>
      <c r="C3779" s="1" t="s">
        <v>18489</v>
      </c>
      <c r="D3779" s="2">
        <v>156607</v>
      </c>
      <c r="E3779" s="1" t="s">
        <v>0</v>
      </c>
    </row>
    <row r="3780" spans="1:5" ht="409.5" x14ac:dyDescent="0.25">
      <c r="A3780" s="4" t="s">
        <v>64004</v>
      </c>
      <c r="B3780" s="1" t="s">
        <v>57001</v>
      </c>
      <c r="C3780" s="1" t="s">
        <v>18490</v>
      </c>
      <c r="D3780" s="2">
        <v>156608</v>
      </c>
      <c r="E3780" s="1" t="s">
        <v>0</v>
      </c>
    </row>
    <row r="3781" spans="1:5" x14ac:dyDescent="0.25">
      <c r="A3781" s="1" t="s">
        <v>18491</v>
      </c>
      <c r="B3781" s="1" t="s">
        <v>6068</v>
      </c>
      <c r="C3781" s="1" t="s">
        <v>18492</v>
      </c>
      <c r="D3781" s="2">
        <v>156609</v>
      </c>
      <c r="E3781" s="1" t="s">
        <v>0</v>
      </c>
    </row>
    <row r="3782" spans="1:5" x14ac:dyDescent="0.25">
      <c r="A3782" s="2">
        <v>756</v>
      </c>
      <c r="B3782" s="2">
        <v>756</v>
      </c>
      <c r="C3782" s="1" t="s">
        <v>0</v>
      </c>
      <c r="D3782" s="2">
        <v>156610</v>
      </c>
      <c r="E3782" s="1" t="s">
        <v>0</v>
      </c>
    </row>
    <row r="3783" spans="1:5" x14ac:dyDescent="0.25">
      <c r="A3783" s="1" t="s">
        <v>696</v>
      </c>
      <c r="B3783" s="1" t="s">
        <v>6069</v>
      </c>
      <c r="C3783" s="1" t="s">
        <v>18493</v>
      </c>
      <c r="D3783" s="2">
        <v>156611</v>
      </c>
      <c r="E3783" s="1" t="s">
        <v>0</v>
      </c>
    </row>
    <row r="3784" spans="1:5" x14ac:dyDescent="0.25">
      <c r="A3784" s="1" t="s">
        <v>18494</v>
      </c>
      <c r="B3784" s="1" t="s">
        <v>6070</v>
      </c>
      <c r="C3784" s="1" t="s">
        <v>18495</v>
      </c>
      <c r="D3784" s="2">
        <v>156612</v>
      </c>
      <c r="E3784" s="1" t="s">
        <v>0</v>
      </c>
    </row>
    <row r="3785" spans="1:5" ht="409.5" x14ac:dyDescent="0.25">
      <c r="A3785" s="4" t="s">
        <v>64005</v>
      </c>
      <c r="B3785" s="1" t="s">
        <v>51915</v>
      </c>
      <c r="C3785" s="1" t="s">
        <v>18496</v>
      </c>
      <c r="D3785" s="2">
        <v>156613</v>
      </c>
      <c r="E3785" s="1" t="s">
        <v>0</v>
      </c>
    </row>
    <row r="3786" spans="1:5" x14ac:dyDescent="0.25">
      <c r="A3786" s="1" t="s">
        <v>697</v>
      </c>
      <c r="B3786" s="1" t="s">
        <v>6071</v>
      </c>
      <c r="C3786" s="1" t="s">
        <v>18497</v>
      </c>
      <c r="D3786" s="2">
        <v>156614</v>
      </c>
      <c r="E3786" s="1" t="s">
        <v>0</v>
      </c>
    </row>
    <row r="3787" spans="1:5" x14ac:dyDescent="0.25">
      <c r="A3787" s="2">
        <v>757</v>
      </c>
      <c r="B3787" s="2">
        <v>757</v>
      </c>
      <c r="C3787" s="1" t="s">
        <v>0</v>
      </c>
      <c r="D3787" s="2">
        <v>156615</v>
      </c>
      <c r="E3787" s="1" t="s">
        <v>0</v>
      </c>
    </row>
    <row r="3788" spans="1:5" x14ac:dyDescent="0.25">
      <c r="A3788" s="1" t="s">
        <v>698</v>
      </c>
      <c r="B3788" s="1" t="s">
        <v>6072</v>
      </c>
      <c r="C3788" s="1" t="s">
        <v>18498</v>
      </c>
      <c r="D3788" s="2">
        <v>156616</v>
      </c>
      <c r="E3788" s="1" t="s">
        <v>0</v>
      </c>
    </row>
    <row r="3789" spans="1:5" x14ac:dyDescent="0.25">
      <c r="A3789" s="1" t="s">
        <v>18499</v>
      </c>
      <c r="B3789" s="1" t="s">
        <v>6073</v>
      </c>
      <c r="C3789" s="1" t="s">
        <v>18500</v>
      </c>
      <c r="D3789" s="2">
        <v>156617</v>
      </c>
      <c r="E3789" s="1" t="s">
        <v>0</v>
      </c>
    </row>
    <row r="3790" spans="1:5" ht="409.5" x14ac:dyDescent="0.25">
      <c r="A3790" s="4" t="s">
        <v>18501</v>
      </c>
      <c r="B3790" s="1" t="s">
        <v>51916</v>
      </c>
      <c r="C3790" s="1" t="s">
        <v>18502</v>
      </c>
      <c r="D3790" s="2">
        <v>156618</v>
      </c>
      <c r="E3790" s="1" t="s">
        <v>0</v>
      </c>
    </row>
    <row r="3791" spans="1:5" x14ac:dyDescent="0.25">
      <c r="A3791" s="1" t="s">
        <v>18503</v>
      </c>
      <c r="B3791" s="1" t="s">
        <v>6074</v>
      </c>
      <c r="C3791" s="1" t="s">
        <v>18504</v>
      </c>
      <c r="D3791" s="2">
        <v>156619</v>
      </c>
      <c r="E3791" s="1" t="s">
        <v>0</v>
      </c>
    </row>
    <row r="3792" spans="1:5" x14ac:dyDescent="0.25">
      <c r="A3792" s="2">
        <v>758</v>
      </c>
      <c r="B3792" s="2">
        <v>758</v>
      </c>
      <c r="C3792" s="1" t="s">
        <v>0</v>
      </c>
      <c r="D3792" s="2">
        <v>156620</v>
      </c>
      <c r="E3792" s="1" t="s">
        <v>0</v>
      </c>
    </row>
    <row r="3793" spans="1:5" x14ac:dyDescent="0.25">
      <c r="A3793" s="1" t="s">
        <v>699</v>
      </c>
      <c r="B3793" s="1" t="s">
        <v>6075</v>
      </c>
      <c r="C3793" s="1" t="s">
        <v>18505</v>
      </c>
      <c r="D3793" s="2">
        <v>156621</v>
      </c>
      <c r="E3793" s="1" t="s">
        <v>0</v>
      </c>
    </row>
    <row r="3794" spans="1:5" x14ac:dyDescent="0.25">
      <c r="A3794" s="1" t="s">
        <v>18506</v>
      </c>
      <c r="B3794" s="1" t="s">
        <v>63626</v>
      </c>
      <c r="C3794" s="1" t="s">
        <v>18507</v>
      </c>
      <c r="D3794" s="2">
        <v>156622</v>
      </c>
      <c r="E3794" s="1" t="s">
        <v>0</v>
      </c>
    </row>
    <row r="3795" spans="1:5" ht="409.5" x14ac:dyDescent="0.25">
      <c r="A3795" s="4" t="s">
        <v>18508</v>
      </c>
      <c r="B3795" s="1" t="s">
        <v>63627</v>
      </c>
      <c r="C3795" s="1" t="s">
        <v>18509</v>
      </c>
      <c r="D3795" s="2">
        <v>156623</v>
      </c>
      <c r="E3795" s="1" t="s">
        <v>0</v>
      </c>
    </row>
    <row r="3796" spans="1:5" x14ac:dyDescent="0.25">
      <c r="A3796" s="1" t="s">
        <v>13413</v>
      </c>
      <c r="B3796" s="1" t="s">
        <v>60845</v>
      </c>
      <c r="C3796" s="1" t="s">
        <v>13414</v>
      </c>
      <c r="D3796" s="2">
        <v>156624</v>
      </c>
      <c r="E3796" s="1" t="s">
        <v>0</v>
      </c>
    </row>
    <row r="3797" spans="1:5" x14ac:dyDescent="0.25">
      <c r="A3797" s="2">
        <v>759</v>
      </c>
      <c r="B3797" s="2">
        <v>759</v>
      </c>
      <c r="C3797" s="1" t="s">
        <v>0</v>
      </c>
      <c r="D3797" s="2">
        <v>156625</v>
      </c>
      <c r="E3797" s="1" t="s">
        <v>0</v>
      </c>
    </row>
    <row r="3798" spans="1:5" x14ac:dyDescent="0.25">
      <c r="A3798" s="1" t="s">
        <v>700</v>
      </c>
      <c r="B3798" s="1" t="s">
        <v>59799</v>
      </c>
      <c r="C3798" s="1" t="s">
        <v>18510</v>
      </c>
      <c r="D3798" s="2">
        <v>156626</v>
      </c>
      <c r="E3798" s="1" t="s">
        <v>0</v>
      </c>
    </row>
    <row r="3799" spans="1:5" x14ac:dyDescent="0.25">
      <c r="A3799" s="1" t="s">
        <v>18511</v>
      </c>
      <c r="B3799" s="1" t="s">
        <v>6076</v>
      </c>
      <c r="C3799" s="1" t="s">
        <v>18512</v>
      </c>
      <c r="D3799" s="2">
        <v>156627</v>
      </c>
      <c r="E3799" s="1" t="s">
        <v>0</v>
      </c>
    </row>
    <row r="3800" spans="1:5" ht="409.5" x14ac:dyDescent="0.25">
      <c r="A3800" s="4" t="s">
        <v>18513</v>
      </c>
      <c r="B3800" s="1" t="s">
        <v>51917</v>
      </c>
      <c r="C3800" s="1" t="s">
        <v>18514</v>
      </c>
      <c r="D3800" s="2">
        <v>156628</v>
      </c>
      <c r="E3800" s="1" t="s">
        <v>0</v>
      </c>
    </row>
    <row r="3801" spans="1:5" x14ac:dyDescent="0.25">
      <c r="A3801" s="1" t="s">
        <v>18515</v>
      </c>
      <c r="B3801" s="1" t="s">
        <v>6077</v>
      </c>
      <c r="C3801" s="1" t="s">
        <v>18516</v>
      </c>
      <c r="D3801" s="2">
        <v>156629</v>
      </c>
      <c r="E3801" s="1" t="s">
        <v>0</v>
      </c>
    </row>
    <row r="3802" spans="1:5" x14ac:dyDescent="0.25">
      <c r="A3802" s="2">
        <v>760</v>
      </c>
      <c r="B3802" s="2">
        <v>760</v>
      </c>
      <c r="C3802" s="1" t="s">
        <v>0</v>
      </c>
      <c r="D3802" s="2">
        <v>156630</v>
      </c>
      <c r="E3802" s="1" t="s">
        <v>0</v>
      </c>
    </row>
    <row r="3803" spans="1:5" x14ac:dyDescent="0.25">
      <c r="A3803" s="1" t="s">
        <v>701</v>
      </c>
      <c r="B3803" s="1" t="s">
        <v>57002</v>
      </c>
      <c r="C3803" s="1" t="s">
        <v>18517</v>
      </c>
      <c r="D3803" s="2">
        <v>156631</v>
      </c>
      <c r="E3803" s="1" t="s">
        <v>0</v>
      </c>
    </row>
    <row r="3804" spans="1:5" x14ac:dyDescent="0.25">
      <c r="A3804" s="1" t="s">
        <v>18518</v>
      </c>
      <c r="B3804" s="1" t="s">
        <v>57003</v>
      </c>
      <c r="C3804" s="1" t="s">
        <v>18519</v>
      </c>
      <c r="D3804" s="2">
        <v>156632</v>
      </c>
      <c r="E3804" s="1" t="s">
        <v>0</v>
      </c>
    </row>
    <row r="3805" spans="1:5" ht="409.5" x14ac:dyDescent="0.25">
      <c r="A3805" s="4" t="s">
        <v>18520</v>
      </c>
      <c r="B3805" s="1" t="s">
        <v>60398</v>
      </c>
      <c r="C3805" s="1" t="s">
        <v>18521</v>
      </c>
      <c r="D3805" s="2">
        <v>156633</v>
      </c>
      <c r="E3805" s="1" t="s">
        <v>0</v>
      </c>
    </row>
    <row r="3806" spans="1:5" x14ac:dyDescent="0.25">
      <c r="A3806" s="1" t="s">
        <v>18522</v>
      </c>
      <c r="B3806" s="1" t="s">
        <v>51918</v>
      </c>
      <c r="C3806" s="1" t="s">
        <v>18523</v>
      </c>
      <c r="D3806" s="2">
        <v>156634</v>
      </c>
      <c r="E3806" s="1" t="s">
        <v>0</v>
      </c>
    </row>
    <row r="3807" spans="1:5" x14ac:dyDescent="0.25">
      <c r="A3807" s="2">
        <v>761</v>
      </c>
      <c r="B3807" s="2">
        <v>761</v>
      </c>
      <c r="C3807" s="1" t="s">
        <v>0</v>
      </c>
      <c r="D3807" s="2">
        <v>156635</v>
      </c>
      <c r="E3807" s="1" t="s">
        <v>0</v>
      </c>
    </row>
    <row r="3808" spans="1:5" x14ac:dyDescent="0.25">
      <c r="A3808" s="1" t="s">
        <v>6078</v>
      </c>
      <c r="B3808" s="1" t="s">
        <v>51919</v>
      </c>
      <c r="C3808" s="1" t="s">
        <v>18524</v>
      </c>
      <c r="D3808" s="2">
        <v>156636</v>
      </c>
      <c r="E3808" s="1" t="s">
        <v>0</v>
      </c>
    </row>
    <row r="3809" spans="1:5" x14ac:dyDescent="0.25">
      <c r="A3809" s="1" t="s">
        <v>18525</v>
      </c>
      <c r="B3809" s="1" t="s">
        <v>51920</v>
      </c>
      <c r="C3809" s="1" t="s">
        <v>18526</v>
      </c>
      <c r="D3809" s="2">
        <v>156637</v>
      </c>
      <c r="E3809" s="1" t="s">
        <v>0</v>
      </c>
    </row>
    <row r="3810" spans="1:5" ht="409.5" x14ac:dyDescent="0.25">
      <c r="A3810" s="4" t="s">
        <v>18527</v>
      </c>
      <c r="B3810" s="1" t="s">
        <v>51921</v>
      </c>
      <c r="C3810" s="1" t="s">
        <v>18528</v>
      </c>
      <c r="D3810" s="2">
        <v>156638</v>
      </c>
      <c r="E3810" s="1" t="s">
        <v>0</v>
      </c>
    </row>
    <row r="3811" spans="1:5" x14ac:dyDescent="0.25">
      <c r="A3811" s="1" t="s">
        <v>18529</v>
      </c>
      <c r="B3811" s="1" t="s">
        <v>51922</v>
      </c>
      <c r="C3811" s="1" t="s">
        <v>18530</v>
      </c>
      <c r="D3811" s="2">
        <v>156639</v>
      </c>
      <c r="E3811" s="1" t="s">
        <v>0</v>
      </c>
    </row>
    <row r="3812" spans="1:5" x14ac:dyDescent="0.25">
      <c r="A3812" s="2">
        <v>762</v>
      </c>
      <c r="B3812" s="2">
        <v>762</v>
      </c>
      <c r="C3812" s="1" t="s">
        <v>0</v>
      </c>
      <c r="D3812" s="2">
        <v>156640</v>
      </c>
      <c r="E3812" s="1" t="s">
        <v>0</v>
      </c>
    </row>
    <row r="3813" spans="1:5" x14ac:dyDescent="0.25">
      <c r="A3813" s="1" t="s">
        <v>702</v>
      </c>
      <c r="B3813" s="1" t="s">
        <v>6079</v>
      </c>
      <c r="C3813" s="1" t="s">
        <v>18531</v>
      </c>
      <c r="D3813" s="2">
        <v>156641</v>
      </c>
      <c r="E3813" s="1" t="s">
        <v>0</v>
      </c>
    </row>
    <row r="3814" spans="1:5" x14ac:dyDescent="0.25">
      <c r="A3814" s="1" t="s">
        <v>18532</v>
      </c>
      <c r="B3814" s="1" t="s">
        <v>62101</v>
      </c>
      <c r="C3814" s="1" t="s">
        <v>18533</v>
      </c>
      <c r="D3814" s="2">
        <v>156642</v>
      </c>
      <c r="E3814" s="1" t="s">
        <v>0</v>
      </c>
    </row>
    <row r="3815" spans="1:5" ht="409.5" x14ac:dyDescent="0.25">
      <c r="A3815" s="4" t="s">
        <v>18534</v>
      </c>
      <c r="B3815" s="1" t="s">
        <v>62102</v>
      </c>
      <c r="C3815" s="1" t="s">
        <v>18535</v>
      </c>
      <c r="D3815" s="2">
        <v>156643</v>
      </c>
      <c r="E3815" s="1" t="s">
        <v>0</v>
      </c>
    </row>
    <row r="3816" spans="1:5" x14ac:dyDescent="0.25">
      <c r="A3816" s="1" t="s">
        <v>18536</v>
      </c>
      <c r="B3816" s="1" t="s">
        <v>60937</v>
      </c>
      <c r="C3816" s="1" t="s">
        <v>18537</v>
      </c>
      <c r="D3816" s="2">
        <v>156644</v>
      </c>
      <c r="E3816" s="1" t="s">
        <v>0</v>
      </c>
    </row>
    <row r="3817" spans="1:5" x14ac:dyDescent="0.25">
      <c r="A3817" s="2">
        <v>763</v>
      </c>
      <c r="B3817" s="2">
        <v>763</v>
      </c>
      <c r="C3817" s="1" t="s">
        <v>0</v>
      </c>
      <c r="D3817" s="2">
        <v>156645</v>
      </c>
      <c r="E3817" s="1" t="s">
        <v>0</v>
      </c>
    </row>
    <row r="3818" spans="1:5" x14ac:dyDescent="0.25">
      <c r="A3818" s="1" t="s">
        <v>703</v>
      </c>
      <c r="B3818" s="1" t="s">
        <v>6080</v>
      </c>
      <c r="C3818" s="1" t="s">
        <v>18538</v>
      </c>
      <c r="D3818" s="2">
        <v>156646</v>
      </c>
      <c r="E3818" s="1" t="s">
        <v>0</v>
      </c>
    </row>
    <row r="3819" spans="1:5" x14ac:dyDescent="0.25">
      <c r="A3819" s="1" t="s">
        <v>18539</v>
      </c>
      <c r="B3819" s="1" t="s">
        <v>63628</v>
      </c>
      <c r="C3819" s="1" t="s">
        <v>18540</v>
      </c>
      <c r="D3819" s="2">
        <v>156647</v>
      </c>
      <c r="E3819" s="1" t="s">
        <v>0</v>
      </c>
    </row>
    <row r="3820" spans="1:5" ht="409.5" x14ac:dyDescent="0.25">
      <c r="A3820" s="4" t="s">
        <v>18541</v>
      </c>
      <c r="B3820" s="1" t="s">
        <v>63629</v>
      </c>
      <c r="C3820" s="1" t="s">
        <v>18542</v>
      </c>
      <c r="D3820" s="2">
        <v>156648</v>
      </c>
      <c r="E3820" s="1" t="s">
        <v>0</v>
      </c>
    </row>
    <row r="3821" spans="1:5" x14ac:dyDescent="0.25">
      <c r="A3821" s="1" t="s">
        <v>18543</v>
      </c>
      <c r="B3821" s="1" t="s">
        <v>6081</v>
      </c>
      <c r="C3821" s="1" t="s">
        <v>18544</v>
      </c>
      <c r="D3821" s="2">
        <v>156649</v>
      </c>
      <c r="E3821" s="1" t="s">
        <v>0</v>
      </c>
    </row>
    <row r="3822" spans="1:5" x14ac:dyDescent="0.25">
      <c r="A3822" s="2">
        <v>764</v>
      </c>
      <c r="B3822" s="2">
        <v>764</v>
      </c>
      <c r="C3822" s="1" t="s">
        <v>0</v>
      </c>
      <c r="D3822" s="2">
        <v>156650</v>
      </c>
      <c r="E3822" s="1" t="s">
        <v>0</v>
      </c>
    </row>
    <row r="3823" spans="1:5" x14ac:dyDescent="0.25">
      <c r="A3823" s="1" t="s">
        <v>704</v>
      </c>
      <c r="B3823" s="1" t="s">
        <v>51923</v>
      </c>
      <c r="C3823" s="1" t="s">
        <v>18545</v>
      </c>
      <c r="D3823" s="2">
        <v>156651</v>
      </c>
      <c r="E3823" s="1" t="s">
        <v>0</v>
      </c>
    </row>
    <row r="3824" spans="1:5" x14ac:dyDescent="0.25">
      <c r="A3824" s="1" t="s">
        <v>18546</v>
      </c>
      <c r="B3824" s="1" t="s">
        <v>51924</v>
      </c>
      <c r="C3824" s="1" t="s">
        <v>18547</v>
      </c>
      <c r="D3824" s="2">
        <v>156652</v>
      </c>
      <c r="E3824" s="1" t="s">
        <v>0</v>
      </c>
    </row>
    <row r="3825" spans="1:5" ht="409.5" x14ac:dyDescent="0.25">
      <c r="A3825" s="4" t="s">
        <v>18548</v>
      </c>
      <c r="B3825" s="1" t="s">
        <v>56706</v>
      </c>
      <c r="C3825" s="1" t="s">
        <v>18549</v>
      </c>
      <c r="D3825" s="2">
        <v>156653</v>
      </c>
      <c r="E3825" s="1" t="s">
        <v>0</v>
      </c>
    </row>
    <row r="3826" spans="1:5" x14ac:dyDescent="0.25">
      <c r="A3826" s="1" t="s">
        <v>18550</v>
      </c>
      <c r="B3826" s="1" t="s">
        <v>6082</v>
      </c>
      <c r="C3826" s="1" t="s">
        <v>18551</v>
      </c>
      <c r="D3826" s="2">
        <v>156654</v>
      </c>
      <c r="E3826" s="1" t="s">
        <v>0</v>
      </c>
    </row>
    <row r="3827" spans="1:5" x14ac:dyDescent="0.25">
      <c r="A3827" s="2">
        <v>765</v>
      </c>
      <c r="B3827" s="2">
        <v>765</v>
      </c>
      <c r="C3827" s="1" t="s">
        <v>0</v>
      </c>
      <c r="D3827" s="2">
        <v>156655</v>
      </c>
      <c r="E3827" s="1" t="s">
        <v>0</v>
      </c>
    </row>
    <row r="3828" spans="1:5" x14ac:dyDescent="0.25">
      <c r="A3828" s="1" t="s">
        <v>705</v>
      </c>
      <c r="B3828" s="1" t="s">
        <v>6083</v>
      </c>
      <c r="C3828" s="1" t="s">
        <v>18552</v>
      </c>
      <c r="D3828" s="2">
        <v>156656</v>
      </c>
      <c r="E3828" s="1" t="s">
        <v>0</v>
      </c>
    </row>
    <row r="3829" spans="1:5" x14ac:dyDescent="0.25">
      <c r="A3829" s="1" t="s">
        <v>18553</v>
      </c>
      <c r="B3829" s="1" t="s">
        <v>51925</v>
      </c>
      <c r="C3829" s="1" t="s">
        <v>18554</v>
      </c>
      <c r="D3829" s="2">
        <v>156657</v>
      </c>
      <c r="E3829" s="1" t="s">
        <v>0</v>
      </c>
    </row>
    <row r="3830" spans="1:5" ht="409.5" x14ac:dyDescent="0.25">
      <c r="A3830" s="4" t="s">
        <v>18555</v>
      </c>
      <c r="B3830" s="1" t="s">
        <v>51926</v>
      </c>
      <c r="C3830" s="1" t="s">
        <v>18556</v>
      </c>
      <c r="D3830" s="2">
        <v>156658</v>
      </c>
      <c r="E3830" s="1" t="s">
        <v>0</v>
      </c>
    </row>
    <row r="3831" spans="1:5" x14ac:dyDescent="0.25">
      <c r="A3831" s="1" t="s">
        <v>18557</v>
      </c>
      <c r="B3831" s="1" t="s">
        <v>51927</v>
      </c>
      <c r="C3831" s="1" t="s">
        <v>18558</v>
      </c>
      <c r="D3831" s="2">
        <v>156659</v>
      </c>
      <c r="E3831" s="1" t="s">
        <v>0</v>
      </c>
    </row>
    <row r="3832" spans="1:5" x14ac:dyDescent="0.25">
      <c r="A3832" s="2">
        <v>766</v>
      </c>
      <c r="B3832" s="2">
        <v>766</v>
      </c>
      <c r="C3832" s="1" t="s">
        <v>0</v>
      </c>
      <c r="D3832" s="2">
        <v>156660</v>
      </c>
      <c r="E3832" s="1" t="s">
        <v>0</v>
      </c>
    </row>
    <row r="3833" spans="1:5" x14ac:dyDescent="0.25">
      <c r="A3833" s="1" t="s">
        <v>6084</v>
      </c>
      <c r="B3833" s="1" t="s">
        <v>6085</v>
      </c>
      <c r="C3833" s="1" t="s">
        <v>18559</v>
      </c>
      <c r="D3833" s="2">
        <v>156661</v>
      </c>
      <c r="E3833" s="1" t="s">
        <v>0</v>
      </c>
    </row>
    <row r="3834" spans="1:5" x14ac:dyDescent="0.25">
      <c r="A3834" s="1" t="s">
        <v>18560</v>
      </c>
      <c r="B3834" s="1" t="s">
        <v>51928</v>
      </c>
      <c r="C3834" s="1" t="s">
        <v>18561</v>
      </c>
      <c r="D3834" s="2">
        <v>156662</v>
      </c>
      <c r="E3834" s="1" t="s">
        <v>0</v>
      </c>
    </row>
    <row r="3835" spans="1:5" ht="409.5" x14ac:dyDescent="0.25">
      <c r="A3835" s="4" t="s">
        <v>18562</v>
      </c>
      <c r="B3835" s="1" t="s">
        <v>51929</v>
      </c>
      <c r="C3835" s="1" t="s">
        <v>18563</v>
      </c>
      <c r="D3835" s="2">
        <v>156663</v>
      </c>
      <c r="E3835" s="1" t="s">
        <v>0</v>
      </c>
    </row>
    <row r="3836" spans="1:5" x14ac:dyDescent="0.25">
      <c r="A3836" s="1" t="s">
        <v>18564</v>
      </c>
      <c r="B3836" s="1" t="s">
        <v>51930</v>
      </c>
      <c r="C3836" s="1" t="s">
        <v>18565</v>
      </c>
      <c r="D3836" s="2">
        <v>156664</v>
      </c>
      <c r="E3836" s="1" t="s">
        <v>0</v>
      </c>
    </row>
    <row r="3837" spans="1:5" x14ac:dyDescent="0.25">
      <c r="A3837" s="2">
        <v>767</v>
      </c>
      <c r="B3837" s="2">
        <v>767</v>
      </c>
      <c r="C3837" s="1" t="s">
        <v>0</v>
      </c>
      <c r="D3837" s="2">
        <v>156665</v>
      </c>
      <c r="E3837" s="1" t="s">
        <v>0</v>
      </c>
    </row>
    <row r="3838" spans="1:5" x14ac:dyDescent="0.25">
      <c r="A3838" s="1" t="s">
        <v>706</v>
      </c>
      <c r="B3838" s="1" t="s">
        <v>6086</v>
      </c>
      <c r="C3838" s="1" t="s">
        <v>18566</v>
      </c>
      <c r="D3838" s="2">
        <v>156666</v>
      </c>
      <c r="E3838" s="1" t="s">
        <v>0</v>
      </c>
    </row>
    <row r="3839" spans="1:5" x14ac:dyDescent="0.25">
      <c r="A3839" s="1" t="s">
        <v>18567</v>
      </c>
      <c r="B3839" s="1" t="s">
        <v>6087</v>
      </c>
      <c r="C3839" s="1" t="s">
        <v>18568</v>
      </c>
      <c r="D3839" s="2">
        <v>156667</v>
      </c>
      <c r="E3839" s="1" t="s">
        <v>0</v>
      </c>
    </row>
    <row r="3840" spans="1:5" ht="409.5" x14ac:dyDescent="0.25">
      <c r="A3840" s="4" t="s">
        <v>18569</v>
      </c>
      <c r="B3840" s="1" t="s">
        <v>62103</v>
      </c>
      <c r="C3840" s="1" t="s">
        <v>18570</v>
      </c>
      <c r="D3840" s="2">
        <v>156668</v>
      </c>
      <c r="E3840" s="1" t="s">
        <v>0</v>
      </c>
    </row>
    <row r="3841" spans="1:5" x14ac:dyDescent="0.25">
      <c r="A3841" s="1" t="s">
        <v>18571</v>
      </c>
      <c r="B3841" s="1" t="s">
        <v>6088</v>
      </c>
      <c r="C3841" s="1" t="s">
        <v>18572</v>
      </c>
      <c r="D3841" s="2">
        <v>156669</v>
      </c>
      <c r="E3841" s="1" t="s">
        <v>0</v>
      </c>
    </row>
    <row r="3842" spans="1:5" x14ac:dyDescent="0.25">
      <c r="A3842" s="2">
        <v>768</v>
      </c>
      <c r="B3842" s="2">
        <v>768</v>
      </c>
      <c r="C3842" s="1" t="s">
        <v>0</v>
      </c>
      <c r="D3842" s="2">
        <v>156670</v>
      </c>
      <c r="E3842" s="1" t="s">
        <v>0</v>
      </c>
    </row>
    <row r="3843" spans="1:5" x14ac:dyDescent="0.25">
      <c r="A3843" s="1" t="s">
        <v>707</v>
      </c>
      <c r="B3843" s="1" t="s">
        <v>51931</v>
      </c>
      <c r="C3843" s="1" t="s">
        <v>18573</v>
      </c>
      <c r="D3843" s="2">
        <v>156671</v>
      </c>
      <c r="E3843" s="1" t="s">
        <v>0</v>
      </c>
    </row>
    <row r="3844" spans="1:5" x14ac:dyDescent="0.25">
      <c r="A3844" s="1" t="s">
        <v>18574</v>
      </c>
      <c r="B3844" s="1" t="s">
        <v>57731</v>
      </c>
      <c r="C3844" s="1" t="s">
        <v>18575</v>
      </c>
      <c r="D3844" s="2">
        <v>156672</v>
      </c>
      <c r="E3844" s="1" t="s">
        <v>0</v>
      </c>
    </row>
    <row r="3845" spans="1:5" ht="409.5" x14ac:dyDescent="0.25">
      <c r="A3845" s="4" t="s">
        <v>18576</v>
      </c>
      <c r="B3845" s="1" t="s">
        <v>63218</v>
      </c>
      <c r="C3845" s="1" t="s">
        <v>18577</v>
      </c>
      <c r="D3845" s="2">
        <v>156673</v>
      </c>
      <c r="E3845" s="1" t="s">
        <v>0</v>
      </c>
    </row>
    <row r="3846" spans="1:5" x14ac:dyDescent="0.25">
      <c r="A3846" s="1" t="s">
        <v>18578</v>
      </c>
      <c r="B3846" s="1" t="s">
        <v>57138</v>
      </c>
      <c r="C3846" s="1" t="s">
        <v>18579</v>
      </c>
      <c r="D3846" s="2">
        <v>156674</v>
      </c>
      <c r="E3846" s="1" t="s">
        <v>0</v>
      </c>
    </row>
    <row r="3847" spans="1:5" x14ac:dyDescent="0.25">
      <c r="A3847" s="2">
        <v>769</v>
      </c>
      <c r="B3847" s="2">
        <v>769</v>
      </c>
      <c r="C3847" s="1" t="s">
        <v>0</v>
      </c>
      <c r="D3847" s="2">
        <v>156675</v>
      </c>
      <c r="E3847" s="1" t="s">
        <v>0</v>
      </c>
    </row>
    <row r="3848" spans="1:5" x14ac:dyDescent="0.25">
      <c r="A3848" s="1" t="s">
        <v>708</v>
      </c>
      <c r="B3848" s="1" t="s">
        <v>6089</v>
      </c>
      <c r="C3848" s="1" t="s">
        <v>18580</v>
      </c>
      <c r="D3848" s="2">
        <v>156676</v>
      </c>
      <c r="E3848" s="1" t="s">
        <v>0</v>
      </c>
    </row>
    <row r="3849" spans="1:5" x14ac:dyDescent="0.25">
      <c r="A3849" s="1" t="s">
        <v>18581</v>
      </c>
      <c r="B3849" s="1" t="s">
        <v>58202</v>
      </c>
      <c r="C3849" s="1" t="s">
        <v>18582</v>
      </c>
      <c r="D3849" s="2">
        <v>156677</v>
      </c>
      <c r="E3849" s="1" t="s">
        <v>0</v>
      </c>
    </row>
    <row r="3850" spans="1:5" ht="409.5" x14ac:dyDescent="0.25">
      <c r="A3850" s="4" t="s">
        <v>18583</v>
      </c>
      <c r="B3850" s="1" t="s">
        <v>62104</v>
      </c>
      <c r="C3850" s="1" t="s">
        <v>18584</v>
      </c>
      <c r="D3850" s="2">
        <v>156678</v>
      </c>
      <c r="E3850" s="1" t="s">
        <v>0</v>
      </c>
    </row>
    <row r="3851" spans="1:5" x14ac:dyDescent="0.25">
      <c r="A3851" s="1" t="s">
        <v>18585</v>
      </c>
      <c r="B3851" s="1" t="s">
        <v>60938</v>
      </c>
      <c r="C3851" s="1" t="s">
        <v>18586</v>
      </c>
      <c r="D3851" s="2">
        <v>156679</v>
      </c>
      <c r="E3851" s="1" t="s">
        <v>0</v>
      </c>
    </row>
    <row r="3852" spans="1:5" x14ac:dyDescent="0.25">
      <c r="A3852" s="2">
        <v>770</v>
      </c>
      <c r="B3852" s="2">
        <v>770</v>
      </c>
      <c r="C3852" s="1" t="s">
        <v>0</v>
      </c>
      <c r="D3852" s="2">
        <v>156680</v>
      </c>
      <c r="E3852" s="1" t="s">
        <v>0</v>
      </c>
    </row>
    <row r="3853" spans="1:5" x14ac:dyDescent="0.25">
      <c r="A3853" s="1" t="s">
        <v>709</v>
      </c>
      <c r="B3853" s="1" t="s">
        <v>6090</v>
      </c>
      <c r="C3853" s="1" t="s">
        <v>18587</v>
      </c>
      <c r="D3853" s="2">
        <v>156681</v>
      </c>
      <c r="E3853" s="1" t="s">
        <v>0</v>
      </c>
    </row>
    <row r="3854" spans="1:5" x14ac:dyDescent="0.25">
      <c r="A3854" s="1" t="s">
        <v>18588</v>
      </c>
      <c r="B3854" s="1" t="s">
        <v>6091</v>
      </c>
      <c r="C3854" s="1" t="s">
        <v>18589</v>
      </c>
      <c r="D3854" s="2">
        <v>156682</v>
      </c>
      <c r="E3854" s="1" t="s">
        <v>0</v>
      </c>
    </row>
    <row r="3855" spans="1:5" ht="409.5" x14ac:dyDescent="0.25">
      <c r="A3855" s="4" t="s">
        <v>64006</v>
      </c>
      <c r="B3855" s="1" t="s">
        <v>60567</v>
      </c>
      <c r="C3855" s="1" t="s">
        <v>18590</v>
      </c>
      <c r="D3855" s="2">
        <v>156683</v>
      </c>
      <c r="E3855" s="1" t="s">
        <v>0</v>
      </c>
    </row>
    <row r="3856" spans="1:5" x14ac:dyDescent="0.25">
      <c r="A3856" s="1" t="s">
        <v>18591</v>
      </c>
      <c r="B3856" s="1" t="s">
        <v>60939</v>
      </c>
      <c r="C3856" s="1" t="s">
        <v>18592</v>
      </c>
      <c r="D3856" s="2">
        <v>156684</v>
      </c>
      <c r="E3856" s="1" t="s">
        <v>0</v>
      </c>
    </row>
    <row r="3857" spans="1:5" x14ac:dyDescent="0.25">
      <c r="A3857" s="2">
        <v>771</v>
      </c>
      <c r="B3857" s="2">
        <v>771</v>
      </c>
      <c r="C3857" s="1" t="s">
        <v>0</v>
      </c>
      <c r="D3857" s="2">
        <v>156685</v>
      </c>
      <c r="E3857" s="1" t="s">
        <v>0</v>
      </c>
    </row>
    <row r="3858" spans="1:5" x14ac:dyDescent="0.25">
      <c r="A3858" s="1" t="s">
        <v>710</v>
      </c>
      <c r="B3858" s="1" t="s">
        <v>6092</v>
      </c>
      <c r="C3858" s="1" t="s">
        <v>18593</v>
      </c>
      <c r="D3858" s="2">
        <v>156686</v>
      </c>
      <c r="E3858" s="1" t="s">
        <v>0</v>
      </c>
    </row>
    <row r="3859" spans="1:5" x14ac:dyDescent="0.25">
      <c r="A3859" s="1" t="s">
        <v>18594</v>
      </c>
      <c r="B3859" s="1" t="s">
        <v>59800</v>
      </c>
      <c r="C3859" s="1" t="s">
        <v>18595</v>
      </c>
      <c r="D3859" s="2">
        <v>156687</v>
      </c>
      <c r="E3859" s="1" t="s">
        <v>0</v>
      </c>
    </row>
    <row r="3860" spans="1:5" ht="409.5" x14ac:dyDescent="0.25">
      <c r="A3860" s="4" t="s">
        <v>18596</v>
      </c>
      <c r="B3860" s="1" t="s">
        <v>63219</v>
      </c>
      <c r="C3860" s="1" t="s">
        <v>18597</v>
      </c>
      <c r="D3860" s="2">
        <v>156688</v>
      </c>
      <c r="E3860" s="1" t="s">
        <v>0</v>
      </c>
    </row>
    <row r="3861" spans="1:5" x14ac:dyDescent="0.25">
      <c r="A3861" s="1" t="s">
        <v>18598</v>
      </c>
      <c r="B3861" s="1" t="s">
        <v>6093</v>
      </c>
      <c r="C3861" s="1" t="s">
        <v>18599</v>
      </c>
      <c r="D3861" s="2">
        <v>156689</v>
      </c>
      <c r="E3861" s="1" t="s">
        <v>0</v>
      </c>
    </row>
    <row r="3862" spans="1:5" x14ac:dyDescent="0.25">
      <c r="A3862" s="2">
        <v>772</v>
      </c>
      <c r="B3862" s="2">
        <v>772</v>
      </c>
      <c r="C3862" s="1" t="s">
        <v>0</v>
      </c>
      <c r="D3862" s="2">
        <v>156690</v>
      </c>
      <c r="E3862" s="1" t="s">
        <v>0</v>
      </c>
    </row>
    <row r="3863" spans="1:5" x14ac:dyDescent="0.25">
      <c r="A3863" s="1" t="s">
        <v>711</v>
      </c>
      <c r="B3863" s="1" t="s">
        <v>6094</v>
      </c>
      <c r="C3863" s="1" t="s">
        <v>18600</v>
      </c>
      <c r="D3863" s="2">
        <v>156691</v>
      </c>
      <c r="E3863" s="1" t="s">
        <v>0</v>
      </c>
    </row>
    <row r="3864" spans="1:5" x14ac:dyDescent="0.25">
      <c r="A3864" s="1" t="s">
        <v>18601</v>
      </c>
      <c r="B3864" s="1" t="s">
        <v>56707</v>
      </c>
      <c r="C3864" s="1" t="s">
        <v>18602</v>
      </c>
      <c r="D3864" s="2">
        <v>156692</v>
      </c>
      <c r="E3864" s="1" t="s">
        <v>0</v>
      </c>
    </row>
    <row r="3865" spans="1:5" ht="409.5" x14ac:dyDescent="0.25">
      <c r="A3865" s="4" t="s">
        <v>18603</v>
      </c>
      <c r="B3865" s="1" t="s">
        <v>56708</v>
      </c>
      <c r="C3865" s="1" t="s">
        <v>18604</v>
      </c>
      <c r="D3865" s="2">
        <v>156693</v>
      </c>
      <c r="E3865" s="1" t="s">
        <v>0</v>
      </c>
    </row>
    <row r="3866" spans="1:5" x14ac:dyDescent="0.25">
      <c r="A3866" s="1" t="s">
        <v>18605</v>
      </c>
      <c r="B3866" s="1" t="s">
        <v>51932</v>
      </c>
      <c r="C3866" s="1" t="s">
        <v>18606</v>
      </c>
      <c r="D3866" s="2">
        <v>156694</v>
      </c>
      <c r="E3866" s="1" t="s">
        <v>0</v>
      </c>
    </row>
    <row r="3867" spans="1:5" x14ac:dyDescent="0.25">
      <c r="A3867" s="2">
        <v>773</v>
      </c>
      <c r="B3867" s="2">
        <v>773</v>
      </c>
      <c r="C3867" s="1" t="s">
        <v>0</v>
      </c>
      <c r="D3867" s="2">
        <v>156695</v>
      </c>
      <c r="E3867" s="1" t="s">
        <v>0</v>
      </c>
    </row>
    <row r="3868" spans="1:5" x14ac:dyDescent="0.25">
      <c r="A3868" s="1" t="s">
        <v>712</v>
      </c>
      <c r="B3868" s="1" t="s">
        <v>6095</v>
      </c>
      <c r="C3868" s="1" t="s">
        <v>18607</v>
      </c>
      <c r="D3868" s="2">
        <v>156696</v>
      </c>
      <c r="E3868" s="1" t="s">
        <v>0</v>
      </c>
    </row>
    <row r="3869" spans="1:5" x14ac:dyDescent="0.25">
      <c r="A3869" s="1" t="s">
        <v>18608</v>
      </c>
      <c r="B3869" s="1" t="s">
        <v>60700</v>
      </c>
      <c r="C3869" s="1" t="s">
        <v>18609</v>
      </c>
      <c r="D3869" s="2">
        <v>156697</v>
      </c>
      <c r="E3869" s="1" t="s">
        <v>0</v>
      </c>
    </row>
    <row r="3870" spans="1:5" ht="409.5" x14ac:dyDescent="0.25">
      <c r="A3870" s="4" t="s">
        <v>18610</v>
      </c>
      <c r="B3870" s="1" t="s">
        <v>60701</v>
      </c>
      <c r="C3870" s="1" t="s">
        <v>18611</v>
      </c>
      <c r="D3870" s="2">
        <v>156698</v>
      </c>
      <c r="E3870" s="1" t="s">
        <v>0</v>
      </c>
    </row>
    <row r="3871" spans="1:5" x14ac:dyDescent="0.25">
      <c r="A3871" s="1" t="s">
        <v>18612</v>
      </c>
      <c r="B3871" s="1" t="s">
        <v>60940</v>
      </c>
      <c r="C3871" s="1" t="s">
        <v>18613</v>
      </c>
      <c r="D3871" s="2">
        <v>156699</v>
      </c>
      <c r="E3871" s="1" t="s">
        <v>0</v>
      </c>
    </row>
    <row r="3872" spans="1:5" x14ac:dyDescent="0.25">
      <c r="A3872" s="2">
        <v>774</v>
      </c>
      <c r="B3872" s="2">
        <v>774</v>
      </c>
      <c r="C3872" s="1" t="s">
        <v>0</v>
      </c>
      <c r="D3872" s="2">
        <v>156700</v>
      </c>
      <c r="E3872" s="1" t="s">
        <v>0</v>
      </c>
    </row>
    <row r="3873" spans="1:5" x14ac:dyDescent="0.25">
      <c r="A3873" s="1" t="s">
        <v>713</v>
      </c>
      <c r="B3873" s="1" t="s">
        <v>6096</v>
      </c>
      <c r="C3873" s="1" t="s">
        <v>18614</v>
      </c>
      <c r="D3873" s="2">
        <v>156701</v>
      </c>
      <c r="E3873" s="1" t="s">
        <v>0</v>
      </c>
    </row>
    <row r="3874" spans="1:5" x14ac:dyDescent="0.25">
      <c r="A3874" s="1" t="s">
        <v>18615</v>
      </c>
      <c r="B3874" s="1" t="s">
        <v>6097</v>
      </c>
      <c r="C3874" s="1" t="s">
        <v>18616</v>
      </c>
      <c r="D3874" s="2">
        <v>156702</v>
      </c>
      <c r="E3874" s="1" t="s">
        <v>0</v>
      </c>
    </row>
    <row r="3875" spans="1:5" ht="409.5" x14ac:dyDescent="0.25">
      <c r="A3875" s="4" t="s">
        <v>18617</v>
      </c>
      <c r="B3875" s="1" t="s">
        <v>60941</v>
      </c>
      <c r="C3875" s="1" t="s">
        <v>18618</v>
      </c>
      <c r="D3875" s="2">
        <v>156703</v>
      </c>
      <c r="E3875" s="1" t="s">
        <v>0</v>
      </c>
    </row>
    <row r="3876" spans="1:5" x14ac:dyDescent="0.25">
      <c r="A3876" s="1" t="s">
        <v>18619</v>
      </c>
      <c r="B3876" s="1" t="s">
        <v>60942</v>
      </c>
      <c r="C3876" s="1" t="s">
        <v>18620</v>
      </c>
      <c r="D3876" s="2">
        <v>156704</v>
      </c>
      <c r="E3876" s="1" t="s">
        <v>0</v>
      </c>
    </row>
    <row r="3877" spans="1:5" x14ac:dyDescent="0.25">
      <c r="A3877" s="2">
        <v>775</v>
      </c>
      <c r="B3877" s="2">
        <v>775</v>
      </c>
      <c r="C3877" s="1" t="s">
        <v>0</v>
      </c>
      <c r="D3877" s="2">
        <v>156705</v>
      </c>
      <c r="E3877" s="1" t="s">
        <v>0</v>
      </c>
    </row>
    <row r="3878" spans="1:5" x14ac:dyDescent="0.25">
      <c r="A3878" s="1" t="s">
        <v>714</v>
      </c>
      <c r="B3878" s="1" t="s">
        <v>56914</v>
      </c>
      <c r="C3878" s="1" t="s">
        <v>18621</v>
      </c>
      <c r="D3878" s="2">
        <v>156706</v>
      </c>
      <c r="E3878" s="1" t="s">
        <v>0</v>
      </c>
    </row>
    <row r="3879" spans="1:5" x14ac:dyDescent="0.25">
      <c r="A3879" s="1" t="s">
        <v>18622</v>
      </c>
      <c r="B3879" s="1" t="s">
        <v>62105</v>
      </c>
      <c r="C3879" s="1" t="s">
        <v>18623</v>
      </c>
      <c r="D3879" s="2">
        <v>156707</v>
      </c>
      <c r="E3879" s="1" t="s">
        <v>0</v>
      </c>
    </row>
    <row r="3880" spans="1:5" ht="409.5" x14ac:dyDescent="0.25">
      <c r="A3880" s="4" t="s">
        <v>18624</v>
      </c>
      <c r="B3880" s="1" t="s">
        <v>62106</v>
      </c>
      <c r="C3880" s="1" t="s">
        <v>18625</v>
      </c>
      <c r="D3880" s="2">
        <v>156708</v>
      </c>
      <c r="E3880" s="1" t="s">
        <v>0</v>
      </c>
    </row>
    <row r="3881" spans="1:5" x14ac:dyDescent="0.25">
      <c r="A3881" s="1" t="s">
        <v>18626</v>
      </c>
      <c r="B3881" s="1" t="s">
        <v>6098</v>
      </c>
      <c r="C3881" s="1" t="s">
        <v>18627</v>
      </c>
      <c r="D3881" s="2">
        <v>156709</v>
      </c>
      <c r="E3881" s="1" t="s">
        <v>0</v>
      </c>
    </row>
    <row r="3882" spans="1:5" x14ac:dyDescent="0.25">
      <c r="A3882" s="2">
        <v>776</v>
      </c>
      <c r="B3882" s="2">
        <v>776</v>
      </c>
      <c r="C3882" s="1" t="s">
        <v>0</v>
      </c>
      <c r="D3882" s="2">
        <v>156710</v>
      </c>
      <c r="E3882" s="1" t="s">
        <v>0</v>
      </c>
    </row>
    <row r="3883" spans="1:5" x14ac:dyDescent="0.25">
      <c r="A3883" s="1" t="s">
        <v>715</v>
      </c>
      <c r="B3883" s="1" t="s">
        <v>6099</v>
      </c>
      <c r="C3883" s="1" t="s">
        <v>18628</v>
      </c>
      <c r="D3883" s="2">
        <v>156711</v>
      </c>
      <c r="E3883" s="1" t="s">
        <v>0</v>
      </c>
    </row>
    <row r="3884" spans="1:5" x14ac:dyDescent="0.25">
      <c r="A3884" s="1" t="s">
        <v>18629</v>
      </c>
      <c r="B3884" s="1" t="s">
        <v>58203</v>
      </c>
      <c r="C3884" s="1" t="s">
        <v>18630</v>
      </c>
      <c r="D3884" s="2">
        <v>156712</v>
      </c>
      <c r="E3884" s="1" t="s">
        <v>0</v>
      </c>
    </row>
    <row r="3885" spans="1:5" ht="409.5" x14ac:dyDescent="0.25">
      <c r="A3885" s="4" t="s">
        <v>18631</v>
      </c>
      <c r="B3885" s="1" t="s">
        <v>60399</v>
      </c>
      <c r="C3885" s="1" t="s">
        <v>18632</v>
      </c>
      <c r="D3885" s="2">
        <v>156713</v>
      </c>
      <c r="E3885" s="1" t="s">
        <v>0</v>
      </c>
    </row>
    <row r="3886" spans="1:5" x14ac:dyDescent="0.25">
      <c r="A3886" s="1" t="s">
        <v>18633</v>
      </c>
      <c r="B3886" s="1" t="s">
        <v>6100</v>
      </c>
      <c r="C3886" s="1" t="s">
        <v>18634</v>
      </c>
      <c r="D3886" s="2">
        <v>156714</v>
      </c>
      <c r="E3886" s="1" t="s">
        <v>0</v>
      </c>
    </row>
    <row r="3887" spans="1:5" x14ac:dyDescent="0.25">
      <c r="A3887" s="2">
        <v>777</v>
      </c>
      <c r="B3887" s="2">
        <v>777</v>
      </c>
      <c r="C3887" s="1" t="s">
        <v>0</v>
      </c>
      <c r="D3887" s="2">
        <v>156715</v>
      </c>
      <c r="E3887" s="1" t="s">
        <v>0</v>
      </c>
    </row>
    <row r="3888" spans="1:5" x14ac:dyDescent="0.25">
      <c r="A3888" s="1" t="s">
        <v>6101</v>
      </c>
      <c r="B3888" s="1" t="s">
        <v>6102</v>
      </c>
      <c r="C3888" s="1" t="s">
        <v>18635</v>
      </c>
      <c r="D3888" s="2">
        <v>156716</v>
      </c>
      <c r="E3888" s="1" t="s">
        <v>0</v>
      </c>
    </row>
    <row r="3889" spans="1:5" x14ac:dyDescent="0.25">
      <c r="A3889" s="1" t="s">
        <v>18636</v>
      </c>
      <c r="B3889" s="1" t="s">
        <v>58697</v>
      </c>
      <c r="C3889" s="1" t="s">
        <v>18637</v>
      </c>
      <c r="D3889" s="2">
        <v>156717</v>
      </c>
      <c r="E3889" s="1" t="s">
        <v>0</v>
      </c>
    </row>
    <row r="3890" spans="1:5" ht="409.5" x14ac:dyDescent="0.25">
      <c r="A3890" s="4" t="s">
        <v>18638</v>
      </c>
      <c r="B3890" s="1" t="s">
        <v>58698</v>
      </c>
      <c r="C3890" s="1" t="s">
        <v>18639</v>
      </c>
      <c r="D3890" s="2">
        <v>156718</v>
      </c>
      <c r="E3890" s="1" t="s">
        <v>0</v>
      </c>
    </row>
    <row r="3891" spans="1:5" x14ac:dyDescent="0.25">
      <c r="A3891" s="1" t="s">
        <v>18640</v>
      </c>
      <c r="B3891" s="1" t="s">
        <v>6103</v>
      </c>
      <c r="C3891" s="1" t="s">
        <v>18641</v>
      </c>
      <c r="D3891" s="2">
        <v>156719</v>
      </c>
      <c r="E3891" s="1" t="s">
        <v>0</v>
      </c>
    </row>
    <row r="3892" spans="1:5" x14ac:dyDescent="0.25">
      <c r="A3892" s="2">
        <v>778</v>
      </c>
      <c r="B3892" s="2">
        <v>778</v>
      </c>
      <c r="C3892" s="1" t="s">
        <v>0</v>
      </c>
      <c r="D3892" s="2">
        <v>156720</v>
      </c>
      <c r="E3892" s="1" t="s">
        <v>0</v>
      </c>
    </row>
    <row r="3893" spans="1:5" x14ac:dyDescent="0.25">
      <c r="A3893" s="1" t="s">
        <v>716</v>
      </c>
      <c r="B3893" s="1" t="s">
        <v>6104</v>
      </c>
      <c r="C3893" s="1" t="s">
        <v>18642</v>
      </c>
      <c r="D3893" s="2">
        <v>156721</v>
      </c>
      <c r="E3893" s="1" t="s">
        <v>0</v>
      </c>
    </row>
    <row r="3894" spans="1:5" x14ac:dyDescent="0.25">
      <c r="A3894" s="1" t="s">
        <v>18643</v>
      </c>
      <c r="B3894" s="1" t="s">
        <v>58978</v>
      </c>
      <c r="C3894" s="1" t="s">
        <v>18644</v>
      </c>
      <c r="D3894" s="2">
        <v>156722</v>
      </c>
      <c r="E3894" s="1" t="s">
        <v>0</v>
      </c>
    </row>
    <row r="3895" spans="1:5" ht="409.5" x14ac:dyDescent="0.25">
      <c r="A3895" s="4" t="s">
        <v>18645</v>
      </c>
      <c r="B3895" s="1" t="s">
        <v>58979</v>
      </c>
      <c r="C3895" s="1" t="s">
        <v>18646</v>
      </c>
      <c r="D3895" s="2">
        <v>156723</v>
      </c>
      <c r="E3895" s="1" t="s">
        <v>0</v>
      </c>
    </row>
    <row r="3896" spans="1:5" x14ac:dyDescent="0.25">
      <c r="A3896" s="1" t="s">
        <v>18647</v>
      </c>
      <c r="B3896" s="1" t="s">
        <v>6105</v>
      </c>
      <c r="C3896" s="1" t="s">
        <v>18648</v>
      </c>
      <c r="D3896" s="2">
        <v>156724</v>
      </c>
      <c r="E3896" s="1" t="s">
        <v>0</v>
      </c>
    </row>
    <row r="3897" spans="1:5" x14ac:dyDescent="0.25">
      <c r="A3897" s="2">
        <v>779</v>
      </c>
      <c r="B3897" s="2">
        <v>779</v>
      </c>
      <c r="C3897" s="1" t="s">
        <v>0</v>
      </c>
      <c r="D3897" s="2">
        <v>156725</v>
      </c>
      <c r="E3897" s="1" t="s">
        <v>0</v>
      </c>
    </row>
    <row r="3898" spans="1:5" x14ac:dyDescent="0.25">
      <c r="A3898" s="1" t="s">
        <v>717</v>
      </c>
      <c r="B3898" s="1" t="s">
        <v>6106</v>
      </c>
      <c r="C3898" s="1" t="s">
        <v>18649</v>
      </c>
      <c r="D3898" s="2">
        <v>156726</v>
      </c>
      <c r="E3898" s="1" t="s">
        <v>0</v>
      </c>
    </row>
    <row r="3899" spans="1:5" x14ac:dyDescent="0.25">
      <c r="A3899" s="1" t="s">
        <v>18650</v>
      </c>
      <c r="B3899" s="1" t="s">
        <v>6107</v>
      </c>
      <c r="C3899" s="1" t="s">
        <v>18651</v>
      </c>
      <c r="D3899" s="2">
        <v>156727</v>
      </c>
      <c r="E3899" s="1" t="s">
        <v>0</v>
      </c>
    </row>
    <row r="3900" spans="1:5" ht="409.5" x14ac:dyDescent="0.25">
      <c r="A3900" s="4" t="s">
        <v>18652</v>
      </c>
      <c r="B3900" s="1" t="s">
        <v>57413</v>
      </c>
      <c r="C3900" s="1" t="s">
        <v>18653</v>
      </c>
      <c r="D3900" s="2">
        <v>156728</v>
      </c>
      <c r="E3900" s="1" t="s">
        <v>0</v>
      </c>
    </row>
    <row r="3901" spans="1:5" x14ac:dyDescent="0.25">
      <c r="A3901" s="1" t="s">
        <v>18654</v>
      </c>
      <c r="B3901" s="1" t="s">
        <v>51933</v>
      </c>
      <c r="C3901" s="1" t="s">
        <v>18655</v>
      </c>
      <c r="D3901" s="2">
        <v>156729</v>
      </c>
      <c r="E3901" s="1" t="s">
        <v>0</v>
      </c>
    </row>
    <row r="3902" spans="1:5" x14ac:dyDescent="0.25">
      <c r="A3902" s="2">
        <v>780</v>
      </c>
      <c r="B3902" s="2">
        <v>780</v>
      </c>
      <c r="C3902" s="1" t="s">
        <v>0</v>
      </c>
      <c r="D3902" s="2">
        <v>156730</v>
      </c>
      <c r="E3902" s="1" t="s">
        <v>0</v>
      </c>
    </row>
    <row r="3903" spans="1:5" x14ac:dyDescent="0.25">
      <c r="A3903" s="1" t="s">
        <v>718</v>
      </c>
      <c r="B3903" s="1" t="s">
        <v>6108</v>
      </c>
      <c r="C3903" s="1" t="s">
        <v>18656</v>
      </c>
      <c r="D3903" s="2">
        <v>156731</v>
      </c>
      <c r="E3903" s="1" t="s">
        <v>0</v>
      </c>
    </row>
    <row r="3904" spans="1:5" x14ac:dyDescent="0.25">
      <c r="A3904" s="1" t="s">
        <v>18657</v>
      </c>
      <c r="B3904" s="1" t="s">
        <v>57732</v>
      </c>
      <c r="C3904" s="1" t="s">
        <v>18658</v>
      </c>
      <c r="D3904" s="2">
        <v>156732</v>
      </c>
      <c r="E3904" s="1" t="s">
        <v>0</v>
      </c>
    </row>
    <row r="3905" spans="1:5" ht="409.5" x14ac:dyDescent="0.25">
      <c r="A3905" s="4" t="s">
        <v>18659</v>
      </c>
      <c r="B3905" s="1" t="s">
        <v>57733</v>
      </c>
      <c r="C3905" s="1" t="s">
        <v>18660</v>
      </c>
      <c r="D3905" s="2">
        <v>156733</v>
      </c>
      <c r="E3905" s="1" t="s">
        <v>0</v>
      </c>
    </row>
    <row r="3906" spans="1:5" x14ac:dyDescent="0.25">
      <c r="A3906" s="1" t="s">
        <v>18661</v>
      </c>
      <c r="B3906" s="1" t="s">
        <v>6109</v>
      </c>
      <c r="C3906" s="1" t="s">
        <v>18662</v>
      </c>
      <c r="D3906" s="2">
        <v>156734</v>
      </c>
      <c r="E3906" s="1" t="s">
        <v>0</v>
      </c>
    </row>
    <row r="3907" spans="1:5" x14ac:dyDescent="0.25">
      <c r="A3907" s="2">
        <v>781</v>
      </c>
      <c r="B3907" s="2">
        <v>781</v>
      </c>
      <c r="C3907" s="1" t="s">
        <v>0</v>
      </c>
      <c r="D3907" s="2">
        <v>156735</v>
      </c>
      <c r="E3907" s="1" t="s">
        <v>0</v>
      </c>
    </row>
    <row r="3908" spans="1:5" x14ac:dyDescent="0.25">
      <c r="A3908" s="1" t="s">
        <v>719</v>
      </c>
      <c r="B3908" s="1" t="s">
        <v>6110</v>
      </c>
      <c r="C3908" s="1" t="s">
        <v>18663</v>
      </c>
      <c r="D3908" s="2">
        <v>156736</v>
      </c>
      <c r="E3908" s="1" t="s">
        <v>0</v>
      </c>
    </row>
    <row r="3909" spans="1:5" x14ac:dyDescent="0.25">
      <c r="A3909" s="1" t="s">
        <v>18664</v>
      </c>
      <c r="B3909" s="1" t="s">
        <v>6111</v>
      </c>
      <c r="C3909" s="1" t="s">
        <v>18665</v>
      </c>
      <c r="D3909" s="2">
        <v>156737</v>
      </c>
      <c r="E3909" s="1" t="s">
        <v>0</v>
      </c>
    </row>
    <row r="3910" spans="1:5" ht="409.5" x14ac:dyDescent="0.25">
      <c r="A3910" s="4" t="s">
        <v>18666</v>
      </c>
      <c r="B3910" s="1" t="s">
        <v>58204</v>
      </c>
      <c r="C3910" s="1" t="s">
        <v>18667</v>
      </c>
      <c r="D3910" s="2">
        <v>156738</v>
      </c>
      <c r="E3910" s="1" t="s">
        <v>0</v>
      </c>
    </row>
    <row r="3911" spans="1:5" x14ac:dyDescent="0.25">
      <c r="A3911" s="1" t="s">
        <v>18668</v>
      </c>
      <c r="B3911" s="1" t="s">
        <v>60943</v>
      </c>
      <c r="C3911" s="1" t="s">
        <v>18669</v>
      </c>
      <c r="D3911" s="2">
        <v>156739</v>
      </c>
      <c r="E3911" s="1" t="s">
        <v>0</v>
      </c>
    </row>
    <row r="3912" spans="1:5" x14ac:dyDescent="0.25">
      <c r="A3912" s="2">
        <v>782</v>
      </c>
      <c r="B3912" s="2">
        <v>782</v>
      </c>
      <c r="C3912" s="1" t="s">
        <v>0</v>
      </c>
      <c r="D3912" s="2">
        <v>156740</v>
      </c>
      <c r="E3912" s="1" t="s">
        <v>0</v>
      </c>
    </row>
    <row r="3913" spans="1:5" x14ac:dyDescent="0.25">
      <c r="A3913" s="1" t="s">
        <v>720</v>
      </c>
      <c r="B3913" s="1" t="s">
        <v>6112</v>
      </c>
      <c r="C3913" s="1" t="s">
        <v>18670</v>
      </c>
      <c r="D3913" s="2">
        <v>156741</v>
      </c>
      <c r="E3913" s="1" t="s">
        <v>0</v>
      </c>
    </row>
    <row r="3914" spans="1:5" x14ac:dyDescent="0.25">
      <c r="A3914" s="1" t="s">
        <v>18671</v>
      </c>
      <c r="B3914" s="1" t="s">
        <v>63630</v>
      </c>
      <c r="C3914" s="1" t="s">
        <v>18672</v>
      </c>
      <c r="D3914" s="2">
        <v>156742</v>
      </c>
      <c r="E3914" s="1" t="s">
        <v>0</v>
      </c>
    </row>
    <row r="3915" spans="1:5" ht="409.5" x14ac:dyDescent="0.25">
      <c r="A3915" s="4" t="s">
        <v>18673</v>
      </c>
      <c r="B3915" s="1" t="s">
        <v>63631</v>
      </c>
      <c r="C3915" s="1" t="s">
        <v>18674</v>
      </c>
      <c r="D3915" s="2">
        <v>156743</v>
      </c>
      <c r="E3915" s="1" t="s">
        <v>0</v>
      </c>
    </row>
    <row r="3916" spans="1:5" x14ac:dyDescent="0.25">
      <c r="A3916" s="1" t="s">
        <v>18675</v>
      </c>
      <c r="B3916" s="1" t="s">
        <v>6113</v>
      </c>
      <c r="C3916" s="1" t="s">
        <v>18676</v>
      </c>
      <c r="D3916" s="2">
        <v>156744</v>
      </c>
      <c r="E3916" s="1" t="s">
        <v>0</v>
      </c>
    </row>
    <row r="3917" spans="1:5" x14ac:dyDescent="0.25">
      <c r="A3917" s="2">
        <v>783</v>
      </c>
      <c r="B3917" s="2">
        <v>783</v>
      </c>
      <c r="C3917" s="1" t="s">
        <v>0</v>
      </c>
      <c r="D3917" s="2">
        <v>156745</v>
      </c>
      <c r="E3917" s="1" t="s">
        <v>0</v>
      </c>
    </row>
    <row r="3918" spans="1:5" x14ac:dyDescent="0.25">
      <c r="A3918" s="1" t="s">
        <v>721</v>
      </c>
      <c r="B3918" s="1" t="s">
        <v>6114</v>
      </c>
      <c r="C3918" s="1" t="s">
        <v>18677</v>
      </c>
      <c r="D3918" s="2">
        <v>156746</v>
      </c>
      <c r="E3918" s="1" t="s">
        <v>0</v>
      </c>
    </row>
    <row r="3919" spans="1:5" x14ac:dyDescent="0.25">
      <c r="A3919" s="1" t="s">
        <v>18678</v>
      </c>
      <c r="B3919" s="1" t="s">
        <v>18679</v>
      </c>
      <c r="C3919" s="1" t="s">
        <v>18680</v>
      </c>
      <c r="D3919" s="2">
        <v>156747</v>
      </c>
      <c r="E3919" s="1" t="s">
        <v>0</v>
      </c>
    </row>
    <row r="3920" spans="1:5" ht="409.5" x14ac:dyDescent="0.25">
      <c r="A3920" s="4" t="s">
        <v>18681</v>
      </c>
      <c r="B3920" s="1" t="s">
        <v>51934</v>
      </c>
      <c r="C3920" s="1" t="s">
        <v>18682</v>
      </c>
      <c r="D3920" s="2">
        <v>156748</v>
      </c>
      <c r="E3920" s="1" t="s">
        <v>0</v>
      </c>
    </row>
    <row r="3921" spans="1:5" x14ac:dyDescent="0.25">
      <c r="A3921" s="1" t="s">
        <v>18683</v>
      </c>
      <c r="B3921" s="1" t="s">
        <v>60944</v>
      </c>
      <c r="C3921" s="1" t="s">
        <v>18684</v>
      </c>
      <c r="D3921" s="2">
        <v>156749</v>
      </c>
      <c r="E3921" s="1" t="s">
        <v>0</v>
      </c>
    </row>
    <row r="3922" spans="1:5" x14ac:dyDescent="0.25">
      <c r="A3922" s="2">
        <v>784</v>
      </c>
      <c r="B3922" s="2">
        <v>784</v>
      </c>
      <c r="C3922" s="1" t="s">
        <v>0</v>
      </c>
      <c r="D3922" s="2">
        <v>156750</v>
      </c>
      <c r="E3922" s="1" t="s">
        <v>0</v>
      </c>
    </row>
    <row r="3923" spans="1:5" x14ac:dyDescent="0.25">
      <c r="A3923" s="1" t="s">
        <v>722</v>
      </c>
      <c r="B3923" s="1" t="s">
        <v>59801</v>
      </c>
      <c r="C3923" s="1" t="s">
        <v>18685</v>
      </c>
      <c r="D3923" s="2">
        <v>156751</v>
      </c>
      <c r="E3923" s="1" t="s">
        <v>0</v>
      </c>
    </row>
    <row r="3924" spans="1:5" x14ac:dyDescent="0.25">
      <c r="A3924" s="1" t="s">
        <v>18686</v>
      </c>
      <c r="B3924" s="1" t="s">
        <v>6115</v>
      </c>
      <c r="C3924" s="1" t="s">
        <v>18687</v>
      </c>
      <c r="D3924" s="2">
        <v>156752</v>
      </c>
      <c r="E3924" s="1" t="s">
        <v>0</v>
      </c>
    </row>
    <row r="3925" spans="1:5" ht="409.5" x14ac:dyDescent="0.25">
      <c r="A3925" s="4" t="s">
        <v>64007</v>
      </c>
      <c r="B3925" s="1" t="s">
        <v>50452</v>
      </c>
      <c r="C3925" s="1" t="s">
        <v>18688</v>
      </c>
      <c r="D3925" s="2">
        <v>156753</v>
      </c>
      <c r="E3925" s="1" t="s">
        <v>0</v>
      </c>
    </row>
    <row r="3926" spans="1:5" x14ac:dyDescent="0.25">
      <c r="A3926" s="1" t="s">
        <v>16086</v>
      </c>
      <c r="B3926" s="1" t="s">
        <v>60897</v>
      </c>
      <c r="C3926" s="1" t="s">
        <v>16087</v>
      </c>
      <c r="D3926" s="2">
        <v>156754</v>
      </c>
      <c r="E3926" s="1" t="s">
        <v>0</v>
      </c>
    </row>
    <row r="3927" spans="1:5" x14ac:dyDescent="0.25">
      <c r="A3927" s="2">
        <v>785</v>
      </c>
      <c r="B3927" s="2">
        <v>785</v>
      </c>
      <c r="C3927" s="1" t="s">
        <v>0</v>
      </c>
      <c r="D3927" s="2">
        <v>156755</v>
      </c>
      <c r="E3927" s="1" t="s">
        <v>0</v>
      </c>
    </row>
    <row r="3928" spans="1:5" x14ac:dyDescent="0.25">
      <c r="A3928" s="1" t="s">
        <v>723</v>
      </c>
      <c r="B3928" s="1" t="s">
        <v>6116</v>
      </c>
      <c r="C3928" s="1" t="s">
        <v>18689</v>
      </c>
      <c r="D3928" s="2">
        <v>156756</v>
      </c>
      <c r="E3928" s="1" t="s">
        <v>0</v>
      </c>
    </row>
    <row r="3929" spans="1:5" x14ac:dyDescent="0.25">
      <c r="A3929" s="1" t="s">
        <v>18690</v>
      </c>
      <c r="B3929" s="1" t="s">
        <v>13008</v>
      </c>
      <c r="C3929" s="1" t="s">
        <v>18691</v>
      </c>
      <c r="D3929" s="2">
        <v>156757</v>
      </c>
      <c r="E3929" s="1" t="s">
        <v>0</v>
      </c>
    </row>
    <row r="3930" spans="1:5" ht="409.5" x14ac:dyDescent="0.25">
      <c r="A3930" s="4" t="s">
        <v>18692</v>
      </c>
      <c r="B3930" s="1" t="s">
        <v>51935</v>
      </c>
      <c r="C3930" s="1" t="s">
        <v>18693</v>
      </c>
      <c r="D3930" s="2">
        <v>156758</v>
      </c>
      <c r="E3930" s="1" t="s">
        <v>0</v>
      </c>
    </row>
    <row r="3931" spans="1:5" x14ac:dyDescent="0.25">
      <c r="A3931" s="1" t="s">
        <v>18694</v>
      </c>
      <c r="B3931" s="1" t="s">
        <v>6117</v>
      </c>
      <c r="C3931" s="1" t="s">
        <v>18695</v>
      </c>
      <c r="D3931" s="2">
        <v>156759</v>
      </c>
      <c r="E3931" s="1" t="s">
        <v>0</v>
      </c>
    </row>
    <row r="3932" spans="1:5" x14ac:dyDescent="0.25">
      <c r="A3932" s="2">
        <v>786</v>
      </c>
      <c r="B3932" s="2">
        <v>786</v>
      </c>
      <c r="C3932" s="1" t="s">
        <v>0</v>
      </c>
      <c r="D3932" s="2">
        <v>156760</v>
      </c>
      <c r="E3932" s="1" t="s">
        <v>0</v>
      </c>
    </row>
    <row r="3933" spans="1:5" x14ac:dyDescent="0.25">
      <c r="A3933" s="1" t="s">
        <v>724</v>
      </c>
      <c r="B3933" s="1" t="s">
        <v>6118</v>
      </c>
      <c r="C3933" s="1" t="s">
        <v>18696</v>
      </c>
      <c r="D3933" s="2">
        <v>156761</v>
      </c>
      <c r="E3933" s="1" t="s">
        <v>0</v>
      </c>
    </row>
    <row r="3934" spans="1:5" x14ac:dyDescent="0.25">
      <c r="A3934" s="1" t="s">
        <v>18697</v>
      </c>
      <c r="B3934" s="1" t="s">
        <v>6119</v>
      </c>
      <c r="C3934" s="1" t="s">
        <v>18698</v>
      </c>
      <c r="D3934" s="2">
        <v>156762</v>
      </c>
      <c r="E3934" s="1" t="s">
        <v>0</v>
      </c>
    </row>
    <row r="3935" spans="1:5" ht="409.5" x14ac:dyDescent="0.25">
      <c r="A3935" s="4" t="s">
        <v>18699</v>
      </c>
      <c r="B3935" s="1" t="s">
        <v>6120</v>
      </c>
      <c r="C3935" s="1" t="s">
        <v>18700</v>
      </c>
      <c r="D3935" s="2">
        <v>156763</v>
      </c>
      <c r="E3935" s="1" t="s">
        <v>0</v>
      </c>
    </row>
    <row r="3936" spans="1:5" x14ac:dyDescent="0.25">
      <c r="A3936" s="1" t="s">
        <v>18701</v>
      </c>
      <c r="B3936" s="1" t="s">
        <v>51936</v>
      </c>
      <c r="C3936" s="1" t="s">
        <v>18702</v>
      </c>
      <c r="D3936" s="2">
        <v>156764</v>
      </c>
      <c r="E3936" s="1" t="s">
        <v>0</v>
      </c>
    </row>
    <row r="3937" spans="1:5" x14ac:dyDescent="0.25">
      <c r="A3937" s="2">
        <v>787</v>
      </c>
      <c r="B3937" s="2">
        <v>787</v>
      </c>
      <c r="C3937" s="1" t="s">
        <v>0</v>
      </c>
      <c r="D3937" s="2">
        <v>156765</v>
      </c>
      <c r="E3937" s="1" t="s">
        <v>0</v>
      </c>
    </row>
    <row r="3938" spans="1:5" x14ac:dyDescent="0.25">
      <c r="A3938" s="1" t="s">
        <v>725</v>
      </c>
      <c r="B3938" s="1" t="s">
        <v>59802</v>
      </c>
      <c r="C3938" s="1" t="s">
        <v>18703</v>
      </c>
      <c r="D3938" s="2">
        <v>156766</v>
      </c>
      <c r="E3938" s="1" t="s">
        <v>0</v>
      </c>
    </row>
    <row r="3939" spans="1:5" x14ac:dyDescent="0.25">
      <c r="A3939" s="1" t="s">
        <v>18704</v>
      </c>
      <c r="B3939" s="1" t="s">
        <v>6121</v>
      </c>
      <c r="C3939" s="1" t="s">
        <v>18705</v>
      </c>
      <c r="D3939" s="2">
        <v>156767</v>
      </c>
      <c r="E3939" s="1" t="s">
        <v>0</v>
      </c>
    </row>
    <row r="3940" spans="1:5" ht="409.5" x14ac:dyDescent="0.25">
      <c r="A3940" s="4" t="s">
        <v>18706</v>
      </c>
      <c r="B3940" s="1" t="s">
        <v>6122</v>
      </c>
      <c r="C3940" s="1" t="s">
        <v>18707</v>
      </c>
      <c r="D3940" s="2">
        <v>156768</v>
      </c>
      <c r="E3940" s="1" t="s">
        <v>0</v>
      </c>
    </row>
    <row r="3941" spans="1:5" x14ac:dyDescent="0.25">
      <c r="A3941" s="1" t="s">
        <v>18708</v>
      </c>
      <c r="B3941" s="1" t="s">
        <v>51937</v>
      </c>
      <c r="C3941" s="1" t="s">
        <v>18709</v>
      </c>
      <c r="D3941" s="2">
        <v>156769</v>
      </c>
      <c r="E3941" s="1" t="s">
        <v>0</v>
      </c>
    </row>
    <row r="3942" spans="1:5" x14ac:dyDescent="0.25">
      <c r="A3942" s="2">
        <v>788</v>
      </c>
      <c r="B3942" s="2">
        <v>788</v>
      </c>
      <c r="C3942" s="1" t="s">
        <v>0</v>
      </c>
      <c r="D3942" s="2">
        <v>156770</v>
      </c>
      <c r="E3942" s="1" t="s">
        <v>0</v>
      </c>
    </row>
    <row r="3943" spans="1:5" x14ac:dyDescent="0.25">
      <c r="A3943" s="1" t="s">
        <v>726</v>
      </c>
      <c r="B3943" s="1" t="s">
        <v>6123</v>
      </c>
      <c r="C3943" s="1" t="s">
        <v>18710</v>
      </c>
      <c r="D3943" s="2">
        <v>156771</v>
      </c>
      <c r="E3943" s="1" t="s">
        <v>0</v>
      </c>
    </row>
    <row r="3944" spans="1:5" x14ac:dyDescent="0.25">
      <c r="A3944" s="1" t="s">
        <v>18711</v>
      </c>
      <c r="B3944" s="1" t="s">
        <v>50453</v>
      </c>
      <c r="C3944" s="1" t="s">
        <v>18712</v>
      </c>
      <c r="D3944" s="2">
        <v>156772</v>
      </c>
      <c r="E3944" s="1" t="s">
        <v>0</v>
      </c>
    </row>
    <row r="3945" spans="1:5" ht="409.5" x14ac:dyDescent="0.25">
      <c r="A3945" s="4" t="s">
        <v>18713</v>
      </c>
      <c r="B3945" s="1" t="s">
        <v>63220</v>
      </c>
      <c r="C3945" s="1" t="s">
        <v>18714</v>
      </c>
      <c r="D3945" s="2">
        <v>156773</v>
      </c>
      <c r="E3945" s="1" t="s">
        <v>0</v>
      </c>
    </row>
    <row r="3946" spans="1:5" x14ac:dyDescent="0.25">
      <c r="A3946" s="1" t="s">
        <v>18715</v>
      </c>
      <c r="B3946" s="1" t="s">
        <v>6124</v>
      </c>
      <c r="C3946" s="1" t="s">
        <v>18716</v>
      </c>
      <c r="D3946" s="2">
        <v>156774</v>
      </c>
      <c r="E3946" s="1" t="s">
        <v>0</v>
      </c>
    </row>
    <row r="3947" spans="1:5" x14ac:dyDescent="0.25">
      <c r="A3947" s="2">
        <v>789</v>
      </c>
      <c r="B3947" s="2">
        <v>789</v>
      </c>
      <c r="C3947" s="1" t="s">
        <v>0</v>
      </c>
      <c r="D3947" s="2">
        <v>156775</v>
      </c>
      <c r="E3947" s="1" t="s">
        <v>0</v>
      </c>
    </row>
    <row r="3948" spans="1:5" x14ac:dyDescent="0.25">
      <c r="A3948" s="1" t="s">
        <v>18717</v>
      </c>
      <c r="B3948" s="1" t="s">
        <v>6125</v>
      </c>
      <c r="C3948" s="1" t="s">
        <v>18718</v>
      </c>
      <c r="D3948" s="2">
        <v>156776</v>
      </c>
      <c r="E3948" s="1" t="s">
        <v>0</v>
      </c>
    </row>
    <row r="3949" spans="1:5" x14ac:dyDescent="0.25">
      <c r="A3949" s="1" t="s">
        <v>18719</v>
      </c>
      <c r="B3949" s="1" t="s">
        <v>58980</v>
      </c>
      <c r="C3949" s="1" t="s">
        <v>18720</v>
      </c>
      <c r="D3949" s="2">
        <v>156777</v>
      </c>
      <c r="E3949" s="1" t="s">
        <v>0</v>
      </c>
    </row>
    <row r="3950" spans="1:5" ht="409.5" x14ac:dyDescent="0.25">
      <c r="A3950" s="4" t="s">
        <v>18721</v>
      </c>
      <c r="B3950" s="1" t="s">
        <v>63632</v>
      </c>
      <c r="C3950" s="1" t="s">
        <v>18722</v>
      </c>
      <c r="D3950" s="2">
        <v>156778</v>
      </c>
      <c r="E3950" s="1" t="s">
        <v>0</v>
      </c>
    </row>
    <row r="3951" spans="1:5" x14ac:dyDescent="0.25">
      <c r="A3951" s="1" t="s">
        <v>18723</v>
      </c>
      <c r="B3951" s="1" t="s">
        <v>6126</v>
      </c>
      <c r="C3951" s="1" t="s">
        <v>18724</v>
      </c>
      <c r="D3951" s="2">
        <v>156779</v>
      </c>
      <c r="E3951" s="1" t="s">
        <v>0</v>
      </c>
    </row>
    <row r="3952" spans="1:5" x14ac:dyDescent="0.25">
      <c r="A3952" s="2">
        <v>790</v>
      </c>
      <c r="B3952" s="2">
        <v>790</v>
      </c>
      <c r="C3952" s="1" t="s">
        <v>0</v>
      </c>
      <c r="D3952" s="2">
        <v>156780</v>
      </c>
      <c r="E3952" s="1" t="s">
        <v>0</v>
      </c>
    </row>
    <row r="3953" spans="1:5" x14ac:dyDescent="0.25">
      <c r="A3953" s="1" t="s">
        <v>727</v>
      </c>
      <c r="B3953" s="1" t="s">
        <v>6127</v>
      </c>
      <c r="C3953" s="1" t="s">
        <v>18725</v>
      </c>
      <c r="D3953" s="2">
        <v>156781</v>
      </c>
      <c r="E3953" s="1" t="s">
        <v>0</v>
      </c>
    </row>
    <row r="3954" spans="1:5" x14ac:dyDescent="0.25">
      <c r="A3954" s="1" t="s">
        <v>18726</v>
      </c>
      <c r="B3954" s="1" t="s">
        <v>51938</v>
      </c>
      <c r="C3954" s="1" t="s">
        <v>18727</v>
      </c>
      <c r="D3954" s="2">
        <v>156782</v>
      </c>
      <c r="E3954" s="1" t="s">
        <v>0</v>
      </c>
    </row>
    <row r="3955" spans="1:5" ht="409.5" x14ac:dyDescent="0.25">
      <c r="A3955" s="4" t="s">
        <v>18728</v>
      </c>
      <c r="B3955" s="1" t="s">
        <v>51939</v>
      </c>
      <c r="C3955" s="1" t="s">
        <v>18729</v>
      </c>
      <c r="D3955" s="2">
        <v>156783</v>
      </c>
      <c r="E3955" s="1" t="s">
        <v>0</v>
      </c>
    </row>
    <row r="3956" spans="1:5" x14ac:dyDescent="0.25">
      <c r="A3956" s="1" t="s">
        <v>18730</v>
      </c>
      <c r="B3956" s="1" t="s">
        <v>6128</v>
      </c>
      <c r="C3956" s="1" t="s">
        <v>18731</v>
      </c>
      <c r="D3956" s="2">
        <v>156784</v>
      </c>
      <c r="E3956" s="1" t="s">
        <v>0</v>
      </c>
    </row>
    <row r="3957" spans="1:5" x14ac:dyDescent="0.25">
      <c r="A3957" s="2">
        <v>791</v>
      </c>
      <c r="B3957" s="2">
        <v>791</v>
      </c>
      <c r="C3957" s="1" t="s">
        <v>0</v>
      </c>
      <c r="D3957" s="2">
        <v>156785</v>
      </c>
      <c r="E3957" s="1" t="s">
        <v>0</v>
      </c>
    </row>
    <row r="3958" spans="1:5" x14ac:dyDescent="0.25">
      <c r="A3958" s="1" t="s">
        <v>728</v>
      </c>
      <c r="B3958" s="1" t="s">
        <v>51940</v>
      </c>
      <c r="C3958" s="1" t="s">
        <v>18732</v>
      </c>
      <c r="D3958" s="2">
        <v>156786</v>
      </c>
      <c r="E3958" s="1" t="s">
        <v>0</v>
      </c>
    </row>
    <row r="3959" spans="1:5" x14ac:dyDescent="0.25">
      <c r="A3959" s="1" t="s">
        <v>18733</v>
      </c>
      <c r="B3959" s="1" t="s">
        <v>51941</v>
      </c>
      <c r="C3959" s="1" t="s">
        <v>18734</v>
      </c>
      <c r="D3959" s="2">
        <v>156787</v>
      </c>
      <c r="E3959" s="1" t="s">
        <v>0</v>
      </c>
    </row>
    <row r="3960" spans="1:5" ht="409.5" x14ac:dyDescent="0.25">
      <c r="A3960" s="4" t="s">
        <v>18735</v>
      </c>
      <c r="B3960" s="1" t="s">
        <v>51942</v>
      </c>
      <c r="C3960" s="1" t="s">
        <v>18736</v>
      </c>
      <c r="D3960" s="2">
        <v>156788</v>
      </c>
      <c r="E3960" s="1" t="s">
        <v>0</v>
      </c>
    </row>
    <row r="3961" spans="1:5" x14ac:dyDescent="0.25">
      <c r="A3961" s="1" t="s">
        <v>18737</v>
      </c>
      <c r="B3961" s="1" t="s">
        <v>60945</v>
      </c>
      <c r="C3961" s="1" t="s">
        <v>18738</v>
      </c>
      <c r="D3961" s="2">
        <v>156789</v>
      </c>
      <c r="E3961" s="1" t="s">
        <v>0</v>
      </c>
    </row>
    <row r="3962" spans="1:5" x14ac:dyDescent="0.25">
      <c r="A3962" s="2">
        <v>792</v>
      </c>
      <c r="B3962" s="2">
        <v>792</v>
      </c>
      <c r="C3962" s="1" t="s">
        <v>0</v>
      </c>
      <c r="D3962" s="2">
        <v>156790</v>
      </c>
      <c r="E3962" s="1" t="s">
        <v>0</v>
      </c>
    </row>
    <row r="3963" spans="1:5" x14ac:dyDescent="0.25">
      <c r="A3963" s="1" t="s">
        <v>6129</v>
      </c>
      <c r="B3963" s="1" t="s">
        <v>6130</v>
      </c>
      <c r="C3963" s="1" t="s">
        <v>18739</v>
      </c>
      <c r="D3963" s="2">
        <v>156791</v>
      </c>
      <c r="E3963" s="1" t="s">
        <v>0</v>
      </c>
    </row>
    <row r="3964" spans="1:5" x14ac:dyDescent="0.25">
      <c r="A3964" s="1" t="s">
        <v>18740</v>
      </c>
      <c r="B3964" s="1" t="s">
        <v>6131</v>
      </c>
      <c r="C3964" s="1" t="s">
        <v>18741</v>
      </c>
      <c r="D3964" s="2">
        <v>156792</v>
      </c>
      <c r="E3964" s="1" t="s">
        <v>0</v>
      </c>
    </row>
    <row r="3965" spans="1:5" ht="409.5" x14ac:dyDescent="0.25">
      <c r="A3965" s="4" t="s">
        <v>18742</v>
      </c>
      <c r="B3965" s="1" t="s">
        <v>60702</v>
      </c>
      <c r="C3965" s="1" t="s">
        <v>18743</v>
      </c>
      <c r="D3965" s="2">
        <v>156793</v>
      </c>
      <c r="E3965" s="1" t="s">
        <v>0</v>
      </c>
    </row>
    <row r="3966" spans="1:5" x14ac:dyDescent="0.25">
      <c r="A3966" s="1" t="s">
        <v>18744</v>
      </c>
      <c r="B3966" s="1" t="s">
        <v>51943</v>
      </c>
      <c r="C3966" s="1" t="s">
        <v>18745</v>
      </c>
      <c r="D3966" s="2">
        <v>156794</v>
      </c>
      <c r="E3966" s="1" t="s">
        <v>0</v>
      </c>
    </row>
    <row r="3967" spans="1:5" x14ac:dyDescent="0.25">
      <c r="A3967" s="2">
        <v>793</v>
      </c>
      <c r="B3967" s="2">
        <v>793</v>
      </c>
      <c r="C3967" s="1" t="s">
        <v>0</v>
      </c>
      <c r="D3967" s="2">
        <v>156795</v>
      </c>
      <c r="E3967" s="1" t="s">
        <v>0</v>
      </c>
    </row>
    <row r="3968" spans="1:5" x14ac:dyDescent="0.25">
      <c r="A3968" s="1" t="s">
        <v>6132</v>
      </c>
      <c r="B3968" s="1" t="s">
        <v>51944</v>
      </c>
      <c r="C3968" s="1" t="s">
        <v>18746</v>
      </c>
      <c r="D3968" s="2">
        <v>156796</v>
      </c>
      <c r="E3968" s="1" t="s">
        <v>0</v>
      </c>
    </row>
    <row r="3969" spans="1:5" x14ac:dyDescent="0.25">
      <c r="A3969" s="1" t="s">
        <v>18747</v>
      </c>
      <c r="B3969" s="1" t="s">
        <v>51945</v>
      </c>
      <c r="C3969" s="1" t="s">
        <v>18748</v>
      </c>
      <c r="D3969" s="2">
        <v>156797</v>
      </c>
      <c r="E3969" s="1" t="s">
        <v>0</v>
      </c>
    </row>
    <row r="3970" spans="1:5" ht="409.5" x14ac:dyDescent="0.25">
      <c r="A3970" s="4" t="s">
        <v>18749</v>
      </c>
      <c r="B3970" s="1" t="s">
        <v>51946</v>
      </c>
      <c r="C3970" s="1" t="s">
        <v>18750</v>
      </c>
      <c r="D3970" s="2">
        <v>156798</v>
      </c>
      <c r="E3970" s="1" t="s">
        <v>0</v>
      </c>
    </row>
    <row r="3971" spans="1:5" x14ac:dyDescent="0.25">
      <c r="A3971" s="1" t="s">
        <v>18751</v>
      </c>
      <c r="B3971" s="1" t="s">
        <v>6133</v>
      </c>
      <c r="C3971" s="1" t="s">
        <v>18752</v>
      </c>
      <c r="D3971" s="2">
        <v>156799</v>
      </c>
      <c r="E3971" s="1" t="s">
        <v>0</v>
      </c>
    </row>
    <row r="3972" spans="1:5" x14ac:dyDescent="0.25">
      <c r="A3972" s="2">
        <v>794</v>
      </c>
      <c r="B3972" s="2">
        <v>794</v>
      </c>
      <c r="C3972" s="1" t="s">
        <v>0</v>
      </c>
      <c r="D3972" s="2">
        <v>156800</v>
      </c>
      <c r="E3972" s="1" t="s">
        <v>0</v>
      </c>
    </row>
    <row r="3973" spans="1:5" x14ac:dyDescent="0.25">
      <c r="A3973" s="1" t="s">
        <v>729</v>
      </c>
      <c r="B3973" s="1" t="s">
        <v>51947</v>
      </c>
      <c r="C3973" s="1" t="s">
        <v>18753</v>
      </c>
      <c r="D3973" s="2">
        <v>156801</v>
      </c>
      <c r="E3973" s="1" t="s">
        <v>0</v>
      </c>
    </row>
    <row r="3974" spans="1:5" x14ac:dyDescent="0.25">
      <c r="A3974" s="1" t="s">
        <v>18754</v>
      </c>
      <c r="B3974" s="1" t="s">
        <v>63221</v>
      </c>
      <c r="C3974" s="1" t="s">
        <v>18755</v>
      </c>
      <c r="D3974" s="2">
        <v>156802</v>
      </c>
      <c r="E3974" s="1" t="s">
        <v>0</v>
      </c>
    </row>
    <row r="3975" spans="1:5" ht="409.5" x14ac:dyDescent="0.25">
      <c r="A3975" s="4" t="s">
        <v>18756</v>
      </c>
      <c r="B3975" s="1" t="s">
        <v>63222</v>
      </c>
      <c r="C3975" s="1" t="s">
        <v>18757</v>
      </c>
      <c r="D3975" s="2">
        <v>156803</v>
      </c>
      <c r="E3975" s="1" t="s">
        <v>0</v>
      </c>
    </row>
    <row r="3976" spans="1:5" x14ac:dyDescent="0.25">
      <c r="A3976" s="1" t="s">
        <v>18758</v>
      </c>
      <c r="B3976" s="1" t="s">
        <v>6134</v>
      </c>
      <c r="C3976" s="1" t="s">
        <v>18759</v>
      </c>
      <c r="D3976" s="2">
        <v>156804</v>
      </c>
      <c r="E3976" s="1" t="s">
        <v>0</v>
      </c>
    </row>
    <row r="3977" spans="1:5" x14ac:dyDescent="0.25">
      <c r="A3977" s="2">
        <v>795</v>
      </c>
      <c r="B3977" s="2">
        <v>795</v>
      </c>
      <c r="C3977" s="1" t="s">
        <v>0</v>
      </c>
      <c r="D3977" s="2">
        <v>156805</v>
      </c>
      <c r="E3977" s="1" t="s">
        <v>0</v>
      </c>
    </row>
    <row r="3978" spans="1:5" x14ac:dyDescent="0.25">
      <c r="A3978" s="1" t="s">
        <v>730</v>
      </c>
      <c r="B3978" s="1" t="s">
        <v>6135</v>
      </c>
      <c r="C3978" s="1" t="s">
        <v>18760</v>
      </c>
      <c r="D3978" s="2">
        <v>156806</v>
      </c>
      <c r="E3978" s="1" t="s">
        <v>0</v>
      </c>
    </row>
    <row r="3979" spans="1:5" x14ac:dyDescent="0.25">
      <c r="A3979" s="1" t="s">
        <v>18761</v>
      </c>
      <c r="B3979" s="1" t="s">
        <v>58205</v>
      </c>
      <c r="C3979" s="1" t="s">
        <v>18762</v>
      </c>
      <c r="D3979" s="2">
        <v>156807</v>
      </c>
      <c r="E3979" s="1" t="s">
        <v>0</v>
      </c>
    </row>
    <row r="3980" spans="1:5" ht="409.5" x14ac:dyDescent="0.25">
      <c r="A3980" s="4" t="s">
        <v>18763</v>
      </c>
      <c r="B3980" s="1" t="s">
        <v>60946</v>
      </c>
      <c r="C3980" s="1" t="s">
        <v>18764</v>
      </c>
      <c r="D3980" s="2">
        <v>156808</v>
      </c>
      <c r="E3980" s="1" t="s">
        <v>0</v>
      </c>
    </row>
    <row r="3981" spans="1:5" x14ac:dyDescent="0.25">
      <c r="A3981" s="1" t="s">
        <v>18765</v>
      </c>
      <c r="B3981" s="1" t="s">
        <v>51948</v>
      </c>
      <c r="C3981" s="1" t="s">
        <v>18766</v>
      </c>
      <c r="D3981" s="2">
        <v>156809</v>
      </c>
      <c r="E3981" s="1" t="s">
        <v>0</v>
      </c>
    </row>
    <row r="3982" spans="1:5" x14ac:dyDescent="0.25">
      <c r="A3982" s="2">
        <v>796</v>
      </c>
      <c r="B3982" s="2">
        <v>796</v>
      </c>
      <c r="C3982" s="1" t="s">
        <v>0</v>
      </c>
      <c r="D3982" s="2">
        <v>156810</v>
      </c>
      <c r="E3982" s="1" t="s">
        <v>0</v>
      </c>
    </row>
    <row r="3983" spans="1:5" x14ac:dyDescent="0.25">
      <c r="A3983" s="1" t="s">
        <v>731</v>
      </c>
      <c r="B3983" s="1" t="s">
        <v>51949</v>
      </c>
      <c r="C3983" s="1" t="s">
        <v>18767</v>
      </c>
      <c r="D3983" s="2">
        <v>156811</v>
      </c>
      <c r="E3983" s="1" t="s">
        <v>0</v>
      </c>
    </row>
    <row r="3984" spans="1:5" x14ac:dyDescent="0.25">
      <c r="A3984" s="1" t="s">
        <v>18768</v>
      </c>
      <c r="B3984" s="1" t="s">
        <v>51950</v>
      </c>
      <c r="C3984" s="1" t="s">
        <v>18769</v>
      </c>
      <c r="D3984" s="2">
        <v>156812</v>
      </c>
      <c r="E3984" s="1" t="s">
        <v>0</v>
      </c>
    </row>
    <row r="3985" spans="1:5" ht="409.5" x14ac:dyDescent="0.25">
      <c r="A3985" s="4" t="s">
        <v>18770</v>
      </c>
      <c r="B3985" s="1" t="s">
        <v>51951</v>
      </c>
      <c r="C3985" s="1" t="s">
        <v>18771</v>
      </c>
      <c r="D3985" s="2">
        <v>156813</v>
      </c>
      <c r="E3985" s="1" t="s">
        <v>0</v>
      </c>
    </row>
    <row r="3986" spans="1:5" x14ac:dyDescent="0.25">
      <c r="A3986" s="1" t="s">
        <v>18772</v>
      </c>
      <c r="B3986" s="1" t="s">
        <v>51952</v>
      </c>
      <c r="C3986" s="1" t="s">
        <v>18773</v>
      </c>
      <c r="D3986" s="2">
        <v>156814</v>
      </c>
      <c r="E3986" s="1" t="s">
        <v>0</v>
      </c>
    </row>
    <row r="3987" spans="1:5" x14ac:dyDescent="0.25">
      <c r="A3987" s="2">
        <v>797</v>
      </c>
      <c r="B3987" s="2">
        <v>797</v>
      </c>
      <c r="C3987" s="1" t="s">
        <v>0</v>
      </c>
      <c r="D3987" s="2">
        <v>156815</v>
      </c>
      <c r="E3987" s="1" t="s">
        <v>0</v>
      </c>
    </row>
    <row r="3988" spans="1:5" x14ac:dyDescent="0.25">
      <c r="A3988" s="1" t="s">
        <v>732</v>
      </c>
      <c r="B3988" s="1" t="s">
        <v>51953</v>
      </c>
      <c r="C3988" s="1" t="s">
        <v>18774</v>
      </c>
      <c r="D3988" s="2">
        <v>156816</v>
      </c>
      <c r="E3988" s="1" t="s">
        <v>0</v>
      </c>
    </row>
    <row r="3989" spans="1:5" x14ac:dyDescent="0.25">
      <c r="A3989" s="1" t="s">
        <v>18775</v>
      </c>
      <c r="B3989" s="1" t="s">
        <v>51954</v>
      </c>
      <c r="C3989" s="1" t="s">
        <v>18776</v>
      </c>
      <c r="D3989" s="2">
        <v>156817</v>
      </c>
      <c r="E3989" s="1" t="s">
        <v>0</v>
      </c>
    </row>
    <row r="3990" spans="1:5" ht="409.5" x14ac:dyDescent="0.25">
      <c r="A3990" s="4" t="s">
        <v>18777</v>
      </c>
      <c r="B3990" s="1" t="s">
        <v>51955</v>
      </c>
      <c r="C3990" s="1" t="s">
        <v>18778</v>
      </c>
      <c r="D3990" s="2">
        <v>156818</v>
      </c>
      <c r="E3990" s="1" t="s">
        <v>0</v>
      </c>
    </row>
    <row r="3991" spans="1:5" x14ac:dyDescent="0.25">
      <c r="A3991" s="1" t="s">
        <v>18779</v>
      </c>
      <c r="B3991" s="1" t="s">
        <v>51956</v>
      </c>
      <c r="C3991" s="1" t="s">
        <v>18780</v>
      </c>
      <c r="D3991" s="2">
        <v>156819</v>
      </c>
      <c r="E3991" s="1" t="s">
        <v>0</v>
      </c>
    </row>
    <row r="3992" spans="1:5" x14ac:dyDescent="0.25">
      <c r="A3992" s="2">
        <v>798</v>
      </c>
      <c r="B3992" s="2">
        <v>798</v>
      </c>
      <c r="C3992" s="1" t="s">
        <v>0</v>
      </c>
      <c r="D3992" s="2">
        <v>156820</v>
      </c>
      <c r="E3992" s="1" t="s">
        <v>0</v>
      </c>
    </row>
    <row r="3993" spans="1:5" x14ac:dyDescent="0.25">
      <c r="A3993" s="1" t="s">
        <v>733</v>
      </c>
      <c r="B3993" s="1" t="s">
        <v>57734</v>
      </c>
      <c r="C3993" s="1" t="s">
        <v>18781</v>
      </c>
      <c r="D3993" s="2">
        <v>156821</v>
      </c>
      <c r="E3993" s="1" t="s">
        <v>0</v>
      </c>
    </row>
    <row r="3994" spans="1:5" x14ac:dyDescent="0.25">
      <c r="A3994" s="1" t="s">
        <v>18782</v>
      </c>
      <c r="B3994" s="1" t="s">
        <v>62107</v>
      </c>
      <c r="C3994" s="1" t="s">
        <v>18783</v>
      </c>
      <c r="D3994" s="2">
        <v>156822</v>
      </c>
      <c r="E3994" s="1" t="s">
        <v>0</v>
      </c>
    </row>
    <row r="3995" spans="1:5" ht="409.5" x14ac:dyDescent="0.25">
      <c r="A3995" s="4" t="s">
        <v>18784</v>
      </c>
      <c r="B3995" s="1" t="s">
        <v>62108</v>
      </c>
      <c r="C3995" s="1" t="s">
        <v>18785</v>
      </c>
      <c r="D3995" s="2">
        <v>156823</v>
      </c>
      <c r="E3995" s="1" t="s">
        <v>0</v>
      </c>
    </row>
    <row r="3996" spans="1:5" x14ac:dyDescent="0.25">
      <c r="A3996" s="1" t="s">
        <v>18786</v>
      </c>
      <c r="B3996" s="1" t="s">
        <v>51957</v>
      </c>
      <c r="C3996" s="1" t="s">
        <v>18787</v>
      </c>
      <c r="D3996" s="2">
        <v>156824</v>
      </c>
      <c r="E3996" s="1" t="s">
        <v>0</v>
      </c>
    </row>
    <row r="3997" spans="1:5" x14ac:dyDescent="0.25">
      <c r="A3997" s="2">
        <v>799</v>
      </c>
      <c r="B3997" s="2">
        <v>799</v>
      </c>
      <c r="C3997" s="1" t="s">
        <v>0</v>
      </c>
      <c r="D3997" s="2">
        <v>156825</v>
      </c>
      <c r="E3997" s="1" t="s">
        <v>0</v>
      </c>
    </row>
    <row r="3998" spans="1:5" x14ac:dyDescent="0.25">
      <c r="A3998" s="1" t="s">
        <v>734</v>
      </c>
      <c r="B3998" s="1" t="s">
        <v>6136</v>
      </c>
      <c r="C3998" s="1" t="s">
        <v>18788</v>
      </c>
      <c r="D3998" s="2">
        <v>156826</v>
      </c>
      <c r="E3998" s="1" t="s">
        <v>0</v>
      </c>
    </row>
    <row r="3999" spans="1:5" x14ac:dyDescent="0.25">
      <c r="A3999" s="1" t="s">
        <v>64008</v>
      </c>
      <c r="B3999" s="1" t="s">
        <v>6137</v>
      </c>
      <c r="C3999" s="1" t="s">
        <v>18789</v>
      </c>
      <c r="D3999" s="2">
        <v>156827</v>
      </c>
      <c r="E3999" s="1" t="s">
        <v>0</v>
      </c>
    </row>
    <row r="4000" spans="1:5" ht="409.5" x14ac:dyDescent="0.25">
      <c r="A4000" s="4" t="s">
        <v>64009</v>
      </c>
      <c r="B4000" s="1" t="s">
        <v>6138</v>
      </c>
      <c r="C4000" s="1" t="s">
        <v>18790</v>
      </c>
      <c r="D4000" s="2">
        <v>156828</v>
      </c>
      <c r="E4000" s="1" t="s">
        <v>0</v>
      </c>
    </row>
    <row r="4001" spans="1:5" x14ac:dyDescent="0.25">
      <c r="A4001" s="1" t="s">
        <v>18791</v>
      </c>
      <c r="B4001" s="1" t="s">
        <v>51958</v>
      </c>
      <c r="C4001" s="1" t="s">
        <v>18792</v>
      </c>
      <c r="D4001" s="2">
        <v>156829</v>
      </c>
      <c r="E4001" s="1" t="s">
        <v>0</v>
      </c>
    </row>
    <row r="4002" spans="1:5" x14ac:dyDescent="0.25">
      <c r="A4002" s="2">
        <v>800</v>
      </c>
      <c r="B4002" s="2">
        <v>800</v>
      </c>
      <c r="C4002" s="1" t="s">
        <v>0</v>
      </c>
      <c r="D4002" s="2">
        <v>156830</v>
      </c>
      <c r="E4002" s="1" t="s">
        <v>0</v>
      </c>
    </row>
    <row r="4003" spans="1:5" x14ac:dyDescent="0.25">
      <c r="A4003" s="1" t="s">
        <v>735</v>
      </c>
      <c r="B4003" s="1" t="s">
        <v>6139</v>
      </c>
      <c r="C4003" s="1" t="s">
        <v>18793</v>
      </c>
      <c r="D4003" s="2">
        <v>156831</v>
      </c>
      <c r="E4003" s="1" t="s">
        <v>0</v>
      </c>
    </row>
    <row r="4004" spans="1:5" x14ac:dyDescent="0.25">
      <c r="A4004" s="1" t="s">
        <v>18794</v>
      </c>
      <c r="B4004" s="1" t="s">
        <v>51959</v>
      </c>
      <c r="C4004" s="1" t="s">
        <v>18795</v>
      </c>
      <c r="D4004" s="2">
        <v>156832</v>
      </c>
      <c r="E4004" s="1" t="s">
        <v>0</v>
      </c>
    </row>
    <row r="4005" spans="1:5" ht="409.5" x14ac:dyDescent="0.25">
      <c r="A4005" s="4" t="s">
        <v>18796</v>
      </c>
      <c r="B4005" s="1" t="s">
        <v>51960</v>
      </c>
      <c r="C4005" s="1" t="s">
        <v>18797</v>
      </c>
      <c r="D4005" s="2">
        <v>156833</v>
      </c>
      <c r="E4005" s="1" t="s">
        <v>0</v>
      </c>
    </row>
    <row r="4006" spans="1:5" x14ac:dyDescent="0.25">
      <c r="A4006" s="1" t="s">
        <v>18798</v>
      </c>
      <c r="B4006" s="1" t="s">
        <v>6140</v>
      </c>
      <c r="C4006" s="1" t="s">
        <v>18799</v>
      </c>
      <c r="D4006" s="2">
        <v>156834</v>
      </c>
      <c r="E4006" s="1" t="s">
        <v>0</v>
      </c>
    </row>
    <row r="4007" spans="1:5" x14ac:dyDescent="0.25">
      <c r="A4007" s="2">
        <v>801</v>
      </c>
      <c r="B4007" s="2">
        <v>801</v>
      </c>
      <c r="C4007" s="1" t="s">
        <v>0</v>
      </c>
      <c r="D4007" s="2">
        <v>156835</v>
      </c>
      <c r="E4007" s="1" t="s">
        <v>0</v>
      </c>
    </row>
    <row r="4008" spans="1:5" x14ac:dyDescent="0.25">
      <c r="A4008" s="1" t="s">
        <v>736</v>
      </c>
      <c r="B4008" s="1" t="s">
        <v>6141</v>
      </c>
      <c r="C4008" s="1" t="s">
        <v>18800</v>
      </c>
      <c r="D4008" s="2">
        <v>156836</v>
      </c>
      <c r="E4008" s="1" t="s">
        <v>0</v>
      </c>
    </row>
    <row r="4009" spans="1:5" x14ac:dyDescent="0.25">
      <c r="A4009" s="1" t="s">
        <v>18801</v>
      </c>
      <c r="B4009" s="1" t="s">
        <v>50454</v>
      </c>
      <c r="C4009" s="1" t="s">
        <v>18802</v>
      </c>
      <c r="D4009" s="2">
        <v>156837</v>
      </c>
      <c r="E4009" s="1" t="s">
        <v>0</v>
      </c>
    </row>
    <row r="4010" spans="1:5" ht="409.5" x14ac:dyDescent="0.25">
      <c r="A4010" s="4" t="s">
        <v>18803</v>
      </c>
      <c r="B4010" s="1" t="s">
        <v>51961</v>
      </c>
      <c r="C4010" s="1" t="s">
        <v>18804</v>
      </c>
      <c r="D4010" s="2">
        <v>156838</v>
      </c>
      <c r="E4010" s="1" t="s">
        <v>0</v>
      </c>
    </row>
    <row r="4011" spans="1:5" x14ac:dyDescent="0.25">
      <c r="A4011" s="1" t="s">
        <v>18805</v>
      </c>
      <c r="B4011" s="1" t="s">
        <v>60947</v>
      </c>
      <c r="C4011" s="1" t="s">
        <v>18806</v>
      </c>
      <c r="D4011" s="2">
        <v>156839</v>
      </c>
      <c r="E4011" s="1" t="s">
        <v>0</v>
      </c>
    </row>
    <row r="4012" spans="1:5" x14ac:dyDescent="0.25">
      <c r="A4012" s="2">
        <v>802</v>
      </c>
      <c r="B4012" s="2">
        <v>802</v>
      </c>
      <c r="C4012" s="1" t="s">
        <v>0</v>
      </c>
      <c r="D4012" s="2">
        <v>156840</v>
      </c>
      <c r="E4012" s="1" t="s">
        <v>0</v>
      </c>
    </row>
    <row r="4013" spans="1:5" x14ac:dyDescent="0.25">
      <c r="A4013" s="1" t="s">
        <v>737</v>
      </c>
      <c r="B4013" s="1" t="s">
        <v>6142</v>
      </c>
      <c r="C4013" s="1" t="s">
        <v>18807</v>
      </c>
      <c r="D4013" s="2">
        <v>156841</v>
      </c>
      <c r="E4013" s="1" t="s">
        <v>0</v>
      </c>
    </row>
    <row r="4014" spans="1:5" x14ac:dyDescent="0.25">
      <c r="A4014" s="1" t="s">
        <v>18808</v>
      </c>
      <c r="B4014" s="1" t="s">
        <v>6143</v>
      </c>
      <c r="C4014" s="1" t="s">
        <v>18809</v>
      </c>
      <c r="D4014" s="2">
        <v>156842</v>
      </c>
      <c r="E4014" s="1" t="s">
        <v>0</v>
      </c>
    </row>
    <row r="4015" spans="1:5" ht="409.5" x14ac:dyDescent="0.25">
      <c r="A4015" s="4" t="s">
        <v>18810</v>
      </c>
      <c r="B4015" s="1" t="s">
        <v>57735</v>
      </c>
      <c r="C4015" s="1" t="s">
        <v>18811</v>
      </c>
      <c r="D4015" s="2">
        <v>156843</v>
      </c>
      <c r="E4015" s="1" t="s">
        <v>0</v>
      </c>
    </row>
    <row r="4016" spans="1:5" x14ac:dyDescent="0.25">
      <c r="A4016" s="1" t="s">
        <v>18812</v>
      </c>
      <c r="B4016" s="1" t="s">
        <v>51962</v>
      </c>
      <c r="C4016" s="1" t="s">
        <v>18813</v>
      </c>
      <c r="D4016" s="2">
        <v>156844</v>
      </c>
      <c r="E4016" s="1" t="s">
        <v>0</v>
      </c>
    </row>
    <row r="4017" spans="1:5" x14ac:dyDescent="0.25">
      <c r="A4017" s="2">
        <v>803</v>
      </c>
      <c r="B4017" s="2">
        <v>803</v>
      </c>
      <c r="C4017" s="1" t="s">
        <v>0</v>
      </c>
      <c r="D4017" s="2">
        <v>156845</v>
      </c>
      <c r="E4017" s="1" t="s">
        <v>0</v>
      </c>
    </row>
    <row r="4018" spans="1:5" x14ac:dyDescent="0.25">
      <c r="A4018" s="1" t="s">
        <v>738</v>
      </c>
      <c r="B4018" s="1" t="s">
        <v>6144</v>
      </c>
      <c r="C4018" s="1" t="s">
        <v>18814</v>
      </c>
      <c r="D4018" s="2">
        <v>156846</v>
      </c>
      <c r="E4018" s="1" t="s">
        <v>0</v>
      </c>
    </row>
    <row r="4019" spans="1:5" x14ac:dyDescent="0.25">
      <c r="A4019" s="1" t="s">
        <v>18815</v>
      </c>
      <c r="B4019" s="1" t="s">
        <v>6145</v>
      </c>
      <c r="C4019" s="1" t="s">
        <v>18816</v>
      </c>
      <c r="D4019" s="2">
        <v>156847</v>
      </c>
      <c r="E4019" s="1" t="s">
        <v>0</v>
      </c>
    </row>
    <row r="4020" spans="1:5" ht="409.5" x14ac:dyDescent="0.25">
      <c r="A4020" s="4" t="s">
        <v>18817</v>
      </c>
      <c r="B4020" s="1" t="s">
        <v>59567</v>
      </c>
      <c r="C4020" s="1" t="s">
        <v>18818</v>
      </c>
      <c r="D4020" s="2">
        <v>156848</v>
      </c>
      <c r="E4020" s="1" t="s">
        <v>0</v>
      </c>
    </row>
    <row r="4021" spans="1:5" x14ac:dyDescent="0.25">
      <c r="A4021" s="1" t="s">
        <v>18819</v>
      </c>
      <c r="B4021" s="1" t="s">
        <v>51963</v>
      </c>
      <c r="C4021" s="1" t="s">
        <v>18820</v>
      </c>
      <c r="D4021" s="2">
        <v>156849</v>
      </c>
      <c r="E4021" s="1" t="s">
        <v>0</v>
      </c>
    </row>
    <row r="4022" spans="1:5" x14ac:dyDescent="0.25">
      <c r="A4022" s="2">
        <v>804</v>
      </c>
      <c r="B4022" s="2">
        <v>804</v>
      </c>
      <c r="C4022" s="1" t="s">
        <v>0</v>
      </c>
      <c r="D4022" s="2">
        <v>156850</v>
      </c>
      <c r="E4022" s="1" t="s">
        <v>0</v>
      </c>
    </row>
    <row r="4023" spans="1:5" x14ac:dyDescent="0.25">
      <c r="A4023" s="1" t="s">
        <v>739</v>
      </c>
      <c r="B4023" s="1" t="s">
        <v>59803</v>
      </c>
      <c r="C4023" s="1" t="s">
        <v>18821</v>
      </c>
      <c r="D4023" s="2">
        <v>156851</v>
      </c>
      <c r="E4023" s="1" t="s">
        <v>0</v>
      </c>
    </row>
    <row r="4024" spans="1:5" x14ac:dyDescent="0.25">
      <c r="A4024" s="1" t="s">
        <v>18822</v>
      </c>
      <c r="B4024" s="1" t="s">
        <v>59804</v>
      </c>
      <c r="C4024" s="1" t="s">
        <v>18823</v>
      </c>
      <c r="D4024" s="2">
        <v>156852</v>
      </c>
      <c r="E4024" s="1" t="s">
        <v>0</v>
      </c>
    </row>
    <row r="4025" spans="1:5" ht="409.5" x14ac:dyDescent="0.25">
      <c r="A4025" s="4" t="s">
        <v>18824</v>
      </c>
      <c r="B4025" s="1" t="s">
        <v>59805</v>
      </c>
      <c r="C4025" s="1" t="s">
        <v>18825</v>
      </c>
      <c r="D4025" s="2">
        <v>156853</v>
      </c>
      <c r="E4025" s="1" t="s">
        <v>0</v>
      </c>
    </row>
    <row r="4026" spans="1:5" x14ac:dyDescent="0.25">
      <c r="A4026" s="1" t="s">
        <v>18826</v>
      </c>
      <c r="B4026" s="1" t="s">
        <v>51964</v>
      </c>
      <c r="C4026" s="1" t="s">
        <v>18827</v>
      </c>
      <c r="D4026" s="2">
        <v>156854</v>
      </c>
      <c r="E4026" s="1" t="s">
        <v>0</v>
      </c>
    </row>
    <row r="4027" spans="1:5" x14ac:dyDescent="0.25">
      <c r="A4027" s="2">
        <v>805</v>
      </c>
      <c r="B4027" s="2">
        <v>805</v>
      </c>
      <c r="C4027" s="1" t="s">
        <v>0</v>
      </c>
      <c r="D4027" s="2">
        <v>156855</v>
      </c>
      <c r="E4027" s="1" t="s">
        <v>0</v>
      </c>
    </row>
    <row r="4028" spans="1:5" x14ac:dyDescent="0.25">
      <c r="A4028" s="1" t="s">
        <v>740</v>
      </c>
      <c r="B4028" s="1" t="s">
        <v>6146</v>
      </c>
      <c r="C4028" s="1" t="s">
        <v>18828</v>
      </c>
      <c r="D4028" s="2">
        <v>156856</v>
      </c>
      <c r="E4028" s="1" t="s">
        <v>0</v>
      </c>
    </row>
    <row r="4029" spans="1:5" x14ac:dyDescent="0.25">
      <c r="A4029" s="1" t="s">
        <v>18829</v>
      </c>
      <c r="B4029" s="1" t="s">
        <v>62109</v>
      </c>
      <c r="C4029" s="1" t="s">
        <v>18830</v>
      </c>
      <c r="D4029" s="2">
        <v>156857</v>
      </c>
      <c r="E4029" s="1" t="s">
        <v>0</v>
      </c>
    </row>
    <row r="4030" spans="1:5" ht="409.5" x14ac:dyDescent="0.25">
      <c r="A4030" s="4" t="s">
        <v>18831</v>
      </c>
      <c r="B4030" s="1" t="s">
        <v>62110</v>
      </c>
      <c r="C4030" s="1" t="s">
        <v>18832</v>
      </c>
      <c r="D4030" s="2">
        <v>156858</v>
      </c>
      <c r="E4030" s="1" t="s">
        <v>0</v>
      </c>
    </row>
    <row r="4031" spans="1:5" x14ac:dyDescent="0.25">
      <c r="A4031" s="1" t="s">
        <v>18833</v>
      </c>
      <c r="B4031" s="1" t="s">
        <v>6147</v>
      </c>
      <c r="C4031" s="1" t="s">
        <v>18834</v>
      </c>
      <c r="D4031" s="2">
        <v>156859</v>
      </c>
      <c r="E4031" s="1" t="s">
        <v>0</v>
      </c>
    </row>
    <row r="4032" spans="1:5" x14ac:dyDescent="0.25">
      <c r="A4032" s="2">
        <v>806</v>
      </c>
      <c r="B4032" s="2">
        <v>806</v>
      </c>
      <c r="C4032" s="1" t="s">
        <v>0</v>
      </c>
      <c r="D4032" s="2">
        <v>156860</v>
      </c>
      <c r="E4032" s="1" t="s">
        <v>0</v>
      </c>
    </row>
    <row r="4033" spans="1:5" x14ac:dyDescent="0.25">
      <c r="A4033" s="1" t="s">
        <v>741</v>
      </c>
      <c r="B4033" s="1" t="s">
        <v>6148</v>
      </c>
      <c r="C4033" s="1" t="s">
        <v>18835</v>
      </c>
      <c r="D4033" s="2">
        <v>156861</v>
      </c>
      <c r="E4033" s="1" t="s">
        <v>0</v>
      </c>
    </row>
    <row r="4034" spans="1:5" x14ac:dyDescent="0.25">
      <c r="A4034" s="1" t="s">
        <v>18836</v>
      </c>
      <c r="B4034" s="1" t="s">
        <v>6149</v>
      </c>
      <c r="C4034" s="1" t="s">
        <v>18837</v>
      </c>
      <c r="D4034" s="2">
        <v>156862</v>
      </c>
      <c r="E4034" s="1" t="s">
        <v>0</v>
      </c>
    </row>
    <row r="4035" spans="1:5" ht="409.5" x14ac:dyDescent="0.25">
      <c r="A4035" s="4" t="s">
        <v>18838</v>
      </c>
      <c r="B4035" s="1" t="s">
        <v>59806</v>
      </c>
      <c r="C4035" s="1" t="s">
        <v>18839</v>
      </c>
      <c r="D4035" s="2">
        <v>156863</v>
      </c>
      <c r="E4035" s="1" t="s">
        <v>0</v>
      </c>
    </row>
    <row r="4036" spans="1:5" x14ac:dyDescent="0.25">
      <c r="A4036" s="1" t="s">
        <v>18840</v>
      </c>
      <c r="B4036" s="1" t="s">
        <v>51965</v>
      </c>
      <c r="C4036" s="1" t="s">
        <v>18841</v>
      </c>
      <c r="D4036" s="2">
        <v>156864</v>
      </c>
      <c r="E4036" s="1" t="s">
        <v>0</v>
      </c>
    </row>
    <row r="4037" spans="1:5" x14ac:dyDescent="0.25">
      <c r="A4037" s="2">
        <v>807</v>
      </c>
      <c r="B4037" s="2">
        <v>807</v>
      </c>
      <c r="C4037" s="1" t="s">
        <v>0</v>
      </c>
      <c r="D4037" s="2">
        <v>156865</v>
      </c>
      <c r="E4037" s="1" t="s">
        <v>0</v>
      </c>
    </row>
    <row r="4038" spans="1:5" x14ac:dyDescent="0.25">
      <c r="A4038" s="1" t="s">
        <v>742</v>
      </c>
      <c r="B4038" s="1" t="s">
        <v>6150</v>
      </c>
      <c r="C4038" s="1" t="s">
        <v>18842</v>
      </c>
      <c r="D4038" s="2">
        <v>156866</v>
      </c>
      <c r="E4038" s="1" t="s">
        <v>0</v>
      </c>
    </row>
    <row r="4039" spans="1:5" x14ac:dyDescent="0.25">
      <c r="A4039" s="1" t="s">
        <v>18843</v>
      </c>
      <c r="B4039" s="1" t="s">
        <v>58206</v>
      </c>
      <c r="C4039" s="1" t="s">
        <v>18844</v>
      </c>
      <c r="D4039" s="2">
        <v>156867</v>
      </c>
      <c r="E4039" s="1" t="s">
        <v>0</v>
      </c>
    </row>
    <row r="4040" spans="1:5" ht="409.5" x14ac:dyDescent="0.25">
      <c r="A4040" s="4" t="s">
        <v>18845</v>
      </c>
      <c r="B4040" s="1" t="s">
        <v>63633</v>
      </c>
      <c r="C4040" s="1" t="s">
        <v>18846</v>
      </c>
      <c r="D4040" s="2">
        <v>156868</v>
      </c>
      <c r="E4040" s="1" t="s">
        <v>0</v>
      </c>
    </row>
    <row r="4041" spans="1:5" x14ac:dyDescent="0.25">
      <c r="A4041" s="1" t="s">
        <v>18847</v>
      </c>
      <c r="B4041" s="1" t="s">
        <v>6151</v>
      </c>
      <c r="C4041" s="1" t="s">
        <v>18848</v>
      </c>
      <c r="D4041" s="2">
        <v>156869</v>
      </c>
      <c r="E4041" s="1" t="s">
        <v>0</v>
      </c>
    </row>
    <row r="4042" spans="1:5" x14ac:dyDescent="0.25">
      <c r="A4042" s="2">
        <v>808</v>
      </c>
      <c r="B4042" s="2">
        <v>808</v>
      </c>
      <c r="C4042" s="1" t="s">
        <v>0</v>
      </c>
      <c r="D4042" s="2">
        <v>156870</v>
      </c>
      <c r="E4042" s="1" t="s">
        <v>0</v>
      </c>
    </row>
    <row r="4043" spans="1:5" x14ac:dyDescent="0.25">
      <c r="A4043" s="1" t="s">
        <v>743</v>
      </c>
      <c r="B4043" s="1" t="s">
        <v>50455</v>
      </c>
      <c r="C4043" s="1" t="s">
        <v>18849</v>
      </c>
      <c r="D4043" s="2">
        <v>156871</v>
      </c>
      <c r="E4043" s="1" t="s">
        <v>0</v>
      </c>
    </row>
    <row r="4044" spans="1:5" x14ac:dyDescent="0.25">
      <c r="A4044" s="1" t="s">
        <v>18850</v>
      </c>
      <c r="B4044" s="1" t="s">
        <v>6152</v>
      </c>
      <c r="C4044" s="1" t="s">
        <v>18851</v>
      </c>
      <c r="D4044" s="2">
        <v>156872</v>
      </c>
      <c r="E4044" s="1" t="s">
        <v>0</v>
      </c>
    </row>
    <row r="4045" spans="1:5" ht="409.5" x14ac:dyDescent="0.25">
      <c r="A4045" s="4" t="s">
        <v>18852</v>
      </c>
      <c r="B4045" s="1" t="s">
        <v>51966</v>
      </c>
      <c r="C4045" s="1" t="s">
        <v>18853</v>
      </c>
      <c r="D4045" s="2">
        <v>156873</v>
      </c>
      <c r="E4045" s="1" t="s">
        <v>0</v>
      </c>
    </row>
    <row r="4046" spans="1:5" x14ac:dyDescent="0.25">
      <c r="A4046" s="1" t="s">
        <v>18854</v>
      </c>
      <c r="B4046" s="1" t="s">
        <v>50456</v>
      </c>
      <c r="C4046" s="1" t="s">
        <v>18855</v>
      </c>
      <c r="D4046" s="2">
        <v>156874</v>
      </c>
      <c r="E4046" s="1" t="s">
        <v>0</v>
      </c>
    </row>
    <row r="4047" spans="1:5" x14ac:dyDescent="0.25">
      <c r="A4047" s="2">
        <v>809</v>
      </c>
      <c r="B4047" s="2">
        <v>809</v>
      </c>
      <c r="C4047" s="1" t="s">
        <v>0</v>
      </c>
      <c r="D4047" s="2">
        <v>156875</v>
      </c>
      <c r="E4047" s="1" t="s">
        <v>0</v>
      </c>
    </row>
    <row r="4048" spans="1:5" x14ac:dyDescent="0.25">
      <c r="A4048" s="1" t="s">
        <v>744</v>
      </c>
      <c r="B4048" s="1" t="s">
        <v>6153</v>
      </c>
      <c r="C4048" s="1" t="s">
        <v>18856</v>
      </c>
      <c r="D4048" s="2">
        <v>156876</v>
      </c>
      <c r="E4048" s="1" t="s">
        <v>0</v>
      </c>
    </row>
    <row r="4049" spans="1:5" x14ac:dyDescent="0.25">
      <c r="A4049" s="1" t="s">
        <v>18857</v>
      </c>
      <c r="B4049" s="1" t="s">
        <v>51967</v>
      </c>
      <c r="C4049" s="1" t="s">
        <v>18858</v>
      </c>
      <c r="D4049" s="2">
        <v>156877</v>
      </c>
      <c r="E4049" s="1" t="s">
        <v>0</v>
      </c>
    </row>
    <row r="4050" spans="1:5" ht="409.5" x14ac:dyDescent="0.25">
      <c r="A4050" s="4" t="s">
        <v>18859</v>
      </c>
      <c r="B4050" s="1" t="s">
        <v>51968</v>
      </c>
      <c r="C4050" s="1" t="s">
        <v>18860</v>
      </c>
      <c r="D4050" s="2">
        <v>156878</v>
      </c>
      <c r="E4050" s="1" t="s">
        <v>0</v>
      </c>
    </row>
    <row r="4051" spans="1:5" x14ac:dyDescent="0.25">
      <c r="A4051" s="1" t="s">
        <v>18861</v>
      </c>
      <c r="B4051" s="1" t="s">
        <v>57139</v>
      </c>
      <c r="C4051" s="1" t="s">
        <v>18862</v>
      </c>
      <c r="D4051" s="2">
        <v>156879</v>
      </c>
      <c r="E4051" s="1" t="s">
        <v>0</v>
      </c>
    </row>
    <row r="4052" spans="1:5" x14ac:dyDescent="0.25">
      <c r="A4052" s="2">
        <v>810</v>
      </c>
      <c r="B4052" s="2">
        <v>810</v>
      </c>
      <c r="C4052" s="1" t="s">
        <v>0</v>
      </c>
      <c r="D4052" s="2">
        <v>156880</v>
      </c>
      <c r="E4052" s="1" t="s">
        <v>0</v>
      </c>
    </row>
    <row r="4053" spans="1:5" x14ac:dyDescent="0.25">
      <c r="A4053" s="1" t="s">
        <v>745</v>
      </c>
      <c r="B4053" s="1" t="s">
        <v>51969</v>
      </c>
      <c r="C4053" s="1" t="s">
        <v>18863</v>
      </c>
      <c r="D4053" s="2">
        <v>156881</v>
      </c>
      <c r="E4053" s="1" t="s">
        <v>0</v>
      </c>
    </row>
    <row r="4054" spans="1:5" x14ac:dyDescent="0.25">
      <c r="A4054" s="1" t="s">
        <v>18864</v>
      </c>
      <c r="B4054" s="1" t="s">
        <v>60948</v>
      </c>
      <c r="C4054" s="1" t="s">
        <v>18865</v>
      </c>
      <c r="D4054" s="2">
        <v>156882</v>
      </c>
      <c r="E4054" s="1" t="s">
        <v>0</v>
      </c>
    </row>
    <row r="4055" spans="1:5" ht="409.5" x14ac:dyDescent="0.25">
      <c r="A4055" s="4" t="s">
        <v>64010</v>
      </c>
      <c r="B4055" s="1" t="s">
        <v>60949</v>
      </c>
      <c r="C4055" s="1" t="s">
        <v>18866</v>
      </c>
      <c r="D4055" s="2">
        <v>156883</v>
      </c>
      <c r="E4055" s="1" t="s">
        <v>0</v>
      </c>
    </row>
    <row r="4056" spans="1:5" x14ac:dyDescent="0.25">
      <c r="A4056" s="1" t="s">
        <v>18867</v>
      </c>
      <c r="B4056" s="1" t="s">
        <v>57140</v>
      </c>
      <c r="C4056" s="1" t="s">
        <v>18868</v>
      </c>
      <c r="D4056" s="2">
        <v>156884</v>
      </c>
      <c r="E4056" s="1" t="s">
        <v>0</v>
      </c>
    </row>
    <row r="4057" spans="1:5" x14ac:dyDescent="0.25">
      <c r="A4057" s="2">
        <v>811</v>
      </c>
      <c r="B4057" s="2">
        <v>811</v>
      </c>
      <c r="C4057" s="1" t="s">
        <v>0</v>
      </c>
      <c r="D4057" s="2">
        <v>156885</v>
      </c>
      <c r="E4057" s="1" t="s">
        <v>0</v>
      </c>
    </row>
    <row r="4058" spans="1:5" x14ac:dyDescent="0.25">
      <c r="A4058" s="1" t="s">
        <v>746</v>
      </c>
      <c r="B4058" s="1" t="s">
        <v>6154</v>
      </c>
      <c r="C4058" s="1" t="s">
        <v>18869</v>
      </c>
      <c r="D4058" s="2">
        <v>156886</v>
      </c>
      <c r="E4058" s="1" t="s">
        <v>0</v>
      </c>
    </row>
    <row r="4059" spans="1:5" x14ac:dyDescent="0.25">
      <c r="A4059" s="1" t="s">
        <v>18870</v>
      </c>
      <c r="B4059" s="1" t="s">
        <v>51970</v>
      </c>
      <c r="C4059" s="1" t="s">
        <v>18871</v>
      </c>
      <c r="D4059" s="2">
        <v>156887</v>
      </c>
      <c r="E4059" s="1" t="s">
        <v>0</v>
      </c>
    </row>
    <row r="4060" spans="1:5" ht="409.5" x14ac:dyDescent="0.25">
      <c r="A4060" s="4" t="s">
        <v>18872</v>
      </c>
      <c r="B4060" s="1" t="s">
        <v>63223</v>
      </c>
      <c r="C4060" s="1" t="s">
        <v>18873</v>
      </c>
      <c r="D4060" s="2">
        <v>156888</v>
      </c>
      <c r="E4060" s="1" t="s">
        <v>0</v>
      </c>
    </row>
    <row r="4061" spans="1:5" x14ac:dyDescent="0.25">
      <c r="A4061" s="1" t="s">
        <v>18874</v>
      </c>
      <c r="B4061" s="1" t="s">
        <v>6155</v>
      </c>
      <c r="C4061" s="1" t="s">
        <v>18875</v>
      </c>
      <c r="D4061" s="2">
        <v>156889</v>
      </c>
      <c r="E4061" s="1" t="s">
        <v>0</v>
      </c>
    </row>
    <row r="4062" spans="1:5" x14ac:dyDescent="0.25">
      <c r="A4062" s="2">
        <v>812</v>
      </c>
      <c r="B4062" s="2">
        <v>812</v>
      </c>
      <c r="C4062" s="1" t="s">
        <v>0</v>
      </c>
      <c r="D4062" s="2">
        <v>156890</v>
      </c>
      <c r="E4062" s="1" t="s">
        <v>0</v>
      </c>
    </row>
    <row r="4063" spans="1:5" x14ac:dyDescent="0.25">
      <c r="A4063" s="1" t="s">
        <v>747</v>
      </c>
      <c r="B4063" s="1" t="s">
        <v>6156</v>
      </c>
      <c r="C4063" s="1" t="s">
        <v>18876</v>
      </c>
      <c r="D4063" s="2">
        <v>156891</v>
      </c>
      <c r="E4063" s="1" t="s">
        <v>0</v>
      </c>
    </row>
    <row r="4064" spans="1:5" x14ac:dyDescent="0.25">
      <c r="A4064" s="1" t="s">
        <v>18877</v>
      </c>
      <c r="B4064" s="1" t="s">
        <v>62111</v>
      </c>
      <c r="C4064" s="1" t="s">
        <v>18878</v>
      </c>
      <c r="D4064" s="2">
        <v>156892</v>
      </c>
      <c r="E4064" s="1" t="s">
        <v>0</v>
      </c>
    </row>
    <row r="4065" spans="1:5" ht="409.5" x14ac:dyDescent="0.25">
      <c r="A4065" s="4" t="s">
        <v>18879</v>
      </c>
      <c r="B4065" s="1" t="s">
        <v>62112</v>
      </c>
      <c r="C4065" s="1" t="s">
        <v>18880</v>
      </c>
      <c r="D4065" s="2">
        <v>156893</v>
      </c>
      <c r="E4065" s="1" t="s">
        <v>0</v>
      </c>
    </row>
    <row r="4066" spans="1:5" x14ac:dyDescent="0.25">
      <c r="A4066" s="1" t="s">
        <v>18881</v>
      </c>
      <c r="B4066" s="1" t="s">
        <v>60950</v>
      </c>
      <c r="C4066" s="1" t="s">
        <v>18882</v>
      </c>
      <c r="D4066" s="2">
        <v>156894</v>
      </c>
      <c r="E4066" s="1" t="s">
        <v>0</v>
      </c>
    </row>
    <row r="4067" spans="1:5" x14ac:dyDescent="0.25">
      <c r="A4067" s="2">
        <v>813</v>
      </c>
      <c r="B4067" s="2">
        <v>813</v>
      </c>
      <c r="C4067" s="1" t="s">
        <v>0</v>
      </c>
      <c r="D4067" s="2">
        <v>156895</v>
      </c>
      <c r="E4067" s="1" t="s">
        <v>0</v>
      </c>
    </row>
    <row r="4068" spans="1:5" x14ac:dyDescent="0.25">
      <c r="A4068" s="1" t="s">
        <v>748</v>
      </c>
      <c r="B4068" s="1" t="s">
        <v>6157</v>
      </c>
      <c r="C4068" s="1" t="s">
        <v>18883</v>
      </c>
      <c r="D4068" s="2">
        <v>156896</v>
      </c>
      <c r="E4068" s="1" t="s">
        <v>0</v>
      </c>
    </row>
    <row r="4069" spans="1:5" x14ac:dyDescent="0.25">
      <c r="A4069" s="1" t="s">
        <v>18884</v>
      </c>
      <c r="B4069" s="1" t="s">
        <v>51971</v>
      </c>
      <c r="C4069" s="1" t="s">
        <v>18885</v>
      </c>
      <c r="D4069" s="2">
        <v>156897</v>
      </c>
      <c r="E4069" s="1" t="s">
        <v>0</v>
      </c>
    </row>
    <row r="4070" spans="1:5" ht="409.5" x14ac:dyDescent="0.25">
      <c r="A4070" s="4" t="s">
        <v>18886</v>
      </c>
      <c r="B4070" s="1" t="s">
        <v>51972</v>
      </c>
      <c r="C4070" s="1" t="s">
        <v>18887</v>
      </c>
      <c r="D4070" s="2">
        <v>156898</v>
      </c>
      <c r="E4070" s="1" t="s">
        <v>0</v>
      </c>
    </row>
    <row r="4071" spans="1:5" x14ac:dyDescent="0.25">
      <c r="A4071" s="1" t="s">
        <v>18888</v>
      </c>
      <c r="B4071" s="1" t="s">
        <v>6158</v>
      </c>
      <c r="C4071" s="1" t="s">
        <v>18889</v>
      </c>
      <c r="D4071" s="2">
        <v>156899</v>
      </c>
      <c r="E4071" s="1" t="s">
        <v>0</v>
      </c>
    </row>
    <row r="4072" spans="1:5" x14ac:dyDescent="0.25">
      <c r="A4072" s="2">
        <v>814</v>
      </c>
      <c r="B4072" s="2">
        <v>814</v>
      </c>
      <c r="C4072" s="1" t="s">
        <v>0</v>
      </c>
      <c r="D4072" s="2">
        <v>156900</v>
      </c>
      <c r="E4072" s="1" t="s">
        <v>0</v>
      </c>
    </row>
    <row r="4073" spans="1:5" x14ac:dyDescent="0.25">
      <c r="A4073" s="1" t="s">
        <v>749</v>
      </c>
      <c r="B4073" s="1" t="s">
        <v>6159</v>
      </c>
      <c r="C4073" s="1" t="s">
        <v>18890</v>
      </c>
      <c r="D4073" s="2">
        <v>156901</v>
      </c>
      <c r="E4073" s="1" t="s">
        <v>0</v>
      </c>
    </row>
    <row r="4074" spans="1:5" x14ac:dyDescent="0.25">
      <c r="A4074" s="1" t="s">
        <v>18891</v>
      </c>
      <c r="B4074" s="1" t="s">
        <v>6160</v>
      </c>
      <c r="C4074" s="1" t="s">
        <v>18892</v>
      </c>
      <c r="D4074" s="2">
        <v>156902</v>
      </c>
      <c r="E4074" s="1" t="s">
        <v>0</v>
      </c>
    </row>
    <row r="4075" spans="1:5" ht="409.5" x14ac:dyDescent="0.25">
      <c r="A4075" s="4" t="s">
        <v>18893</v>
      </c>
      <c r="B4075" s="1" t="s">
        <v>51973</v>
      </c>
      <c r="C4075" s="1" t="s">
        <v>18894</v>
      </c>
      <c r="D4075" s="2">
        <v>156903</v>
      </c>
      <c r="E4075" s="1" t="s">
        <v>0</v>
      </c>
    </row>
    <row r="4076" spans="1:5" x14ac:dyDescent="0.25">
      <c r="A4076" s="1" t="s">
        <v>18895</v>
      </c>
      <c r="B4076" s="1" t="s">
        <v>6161</v>
      </c>
      <c r="C4076" s="1" t="s">
        <v>18896</v>
      </c>
      <c r="D4076" s="2">
        <v>156904</v>
      </c>
      <c r="E4076" s="1" t="s">
        <v>0</v>
      </c>
    </row>
    <row r="4077" spans="1:5" x14ac:dyDescent="0.25">
      <c r="A4077" s="2">
        <v>815</v>
      </c>
      <c r="B4077" s="2">
        <v>815</v>
      </c>
      <c r="C4077" s="1" t="s">
        <v>0</v>
      </c>
      <c r="D4077" s="2">
        <v>156905</v>
      </c>
      <c r="E4077" s="1" t="s">
        <v>0</v>
      </c>
    </row>
    <row r="4078" spans="1:5" x14ac:dyDescent="0.25">
      <c r="A4078" s="1" t="s">
        <v>750</v>
      </c>
      <c r="B4078" s="1" t="s">
        <v>6162</v>
      </c>
      <c r="C4078" s="1" t="s">
        <v>18897</v>
      </c>
      <c r="D4078" s="2">
        <v>156906</v>
      </c>
      <c r="E4078" s="1" t="s">
        <v>0</v>
      </c>
    </row>
    <row r="4079" spans="1:5" x14ac:dyDescent="0.25">
      <c r="A4079" s="1" t="s">
        <v>18898</v>
      </c>
      <c r="B4079" s="1" t="s">
        <v>6163</v>
      </c>
      <c r="C4079" s="1" t="s">
        <v>18899</v>
      </c>
      <c r="D4079" s="2">
        <v>156907</v>
      </c>
      <c r="E4079" s="1" t="s">
        <v>0</v>
      </c>
    </row>
    <row r="4080" spans="1:5" ht="409.5" x14ac:dyDescent="0.25">
      <c r="A4080" s="4" t="s">
        <v>18900</v>
      </c>
      <c r="B4080" s="1" t="s">
        <v>13009</v>
      </c>
      <c r="C4080" s="1" t="s">
        <v>18901</v>
      </c>
      <c r="D4080" s="2">
        <v>156908</v>
      </c>
      <c r="E4080" s="1" t="s">
        <v>0</v>
      </c>
    </row>
    <row r="4081" spans="1:5" x14ac:dyDescent="0.25">
      <c r="A4081" s="1" t="s">
        <v>18902</v>
      </c>
      <c r="B4081" s="1" t="s">
        <v>51974</v>
      </c>
      <c r="C4081" s="1" t="s">
        <v>18903</v>
      </c>
      <c r="D4081" s="2">
        <v>156909</v>
      </c>
      <c r="E4081" s="1" t="s">
        <v>0</v>
      </c>
    </row>
    <row r="4082" spans="1:5" x14ac:dyDescent="0.25">
      <c r="A4082" s="2">
        <v>816</v>
      </c>
      <c r="B4082" s="2">
        <v>816</v>
      </c>
      <c r="C4082" s="1" t="s">
        <v>0</v>
      </c>
      <c r="D4082" s="2">
        <v>156910</v>
      </c>
      <c r="E4082" s="1" t="s">
        <v>0</v>
      </c>
    </row>
    <row r="4083" spans="1:5" x14ac:dyDescent="0.25">
      <c r="A4083" s="1" t="s">
        <v>751</v>
      </c>
      <c r="B4083" s="1" t="s">
        <v>6164</v>
      </c>
      <c r="C4083" s="1" t="s">
        <v>18904</v>
      </c>
      <c r="D4083" s="2">
        <v>156911</v>
      </c>
      <c r="E4083" s="1" t="s">
        <v>0</v>
      </c>
    </row>
    <row r="4084" spans="1:5" x14ac:dyDescent="0.25">
      <c r="A4084" s="1" t="s">
        <v>18905</v>
      </c>
      <c r="B4084" s="1" t="s">
        <v>13010</v>
      </c>
      <c r="C4084" s="1" t="s">
        <v>18906</v>
      </c>
      <c r="D4084" s="2">
        <v>156912</v>
      </c>
      <c r="E4084" s="1" t="s">
        <v>0</v>
      </c>
    </row>
    <row r="4085" spans="1:5" ht="409.5" x14ac:dyDescent="0.25">
      <c r="A4085" s="4" t="s">
        <v>18907</v>
      </c>
      <c r="B4085" s="1" t="s">
        <v>51975</v>
      </c>
      <c r="C4085" s="1" t="s">
        <v>18908</v>
      </c>
      <c r="D4085" s="2">
        <v>156913</v>
      </c>
      <c r="E4085" s="1" t="s">
        <v>0</v>
      </c>
    </row>
    <row r="4086" spans="1:5" x14ac:dyDescent="0.25">
      <c r="A4086" s="1" t="s">
        <v>18909</v>
      </c>
      <c r="B4086" s="1" t="s">
        <v>51976</v>
      </c>
      <c r="C4086" s="1" t="s">
        <v>18910</v>
      </c>
      <c r="D4086" s="2">
        <v>156914</v>
      </c>
      <c r="E4086" s="1" t="s">
        <v>0</v>
      </c>
    </row>
    <row r="4087" spans="1:5" x14ac:dyDescent="0.25">
      <c r="A4087" s="2">
        <v>817</v>
      </c>
      <c r="B4087" s="2">
        <v>817</v>
      </c>
      <c r="C4087" s="1" t="s">
        <v>0</v>
      </c>
      <c r="D4087" s="2">
        <v>156915</v>
      </c>
      <c r="E4087" s="1" t="s">
        <v>0</v>
      </c>
    </row>
    <row r="4088" spans="1:5" x14ac:dyDescent="0.25">
      <c r="A4088" s="1" t="s">
        <v>752</v>
      </c>
      <c r="B4088" s="1" t="s">
        <v>6165</v>
      </c>
      <c r="C4088" s="1" t="s">
        <v>18911</v>
      </c>
      <c r="D4088" s="2">
        <v>156916</v>
      </c>
      <c r="E4088" s="1" t="s">
        <v>0</v>
      </c>
    </row>
    <row r="4089" spans="1:5" x14ac:dyDescent="0.25">
      <c r="A4089" s="1" t="s">
        <v>18912</v>
      </c>
      <c r="B4089" s="1" t="s">
        <v>6166</v>
      </c>
      <c r="C4089" s="1" t="s">
        <v>18913</v>
      </c>
      <c r="D4089" s="2">
        <v>156917</v>
      </c>
      <c r="E4089" s="1" t="s">
        <v>0</v>
      </c>
    </row>
    <row r="4090" spans="1:5" ht="409.5" x14ac:dyDescent="0.25">
      <c r="A4090" s="4" t="s">
        <v>18914</v>
      </c>
      <c r="B4090" s="1" t="s">
        <v>63224</v>
      </c>
      <c r="C4090" s="1" t="s">
        <v>18915</v>
      </c>
      <c r="D4090" s="2">
        <v>156918</v>
      </c>
      <c r="E4090" s="1" t="s">
        <v>0</v>
      </c>
    </row>
    <row r="4091" spans="1:5" x14ac:dyDescent="0.25">
      <c r="A4091" s="1" t="s">
        <v>18916</v>
      </c>
      <c r="B4091" s="1" t="s">
        <v>51977</v>
      </c>
      <c r="C4091" s="1" t="s">
        <v>18917</v>
      </c>
      <c r="D4091" s="2">
        <v>156919</v>
      </c>
      <c r="E4091" s="1" t="s">
        <v>0</v>
      </c>
    </row>
    <row r="4092" spans="1:5" x14ac:dyDescent="0.25">
      <c r="A4092" s="2">
        <v>818</v>
      </c>
      <c r="B4092" s="2">
        <v>818</v>
      </c>
      <c r="C4092" s="1" t="s">
        <v>0</v>
      </c>
      <c r="D4092" s="2">
        <v>156920</v>
      </c>
      <c r="E4092" s="1" t="s">
        <v>0</v>
      </c>
    </row>
    <row r="4093" spans="1:5" x14ac:dyDescent="0.25">
      <c r="A4093" s="1" t="s">
        <v>753</v>
      </c>
      <c r="B4093" s="1" t="s">
        <v>6167</v>
      </c>
      <c r="C4093" s="1" t="s">
        <v>18918</v>
      </c>
      <c r="D4093" s="2">
        <v>156921</v>
      </c>
      <c r="E4093" s="1" t="s">
        <v>0</v>
      </c>
    </row>
    <row r="4094" spans="1:5" x14ac:dyDescent="0.25">
      <c r="A4094" s="1" t="s">
        <v>18919</v>
      </c>
      <c r="B4094" s="1" t="s">
        <v>51978</v>
      </c>
      <c r="C4094" s="1" t="s">
        <v>18920</v>
      </c>
      <c r="D4094" s="2">
        <v>156922</v>
      </c>
      <c r="E4094" s="1" t="s">
        <v>0</v>
      </c>
    </row>
    <row r="4095" spans="1:5" ht="409.5" x14ac:dyDescent="0.25">
      <c r="A4095" s="4" t="s">
        <v>18921</v>
      </c>
      <c r="B4095" s="1" t="s">
        <v>57736</v>
      </c>
      <c r="C4095" s="1" t="s">
        <v>18922</v>
      </c>
      <c r="D4095" s="2">
        <v>156923</v>
      </c>
      <c r="E4095" s="1" t="s">
        <v>0</v>
      </c>
    </row>
    <row r="4096" spans="1:5" x14ac:dyDescent="0.25">
      <c r="A4096" s="1" t="s">
        <v>18923</v>
      </c>
      <c r="B4096" s="1" t="s">
        <v>51979</v>
      </c>
      <c r="C4096" s="1" t="s">
        <v>18924</v>
      </c>
      <c r="D4096" s="2">
        <v>156924</v>
      </c>
      <c r="E4096" s="1" t="s">
        <v>0</v>
      </c>
    </row>
    <row r="4097" spans="1:5" x14ac:dyDescent="0.25">
      <c r="A4097" s="2">
        <v>819</v>
      </c>
      <c r="B4097" s="2">
        <v>819</v>
      </c>
      <c r="C4097" s="1" t="s">
        <v>0</v>
      </c>
      <c r="D4097" s="2">
        <v>156925</v>
      </c>
      <c r="E4097" s="1" t="s">
        <v>0</v>
      </c>
    </row>
    <row r="4098" spans="1:5" x14ac:dyDescent="0.25">
      <c r="A4098" s="1" t="s">
        <v>754</v>
      </c>
      <c r="B4098" s="1" t="s">
        <v>57414</v>
      </c>
      <c r="C4098" s="1" t="s">
        <v>18925</v>
      </c>
      <c r="D4098" s="2">
        <v>156926</v>
      </c>
      <c r="E4098" s="1" t="s">
        <v>0</v>
      </c>
    </row>
    <row r="4099" spans="1:5" x14ac:dyDescent="0.25">
      <c r="A4099" s="1" t="s">
        <v>18926</v>
      </c>
      <c r="B4099" s="1" t="s">
        <v>51980</v>
      </c>
      <c r="C4099" s="1" t="s">
        <v>18927</v>
      </c>
      <c r="D4099" s="2">
        <v>156927</v>
      </c>
      <c r="E4099" s="1" t="s">
        <v>0</v>
      </c>
    </row>
    <row r="4100" spans="1:5" x14ac:dyDescent="0.25">
      <c r="A4100" s="1" t="s">
        <v>18928</v>
      </c>
      <c r="B4100" s="1" t="s">
        <v>57415</v>
      </c>
      <c r="C4100" s="1" t="s">
        <v>18929</v>
      </c>
      <c r="D4100" s="2">
        <v>156928</v>
      </c>
      <c r="E4100" s="1" t="s">
        <v>0</v>
      </c>
    </row>
    <row r="4101" spans="1:5" x14ac:dyDescent="0.25">
      <c r="A4101" s="1" t="s">
        <v>18930</v>
      </c>
      <c r="B4101" s="1" t="s">
        <v>57416</v>
      </c>
      <c r="C4101" s="1" t="s">
        <v>18931</v>
      </c>
      <c r="D4101" s="2">
        <v>156929</v>
      </c>
      <c r="E4101" s="1" t="s">
        <v>0</v>
      </c>
    </row>
    <row r="4102" spans="1:5" x14ac:dyDescent="0.25">
      <c r="A4102" s="2">
        <v>820</v>
      </c>
      <c r="B4102" s="2">
        <v>820</v>
      </c>
      <c r="C4102" s="1" t="s">
        <v>0</v>
      </c>
      <c r="D4102" s="2">
        <v>156930</v>
      </c>
      <c r="E4102" s="1" t="s">
        <v>0</v>
      </c>
    </row>
    <row r="4103" spans="1:5" x14ac:dyDescent="0.25">
      <c r="A4103" s="1" t="s">
        <v>755</v>
      </c>
      <c r="B4103" s="1" t="s">
        <v>51981</v>
      </c>
      <c r="C4103" s="1" t="s">
        <v>18932</v>
      </c>
      <c r="D4103" s="2">
        <v>156931</v>
      </c>
      <c r="E4103" s="1" t="s">
        <v>0</v>
      </c>
    </row>
    <row r="4104" spans="1:5" x14ac:dyDescent="0.25">
      <c r="A4104" s="1" t="s">
        <v>18933</v>
      </c>
      <c r="B4104" s="1" t="s">
        <v>50457</v>
      </c>
      <c r="C4104" s="1" t="s">
        <v>18934</v>
      </c>
      <c r="D4104" s="2">
        <v>156932</v>
      </c>
      <c r="E4104" s="1" t="s">
        <v>0</v>
      </c>
    </row>
    <row r="4105" spans="1:5" ht="409.5" x14ac:dyDescent="0.25">
      <c r="A4105" s="4" t="s">
        <v>18935</v>
      </c>
      <c r="B4105" s="1" t="s">
        <v>60951</v>
      </c>
      <c r="C4105" s="1" t="s">
        <v>18936</v>
      </c>
      <c r="D4105" s="2">
        <v>156933</v>
      </c>
      <c r="E4105" s="1" t="s">
        <v>0</v>
      </c>
    </row>
    <row r="4106" spans="1:5" x14ac:dyDescent="0.25">
      <c r="A4106" s="1" t="s">
        <v>14855</v>
      </c>
      <c r="B4106" s="1" t="s">
        <v>60879</v>
      </c>
      <c r="C4106" s="1" t="s">
        <v>14856</v>
      </c>
      <c r="D4106" s="2">
        <v>156934</v>
      </c>
      <c r="E4106" s="1" t="s">
        <v>0</v>
      </c>
    </row>
    <row r="4107" spans="1:5" x14ac:dyDescent="0.25">
      <c r="A4107" s="2">
        <v>821</v>
      </c>
      <c r="B4107" s="2">
        <v>821</v>
      </c>
      <c r="C4107" s="1" t="s">
        <v>0</v>
      </c>
      <c r="D4107" s="2">
        <v>156935</v>
      </c>
      <c r="E4107" s="1" t="s">
        <v>0</v>
      </c>
    </row>
    <row r="4108" spans="1:5" x14ac:dyDescent="0.25">
      <c r="A4108" s="1" t="s">
        <v>756</v>
      </c>
      <c r="B4108" s="1" t="s">
        <v>56915</v>
      </c>
      <c r="C4108" s="1" t="s">
        <v>18937</v>
      </c>
      <c r="D4108" s="2">
        <v>156936</v>
      </c>
      <c r="E4108" s="1" t="s">
        <v>0</v>
      </c>
    </row>
    <row r="4109" spans="1:5" x14ac:dyDescent="0.25">
      <c r="A4109" s="1" t="s">
        <v>61760</v>
      </c>
      <c r="B4109" s="1" t="s">
        <v>62113</v>
      </c>
      <c r="C4109" s="1" t="s">
        <v>18938</v>
      </c>
      <c r="D4109" s="2">
        <v>156937</v>
      </c>
      <c r="E4109" s="1" t="s">
        <v>0</v>
      </c>
    </row>
    <row r="4110" spans="1:5" ht="409.5" x14ac:dyDescent="0.25">
      <c r="A4110" s="4" t="s">
        <v>61761</v>
      </c>
      <c r="B4110" s="1" t="s">
        <v>62114</v>
      </c>
      <c r="C4110" s="1" t="s">
        <v>18939</v>
      </c>
      <c r="D4110" s="2">
        <v>156938</v>
      </c>
      <c r="E4110" s="1" t="s">
        <v>0</v>
      </c>
    </row>
    <row r="4111" spans="1:5" x14ac:dyDescent="0.25">
      <c r="A4111" s="1" t="s">
        <v>18940</v>
      </c>
      <c r="B4111" s="1" t="s">
        <v>6168</v>
      </c>
      <c r="C4111" s="1" t="s">
        <v>18941</v>
      </c>
      <c r="D4111" s="2">
        <v>156939</v>
      </c>
      <c r="E4111" s="1" t="s">
        <v>0</v>
      </c>
    </row>
    <row r="4112" spans="1:5" x14ac:dyDescent="0.25">
      <c r="A4112" s="2">
        <v>822</v>
      </c>
      <c r="B4112" s="2">
        <v>822</v>
      </c>
      <c r="C4112" s="1" t="s">
        <v>0</v>
      </c>
      <c r="D4112" s="2">
        <v>156940</v>
      </c>
      <c r="E4112" s="1" t="s">
        <v>0</v>
      </c>
    </row>
    <row r="4113" spans="1:5" x14ac:dyDescent="0.25">
      <c r="A4113" s="1" t="s">
        <v>757</v>
      </c>
      <c r="B4113" s="1" t="s">
        <v>6169</v>
      </c>
      <c r="C4113" s="1" t="s">
        <v>18942</v>
      </c>
      <c r="D4113" s="2">
        <v>156941</v>
      </c>
      <c r="E4113" s="1" t="s">
        <v>0</v>
      </c>
    </row>
    <row r="4114" spans="1:5" x14ac:dyDescent="0.25">
      <c r="A4114" s="1" t="s">
        <v>18943</v>
      </c>
      <c r="B4114" s="1" t="s">
        <v>6170</v>
      </c>
      <c r="C4114" s="1" t="s">
        <v>18944</v>
      </c>
      <c r="D4114" s="2">
        <v>156942</v>
      </c>
      <c r="E4114" s="1" t="s">
        <v>0</v>
      </c>
    </row>
    <row r="4115" spans="1:5" ht="409.5" x14ac:dyDescent="0.25">
      <c r="A4115" s="4" t="s">
        <v>18945</v>
      </c>
      <c r="B4115" s="1" t="s">
        <v>60703</v>
      </c>
      <c r="C4115" s="1" t="s">
        <v>18946</v>
      </c>
      <c r="D4115" s="2">
        <v>156943</v>
      </c>
      <c r="E4115" s="1" t="s">
        <v>0</v>
      </c>
    </row>
    <row r="4116" spans="1:5" x14ac:dyDescent="0.25">
      <c r="A4116" s="1" t="s">
        <v>18947</v>
      </c>
      <c r="B4116" s="1" t="s">
        <v>51982</v>
      </c>
      <c r="C4116" s="1" t="s">
        <v>18948</v>
      </c>
      <c r="D4116" s="2">
        <v>156944</v>
      </c>
      <c r="E4116" s="1" t="s">
        <v>0</v>
      </c>
    </row>
    <row r="4117" spans="1:5" x14ac:dyDescent="0.25">
      <c r="A4117" s="2">
        <v>823</v>
      </c>
      <c r="B4117" s="2">
        <v>823</v>
      </c>
      <c r="C4117" s="1" t="s">
        <v>0</v>
      </c>
      <c r="D4117" s="2">
        <v>156945</v>
      </c>
      <c r="E4117" s="1" t="s">
        <v>0</v>
      </c>
    </row>
    <row r="4118" spans="1:5" x14ac:dyDescent="0.25">
      <c r="A4118" s="1" t="s">
        <v>758</v>
      </c>
      <c r="B4118" s="1" t="s">
        <v>6171</v>
      </c>
      <c r="C4118" s="1" t="s">
        <v>18949</v>
      </c>
      <c r="D4118" s="2">
        <v>156946</v>
      </c>
      <c r="E4118" s="1" t="s">
        <v>0</v>
      </c>
    </row>
    <row r="4119" spans="1:5" x14ac:dyDescent="0.25">
      <c r="A4119" s="1" t="s">
        <v>18950</v>
      </c>
      <c r="B4119" s="1" t="s">
        <v>18951</v>
      </c>
      <c r="C4119" s="1" t="s">
        <v>18952</v>
      </c>
      <c r="D4119" s="2">
        <v>156947</v>
      </c>
      <c r="E4119" s="1" t="s">
        <v>0</v>
      </c>
    </row>
    <row r="4120" spans="1:5" ht="409.5" x14ac:dyDescent="0.25">
      <c r="A4120" s="4" t="s">
        <v>18953</v>
      </c>
      <c r="B4120" s="1" t="s">
        <v>51983</v>
      </c>
      <c r="C4120" s="1" t="s">
        <v>18954</v>
      </c>
      <c r="D4120" s="2">
        <v>156948</v>
      </c>
      <c r="E4120" s="1" t="s">
        <v>0</v>
      </c>
    </row>
    <row r="4121" spans="1:5" x14ac:dyDescent="0.25">
      <c r="A4121" s="1" t="s">
        <v>18955</v>
      </c>
      <c r="B4121" s="1" t="s">
        <v>51984</v>
      </c>
      <c r="C4121" s="1" t="s">
        <v>18956</v>
      </c>
      <c r="D4121" s="2">
        <v>156949</v>
      </c>
      <c r="E4121" s="1" t="s">
        <v>0</v>
      </c>
    </row>
    <row r="4122" spans="1:5" x14ac:dyDescent="0.25">
      <c r="A4122" s="2">
        <v>824</v>
      </c>
      <c r="B4122" s="2">
        <v>824</v>
      </c>
      <c r="C4122" s="1" t="s">
        <v>0</v>
      </c>
      <c r="D4122" s="2">
        <v>156950</v>
      </c>
      <c r="E4122" s="1" t="s">
        <v>0</v>
      </c>
    </row>
    <row r="4123" spans="1:5" x14ac:dyDescent="0.25">
      <c r="A4123" s="1" t="s">
        <v>759</v>
      </c>
      <c r="B4123" s="1" t="s">
        <v>6172</v>
      </c>
      <c r="C4123" s="1" t="s">
        <v>18957</v>
      </c>
      <c r="D4123" s="2">
        <v>156951</v>
      </c>
      <c r="E4123" s="1" t="s">
        <v>0</v>
      </c>
    </row>
    <row r="4124" spans="1:5" x14ac:dyDescent="0.25">
      <c r="A4124" s="1" t="s">
        <v>18958</v>
      </c>
      <c r="B4124" s="1" t="s">
        <v>62115</v>
      </c>
      <c r="C4124" s="1" t="s">
        <v>18959</v>
      </c>
      <c r="D4124" s="2">
        <v>156952</v>
      </c>
      <c r="E4124" s="1" t="s">
        <v>0</v>
      </c>
    </row>
    <row r="4125" spans="1:5" ht="409.5" x14ac:dyDescent="0.25">
      <c r="A4125" s="4" t="s">
        <v>18960</v>
      </c>
      <c r="B4125" s="1" t="s">
        <v>62116</v>
      </c>
      <c r="C4125" s="1" t="s">
        <v>18961</v>
      </c>
      <c r="D4125" s="2">
        <v>156953</v>
      </c>
      <c r="E4125" s="1" t="s">
        <v>0</v>
      </c>
    </row>
    <row r="4126" spans="1:5" x14ac:dyDescent="0.25">
      <c r="A4126" s="1" t="s">
        <v>18962</v>
      </c>
      <c r="B4126" s="1" t="s">
        <v>6173</v>
      </c>
      <c r="C4126" s="1" t="s">
        <v>18963</v>
      </c>
      <c r="D4126" s="2">
        <v>156954</v>
      </c>
      <c r="E4126" s="1" t="s">
        <v>0</v>
      </c>
    </row>
    <row r="4127" spans="1:5" x14ac:dyDescent="0.25">
      <c r="A4127" s="2">
        <v>825</v>
      </c>
      <c r="B4127" s="2">
        <v>825</v>
      </c>
      <c r="C4127" s="1" t="s">
        <v>0</v>
      </c>
      <c r="D4127" s="2">
        <v>156955</v>
      </c>
      <c r="E4127" s="1" t="s">
        <v>0</v>
      </c>
    </row>
    <row r="4128" spans="1:5" x14ac:dyDescent="0.25">
      <c r="A4128" s="1" t="s">
        <v>6174</v>
      </c>
      <c r="B4128" s="1" t="s">
        <v>6175</v>
      </c>
      <c r="C4128" s="1" t="s">
        <v>18964</v>
      </c>
      <c r="D4128" s="2">
        <v>156956</v>
      </c>
      <c r="E4128" s="1" t="s">
        <v>0</v>
      </c>
    </row>
    <row r="4129" spans="1:5" x14ac:dyDescent="0.25">
      <c r="A4129" s="1" t="s">
        <v>18965</v>
      </c>
      <c r="B4129" s="1" t="s">
        <v>51985</v>
      </c>
      <c r="C4129" s="1" t="s">
        <v>18966</v>
      </c>
      <c r="D4129" s="2">
        <v>156957</v>
      </c>
      <c r="E4129" s="1" t="s">
        <v>0</v>
      </c>
    </row>
    <row r="4130" spans="1:5" ht="409.5" x14ac:dyDescent="0.25">
      <c r="A4130" s="4" t="s">
        <v>18967</v>
      </c>
      <c r="B4130" s="1" t="s">
        <v>63225</v>
      </c>
      <c r="C4130" s="1" t="s">
        <v>18968</v>
      </c>
      <c r="D4130" s="2">
        <v>156958</v>
      </c>
      <c r="E4130" s="1" t="s">
        <v>0</v>
      </c>
    </row>
    <row r="4131" spans="1:5" x14ac:dyDescent="0.25">
      <c r="A4131" s="1" t="s">
        <v>18969</v>
      </c>
      <c r="B4131" s="1" t="s">
        <v>6176</v>
      </c>
      <c r="C4131" s="1" t="s">
        <v>18970</v>
      </c>
      <c r="D4131" s="2">
        <v>156959</v>
      </c>
      <c r="E4131" s="1" t="s">
        <v>0</v>
      </c>
    </row>
    <row r="4132" spans="1:5" x14ac:dyDescent="0.25">
      <c r="A4132" s="2">
        <v>826</v>
      </c>
      <c r="B4132" s="2">
        <v>826</v>
      </c>
      <c r="C4132" s="1" t="s">
        <v>0</v>
      </c>
      <c r="D4132" s="2">
        <v>156960</v>
      </c>
      <c r="E4132" s="1" t="s">
        <v>0</v>
      </c>
    </row>
    <row r="4133" spans="1:5" x14ac:dyDescent="0.25">
      <c r="A4133" s="1" t="s">
        <v>760</v>
      </c>
      <c r="B4133" s="1" t="s">
        <v>6177</v>
      </c>
      <c r="C4133" s="1" t="s">
        <v>18971</v>
      </c>
      <c r="D4133" s="2">
        <v>156961</v>
      </c>
      <c r="E4133" s="1" t="s">
        <v>0</v>
      </c>
    </row>
    <row r="4134" spans="1:5" x14ac:dyDescent="0.25">
      <c r="A4134" s="1" t="s">
        <v>18972</v>
      </c>
      <c r="B4134" s="1" t="s">
        <v>51986</v>
      </c>
      <c r="C4134" s="1" t="s">
        <v>18973</v>
      </c>
      <c r="D4134" s="2">
        <v>156962</v>
      </c>
      <c r="E4134" s="1" t="s">
        <v>0</v>
      </c>
    </row>
    <row r="4135" spans="1:5" ht="409.5" x14ac:dyDescent="0.25">
      <c r="A4135" s="4" t="s">
        <v>18974</v>
      </c>
      <c r="B4135" s="1" t="s">
        <v>63226</v>
      </c>
      <c r="C4135" s="1" t="s">
        <v>18975</v>
      </c>
      <c r="D4135" s="2">
        <v>156963</v>
      </c>
      <c r="E4135" s="1" t="s">
        <v>0</v>
      </c>
    </row>
    <row r="4136" spans="1:5" x14ac:dyDescent="0.25">
      <c r="A4136" s="1" t="s">
        <v>18737</v>
      </c>
      <c r="B4136" s="1" t="s">
        <v>60945</v>
      </c>
      <c r="C4136" s="1" t="s">
        <v>18738</v>
      </c>
      <c r="D4136" s="2">
        <v>156964</v>
      </c>
      <c r="E4136" s="1" t="s">
        <v>0</v>
      </c>
    </row>
    <row r="4137" spans="1:5" x14ac:dyDescent="0.25">
      <c r="A4137" s="2">
        <v>827</v>
      </c>
      <c r="B4137" s="2">
        <v>827</v>
      </c>
      <c r="C4137" s="1" t="s">
        <v>0</v>
      </c>
      <c r="D4137" s="2">
        <v>156965</v>
      </c>
      <c r="E4137" s="1" t="s">
        <v>0</v>
      </c>
    </row>
    <row r="4138" spans="1:5" x14ac:dyDescent="0.25">
      <c r="A4138" s="1" t="s">
        <v>761</v>
      </c>
      <c r="B4138" s="1" t="s">
        <v>6178</v>
      </c>
      <c r="C4138" s="1" t="s">
        <v>18976</v>
      </c>
      <c r="D4138" s="2">
        <v>156966</v>
      </c>
      <c r="E4138" s="1" t="s">
        <v>0</v>
      </c>
    </row>
    <row r="4139" spans="1:5" x14ac:dyDescent="0.25">
      <c r="A4139" s="1" t="s">
        <v>18977</v>
      </c>
      <c r="B4139" s="1" t="s">
        <v>51987</v>
      </c>
      <c r="C4139" s="1" t="s">
        <v>18978</v>
      </c>
      <c r="D4139" s="2">
        <v>156967</v>
      </c>
      <c r="E4139" s="1" t="s">
        <v>0</v>
      </c>
    </row>
    <row r="4140" spans="1:5" ht="409.5" x14ac:dyDescent="0.25">
      <c r="A4140" s="4" t="s">
        <v>18979</v>
      </c>
      <c r="B4140" s="1" t="s">
        <v>51988</v>
      </c>
      <c r="C4140" s="1" t="s">
        <v>18980</v>
      </c>
      <c r="D4140" s="2">
        <v>156968</v>
      </c>
      <c r="E4140" s="1" t="s">
        <v>0</v>
      </c>
    </row>
    <row r="4141" spans="1:5" x14ac:dyDescent="0.25">
      <c r="A4141" s="1" t="s">
        <v>18981</v>
      </c>
      <c r="B4141" s="1" t="s">
        <v>6179</v>
      </c>
      <c r="C4141" s="1" t="s">
        <v>18982</v>
      </c>
      <c r="D4141" s="2">
        <v>156969</v>
      </c>
      <c r="E4141" s="1" t="s">
        <v>0</v>
      </c>
    </row>
    <row r="4142" spans="1:5" x14ac:dyDescent="0.25">
      <c r="A4142" s="2">
        <v>828</v>
      </c>
      <c r="B4142" s="2">
        <v>828</v>
      </c>
      <c r="C4142" s="1" t="s">
        <v>0</v>
      </c>
      <c r="D4142" s="2">
        <v>156970</v>
      </c>
      <c r="E4142" s="1" t="s">
        <v>0</v>
      </c>
    </row>
    <row r="4143" spans="1:5" x14ac:dyDescent="0.25">
      <c r="A4143" s="1" t="s">
        <v>762</v>
      </c>
      <c r="B4143" s="1" t="s">
        <v>6180</v>
      </c>
      <c r="C4143" s="1" t="s">
        <v>18983</v>
      </c>
      <c r="D4143" s="2">
        <v>156971</v>
      </c>
      <c r="E4143" s="1" t="s">
        <v>0</v>
      </c>
    </row>
    <row r="4144" spans="1:5" x14ac:dyDescent="0.25">
      <c r="A4144" s="1" t="s">
        <v>18984</v>
      </c>
      <c r="B4144" s="1" t="s">
        <v>57004</v>
      </c>
      <c r="C4144" s="1" t="s">
        <v>18985</v>
      </c>
      <c r="D4144" s="2">
        <v>156972</v>
      </c>
      <c r="E4144" s="1" t="s">
        <v>0</v>
      </c>
    </row>
    <row r="4145" spans="1:5" ht="409.5" x14ac:dyDescent="0.25">
      <c r="A4145" s="4" t="s">
        <v>18986</v>
      </c>
      <c r="B4145" s="1" t="s">
        <v>59807</v>
      </c>
      <c r="C4145" s="1" t="s">
        <v>18987</v>
      </c>
      <c r="D4145" s="2">
        <v>156973</v>
      </c>
      <c r="E4145" s="1" t="s">
        <v>0</v>
      </c>
    </row>
    <row r="4146" spans="1:5" x14ac:dyDescent="0.25">
      <c r="A4146" s="1" t="s">
        <v>18988</v>
      </c>
      <c r="B4146" s="1" t="s">
        <v>6181</v>
      </c>
      <c r="C4146" s="1" t="s">
        <v>18989</v>
      </c>
      <c r="D4146" s="2">
        <v>156974</v>
      </c>
      <c r="E4146" s="1" t="s">
        <v>0</v>
      </c>
    </row>
    <row r="4147" spans="1:5" x14ac:dyDescent="0.25">
      <c r="A4147" s="2">
        <v>829</v>
      </c>
      <c r="B4147" s="2">
        <v>829</v>
      </c>
      <c r="C4147" s="1" t="s">
        <v>0</v>
      </c>
      <c r="D4147" s="2">
        <v>156975</v>
      </c>
      <c r="E4147" s="1" t="s">
        <v>0</v>
      </c>
    </row>
    <row r="4148" spans="1:5" x14ac:dyDescent="0.25">
      <c r="A4148" s="1" t="s">
        <v>763</v>
      </c>
      <c r="B4148" s="1" t="s">
        <v>6182</v>
      </c>
      <c r="C4148" s="1" t="s">
        <v>18990</v>
      </c>
      <c r="D4148" s="2">
        <v>156976</v>
      </c>
      <c r="E4148" s="1" t="s">
        <v>0</v>
      </c>
    </row>
    <row r="4149" spans="1:5" x14ac:dyDescent="0.25">
      <c r="A4149" s="1" t="s">
        <v>18991</v>
      </c>
      <c r="B4149" s="1" t="s">
        <v>6183</v>
      </c>
      <c r="C4149" s="1" t="s">
        <v>18992</v>
      </c>
      <c r="D4149" s="2">
        <v>156977</v>
      </c>
      <c r="E4149" s="1" t="s">
        <v>0</v>
      </c>
    </row>
    <row r="4150" spans="1:5" ht="409.5" x14ac:dyDescent="0.25">
      <c r="A4150" s="4" t="s">
        <v>18993</v>
      </c>
      <c r="B4150" s="1" t="s">
        <v>59568</v>
      </c>
      <c r="C4150" s="1" t="s">
        <v>18994</v>
      </c>
      <c r="D4150" s="2">
        <v>156978</v>
      </c>
      <c r="E4150" s="1" t="s">
        <v>0</v>
      </c>
    </row>
    <row r="4151" spans="1:5" x14ac:dyDescent="0.25">
      <c r="A4151" s="1" t="s">
        <v>18995</v>
      </c>
      <c r="B4151" s="1" t="s">
        <v>51989</v>
      </c>
      <c r="C4151" s="1" t="s">
        <v>18996</v>
      </c>
      <c r="D4151" s="2">
        <v>156979</v>
      </c>
      <c r="E4151" s="1" t="s">
        <v>0</v>
      </c>
    </row>
    <row r="4152" spans="1:5" x14ac:dyDescent="0.25">
      <c r="A4152" s="2">
        <v>830</v>
      </c>
      <c r="B4152" s="2">
        <v>830</v>
      </c>
      <c r="C4152" s="1" t="s">
        <v>0</v>
      </c>
      <c r="D4152" s="2">
        <v>156980</v>
      </c>
      <c r="E4152" s="1" t="s">
        <v>0</v>
      </c>
    </row>
    <row r="4153" spans="1:5" x14ac:dyDescent="0.25">
      <c r="A4153" s="1" t="s">
        <v>764</v>
      </c>
      <c r="B4153" s="1" t="s">
        <v>6184</v>
      </c>
      <c r="C4153" s="1" t="s">
        <v>18997</v>
      </c>
      <c r="D4153" s="2">
        <v>156981</v>
      </c>
      <c r="E4153" s="1" t="s">
        <v>0</v>
      </c>
    </row>
    <row r="4154" spans="1:5" x14ac:dyDescent="0.25">
      <c r="A4154" s="1" t="s">
        <v>18998</v>
      </c>
      <c r="B4154" s="1" t="s">
        <v>6185</v>
      </c>
      <c r="C4154" s="1" t="s">
        <v>18999</v>
      </c>
      <c r="D4154" s="2">
        <v>156982</v>
      </c>
      <c r="E4154" s="1" t="s">
        <v>0</v>
      </c>
    </row>
    <row r="4155" spans="1:5" ht="409.5" x14ac:dyDescent="0.25">
      <c r="A4155" s="4" t="s">
        <v>19000</v>
      </c>
      <c r="B4155" s="1" t="s">
        <v>59569</v>
      </c>
      <c r="C4155" s="1" t="s">
        <v>19001</v>
      </c>
      <c r="D4155" s="2">
        <v>156983</v>
      </c>
      <c r="E4155" s="1" t="s">
        <v>0</v>
      </c>
    </row>
    <row r="4156" spans="1:5" x14ac:dyDescent="0.25">
      <c r="A4156" s="1" t="s">
        <v>19002</v>
      </c>
      <c r="B4156" s="1" t="s">
        <v>51990</v>
      </c>
      <c r="C4156" s="1" t="s">
        <v>19003</v>
      </c>
      <c r="D4156" s="2">
        <v>156984</v>
      </c>
      <c r="E4156" s="1" t="s">
        <v>0</v>
      </c>
    </row>
    <row r="4157" spans="1:5" x14ac:dyDescent="0.25">
      <c r="A4157" s="2">
        <v>831</v>
      </c>
      <c r="B4157" s="2">
        <v>831</v>
      </c>
      <c r="C4157" s="1" t="s">
        <v>0</v>
      </c>
      <c r="D4157" s="2">
        <v>156985</v>
      </c>
      <c r="E4157" s="1" t="s">
        <v>0</v>
      </c>
    </row>
    <row r="4158" spans="1:5" x14ac:dyDescent="0.25">
      <c r="A4158" s="1" t="s">
        <v>765</v>
      </c>
      <c r="B4158" s="1" t="s">
        <v>6186</v>
      </c>
      <c r="C4158" s="1" t="s">
        <v>19004</v>
      </c>
      <c r="D4158" s="2">
        <v>156986</v>
      </c>
      <c r="E4158" s="1" t="s">
        <v>0</v>
      </c>
    </row>
    <row r="4159" spans="1:5" x14ac:dyDescent="0.25">
      <c r="A4159" s="1" t="s">
        <v>19005</v>
      </c>
      <c r="B4159" s="1" t="s">
        <v>51991</v>
      </c>
      <c r="C4159" s="1" t="s">
        <v>19006</v>
      </c>
      <c r="D4159" s="2">
        <v>156987</v>
      </c>
      <c r="E4159" s="1" t="s">
        <v>0</v>
      </c>
    </row>
    <row r="4160" spans="1:5" ht="409.5" x14ac:dyDescent="0.25">
      <c r="A4160" s="4" t="s">
        <v>19007</v>
      </c>
      <c r="B4160" s="1" t="s">
        <v>51992</v>
      </c>
      <c r="C4160" s="1" t="s">
        <v>19008</v>
      </c>
      <c r="D4160" s="2">
        <v>156988</v>
      </c>
      <c r="E4160" s="1" t="s">
        <v>0</v>
      </c>
    </row>
    <row r="4161" spans="1:5" x14ac:dyDescent="0.25">
      <c r="A4161" s="1" t="s">
        <v>19009</v>
      </c>
      <c r="B4161" s="1" t="s">
        <v>6187</v>
      </c>
      <c r="C4161" s="1" t="s">
        <v>19010</v>
      </c>
      <c r="D4161" s="2">
        <v>156989</v>
      </c>
      <c r="E4161" s="1" t="s">
        <v>0</v>
      </c>
    </row>
    <row r="4162" spans="1:5" x14ac:dyDescent="0.25">
      <c r="A4162" s="2">
        <v>832</v>
      </c>
      <c r="B4162" s="2">
        <v>832</v>
      </c>
      <c r="C4162" s="1" t="s">
        <v>0</v>
      </c>
      <c r="D4162" s="2">
        <v>156990</v>
      </c>
      <c r="E4162" s="1" t="s">
        <v>0</v>
      </c>
    </row>
    <row r="4163" spans="1:5" x14ac:dyDescent="0.25">
      <c r="A4163" s="1" t="s">
        <v>766</v>
      </c>
      <c r="B4163" s="1" t="s">
        <v>50458</v>
      </c>
      <c r="C4163" s="1" t="s">
        <v>19011</v>
      </c>
      <c r="D4163" s="2">
        <v>156991</v>
      </c>
      <c r="E4163" s="1" t="s">
        <v>0</v>
      </c>
    </row>
    <row r="4164" spans="1:5" x14ac:dyDescent="0.25">
      <c r="A4164" s="1" t="s">
        <v>19012</v>
      </c>
      <c r="B4164" s="1" t="s">
        <v>57070</v>
      </c>
      <c r="C4164" s="1" t="s">
        <v>19013</v>
      </c>
      <c r="D4164" s="2">
        <v>156992</v>
      </c>
      <c r="E4164" s="1" t="s">
        <v>0</v>
      </c>
    </row>
    <row r="4165" spans="1:5" ht="409.5" x14ac:dyDescent="0.25">
      <c r="A4165" s="4" t="s">
        <v>19014</v>
      </c>
      <c r="B4165" s="1" t="s">
        <v>57071</v>
      </c>
      <c r="C4165" s="1" t="s">
        <v>19015</v>
      </c>
      <c r="D4165" s="2">
        <v>156993</v>
      </c>
      <c r="E4165" s="1" t="s">
        <v>0</v>
      </c>
    </row>
    <row r="4166" spans="1:5" x14ac:dyDescent="0.25">
      <c r="A4166" s="1" t="s">
        <v>19016</v>
      </c>
      <c r="B4166" s="1" t="s">
        <v>59808</v>
      </c>
      <c r="C4166" s="1" t="s">
        <v>19017</v>
      </c>
      <c r="D4166" s="2">
        <v>156994</v>
      </c>
      <c r="E4166" s="1" t="s">
        <v>0</v>
      </c>
    </row>
    <row r="4167" spans="1:5" x14ac:dyDescent="0.25">
      <c r="A4167" s="2">
        <v>833</v>
      </c>
      <c r="B4167" s="2">
        <v>833</v>
      </c>
      <c r="C4167" s="1" t="s">
        <v>0</v>
      </c>
      <c r="D4167" s="2">
        <v>156995</v>
      </c>
      <c r="E4167" s="1" t="s">
        <v>0</v>
      </c>
    </row>
    <row r="4168" spans="1:5" x14ac:dyDescent="0.25">
      <c r="A4168" s="1" t="s">
        <v>767</v>
      </c>
      <c r="B4168" s="1" t="s">
        <v>6188</v>
      </c>
      <c r="C4168" s="1" t="s">
        <v>19018</v>
      </c>
      <c r="D4168" s="2">
        <v>156996</v>
      </c>
      <c r="E4168" s="1" t="s">
        <v>0</v>
      </c>
    </row>
    <row r="4169" spans="1:5" x14ac:dyDescent="0.25">
      <c r="A4169" s="1" t="s">
        <v>19019</v>
      </c>
      <c r="B4169" s="1" t="s">
        <v>62117</v>
      </c>
      <c r="C4169" s="1" t="s">
        <v>19020</v>
      </c>
      <c r="D4169" s="2">
        <v>156997</v>
      </c>
      <c r="E4169" s="1" t="s">
        <v>0</v>
      </c>
    </row>
    <row r="4170" spans="1:5" ht="409.5" x14ac:dyDescent="0.25">
      <c r="A4170" s="4" t="s">
        <v>19021</v>
      </c>
      <c r="B4170" s="1" t="s">
        <v>63227</v>
      </c>
      <c r="C4170" s="1" t="s">
        <v>19022</v>
      </c>
      <c r="D4170" s="2">
        <v>156998</v>
      </c>
      <c r="E4170" s="1" t="s">
        <v>0</v>
      </c>
    </row>
    <row r="4171" spans="1:5" x14ac:dyDescent="0.25">
      <c r="A4171" s="1" t="s">
        <v>19023</v>
      </c>
      <c r="B4171" s="1" t="s">
        <v>51993</v>
      </c>
      <c r="C4171" s="1" t="s">
        <v>19024</v>
      </c>
      <c r="D4171" s="2">
        <v>156999</v>
      </c>
      <c r="E4171" s="1" t="s">
        <v>0</v>
      </c>
    </row>
    <row r="4172" spans="1:5" x14ac:dyDescent="0.25">
      <c r="A4172" s="2">
        <v>834</v>
      </c>
      <c r="B4172" s="2">
        <v>834</v>
      </c>
      <c r="C4172" s="1" t="s">
        <v>0</v>
      </c>
      <c r="D4172" s="2">
        <v>157000</v>
      </c>
      <c r="E4172" s="1" t="s">
        <v>0</v>
      </c>
    </row>
    <row r="4173" spans="1:5" x14ac:dyDescent="0.25">
      <c r="A4173" s="1" t="s">
        <v>768</v>
      </c>
      <c r="B4173" s="1" t="s">
        <v>6189</v>
      </c>
      <c r="C4173" s="1" t="s">
        <v>19025</v>
      </c>
      <c r="D4173" s="2">
        <v>157001</v>
      </c>
      <c r="E4173" s="1" t="s">
        <v>0</v>
      </c>
    </row>
    <row r="4174" spans="1:5" x14ac:dyDescent="0.25">
      <c r="A4174" s="1" t="s">
        <v>19026</v>
      </c>
      <c r="B4174" s="1" t="s">
        <v>51994</v>
      </c>
      <c r="C4174" s="1" t="s">
        <v>19027</v>
      </c>
      <c r="D4174" s="2">
        <v>157002</v>
      </c>
      <c r="E4174" s="1" t="s">
        <v>0</v>
      </c>
    </row>
    <row r="4175" spans="1:5" ht="409.5" x14ac:dyDescent="0.25">
      <c r="A4175" s="4" t="s">
        <v>19028</v>
      </c>
      <c r="B4175" s="1" t="s">
        <v>58207</v>
      </c>
      <c r="C4175" s="1" t="s">
        <v>19029</v>
      </c>
      <c r="D4175" s="2">
        <v>157003</v>
      </c>
      <c r="E4175" s="1" t="s">
        <v>0</v>
      </c>
    </row>
    <row r="4176" spans="1:5" x14ac:dyDescent="0.25">
      <c r="A4176" s="1" t="s">
        <v>19030</v>
      </c>
      <c r="B4176" s="1" t="s">
        <v>6190</v>
      </c>
      <c r="C4176" s="1" t="s">
        <v>19031</v>
      </c>
      <c r="D4176" s="2">
        <v>157004</v>
      </c>
      <c r="E4176" s="1" t="s">
        <v>0</v>
      </c>
    </row>
    <row r="4177" spans="1:5" x14ac:dyDescent="0.25">
      <c r="A4177" s="2">
        <v>835</v>
      </c>
      <c r="B4177" s="2">
        <v>835</v>
      </c>
      <c r="C4177" s="1" t="s">
        <v>0</v>
      </c>
      <c r="D4177" s="2">
        <v>157005</v>
      </c>
      <c r="E4177" s="1" t="s">
        <v>0</v>
      </c>
    </row>
    <row r="4178" spans="1:5" x14ac:dyDescent="0.25">
      <c r="A4178" s="1" t="s">
        <v>769</v>
      </c>
      <c r="B4178" s="1" t="s">
        <v>6191</v>
      </c>
      <c r="C4178" s="1" t="s">
        <v>19032</v>
      </c>
      <c r="D4178" s="2">
        <v>157006</v>
      </c>
      <c r="E4178" s="1" t="s">
        <v>0</v>
      </c>
    </row>
    <row r="4179" spans="1:5" x14ac:dyDescent="0.25">
      <c r="A4179" s="1" t="s">
        <v>19033</v>
      </c>
      <c r="B4179" s="1" t="s">
        <v>51995</v>
      </c>
      <c r="C4179" s="1" t="s">
        <v>19034</v>
      </c>
      <c r="D4179" s="2">
        <v>157007</v>
      </c>
      <c r="E4179" s="1" t="s">
        <v>0</v>
      </c>
    </row>
    <row r="4180" spans="1:5" ht="409.5" x14ac:dyDescent="0.25">
      <c r="A4180" s="4" t="s">
        <v>19035</v>
      </c>
      <c r="B4180" s="1" t="s">
        <v>59809</v>
      </c>
      <c r="C4180" s="1" t="s">
        <v>19036</v>
      </c>
      <c r="D4180" s="2">
        <v>157008</v>
      </c>
      <c r="E4180" s="1" t="s">
        <v>0</v>
      </c>
    </row>
    <row r="4181" spans="1:5" x14ac:dyDescent="0.25">
      <c r="A4181" s="1" t="s">
        <v>19037</v>
      </c>
      <c r="B4181" s="1" t="s">
        <v>6192</v>
      </c>
      <c r="C4181" s="1" t="s">
        <v>19038</v>
      </c>
      <c r="D4181" s="2">
        <v>157009</v>
      </c>
      <c r="E4181" s="1" t="s">
        <v>0</v>
      </c>
    </row>
    <row r="4182" spans="1:5" x14ac:dyDescent="0.25">
      <c r="A4182" s="2">
        <v>836</v>
      </c>
      <c r="B4182" s="2">
        <v>836</v>
      </c>
      <c r="C4182" s="1" t="s">
        <v>0</v>
      </c>
      <c r="D4182" s="2">
        <v>157010</v>
      </c>
      <c r="E4182" s="1" t="s">
        <v>0</v>
      </c>
    </row>
    <row r="4183" spans="1:5" x14ac:dyDescent="0.25">
      <c r="A4183" s="1" t="s">
        <v>770</v>
      </c>
      <c r="B4183" s="1" t="s">
        <v>51996</v>
      </c>
      <c r="C4183" s="1" t="s">
        <v>19039</v>
      </c>
      <c r="D4183" s="2">
        <v>157011</v>
      </c>
      <c r="E4183" s="1" t="s">
        <v>0</v>
      </c>
    </row>
    <row r="4184" spans="1:5" x14ac:dyDescent="0.25">
      <c r="A4184" s="1" t="s">
        <v>19040</v>
      </c>
      <c r="B4184" s="1" t="s">
        <v>51997</v>
      </c>
      <c r="C4184" s="1" t="s">
        <v>19041</v>
      </c>
      <c r="D4184" s="2">
        <v>157012</v>
      </c>
      <c r="E4184" s="1" t="s">
        <v>0</v>
      </c>
    </row>
    <row r="4185" spans="1:5" ht="409.5" x14ac:dyDescent="0.25">
      <c r="A4185" s="4" t="s">
        <v>19042</v>
      </c>
      <c r="B4185" s="1" t="s">
        <v>51998</v>
      </c>
      <c r="C4185" s="1" t="s">
        <v>19043</v>
      </c>
      <c r="D4185" s="2">
        <v>157013</v>
      </c>
      <c r="E4185" s="1" t="s">
        <v>0</v>
      </c>
    </row>
    <row r="4186" spans="1:5" x14ac:dyDescent="0.25">
      <c r="A4186" s="1" t="s">
        <v>19044</v>
      </c>
      <c r="B4186" s="1" t="s">
        <v>57141</v>
      </c>
      <c r="C4186" s="1" t="s">
        <v>19045</v>
      </c>
      <c r="D4186" s="2">
        <v>157014</v>
      </c>
      <c r="E4186" s="1" t="s">
        <v>0</v>
      </c>
    </row>
    <row r="4187" spans="1:5" x14ac:dyDescent="0.25">
      <c r="A4187" s="2">
        <v>837</v>
      </c>
      <c r="B4187" s="2">
        <v>837</v>
      </c>
      <c r="C4187" s="1" t="s">
        <v>0</v>
      </c>
      <c r="D4187" s="2">
        <v>157015</v>
      </c>
      <c r="E4187" s="1" t="s">
        <v>0</v>
      </c>
    </row>
    <row r="4188" spans="1:5" x14ac:dyDescent="0.25">
      <c r="A4188" s="1" t="s">
        <v>771</v>
      </c>
      <c r="B4188" s="1" t="s">
        <v>6193</v>
      </c>
      <c r="C4188" s="1" t="s">
        <v>19046</v>
      </c>
      <c r="D4188" s="2">
        <v>157016</v>
      </c>
      <c r="E4188" s="1" t="s">
        <v>0</v>
      </c>
    </row>
    <row r="4189" spans="1:5" x14ac:dyDescent="0.25">
      <c r="A4189" s="1" t="s">
        <v>19047</v>
      </c>
      <c r="B4189" s="1" t="s">
        <v>59810</v>
      </c>
      <c r="C4189" s="1" t="s">
        <v>19048</v>
      </c>
      <c r="D4189" s="2">
        <v>157017</v>
      </c>
      <c r="E4189" s="1" t="s">
        <v>0</v>
      </c>
    </row>
    <row r="4190" spans="1:5" ht="409.5" x14ac:dyDescent="0.25">
      <c r="A4190" s="4" t="s">
        <v>19049</v>
      </c>
      <c r="B4190" s="1" t="s">
        <v>59811</v>
      </c>
      <c r="C4190" s="1" t="s">
        <v>19050</v>
      </c>
      <c r="D4190" s="2">
        <v>157018</v>
      </c>
      <c r="E4190" s="1" t="s">
        <v>0</v>
      </c>
    </row>
    <row r="4191" spans="1:5" x14ac:dyDescent="0.25">
      <c r="A4191" s="1" t="s">
        <v>19051</v>
      </c>
      <c r="B4191" s="1" t="s">
        <v>57417</v>
      </c>
      <c r="C4191" s="1" t="s">
        <v>19052</v>
      </c>
      <c r="D4191" s="2">
        <v>157019</v>
      </c>
      <c r="E4191" s="1" t="s">
        <v>0</v>
      </c>
    </row>
    <row r="4192" spans="1:5" x14ac:dyDescent="0.25">
      <c r="A4192" s="2">
        <v>838</v>
      </c>
      <c r="B4192" s="2">
        <v>838</v>
      </c>
      <c r="C4192" s="1" t="s">
        <v>0</v>
      </c>
      <c r="D4192" s="2">
        <v>157020</v>
      </c>
      <c r="E4192" s="1" t="s">
        <v>0</v>
      </c>
    </row>
    <row r="4193" spans="1:5" x14ac:dyDescent="0.25">
      <c r="A4193" s="1" t="s">
        <v>772</v>
      </c>
      <c r="B4193" s="1" t="s">
        <v>6194</v>
      </c>
      <c r="C4193" s="1" t="s">
        <v>19053</v>
      </c>
      <c r="D4193" s="2">
        <v>157021</v>
      </c>
      <c r="E4193" s="1" t="s">
        <v>0</v>
      </c>
    </row>
    <row r="4194" spans="1:5" x14ac:dyDescent="0.25">
      <c r="A4194" s="1" t="s">
        <v>19054</v>
      </c>
      <c r="B4194" s="1" t="s">
        <v>6195</v>
      </c>
      <c r="C4194" s="1" t="s">
        <v>19055</v>
      </c>
      <c r="D4194" s="2">
        <v>157022</v>
      </c>
      <c r="E4194" s="1" t="s">
        <v>0</v>
      </c>
    </row>
    <row r="4195" spans="1:5" ht="409.5" x14ac:dyDescent="0.25">
      <c r="A4195" s="4" t="s">
        <v>19056</v>
      </c>
      <c r="B4195" s="1" t="s">
        <v>6196</v>
      </c>
      <c r="C4195" s="1" t="s">
        <v>19057</v>
      </c>
      <c r="D4195" s="2">
        <v>157023</v>
      </c>
      <c r="E4195" s="1" t="s">
        <v>0</v>
      </c>
    </row>
    <row r="4196" spans="1:5" x14ac:dyDescent="0.25">
      <c r="A4196" s="1" t="s">
        <v>19058</v>
      </c>
      <c r="B4196" s="1" t="s">
        <v>51999</v>
      </c>
      <c r="C4196" s="1" t="s">
        <v>19059</v>
      </c>
      <c r="D4196" s="2">
        <v>157024</v>
      </c>
      <c r="E4196" s="1" t="s">
        <v>0</v>
      </c>
    </row>
    <row r="4197" spans="1:5" x14ac:dyDescent="0.25">
      <c r="A4197" s="2">
        <v>839</v>
      </c>
      <c r="B4197" s="2">
        <v>839</v>
      </c>
      <c r="C4197" s="1" t="s">
        <v>0</v>
      </c>
      <c r="D4197" s="2">
        <v>157025</v>
      </c>
      <c r="E4197" s="1" t="s">
        <v>0</v>
      </c>
    </row>
    <row r="4198" spans="1:5" x14ac:dyDescent="0.25">
      <c r="A4198" s="1" t="s">
        <v>773</v>
      </c>
      <c r="B4198" s="1" t="s">
        <v>6197</v>
      </c>
      <c r="C4198" s="1" t="s">
        <v>19060</v>
      </c>
      <c r="D4198" s="2">
        <v>157026</v>
      </c>
      <c r="E4198" s="1" t="s">
        <v>0</v>
      </c>
    </row>
    <row r="4199" spans="1:5" x14ac:dyDescent="0.25">
      <c r="A4199" s="1" t="s">
        <v>19061</v>
      </c>
      <c r="B4199" s="1" t="s">
        <v>6198</v>
      </c>
      <c r="C4199" s="1" t="s">
        <v>19062</v>
      </c>
      <c r="D4199" s="2">
        <v>157027</v>
      </c>
      <c r="E4199" s="1" t="s">
        <v>0</v>
      </c>
    </row>
    <row r="4200" spans="1:5" ht="409.5" x14ac:dyDescent="0.25">
      <c r="A4200" s="4" t="s">
        <v>19063</v>
      </c>
      <c r="B4200" s="1" t="s">
        <v>57418</v>
      </c>
      <c r="C4200" s="1" t="s">
        <v>19064</v>
      </c>
      <c r="D4200" s="2">
        <v>157028</v>
      </c>
      <c r="E4200" s="1" t="s">
        <v>0</v>
      </c>
    </row>
    <row r="4201" spans="1:5" x14ac:dyDescent="0.25">
      <c r="A4201" s="1" t="s">
        <v>19065</v>
      </c>
      <c r="B4201" s="1" t="s">
        <v>52000</v>
      </c>
      <c r="C4201" s="1" t="s">
        <v>19066</v>
      </c>
      <c r="D4201" s="2">
        <v>157029</v>
      </c>
      <c r="E4201" s="1" t="s">
        <v>0</v>
      </c>
    </row>
    <row r="4202" spans="1:5" x14ac:dyDescent="0.25">
      <c r="A4202" s="2">
        <v>840</v>
      </c>
      <c r="B4202" s="2">
        <v>840</v>
      </c>
      <c r="C4202" s="1" t="s">
        <v>0</v>
      </c>
      <c r="D4202" s="2">
        <v>157030</v>
      </c>
      <c r="E4202" s="1" t="s">
        <v>0</v>
      </c>
    </row>
    <row r="4203" spans="1:5" x14ac:dyDescent="0.25">
      <c r="A4203" s="1" t="s">
        <v>774</v>
      </c>
      <c r="B4203" s="1" t="s">
        <v>6199</v>
      </c>
      <c r="C4203" s="1" t="s">
        <v>19067</v>
      </c>
      <c r="D4203" s="2">
        <v>157031</v>
      </c>
      <c r="E4203" s="1" t="s">
        <v>0</v>
      </c>
    </row>
    <row r="4204" spans="1:5" x14ac:dyDescent="0.25">
      <c r="A4204" s="1" t="s">
        <v>19068</v>
      </c>
      <c r="B4204" s="1" t="s">
        <v>58208</v>
      </c>
      <c r="C4204" s="1" t="s">
        <v>19069</v>
      </c>
      <c r="D4204" s="2">
        <v>157032</v>
      </c>
      <c r="E4204" s="1" t="s">
        <v>0</v>
      </c>
    </row>
    <row r="4205" spans="1:5" ht="409.5" x14ac:dyDescent="0.25">
      <c r="A4205" s="4" t="s">
        <v>19070</v>
      </c>
      <c r="B4205" s="1" t="s">
        <v>58209</v>
      </c>
      <c r="C4205" s="1" t="s">
        <v>19071</v>
      </c>
      <c r="D4205" s="2">
        <v>157033</v>
      </c>
      <c r="E4205" s="1" t="s">
        <v>0</v>
      </c>
    </row>
    <row r="4206" spans="1:5" x14ac:dyDescent="0.25">
      <c r="A4206" s="1" t="s">
        <v>19072</v>
      </c>
      <c r="B4206" s="1" t="s">
        <v>52001</v>
      </c>
      <c r="C4206" s="1" t="s">
        <v>19073</v>
      </c>
      <c r="D4206" s="2">
        <v>157034</v>
      </c>
      <c r="E4206" s="1" t="s">
        <v>0</v>
      </c>
    </row>
    <row r="4207" spans="1:5" x14ac:dyDescent="0.25">
      <c r="A4207" s="2">
        <v>841</v>
      </c>
      <c r="B4207" s="2">
        <v>841</v>
      </c>
      <c r="C4207" s="1" t="s">
        <v>0</v>
      </c>
      <c r="D4207" s="2">
        <v>157035</v>
      </c>
      <c r="E4207" s="1" t="s">
        <v>0</v>
      </c>
    </row>
    <row r="4208" spans="1:5" x14ac:dyDescent="0.25">
      <c r="A4208" s="1" t="s">
        <v>775</v>
      </c>
      <c r="B4208" s="1" t="s">
        <v>6200</v>
      </c>
      <c r="C4208" s="1" t="s">
        <v>19074</v>
      </c>
      <c r="D4208" s="2">
        <v>157036</v>
      </c>
      <c r="E4208" s="1" t="s">
        <v>0</v>
      </c>
    </row>
    <row r="4209" spans="1:5" x14ac:dyDescent="0.25">
      <c r="A4209" s="1" t="s">
        <v>19075</v>
      </c>
      <c r="B4209" s="1" t="s">
        <v>6201</v>
      </c>
      <c r="C4209" s="1" t="s">
        <v>19076</v>
      </c>
      <c r="D4209" s="2">
        <v>157037</v>
      </c>
      <c r="E4209" s="1" t="s">
        <v>0</v>
      </c>
    </row>
    <row r="4210" spans="1:5" ht="409.5" x14ac:dyDescent="0.25">
      <c r="A4210" s="4" t="s">
        <v>19077</v>
      </c>
      <c r="B4210" s="1" t="s">
        <v>52002</v>
      </c>
      <c r="C4210" s="1" t="s">
        <v>19078</v>
      </c>
      <c r="D4210" s="2">
        <v>157038</v>
      </c>
      <c r="E4210" s="1" t="s">
        <v>0</v>
      </c>
    </row>
    <row r="4211" spans="1:5" x14ac:dyDescent="0.25">
      <c r="A4211" s="1" t="s">
        <v>19079</v>
      </c>
      <c r="B4211" s="1" t="s">
        <v>6202</v>
      </c>
      <c r="C4211" s="1" t="s">
        <v>19080</v>
      </c>
      <c r="D4211" s="2">
        <v>157039</v>
      </c>
      <c r="E4211" s="1" t="s">
        <v>0</v>
      </c>
    </row>
    <row r="4212" spans="1:5" x14ac:dyDescent="0.25">
      <c r="A4212" s="2">
        <v>842</v>
      </c>
      <c r="B4212" s="2">
        <v>842</v>
      </c>
      <c r="C4212" s="1" t="s">
        <v>0</v>
      </c>
      <c r="D4212" s="2">
        <v>157040</v>
      </c>
      <c r="E4212" s="1" t="s">
        <v>0</v>
      </c>
    </row>
    <row r="4213" spans="1:5" x14ac:dyDescent="0.25">
      <c r="A4213" s="1" t="s">
        <v>776</v>
      </c>
      <c r="B4213" s="1" t="s">
        <v>6203</v>
      </c>
      <c r="C4213" s="1" t="s">
        <v>19081</v>
      </c>
      <c r="D4213" s="2">
        <v>157041</v>
      </c>
      <c r="E4213" s="1" t="s">
        <v>0</v>
      </c>
    </row>
    <row r="4214" spans="1:5" x14ac:dyDescent="0.25">
      <c r="A4214" s="1" t="s">
        <v>19082</v>
      </c>
      <c r="B4214" s="1" t="s">
        <v>60952</v>
      </c>
      <c r="C4214" s="1" t="s">
        <v>19083</v>
      </c>
      <c r="D4214" s="2">
        <v>157042</v>
      </c>
      <c r="E4214" s="1" t="s">
        <v>0</v>
      </c>
    </row>
    <row r="4215" spans="1:5" ht="409.5" x14ac:dyDescent="0.25">
      <c r="A4215" s="4" t="s">
        <v>19084</v>
      </c>
      <c r="B4215" s="1" t="s">
        <v>60953</v>
      </c>
      <c r="C4215" s="1" t="s">
        <v>19085</v>
      </c>
      <c r="D4215" s="2">
        <v>157043</v>
      </c>
      <c r="E4215" s="1" t="s">
        <v>0</v>
      </c>
    </row>
    <row r="4216" spans="1:5" x14ac:dyDescent="0.25">
      <c r="A4216" s="1" t="s">
        <v>15303</v>
      </c>
      <c r="B4216" s="1" t="s">
        <v>60888</v>
      </c>
      <c r="C4216" s="1" t="s">
        <v>15304</v>
      </c>
      <c r="D4216" s="2">
        <v>157044</v>
      </c>
      <c r="E4216" s="1" t="s">
        <v>0</v>
      </c>
    </row>
    <row r="4217" spans="1:5" x14ac:dyDescent="0.25">
      <c r="A4217" s="2">
        <v>843</v>
      </c>
      <c r="B4217" s="2">
        <v>843</v>
      </c>
      <c r="C4217" s="1" t="s">
        <v>0</v>
      </c>
      <c r="D4217" s="2">
        <v>157045</v>
      </c>
      <c r="E4217" s="1" t="s">
        <v>0</v>
      </c>
    </row>
    <row r="4218" spans="1:5" x14ac:dyDescent="0.25">
      <c r="A4218" s="1" t="s">
        <v>777</v>
      </c>
      <c r="B4218" s="1" t="s">
        <v>6204</v>
      </c>
      <c r="C4218" s="1" t="s">
        <v>19086</v>
      </c>
      <c r="D4218" s="2">
        <v>157046</v>
      </c>
      <c r="E4218" s="1" t="s">
        <v>0</v>
      </c>
    </row>
    <row r="4219" spans="1:5" x14ac:dyDescent="0.25">
      <c r="A4219" s="1" t="s">
        <v>19087</v>
      </c>
      <c r="B4219" s="1" t="s">
        <v>13011</v>
      </c>
      <c r="C4219" s="1" t="s">
        <v>19088</v>
      </c>
      <c r="D4219" s="2">
        <v>157047</v>
      </c>
      <c r="E4219" s="1" t="s">
        <v>0</v>
      </c>
    </row>
    <row r="4220" spans="1:5" ht="409.5" x14ac:dyDescent="0.25">
      <c r="A4220" s="4" t="s">
        <v>19089</v>
      </c>
      <c r="B4220" s="1" t="s">
        <v>52003</v>
      </c>
      <c r="C4220" s="1" t="s">
        <v>19090</v>
      </c>
      <c r="D4220" s="2">
        <v>157048</v>
      </c>
      <c r="E4220" s="1" t="s">
        <v>0</v>
      </c>
    </row>
    <row r="4221" spans="1:5" x14ac:dyDescent="0.25">
      <c r="A4221" s="1" t="s">
        <v>19091</v>
      </c>
      <c r="B4221" s="1" t="s">
        <v>6205</v>
      </c>
      <c r="C4221" s="1" t="s">
        <v>19092</v>
      </c>
      <c r="D4221" s="2">
        <v>157049</v>
      </c>
      <c r="E4221" s="1" t="s">
        <v>0</v>
      </c>
    </row>
    <row r="4222" spans="1:5" x14ac:dyDescent="0.25">
      <c r="A4222" s="2">
        <v>844</v>
      </c>
      <c r="B4222" s="2">
        <v>844</v>
      </c>
      <c r="C4222" s="1" t="s">
        <v>0</v>
      </c>
      <c r="D4222" s="2">
        <v>157050</v>
      </c>
      <c r="E4222" s="1" t="s">
        <v>0</v>
      </c>
    </row>
    <row r="4223" spans="1:5" x14ac:dyDescent="0.25">
      <c r="A4223" s="1" t="s">
        <v>778</v>
      </c>
      <c r="B4223" s="1" t="s">
        <v>50459</v>
      </c>
      <c r="C4223" s="1" t="s">
        <v>19093</v>
      </c>
      <c r="D4223" s="2">
        <v>157051</v>
      </c>
      <c r="E4223" s="1" t="s">
        <v>0</v>
      </c>
    </row>
    <row r="4224" spans="1:5" x14ac:dyDescent="0.25">
      <c r="A4224" s="1" t="s">
        <v>19094</v>
      </c>
      <c r="B4224" s="1" t="s">
        <v>56709</v>
      </c>
      <c r="C4224" s="1" t="s">
        <v>19095</v>
      </c>
      <c r="D4224" s="2">
        <v>157052</v>
      </c>
      <c r="E4224" s="1" t="s">
        <v>0</v>
      </c>
    </row>
    <row r="4225" spans="1:5" ht="409.5" x14ac:dyDescent="0.25">
      <c r="A4225" s="4" t="s">
        <v>61762</v>
      </c>
      <c r="B4225" s="1" t="s">
        <v>57737</v>
      </c>
      <c r="C4225" s="1" t="s">
        <v>19096</v>
      </c>
      <c r="D4225" s="2">
        <v>157053</v>
      </c>
      <c r="E4225" s="1" t="s">
        <v>0</v>
      </c>
    </row>
    <row r="4226" spans="1:5" x14ac:dyDescent="0.25">
      <c r="A4226" s="1" t="s">
        <v>19097</v>
      </c>
      <c r="B4226" s="1" t="s">
        <v>52004</v>
      </c>
      <c r="C4226" s="1" t="s">
        <v>19098</v>
      </c>
      <c r="D4226" s="2">
        <v>157054</v>
      </c>
      <c r="E4226" s="1" t="s">
        <v>0</v>
      </c>
    </row>
    <row r="4227" spans="1:5" x14ac:dyDescent="0.25">
      <c r="A4227" s="2">
        <v>845</v>
      </c>
      <c r="B4227" s="2">
        <v>845</v>
      </c>
      <c r="C4227" s="1" t="s">
        <v>0</v>
      </c>
      <c r="D4227" s="2">
        <v>157055</v>
      </c>
      <c r="E4227" s="1" t="s">
        <v>0</v>
      </c>
    </row>
    <row r="4228" spans="1:5" x14ac:dyDescent="0.25">
      <c r="A4228" s="1" t="s">
        <v>779</v>
      </c>
      <c r="B4228" s="1" t="s">
        <v>6206</v>
      </c>
      <c r="C4228" s="1" t="s">
        <v>19099</v>
      </c>
      <c r="D4228" s="2">
        <v>157056</v>
      </c>
      <c r="E4228" s="1" t="s">
        <v>0</v>
      </c>
    </row>
    <row r="4229" spans="1:5" x14ac:dyDescent="0.25">
      <c r="A4229" s="1" t="s">
        <v>19100</v>
      </c>
      <c r="B4229" s="1" t="s">
        <v>6207</v>
      </c>
      <c r="C4229" s="1" t="s">
        <v>19101</v>
      </c>
      <c r="D4229" s="2">
        <v>157057</v>
      </c>
      <c r="E4229" s="1" t="s">
        <v>0</v>
      </c>
    </row>
    <row r="4230" spans="1:5" ht="409.5" x14ac:dyDescent="0.25">
      <c r="A4230" s="4" t="s">
        <v>19102</v>
      </c>
      <c r="B4230" s="1" t="s">
        <v>6208</v>
      </c>
      <c r="C4230" s="1" t="s">
        <v>19103</v>
      </c>
      <c r="D4230" s="2">
        <v>157058</v>
      </c>
      <c r="E4230" s="1" t="s">
        <v>0</v>
      </c>
    </row>
    <row r="4231" spans="1:5" x14ac:dyDescent="0.25">
      <c r="A4231" s="1" t="s">
        <v>19104</v>
      </c>
      <c r="B4231" s="1" t="s">
        <v>52005</v>
      </c>
      <c r="C4231" s="1" t="s">
        <v>19105</v>
      </c>
      <c r="D4231" s="2">
        <v>157059</v>
      </c>
      <c r="E4231" s="1" t="s">
        <v>0</v>
      </c>
    </row>
    <row r="4232" spans="1:5" x14ac:dyDescent="0.25">
      <c r="A4232" s="2">
        <v>846</v>
      </c>
      <c r="B4232" s="2">
        <v>846</v>
      </c>
      <c r="C4232" s="1" t="s">
        <v>0</v>
      </c>
      <c r="D4232" s="2">
        <v>157060</v>
      </c>
      <c r="E4232" s="1" t="s">
        <v>0</v>
      </c>
    </row>
    <row r="4233" spans="1:5" x14ac:dyDescent="0.25">
      <c r="A4233" s="1" t="s">
        <v>6209</v>
      </c>
      <c r="B4233" s="1" t="s">
        <v>6210</v>
      </c>
      <c r="C4233" s="1" t="s">
        <v>19106</v>
      </c>
      <c r="D4233" s="2">
        <v>157061</v>
      </c>
      <c r="E4233" s="1" t="s">
        <v>0</v>
      </c>
    </row>
    <row r="4234" spans="1:5" x14ac:dyDescent="0.25">
      <c r="A4234" s="1" t="s">
        <v>19107</v>
      </c>
      <c r="B4234" s="1" t="s">
        <v>52006</v>
      </c>
      <c r="C4234" s="1" t="s">
        <v>19108</v>
      </c>
      <c r="D4234" s="2">
        <v>157062</v>
      </c>
      <c r="E4234" s="1" t="s">
        <v>0</v>
      </c>
    </row>
    <row r="4235" spans="1:5" ht="409.5" x14ac:dyDescent="0.25">
      <c r="A4235" s="4" t="s">
        <v>19109</v>
      </c>
      <c r="B4235" s="1" t="s">
        <v>52007</v>
      </c>
      <c r="C4235" s="1" t="s">
        <v>19110</v>
      </c>
      <c r="D4235" s="2">
        <v>157063</v>
      </c>
      <c r="E4235" s="1" t="s">
        <v>0</v>
      </c>
    </row>
    <row r="4236" spans="1:5" x14ac:dyDescent="0.25">
      <c r="A4236" s="1" t="s">
        <v>19111</v>
      </c>
      <c r="B4236" s="1" t="s">
        <v>6211</v>
      </c>
      <c r="C4236" s="1" t="s">
        <v>19112</v>
      </c>
      <c r="D4236" s="2">
        <v>157064</v>
      </c>
      <c r="E4236" s="1" t="s">
        <v>0</v>
      </c>
    </row>
    <row r="4237" spans="1:5" x14ac:dyDescent="0.25">
      <c r="A4237" s="2">
        <v>847</v>
      </c>
      <c r="B4237" s="2">
        <v>847</v>
      </c>
      <c r="C4237" s="1" t="s">
        <v>0</v>
      </c>
      <c r="D4237" s="2">
        <v>157065</v>
      </c>
      <c r="E4237" s="1" t="s">
        <v>0</v>
      </c>
    </row>
    <row r="4238" spans="1:5" x14ac:dyDescent="0.25">
      <c r="A4238" s="1" t="s">
        <v>6212</v>
      </c>
      <c r="B4238" s="1" t="s">
        <v>6213</v>
      </c>
      <c r="C4238" s="1" t="s">
        <v>19113</v>
      </c>
      <c r="D4238" s="2">
        <v>157066</v>
      </c>
      <c r="E4238" s="1" t="s">
        <v>0</v>
      </c>
    </row>
    <row r="4239" spans="1:5" x14ac:dyDescent="0.25">
      <c r="A4239" s="1" t="s">
        <v>19114</v>
      </c>
      <c r="B4239" s="1" t="s">
        <v>57419</v>
      </c>
      <c r="C4239" s="1" t="s">
        <v>19115</v>
      </c>
      <c r="D4239" s="2">
        <v>157067</v>
      </c>
      <c r="E4239" s="1" t="s">
        <v>0</v>
      </c>
    </row>
    <row r="4240" spans="1:5" ht="409.5" x14ac:dyDescent="0.25">
      <c r="A4240" s="4" t="s">
        <v>19116</v>
      </c>
      <c r="B4240" s="1" t="s">
        <v>58210</v>
      </c>
      <c r="C4240" s="1" t="s">
        <v>19117</v>
      </c>
      <c r="D4240" s="2">
        <v>157068</v>
      </c>
      <c r="E4240" s="1" t="s">
        <v>0</v>
      </c>
    </row>
    <row r="4241" spans="1:5" x14ac:dyDescent="0.25">
      <c r="A4241" s="1" t="s">
        <v>19118</v>
      </c>
      <c r="B4241" s="1" t="s">
        <v>57420</v>
      </c>
      <c r="C4241" s="1" t="s">
        <v>19119</v>
      </c>
      <c r="D4241" s="2">
        <v>157069</v>
      </c>
      <c r="E4241" s="1" t="s">
        <v>0</v>
      </c>
    </row>
    <row r="4242" spans="1:5" x14ac:dyDescent="0.25">
      <c r="A4242" s="2">
        <v>848</v>
      </c>
      <c r="B4242" s="2">
        <v>848</v>
      </c>
      <c r="C4242" s="1" t="s">
        <v>0</v>
      </c>
      <c r="D4242" s="2">
        <v>157070</v>
      </c>
      <c r="E4242" s="1" t="s">
        <v>0</v>
      </c>
    </row>
    <row r="4243" spans="1:5" x14ac:dyDescent="0.25">
      <c r="A4243" s="1" t="s">
        <v>780</v>
      </c>
      <c r="B4243" s="1" t="s">
        <v>6214</v>
      </c>
      <c r="C4243" s="1" t="s">
        <v>19120</v>
      </c>
      <c r="D4243" s="2">
        <v>157071</v>
      </c>
      <c r="E4243" s="1" t="s">
        <v>0</v>
      </c>
    </row>
    <row r="4244" spans="1:5" x14ac:dyDescent="0.25">
      <c r="A4244" s="1" t="s">
        <v>19121</v>
      </c>
      <c r="B4244" s="1" t="s">
        <v>52008</v>
      </c>
      <c r="C4244" s="1" t="s">
        <v>19122</v>
      </c>
      <c r="D4244" s="2">
        <v>157072</v>
      </c>
      <c r="E4244" s="1" t="s">
        <v>0</v>
      </c>
    </row>
    <row r="4245" spans="1:5" ht="409.5" x14ac:dyDescent="0.25">
      <c r="A4245" s="4" t="s">
        <v>19123</v>
      </c>
      <c r="B4245" s="1" t="s">
        <v>52009</v>
      </c>
      <c r="C4245" s="1" t="s">
        <v>19124</v>
      </c>
      <c r="D4245" s="2">
        <v>157073</v>
      </c>
      <c r="E4245" s="1" t="s">
        <v>0</v>
      </c>
    </row>
    <row r="4246" spans="1:5" x14ac:dyDescent="0.25">
      <c r="A4246" s="1" t="s">
        <v>19125</v>
      </c>
      <c r="B4246" s="1" t="s">
        <v>57142</v>
      </c>
      <c r="C4246" s="1" t="s">
        <v>19126</v>
      </c>
      <c r="D4246" s="2">
        <v>157074</v>
      </c>
      <c r="E4246" s="1" t="s">
        <v>0</v>
      </c>
    </row>
    <row r="4247" spans="1:5" x14ac:dyDescent="0.25">
      <c r="A4247" s="2">
        <v>849</v>
      </c>
      <c r="B4247" s="2">
        <v>849</v>
      </c>
      <c r="C4247" s="1" t="s">
        <v>0</v>
      </c>
      <c r="D4247" s="2">
        <v>157075</v>
      </c>
      <c r="E4247" s="1" t="s">
        <v>0</v>
      </c>
    </row>
    <row r="4248" spans="1:5" x14ac:dyDescent="0.25">
      <c r="A4248" s="1" t="s">
        <v>781</v>
      </c>
      <c r="B4248" s="1" t="s">
        <v>52010</v>
      </c>
      <c r="C4248" s="1" t="s">
        <v>19127</v>
      </c>
      <c r="D4248" s="2">
        <v>157076</v>
      </c>
      <c r="E4248" s="1" t="s">
        <v>0</v>
      </c>
    </row>
    <row r="4249" spans="1:5" x14ac:dyDescent="0.25">
      <c r="A4249" s="1" t="s">
        <v>19128</v>
      </c>
      <c r="B4249" s="1" t="s">
        <v>52011</v>
      </c>
      <c r="C4249" s="1" t="s">
        <v>19129</v>
      </c>
      <c r="D4249" s="2">
        <v>157077</v>
      </c>
      <c r="E4249" s="1" t="s">
        <v>0</v>
      </c>
    </row>
    <row r="4250" spans="1:5" ht="409.5" x14ac:dyDescent="0.25">
      <c r="A4250" s="4" t="s">
        <v>19130</v>
      </c>
      <c r="B4250" s="1" t="s">
        <v>60954</v>
      </c>
      <c r="C4250" s="1" t="s">
        <v>19131</v>
      </c>
      <c r="D4250" s="2">
        <v>157078</v>
      </c>
      <c r="E4250" s="1" t="s">
        <v>0</v>
      </c>
    </row>
    <row r="4251" spans="1:5" x14ac:dyDescent="0.25">
      <c r="A4251" s="1" t="s">
        <v>19132</v>
      </c>
      <c r="B4251" s="1" t="s">
        <v>60955</v>
      </c>
      <c r="C4251" s="1" t="s">
        <v>19133</v>
      </c>
      <c r="D4251" s="2">
        <v>157079</v>
      </c>
      <c r="E4251" s="1" t="s">
        <v>0</v>
      </c>
    </row>
    <row r="4252" spans="1:5" x14ac:dyDescent="0.25">
      <c r="A4252" s="2">
        <v>850</v>
      </c>
      <c r="B4252" s="2">
        <v>850</v>
      </c>
      <c r="C4252" s="1" t="s">
        <v>0</v>
      </c>
      <c r="D4252" s="2">
        <v>157080</v>
      </c>
      <c r="E4252" s="1" t="s">
        <v>0</v>
      </c>
    </row>
    <row r="4253" spans="1:5" x14ac:dyDescent="0.25">
      <c r="A4253" s="1" t="s">
        <v>782</v>
      </c>
      <c r="B4253" s="1" t="s">
        <v>6215</v>
      </c>
      <c r="C4253" s="1" t="s">
        <v>19134</v>
      </c>
      <c r="D4253" s="2">
        <v>157081</v>
      </c>
      <c r="E4253" s="1" t="s">
        <v>0</v>
      </c>
    </row>
    <row r="4254" spans="1:5" x14ac:dyDescent="0.25">
      <c r="A4254" s="1" t="s">
        <v>19135</v>
      </c>
      <c r="B4254" s="1" t="s">
        <v>52012</v>
      </c>
      <c r="C4254" s="1" t="s">
        <v>19136</v>
      </c>
      <c r="D4254" s="2">
        <v>157082</v>
      </c>
      <c r="E4254" s="1" t="s">
        <v>0</v>
      </c>
    </row>
    <row r="4255" spans="1:5" ht="409.5" x14ac:dyDescent="0.25">
      <c r="A4255" s="4" t="s">
        <v>19137</v>
      </c>
      <c r="B4255" s="1" t="s">
        <v>61592</v>
      </c>
      <c r="C4255" s="1" t="s">
        <v>19138</v>
      </c>
      <c r="D4255" s="2">
        <v>157083</v>
      </c>
      <c r="E4255" s="1" t="s">
        <v>0</v>
      </c>
    </row>
    <row r="4256" spans="1:5" x14ac:dyDescent="0.25">
      <c r="A4256" s="1" t="s">
        <v>19139</v>
      </c>
      <c r="B4256" s="1" t="s">
        <v>52013</v>
      </c>
      <c r="C4256" s="1" t="s">
        <v>19140</v>
      </c>
      <c r="D4256" s="2">
        <v>157084</v>
      </c>
      <c r="E4256" s="1" t="s">
        <v>0</v>
      </c>
    </row>
    <row r="4257" spans="1:5" x14ac:dyDescent="0.25">
      <c r="A4257" s="2">
        <v>851</v>
      </c>
      <c r="B4257" s="2">
        <v>851</v>
      </c>
      <c r="C4257" s="1" t="s">
        <v>0</v>
      </c>
      <c r="D4257" s="2">
        <v>157085</v>
      </c>
      <c r="E4257" s="1" t="s">
        <v>0</v>
      </c>
    </row>
    <row r="4258" spans="1:5" x14ac:dyDescent="0.25">
      <c r="A4258" s="1" t="s">
        <v>6216</v>
      </c>
      <c r="B4258" s="1" t="s">
        <v>6217</v>
      </c>
      <c r="C4258" s="1" t="s">
        <v>19141</v>
      </c>
      <c r="D4258" s="2">
        <v>157086</v>
      </c>
      <c r="E4258" s="1" t="s">
        <v>0</v>
      </c>
    </row>
    <row r="4259" spans="1:5" x14ac:dyDescent="0.25">
      <c r="A4259" s="1" t="s">
        <v>19142</v>
      </c>
      <c r="B4259" s="1" t="s">
        <v>62118</v>
      </c>
      <c r="C4259" s="1" t="s">
        <v>19143</v>
      </c>
      <c r="D4259" s="2">
        <v>157087</v>
      </c>
      <c r="E4259" s="1" t="s">
        <v>0</v>
      </c>
    </row>
    <row r="4260" spans="1:5" ht="409.5" x14ac:dyDescent="0.25">
      <c r="A4260" s="4" t="s">
        <v>19144</v>
      </c>
      <c r="B4260" s="1" t="s">
        <v>62119</v>
      </c>
      <c r="C4260" s="1" t="s">
        <v>19145</v>
      </c>
      <c r="D4260" s="2">
        <v>157088</v>
      </c>
      <c r="E4260" s="1" t="s">
        <v>0</v>
      </c>
    </row>
    <row r="4261" spans="1:5" x14ac:dyDescent="0.25">
      <c r="A4261" s="1" t="s">
        <v>19146</v>
      </c>
      <c r="B4261" s="1" t="s">
        <v>52014</v>
      </c>
      <c r="C4261" s="1" t="s">
        <v>19147</v>
      </c>
      <c r="D4261" s="2">
        <v>157089</v>
      </c>
      <c r="E4261" s="1" t="s">
        <v>0</v>
      </c>
    </row>
    <row r="4262" spans="1:5" x14ac:dyDescent="0.25">
      <c r="A4262" s="2">
        <v>852</v>
      </c>
      <c r="B4262" s="2">
        <v>852</v>
      </c>
      <c r="C4262" s="1" t="s">
        <v>0</v>
      </c>
      <c r="D4262" s="2">
        <v>157090</v>
      </c>
      <c r="E4262" s="1" t="s">
        <v>0</v>
      </c>
    </row>
    <row r="4263" spans="1:5" x14ac:dyDescent="0.25">
      <c r="A4263" s="1" t="s">
        <v>783</v>
      </c>
      <c r="B4263" s="1" t="s">
        <v>6218</v>
      </c>
      <c r="C4263" s="1" t="s">
        <v>19148</v>
      </c>
      <c r="D4263" s="2">
        <v>157091</v>
      </c>
      <c r="E4263" s="1" t="s">
        <v>0</v>
      </c>
    </row>
    <row r="4264" spans="1:5" x14ac:dyDescent="0.25">
      <c r="A4264" s="1" t="s">
        <v>19149</v>
      </c>
      <c r="B4264" s="1" t="s">
        <v>62120</v>
      </c>
      <c r="C4264" s="1" t="s">
        <v>19150</v>
      </c>
      <c r="D4264" s="2">
        <v>157092</v>
      </c>
      <c r="E4264" s="1" t="s">
        <v>0</v>
      </c>
    </row>
    <row r="4265" spans="1:5" ht="409.5" x14ac:dyDescent="0.25">
      <c r="A4265" s="4" t="s">
        <v>19151</v>
      </c>
      <c r="B4265" s="1" t="s">
        <v>62121</v>
      </c>
      <c r="C4265" s="1" t="s">
        <v>19152</v>
      </c>
      <c r="D4265" s="2">
        <v>157093</v>
      </c>
      <c r="E4265" s="1" t="s">
        <v>0</v>
      </c>
    </row>
    <row r="4266" spans="1:5" x14ac:dyDescent="0.25">
      <c r="A4266" s="1" t="s">
        <v>19153</v>
      </c>
      <c r="B4266" s="1" t="s">
        <v>6219</v>
      </c>
      <c r="C4266" s="1" t="s">
        <v>19154</v>
      </c>
      <c r="D4266" s="2">
        <v>157094</v>
      </c>
      <c r="E4266" s="1" t="s">
        <v>0</v>
      </c>
    </row>
    <row r="4267" spans="1:5" x14ac:dyDescent="0.25">
      <c r="A4267" s="2">
        <v>853</v>
      </c>
      <c r="B4267" s="2">
        <v>853</v>
      </c>
      <c r="C4267" s="1" t="s">
        <v>0</v>
      </c>
      <c r="D4267" s="2">
        <v>157095</v>
      </c>
      <c r="E4267" s="1" t="s">
        <v>0</v>
      </c>
    </row>
    <row r="4268" spans="1:5" x14ac:dyDescent="0.25">
      <c r="A4268" s="1" t="s">
        <v>784</v>
      </c>
      <c r="B4268" s="1" t="s">
        <v>6220</v>
      </c>
      <c r="C4268" s="1" t="s">
        <v>19155</v>
      </c>
      <c r="D4268" s="2">
        <v>157096</v>
      </c>
      <c r="E4268" s="1" t="s">
        <v>0</v>
      </c>
    </row>
    <row r="4269" spans="1:5" x14ac:dyDescent="0.25">
      <c r="A4269" s="1" t="s">
        <v>19156</v>
      </c>
      <c r="B4269" s="1" t="s">
        <v>59812</v>
      </c>
      <c r="C4269" s="1" t="s">
        <v>19157</v>
      </c>
      <c r="D4269" s="2">
        <v>157097</v>
      </c>
      <c r="E4269" s="1" t="s">
        <v>0</v>
      </c>
    </row>
    <row r="4270" spans="1:5" ht="409.5" x14ac:dyDescent="0.25">
      <c r="A4270" s="4" t="s">
        <v>19158</v>
      </c>
      <c r="B4270" s="1" t="s">
        <v>59813</v>
      </c>
      <c r="C4270" s="1" t="s">
        <v>19159</v>
      </c>
      <c r="D4270" s="2">
        <v>157098</v>
      </c>
      <c r="E4270" s="1" t="s">
        <v>0</v>
      </c>
    </row>
    <row r="4271" spans="1:5" x14ac:dyDescent="0.25">
      <c r="A4271" s="1" t="s">
        <v>19160</v>
      </c>
      <c r="B4271" s="1" t="s">
        <v>52015</v>
      </c>
      <c r="C4271" s="1" t="s">
        <v>19161</v>
      </c>
      <c r="D4271" s="2">
        <v>157099</v>
      </c>
      <c r="E4271" s="1" t="s">
        <v>0</v>
      </c>
    </row>
    <row r="4272" spans="1:5" x14ac:dyDescent="0.25">
      <c r="A4272" s="2">
        <v>854</v>
      </c>
      <c r="B4272" s="2">
        <v>854</v>
      </c>
      <c r="C4272" s="1" t="s">
        <v>0</v>
      </c>
      <c r="D4272" s="2">
        <v>157100</v>
      </c>
      <c r="E4272" s="1" t="s">
        <v>0</v>
      </c>
    </row>
    <row r="4273" spans="1:5" x14ac:dyDescent="0.25">
      <c r="A4273" s="1" t="s">
        <v>785</v>
      </c>
      <c r="B4273" s="1" t="s">
        <v>6221</v>
      </c>
      <c r="C4273" s="1" t="s">
        <v>19162</v>
      </c>
      <c r="D4273" s="2">
        <v>157101</v>
      </c>
      <c r="E4273" s="1" t="s">
        <v>0</v>
      </c>
    </row>
    <row r="4274" spans="1:5" x14ac:dyDescent="0.25">
      <c r="A4274" s="1" t="s">
        <v>19163</v>
      </c>
      <c r="B4274" s="1" t="s">
        <v>62122</v>
      </c>
      <c r="C4274" s="1" t="s">
        <v>19164</v>
      </c>
      <c r="D4274" s="2">
        <v>157102</v>
      </c>
      <c r="E4274" s="1" t="s">
        <v>0</v>
      </c>
    </row>
    <row r="4275" spans="1:5" ht="409.5" x14ac:dyDescent="0.25">
      <c r="A4275" s="4" t="s">
        <v>19165</v>
      </c>
      <c r="B4275" s="1" t="s">
        <v>62123</v>
      </c>
      <c r="C4275" s="1" t="s">
        <v>19166</v>
      </c>
      <c r="D4275" s="2">
        <v>157103</v>
      </c>
      <c r="E4275" s="1" t="s">
        <v>0</v>
      </c>
    </row>
    <row r="4276" spans="1:5" x14ac:dyDescent="0.25">
      <c r="A4276" s="1" t="s">
        <v>19167</v>
      </c>
      <c r="B4276" s="1" t="s">
        <v>6222</v>
      </c>
      <c r="C4276" s="1" t="s">
        <v>19168</v>
      </c>
      <c r="D4276" s="2">
        <v>157104</v>
      </c>
      <c r="E4276" s="1" t="s">
        <v>0</v>
      </c>
    </row>
    <row r="4277" spans="1:5" x14ac:dyDescent="0.25">
      <c r="A4277" s="2">
        <v>855</v>
      </c>
      <c r="B4277" s="2">
        <v>855</v>
      </c>
      <c r="C4277" s="1" t="s">
        <v>0</v>
      </c>
      <c r="D4277" s="2">
        <v>157105</v>
      </c>
      <c r="E4277" s="1" t="s">
        <v>0</v>
      </c>
    </row>
    <row r="4278" spans="1:5" x14ac:dyDescent="0.25">
      <c r="A4278" s="1" t="s">
        <v>786</v>
      </c>
      <c r="B4278" s="1" t="s">
        <v>6223</v>
      </c>
      <c r="C4278" s="1" t="s">
        <v>6224</v>
      </c>
      <c r="D4278" s="2">
        <v>157106</v>
      </c>
      <c r="E4278" s="1" t="s">
        <v>0</v>
      </c>
    </row>
    <row r="4279" spans="1:5" x14ac:dyDescent="0.25">
      <c r="A4279" s="1" t="s">
        <v>19169</v>
      </c>
      <c r="B4279" s="1" t="s">
        <v>52016</v>
      </c>
      <c r="C4279" s="1" t="s">
        <v>19170</v>
      </c>
      <c r="D4279" s="2">
        <v>157107</v>
      </c>
      <c r="E4279" s="1" t="s">
        <v>0</v>
      </c>
    </row>
    <row r="4280" spans="1:5" ht="409.5" x14ac:dyDescent="0.25">
      <c r="A4280" s="4" t="s">
        <v>19171</v>
      </c>
      <c r="B4280" s="1" t="s">
        <v>52017</v>
      </c>
      <c r="C4280" s="1" t="s">
        <v>19172</v>
      </c>
      <c r="D4280" s="2">
        <v>157108</v>
      </c>
      <c r="E4280" s="1" t="s">
        <v>0</v>
      </c>
    </row>
    <row r="4281" spans="1:5" x14ac:dyDescent="0.25">
      <c r="A4281" s="1" t="s">
        <v>19173</v>
      </c>
      <c r="B4281" s="1" t="s">
        <v>6225</v>
      </c>
      <c r="C4281" s="1" t="s">
        <v>19174</v>
      </c>
      <c r="D4281" s="2">
        <v>157109</v>
      </c>
      <c r="E4281" s="1" t="s">
        <v>0</v>
      </c>
    </row>
    <row r="4282" spans="1:5" x14ac:dyDescent="0.25">
      <c r="A4282" s="2">
        <v>856</v>
      </c>
      <c r="B4282" s="2">
        <v>856</v>
      </c>
      <c r="C4282" s="1" t="s">
        <v>0</v>
      </c>
      <c r="D4282" s="2">
        <v>157110</v>
      </c>
      <c r="E4282" s="1" t="s">
        <v>0</v>
      </c>
    </row>
    <row r="4283" spans="1:5" x14ac:dyDescent="0.25">
      <c r="A4283" s="1" t="s">
        <v>787</v>
      </c>
      <c r="B4283" s="1" t="s">
        <v>6226</v>
      </c>
      <c r="C4283" s="1" t="s">
        <v>19175</v>
      </c>
      <c r="D4283" s="2">
        <v>157111</v>
      </c>
      <c r="E4283" s="1" t="s">
        <v>0</v>
      </c>
    </row>
    <row r="4284" spans="1:5" x14ac:dyDescent="0.25">
      <c r="A4284" s="1" t="s">
        <v>19176</v>
      </c>
      <c r="B4284" s="1" t="s">
        <v>50460</v>
      </c>
      <c r="C4284" s="1" t="s">
        <v>19177</v>
      </c>
      <c r="D4284" s="2">
        <v>157112</v>
      </c>
      <c r="E4284" s="1" t="s">
        <v>0</v>
      </c>
    </row>
    <row r="4285" spans="1:5" ht="409.5" x14ac:dyDescent="0.25">
      <c r="A4285" s="4" t="s">
        <v>19178</v>
      </c>
      <c r="B4285" s="1" t="s">
        <v>52018</v>
      </c>
      <c r="C4285" s="1" t="s">
        <v>19179</v>
      </c>
      <c r="D4285" s="2">
        <v>157113</v>
      </c>
      <c r="E4285" s="1" t="s">
        <v>0</v>
      </c>
    </row>
    <row r="4286" spans="1:5" x14ac:dyDescent="0.25">
      <c r="A4286" s="1" t="s">
        <v>19180</v>
      </c>
      <c r="B4286" s="1" t="s">
        <v>52019</v>
      </c>
      <c r="C4286" s="1" t="s">
        <v>19181</v>
      </c>
      <c r="D4286" s="2">
        <v>157114</v>
      </c>
      <c r="E4286" s="1" t="s">
        <v>0</v>
      </c>
    </row>
    <row r="4287" spans="1:5" x14ac:dyDescent="0.25">
      <c r="A4287" s="2">
        <v>857</v>
      </c>
      <c r="B4287" s="2">
        <v>857</v>
      </c>
      <c r="C4287" s="1" t="s">
        <v>0</v>
      </c>
      <c r="D4287" s="2">
        <v>157115</v>
      </c>
      <c r="E4287" s="1" t="s">
        <v>0</v>
      </c>
    </row>
    <row r="4288" spans="1:5" x14ac:dyDescent="0.25">
      <c r="A4288" s="1" t="s">
        <v>788</v>
      </c>
      <c r="B4288" s="1" t="s">
        <v>6227</v>
      </c>
      <c r="C4288" s="1" t="s">
        <v>19182</v>
      </c>
      <c r="D4288" s="2">
        <v>157116</v>
      </c>
      <c r="E4288" s="1" t="s">
        <v>0</v>
      </c>
    </row>
    <row r="4289" spans="1:5" x14ac:dyDescent="0.25">
      <c r="A4289" s="1" t="s">
        <v>19183</v>
      </c>
      <c r="B4289" s="1" t="s">
        <v>52020</v>
      </c>
      <c r="C4289" s="1" t="s">
        <v>19184</v>
      </c>
      <c r="D4289" s="2">
        <v>157117</v>
      </c>
      <c r="E4289" s="1" t="s">
        <v>0</v>
      </c>
    </row>
    <row r="4290" spans="1:5" ht="409.5" x14ac:dyDescent="0.25">
      <c r="A4290" s="4" t="s">
        <v>19185</v>
      </c>
      <c r="B4290" s="1" t="s">
        <v>62124</v>
      </c>
      <c r="C4290" s="1" t="s">
        <v>19186</v>
      </c>
      <c r="D4290" s="2">
        <v>157118</v>
      </c>
      <c r="E4290" s="1" t="s">
        <v>0</v>
      </c>
    </row>
    <row r="4291" spans="1:5" x14ac:dyDescent="0.25">
      <c r="A4291" s="1" t="s">
        <v>19187</v>
      </c>
      <c r="B4291" s="1" t="s">
        <v>6228</v>
      </c>
      <c r="C4291" s="1" t="s">
        <v>19188</v>
      </c>
      <c r="D4291" s="2">
        <v>157119</v>
      </c>
      <c r="E4291" s="1" t="s">
        <v>0</v>
      </c>
    </row>
    <row r="4292" spans="1:5" x14ac:dyDescent="0.25">
      <c r="A4292" s="2">
        <v>858</v>
      </c>
      <c r="B4292" s="2">
        <v>858</v>
      </c>
      <c r="C4292" s="1" t="s">
        <v>0</v>
      </c>
      <c r="D4292" s="2">
        <v>157120</v>
      </c>
      <c r="E4292" s="1" t="s">
        <v>0</v>
      </c>
    </row>
    <row r="4293" spans="1:5" x14ac:dyDescent="0.25">
      <c r="A4293" s="1" t="s">
        <v>789</v>
      </c>
      <c r="B4293" s="1" t="s">
        <v>52021</v>
      </c>
      <c r="C4293" s="1" t="s">
        <v>19189</v>
      </c>
      <c r="D4293" s="2">
        <v>157121</v>
      </c>
      <c r="E4293" s="1" t="s">
        <v>0</v>
      </c>
    </row>
    <row r="4294" spans="1:5" x14ac:dyDescent="0.25">
      <c r="A4294" s="1" t="s">
        <v>19190</v>
      </c>
      <c r="B4294" s="1" t="s">
        <v>52022</v>
      </c>
      <c r="C4294" s="1" t="s">
        <v>19191</v>
      </c>
      <c r="D4294" s="2">
        <v>157122</v>
      </c>
      <c r="E4294" s="1" t="s">
        <v>0</v>
      </c>
    </row>
    <row r="4295" spans="1:5" ht="409.5" x14ac:dyDescent="0.25">
      <c r="A4295" s="4" t="s">
        <v>19192</v>
      </c>
      <c r="B4295" s="1" t="s">
        <v>59814</v>
      </c>
      <c r="C4295" s="1" t="s">
        <v>19193</v>
      </c>
      <c r="D4295" s="2">
        <v>157123</v>
      </c>
      <c r="E4295" s="1" t="s">
        <v>0</v>
      </c>
    </row>
    <row r="4296" spans="1:5" x14ac:dyDescent="0.25">
      <c r="A4296" s="1" t="s">
        <v>19194</v>
      </c>
      <c r="B4296" s="1" t="s">
        <v>52023</v>
      </c>
      <c r="C4296" s="1" t="s">
        <v>19195</v>
      </c>
      <c r="D4296" s="2">
        <v>157124</v>
      </c>
      <c r="E4296" s="1" t="s">
        <v>0</v>
      </c>
    </row>
    <row r="4297" spans="1:5" x14ac:dyDescent="0.25">
      <c r="A4297" s="2">
        <v>859</v>
      </c>
      <c r="B4297" s="2">
        <v>859</v>
      </c>
      <c r="C4297" s="1" t="s">
        <v>0</v>
      </c>
      <c r="D4297" s="2">
        <v>157125</v>
      </c>
      <c r="E4297" s="1" t="s">
        <v>0</v>
      </c>
    </row>
    <row r="4298" spans="1:5" x14ac:dyDescent="0.25">
      <c r="A4298" s="1" t="s">
        <v>790</v>
      </c>
      <c r="B4298" s="1" t="s">
        <v>6229</v>
      </c>
      <c r="C4298" s="1" t="s">
        <v>19196</v>
      </c>
      <c r="D4298" s="2">
        <v>157126</v>
      </c>
      <c r="E4298" s="1" t="s">
        <v>0</v>
      </c>
    </row>
    <row r="4299" spans="1:5" x14ac:dyDescent="0.25">
      <c r="A4299" s="1" t="s">
        <v>19197</v>
      </c>
      <c r="B4299" s="1" t="s">
        <v>58058</v>
      </c>
      <c r="C4299" s="1" t="s">
        <v>19198</v>
      </c>
      <c r="D4299" s="2">
        <v>157127</v>
      </c>
      <c r="E4299" s="1" t="s">
        <v>0</v>
      </c>
    </row>
    <row r="4300" spans="1:5" ht="409.5" x14ac:dyDescent="0.25">
      <c r="A4300" s="4" t="s">
        <v>19199</v>
      </c>
      <c r="B4300" s="1" t="s">
        <v>58059</v>
      </c>
      <c r="C4300" s="1" t="s">
        <v>19200</v>
      </c>
      <c r="D4300" s="2">
        <v>157128</v>
      </c>
      <c r="E4300" s="1" t="s">
        <v>0</v>
      </c>
    </row>
    <row r="4301" spans="1:5" x14ac:dyDescent="0.25">
      <c r="A4301" s="1" t="s">
        <v>19201</v>
      </c>
      <c r="B4301" s="1" t="s">
        <v>52024</v>
      </c>
      <c r="C4301" s="1" t="s">
        <v>19202</v>
      </c>
      <c r="D4301" s="2">
        <v>157129</v>
      </c>
      <c r="E4301" s="1" t="s">
        <v>0</v>
      </c>
    </row>
    <row r="4302" spans="1:5" x14ac:dyDescent="0.25">
      <c r="A4302" s="2">
        <v>860</v>
      </c>
      <c r="B4302" s="2">
        <v>860</v>
      </c>
      <c r="C4302" s="1" t="s">
        <v>0</v>
      </c>
      <c r="D4302" s="2">
        <v>157130</v>
      </c>
      <c r="E4302" s="1" t="s">
        <v>0</v>
      </c>
    </row>
    <row r="4303" spans="1:5" x14ac:dyDescent="0.25">
      <c r="A4303" s="1" t="s">
        <v>791</v>
      </c>
      <c r="B4303" s="1" t="s">
        <v>6230</v>
      </c>
      <c r="C4303" s="1" t="s">
        <v>19203</v>
      </c>
      <c r="D4303" s="2">
        <v>157131</v>
      </c>
      <c r="E4303" s="1" t="s">
        <v>0</v>
      </c>
    </row>
    <row r="4304" spans="1:5" x14ac:dyDescent="0.25">
      <c r="A4304" s="1" t="s">
        <v>19204</v>
      </c>
      <c r="B4304" s="1" t="s">
        <v>52025</v>
      </c>
      <c r="C4304" s="1" t="s">
        <v>19205</v>
      </c>
      <c r="D4304" s="2">
        <v>157132</v>
      </c>
      <c r="E4304" s="1" t="s">
        <v>0</v>
      </c>
    </row>
    <row r="4305" spans="1:5" ht="409.5" x14ac:dyDescent="0.25">
      <c r="A4305" s="4" t="s">
        <v>19206</v>
      </c>
      <c r="B4305" s="1" t="s">
        <v>60490</v>
      </c>
      <c r="C4305" s="1" t="s">
        <v>19207</v>
      </c>
      <c r="D4305" s="2">
        <v>157133</v>
      </c>
      <c r="E4305" s="1" t="s">
        <v>0</v>
      </c>
    </row>
    <row r="4306" spans="1:5" x14ac:dyDescent="0.25">
      <c r="A4306" s="1" t="s">
        <v>19208</v>
      </c>
      <c r="B4306" s="1" t="s">
        <v>57143</v>
      </c>
      <c r="C4306" s="1" t="s">
        <v>19209</v>
      </c>
      <c r="D4306" s="2">
        <v>157134</v>
      </c>
      <c r="E4306" s="1" t="s">
        <v>0</v>
      </c>
    </row>
    <row r="4307" spans="1:5" x14ac:dyDescent="0.25">
      <c r="A4307" s="2">
        <v>861</v>
      </c>
      <c r="B4307" s="2">
        <v>861</v>
      </c>
      <c r="C4307" s="1" t="s">
        <v>0</v>
      </c>
      <c r="D4307" s="2">
        <v>157135</v>
      </c>
      <c r="E4307" s="1" t="s">
        <v>0</v>
      </c>
    </row>
    <row r="4308" spans="1:5" x14ac:dyDescent="0.25">
      <c r="A4308" s="1" t="s">
        <v>792</v>
      </c>
      <c r="B4308" s="1" t="s">
        <v>56916</v>
      </c>
      <c r="C4308" s="1" t="s">
        <v>19210</v>
      </c>
      <c r="D4308" s="2">
        <v>157136</v>
      </c>
      <c r="E4308" s="1" t="s">
        <v>0</v>
      </c>
    </row>
    <row r="4309" spans="1:5" x14ac:dyDescent="0.25">
      <c r="A4309" s="1" t="s">
        <v>19211</v>
      </c>
      <c r="B4309" s="1" t="s">
        <v>52026</v>
      </c>
      <c r="C4309" s="1" t="s">
        <v>19212</v>
      </c>
      <c r="D4309" s="2">
        <v>157137</v>
      </c>
      <c r="E4309" s="1" t="s">
        <v>0</v>
      </c>
    </row>
    <row r="4310" spans="1:5" ht="409.5" x14ac:dyDescent="0.25">
      <c r="A4310" s="4" t="s">
        <v>19213</v>
      </c>
      <c r="B4310" s="1" t="s">
        <v>62125</v>
      </c>
      <c r="C4310" s="1" t="s">
        <v>19214</v>
      </c>
      <c r="D4310" s="2">
        <v>157138</v>
      </c>
      <c r="E4310" s="1" t="s">
        <v>0</v>
      </c>
    </row>
    <row r="4311" spans="1:5" x14ac:dyDescent="0.25">
      <c r="A4311" s="1" t="s">
        <v>19215</v>
      </c>
      <c r="B4311" s="1" t="s">
        <v>6231</v>
      </c>
      <c r="C4311" s="1" t="s">
        <v>19216</v>
      </c>
      <c r="D4311" s="2">
        <v>157139</v>
      </c>
      <c r="E4311" s="1" t="s">
        <v>0</v>
      </c>
    </row>
    <row r="4312" spans="1:5" x14ac:dyDescent="0.25">
      <c r="A4312" s="2">
        <v>862</v>
      </c>
      <c r="B4312" s="2">
        <v>862</v>
      </c>
      <c r="C4312" s="1" t="s">
        <v>0</v>
      </c>
      <c r="D4312" s="2">
        <v>157140</v>
      </c>
      <c r="E4312" s="1" t="s">
        <v>0</v>
      </c>
    </row>
    <row r="4313" spans="1:5" x14ac:dyDescent="0.25">
      <c r="A4313" s="1" t="s">
        <v>793</v>
      </c>
      <c r="B4313" s="1" t="s">
        <v>6232</v>
      </c>
      <c r="C4313" s="1" t="s">
        <v>19217</v>
      </c>
      <c r="D4313" s="2">
        <v>157141</v>
      </c>
      <c r="E4313" s="1" t="s">
        <v>0</v>
      </c>
    </row>
    <row r="4314" spans="1:5" x14ac:dyDescent="0.25">
      <c r="A4314" s="1" t="s">
        <v>19218</v>
      </c>
      <c r="B4314" s="1" t="s">
        <v>57738</v>
      </c>
      <c r="C4314" s="1" t="s">
        <v>19219</v>
      </c>
      <c r="D4314" s="2">
        <v>157142</v>
      </c>
      <c r="E4314" s="1" t="s">
        <v>0</v>
      </c>
    </row>
    <row r="4315" spans="1:5" ht="409.5" x14ac:dyDescent="0.25">
      <c r="A4315" s="4" t="s">
        <v>19220</v>
      </c>
      <c r="B4315" s="1" t="s">
        <v>57739</v>
      </c>
      <c r="C4315" s="1" t="s">
        <v>19221</v>
      </c>
      <c r="D4315" s="2">
        <v>157143</v>
      </c>
      <c r="E4315" s="1" t="s">
        <v>0</v>
      </c>
    </row>
    <row r="4316" spans="1:5" x14ac:dyDescent="0.25">
      <c r="A4316" s="1" t="s">
        <v>19222</v>
      </c>
      <c r="B4316" s="1" t="s">
        <v>52027</v>
      </c>
      <c r="C4316" s="1" t="s">
        <v>19223</v>
      </c>
      <c r="D4316" s="2">
        <v>157144</v>
      </c>
      <c r="E4316" s="1" t="s">
        <v>0</v>
      </c>
    </row>
    <row r="4317" spans="1:5" x14ac:dyDescent="0.25">
      <c r="A4317" s="2">
        <v>863</v>
      </c>
      <c r="B4317" s="2">
        <v>863</v>
      </c>
      <c r="C4317" s="1" t="s">
        <v>0</v>
      </c>
      <c r="D4317" s="2">
        <v>157145</v>
      </c>
      <c r="E4317" s="1" t="s">
        <v>0</v>
      </c>
    </row>
    <row r="4318" spans="1:5" x14ac:dyDescent="0.25">
      <c r="A4318" s="1" t="s">
        <v>794</v>
      </c>
      <c r="B4318" s="1" t="s">
        <v>6233</v>
      </c>
      <c r="C4318" s="1" t="s">
        <v>19224</v>
      </c>
      <c r="D4318" s="2">
        <v>157146</v>
      </c>
      <c r="E4318" s="1" t="s">
        <v>0</v>
      </c>
    </row>
    <row r="4319" spans="1:5" x14ac:dyDescent="0.25">
      <c r="A4319" s="1" t="s">
        <v>19225</v>
      </c>
      <c r="B4319" s="1" t="s">
        <v>62126</v>
      </c>
      <c r="C4319" s="1" t="s">
        <v>19226</v>
      </c>
      <c r="D4319" s="2">
        <v>157147</v>
      </c>
      <c r="E4319" s="1" t="s">
        <v>0</v>
      </c>
    </row>
    <row r="4320" spans="1:5" ht="409.5" x14ac:dyDescent="0.25">
      <c r="A4320" s="4" t="s">
        <v>19227</v>
      </c>
      <c r="B4320" s="1" t="s">
        <v>62127</v>
      </c>
      <c r="C4320" s="1" t="s">
        <v>19228</v>
      </c>
      <c r="D4320" s="2">
        <v>157148</v>
      </c>
      <c r="E4320" s="1" t="s">
        <v>0</v>
      </c>
    </row>
    <row r="4321" spans="1:5" x14ac:dyDescent="0.25">
      <c r="A4321" s="1" t="s">
        <v>19229</v>
      </c>
      <c r="B4321" s="1" t="s">
        <v>58211</v>
      </c>
      <c r="C4321" s="1" t="s">
        <v>19230</v>
      </c>
      <c r="D4321" s="2">
        <v>157149</v>
      </c>
      <c r="E4321" s="1" t="s">
        <v>0</v>
      </c>
    </row>
    <row r="4322" spans="1:5" x14ac:dyDescent="0.25">
      <c r="A4322" s="2">
        <v>864</v>
      </c>
      <c r="B4322" s="2">
        <v>864</v>
      </c>
      <c r="C4322" s="1" t="s">
        <v>0</v>
      </c>
      <c r="D4322" s="2">
        <v>157150</v>
      </c>
      <c r="E4322" s="1" t="s">
        <v>0</v>
      </c>
    </row>
    <row r="4323" spans="1:5" x14ac:dyDescent="0.25">
      <c r="A4323" s="1" t="s">
        <v>795</v>
      </c>
      <c r="B4323" s="1" t="s">
        <v>6234</v>
      </c>
      <c r="C4323" s="1" t="s">
        <v>19231</v>
      </c>
      <c r="D4323" s="2">
        <v>157151</v>
      </c>
      <c r="E4323" s="1" t="s">
        <v>0</v>
      </c>
    </row>
    <row r="4324" spans="1:5" x14ac:dyDescent="0.25">
      <c r="A4324" s="1" t="s">
        <v>19232</v>
      </c>
      <c r="B4324" s="1" t="s">
        <v>60568</v>
      </c>
      <c r="C4324" s="1" t="s">
        <v>19233</v>
      </c>
      <c r="D4324" s="2">
        <v>157152</v>
      </c>
      <c r="E4324" s="1" t="s">
        <v>0</v>
      </c>
    </row>
    <row r="4325" spans="1:5" ht="409.5" x14ac:dyDescent="0.25">
      <c r="A4325" s="4" t="s">
        <v>19234</v>
      </c>
      <c r="B4325" s="1" t="s">
        <v>60956</v>
      </c>
      <c r="C4325" s="1" t="s">
        <v>19235</v>
      </c>
      <c r="D4325" s="2">
        <v>157153</v>
      </c>
      <c r="E4325" s="1" t="s">
        <v>0</v>
      </c>
    </row>
    <row r="4326" spans="1:5" x14ac:dyDescent="0.25">
      <c r="A4326" s="1" t="s">
        <v>19236</v>
      </c>
      <c r="B4326" s="1" t="s">
        <v>6235</v>
      </c>
      <c r="C4326" s="1" t="s">
        <v>19237</v>
      </c>
      <c r="D4326" s="2">
        <v>157154</v>
      </c>
      <c r="E4326" s="1" t="s">
        <v>0</v>
      </c>
    </row>
    <row r="4327" spans="1:5" x14ac:dyDescent="0.25">
      <c r="A4327" s="2">
        <v>865</v>
      </c>
      <c r="B4327" s="2">
        <v>865</v>
      </c>
      <c r="C4327" s="1" t="s">
        <v>0</v>
      </c>
      <c r="D4327" s="2">
        <v>157155</v>
      </c>
      <c r="E4327" s="1" t="s">
        <v>0</v>
      </c>
    </row>
    <row r="4328" spans="1:5" x14ac:dyDescent="0.25">
      <c r="A4328" s="1" t="s">
        <v>796</v>
      </c>
      <c r="B4328" s="1" t="s">
        <v>57740</v>
      </c>
      <c r="C4328" s="1" t="s">
        <v>19238</v>
      </c>
      <c r="D4328" s="2">
        <v>157156</v>
      </c>
      <c r="E4328" s="1" t="s">
        <v>0</v>
      </c>
    </row>
    <row r="4329" spans="1:5" x14ac:dyDescent="0.25">
      <c r="A4329" s="1" t="s">
        <v>19239</v>
      </c>
      <c r="B4329" s="1" t="s">
        <v>58212</v>
      </c>
      <c r="C4329" s="1" t="s">
        <v>19240</v>
      </c>
      <c r="D4329" s="2">
        <v>157157</v>
      </c>
      <c r="E4329" s="1" t="s">
        <v>0</v>
      </c>
    </row>
    <row r="4330" spans="1:5" ht="409.5" x14ac:dyDescent="0.25">
      <c r="A4330" s="4" t="s">
        <v>19241</v>
      </c>
      <c r="B4330" s="1" t="s">
        <v>58213</v>
      </c>
      <c r="C4330" s="1" t="s">
        <v>19242</v>
      </c>
      <c r="D4330" s="2">
        <v>157158</v>
      </c>
      <c r="E4330" s="1" t="s">
        <v>0</v>
      </c>
    </row>
    <row r="4331" spans="1:5" x14ac:dyDescent="0.25">
      <c r="A4331" s="1" t="s">
        <v>19243</v>
      </c>
      <c r="B4331" s="1" t="s">
        <v>52028</v>
      </c>
      <c r="C4331" s="1" t="s">
        <v>19244</v>
      </c>
      <c r="D4331" s="2">
        <v>157159</v>
      </c>
      <c r="E4331" s="1" t="s">
        <v>0</v>
      </c>
    </row>
    <row r="4332" spans="1:5" x14ac:dyDescent="0.25">
      <c r="A4332" s="2">
        <v>866</v>
      </c>
      <c r="B4332" s="2">
        <v>866</v>
      </c>
      <c r="C4332" s="1" t="s">
        <v>0</v>
      </c>
      <c r="D4332" s="2">
        <v>157160</v>
      </c>
      <c r="E4332" s="1" t="s">
        <v>0</v>
      </c>
    </row>
    <row r="4333" spans="1:5" x14ac:dyDescent="0.25">
      <c r="A4333" s="1" t="s">
        <v>797</v>
      </c>
      <c r="B4333" s="1" t="s">
        <v>6236</v>
      </c>
      <c r="C4333" s="1" t="s">
        <v>19245</v>
      </c>
      <c r="D4333" s="2">
        <v>157161</v>
      </c>
      <c r="E4333" s="1" t="s">
        <v>0</v>
      </c>
    </row>
    <row r="4334" spans="1:5" x14ac:dyDescent="0.25">
      <c r="A4334" s="1" t="s">
        <v>19246</v>
      </c>
      <c r="B4334" s="1" t="s">
        <v>6237</v>
      </c>
      <c r="C4334" s="1" t="s">
        <v>19247</v>
      </c>
      <c r="D4334" s="2">
        <v>157162</v>
      </c>
      <c r="E4334" s="1" t="s">
        <v>0</v>
      </c>
    </row>
    <row r="4335" spans="1:5" ht="409.5" x14ac:dyDescent="0.25">
      <c r="A4335" s="4" t="s">
        <v>19248</v>
      </c>
      <c r="B4335" s="1" t="s">
        <v>52029</v>
      </c>
      <c r="C4335" s="1" t="s">
        <v>19249</v>
      </c>
      <c r="D4335" s="2">
        <v>157163</v>
      </c>
      <c r="E4335" s="1" t="s">
        <v>0</v>
      </c>
    </row>
    <row r="4336" spans="1:5" x14ac:dyDescent="0.25">
      <c r="A4336" s="1" t="s">
        <v>19250</v>
      </c>
      <c r="B4336" s="1" t="s">
        <v>6238</v>
      </c>
      <c r="C4336" s="1" t="s">
        <v>19251</v>
      </c>
      <c r="D4336" s="2">
        <v>157164</v>
      </c>
      <c r="E4336" s="1" t="s">
        <v>0</v>
      </c>
    </row>
    <row r="4337" spans="1:5" x14ac:dyDescent="0.25">
      <c r="A4337" s="2">
        <v>867</v>
      </c>
      <c r="B4337" s="2">
        <v>867</v>
      </c>
      <c r="C4337" s="1" t="s">
        <v>0</v>
      </c>
      <c r="D4337" s="2">
        <v>157165</v>
      </c>
      <c r="E4337" s="1" t="s">
        <v>0</v>
      </c>
    </row>
    <row r="4338" spans="1:5" x14ac:dyDescent="0.25">
      <c r="A4338" s="1" t="s">
        <v>798</v>
      </c>
      <c r="B4338" s="1" t="s">
        <v>6239</v>
      </c>
      <c r="C4338" s="1" t="s">
        <v>19252</v>
      </c>
      <c r="D4338" s="2">
        <v>157166</v>
      </c>
      <c r="E4338" s="1" t="s">
        <v>0</v>
      </c>
    </row>
    <row r="4339" spans="1:5" x14ac:dyDescent="0.25">
      <c r="A4339" s="1" t="s">
        <v>19253</v>
      </c>
      <c r="B4339" s="1" t="s">
        <v>52030</v>
      </c>
      <c r="C4339" s="1" t="s">
        <v>19254</v>
      </c>
      <c r="D4339" s="2">
        <v>157167</v>
      </c>
      <c r="E4339" s="1" t="s">
        <v>0</v>
      </c>
    </row>
    <row r="4340" spans="1:5" ht="409.5" x14ac:dyDescent="0.25">
      <c r="A4340" s="4" t="s">
        <v>19255</v>
      </c>
      <c r="B4340" s="1" t="s">
        <v>52031</v>
      </c>
      <c r="C4340" s="1" t="s">
        <v>19256</v>
      </c>
      <c r="D4340" s="2">
        <v>157168</v>
      </c>
      <c r="E4340" s="1" t="s">
        <v>0</v>
      </c>
    </row>
    <row r="4341" spans="1:5" x14ac:dyDescent="0.25">
      <c r="A4341" s="1" t="s">
        <v>19257</v>
      </c>
      <c r="B4341" s="1" t="s">
        <v>6240</v>
      </c>
      <c r="C4341" s="1" t="s">
        <v>19258</v>
      </c>
      <c r="D4341" s="2">
        <v>157169</v>
      </c>
      <c r="E4341" s="1" t="s">
        <v>0</v>
      </c>
    </row>
    <row r="4342" spans="1:5" x14ac:dyDescent="0.25">
      <c r="A4342" s="2">
        <v>868</v>
      </c>
      <c r="B4342" s="2">
        <v>868</v>
      </c>
      <c r="C4342" s="1" t="s">
        <v>0</v>
      </c>
      <c r="D4342" s="2">
        <v>157170</v>
      </c>
      <c r="E4342" s="1" t="s">
        <v>0</v>
      </c>
    </row>
    <row r="4343" spans="1:5" x14ac:dyDescent="0.25">
      <c r="A4343" s="1" t="s">
        <v>13012</v>
      </c>
      <c r="B4343" s="1" t="s">
        <v>6241</v>
      </c>
      <c r="C4343" s="1" t="s">
        <v>19259</v>
      </c>
      <c r="D4343" s="2">
        <v>157171</v>
      </c>
      <c r="E4343" s="1" t="s">
        <v>0</v>
      </c>
    </row>
    <row r="4344" spans="1:5" x14ac:dyDescent="0.25">
      <c r="A4344" s="1" t="s">
        <v>19260</v>
      </c>
      <c r="B4344" s="1" t="s">
        <v>19261</v>
      </c>
      <c r="C4344" s="1" t="s">
        <v>19262</v>
      </c>
      <c r="D4344" s="2">
        <v>157172</v>
      </c>
      <c r="E4344" s="1" t="s">
        <v>0</v>
      </c>
    </row>
    <row r="4345" spans="1:5" x14ac:dyDescent="0.25">
      <c r="A4345" s="1" t="s">
        <v>19263</v>
      </c>
      <c r="B4345" s="1" t="s">
        <v>19264</v>
      </c>
      <c r="C4345" s="1" t="s">
        <v>19262</v>
      </c>
      <c r="D4345" s="2">
        <v>157173</v>
      </c>
      <c r="E4345" s="1" t="s">
        <v>0</v>
      </c>
    </row>
    <row r="4346" spans="1:5" x14ac:dyDescent="0.25">
      <c r="A4346" s="1" t="s">
        <v>19265</v>
      </c>
      <c r="B4346" s="1" t="s">
        <v>52032</v>
      </c>
      <c r="C4346" s="1" t="s">
        <v>19266</v>
      </c>
      <c r="D4346" s="2">
        <v>157174</v>
      </c>
      <c r="E4346" s="1" t="s">
        <v>0</v>
      </c>
    </row>
    <row r="4347" spans="1:5" x14ac:dyDescent="0.25">
      <c r="A4347" s="2">
        <v>869</v>
      </c>
      <c r="B4347" s="2">
        <v>869</v>
      </c>
      <c r="C4347" s="1" t="s">
        <v>0</v>
      </c>
      <c r="D4347" s="2">
        <v>157175</v>
      </c>
      <c r="E4347" s="1" t="s">
        <v>0</v>
      </c>
    </row>
    <row r="4348" spans="1:5" x14ac:dyDescent="0.25">
      <c r="A4348" s="1" t="s">
        <v>799</v>
      </c>
      <c r="B4348" s="1" t="s">
        <v>6242</v>
      </c>
      <c r="C4348" s="1" t="s">
        <v>19267</v>
      </c>
      <c r="D4348" s="2">
        <v>157176</v>
      </c>
      <c r="E4348" s="1" t="s">
        <v>0</v>
      </c>
    </row>
    <row r="4349" spans="1:5" x14ac:dyDescent="0.25">
      <c r="A4349" s="1" t="s">
        <v>19268</v>
      </c>
      <c r="B4349" s="1" t="s">
        <v>62128</v>
      </c>
      <c r="C4349" s="1" t="s">
        <v>19269</v>
      </c>
      <c r="D4349" s="2">
        <v>157177</v>
      </c>
      <c r="E4349" s="1" t="s">
        <v>0</v>
      </c>
    </row>
    <row r="4350" spans="1:5" ht="409.5" x14ac:dyDescent="0.25">
      <c r="A4350" s="4" t="s">
        <v>19270</v>
      </c>
      <c r="B4350" s="1" t="s">
        <v>62129</v>
      </c>
      <c r="C4350" s="1" t="s">
        <v>19271</v>
      </c>
      <c r="D4350" s="2">
        <v>157178</v>
      </c>
      <c r="E4350" s="1" t="s">
        <v>0</v>
      </c>
    </row>
    <row r="4351" spans="1:5" x14ac:dyDescent="0.25">
      <c r="A4351" s="1" t="s">
        <v>19272</v>
      </c>
      <c r="B4351" s="1" t="s">
        <v>52033</v>
      </c>
      <c r="C4351" s="1" t="s">
        <v>19273</v>
      </c>
      <c r="D4351" s="2">
        <v>157179</v>
      </c>
      <c r="E4351" s="1" t="s">
        <v>0</v>
      </c>
    </row>
    <row r="4352" spans="1:5" x14ac:dyDescent="0.25">
      <c r="A4352" s="2">
        <v>870</v>
      </c>
      <c r="B4352" s="2">
        <v>870</v>
      </c>
      <c r="C4352" s="1" t="s">
        <v>0</v>
      </c>
      <c r="D4352" s="2">
        <v>157180</v>
      </c>
      <c r="E4352" s="1" t="s">
        <v>0</v>
      </c>
    </row>
    <row r="4353" spans="1:5" x14ac:dyDescent="0.25">
      <c r="A4353" s="1" t="s">
        <v>800</v>
      </c>
      <c r="B4353" s="1" t="s">
        <v>6243</v>
      </c>
      <c r="C4353" s="1" t="s">
        <v>19274</v>
      </c>
      <c r="D4353" s="2">
        <v>157181</v>
      </c>
      <c r="E4353" s="1" t="s">
        <v>0</v>
      </c>
    </row>
    <row r="4354" spans="1:5" x14ac:dyDescent="0.25">
      <c r="A4354" s="1" t="s">
        <v>19275</v>
      </c>
      <c r="B4354" s="1" t="s">
        <v>52034</v>
      </c>
      <c r="C4354" s="1" t="s">
        <v>19276</v>
      </c>
      <c r="D4354" s="2">
        <v>157182</v>
      </c>
      <c r="E4354" s="1" t="s">
        <v>0</v>
      </c>
    </row>
    <row r="4355" spans="1:5" ht="409.5" x14ac:dyDescent="0.25">
      <c r="A4355" s="4" t="s">
        <v>19277</v>
      </c>
      <c r="B4355" s="1" t="s">
        <v>52035</v>
      </c>
      <c r="C4355" s="1" t="s">
        <v>19278</v>
      </c>
      <c r="D4355" s="2">
        <v>157183</v>
      </c>
      <c r="E4355" s="1" t="s">
        <v>0</v>
      </c>
    </row>
    <row r="4356" spans="1:5" x14ac:dyDescent="0.25">
      <c r="A4356" s="1" t="s">
        <v>19279</v>
      </c>
      <c r="B4356" s="1" t="s">
        <v>52036</v>
      </c>
      <c r="C4356" s="1" t="s">
        <v>19280</v>
      </c>
      <c r="D4356" s="2">
        <v>157184</v>
      </c>
      <c r="E4356" s="1" t="s">
        <v>0</v>
      </c>
    </row>
    <row r="4357" spans="1:5" x14ac:dyDescent="0.25">
      <c r="A4357" s="2">
        <v>871</v>
      </c>
      <c r="B4357" s="2">
        <v>871</v>
      </c>
      <c r="C4357" s="1" t="s">
        <v>0</v>
      </c>
      <c r="D4357" s="2">
        <v>157185</v>
      </c>
      <c r="E4357" s="1" t="s">
        <v>0</v>
      </c>
    </row>
    <row r="4358" spans="1:5" x14ac:dyDescent="0.25">
      <c r="A4358" s="1" t="s">
        <v>13013</v>
      </c>
      <c r="B4358" s="1" t="s">
        <v>6244</v>
      </c>
      <c r="C4358" s="1" t="s">
        <v>19281</v>
      </c>
      <c r="D4358" s="2">
        <v>157186</v>
      </c>
      <c r="E4358" s="1" t="s">
        <v>0</v>
      </c>
    </row>
    <row r="4359" spans="1:5" x14ac:dyDescent="0.25">
      <c r="A4359" s="1" t="s">
        <v>19282</v>
      </c>
      <c r="B4359" s="1" t="s">
        <v>52037</v>
      </c>
      <c r="C4359" s="1" t="s">
        <v>19283</v>
      </c>
      <c r="D4359" s="2">
        <v>157187</v>
      </c>
      <c r="E4359" s="1" t="s">
        <v>0</v>
      </c>
    </row>
    <row r="4360" spans="1:5" ht="409.5" x14ac:dyDescent="0.25">
      <c r="A4360" s="4" t="s">
        <v>19284</v>
      </c>
      <c r="B4360" s="1" t="s">
        <v>52038</v>
      </c>
      <c r="C4360" s="1" t="s">
        <v>19285</v>
      </c>
      <c r="D4360" s="2">
        <v>157188</v>
      </c>
      <c r="E4360" s="1" t="s">
        <v>0</v>
      </c>
    </row>
    <row r="4361" spans="1:5" x14ac:dyDescent="0.25">
      <c r="A4361" s="1" t="s">
        <v>19286</v>
      </c>
      <c r="B4361" s="1" t="s">
        <v>57144</v>
      </c>
      <c r="C4361" s="1" t="s">
        <v>19287</v>
      </c>
      <c r="D4361" s="2">
        <v>157189</v>
      </c>
      <c r="E4361" s="1" t="s">
        <v>0</v>
      </c>
    </row>
    <row r="4362" spans="1:5" x14ac:dyDescent="0.25">
      <c r="A4362" s="2">
        <v>872</v>
      </c>
      <c r="B4362" s="2">
        <v>872</v>
      </c>
      <c r="C4362" s="1" t="s">
        <v>0</v>
      </c>
      <c r="D4362" s="2">
        <v>157190</v>
      </c>
      <c r="E4362" s="1" t="s">
        <v>0</v>
      </c>
    </row>
    <row r="4363" spans="1:5" x14ac:dyDescent="0.25">
      <c r="A4363" s="1" t="s">
        <v>801</v>
      </c>
      <c r="B4363" s="1" t="s">
        <v>6245</v>
      </c>
      <c r="C4363" s="1" t="s">
        <v>19288</v>
      </c>
      <c r="D4363" s="2">
        <v>157191</v>
      </c>
      <c r="E4363" s="1" t="s">
        <v>0</v>
      </c>
    </row>
    <row r="4364" spans="1:5" x14ac:dyDescent="0.25">
      <c r="A4364" s="1" t="s">
        <v>61763</v>
      </c>
      <c r="B4364" s="1" t="s">
        <v>58214</v>
      </c>
      <c r="C4364" s="1" t="s">
        <v>61764</v>
      </c>
      <c r="D4364" s="2">
        <v>157192</v>
      </c>
      <c r="E4364" s="1" t="s">
        <v>0</v>
      </c>
    </row>
    <row r="4365" spans="1:5" ht="409.5" x14ac:dyDescent="0.25">
      <c r="A4365" s="4" t="s">
        <v>64011</v>
      </c>
      <c r="B4365" s="1" t="s">
        <v>59815</v>
      </c>
      <c r="C4365" s="1" t="s">
        <v>19289</v>
      </c>
      <c r="D4365" s="2">
        <v>157193</v>
      </c>
      <c r="E4365" s="1" t="s">
        <v>0</v>
      </c>
    </row>
    <row r="4366" spans="1:5" x14ac:dyDescent="0.25">
      <c r="A4366" s="1" t="s">
        <v>19290</v>
      </c>
      <c r="B4366" s="1" t="s">
        <v>52039</v>
      </c>
      <c r="C4366" s="1" t="s">
        <v>19291</v>
      </c>
      <c r="D4366" s="2">
        <v>157194</v>
      </c>
      <c r="E4366" s="1" t="s">
        <v>0</v>
      </c>
    </row>
    <row r="4367" spans="1:5" x14ac:dyDescent="0.25">
      <c r="A4367" s="2">
        <v>873</v>
      </c>
      <c r="B4367" s="2">
        <v>873</v>
      </c>
      <c r="C4367" s="1" t="s">
        <v>0</v>
      </c>
      <c r="D4367" s="2">
        <v>157195</v>
      </c>
      <c r="E4367" s="1" t="s">
        <v>0</v>
      </c>
    </row>
    <row r="4368" spans="1:5" x14ac:dyDescent="0.25">
      <c r="A4368" s="1" t="s">
        <v>802</v>
      </c>
      <c r="B4368" s="1" t="s">
        <v>6246</v>
      </c>
      <c r="C4368" s="1" t="s">
        <v>19292</v>
      </c>
      <c r="D4368" s="2">
        <v>157196</v>
      </c>
      <c r="E4368" s="1" t="s">
        <v>0</v>
      </c>
    </row>
    <row r="4369" spans="1:5" x14ac:dyDescent="0.25">
      <c r="A4369" s="1" t="s">
        <v>19293</v>
      </c>
      <c r="B4369" s="1" t="s">
        <v>63228</v>
      </c>
      <c r="C4369" s="1" t="s">
        <v>19294</v>
      </c>
      <c r="D4369" s="2">
        <v>157197</v>
      </c>
      <c r="E4369" s="1" t="s">
        <v>0</v>
      </c>
    </row>
    <row r="4370" spans="1:5" ht="409.5" x14ac:dyDescent="0.25">
      <c r="A4370" s="4" t="s">
        <v>19295</v>
      </c>
      <c r="B4370" s="1" t="s">
        <v>63229</v>
      </c>
      <c r="C4370" s="1" t="s">
        <v>19296</v>
      </c>
      <c r="D4370" s="2">
        <v>157198</v>
      </c>
      <c r="E4370" s="1" t="s">
        <v>0</v>
      </c>
    </row>
    <row r="4371" spans="1:5" x14ac:dyDescent="0.25">
      <c r="A4371" s="1" t="s">
        <v>19297</v>
      </c>
      <c r="B4371" s="1" t="s">
        <v>60957</v>
      </c>
      <c r="C4371" s="1" t="s">
        <v>19298</v>
      </c>
      <c r="D4371" s="2">
        <v>157199</v>
      </c>
      <c r="E4371" s="1" t="s">
        <v>0</v>
      </c>
    </row>
    <row r="4372" spans="1:5" x14ac:dyDescent="0.25">
      <c r="A4372" s="2">
        <v>874</v>
      </c>
      <c r="B4372" s="2">
        <v>874</v>
      </c>
      <c r="C4372" s="1" t="s">
        <v>0</v>
      </c>
      <c r="D4372" s="2">
        <v>157200</v>
      </c>
      <c r="E4372" s="1" t="s">
        <v>0</v>
      </c>
    </row>
    <row r="4373" spans="1:5" x14ac:dyDescent="0.25">
      <c r="A4373" s="1" t="s">
        <v>803</v>
      </c>
      <c r="B4373" s="1" t="s">
        <v>6247</v>
      </c>
      <c r="C4373" s="1" t="s">
        <v>19299</v>
      </c>
      <c r="D4373" s="2">
        <v>157201</v>
      </c>
      <c r="E4373" s="1" t="s">
        <v>0</v>
      </c>
    </row>
    <row r="4374" spans="1:5" x14ac:dyDescent="0.25">
      <c r="A4374" s="1" t="s">
        <v>19300</v>
      </c>
      <c r="B4374" s="1" t="s">
        <v>52040</v>
      </c>
      <c r="C4374" s="1" t="s">
        <v>19301</v>
      </c>
      <c r="D4374" s="2">
        <v>157202</v>
      </c>
      <c r="E4374" s="1" t="s">
        <v>0</v>
      </c>
    </row>
    <row r="4375" spans="1:5" ht="409.5" x14ac:dyDescent="0.25">
      <c r="A4375" s="4" t="s">
        <v>19302</v>
      </c>
      <c r="B4375" s="1" t="s">
        <v>57741</v>
      </c>
      <c r="C4375" s="1" t="s">
        <v>19303</v>
      </c>
      <c r="D4375" s="2">
        <v>157203</v>
      </c>
      <c r="E4375" s="1" t="s">
        <v>0</v>
      </c>
    </row>
    <row r="4376" spans="1:5" x14ac:dyDescent="0.25">
      <c r="A4376" s="1" t="s">
        <v>19304</v>
      </c>
      <c r="B4376" s="1" t="s">
        <v>6248</v>
      </c>
      <c r="C4376" s="1" t="s">
        <v>19305</v>
      </c>
      <c r="D4376" s="2">
        <v>157204</v>
      </c>
      <c r="E4376" s="1" t="s">
        <v>0</v>
      </c>
    </row>
    <row r="4377" spans="1:5" x14ac:dyDescent="0.25">
      <c r="A4377" s="2">
        <v>875</v>
      </c>
      <c r="B4377" s="2">
        <v>875</v>
      </c>
      <c r="C4377" s="1" t="s">
        <v>0</v>
      </c>
      <c r="D4377" s="2">
        <v>157205</v>
      </c>
      <c r="E4377" s="1" t="s">
        <v>0</v>
      </c>
    </row>
    <row r="4378" spans="1:5" x14ac:dyDescent="0.25">
      <c r="A4378" s="1" t="s">
        <v>804</v>
      </c>
      <c r="B4378" s="1" t="s">
        <v>6249</v>
      </c>
      <c r="C4378" s="1" t="s">
        <v>19306</v>
      </c>
      <c r="D4378" s="2">
        <v>157206</v>
      </c>
      <c r="E4378" s="1" t="s">
        <v>0</v>
      </c>
    </row>
    <row r="4379" spans="1:5" x14ac:dyDescent="0.25">
      <c r="A4379" s="1" t="s">
        <v>19307</v>
      </c>
      <c r="B4379" s="1" t="s">
        <v>13014</v>
      </c>
      <c r="C4379" s="1" t="s">
        <v>19308</v>
      </c>
      <c r="D4379" s="2">
        <v>157207</v>
      </c>
      <c r="E4379" s="1" t="s">
        <v>0</v>
      </c>
    </row>
    <row r="4380" spans="1:5" ht="409.5" x14ac:dyDescent="0.25">
      <c r="A4380" s="4" t="s">
        <v>19309</v>
      </c>
      <c r="B4380" s="1" t="s">
        <v>61593</v>
      </c>
      <c r="C4380" s="1" t="s">
        <v>19310</v>
      </c>
      <c r="D4380" s="2">
        <v>157208</v>
      </c>
      <c r="E4380" s="1" t="s">
        <v>0</v>
      </c>
    </row>
    <row r="4381" spans="1:5" x14ac:dyDescent="0.25">
      <c r="A4381" s="1" t="s">
        <v>19311</v>
      </c>
      <c r="B4381" s="1" t="s">
        <v>52041</v>
      </c>
      <c r="C4381" s="1" t="s">
        <v>19312</v>
      </c>
      <c r="D4381" s="2">
        <v>157209</v>
      </c>
      <c r="E4381" s="1" t="s">
        <v>0</v>
      </c>
    </row>
    <row r="4382" spans="1:5" x14ac:dyDescent="0.25">
      <c r="A4382" s="2">
        <v>876</v>
      </c>
      <c r="B4382" s="2">
        <v>876</v>
      </c>
      <c r="C4382" s="1" t="s">
        <v>0</v>
      </c>
      <c r="D4382" s="2">
        <v>157210</v>
      </c>
      <c r="E4382" s="1" t="s">
        <v>0</v>
      </c>
    </row>
    <row r="4383" spans="1:5" x14ac:dyDescent="0.25">
      <c r="A4383" s="1" t="s">
        <v>805</v>
      </c>
      <c r="B4383" s="1" t="s">
        <v>6250</v>
      </c>
      <c r="C4383" s="1" t="s">
        <v>19313</v>
      </c>
      <c r="D4383" s="2">
        <v>157211</v>
      </c>
      <c r="E4383" s="1" t="s">
        <v>0</v>
      </c>
    </row>
    <row r="4384" spans="1:5" x14ac:dyDescent="0.25">
      <c r="A4384" s="1" t="s">
        <v>19314</v>
      </c>
      <c r="B4384" s="1" t="s">
        <v>58215</v>
      </c>
      <c r="C4384" s="1" t="s">
        <v>19315</v>
      </c>
      <c r="D4384" s="2">
        <v>157212</v>
      </c>
      <c r="E4384" s="1" t="s">
        <v>0</v>
      </c>
    </row>
    <row r="4385" spans="1:5" ht="409.5" x14ac:dyDescent="0.25">
      <c r="A4385" s="4" t="s">
        <v>19316</v>
      </c>
      <c r="B4385" s="1" t="s">
        <v>58216</v>
      </c>
      <c r="C4385" s="1" t="s">
        <v>19317</v>
      </c>
      <c r="D4385" s="2">
        <v>157213</v>
      </c>
      <c r="E4385" s="1" t="s">
        <v>0</v>
      </c>
    </row>
    <row r="4386" spans="1:5" x14ac:dyDescent="0.25">
      <c r="A4386" s="1" t="s">
        <v>19318</v>
      </c>
      <c r="B4386" s="1" t="s">
        <v>50461</v>
      </c>
      <c r="C4386" s="1" t="s">
        <v>19319</v>
      </c>
      <c r="D4386" s="2">
        <v>157214</v>
      </c>
      <c r="E4386" s="1" t="s">
        <v>0</v>
      </c>
    </row>
    <row r="4387" spans="1:5" x14ac:dyDescent="0.25">
      <c r="A4387" s="2">
        <v>877</v>
      </c>
      <c r="B4387" s="2">
        <v>877</v>
      </c>
      <c r="C4387" s="1" t="s">
        <v>0</v>
      </c>
      <c r="D4387" s="2">
        <v>157215</v>
      </c>
      <c r="E4387" s="1" t="s">
        <v>0</v>
      </c>
    </row>
    <row r="4388" spans="1:5" x14ac:dyDescent="0.25">
      <c r="A4388" s="1" t="s">
        <v>13015</v>
      </c>
      <c r="B4388" s="1" t="s">
        <v>13016</v>
      </c>
      <c r="C4388" s="1" t="s">
        <v>806</v>
      </c>
      <c r="D4388" s="2">
        <v>157216</v>
      </c>
      <c r="E4388" s="1" t="s">
        <v>0</v>
      </c>
    </row>
    <row r="4389" spans="1:5" x14ac:dyDescent="0.25">
      <c r="A4389" s="1" t="s">
        <v>19320</v>
      </c>
      <c r="B4389" s="1" t="s">
        <v>13017</v>
      </c>
      <c r="C4389" s="1" t="s">
        <v>19321</v>
      </c>
      <c r="D4389" s="2">
        <v>157217</v>
      </c>
      <c r="E4389" s="1" t="s">
        <v>0</v>
      </c>
    </row>
    <row r="4390" spans="1:5" x14ac:dyDescent="0.25">
      <c r="A4390" s="1" t="s">
        <v>19320</v>
      </c>
      <c r="B4390" s="1" t="s">
        <v>13017</v>
      </c>
      <c r="C4390" s="1" t="s">
        <v>19321</v>
      </c>
      <c r="D4390" s="2">
        <v>157218</v>
      </c>
      <c r="E4390" s="1" t="s">
        <v>0</v>
      </c>
    </row>
    <row r="4391" spans="1:5" x14ac:dyDescent="0.25">
      <c r="A4391" s="1" t="s">
        <v>19322</v>
      </c>
      <c r="B4391" s="1" t="s">
        <v>6251</v>
      </c>
      <c r="C4391" s="1" t="s">
        <v>19323</v>
      </c>
      <c r="D4391" s="2">
        <v>157219</v>
      </c>
      <c r="E4391" s="1" t="s">
        <v>0</v>
      </c>
    </row>
    <row r="4392" spans="1:5" x14ac:dyDescent="0.25">
      <c r="A4392" s="2">
        <v>878</v>
      </c>
      <c r="B4392" s="2">
        <v>878</v>
      </c>
      <c r="C4392" s="1" t="s">
        <v>0</v>
      </c>
      <c r="D4392" s="2">
        <v>157220</v>
      </c>
      <c r="E4392" s="1" t="s">
        <v>0</v>
      </c>
    </row>
    <row r="4393" spans="1:5" x14ac:dyDescent="0.25">
      <c r="A4393" s="1" t="s">
        <v>807</v>
      </c>
      <c r="B4393" s="1" t="s">
        <v>6252</v>
      </c>
      <c r="C4393" s="1" t="s">
        <v>19324</v>
      </c>
      <c r="D4393" s="2">
        <v>157221</v>
      </c>
      <c r="E4393" s="1" t="s">
        <v>0</v>
      </c>
    </row>
    <row r="4394" spans="1:5" x14ac:dyDescent="0.25">
      <c r="A4394" s="1" t="s">
        <v>19325</v>
      </c>
      <c r="B4394" s="1" t="s">
        <v>52042</v>
      </c>
      <c r="C4394" s="1" t="s">
        <v>19326</v>
      </c>
      <c r="D4394" s="2">
        <v>157222</v>
      </c>
      <c r="E4394" s="1" t="s">
        <v>0</v>
      </c>
    </row>
    <row r="4395" spans="1:5" ht="409.5" x14ac:dyDescent="0.25">
      <c r="A4395" s="4" t="s">
        <v>19327</v>
      </c>
      <c r="B4395" s="1" t="s">
        <v>52043</v>
      </c>
      <c r="C4395" s="1" t="s">
        <v>19328</v>
      </c>
      <c r="D4395" s="2">
        <v>157223</v>
      </c>
      <c r="E4395" s="1" t="s">
        <v>0</v>
      </c>
    </row>
    <row r="4396" spans="1:5" x14ac:dyDescent="0.25">
      <c r="A4396" s="1" t="s">
        <v>19329</v>
      </c>
      <c r="B4396" s="1" t="s">
        <v>52044</v>
      </c>
      <c r="C4396" s="1" t="s">
        <v>19330</v>
      </c>
      <c r="D4396" s="2">
        <v>157224</v>
      </c>
      <c r="E4396" s="1" t="s">
        <v>0</v>
      </c>
    </row>
    <row r="4397" spans="1:5" x14ac:dyDescent="0.25">
      <c r="A4397" s="2">
        <v>879</v>
      </c>
      <c r="B4397" s="2">
        <v>879</v>
      </c>
      <c r="C4397" s="1" t="s">
        <v>0</v>
      </c>
      <c r="D4397" s="2">
        <v>157225</v>
      </c>
      <c r="E4397" s="1" t="s">
        <v>0</v>
      </c>
    </row>
    <row r="4398" spans="1:5" x14ac:dyDescent="0.25">
      <c r="A4398" s="1" t="s">
        <v>808</v>
      </c>
      <c r="B4398" s="1" t="s">
        <v>6253</v>
      </c>
      <c r="C4398" s="1" t="s">
        <v>19331</v>
      </c>
      <c r="D4398" s="2">
        <v>157226</v>
      </c>
      <c r="E4398" s="1" t="s">
        <v>0</v>
      </c>
    </row>
    <row r="4399" spans="1:5" x14ac:dyDescent="0.25">
      <c r="A4399" s="1" t="s">
        <v>19332</v>
      </c>
      <c r="B4399" s="1" t="s">
        <v>58217</v>
      </c>
      <c r="C4399" s="1" t="s">
        <v>19333</v>
      </c>
      <c r="D4399" s="2">
        <v>157227</v>
      </c>
      <c r="E4399" s="1" t="s">
        <v>0</v>
      </c>
    </row>
    <row r="4400" spans="1:5" ht="409.5" x14ac:dyDescent="0.25">
      <c r="A4400" s="4" t="s">
        <v>61765</v>
      </c>
      <c r="B4400" s="1" t="s">
        <v>60400</v>
      </c>
      <c r="C4400" s="1" t="s">
        <v>19334</v>
      </c>
      <c r="D4400" s="2">
        <v>157228</v>
      </c>
      <c r="E4400" s="1" t="s">
        <v>0</v>
      </c>
    </row>
    <row r="4401" spans="1:5" x14ac:dyDescent="0.25">
      <c r="A4401" s="1" t="s">
        <v>19335</v>
      </c>
      <c r="B4401" s="1" t="s">
        <v>6254</v>
      </c>
      <c r="C4401" s="1" t="s">
        <v>19336</v>
      </c>
      <c r="D4401" s="2">
        <v>157229</v>
      </c>
      <c r="E4401" s="1" t="s">
        <v>0</v>
      </c>
    </row>
    <row r="4402" spans="1:5" x14ac:dyDescent="0.25">
      <c r="A4402" s="2">
        <v>880</v>
      </c>
      <c r="B4402" s="2">
        <v>880</v>
      </c>
      <c r="C4402" s="1" t="s">
        <v>0</v>
      </c>
      <c r="D4402" s="2">
        <v>157230</v>
      </c>
      <c r="E4402" s="1" t="s">
        <v>0</v>
      </c>
    </row>
    <row r="4403" spans="1:5" x14ac:dyDescent="0.25">
      <c r="A4403" s="1" t="s">
        <v>6255</v>
      </c>
      <c r="B4403" s="1" t="s">
        <v>52045</v>
      </c>
      <c r="C4403" s="1" t="s">
        <v>19337</v>
      </c>
      <c r="D4403" s="2">
        <v>157231</v>
      </c>
      <c r="E4403" s="1" t="s">
        <v>0</v>
      </c>
    </row>
    <row r="4404" spans="1:5" x14ac:dyDescent="0.25">
      <c r="A4404" s="1" t="s">
        <v>19338</v>
      </c>
      <c r="B4404" s="1" t="s">
        <v>52046</v>
      </c>
      <c r="C4404" s="1" t="s">
        <v>19339</v>
      </c>
      <c r="D4404" s="2">
        <v>157232</v>
      </c>
      <c r="E4404" s="1" t="s">
        <v>0</v>
      </c>
    </row>
    <row r="4405" spans="1:5" ht="409.5" x14ac:dyDescent="0.25">
      <c r="A4405" s="4" t="s">
        <v>19340</v>
      </c>
      <c r="B4405" s="1" t="s">
        <v>63230</v>
      </c>
      <c r="C4405" s="1" t="s">
        <v>19341</v>
      </c>
      <c r="D4405" s="2">
        <v>157233</v>
      </c>
      <c r="E4405" s="1" t="s">
        <v>0</v>
      </c>
    </row>
    <row r="4406" spans="1:5" x14ac:dyDescent="0.25">
      <c r="A4406" s="1" t="s">
        <v>19342</v>
      </c>
      <c r="B4406" s="1" t="s">
        <v>6256</v>
      </c>
      <c r="C4406" s="1" t="s">
        <v>19343</v>
      </c>
      <c r="D4406" s="2">
        <v>157234</v>
      </c>
      <c r="E4406" s="1" t="s">
        <v>0</v>
      </c>
    </row>
    <row r="4407" spans="1:5" x14ac:dyDescent="0.25">
      <c r="A4407" s="2">
        <v>881</v>
      </c>
      <c r="B4407" s="2">
        <v>881</v>
      </c>
      <c r="C4407" s="1" t="s">
        <v>0</v>
      </c>
      <c r="D4407" s="2">
        <v>157235</v>
      </c>
      <c r="E4407" s="1" t="s">
        <v>0</v>
      </c>
    </row>
    <row r="4408" spans="1:5" x14ac:dyDescent="0.25">
      <c r="A4408" s="1" t="s">
        <v>809</v>
      </c>
      <c r="B4408" s="1" t="s">
        <v>52047</v>
      </c>
      <c r="C4408" s="1" t="s">
        <v>19344</v>
      </c>
      <c r="D4408" s="2">
        <v>157236</v>
      </c>
      <c r="E4408" s="1" t="s">
        <v>0</v>
      </c>
    </row>
    <row r="4409" spans="1:5" x14ac:dyDescent="0.25">
      <c r="A4409" s="1" t="s">
        <v>19345</v>
      </c>
      <c r="B4409" s="1" t="s">
        <v>60958</v>
      </c>
      <c r="C4409" s="1" t="s">
        <v>19346</v>
      </c>
      <c r="D4409" s="2">
        <v>157237</v>
      </c>
      <c r="E4409" s="1" t="s">
        <v>0</v>
      </c>
    </row>
    <row r="4410" spans="1:5" ht="409.5" x14ac:dyDescent="0.25">
      <c r="A4410" s="4" t="s">
        <v>19347</v>
      </c>
      <c r="B4410" s="1" t="s">
        <v>60959</v>
      </c>
      <c r="C4410" s="1" t="s">
        <v>19348</v>
      </c>
      <c r="D4410" s="2">
        <v>157238</v>
      </c>
      <c r="E4410" s="1" t="s">
        <v>0</v>
      </c>
    </row>
    <row r="4411" spans="1:5" x14ac:dyDescent="0.25">
      <c r="A4411" s="1" t="s">
        <v>19349</v>
      </c>
      <c r="B4411" s="1" t="s">
        <v>60960</v>
      </c>
      <c r="C4411" s="1" t="s">
        <v>19350</v>
      </c>
      <c r="D4411" s="2">
        <v>157239</v>
      </c>
      <c r="E4411" s="1" t="s">
        <v>0</v>
      </c>
    </row>
    <row r="4412" spans="1:5" x14ac:dyDescent="0.25">
      <c r="A4412" s="2">
        <v>882</v>
      </c>
      <c r="B4412" s="2">
        <v>882</v>
      </c>
      <c r="C4412" s="1" t="s">
        <v>0</v>
      </c>
      <c r="D4412" s="2">
        <v>157240</v>
      </c>
      <c r="E4412" s="1" t="s">
        <v>0</v>
      </c>
    </row>
    <row r="4413" spans="1:5" x14ac:dyDescent="0.25">
      <c r="A4413" s="1" t="s">
        <v>13018</v>
      </c>
      <c r="B4413" s="1" t="s">
        <v>6257</v>
      </c>
      <c r="C4413" s="1" t="s">
        <v>19351</v>
      </c>
      <c r="D4413" s="2">
        <v>157241</v>
      </c>
      <c r="E4413" s="1" t="s">
        <v>0</v>
      </c>
    </row>
    <row r="4414" spans="1:5" x14ac:dyDescent="0.25">
      <c r="A4414" s="1" t="s">
        <v>19352</v>
      </c>
      <c r="B4414" s="1" t="s">
        <v>56710</v>
      </c>
      <c r="C4414" s="1" t="s">
        <v>19353</v>
      </c>
      <c r="D4414" s="2">
        <v>157242</v>
      </c>
      <c r="E4414" s="1" t="s">
        <v>0</v>
      </c>
    </row>
    <row r="4415" spans="1:5" ht="409.5" x14ac:dyDescent="0.25">
      <c r="A4415" s="4" t="s">
        <v>19354</v>
      </c>
      <c r="B4415" s="1" t="s">
        <v>61478</v>
      </c>
      <c r="C4415" s="1" t="s">
        <v>19355</v>
      </c>
      <c r="D4415" s="2">
        <v>157243</v>
      </c>
      <c r="E4415" s="1" t="s">
        <v>0</v>
      </c>
    </row>
    <row r="4416" spans="1:5" x14ac:dyDescent="0.25">
      <c r="A4416" s="1" t="s">
        <v>19356</v>
      </c>
      <c r="B4416" s="1" t="s">
        <v>13019</v>
      </c>
      <c r="C4416" s="1" t="s">
        <v>19357</v>
      </c>
      <c r="D4416" s="2">
        <v>157244</v>
      </c>
      <c r="E4416" s="1" t="s">
        <v>0</v>
      </c>
    </row>
    <row r="4417" spans="1:5" x14ac:dyDescent="0.25">
      <c r="A4417" s="2">
        <v>883</v>
      </c>
      <c r="B4417" s="2">
        <v>883</v>
      </c>
      <c r="C4417" s="1" t="s">
        <v>0</v>
      </c>
      <c r="D4417" s="2">
        <v>157245</v>
      </c>
      <c r="E4417" s="1" t="s">
        <v>0</v>
      </c>
    </row>
    <row r="4418" spans="1:5" x14ac:dyDescent="0.25">
      <c r="A4418" s="1" t="s">
        <v>810</v>
      </c>
      <c r="B4418" s="1" t="s">
        <v>6258</v>
      </c>
      <c r="C4418" s="1" t="s">
        <v>19358</v>
      </c>
      <c r="D4418" s="2">
        <v>157246</v>
      </c>
      <c r="E4418" s="1" t="s">
        <v>0</v>
      </c>
    </row>
    <row r="4419" spans="1:5" x14ac:dyDescent="0.25">
      <c r="A4419" s="1" t="s">
        <v>19359</v>
      </c>
      <c r="B4419" s="1" t="s">
        <v>6259</v>
      </c>
      <c r="C4419" s="1" t="s">
        <v>19360</v>
      </c>
      <c r="D4419" s="2">
        <v>157247</v>
      </c>
      <c r="E4419" s="1" t="s">
        <v>0</v>
      </c>
    </row>
    <row r="4420" spans="1:5" ht="409.5" x14ac:dyDescent="0.25">
      <c r="A4420" s="4" t="s">
        <v>19361</v>
      </c>
      <c r="B4420" s="1" t="s">
        <v>60961</v>
      </c>
      <c r="C4420" s="1" t="s">
        <v>19362</v>
      </c>
      <c r="D4420" s="2">
        <v>157248</v>
      </c>
      <c r="E4420" s="1" t="s">
        <v>0</v>
      </c>
    </row>
    <row r="4421" spans="1:5" x14ac:dyDescent="0.25">
      <c r="A4421" s="1" t="s">
        <v>19363</v>
      </c>
      <c r="B4421" s="1" t="s">
        <v>52048</v>
      </c>
      <c r="C4421" s="1" t="s">
        <v>19364</v>
      </c>
      <c r="D4421" s="2">
        <v>157249</v>
      </c>
      <c r="E4421" s="1" t="s">
        <v>0</v>
      </c>
    </row>
    <row r="4422" spans="1:5" x14ac:dyDescent="0.25">
      <c r="A4422" s="2">
        <v>884</v>
      </c>
      <c r="B4422" s="2">
        <v>884</v>
      </c>
      <c r="C4422" s="1" t="s">
        <v>0</v>
      </c>
      <c r="D4422" s="2">
        <v>157250</v>
      </c>
      <c r="E4422" s="1" t="s">
        <v>0</v>
      </c>
    </row>
    <row r="4423" spans="1:5" x14ac:dyDescent="0.25">
      <c r="A4423" s="1" t="s">
        <v>811</v>
      </c>
      <c r="B4423" s="1" t="s">
        <v>6260</v>
      </c>
      <c r="C4423" s="1" t="s">
        <v>19365</v>
      </c>
      <c r="D4423" s="2">
        <v>157251</v>
      </c>
      <c r="E4423" s="1" t="s">
        <v>0</v>
      </c>
    </row>
    <row r="4424" spans="1:5" x14ac:dyDescent="0.25">
      <c r="A4424" s="1" t="s">
        <v>19366</v>
      </c>
      <c r="B4424" s="1" t="s">
        <v>52049</v>
      </c>
      <c r="C4424" s="1" t="s">
        <v>19367</v>
      </c>
      <c r="D4424" s="2">
        <v>157252</v>
      </c>
      <c r="E4424" s="1" t="s">
        <v>0</v>
      </c>
    </row>
    <row r="4425" spans="1:5" ht="409.5" x14ac:dyDescent="0.25">
      <c r="A4425" s="4" t="s">
        <v>19368</v>
      </c>
      <c r="B4425" s="1" t="s">
        <v>52050</v>
      </c>
      <c r="C4425" s="1" t="s">
        <v>19369</v>
      </c>
      <c r="D4425" s="2">
        <v>157253</v>
      </c>
      <c r="E4425" s="1" t="s">
        <v>0</v>
      </c>
    </row>
    <row r="4426" spans="1:5" x14ac:dyDescent="0.25">
      <c r="A4426" s="1" t="s">
        <v>19370</v>
      </c>
      <c r="B4426" s="1" t="s">
        <v>6261</v>
      </c>
      <c r="C4426" s="1" t="s">
        <v>19371</v>
      </c>
      <c r="D4426" s="2">
        <v>157254</v>
      </c>
      <c r="E4426" s="1" t="s">
        <v>0</v>
      </c>
    </row>
    <row r="4427" spans="1:5" x14ac:dyDescent="0.25">
      <c r="A4427" s="2">
        <v>885</v>
      </c>
      <c r="B4427" s="2">
        <v>885</v>
      </c>
      <c r="C4427" s="1" t="s">
        <v>0</v>
      </c>
      <c r="D4427" s="2">
        <v>157255</v>
      </c>
      <c r="E4427" s="1" t="s">
        <v>0</v>
      </c>
    </row>
    <row r="4428" spans="1:5" x14ac:dyDescent="0.25">
      <c r="A4428" s="1" t="s">
        <v>812</v>
      </c>
      <c r="B4428" s="1" t="s">
        <v>6262</v>
      </c>
      <c r="C4428" s="1" t="s">
        <v>19372</v>
      </c>
      <c r="D4428" s="2">
        <v>157256</v>
      </c>
      <c r="E4428" s="1" t="s">
        <v>0</v>
      </c>
    </row>
    <row r="4429" spans="1:5" x14ac:dyDescent="0.25">
      <c r="A4429" s="1" t="s">
        <v>19373</v>
      </c>
      <c r="B4429" s="1" t="s">
        <v>52051</v>
      </c>
      <c r="C4429" s="1" t="s">
        <v>19374</v>
      </c>
      <c r="D4429" s="2">
        <v>157257</v>
      </c>
      <c r="E4429" s="1" t="s">
        <v>0</v>
      </c>
    </row>
    <row r="4430" spans="1:5" ht="409.5" x14ac:dyDescent="0.25">
      <c r="A4430" s="4" t="s">
        <v>19375</v>
      </c>
      <c r="B4430" s="1" t="s">
        <v>52052</v>
      </c>
      <c r="C4430" s="1" t="s">
        <v>19376</v>
      </c>
      <c r="D4430" s="2">
        <v>157258</v>
      </c>
      <c r="E4430" s="1" t="s">
        <v>0</v>
      </c>
    </row>
    <row r="4431" spans="1:5" x14ac:dyDescent="0.25">
      <c r="A4431" s="1" t="s">
        <v>19377</v>
      </c>
      <c r="B4431" s="1" t="s">
        <v>6263</v>
      </c>
      <c r="C4431" s="1" t="s">
        <v>19378</v>
      </c>
      <c r="D4431" s="2">
        <v>157259</v>
      </c>
      <c r="E4431" s="1" t="s">
        <v>0</v>
      </c>
    </row>
    <row r="4432" spans="1:5" x14ac:dyDescent="0.25">
      <c r="A4432" s="2">
        <v>886</v>
      </c>
      <c r="B4432" s="2">
        <v>886</v>
      </c>
      <c r="C4432" s="1" t="s">
        <v>0</v>
      </c>
      <c r="D4432" s="2">
        <v>157260</v>
      </c>
      <c r="E4432" s="1" t="s">
        <v>0</v>
      </c>
    </row>
    <row r="4433" spans="1:5" x14ac:dyDescent="0.25">
      <c r="A4433" s="1" t="s">
        <v>813</v>
      </c>
      <c r="B4433" s="1" t="s">
        <v>58218</v>
      </c>
      <c r="C4433" s="1" t="s">
        <v>19379</v>
      </c>
      <c r="D4433" s="2">
        <v>157261</v>
      </c>
      <c r="E4433" s="1" t="s">
        <v>0</v>
      </c>
    </row>
    <row r="4434" spans="1:5" x14ac:dyDescent="0.25">
      <c r="A4434" s="1" t="s">
        <v>19380</v>
      </c>
      <c r="B4434" s="1" t="s">
        <v>62130</v>
      </c>
      <c r="C4434" s="1" t="s">
        <v>19381</v>
      </c>
      <c r="D4434" s="2">
        <v>157262</v>
      </c>
      <c r="E4434" s="1" t="s">
        <v>0</v>
      </c>
    </row>
    <row r="4435" spans="1:5" ht="409.5" x14ac:dyDescent="0.25">
      <c r="A4435" s="4" t="s">
        <v>19382</v>
      </c>
      <c r="B4435" s="1" t="s">
        <v>62131</v>
      </c>
      <c r="C4435" s="1" t="s">
        <v>19383</v>
      </c>
      <c r="D4435" s="2">
        <v>157263</v>
      </c>
      <c r="E4435" s="1" t="s">
        <v>0</v>
      </c>
    </row>
    <row r="4436" spans="1:5" x14ac:dyDescent="0.25">
      <c r="A4436" s="1" t="s">
        <v>19384</v>
      </c>
      <c r="B4436" s="1" t="s">
        <v>58219</v>
      </c>
      <c r="C4436" s="1" t="s">
        <v>19385</v>
      </c>
      <c r="D4436" s="2">
        <v>157264</v>
      </c>
      <c r="E4436" s="1" t="s">
        <v>0</v>
      </c>
    </row>
    <row r="4437" spans="1:5" x14ac:dyDescent="0.25">
      <c r="A4437" s="2">
        <v>887</v>
      </c>
      <c r="B4437" s="2">
        <v>887</v>
      </c>
      <c r="C4437" s="1" t="s">
        <v>0</v>
      </c>
      <c r="D4437" s="2">
        <v>157265</v>
      </c>
      <c r="E4437" s="1" t="s">
        <v>0</v>
      </c>
    </row>
    <row r="4438" spans="1:5" x14ac:dyDescent="0.25">
      <c r="A4438" s="1" t="s">
        <v>814</v>
      </c>
      <c r="B4438" s="1" t="s">
        <v>52053</v>
      </c>
      <c r="C4438" s="1" t="s">
        <v>19386</v>
      </c>
      <c r="D4438" s="2">
        <v>157266</v>
      </c>
      <c r="E4438" s="1" t="s">
        <v>0</v>
      </c>
    </row>
    <row r="4439" spans="1:5" x14ac:dyDescent="0.25">
      <c r="A4439" s="1" t="s">
        <v>19387</v>
      </c>
      <c r="B4439" s="1" t="s">
        <v>50462</v>
      </c>
      <c r="C4439" s="1" t="s">
        <v>19388</v>
      </c>
      <c r="D4439" s="2">
        <v>157267</v>
      </c>
      <c r="E4439" s="1" t="s">
        <v>0</v>
      </c>
    </row>
    <row r="4440" spans="1:5" ht="409.5" x14ac:dyDescent="0.25">
      <c r="A4440" s="4" t="s">
        <v>19389</v>
      </c>
      <c r="B4440" s="1" t="s">
        <v>50463</v>
      </c>
      <c r="C4440" s="1" t="s">
        <v>19390</v>
      </c>
      <c r="D4440" s="2">
        <v>157268</v>
      </c>
      <c r="E4440" s="1" t="s">
        <v>0</v>
      </c>
    </row>
    <row r="4441" spans="1:5" x14ac:dyDescent="0.25">
      <c r="A4441" s="1" t="s">
        <v>19391</v>
      </c>
      <c r="B4441" s="1" t="s">
        <v>57145</v>
      </c>
      <c r="C4441" s="1" t="s">
        <v>19392</v>
      </c>
      <c r="D4441" s="2">
        <v>157269</v>
      </c>
      <c r="E4441" s="1" t="s">
        <v>0</v>
      </c>
    </row>
    <row r="4442" spans="1:5" x14ac:dyDescent="0.25">
      <c r="A4442" s="2">
        <v>888</v>
      </c>
      <c r="B4442" s="2">
        <v>888</v>
      </c>
      <c r="C4442" s="1" t="s">
        <v>0</v>
      </c>
      <c r="D4442" s="2">
        <v>157270</v>
      </c>
      <c r="E4442" s="1" t="s">
        <v>0</v>
      </c>
    </row>
    <row r="4443" spans="1:5" x14ac:dyDescent="0.25">
      <c r="A4443" s="1" t="s">
        <v>815</v>
      </c>
      <c r="B4443" s="1" t="s">
        <v>6264</v>
      </c>
      <c r="C4443" s="1" t="s">
        <v>19393</v>
      </c>
      <c r="D4443" s="2">
        <v>157271</v>
      </c>
      <c r="E4443" s="1" t="s">
        <v>0</v>
      </c>
    </row>
    <row r="4444" spans="1:5" x14ac:dyDescent="0.25">
      <c r="A4444" s="1" t="s">
        <v>19394</v>
      </c>
      <c r="B4444" s="1" t="s">
        <v>63231</v>
      </c>
      <c r="C4444" s="1" t="s">
        <v>19395</v>
      </c>
      <c r="D4444" s="2">
        <v>157272</v>
      </c>
      <c r="E4444" s="1" t="s">
        <v>0</v>
      </c>
    </row>
    <row r="4445" spans="1:5" ht="409.5" x14ac:dyDescent="0.25">
      <c r="A4445" s="4" t="s">
        <v>19396</v>
      </c>
      <c r="B4445" s="1" t="s">
        <v>63232</v>
      </c>
      <c r="C4445" s="1" t="s">
        <v>19397</v>
      </c>
      <c r="D4445" s="2">
        <v>157273</v>
      </c>
      <c r="E4445" s="1" t="s">
        <v>0</v>
      </c>
    </row>
    <row r="4446" spans="1:5" x14ac:dyDescent="0.25">
      <c r="A4446" s="1" t="s">
        <v>19398</v>
      </c>
      <c r="B4446" s="1" t="s">
        <v>6265</v>
      </c>
      <c r="C4446" s="1" t="s">
        <v>19399</v>
      </c>
      <c r="D4446" s="2">
        <v>157274</v>
      </c>
      <c r="E4446" s="1" t="s">
        <v>0</v>
      </c>
    </row>
    <row r="4447" spans="1:5" x14ac:dyDescent="0.25">
      <c r="A4447" s="2">
        <v>889</v>
      </c>
      <c r="B4447" s="2">
        <v>889</v>
      </c>
      <c r="C4447" s="1" t="s">
        <v>0</v>
      </c>
      <c r="D4447" s="2">
        <v>157275</v>
      </c>
      <c r="E4447" s="1" t="s">
        <v>0</v>
      </c>
    </row>
    <row r="4448" spans="1:5" x14ac:dyDescent="0.25">
      <c r="A4448" s="1" t="s">
        <v>19400</v>
      </c>
      <c r="B4448" s="1" t="s">
        <v>6266</v>
      </c>
      <c r="C4448" s="1" t="s">
        <v>19401</v>
      </c>
      <c r="D4448" s="2">
        <v>157276</v>
      </c>
      <c r="E4448" s="1" t="s">
        <v>0</v>
      </c>
    </row>
    <row r="4449" spans="1:5" x14ac:dyDescent="0.25">
      <c r="A4449" s="1" t="s">
        <v>64012</v>
      </c>
      <c r="B4449" s="1" t="s">
        <v>52054</v>
      </c>
      <c r="C4449" s="1" t="s">
        <v>19402</v>
      </c>
      <c r="D4449" s="2">
        <v>157277</v>
      </c>
      <c r="E4449" s="1" t="s">
        <v>0</v>
      </c>
    </row>
    <row r="4450" spans="1:5" ht="409.5" x14ac:dyDescent="0.25">
      <c r="A4450" s="4" t="s">
        <v>64013</v>
      </c>
      <c r="B4450" s="1" t="s">
        <v>52055</v>
      </c>
      <c r="C4450" s="1" t="s">
        <v>19403</v>
      </c>
      <c r="D4450" s="2">
        <v>157278</v>
      </c>
      <c r="E4450" s="1" t="s">
        <v>0</v>
      </c>
    </row>
    <row r="4451" spans="1:5" x14ac:dyDescent="0.25">
      <c r="A4451" s="1" t="s">
        <v>19404</v>
      </c>
      <c r="B4451" s="1" t="s">
        <v>6267</v>
      </c>
      <c r="C4451" s="1" t="s">
        <v>19405</v>
      </c>
      <c r="D4451" s="2">
        <v>157279</v>
      </c>
      <c r="E4451" s="1" t="s">
        <v>0</v>
      </c>
    </row>
    <row r="4452" spans="1:5" x14ac:dyDescent="0.25">
      <c r="A4452" s="2">
        <v>890</v>
      </c>
      <c r="B4452" s="2">
        <v>890</v>
      </c>
      <c r="C4452" s="1" t="s">
        <v>0</v>
      </c>
      <c r="D4452" s="2">
        <v>157280</v>
      </c>
      <c r="E4452" s="1" t="s">
        <v>0</v>
      </c>
    </row>
    <row r="4453" spans="1:5" x14ac:dyDescent="0.25">
      <c r="A4453" s="1" t="s">
        <v>816</v>
      </c>
      <c r="B4453" s="1" t="s">
        <v>59816</v>
      </c>
      <c r="C4453" s="1" t="s">
        <v>19406</v>
      </c>
      <c r="D4453" s="2">
        <v>157281</v>
      </c>
      <c r="E4453" s="1" t="s">
        <v>0</v>
      </c>
    </row>
    <row r="4454" spans="1:5" x14ac:dyDescent="0.25">
      <c r="A4454" s="1" t="s">
        <v>19407</v>
      </c>
      <c r="B4454" s="1" t="s">
        <v>52056</v>
      </c>
      <c r="C4454" s="1" t="s">
        <v>19408</v>
      </c>
      <c r="D4454" s="2">
        <v>157282</v>
      </c>
      <c r="E4454" s="1" t="s">
        <v>0</v>
      </c>
    </row>
    <row r="4455" spans="1:5" ht="409.5" x14ac:dyDescent="0.25">
      <c r="A4455" s="4" t="s">
        <v>19409</v>
      </c>
      <c r="B4455" s="1" t="s">
        <v>52057</v>
      </c>
      <c r="C4455" s="1" t="s">
        <v>19410</v>
      </c>
      <c r="D4455" s="2">
        <v>157283</v>
      </c>
      <c r="E4455" s="1" t="s">
        <v>0</v>
      </c>
    </row>
    <row r="4456" spans="1:5" x14ac:dyDescent="0.25">
      <c r="A4456" s="1" t="s">
        <v>19411</v>
      </c>
      <c r="B4456" s="1" t="s">
        <v>6268</v>
      </c>
      <c r="C4456" s="1" t="s">
        <v>19412</v>
      </c>
      <c r="D4456" s="2">
        <v>157284</v>
      </c>
      <c r="E4456" s="1" t="s">
        <v>0</v>
      </c>
    </row>
    <row r="4457" spans="1:5" x14ac:dyDescent="0.25">
      <c r="A4457" s="2">
        <v>891</v>
      </c>
      <c r="B4457" s="2">
        <v>891</v>
      </c>
      <c r="C4457" s="1" t="s">
        <v>0</v>
      </c>
      <c r="D4457" s="2">
        <v>157285</v>
      </c>
      <c r="E4457" s="1" t="s">
        <v>0</v>
      </c>
    </row>
    <row r="4458" spans="1:5" x14ac:dyDescent="0.25">
      <c r="A4458" s="1" t="s">
        <v>817</v>
      </c>
      <c r="B4458" s="1" t="s">
        <v>6269</v>
      </c>
      <c r="C4458" s="1" t="s">
        <v>19413</v>
      </c>
      <c r="D4458" s="2">
        <v>157286</v>
      </c>
      <c r="E4458" s="1" t="s">
        <v>0</v>
      </c>
    </row>
    <row r="4459" spans="1:5" x14ac:dyDescent="0.25">
      <c r="A4459" s="1" t="s">
        <v>19414</v>
      </c>
      <c r="B4459" s="1" t="s">
        <v>52058</v>
      </c>
      <c r="C4459" s="1" t="s">
        <v>19415</v>
      </c>
      <c r="D4459" s="2">
        <v>157287</v>
      </c>
      <c r="E4459" s="1" t="s">
        <v>0</v>
      </c>
    </row>
    <row r="4460" spans="1:5" ht="409.5" x14ac:dyDescent="0.25">
      <c r="A4460" s="4" t="s">
        <v>19416</v>
      </c>
      <c r="B4460" s="1" t="s">
        <v>58220</v>
      </c>
      <c r="C4460" s="1" t="s">
        <v>19417</v>
      </c>
      <c r="D4460" s="2">
        <v>157288</v>
      </c>
      <c r="E4460" s="1" t="s">
        <v>0</v>
      </c>
    </row>
    <row r="4461" spans="1:5" x14ac:dyDescent="0.25">
      <c r="A4461" s="1" t="s">
        <v>19418</v>
      </c>
      <c r="B4461" s="1" t="s">
        <v>60962</v>
      </c>
      <c r="C4461" s="1" t="s">
        <v>19419</v>
      </c>
      <c r="D4461" s="2">
        <v>157289</v>
      </c>
      <c r="E4461" s="1" t="s">
        <v>0</v>
      </c>
    </row>
    <row r="4462" spans="1:5" x14ac:dyDescent="0.25">
      <c r="A4462" s="2">
        <v>892</v>
      </c>
      <c r="B4462" s="2">
        <v>892</v>
      </c>
      <c r="C4462" s="1" t="s">
        <v>0</v>
      </c>
      <c r="D4462" s="2">
        <v>157290</v>
      </c>
      <c r="E4462" s="1" t="s">
        <v>0</v>
      </c>
    </row>
    <row r="4463" spans="1:5" x14ac:dyDescent="0.25">
      <c r="A4463" s="1" t="s">
        <v>818</v>
      </c>
      <c r="B4463" s="1" t="s">
        <v>6270</v>
      </c>
      <c r="C4463" s="1" t="s">
        <v>19420</v>
      </c>
      <c r="D4463" s="2">
        <v>157291</v>
      </c>
      <c r="E4463" s="1" t="s">
        <v>0</v>
      </c>
    </row>
    <row r="4464" spans="1:5" x14ac:dyDescent="0.25">
      <c r="A4464" s="1" t="s">
        <v>19421</v>
      </c>
      <c r="B4464" s="1" t="s">
        <v>6271</v>
      </c>
      <c r="C4464" s="1" t="s">
        <v>19422</v>
      </c>
      <c r="D4464" s="2">
        <v>157292</v>
      </c>
      <c r="E4464" s="1" t="s">
        <v>0</v>
      </c>
    </row>
    <row r="4465" spans="1:5" ht="409.5" x14ac:dyDescent="0.25">
      <c r="A4465" s="4" t="s">
        <v>19423</v>
      </c>
      <c r="B4465" s="1" t="s">
        <v>13020</v>
      </c>
      <c r="C4465" s="1" t="s">
        <v>19424</v>
      </c>
      <c r="D4465" s="2">
        <v>157293</v>
      </c>
      <c r="E4465" s="1" t="s">
        <v>0</v>
      </c>
    </row>
    <row r="4466" spans="1:5" x14ac:dyDescent="0.25">
      <c r="A4466" s="1" t="s">
        <v>19425</v>
      </c>
      <c r="B4466" s="1" t="s">
        <v>52059</v>
      </c>
      <c r="C4466" s="1" t="s">
        <v>19426</v>
      </c>
      <c r="D4466" s="2">
        <v>157294</v>
      </c>
      <c r="E4466" s="1" t="s">
        <v>0</v>
      </c>
    </row>
    <row r="4467" spans="1:5" x14ac:dyDescent="0.25">
      <c r="A4467" s="2">
        <v>893</v>
      </c>
      <c r="B4467" s="2">
        <v>893</v>
      </c>
      <c r="C4467" s="1" t="s">
        <v>0</v>
      </c>
      <c r="D4467" s="2">
        <v>157295</v>
      </c>
      <c r="E4467" s="1" t="s">
        <v>0</v>
      </c>
    </row>
    <row r="4468" spans="1:5" x14ac:dyDescent="0.25">
      <c r="A4468" s="1" t="s">
        <v>819</v>
      </c>
      <c r="B4468" s="1" t="s">
        <v>6272</v>
      </c>
      <c r="C4468" s="1" t="s">
        <v>19427</v>
      </c>
      <c r="D4468" s="2">
        <v>157296</v>
      </c>
      <c r="E4468" s="1" t="s">
        <v>0</v>
      </c>
    </row>
    <row r="4469" spans="1:5" x14ac:dyDescent="0.25">
      <c r="A4469" s="1" t="s">
        <v>19428</v>
      </c>
      <c r="B4469" s="1" t="s">
        <v>6273</v>
      </c>
      <c r="C4469" s="1" t="s">
        <v>19429</v>
      </c>
      <c r="D4469" s="2">
        <v>157297</v>
      </c>
      <c r="E4469" s="1" t="s">
        <v>0</v>
      </c>
    </row>
    <row r="4470" spans="1:5" ht="409.5" x14ac:dyDescent="0.25">
      <c r="A4470" s="4" t="s">
        <v>19430</v>
      </c>
      <c r="B4470" s="1" t="s">
        <v>52060</v>
      </c>
      <c r="C4470" s="1" t="s">
        <v>19431</v>
      </c>
      <c r="D4470" s="2">
        <v>157298</v>
      </c>
      <c r="E4470" s="1" t="s">
        <v>0</v>
      </c>
    </row>
    <row r="4471" spans="1:5" x14ac:dyDescent="0.25">
      <c r="A4471" s="1" t="s">
        <v>13588</v>
      </c>
      <c r="B4471" s="1" t="s">
        <v>60850</v>
      </c>
      <c r="C4471" s="1" t="s">
        <v>13589</v>
      </c>
      <c r="D4471" s="2">
        <v>157299</v>
      </c>
      <c r="E4471" s="1" t="s">
        <v>0</v>
      </c>
    </row>
    <row r="4472" spans="1:5" x14ac:dyDescent="0.25">
      <c r="A4472" s="2">
        <v>894</v>
      </c>
      <c r="B4472" s="2">
        <v>894</v>
      </c>
      <c r="C4472" s="1" t="s">
        <v>0</v>
      </c>
      <c r="D4472" s="2">
        <v>157300</v>
      </c>
      <c r="E4472" s="1" t="s">
        <v>0</v>
      </c>
    </row>
    <row r="4473" spans="1:5" x14ac:dyDescent="0.25">
      <c r="A4473" s="1" t="s">
        <v>820</v>
      </c>
      <c r="B4473" s="1" t="s">
        <v>59817</v>
      </c>
      <c r="C4473" s="1" t="s">
        <v>19432</v>
      </c>
      <c r="D4473" s="2">
        <v>157301</v>
      </c>
      <c r="E4473" s="1" t="s">
        <v>0</v>
      </c>
    </row>
    <row r="4474" spans="1:5" x14ac:dyDescent="0.25">
      <c r="A4474" s="1" t="s">
        <v>19433</v>
      </c>
      <c r="B4474" s="1" t="s">
        <v>59818</v>
      </c>
      <c r="C4474" s="1" t="s">
        <v>19434</v>
      </c>
      <c r="D4474" s="2">
        <v>157302</v>
      </c>
      <c r="E4474" s="1" t="s">
        <v>0</v>
      </c>
    </row>
    <row r="4475" spans="1:5" ht="409.5" x14ac:dyDescent="0.25">
      <c r="A4475" s="4" t="s">
        <v>19435</v>
      </c>
      <c r="B4475" s="1" t="s">
        <v>59819</v>
      </c>
      <c r="C4475" s="1" t="s">
        <v>19436</v>
      </c>
      <c r="D4475" s="2">
        <v>157303</v>
      </c>
      <c r="E4475" s="1" t="s">
        <v>0</v>
      </c>
    </row>
    <row r="4476" spans="1:5" x14ac:dyDescent="0.25">
      <c r="A4476" s="1" t="s">
        <v>19437</v>
      </c>
      <c r="B4476" s="1" t="s">
        <v>59820</v>
      </c>
      <c r="C4476" s="1" t="s">
        <v>19438</v>
      </c>
      <c r="D4476" s="2">
        <v>157304</v>
      </c>
      <c r="E4476" s="1" t="s">
        <v>0</v>
      </c>
    </row>
    <row r="4477" spans="1:5" x14ac:dyDescent="0.25">
      <c r="A4477" s="2">
        <v>895</v>
      </c>
      <c r="B4477" s="2">
        <v>895</v>
      </c>
      <c r="C4477" s="1" t="s">
        <v>0</v>
      </c>
      <c r="D4477" s="2">
        <v>157305</v>
      </c>
      <c r="E4477" s="1" t="s">
        <v>0</v>
      </c>
    </row>
    <row r="4478" spans="1:5" x14ac:dyDescent="0.25">
      <c r="A4478" s="1" t="s">
        <v>821</v>
      </c>
      <c r="B4478" s="1" t="s">
        <v>6274</v>
      </c>
      <c r="C4478" s="1" t="s">
        <v>19439</v>
      </c>
      <c r="D4478" s="2">
        <v>157306</v>
      </c>
      <c r="E4478" s="1" t="s">
        <v>0</v>
      </c>
    </row>
    <row r="4479" spans="1:5" x14ac:dyDescent="0.25">
      <c r="A4479" s="1" t="s">
        <v>19440</v>
      </c>
      <c r="B4479" s="1" t="s">
        <v>6275</v>
      </c>
      <c r="C4479" s="1" t="s">
        <v>19441</v>
      </c>
      <c r="D4479" s="2">
        <v>157307</v>
      </c>
      <c r="E4479" s="1" t="s">
        <v>0</v>
      </c>
    </row>
    <row r="4480" spans="1:5" ht="409.5" x14ac:dyDescent="0.25">
      <c r="A4480" s="4" t="s">
        <v>19442</v>
      </c>
      <c r="B4480" s="1" t="s">
        <v>57421</v>
      </c>
      <c r="C4480" s="1" t="s">
        <v>19443</v>
      </c>
      <c r="D4480" s="2">
        <v>157308</v>
      </c>
      <c r="E4480" s="1" t="s">
        <v>0</v>
      </c>
    </row>
    <row r="4481" spans="1:5" x14ac:dyDescent="0.25">
      <c r="A4481" s="1" t="s">
        <v>19444</v>
      </c>
      <c r="B4481" s="1" t="s">
        <v>57422</v>
      </c>
      <c r="C4481" s="1" t="s">
        <v>19445</v>
      </c>
      <c r="D4481" s="2">
        <v>157309</v>
      </c>
      <c r="E4481" s="1" t="s">
        <v>0</v>
      </c>
    </row>
    <row r="4482" spans="1:5" x14ac:dyDescent="0.25">
      <c r="A4482" s="2">
        <v>896</v>
      </c>
      <c r="B4482" s="2">
        <v>896</v>
      </c>
      <c r="C4482" s="1" t="s">
        <v>0</v>
      </c>
      <c r="D4482" s="2">
        <v>157310</v>
      </c>
      <c r="E4482" s="1" t="s">
        <v>0</v>
      </c>
    </row>
    <row r="4483" spans="1:5" x14ac:dyDescent="0.25">
      <c r="A4483" s="1" t="s">
        <v>822</v>
      </c>
      <c r="B4483" s="1" t="s">
        <v>58221</v>
      </c>
      <c r="C4483" s="1" t="s">
        <v>19446</v>
      </c>
      <c r="D4483" s="2">
        <v>157311</v>
      </c>
      <c r="E4483" s="1" t="s">
        <v>0</v>
      </c>
    </row>
    <row r="4484" spans="1:5" x14ac:dyDescent="0.25">
      <c r="A4484" s="1" t="s">
        <v>19447</v>
      </c>
      <c r="B4484" s="1" t="s">
        <v>58222</v>
      </c>
      <c r="C4484" s="1" t="s">
        <v>19448</v>
      </c>
      <c r="D4484" s="2">
        <v>157312</v>
      </c>
      <c r="E4484" s="1" t="s">
        <v>0</v>
      </c>
    </row>
    <row r="4485" spans="1:5" ht="409.5" x14ac:dyDescent="0.25">
      <c r="A4485" s="4" t="s">
        <v>19449</v>
      </c>
      <c r="B4485" s="1" t="s">
        <v>62132</v>
      </c>
      <c r="C4485" s="1" t="s">
        <v>19450</v>
      </c>
      <c r="D4485" s="2">
        <v>157313</v>
      </c>
      <c r="E4485" s="1" t="s">
        <v>0</v>
      </c>
    </row>
    <row r="4486" spans="1:5" x14ac:dyDescent="0.25">
      <c r="A4486" s="1" t="s">
        <v>19451</v>
      </c>
      <c r="B4486" s="1" t="s">
        <v>52061</v>
      </c>
      <c r="C4486" s="1" t="s">
        <v>19452</v>
      </c>
      <c r="D4486" s="2">
        <v>157314</v>
      </c>
      <c r="E4486" s="1" t="s">
        <v>0</v>
      </c>
    </row>
    <row r="4487" spans="1:5" x14ac:dyDescent="0.25">
      <c r="A4487" s="2">
        <v>897</v>
      </c>
      <c r="B4487" s="2">
        <v>897</v>
      </c>
      <c r="C4487" s="1" t="s">
        <v>0</v>
      </c>
      <c r="D4487" s="2">
        <v>157315</v>
      </c>
      <c r="E4487" s="1" t="s">
        <v>0</v>
      </c>
    </row>
    <row r="4488" spans="1:5" x14ac:dyDescent="0.25">
      <c r="A4488" s="1" t="s">
        <v>823</v>
      </c>
      <c r="B4488" s="1" t="s">
        <v>6276</v>
      </c>
      <c r="C4488" s="1" t="s">
        <v>19453</v>
      </c>
      <c r="D4488" s="2">
        <v>157316</v>
      </c>
      <c r="E4488" s="1" t="s">
        <v>0</v>
      </c>
    </row>
    <row r="4489" spans="1:5" x14ac:dyDescent="0.25">
      <c r="A4489" s="1" t="s">
        <v>19454</v>
      </c>
      <c r="B4489" s="1" t="s">
        <v>52062</v>
      </c>
      <c r="C4489" s="1" t="s">
        <v>19455</v>
      </c>
      <c r="D4489" s="2">
        <v>157317</v>
      </c>
      <c r="E4489" s="1" t="s">
        <v>0</v>
      </c>
    </row>
    <row r="4490" spans="1:5" ht="409.5" x14ac:dyDescent="0.25">
      <c r="A4490" s="4" t="s">
        <v>19456</v>
      </c>
      <c r="B4490" s="1" t="s">
        <v>57742</v>
      </c>
      <c r="C4490" s="1" t="s">
        <v>19457</v>
      </c>
      <c r="D4490" s="2">
        <v>157318</v>
      </c>
      <c r="E4490" s="1" t="s">
        <v>0</v>
      </c>
    </row>
    <row r="4491" spans="1:5" x14ac:dyDescent="0.25">
      <c r="A4491" s="1" t="s">
        <v>19458</v>
      </c>
      <c r="B4491" s="1" t="s">
        <v>6277</v>
      </c>
      <c r="C4491" s="1" t="s">
        <v>19459</v>
      </c>
      <c r="D4491" s="2">
        <v>157319</v>
      </c>
      <c r="E4491" s="1" t="s">
        <v>0</v>
      </c>
    </row>
    <row r="4492" spans="1:5" x14ac:dyDescent="0.25">
      <c r="A4492" s="2">
        <v>898</v>
      </c>
      <c r="B4492" s="2">
        <v>898</v>
      </c>
      <c r="C4492" s="1" t="s">
        <v>0</v>
      </c>
      <c r="D4492" s="2">
        <v>157320</v>
      </c>
      <c r="E4492" s="1" t="s">
        <v>0</v>
      </c>
    </row>
    <row r="4493" spans="1:5" x14ac:dyDescent="0.25">
      <c r="A4493" s="1" t="s">
        <v>824</v>
      </c>
      <c r="B4493" s="1" t="s">
        <v>6278</v>
      </c>
      <c r="C4493" s="1" t="s">
        <v>19460</v>
      </c>
      <c r="D4493" s="2">
        <v>157321</v>
      </c>
      <c r="E4493" s="1" t="s">
        <v>0</v>
      </c>
    </row>
    <row r="4494" spans="1:5" x14ac:dyDescent="0.25">
      <c r="A4494" s="1" t="s">
        <v>19461</v>
      </c>
      <c r="B4494" s="1" t="s">
        <v>50464</v>
      </c>
      <c r="C4494" s="1" t="s">
        <v>19462</v>
      </c>
      <c r="D4494" s="2">
        <v>157322</v>
      </c>
      <c r="E4494" s="1" t="s">
        <v>0</v>
      </c>
    </row>
    <row r="4495" spans="1:5" ht="409.5" x14ac:dyDescent="0.25">
      <c r="A4495" s="4" t="s">
        <v>19463</v>
      </c>
      <c r="B4495" s="1" t="s">
        <v>50465</v>
      </c>
      <c r="C4495" s="1" t="s">
        <v>19464</v>
      </c>
      <c r="D4495" s="2">
        <v>157323</v>
      </c>
      <c r="E4495" s="1" t="s">
        <v>0</v>
      </c>
    </row>
    <row r="4496" spans="1:5" x14ac:dyDescent="0.25">
      <c r="A4496" s="1" t="s">
        <v>19465</v>
      </c>
      <c r="B4496" s="1" t="s">
        <v>60963</v>
      </c>
      <c r="C4496" s="1" t="s">
        <v>19466</v>
      </c>
      <c r="D4496" s="2">
        <v>157324</v>
      </c>
      <c r="E4496" s="1" t="s">
        <v>0</v>
      </c>
    </row>
    <row r="4497" spans="1:5" x14ac:dyDescent="0.25">
      <c r="A4497" s="2">
        <v>899</v>
      </c>
      <c r="B4497" s="2">
        <v>899</v>
      </c>
      <c r="C4497" s="1" t="s">
        <v>0</v>
      </c>
      <c r="D4497" s="2">
        <v>157325</v>
      </c>
      <c r="E4497" s="1" t="s">
        <v>0</v>
      </c>
    </row>
    <row r="4498" spans="1:5" x14ac:dyDescent="0.25">
      <c r="A4498" s="1" t="s">
        <v>825</v>
      </c>
      <c r="B4498" s="1" t="s">
        <v>52063</v>
      </c>
      <c r="C4498" s="1" t="s">
        <v>19467</v>
      </c>
      <c r="D4498" s="2">
        <v>157326</v>
      </c>
      <c r="E4498" s="1" t="s">
        <v>0</v>
      </c>
    </row>
    <row r="4499" spans="1:5" x14ac:dyDescent="0.25">
      <c r="A4499" s="1" t="s">
        <v>19468</v>
      </c>
      <c r="B4499" s="1" t="s">
        <v>50466</v>
      </c>
      <c r="C4499" s="1" t="s">
        <v>19469</v>
      </c>
      <c r="D4499" s="2">
        <v>157327</v>
      </c>
      <c r="E4499" s="1" t="s">
        <v>0</v>
      </c>
    </row>
    <row r="4500" spans="1:5" ht="409.5" x14ac:dyDescent="0.25">
      <c r="A4500" s="4" t="s">
        <v>64014</v>
      </c>
      <c r="B4500" s="1" t="s">
        <v>57423</v>
      </c>
      <c r="C4500" s="1" t="s">
        <v>19470</v>
      </c>
      <c r="D4500" s="2">
        <v>157328</v>
      </c>
      <c r="E4500" s="1" t="s">
        <v>0</v>
      </c>
    </row>
    <row r="4501" spans="1:5" x14ac:dyDescent="0.25">
      <c r="A4501" s="1" t="s">
        <v>19471</v>
      </c>
      <c r="B4501" s="1" t="s">
        <v>50467</v>
      </c>
      <c r="C4501" s="1" t="s">
        <v>19472</v>
      </c>
      <c r="D4501" s="2">
        <v>157329</v>
      </c>
      <c r="E4501" s="1" t="s">
        <v>0</v>
      </c>
    </row>
    <row r="4502" spans="1:5" x14ac:dyDescent="0.25">
      <c r="A4502" s="2">
        <v>900</v>
      </c>
      <c r="B4502" s="2">
        <v>900</v>
      </c>
      <c r="C4502" s="1" t="s">
        <v>0</v>
      </c>
      <c r="D4502" s="2">
        <v>157330</v>
      </c>
      <c r="E4502" s="1" t="s">
        <v>0</v>
      </c>
    </row>
    <row r="4503" spans="1:5" x14ac:dyDescent="0.25">
      <c r="A4503" s="1" t="s">
        <v>826</v>
      </c>
      <c r="B4503" s="1" t="s">
        <v>6279</v>
      </c>
      <c r="C4503" s="1" t="s">
        <v>19473</v>
      </c>
      <c r="D4503" s="2">
        <v>157331</v>
      </c>
      <c r="E4503" s="1" t="s">
        <v>0</v>
      </c>
    </row>
    <row r="4504" spans="1:5" x14ac:dyDescent="0.25">
      <c r="A4504" s="1" t="s">
        <v>19474</v>
      </c>
      <c r="B4504" s="1" t="s">
        <v>6280</v>
      </c>
      <c r="C4504" s="1" t="s">
        <v>19475</v>
      </c>
      <c r="D4504" s="2">
        <v>157332</v>
      </c>
      <c r="E4504" s="1" t="s">
        <v>0</v>
      </c>
    </row>
    <row r="4505" spans="1:5" ht="409.5" x14ac:dyDescent="0.25">
      <c r="A4505" s="4" t="s">
        <v>19476</v>
      </c>
      <c r="B4505" s="1" t="s">
        <v>62133</v>
      </c>
      <c r="C4505" s="1" t="s">
        <v>19477</v>
      </c>
      <c r="D4505" s="2">
        <v>157333</v>
      </c>
      <c r="E4505" s="1" t="s">
        <v>0</v>
      </c>
    </row>
    <row r="4506" spans="1:5" x14ac:dyDescent="0.25">
      <c r="A4506" s="1" t="s">
        <v>19478</v>
      </c>
      <c r="B4506" s="1" t="s">
        <v>52064</v>
      </c>
      <c r="C4506" s="1" t="s">
        <v>19479</v>
      </c>
      <c r="D4506" s="2">
        <v>157334</v>
      </c>
      <c r="E4506" s="1" t="s">
        <v>0</v>
      </c>
    </row>
    <row r="4507" spans="1:5" x14ac:dyDescent="0.25">
      <c r="A4507" s="2">
        <v>901</v>
      </c>
      <c r="B4507" s="2">
        <v>901</v>
      </c>
      <c r="C4507" s="1" t="s">
        <v>0</v>
      </c>
      <c r="D4507" s="2">
        <v>157335</v>
      </c>
      <c r="E4507" s="1" t="s">
        <v>0</v>
      </c>
    </row>
    <row r="4508" spans="1:5" x14ac:dyDescent="0.25">
      <c r="A4508" s="1" t="s">
        <v>827</v>
      </c>
      <c r="B4508" s="1" t="s">
        <v>6281</v>
      </c>
      <c r="C4508" s="1" t="s">
        <v>19480</v>
      </c>
      <c r="D4508" s="2">
        <v>157336</v>
      </c>
      <c r="E4508" s="1" t="s">
        <v>0</v>
      </c>
    </row>
    <row r="4509" spans="1:5" x14ac:dyDescent="0.25">
      <c r="A4509" s="1" t="s">
        <v>19481</v>
      </c>
      <c r="B4509" s="1" t="s">
        <v>50468</v>
      </c>
      <c r="C4509" s="1" t="s">
        <v>19482</v>
      </c>
      <c r="D4509" s="2">
        <v>157337</v>
      </c>
      <c r="E4509" s="1" t="s">
        <v>0</v>
      </c>
    </row>
    <row r="4510" spans="1:5" ht="409.5" x14ac:dyDescent="0.25">
      <c r="A4510" s="4" t="s">
        <v>19483</v>
      </c>
      <c r="B4510" s="1" t="s">
        <v>60964</v>
      </c>
      <c r="C4510" s="1" t="s">
        <v>19484</v>
      </c>
      <c r="D4510" s="2">
        <v>157338</v>
      </c>
      <c r="E4510" s="1" t="s">
        <v>0</v>
      </c>
    </row>
    <row r="4511" spans="1:5" x14ac:dyDescent="0.25">
      <c r="A4511" s="1" t="s">
        <v>19485</v>
      </c>
      <c r="B4511" s="1" t="s">
        <v>6282</v>
      </c>
      <c r="C4511" s="1" t="s">
        <v>19486</v>
      </c>
      <c r="D4511" s="2">
        <v>157339</v>
      </c>
      <c r="E4511" s="1" t="s">
        <v>0</v>
      </c>
    </row>
    <row r="4512" spans="1:5" x14ac:dyDescent="0.25">
      <c r="A4512" s="2">
        <v>902</v>
      </c>
      <c r="B4512" s="2">
        <v>902</v>
      </c>
      <c r="C4512" s="1" t="s">
        <v>0</v>
      </c>
      <c r="D4512" s="2">
        <v>157340</v>
      </c>
      <c r="E4512" s="1" t="s">
        <v>0</v>
      </c>
    </row>
    <row r="4513" spans="1:5" x14ac:dyDescent="0.25">
      <c r="A4513" s="1" t="s">
        <v>828</v>
      </c>
      <c r="B4513" s="1" t="s">
        <v>6283</v>
      </c>
      <c r="C4513" s="1" t="s">
        <v>19487</v>
      </c>
      <c r="D4513" s="2">
        <v>157341</v>
      </c>
      <c r="E4513" s="1" t="s">
        <v>0</v>
      </c>
    </row>
    <row r="4514" spans="1:5" x14ac:dyDescent="0.25">
      <c r="A4514" s="1" t="s">
        <v>19488</v>
      </c>
      <c r="B4514" s="1" t="s">
        <v>63233</v>
      </c>
      <c r="C4514" s="1" t="s">
        <v>19489</v>
      </c>
      <c r="D4514" s="2">
        <v>157342</v>
      </c>
      <c r="E4514" s="1" t="s">
        <v>0</v>
      </c>
    </row>
    <row r="4515" spans="1:5" ht="409.5" x14ac:dyDescent="0.25">
      <c r="A4515" s="4" t="s">
        <v>19490</v>
      </c>
      <c r="B4515" s="1" t="s">
        <v>63234</v>
      </c>
      <c r="C4515" s="1" t="s">
        <v>19491</v>
      </c>
      <c r="D4515" s="2">
        <v>157343</v>
      </c>
      <c r="E4515" s="1" t="s">
        <v>0</v>
      </c>
    </row>
    <row r="4516" spans="1:5" x14ac:dyDescent="0.25">
      <c r="A4516" s="1" t="s">
        <v>19492</v>
      </c>
      <c r="B4516" s="1" t="s">
        <v>52065</v>
      </c>
      <c r="C4516" s="1" t="s">
        <v>19493</v>
      </c>
      <c r="D4516" s="2">
        <v>157344</v>
      </c>
      <c r="E4516" s="1" t="s">
        <v>0</v>
      </c>
    </row>
    <row r="4517" spans="1:5" x14ac:dyDescent="0.25">
      <c r="A4517" s="2">
        <v>903</v>
      </c>
      <c r="B4517" s="2">
        <v>903</v>
      </c>
      <c r="C4517" s="1" t="s">
        <v>0</v>
      </c>
      <c r="D4517" s="2">
        <v>157345</v>
      </c>
      <c r="E4517" s="1" t="s">
        <v>0</v>
      </c>
    </row>
    <row r="4518" spans="1:5" x14ac:dyDescent="0.25">
      <c r="A4518" s="1" t="s">
        <v>829</v>
      </c>
      <c r="B4518" s="1" t="s">
        <v>6284</v>
      </c>
      <c r="C4518" s="1" t="s">
        <v>19494</v>
      </c>
      <c r="D4518" s="2">
        <v>157346</v>
      </c>
      <c r="E4518" s="1" t="s">
        <v>0</v>
      </c>
    </row>
    <row r="4519" spans="1:5" x14ac:dyDescent="0.25">
      <c r="A4519" s="1" t="s">
        <v>19495</v>
      </c>
      <c r="B4519" s="1" t="s">
        <v>50469</v>
      </c>
      <c r="C4519" s="1" t="s">
        <v>19496</v>
      </c>
      <c r="D4519" s="2">
        <v>157347</v>
      </c>
      <c r="E4519" s="1" t="s">
        <v>0</v>
      </c>
    </row>
    <row r="4520" spans="1:5" ht="409.5" x14ac:dyDescent="0.25">
      <c r="A4520" s="4" t="s">
        <v>19497</v>
      </c>
      <c r="B4520" s="1" t="s">
        <v>50470</v>
      </c>
      <c r="C4520" s="1" t="s">
        <v>19498</v>
      </c>
      <c r="D4520" s="2">
        <v>157348</v>
      </c>
      <c r="E4520" s="1" t="s">
        <v>0</v>
      </c>
    </row>
    <row r="4521" spans="1:5" x14ac:dyDescent="0.25">
      <c r="A4521" s="1" t="s">
        <v>19499</v>
      </c>
      <c r="B4521" s="1" t="s">
        <v>60965</v>
      </c>
      <c r="C4521" s="1" t="s">
        <v>19500</v>
      </c>
      <c r="D4521" s="2">
        <v>157349</v>
      </c>
      <c r="E4521" s="1" t="s">
        <v>0</v>
      </c>
    </row>
    <row r="4522" spans="1:5" x14ac:dyDescent="0.25">
      <c r="A4522" s="2">
        <v>904</v>
      </c>
      <c r="B4522" s="2">
        <v>904</v>
      </c>
      <c r="C4522" s="1" t="s">
        <v>0</v>
      </c>
      <c r="D4522" s="2">
        <v>157350</v>
      </c>
      <c r="E4522" s="1" t="s">
        <v>0</v>
      </c>
    </row>
    <row r="4523" spans="1:5" x14ac:dyDescent="0.25">
      <c r="A4523" s="1" t="s">
        <v>830</v>
      </c>
      <c r="B4523" s="1" t="s">
        <v>6285</v>
      </c>
      <c r="C4523" s="1" t="s">
        <v>19501</v>
      </c>
      <c r="D4523" s="2">
        <v>157351</v>
      </c>
      <c r="E4523" s="1" t="s">
        <v>0</v>
      </c>
    </row>
    <row r="4524" spans="1:5" x14ac:dyDescent="0.25">
      <c r="A4524" s="1" t="s">
        <v>19502</v>
      </c>
      <c r="B4524" s="1" t="s">
        <v>52066</v>
      </c>
      <c r="C4524" s="1" t="s">
        <v>19503</v>
      </c>
      <c r="D4524" s="2">
        <v>157352</v>
      </c>
      <c r="E4524" s="1" t="s">
        <v>0</v>
      </c>
    </row>
    <row r="4525" spans="1:5" ht="409.5" x14ac:dyDescent="0.25">
      <c r="A4525" s="4" t="s">
        <v>19504</v>
      </c>
      <c r="B4525" s="1" t="s">
        <v>52067</v>
      </c>
      <c r="C4525" s="1" t="s">
        <v>19505</v>
      </c>
      <c r="D4525" s="2">
        <v>157353</v>
      </c>
      <c r="E4525" s="1" t="s">
        <v>0</v>
      </c>
    </row>
    <row r="4526" spans="1:5" x14ac:dyDescent="0.25">
      <c r="A4526" s="1" t="s">
        <v>19506</v>
      </c>
      <c r="B4526" s="1" t="s">
        <v>57146</v>
      </c>
      <c r="C4526" s="1" t="s">
        <v>19507</v>
      </c>
      <c r="D4526" s="2">
        <v>157354</v>
      </c>
      <c r="E4526" s="1" t="s">
        <v>0</v>
      </c>
    </row>
    <row r="4527" spans="1:5" x14ac:dyDescent="0.25">
      <c r="A4527" s="2">
        <v>905</v>
      </c>
      <c r="B4527" s="2">
        <v>905</v>
      </c>
      <c r="C4527" s="1" t="s">
        <v>0</v>
      </c>
      <c r="D4527" s="2">
        <v>157355</v>
      </c>
      <c r="E4527" s="1" t="s">
        <v>0</v>
      </c>
    </row>
    <row r="4528" spans="1:5" x14ac:dyDescent="0.25">
      <c r="A4528" s="1" t="s">
        <v>831</v>
      </c>
      <c r="B4528" s="1" t="s">
        <v>6286</v>
      </c>
      <c r="C4528" s="1" t="s">
        <v>19508</v>
      </c>
      <c r="D4528" s="2">
        <v>157356</v>
      </c>
      <c r="E4528" s="1" t="s">
        <v>0</v>
      </c>
    </row>
    <row r="4529" spans="1:5" x14ac:dyDescent="0.25">
      <c r="A4529" s="1" t="s">
        <v>19509</v>
      </c>
      <c r="B4529" s="1" t="s">
        <v>52068</v>
      </c>
      <c r="C4529" s="1" t="s">
        <v>19510</v>
      </c>
      <c r="D4529" s="2">
        <v>157357</v>
      </c>
      <c r="E4529" s="1" t="s">
        <v>0</v>
      </c>
    </row>
    <row r="4530" spans="1:5" ht="409.5" x14ac:dyDescent="0.25">
      <c r="A4530" s="4" t="s">
        <v>19511</v>
      </c>
      <c r="B4530" s="1" t="s">
        <v>52069</v>
      </c>
      <c r="C4530" s="1" t="s">
        <v>19512</v>
      </c>
      <c r="D4530" s="2">
        <v>157358</v>
      </c>
      <c r="E4530" s="1" t="s">
        <v>0</v>
      </c>
    </row>
    <row r="4531" spans="1:5" x14ac:dyDescent="0.25">
      <c r="A4531" s="1" t="s">
        <v>19513</v>
      </c>
      <c r="B4531" s="1" t="s">
        <v>52070</v>
      </c>
      <c r="C4531" s="1" t="s">
        <v>19514</v>
      </c>
      <c r="D4531" s="2">
        <v>157359</v>
      </c>
      <c r="E4531" s="1" t="s">
        <v>0</v>
      </c>
    </row>
    <row r="4532" spans="1:5" x14ac:dyDescent="0.25">
      <c r="A4532" s="2">
        <v>906</v>
      </c>
      <c r="B4532" s="2">
        <v>906</v>
      </c>
      <c r="C4532" s="1" t="s">
        <v>0</v>
      </c>
      <c r="D4532" s="2">
        <v>157360</v>
      </c>
      <c r="E4532" s="1" t="s">
        <v>0</v>
      </c>
    </row>
    <row r="4533" spans="1:5" x14ac:dyDescent="0.25">
      <c r="A4533" s="1" t="s">
        <v>832</v>
      </c>
      <c r="B4533" s="1" t="s">
        <v>6287</v>
      </c>
      <c r="C4533" s="1" t="s">
        <v>833</v>
      </c>
      <c r="D4533" s="2">
        <v>157361</v>
      </c>
      <c r="E4533" s="1" t="s">
        <v>0</v>
      </c>
    </row>
    <row r="4534" spans="1:5" x14ac:dyDescent="0.25">
      <c r="A4534" s="1" t="s">
        <v>19515</v>
      </c>
      <c r="B4534" s="1" t="s">
        <v>58981</v>
      </c>
      <c r="C4534" s="1" t="s">
        <v>19516</v>
      </c>
      <c r="D4534" s="2">
        <v>157362</v>
      </c>
      <c r="E4534" s="1" t="s">
        <v>0</v>
      </c>
    </row>
    <row r="4535" spans="1:5" ht="409.5" x14ac:dyDescent="0.25">
      <c r="A4535" s="4" t="s">
        <v>19517</v>
      </c>
      <c r="B4535" s="1" t="s">
        <v>58982</v>
      </c>
      <c r="C4535" s="1" t="s">
        <v>19518</v>
      </c>
      <c r="D4535" s="2">
        <v>157363</v>
      </c>
      <c r="E4535" s="1" t="s">
        <v>0</v>
      </c>
    </row>
    <row r="4536" spans="1:5" x14ac:dyDescent="0.25">
      <c r="A4536" s="1" t="s">
        <v>19519</v>
      </c>
      <c r="B4536" s="1" t="s">
        <v>6288</v>
      </c>
      <c r="C4536" s="1" t="s">
        <v>19520</v>
      </c>
      <c r="D4536" s="2">
        <v>157364</v>
      </c>
      <c r="E4536" s="1" t="s">
        <v>0</v>
      </c>
    </row>
    <row r="4537" spans="1:5" x14ac:dyDescent="0.25">
      <c r="A4537" s="2">
        <v>907</v>
      </c>
      <c r="B4537" s="2">
        <v>907</v>
      </c>
      <c r="C4537" s="1" t="s">
        <v>0</v>
      </c>
      <c r="D4537" s="2">
        <v>157365</v>
      </c>
      <c r="E4537" s="1" t="s">
        <v>0</v>
      </c>
    </row>
    <row r="4538" spans="1:5" x14ac:dyDescent="0.25">
      <c r="A4538" s="1" t="s">
        <v>834</v>
      </c>
      <c r="B4538" s="1" t="s">
        <v>52071</v>
      </c>
      <c r="C4538" s="1" t="s">
        <v>19521</v>
      </c>
      <c r="D4538" s="2">
        <v>157366</v>
      </c>
      <c r="E4538" s="1" t="s">
        <v>0</v>
      </c>
    </row>
    <row r="4539" spans="1:5" x14ac:dyDescent="0.25">
      <c r="A4539" s="1" t="s">
        <v>19522</v>
      </c>
      <c r="B4539" s="1" t="s">
        <v>6289</v>
      </c>
      <c r="C4539" s="1" t="s">
        <v>19523</v>
      </c>
      <c r="D4539" s="2">
        <v>157367</v>
      </c>
      <c r="E4539" s="1" t="s">
        <v>0</v>
      </c>
    </row>
    <row r="4540" spans="1:5" ht="409.5" x14ac:dyDescent="0.25">
      <c r="A4540" s="4" t="s">
        <v>19524</v>
      </c>
      <c r="B4540" s="1" t="s">
        <v>57743</v>
      </c>
      <c r="C4540" s="1" t="s">
        <v>19525</v>
      </c>
      <c r="D4540" s="2">
        <v>157368</v>
      </c>
      <c r="E4540" s="1" t="s">
        <v>0</v>
      </c>
    </row>
    <row r="4541" spans="1:5" x14ac:dyDescent="0.25">
      <c r="A4541" s="1" t="s">
        <v>19526</v>
      </c>
      <c r="B4541" s="1" t="s">
        <v>52072</v>
      </c>
      <c r="C4541" s="1" t="s">
        <v>19527</v>
      </c>
      <c r="D4541" s="2">
        <v>157369</v>
      </c>
      <c r="E4541" s="1" t="s">
        <v>0</v>
      </c>
    </row>
    <row r="4542" spans="1:5" x14ac:dyDescent="0.25">
      <c r="A4542" s="2">
        <v>908</v>
      </c>
      <c r="B4542" s="2">
        <v>908</v>
      </c>
      <c r="C4542" s="1" t="s">
        <v>0</v>
      </c>
      <c r="D4542" s="2">
        <v>157370</v>
      </c>
      <c r="E4542" s="1" t="s">
        <v>0</v>
      </c>
    </row>
    <row r="4543" spans="1:5" x14ac:dyDescent="0.25">
      <c r="A4543" s="1" t="s">
        <v>835</v>
      </c>
      <c r="B4543" s="1" t="s">
        <v>6290</v>
      </c>
      <c r="C4543" s="1" t="s">
        <v>19528</v>
      </c>
      <c r="D4543" s="2">
        <v>157371</v>
      </c>
      <c r="E4543" s="1" t="s">
        <v>0</v>
      </c>
    </row>
    <row r="4544" spans="1:5" x14ac:dyDescent="0.25">
      <c r="A4544" s="1" t="s">
        <v>19529</v>
      </c>
      <c r="B4544" s="1" t="s">
        <v>6291</v>
      </c>
      <c r="C4544" s="1" t="s">
        <v>19530</v>
      </c>
      <c r="D4544" s="2">
        <v>157372</v>
      </c>
      <c r="E4544" s="1" t="s">
        <v>0</v>
      </c>
    </row>
    <row r="4545" spans="1:5" ht="409.5" x14ac:dyDescent="0.25">
      <c r="A4545" s="4" t="s">
        <v>19531</v>
      </c>
      <c r="B4545" s="1" t="s">
        <v>6292</v>
      </c>
      <c r="C4545" s="1" t="s">
        <v>19532</v>
      </c>
      <c r="D4545" s="2">
        <v>157373</v>
      </c>
      <c r="E4545" s="1" t="s">
        <v>0</v>
      </c>
    </row>
    <row r="4546" spans="1:5" x14ac:dyDescent="0.25">
      <c r="A4546" s="1" t="s">
        <v>19533</v>
      </c>
      <c r="B4546" s="1" t="s">
        <v>52073</v>
      </c>
      <c r="C4546" s="1" t="s">
        <v>19534</v>
      </c>
      <c r="D4546" s="2">
        <v>157374</v>
      </c>
      <c r="E4546" s="1" t="s">
        <v>0</v>
      </c>
    </row>
    <row r="4547" spans="1:5" x14ac:dyDescent="0.25">
      <c r="A4547" s="2">
        <v>909</v>
      </c>
      <c r="B4547" s="2">
        <v>909</v>
      </c>
      <c r="C4547" s="1" t="s">
        <v>0</v>
      </c>
      <c r="D4547" s="2">
        <v>157375</v>
      </c>
      <c r="E4547" s="1" t="s">
        <v>0</v>
      </c>
    </row>
    <row r="4548" spans="1:5" x14ac:dyDescent="0.25">
      <c r="A4548" s="1" t="s">
        <v>836</v>
      </c>
      <c r="B4548" s="1" t="s">
        <v>52074</v>
      </c>
      <c r="C4548" s="1" t="s">
        <v>19535</v>
      </c>
      <c r="D4548" s="2">
        <v>157376</v>
      </c>
      <c r="E4548" s="1" t="s">
        <v>0</v>
      </c>
    </row>
    <row r="4549" spans="1:5" x14ac:dyDescent="0.25">
      <c r="A4549" s="1" t="s">
        <v>19536</v>
      </c>
      <c r="B4549" s="1" t="s">
        <v>61594</v>
      </c>
      <c r="C4549" s="1" t="s">
        <v>19537</v>
      </c>
      <c r="D4549" s="2">
        <v>157377</v>
      </c>
      <c r="E4549" s="1" t="s">
        <v>0</v>
      </c>
    </row>
    <row r="4550" spans="1:5" ht="409.5" x14ac:dyDescent="0.25">
      <c r="A4550" s="4" t="s">
        <v>19538</v>
      </c>
      <c r="B4550" s="1" t="s">
        <v>63235</v>
      </c>
      <c r="C4550" s="1" t="s">
        <v>19539</v>
      </c>
      <c r="D4550" s="2">
        <v>157378</v>
      </c>
      <c r="E4550" s="1" t="s">
        <v>0</v>
      </c>
    </row>
    <row r="4551" spans="1:5" x14ac:dyDescent="0.25">
      <c r="A4551" s="1" t="s">
        <v>19540</v>
      </c>
      <c r="B4551" s="1" t="s">
        <v>61595</v>
      </c>
      <c r="C4551" s="1" t="s">
        <v>19541</v>
      </c>
      <c r="D4551" s="2">
        <v>157379</v>
      </c>
      <c r="E4551" s="1" t="s">
        <v>0</v>
      </c>
    </row>
    <row r="4552" spans="1:5" x14ac:dyDescent="0.25">
      <c r="A4552" s="2">
        <v>910</v>
      </c>
      <c r="B4552" s="2">
        <v>910</v>
      </c>
      <c r="C4552" s="1" t="s">
        <v>0</v>
      </c>
      <c r="D4552" s="2">
        <v>157380</v>
      </c>
      <c r="E4552" s="1" t="s">
        <v>0</v>
      </c>
    </row>
    <row r="4553" spans="1:5" x14ac:dyDescent="0.25">
      <c r="A4553" s="1" t="s">
        <v>837</v>
      </c>
      <c r="B4553" s="1" t="s">
        <v>50471</v>
      </c>
      <c r="C4553" s="1" t="s">
        <v>19542</v>
      </c>
      <c r="D4553" s="2">
        <v>157381</v>
      </c>
      <c r="E4553" s="1" t="s">
        <v>0</v>
      </c>
    </row>
    <row r="4554" spans="1:5" x14ac:dyDescent="0.25">
      <c r="A4554" s="1" t="s">
        <v>19543</v>
      </c>
      <c r="B4554" s="1" t="s">
        <v>52075</v>
      </c>
      <c r="C4554" s="1" t="s">
        <v>19544</v>
      </c>
      <c r="D4554" s="2">
        <v>157382</v>
      </c>
      <c r="E4554" s="1" t="s">
        <v>0</v>
      </c>
    </row>
    <row r="4555" spans="1:5" ht="409.5" x14ac:dyDescent="0.25">
      <c r="A4555" s="4" t="s">
        <v>19545</v>
      </c>
      <c r="B4555" s="1" t="s">
        <v>52076</v>
      </c>
      <c r="C4555" s="1" t="s">
        <v>19546</v>
      </c>
      <c r="D4555" s="2">
        <v>157383</v>
      </c>
      <c r="E4555" s="1" t="s">
        <v>0</v>
      </c>
    </row>
    <row r="4556" spans="1:5" x14ac:dyDescent="0.25">
      <c r="A4556" s="1" t="s">
        <v>13413</v>
      </c>
      <c r="B4556" s="1" t="s">
        <v>60845</v>
      </c>
      <c r="C4556" s="1" t="s">
        <v>13414</v>
      </c>
      <c r="D4556" s="2">
        <v>157384</v>
      </c>
      <c r="E4556" s="1" t="s">
        <v>0</v>
      </c>
    </row>
    <row r="4557" spans="1:5" x14ac:dyDescent="0.25">
      <c r="A4557" s="2">
        <v>911</v>
      </c>
      <c r="B4557" s="2">
        <v>911</v>
      </c>
      <c r="C4557" s="1" t="s">
        <v>0</v>
      </c>
      <c r="D4557" s="2">
        <v>157385</v>
      </c>
      <c r="E4557" s="1" t="s">
        <v>0</v>
      </c>
    </row>
    <row r="4558" spans="1:5" x14ac:dyDescent="0.25">
      <c r="A4558" s="1" t="s">
        <v>838</v>
      </c>
      <c r="B4558" s="1" t="s">
        <v>52077</v>
      </c>
      <c r="C4558" s="1" t="s">
        <v>19547</v>
      </c>
      <c r="D4558" s="2">
        <v>157386</v>
      </c>
      <c r="E4558" s="1" t="s">
        <v>0</v>
      </c>
    </row>
    <row r="4559" spans="1:5" x14ac:dyDescent="0.25">
      <c r="A4559" s="1" t="s">
        <v>19548</v>
      </c>
      <c r="B4559" s="1" t="s">
        <v>52078</v>
      </c>
      <c r="C4559" s="1" t="s">
        <v>19549</v>
      </c>
      <c r="D4559" s="2">
        <v>157387</v>
      </c>
      <c r="E4559" s="1" t="s">
        <v>0</v>
      </c>
    </row>
    <row r="4560" spans="1:5" ht="409.5" x14ac:dyDescent="0.25">
      <c r="A4560" s="4" t="s">
        <v>19550</v>
      </c>
      <c r="B4560" s="1" t="s">
        <v>63236</v>
      </c>
      <c r="C4560" s="1" t="s">
        <v>19551</v>
      </c>
      <c r="D4560" s="2">
        <v>157388</v>
      </c>
      <c r="E4560" s="1" t="s">
        <v>0</v>
      </c>
    </row>
    <row r="4561" spans="1:5" x14ac:dyDescent="0.25">
      <c r="A4561" s="1" t="s">
        <v>19552</v>
      </c>
      <c r="B4561" s="1" t="s">
        <v>50472</v>
      </c>
      <c r="C4561" s="1" t="s">
        <v>19553</v>
      </c>
      <c r="D4561" s="2">
        <v>157389</v>
      </c>
      <c r="E4561" s="1" t="s">
        <v>0</v>
      </c>
    </row>
    <row r="4562" spans="1:5" x14ac:dyDescent="0.25">
      <c r="A4562" s="2">
        <v>912</v>
      </c>
      <c r="B4562" s="2">
        <v>912</v>
      </c>
      <c r="C4562" s="1" t="s">
        <v>0</v>
      </c>
      <c r="D4562" s="2">
        <v>157390</v>
      </c>
      <c r="E4562" s="1" t="s">
        <v>0</v>
      </c>
    </row>
    <row r="4563" spans="1:5" x14ac:dyDescent="0.25">
      <c r="A4563" s="1" t="s">
        <v>839</v>
      </c>
      <c r="B4563" s="1" t="s">
        <v>50473</v>
      </c>
      <c r="C4563" s="1" t="s">
        <v>19554</v>
      </c>
      <c r="D4563" s="2">
        <v>157391</v>
      </c>
      <c r="E4563" s="1" t="s">
        <v>0</v>
      </c>
    </row>
    <row r="4564" spans="1:5" x14ac:dyDescent="0.25">
      <c r="A4564" s="1" t="s">
        <v>19555</v>
      </c>
      <c r="B4564" s="1" t="s">
        <v>58223</v>
      </c>
      <c r="C4564" s="1" t="s">
        <v>19556</v>
      </c>
      <c r="D4564" s="2">
        <v>157392</v>
      </c>
      <c r="E4564" s="1" t="s">
        <v>0</v>
      </c>
    </row>
    <row r="4565" spans="1:5" ht="409.5" x14ac:dyDescent="0.25">
      <c r="A4565" s="4" t="s">
        <v>19557</v>
      </c>
      <c r="B4565" s="1" t="s">
        <v>58224</v>
      </c>
      <c r="C4565" s="1" t="s">
        <v>19558</v>
      </c>
      <c r="D4565" s="2">
        <v>157393</v>
      </c>
      <c r="E4565" s="1" t="s">
        <v>0</v>
      </c>
    </row>
    <row r="4566" spans="1:5" x14ac:dyDescent="0.25">
      <c r="A4566" s="1" t="s">
        <v>19559</v>
      </c>
      <c r="B4566" s="1" t="s">
        <v>50474</v>
      </c>
      <c r="C4566" s="1" t="s">
        <v>19560</v>
      </c>
      <c r="D4566" s="2">
        <v>157394</v>
      </c>
      <c r="E4566" s="1" t="s">
        <v>0</v>
      </c>
    </row>
    <row r="4567" spans="1:5" x14ac:dyDescent="0.25">
      <c r="A4567" s="2">
        <v>913</v>
      </c>
      <c r="B4567" s="2">
        <v>913</v>
      </c>
      <c r="C4567" s="1" t="s">
        <v>0</v>
      </c>
      <c r="D4567" s="2">
        <v>157395</v>
      </c>
      <c r="E4567" s="1" t="s">
        <v>0</v>
      </c>
    </row>
    <row r="4568" spans="1:5" x14ac:dyDescent="0.25">
      <c r="A4568" s="1" t="s">
        <v>840</v>
      </c>
      <c r="B4568" s="1" t="s">
        <v>6293</v>
      </c>
      <c r="C4568" s="1" t="s">
        <v>19561</v>
      </c>
      <c r="D4568" s="2">
        <v>157396</v>
      </c>
      <c r="E4568" s="1" t="s">
        <v>0</v>
      </c>
    </row>
    <row r="4569" spans="1:5" x14ac:dyDescent="0.25">
      <c r="A4569" s="1" t="s">
        <v>19562</v>
      </c>
      <c r="B4569" s="1" t="s">
        <v>61479</v>
      </c>
      <c r="C4569" s="1" t="s">
        <v>19563</v>
      </c>
      <c r="D4569" s="2">
        <v>157397</v>
      </c>
      <c r="E4569" s="1" t="s">
        <v>0</v>
      </c>
    </row>
    <row r="4570" spans="1:5" ht="409.5" x14ac:dyDescent="0.25">
      <c r="A4570" s="4" t="s">
        <v>19564</v>
      </c>
      <c r="B4570" s="1" t="s">
        <v>61480</v>
      </c>
      <c r="C4570" s="1" t="s">
        <v>19565</v>
      </c>
      <c r="D4570" s="2">
        <v>157398</v>
      </c>
      <c r="E4570" s="1" t="s">
        <v>0</v>
      </c>
    </row>
    <row r="4571" spans="1:5" x14ac:dyDescent="0.25">
      <c r="A4571" s="1" t="s">
        <v>19566</v>
      </c>
      <c r="B4571" s="1" t="s">
        <v>57424</v>
      </c>
      <c r="C4571" s="1" t="s">
        <v>6294</v>
      </c>
      <c r="D4571" s="2">
        <v>157399</v>
      </c>
      <c r="E4571" s="1" t="s">
        <v>0</v>
      </c>
    </row>
    <row r="4572" spans="1:5" x14ac:dyDescent="0.25">
      <c r="A4572" s="2">
        <v>914</v>
      </c>
      <c r="B4572" s="2">
        <v>914</v>
      </c>
      <c r="C4572" s="1" t="s">
        <v>0</v>
      </c>
      <c r="D4572" s="2">
        <v>157400</v>
      </c>
      <c r="E4572" s="1" t="s">
        <v>0</v>
      </c>
    </row>
    <row r="4573" spans="1:5" x14ac:dyDescent="0.25">
      <c r="A4573" s="1" t="s">
        <v>841</v>
      </c>
      <c r="B4573" s="1" t="s">
        <v>58225</v>
      </c>
      <c r="C4573" s="1" t="s">
        <v>19567</v>
      </c>
      <c r="D4573" s="2">
        <v>157401</v>
      </c>
      <c r="E4573" s="1" t="s">
        <v>0</v>
      </c>
    </row>
    <row r="4574" spans="1:5" x14ac:dyDescent="0.25">
      <c r="A4574" s="1" t="s">
        <v>19568</v>
      </c>
      <c r="B4574" s="1" t="s">
        <v>58226</v>
      </c>
      <c r="C4574" s="1" t="s">
        <v>19569</v>
      </c>
      <c r="D4574" s="2">
        <v>157402</v>
      </c>
      <c r="E4574" s="1" t="s">
        <v>0</v>
      </c>
    </row>
    <row r="4575" spans="1:5" ht="409.5" x14ac:dyDescent="0.25">
      <c r="A4575" s="4" t="s">
        <v>19570</v>
      </c>
      <c r="B4575" s="1" t="s">
        <v>62134</v>
      </c>
      <c r="C4575" s="1" t="s">
        <v>19571</v>
      </c>
      <c r="D4575" s="2">
        <v>157403</v>
      </c>
      <c r="E4575" s="1" t="s">
        <v>0</v>
      </c>
    </row>
    <row r="4576" spans="1:5" x14ac:dyDescent="0.25">
      <c r="A4576" s="1" t="s">
        <v>19572</v>
      </c>
      <c r="B4576" s="1" t="s">
        <v>58227</v>
      </c>
      <c r="C4576" s="1" t="s">
        <v>19573</v>
      </c>
      <c r="D4576" s="2">
        <v>157404</v>
      </c>
      <c r="E4576" s="1" t="s">
        <v>0</v>
      </c>
    </row>
    <row r="4577" spans="1:5" x14ac:dyDescent="0.25">
      <c r="A4577" s="2">
        <v>915</v>
      </c>
      <c r="B4577" s="2">
        <v>915</v>
      </c>
      <c r="C4577" s="1" t="s">
        <v>0</v>
      </c>
      <c r="D4577" s="2">
        <v>157405</v>
      </c>
      <c r="E4577" s="1" t="s">
        <v>0</v>
      </c>
    </row>
    <row r="4578" spans="1:5" x14ac:dyDescent="0.25">
      <c r="A4578" s="1" t="s">
        <v>842</v>
      </c>
      <c r="B4578" s="1" t="s">
        <v>6295</v>
      </c>
      <c r="C4578" s="1" t="s">
        <v>19574</v>
      </c>
      <c r="D4578" s="2">
        <v>157406</v>
      </c>
      <c r="E4578" s="1" t="s">
        <v>0</v>
      </c>
    </row>
    <row r="4579" spans="1:5" x14ac:dyDescent="0.25">
      <c r="A4579" s="1" t="s">
        <v>19575</v>
      </c>
      <c r="B4579" s="1" t="s">
        <v>50475</v>
      </c>
      <c r="C4579" s="1" t="s">
        <v>19576</v>
      </c>
      <c r="D4579" s="2">
        <v>157407</v>
      </c>
      <c r="E4579" s="1" t="s">
        <v>0</v>
      </c>
    </row>
    <row r="4580" spans="1:5" ht="409.5" x14ac:dyDescent="0.25">
      <c r="A4580" s="4" t="s">
        <v>19577</v>
      </c>
      <c r="B4580" s="1" t="s">
        <v>59570</v>
      </c>
      <c r="C4580" s="1" t="s">
        <v>19578</v>
      </c>
      <c r="D4580" s="2">
        <v>157408</v>
      </c>
      <c r="E4580" s="1" t="s">
        <v>0</v>
      </c>
    </row>
    <row r="4581" spans="1:5" x14ac:dyDescent="0.25">
      <c r="A4581" s="1" t="s">
        <v>19579</v>
      </c>
      <c r="B4581" s="1" t="s">
        <v>52079</v>
      </c>
      <c r="C4581" s="1" t="s">
        <v>19580</v>
      </c>
      <c r="D4581" s="2">
        <v>157409</v>
      </c>
      <c r="E4581" s="1" t="s">
        <v>0</v>
      </c>
    </row>
    <row r="4582" spans="1:5" x14ac:dyDescent="0.25">
      <c r="A4582" s="2">
        <v>916</v>
      </c>
      <c r="B4582" s="2">
        <v>916</v>
      </c>
      <c r="C4582" s="1" t="s">
        <v>0</v>
      </c>
      <c r="D4582" s="2">
        <v>157410</v>
      </c>
      <c r="E4582" s="1" t="s">
        <v>0</v>
      </c>
    </row>
    <row r="4583" spans="1:5" x14ac:dyDescent="0.25">
      <c r="A4583" s="1" t="s">
        <v>843</v>
      </c>
      <c r="B4583" s="1" t="s">
        <v>6296</v>
      </c>
      <c r="C4583" s="1" t="s">
        <v>19581</v>
      </c>
      <c r="D4583" s="2">
        <v>157411</v>
      </c>
      <c r="E4583" s="1" t="s">
        <v>0</v>
      </c>
    </row>
    <row r="4584" spans="1:5" x14ac:dyDescent="0.25">
      <c r="A4584" s="1" t="s">
        <v>19582</v>
      </c>
      <c r="B4584" s="1" t="s">
        <v>52080</v>
      </c>
      <c r="C4584" s="1" t="s">
        <v>19583</v>
      </c>
      <c r="D4584" s="2">
        <v>157412</v>
      </c>
      <c r="E4584" s="1" t="s">
        <v>0</v>
      </c>
    </row>
    <row r="4585" spans="1:5" ht="409.5" x14ac:dyDescent="0.25">
      <c r="A4585" s="4" t="s">
        <v>19584</v>
      </c>
      <c r="B4585" s="1" t="s">
        <v>52081</v>
      </c>
      <c r="C4585" s="1" t="s">
        <v>19585</v>
      </c>
      <c r="D4585" s="2">
        <v>157413</v>
      </c>
      <c r="E4585" s="1" t="s">
        <v>0</v>
      </c>
    </row>
    <row r="4586" spans="1:5" x14ac:dyDescent="0.25">
      <c r="A4586" s="1" t="s">
        <v>19586</v>
      </c>
      <c r="B4586" s="1" t="s">
        <v>52082</v>
      </c>
      <c r="C4586" s="1" t="s">
        <v>19587</v>
      </c>
      <c r="D4586" s="2">
        <v>157414</v>
      </c>
      <c r="E4586" s="1" t="s">
        <v>0</v>
      </c>
    </row>
    <row r="4587" spans="1:5" x14ac:dyDescent="0.25">
      <c r="A4587" s="2">
        <v>917</v>
      </c>
      <c r="B4587" s="2">
        <v>917</v>
      </c>
      <c r="C4587" s="1" t="s">
        <v>0</v>
      </c>
      <c r="D4587" s="2">
        <v>157415</v>
      </c>
      <c r="E4587" s="1" t="s">
        <v>0</v>
      </c>
    </row>
    <row r="4588" spans="1:5" x14ac:dyDescent="0.25">
      <c r="A4588" s="1" t="s">
        <v>844</v>
      </c>
      <c r="B4588" s="1" t="s">
        <v>6297</v>
      </c>
      <c r="C4588" s="1" t="s">
        <v>19588</v>
      </c>
      <c r="D4588" s="2">
        <v>157416</v>
      </c>
      <c r="E4588" s="1" t="s">
        <v>0</v>
      </c>
    </row>
    <row r="4589" spans="1:5" x14ac:dyDescent="0.25">
      <c r="A4589" s="1" t="s">
        <v>19589</v>
      </c>
      <c r="B4589" s="1" t="s">
        <v>6298</v>
      </c>
      <c r="C4589" s="1" t="s">
        <v>19590</v>
      </c>
      <c r="D4589" s="2">
        <v>157417</v>
      </c>
      <c r="E4589" s="1" t="s">
        <v>0</v>
      </c>
    </row>
    <row r="4590" spans="1:5" ht="409.5" x14ac:dyDescent="0.25">
      <c r="A4590" s="4" t="s">
        <v>19591</v>
      </c>
      <c r="B4590" s="1" t="s">
        <v>62135</v>
      </c>
      <c r="C4590" s="1" t="s">
        <v>19592</v>
      </c>
      <c r="D4590" s="2">
        <v>157418</v>
      </c>
      <c r="E4590" s="1" t="s">
        <v>0</v>
      </c>
    </row>
    <row r="4591" spans="1:5" x14ac:dyDescent="0.25">
      <c r="A4591" s="1" t="s">
        <v>19593</v>
      </c>
      <c r="B4591" s="1" t="s">
        <v>61596</v>
      </c>
      <c r="C4591" s="1" t="s">
        <v>19594</v>
      </c>
      <c r="D4591" s="2">
        <v>157419</v>
      </c>
      <c r="E4591" s="1" t="s">
        <v>0</v>
      </c>
    </row>
    <row r="4592" spans="1:5" x14ac:dyDescent="0.25">
      <c r="A4592" s="2">
        <v>918</v>
      </c>
      <c r="B4592" s="2">
        <v>918</v>
      </c>
      <c r="C4592" s="1" t="s">
        <v>0</v>
      </c>
      <c r="D4592" s="2">
        <v>157420</v>
      </c>
      <c r="E4592" s="1" t="s">
        <v>0</v>
      </c>
    </row>
    <row r="4593" spans="1:5" x14ac:dyDescent="0.25">
      <c r="A4593" s="1" t="s">
        <v>845</v>
      </c>
      <c r="B4593" s="1" t="s">
        <v>6299</v>
      </c>
      <c r="C4593" s="1" t="s">
        <v>19595</v>
      </c>
      <c r="D4593" s="2">
        <v>157421</v>
      </c>
      <c r="E4593" s="1" t="s">
        <v>0</v>
      </c>
    </row>
    <row r="4594" spans="1:5" x14ac:dyDescent="0.25">
      <c r="A4594" s="1" t="s">
        <v>19596</v>
      </c>
      <c r="B4594" s="1" t="s">
        <v>58983</v>
      </c>
      <c r="C4594" s="1" t="s">
        <v>19597</v>
      </c>
      <c r="D4594" s="2">
        <v>157422</v>
      </c>
      <c r="E4594" s="1" t="s">
        <v>0</v>
      </c>
    </row>
    <row r="4595" spans="1:5" ht="409.5" x14ac:dyDescent="0.25">
      <c r="A4595" s="4" t="s">
        <v>19598</v>
      </c>
      <c r="B4595" s="1" t="s">
        <v>58984</v>
      </c>
      <c r="C4595" s="1" t="s">
        <v>19599</v>
      </c>
      <c r="D4595" s="2">
        <v>157423</v>
      </c>
      <c r="E4595" s="1" t="s">
        <v>0</v>
      </c>
    </row>
    <row r="4596" spans="1:5" x14ac:dyDescent="0.25">
      <c r="A4596" s="1" t="s">
        <v>19600</v>
      </c>
      <c r="B4596" s="1" t="s">
        <v>58985</v>
      </c>
      <c r="C4596" s="1" t="s">
        <v>19601</v>
      </c>
      <c r="D4596" s="2">
        <v>157424</v>
      </c>
      <c r="E4596" s="1" t="s">
        <v>0</v>
      </c>
    </row>
    <row r="4597" spans="1:5" x14ac:dyDescent="0.25">
      <c r="A4597" s="2">
        <v>919</v>
      </c>
      <c r="B4597" s="2">
        <v>919</v>
      </c>
      <c r="C4597" s="1" t="s">
        <v>0</v>
      </c>
      <c r="D4597" s="2">
        <v>157425</v>
      </c>
      <c r="E4597" s="1" t="s">
        <v>0</v>
      </c>
    </row>
    <row r="4598" spans="1:5" x14ac:dyDescent="0.25">
      <c r="A4598" s="1" t="s">
        <v>846</v>
      </c>
      <c r="B4598" s="1" t="s">
        <v>6300</v>
      </c>
      <c r="C4598" s="1" t="s">
        <v>19602</v>
      </c>
      <c r="D4598" s="2">
        <v>157426</v>
      </c>
      <c r="E4598" s="1" t="s">
        <v>0</v>
      </c>
    </row>
    <row r="4599" spans="1:5" x14ac:dyDescent="0.25">
      <c r="A4599" s="1" t="s">
        <v>19603</v>
      </c>
      <c r="B4599" s="1" t="s">
        <v>52083</v>
      </c>
      <c r="C4599" s="1" t="s">
        <v>19604</v>
      </c>
      <c r="D4599" s="2">
        <v>157427</v>
      </c>
      <c r="E4599" s="1" t="s">
        <v>0</v>
      </c>
    </row>
    <row r="4600" spans="1:5" ht="409.5" x14ac:dyDescent="0.25">
      <c r="A4600" s="4" t="s">
        <v>19605</v>
      </c>
      <c r="B4600" s="1" t="s">
        <v>52084</v>
      </c>
      <c r="C4600" s="1" t="s">
        <v>19606</v>
      </c>
      <c r="D4600" s="2">
        <v>157428</v>
      </c>
      <c r="E4600" s="1" t="s">
        <v>0</v>
      </c>
    </row>
    <row r="4601" spans="1:5" x14ac:dyDescent="0.25">
      <c r="A4601" s="1" t="s">
        <v>19607</v>
      </c>
      <c r="B4601" s="1" t="s">
        <v>52085</v>
      </c>
      <c r="C4601" s="1" t="s">
        <v>19608</v>
      </c>
      <c r="D4601" s="2">
        <v>157429</v>
      </c>
      <c r="E4601" s="1" t="s">
        <v>0</v>
      </c>
    </row>
    <row r="4602" spans="1:5" x14ac:dyDescent="0.25">
      <c r="A4602" s="2">
        <v>920</v>
      </c>
      <c r="B4602" s="2">
        <v>920</v>
      </c>
      <c r="C4602" s="1" t="s">
        <v>0</v>
      </c>
      <c r="D4602" s="2">
        <v>157430</v>
      </c>
      <c r="E4602" s="1" t="s">
        <v>0</v>
      </c>
    </row>
    <row r="4603" spans="1:5" x14ac:dyDescent="0.25">
      <c r="A4603" s="1" t="s">
        <v>847</v>
      </c>
      <c r="B4603" s="1" t="s">
        <v>50476</v>
      </c>
      <c r="C4603" s="1" t="s">
        <v>19609</v>
      </c>
      <c r="D4603" s="2">
        <v>157431</v>
      </c>
      <c r="E4603" s="1" t="s">
        <v>0</v>
      </c>
    </row>
    <row r="4604" spans="1:5" x14ac:dyDescent="0.25">
      <c r="A4604" s="1" t="s">
        <v>19610</v>
      </c>
      <c r="B4604" s="1" t="s">
        <v>52086</v>
      </c>
      <c r="C4604" s="1" t="s">
        <v>19611</v>
      </c>
      <c r="D4604" s="2">
        <v>157432</v>
      </c>
      <c r="E4604" s="1" t="s">
        <v>0</v>
      </c>
    </row>
    <row r="4605" spans="1:5" ht="409.5" x14ac:dyDescent="0.25">
      <c r="A4605" s="4" t="s">
        <v>19612</v>
      </c>
      <c r="B4605" s="1" t="s">
        <v>57425</v>
      </c>
      <c r="C4605" s="1" t="s">
        <v>19613</v>
      </c>
      <c r="D4605" s="2">
        <v>157433</v>
      </c>
      <c r="E4605" s="1" t="s">
        <v>0</v>
      </c>
    </row>
    <row r="4606" spans="1:5" x14ac:dyDescent="0.25">
      <c r="A4606" s="1" t="s">
        <v>19614</v>
      </c>
      <c r="B4606" s="1" t="s">
        <v>52087</v>
      </c>
      <c r="C4606" s="1" t="s">
        <v>19615</v>
      </c>
      <c r="D4606" s="2">
        <v>157434</v>
      </c>
      <c r="E4606" s="1" t="s">
        <v>0</v>
      </c>
    </row>
    <row r="4607" spans="1:5" x14ac:dyDescent="0.25">
      <c r="A4607" s="2">
        <v>921</v>
      </c>
      <c r="B4607" s="2">
        <v>921</v>
      </c>
      <c r="C4607" s="1" t="s">
        <v>0</v>
      </c>
      <c r="D4607" s="2">
        <v>157435</v>
      </c>
      <c r="E4607" s="1" t="s">
        <v>0</v>
      </c>
    </row>
    <row r="4608" spans="1:5" x14ac:dyDescent="0.25">
      <c r="A4608" s="1" t="s">
        <v>848</v>
      </c>
      <c r="B4608" s="1" t="s">
        <v>6301</v>
      </c>
      <c r="C4608" s="1" t="s">
        <v>19616</v>
      </c>
      <c r="D4608" s="2">
        <v>157436</v>
      </c>
      <c r="E4608" s="1" t="s">
        <v>0</v>
      </c>
    </row>
    <row r="4609" spans="1:5" x14ac:dyDescent="0.25">
      <c r="A4609" s="1" t="s">
        <v>19617</v>
      </c>
      <c r="B4609" s="1" t="s">
        <v>59821</v>
      </c>
      <c r="C4609" s="1" t="s">
        <v>19618</v>
      </c>
      <c r="D4609" s="2">
        <v>157437</v>
      </c>
      <c r="E4609" s="1" t="s">
        <v>0</v>
      </c>
    </row>
    <row r="4610" spans="1:5" ht="409.5" x14ac:dyDescent="0.25">
      <c r="A4610" s="4" t="s">
        <v>19619</v>
      </c>
      <c r="B4610" s="1" t="s">
        <v>59822</v>
      </c>
      <c r="C4610" s="1" t="s">
        <v>19620</v>
      </c>
      <c r="D4610" s="2">
        <v>157438</v>
      </c>
      <c r="E4610" s="1" t="s">
        <v>0</v>
      </c>
    </row>
    <row r="4611" spans="1:5" x14ac:dyDescent="0.25">
      <c r="A4611" s="1" t="s">
        <v>19621</v>
      </c>
      <c r="B4611" s="1" t="s">
        <v>52088</v>
      </c>
      <c r="C4611" s="1" t="s">
        <v>19622</v>
      </c>
      <c r="D4611" s="2">
        <v>157439</v>
      </c>
      <c r="E4611" s="1" t="s">
        <v>0</v>
      </c>
    </row>
    <row r="4612" spans="1:5" x14ac:dyDescent="0.25">
      <c r="A4612" s="2">
        <v>922</v>
      </c>
      <c r="B4612" s="2">
        <v>922</v>
      </c>
      <c r="C4612" s="1" t="s">
        <v>0</v>
      </c>
      <c r="D4612" s="2">
        <v>157440</v>
      </c>
      <c r="E4612" s="1" t="s">
        <v>0</v>
      </c>
    </row>
    <row r="4613" spans="1:5" x14ac:dyDescent="0.25">
      <c r="A4613" s="1" t="s">
        <v>849</v>
      </c>
      <c r="B4613" s="1" t="s">
        <v>6302</v>
      </c>
      <c r="C4613" s="1" t="s">
        <v>19623</v>
      </c>
      <c r="D4613" s="2">
        <v>157441</v>
      </c>
      <c r="E4613" s="1" t="s">
        <v>0</v>
      </c>
    </row>
    <row r="4614" spans="1:5" x14ac:dyDescent="0.25">
      <c r="A4614" s="1" t="s">
        <v>19624</v>
      </c>
      <c r="B4614" s="1" t="s">
        <v>52089</v>
      </c>
      <c r="C4614" s="1" t="s">
        <v>19625</v>
      </c>
      <c r="D4614" s="2">
        <v>157442</v>
      </c>
      <c r="E4614" s="1" t="s">
        <v>0</v>
      </c>
    </row>
    <row r="4615" spans="1:5" ht="409.5" x14ac:dyDescent="0.25">
      <c r="A4615" s="4" t="s">
        <v>19626</v>
      </c>
      <c r="B4615" s="1" t="s">
        <v>57744</v>
      </c>
      <c r="C4615" s="1" t="s">
        <v>19627</v>
      </c>
      <c r="D4615" s="2">
        <v>157443</v>
      </c>
      <c r="E4615" s="1" t="s">
        <v>0</v>
      </c>
    </row>
    <row r="4616" spans="1:5" x14ac:dyDescent="0.25">
      <c r="A4616" s="1" t="s">
        <v>19628</v>
      </c>
      <c r="B4616" s="1" t="s">
        <v>52090</v>
      </c>
      <c r="C4616" s="1" t="s">
        <v>19629</v>
      </c>
      <c r="D4616" s="2">
        <v>157444</v>
      </c>
      <c r="E4616" s="1" t="s">
        <v>0</v>
      </c>
    </row>
    <row r="4617" spans="1:5" x14ac:dyDescent="0.25">
      <c r="A4617" s="2">
        <v>923</v>
      </c>
      <c r="B4617" s="2">
        <v>923</v>
      </c>
      <c r="C4617" s="1" t="s">
        <v>0</v>
      </c>
      <c r="D4617" s="2">
        <v>157445</v>
      </c>
      <c r="E4617" s="1" t="s">
        <v>0</v>
      </c>
    </row>
    <row r="4618" spans="1:5" x14ac:dyDescent="0.25">
      <c r="A4618" s="1" t="s">
        <v>850</v>
      </c>
      <c r="B4618" s="1" t="s">
        <v>6303</v>
      </c>
      <c r="C4618" s="1" t="s">
        <v>19630</v>
      </c>
      <c r="D4618" s="2">
        <v>157446</v>
      </c>
      <c r="E4618" s="1" t="s">
        <v>0</v>
      </c>
    </row>
    <row r="4619" spans="1:5" x14ac:dyDescent="0.25">
      <c r="A4619" s="1" t="s">
        <v>19631</v>
      </c>
      <c r="B4619" s="1" t="s">
        <v>50477</v>
      </c>
      <c r="C4619" s="1" t="s">
        <v>19632</v>
      </c>
      <c r="D4619" s="2">
        <v>157447</v>
      </c>
      <c r="E4619" s="1" t="s">
        <v>0</v>
      </c>
    </row>
    <row r="4620" spans="1:5" ht="409.5" x14ac:dyDescent="0.25">
      <c r="A4620" s="4" t="s">
        <v>19633</v>
      </c>
      <c r="B4620" s="1" t="s">
        <v>62136</v>
      </c>
      <c r="C4620" s="1" t="s">
        <v>19634</v>
      </c>
      <c r="D4620" s="2">
        <v>157448</v>
      </c>
      <c r="E4620" s="1" t="s">
        <v>0</v>
      </c>
    </row>
    <row r="4621" spans="1:5" x14ac:dyDescent="0.25">
      <c r="A4621" s="1" t="s">
        <v>19635</v>
      </c>
      <c r="B4621" s="1" t="s">
        <v>52091</v>
      </c>
      <c r="C4621" s="1" t="s">
        <v>19636</v>
      </c>
      <c r="D4621" s="2">
        <v>157449</v>
      </c>
      <c r="E4621" s="1" t="s">
        <v>0</v>
      </c>
    </row>
    <row r="4622" spans="1:5" x14ac:dyDescent="0.25">
      <c r="A4622" s="2">
        <v>924</v>
      </c>
      <c r="B4622" s="2">
        <v>924</v>
      </c>
      <c r="C4622" s="1" t="s">
        <v>0</v>
      </c>
      <c r="D4622" s="2">
        <v>157450</v>
      </c>
      <c r="E4622" s="1" t="s">
        <v>0</v>
      </c>
    </row>
    <row r="4623" spans="1:5" x14ac:dyDescent="0.25">
      <c r="A4623" s="1" t="s">
        <v>851</v>
      </c>
      <c r="B4623" s="1" t="s">
        <v>6304</v>
      </c>
      <c r="C4623" s="1" t="s">
        <v>19637</v>
      </c>
      <c r="D4623" s="2">
        <v>157451</v>
      </c>
      <c r="E4623" s="1" t="s">
        <v>0</v>
      </c>
    </row>
    <row r="4624" spans="1:5" x14ac:dyDescent="0.25">
      <c r="A4624" s="1" t="s">
        <v>19638</v>
      </c>
      <c r="B4624" s="1" t="s">
        <v>59823</v>
      </c>
      <c r="C4624" s="1" t="s">
        <v>19639</v>
      </c>
      <c r="D4624" s="2">
        <v>157452</v>
      </c>
      <c r="E4624" s="1" t="s">
        <v>0</v>
      </c>
    </row>
    <row r="4625" spans="1:5" ht="409.5" x14ac:dyDescent="0.25">
      <c r="A4625" s="4" t="s">
        <v>19640</v>
      </c>
      <c r="B4625" s="1" t="s">
        <v>59824</v>
      </c>
      <c r="C4625" s="1" t="s">
        <v>19641</v>
      </c>
      <c r="D4625" s="2">
        <v>157453</v>
      </c>
      <c r="E4625" s="1" t="s">
        <v>0</v>
      </c>
    </row>
    <row r="4626" spans="1:5" x14ac:dyDescent="0.25">
      <c r="A4626" s="1" t="s">
        <v>19642</v>
      </c>
      <c r="B4626" s="1" t="s">
        <v>6305</v>
      </c>
      <c r="C4626" s="1" t="s">
        <v>19643</v>
      </c>
      <c r="D4626" s="2">
        <v>157454</v>
      </c>
      <c r="E4626" s="1" t="s">
        <v>0</v>
      </c>
    </row>
    <row r="4627" spans="1:5" x14ac:dyDescent="0.25">
      <c r="A4627" s="2">
        <v>925</v>
      </c>
      <c r="B4627" s="2">
        <v>925</v>
      </c>
      <c r="C4627" s="1" t="s">
        <v>0</v>
      </c>
      <c r="D4627" s="2">
        <v>157455</v>
      </c>
      <c r="E4627" s="1" t="s">
        <v>0</v>
      </c>
    </row>
    <row r="4628" spans="1:5" x14ac:dyDescent="0.25">
      <c r="A4628" s="1" t="s">
        <v>852</v>
      </c>
      <c r="B4628" s="1" t="s">
        <v>6306</v>
      </c>
      <c r="C4628" s="1" t="s">
        <v>19644</v>
      </c>
      <c r="D4628" s="2">
        <v>157456</v>
      </c>
      <c r="E4628" s="1" t="s">
        <v>0</v>
      </c>
    </row>
    <row r="4629" spans="1:5" x14ac:dyDescent="0.25">
      <c r="A4629" s="1" t="s">
        <v>19645</v>
      </c>
      <c r="B4629" s="1" t="s">
        <v>6307</v>
      </c>
      <c r="C4629" s="1" t="s">
        <v>19646</v>
      </c>
      <c r="D4629" s="2">
        <v>157457</v>
      </c>
      <c r="E4629" s="1" t="s">
        <v>0</v>
      </c>
    </row>
    <row r="4630" spans="1:5" ht="409.5" x14ac:dyDescent="0.25">
      <c r="A4630" s="4" t="s">
        <v>19647</v>
      </c>
      <c r="B4630" s="1" t="s">
        <v>52092</v>
      </c>
      <c r="C4630" s="1" t="s">
        <v>19648</v>
      </c>
      <c r="D4630" s="2">
        <v>157458</v>
      </c>
      <c r="E4630" s="1" t="s">
        <v>0</v>
      </c>
    </row>
    <row r="4631" spans="1:5" x14ac:dyDescent="0.25">
      <c r="A4631" s="1" t="s">
        <v>19649</v>
      </c>
      <c r="B4631" s="1" t="s">
        <v>52093</v>
      </c>
      <c r="C4631" s="1" t="s">
        <v>19650</v>
      </c>
      <c r="D4631" s="2">
        <v>157459</v>
      </c>
      <c r="E4631" s="1" t="s">
        <v>0</v>
      </c>
    </row>
    <row r="4632" spans="1:5" x14ac:dyDescent="0.25">
      <c r="A4632" s="2">
        <v>926</v>
      </c>
      <c r="B4632" s="2">
        <v>926</v>
      </c>
      <c r="C4632" s="1" t="s">
        <v>0</v>
      </c>
      <c r="D4632" s="2">
        <v>157460</v>
      </c>
      <c r="E4632" s="1" t="s">
        <v>0</v>
      </c>
    </row>
    <row r="4633" spans="1:5" x14ac:dyDescent="0.25">
      <c r="A4633" s="1" t="s">
        <v>853</v>
      </c>
      <c r="B4633" s="1" t="s">
        <v>6308</v>
      </c>
      <c r="C4633" s="1" t="s">
        <v>19651</v>
      </c>
      <c r="D4633" s="2">
        <v>157461</v>
      </c>
      <c r="E4633" s="1" t="s">
        <v>0</v>
      </c>
    </row>
    <row r="4634" spans="1:5" x14ac:dyDescent="0.25">
      <c r="A4634" s="1" t="s">
        <v>19652</v>
      </c>
      <c r="B4634" s="1" t="s">
        <v>6309</v>
      </c>
      <c r="C4634" s="1" t="s">
        <v>19653</v>
      </c>
      <c r="D4634" s="2">
        <v>157462</v>
      </c>
      <c r="E4634" s="1" t="s">
        <v>0</v>
      </c>
    </row>
    <row r="4635" spans="1:5" ht="409.5" x14ac:dyDescent="0.25">
      <c r="A4635" s="4" t="s">
        <v>19654</v>
      </c>
      <c r="B4635" s="1" t="s">
        <v>6310</v>
      </c>
      <c r="C4635" s="1" t="s">
        <v>19655</v>
      </c>
      <c r="D4635" s="2">
        <v>157463</v>
      </c>
      <c r="E4635" s="1" t="s">
        <v>0</v>
      </c>
    </row>
    <row r="4636" spans="1:5" x14ac:dyDescent="0.25">
      <c r="A4636" s="1" t="s">
        <v>19656</v>
      </c>
      <c r="B4636" s="1" t="s">
        <v>52094</v>
      </c>
      <c r="C4636" s="1" t="s">
        <v>19657</v>
      </c>
      <c r="D4636" s="2">
        <v>157464</v>
      </c>
      <c r="E4636" s="1" t="s">
        <v>0</v>
      </c>
    </row>
    <row r="4637" spans="1:5" x14ac:dyDescent="0.25">
      <c r="A4637" s="2">
        <v>927</v>
      </c>
      <c r="B4637" s="2">
        <v>927</v>
      </c>
      <c r="C4637" s="1" t="s">
        <v>0</v>
      </c>
      <c r="D4637" s="2">
        <v>157465</v>
      </c>
      <c r="E4637" s="1" t="s">
        <v>0</v>
      </c>
    </row>
    <row r="4638" spans="1:5" x14ac:dyDescent="0.25">
      <c r="A4638" s="1" t="s">
        <v>854</v>
      </c>
      <c r="B4638" s="1" t="s">
        <v>6311</v>
      </c>
      <c r="C4638" s="1" t="s">
        <v>19658</v>
      </c>
      <c r="D4638" s="2">
        <v>157466</v>
      </c>
      <c r="E4638" s="1" t="s">
        <v>0</v>
      </c>
    </row>
    <row r="4639" spans="1:5" x14ac:dyDescent="0.25">
      <c r="A4639" s="1" t="s">
        <v>19659</v>
      </c>
      <c r="B4639" s="1" t="s">
        <v>52095</v>
      </c>
      <c r="C4639" s="1" t="s">
        <v>19660</v>
      </c>
      <c r="D4639" s="2">
        <v>157467</v>
      </c>
      <c r="E4639" s="1" t="s">
        <v>0</v>
      </c>
    </row>
    <row r="4640" spans="1:5" ht="409.5" x14ac:dyDescent="0.25">
      <c r="A4640" s="4" t="s">
        <v>19661</v>
      </c>
      <c r="B4640" s="1" t="s">
        <v>52096</v>
      </c>
      <c r="C4640" s="1" t="s">
        <v>19662</v>
      </c>
      <c r="D4640" s="2">
        <v>157468</v>
      </c>
      <c r="E4640" s="1" t="s">
        <v>0</v>
      </c>
    </row>
    <row r="4641" spans="1:5" x14ac:dyDescent="0.25">
      <c r="A4641" s="1" t="s">
        <v>19663</v>
      </c>
      <c r="B4641" s="1" t="s">
        <v>52097</v>
      </c>
      <c r="C4641" s="1" t="s">
        <v>19664</v>
      </c>
      <c r="D4641" s="2">
        <v>157469</v>
      </c>
      <c r="E4641" s="1" t="s">
        <v>0</v>
      </c>
    </row>
    <row r="4642" spans="1:5" x14ac:dyDescent="0.25">
      <c r="A4642" s="2">
        <v>928</v>
      </c>
      <c r="B4642" s="2">
        <v>928</v>
      </c>
      <c r="C4642" s="1" t="s">
        <v>0</v>
      </c>
      <c r="D4642" s="2">
        <v>157470</v>
      </c>
      <c r="E4642" s="1" t="s">
        <v>0</v>
      </c>
    </row>
    <row r="4643" spans="1:5" x14ac:dyDescent="0.25">
      <c r="A4643" s="1" t="s">
        <v>855</v>
      </c>
      <c r="B4643" s="1" t="s">
        <v>52098</v>
      </c>
      <c r="C4643" s="1" t="s">
        <v>19665</v>
      </c>
      <c r="D4643" s="2">
        <v>157471</v>
      </c>
      <c r="E4643" s="1" t="s">
        <v>0</v>
      </c>
    </row>
    <row r="4644" spans="1:5" x14ac:dyDescent="0.25">
      <c r="A4644" s="1" t="s">
        <v>19666</v>
      </c>
      <c r="B4644" s="1" t="s">
        <v>6312</v>
      </c>
      <c r="C4644" s="1" t="s">
        <v>19667</v>
      </c>
      <c r="D4644" s="2">
        <v>157472</v>
      </c>
      <c r="E4644" s="1" t="s">
        <v>0</v>
      </c>
    </row>
    <row r="4645" spans="1:5" ht="409.5" x14ac:dyDescent="0.25">
      <c r="A4645" s="4" t="s">
        <v>19668</v>
      </c>
      <c r="B4645" s="1" t="s">
        <v>52099</v>
      </c>
      <c r="C4645" s="1" t="s">
        <v>19669</v>
      </c>
      <c r="D4645" s="2">
        <v>157473</v>
      </c>
      <c r="E4645" s="1" t="s">
        <v>0</v>
      </c>
    </row>
    <row r="4646" spans="1:5" x14ac:dyDescent="0.25">
      <c r="A4646" s="1" t="s">
        <v>19670</v>
      </c>
      <c r="B4646" s="1" t="s">
        <v>52100</v>
      </c>
      <c r="C4646" s="1" t="s">
        <v>19671</v>
      </c>
      <c r="D4646" s="2">
        <v>157474</v>
      </c>
      <c r="E4646" s="1" t="s">
        <v>0</v>
      </c>
    </row>
    <row r="4647" spans="1:5" x14ac:dyDescent="0.25">
      <c r="A4647" s="2">
        <v>929</v>
      </c>
      <c r="B4647" s="2">
        <v>929</v>
      </c>
      <c r="C4647" s="1" t="s">
        <v>0</v>
      </c>
      <c r="D4647" s="2">
        <v>157475</v>
      </c>
      <c r="E4647" s="1" t="s">
        <v>0</v>
      </c>
    </row>
    <row r="4648" spans="1:5" x14ac:dyDescent="0.25">
      <c r="A4648" s="1" t="s">
        <v>856</v>
      </c>
      <c r="B4648" s="1" t="s">
        <v>6313</v>
      </c>
      <c r="C4648" s="1" t="s">
        <v>19672</v>
      </c>
      <c r="D4648" s="2">
        <v>157476</v>
      </c>
      <c r="E4648" s="1" t="s">
        <v>0</v>
      </c>
    </row>
    <row r="4649" spans="1:5" x14ac:dyDescent="0.25">
      <c r="A4649" s="1" t="s">
        <v>19673</v>
      </c>
      <c r="B4649" s="1" t="s">
        <v>52101</v>
      </c>
      <c r="C4649" s="1" t="s">
        <v>19674</v>
      </c>
      <c r="D4649" s="2">
        <v>157477</v>
      </c>
      <c r="E4649" s="1" t="s">
        <v>0</v>
      </c>
    </row>
    <row r="4650" spans="1:5" ht="409.5" x14ac:dyDescent="0.25">
      <c r="A4650" s="4" t="s">
        <v>19675</v>
      </c>
      <c r="B4650" s="1" t="s">
        <v>58986</v>
      </c>
      <c r="C4650" s="1" t="s">
        <v>19676</v>
      </c>
      <c r="D4650" s="2">
        <v>157478</v>
      </c>
      <c r="E4650" s="1" t="s">
        <v>0</v>
      </c>
    </row>
    <row r="4651" spans="1:5" x14ac:dyDescent="0.25">
      <c r="A4651" s="1" t="s">
        <v>19677</v>
      </c>
      <c r="B4651" s="1" t="s">
        <v>52102</v>
      </c>
      <c r="C4651" s="1" t="s">
        <v>19678</v>
      </c>
      <c r="D4651" s="2">
        <v>157479</v>
      </c>
      <c r="E4651" s="1" t="s">
        <v>0</v>
      </c>
    </row>
    <row r="4652" spans="1:5" x14ac:dyDescent="0.25">
      <c r="A4652" s="2">
        <v>930</v>
      </c>
      <c r="B4652" s="2">
        <v>930</v>
      </c>
      <c r="C4652" s="1" t="s">
        <v>0</v>
      </c>
      <c r="D4652" s="2">
        <v>157480</v>
      </c>
      <c r="E4652" s="1" t="s">
        <v>0</v>
      </c>
    </row>
    <row r="4653" spans="1:5" x14ac:dyDescent="0.25">
      <c r="A4653" s="1" t="s">
        <v>857</v>
      </c>
      <c r="B4653" s="1" t="s">
        <v>6314</v>
      </c>
      <c r="C4653" s="1" t="s">
        <v>19679</v>
      </c>
      <c r="D4653" s="2">
        <v>157481</v>
      </c>
      <c r="E4653" s="1" t="s">
        <v>0</v>
      </c>
    </row>
    <row r="4654" spans="1:5" x14ac:dyDescent="0.25">
      <c r="A4654" s="1" t="s">
        <v>19680</v>
      </c>
      <c r="B4654" s="1" t="s">
        <v>52103</v>
      </c>
      <c r="C4654" s="1" t="s">
        <v>19681</v>
      </c>
      <c r="D4654" s="2">
        <v>157482</v>
      </c>
      <c r="E4654" s="1" t="s">
        <v>0</v>
      </c>
    </row>
    <row r="4655" spans="1:5" ht="409.5" x14ac:dyDescent="0.25">
      <c r="A4655" s="4" t="s">
        <v>19682</v>
      </c>
      <c r="B4655" s="1" t="s">
        <v>62137</v>
      </c>
      <c r="C4655" s="1" t="s">
        <v>19683</v>
      </c>
      <c r="D4655" s="2">
        <v>157483</v>
      </c>
      <c r="E4655" s="1" t="s">
        <v>0</v>
      </c>
    </row>
    <row r="4656" spans="1:5" x14ac:dyDescent="0.25">
      <c r="A4656" s="1" t="s">
        <v>19684</v>
      </c>
      <c r="B4656" s="1" t="s">
        <v>52104</v>
      </c>
      <c r="C4656" s="1" t="s">
        <v>19685</v>
      </c>
      <c r="D4656" s="2">
        <v>157484</v>
      </c>
      <c r="E4656" s="1" t="s">
        <v>0</v>
      </c>
    </row>
    <row r="4657" spans="1:5" x14ac:dyDescent="0.25">
      <c r="A4657" s="2">
        <v>931</v>
      </c>
      <c r="B4657" s="2">
        <v>931</v>
      </c>
      <c r="C4657" s="1" t="s">
        <v>0</v>
      </c>
      <c r="D4657" s="2">
        <v>157485</v>
      </c>
      <c r="E4657" s="1" t="s">
        <v>0</v>
      </c>
    </row>
    <row r="4658" spans="1:5" x14ac:dyDescent="0.25">
      <c r="A4658" s="1" t="s">
        <v>858</v>
      </c>
      <c r="B4658" s="1" t="s">
        <v>6315</v>
      </c>
      <c r="C4658" s="1" t="s">
        <v>19686</v>
      </c>
      <c r="D4658" s="2">
        <v>157486</v>
      </c>
      <c r="E4658" s="1" t="s">
        <v>0</v>
      </c>
    </row>
    <row r="4659" spans="1:5" x14ac:dyDescent="0.25">
      <c r="A4659" s="1" t="s">
        <v>19687</v>
      </c>
      <c r="B4659" s="1" t="s">
        <v>57745</v>
      </c>
      <c r="C4659" s="1" t="s">
        <v>19688</v>
      </c>
      <c r="D4659" s="2">
        <v>157487</v>
      </c>
      <c r="E4659" s="1" t="s">
        <v>0</v>
      </c>
    </row>
    <row r="4660" spans="1:5" ht="409.5" x14ac:dyDescent="0.25">
      <c r="A4660" s="4" t="s">
        <v>19689</v>
      </c>
      <c r="B4660" s="1" t="s">
        <v>57746</v>
      </c>
      <c r="C4660" s="1" t="s">
        <v>19690</v>
      </c>
      <c r="D4660" s="2">
        <v>157488</v>
      </c>
      <c r="E4660" s="1" t="s">
        <v>0</v>
      </c>
    </row>
    <row r="4661" spans="1:5" x14ac:dyDescent="0.25">
      <c r="A4661" s="1" t="s">
        <v>19691</v>
      </c>
      <c r="B4661" s="1" t="s">
        <v>52105</v>
      </c>
      <c r="C4661" s="1" t="s">
        <v>19692</v>
      </c>
      <c r="D4661" s="2">
        <v>157489</v>
      </c>
      <c r="E4661" s="1" t="s">
        <v>0</v>
      </c>
    </row>
    <row r="4662" spans="1:5" x14ac:dyDescent="0.25">
      <c r="A4662" s="2">
        <v>932</v>
      </c>
      <c r="B4662" s="2">
        <v>932</v>
      </c>
      <c r="C4662" s="1" t="s">
        <v>0</v>
      </c>
      <c r="D4662" s="2">
        <v>157490</v>
      </c>
      <c r="E4662" s="1" t="s">
        <v>0</v>
      </c>
    </row>
    <row r="4663" spans="1:5" x14ac:dyDescent="0.25">
      <c r="A4663" s="1" t="s">
        <v>859</v>
      </c>
      <c r="B4663" s="1" t="s">
        <v>52106</v>
      </c>
      <c r="C4663" s="1" t="s">
        <v>19693</v>
      </c>
      <c r="D4663" s="2">
        <v>157491</v>
      </c>
      <c r="E4663" s="1" t="s">
        <v>0</v>
      </c>
    </row>
    <row r="4664" spans="1:5" x14ac:dyDescent="0.25">
      <c r="A4664" s="1" t="s">
        <v>19694</v>
      </c>
      <c r="B4664" s="1" t="s">
        <v>52107</v>
      </c>
      <c r="C4664" s="1" t="s">
        <v>19695</v>
      </c>
      <c r="D4664" s="2">
        <v>157492</v>
      </c>
      <c r="E4664" s="1" t="s">
        <v>0</v>
      </c>
    </row>
    <row r="4665" spans="1:5" ht="409.5" x14ac:dyDescent="0.25">
      <c r="A4665" s="4" t="s">
        <v>19696</v>
      </c>
      <c r="B4665" s="1" t="s">
        <v>52108</v>
      </c>
      <c r="C4665" s="1" t="s">
        <v>19697</v>
      </c>
      <c r="D4665" s="2">
        <v>157493</v>
      </c>
      <c r="E4665" s="1" t="s">
        <v>0</v>
      </c>
    </row>
    <row r="4666" spans="1:5" x14ac:dyDescent="0.25">
      <c r="A4666" s="1" t="s">
        <v>19698</v>
      </c>
      <c r="B4666" s="1" t="s">
        <v>6316</v>
      </c>
      <c r="C4666" s="1" t="s">
        <v>19699</v>
      </c>
      <c r="D4666" s="2">
        <v>157494</v>
      </c>
      <c r="E4666" s="1" t="s">
        <v>0</v>
      </c>
    </row>
    <row r="4667" spans="1:5" x14ac:dyDescent="0.25">
      <c r="A4667" s="2">
        <v>933</v>
      </c>
      <c r="B4667" s="2">
        <v>933</v>
      </c>
      <c r="C4667" s="1" t="s">
        <v>0</v>
      </c>
      <c r="D4667" s="2">
        <v>157495</v>
      </c>
      <c r="E4667" s="1" t="s">
        <v>0</v>
      </c>
    </row>
    <row r="4668" spans="1:5" x14ac:dyDescent="0.25">
      <c r="A4668" s="1" t="s">
        <v>860</v>
      </c>
      <c r="B4668" s="1" t="s">
        <v>6317</v>
      </c>
      <c r="C4668" s="1" t="s">
        <v>19700</v>
      </c>
      <c r="D4668" s="2">
        <v>157496</v>
      </c>
      <c r="E4668" s="1" t="s">
        <v>0</v>
      </c>
    </row>
    <row r="4669" spans="1:5" x14ac:dyDescent="0.25">
      <c r="A4669" s="1" t="s">
        <v>19701</v>
      </c>
      <c r="B4669" s="1" t="s">
        <v>6318</v>
      </c>
      <c r="C4669" s="1" t="s">
        <v>19702</v>
      </c>
      <c r="D4669" s="2">
        <v>157497</v>
      </c>
      <c r="E4669" s="1" t="s">
        <v>0</v>
      </c>
    </row>
    <row r="4670" spans="1:5" ht="409.5" x14ac:dyDescent="0.25">
      <c r="A4670" s="4" t="s">
        <v>19703</v>
      </c>
      <c r="B4670" s="1" t="s">
        <v>19704</v>
      </c>
      <c r="C4670" s="1" t="s">
        <v>19705</v>
      </c>
      <c r="D4670" s="2">
        <v>157498</v>
      </c>
      <c r="E4670" s="1" t="s">
        <v>0</v>
      </c>
    </row>
    <row r="4671" spans="1:5" x14ac:dyDescent="0.25">
      <c r="A4671" s="1" t="s">
        <v>19706</v>
      </c>
      <c r="B4671" s="1" t="s">
        <v>52109</v>
      </c>
      <c r="C4671" s="1" t="s">
        <v>19707</v>
      </c>
      <c r="D4671" s="2">
        <v>157499</v>
      </c>
      <c r="E4671" s="1" t="s">
        <v>0</v>
      </c>
    </row>
    <row r="4672" spans="1:5" x14ac:dyDescent="0.25">
      <c r="A4672" s="2">
        <v>934</v>
      </c>
      <c r="B4672" s="2">
        <v>934</v>
      </c>
      <c r="C4672" s="1" t="s">
        <v>0</v>
      </c>
      <c r="D4672" s="2">
        <v>157500</v>
      </c>
      <c r="E4672" s="1" t="s">
        <v>0</v>
      </c>
    </row>
    <row r="4673" spans="1:5" x14ac:dyDescent="0.25">
      <c r="A4673" s="1" t="s">
        <v>861</v>
      </c>
      <c r="B4673" s="1" t="s">
        <v>6319</v>
      </c>
      <c r="C4673" s="1" t="s">
        <v>19708</v>
      </c>
      <c r="D4673" s="2">
        <v>157501</v>
      </c>
      <c r="E4673" s="1" t="s">
        <v>0</v>
      </c>
    </row>
    <row r="4674" spans="1:5" x14ac:dyDescent="0.25">
      <c r="A4674" s="1" t="s">
        <v>19709</v>
      </c>
      <c r="B4674" s="1" t="s">
        <v>52110</v>
      </c>
      <c r="C4674" s="1" t="s">
        <v>19710</v>
      </c>
      <c r="D4674" s="2">
        <v>157502</v>
      </c>
      <c r="E4674" s="1" t="s">
        <v>0</v>
      </c>
    </row>
    <row r="4675" spans="1:5" ht="409.5" x14ac:dyDescent="0.25">
      <c r="A4675" s="4" t="s">
        <v>19711</v>
      </c>
      <c r="B4675" s="1" t="s">
        <v>52111</v>
      </c>
      <c r="C4675" s="1" t="s">
        <v>19712</v>
      </c>
      <c r="D4675" s="2">
        <v>157503</v>
      </c>
      <c r="E4675" s="1" t="s">
        <v>0</v>
      </c>
    </row>
    <row r="4676" spans="1:5" x14ac:dyDescent="0.25">
      <c r="A4676" s="1" t="s">
        <v>19713</v>
      </c>
      <c r="B4676" s="1" t="s">
        <v>6320</v>
      </c>
      <c r="C4676" s="1" t="s">
        <v>19714</v>
      </c>
      <c r="D4676" s="2">
        <v>157504</v>
      </c>
      <c r="E4676" s="1" t="s">
        <v>0</v>
      </c>
    </row>
    <row r="4677" spans="1:5" x14ac:dyDescent="0.25">
      <c r="A4677" s="2">
        <v>935</v>
      </c>
      <c r="B4677" s="2">
        <v>935</v>
      </c>
      <c r="C4677" s="1" t="s">
        <v>0</v>
      </c>
      <c r="D4677" s="2">
        <v>157505</v>
      </c>
      <c r="E4677" s="1" t="s">
        <v>0</v>
      </c>
    </row>
    <row r="4678" spans="1:5" x14ac:dyDescent="0.25">
      <c r="A4678" s="1" t="s">
        <v>862</v>
      </c>
      <c r="B4678" s="1" t="s">
        <v>6321</v>
      </c>
      <c r="C4678" s="1" t="s">
        <v>19715</v>
      </c>
      <c r="D4678" s="2">
        <v>157506</v>
      </c>
      <c r="E4678" s="1" t="s">
        <v>0</v>
      </c>
    </row>
    <row r="4679" spans="1:5" x14ac:dyDescent="0.25">
      <c r="A4679" s="1" t="s">
        <v>19716</v>
      </c>
      <c r="B4679" s="1" t="s">
        <v>57005</v>
      </c>
      <c r="C4679" s="1" t="s">
        <v>19717</v>
      </c>
      <c r="D4679" s="2">
        <v>157507</v>
      </c>
      <c r="E4679" s="1" t="s">
        <v>0</v>
      </c>
    </row>
    <row r="4680" spans="1:5" ht="409.5" x14ac:dyDescent="0.25">
      <c r="A4680" s="4" t="s">
        <v>19718</v>
      </c>
      <c r="B4680" s="1" t="s">
        <v>57006</v>
      </c>
      <c r="C4680" s="1" t="s">
        <v>19719</v>
      </c>
      <c r="D4680" s="2">
        <v>157508</v>
      </c>
      <c r="E4680" s="1" t="s">
        <v>0</v>
      </c>
    </row>
    <row r="4681" spans="1:5" x14ac:dyDescent="0.25">
      <c r="A4681" s="1" t="s">
        <v>19720</v>
      </c>
      <c r="B4681" s="1" t="s">
        <v>6322</v>
      </c>
      <c r="C4681" s="1" t="s">
        <v>19721</v>
      </c>
      <c r="D4681" s="2">
        <v>157509</v>
      </c>
      <c r="E4681" s="1" t="s">
        <v>0</v>
      </c>
    </row>
    <row r="4682" spans="1:5" x14ac:dyDescent="0.25">
      <c r="A4682" s="2">
        <v>936</v>
      </c>
      <c r="B4682" s="2">
        <v>936</v>
      </c>
      <c r="C4682" s="1" t="s">
        <v>0</v>
      </c>
      <c r="D4682" s="2">
        <v>157510</v>
      </c>
      <c r="E4682" s="1" t="s">
        <v>0</v>
      </c>
    </row>
    <row r="4683" spans="1:5" x14ac:dyDescent="0.25">
      <c r="A4683" s="1" t="s">
        <v>863</v>
      </c>
      <c r="B4683" s="1" t="s">
        <v>6323</v>
      </c>
      <c r="C4683" s="1" t="s">
        <v>19722</v>
      </c>
      <c r="D4683" s="2">
        <v>157511</v>
      </c>
      <c r="E4683" s="1" t="s">
        <v>0</v>
      </c>
    </row>
    <row r="4684" spans="1:5" x14ac:dyDescent="0.25">
      <c r="A4684" s="1" t="s">
        <v>61766</v>
      </c>
      <c r="B4684" s="1" t="s">
        <v>62138</v>
      </c>
      <c r="C4684" s="1" t="s">
        <v>19723</v>
      </c>
      <c r="D4684" s="2">
        <v>157512</v>
      </c>
      <c r="E4684" s="1" t="s">
        <v>0</v>
      </c>
    </row>
    <row r="4685" spans="1:5" ht="409.5" x14ac:dyDescent="0.25">
      <c r="A4685" s="4" t="s">
        <v>61767</v>
      </c>
      <c r="B4685" s="1" t="s">
        <v>62139</v>
      </c>
      <c r="C4685" s="1" t="s">
        <v>19724</v>
      </c>
      <c r="D4685" s="2">
        <v>157513</v>
      </c>
      <c r="E4685" s="1" t="s">
        <v>0</v>
      </c>
    </row>
    <row r="4686" spans="1:5" x14ac:dyDescent="0.25">
      <c r="A4686" s="1" t="s">
        <v>19725</v>
      </c>
      <c r="B4686" s="1" t="s">
        <v>6324</v>
      </c>
      <c r="C4686" s="1" t="s">
        <v>19726</v>
      </c>
      <c r="D4686" s="2">
        <v>157514</v>
      </c>
      <c r="E4686" s="1" t="s">
        <v>0</v>
      </c>
    </row>
    <row r="4687" spans="1:5" x14ac:dyDescent="0.25">
      <c r="A4687" s="2">
        <v>937</v>
      </c>
      <c r="B4687" s="2">
        <v>937</v>
      </c>
      <c r="C4687" s="1" t="s">
        <v>0</v>
      </c>
      <c r="D4687" s="2">
        <v>157515</v>
      </c>
      <c r="E4687" s="1" t="s">
        <v>0</v>
      </c>
    </row>
    <row r="4688" spans="1:5" x14ac:dyDescent="0.25">
      <c r="A4688" s="1" t="s">
        <v>864</v>
      </c>
      <c r="B4688" s="1" t="s">
        <v>57426</v>
      </c>
      <c r="C4688" s="1" t="s">
        <v>19727</v>
      </c>
      <c r="D4688" s="2">
        <v>157516</v>
      </c>
      <c r="E4688" s="1" t="s">
        <v>0</v>
      </c>
    </row>
    <row r="4689" spans="1:5" x14ac:dyDescent="0.25">
      <c r="A4689" s="1" t="s">
        <v>19728</v>
      </c>
      <c r="B4689" s="1" t="s">
        <v>62140</v>
      </c>
      <c r="C4689" s="1" t="s">
        <v>19729</v>
      </c>
      <c r="D4689" s="2">
        <v>157517</v>
      </c>
      <c r="E4689" s="1" t="s">
        <v>0</v>
      </c>
    </row>
    <row r="4690" spans="1:5" ht="409.5" x14ac:dyDescent="0.25">
      <c r="A4690" s="4" t="s">
        <v>19730</v>
      </c>
      <c r="B4690" s="1" t="s">
        <v>62141</v>
      </c>
      <c r="C4690" s="1" t="s">
        <v>19731</v>
      </c>
      <c r="D4690" s="2">
        <v>157518</v>
      </c>
      <c r="E4690" s="1" t="s">
        <v>0</v>
      </c>
    </row>
    <row r="4691" spans="1:5" x14ac:dyDescent="0.25">
      <c r="A4691" s="1" t="s">
        <v>19732</v>
      </c>
      <c r="B4691" s="1" t="s">
        <v>57427</v>
      </c>
      <c r="C4691" s="1" t="s">
        <v>19733</v>
      </c>
      <c r="D4691" s="2">
        <v>157519</v>
      </c>
      <c r="E4691" s="1" t="s">
        <v>0</v>
      </c>
    </row>
    <row r="4692" spans="1:5" x14ac:dyDescent="0.25">
      <c r="A4692" s="2">
        <v>938</v>
      </c>
      <c r="B4692" s="2">
        <v>938</v>
      </c>
      <c r="C4692" s="1" t="s">
        <v>0</v>
      </c>
      <c r="D4692" s="2">
        <v>157520</v>
      </c>
      <c r="E4692" s="1" t="s">
        <v>0</v>
      </c>
    </row>
    <row r="4693" spans="1:5" x14ac:dyDescent="0.25">
      <c r="A4693" s="1" t="s">
        <v>865</v>
      </c>
      <c r="B4693" s="1" t="s">
        <v>6325</v>
      </c>
      <c r="C4693" s="1" t="s">
        <v>19734</v>
      </c>
      <c r="D4693" s="2">
        <v>157521</v>
      </c>
      <c r="E4693" s="1" t="s">
        <v>0</v>
      </c>
    </row>
    <row r="4694" spans="1:5" x14ac:dyDescent="0.25">
      <c r="A4694" s="1" t="s">
        <v>19735</v>
      </c>
      <c r="B4694" s="1" t="s">
        <v>52112</v>
      </c>
      <c r="C4694" s="1" t="s">
        <v>19736</v>
      </c>
      <c r="D4694" s="2">
        <v>157522</v>
      </c>
      <c r="E4694" s="1" t="s">
        <v>0</v>
      </c>
    </row>
    <row r="4695" spans="1:5" ht="409.5" x14ac:dyDescent="0.25">
      <c r="A4695" s="4" t="s">
        <v>19737</v>
      </c>
      <c r="B4695" s="1" t="s">
        <v>52113</v>
      </c>
      <c r="C4695" s="1" t="s">
        <v>19738</v>
      </c>
      <c r="D4695" s="2">
        <v>157523</v>
      </c>
      <c r="E4695" s="1" t="s">
        <v>0</v>
      </c>
    </row>
    <row r="4696" spans="1:5" x14ac:dyDescent="0.25">
      <c r="A4696" s="1" t="s">
        <v>19739</v>
      </c>
      <c r="B4696" s="1" t="s">
        <v>6326</v>
      </c>
      <c r="C4696" s="1" t="s">
        <v>19740</v>
      </c>
      <c r="D4696" s="2">
        <v>157524</v>
      </c>
      <c r="E4696" s="1" t="s">
        <v>0</v>
      </c>
    </row>
    <row r="4697" spans="1:5" x14ac:dyDescent="0.25">
      <c r="A4697" s="2">
        <v>939</v>
      </c>
      <c r="B4697" s="2">
        <v>939</v>
      </c>
      <c r="C4697" s="1" t="s">
        <v>0</v>
      </c>
      <c r="D4697" s="2">
        <v>157525</v>
      </c>
      <c r="E4697" s="1" t="s">
        <v>0</v>
      </c>
    </row>
    <row r="4698" spans="1:5" x14ac:dyDescent="0.25">
      <c r="A4698" s="1" t="s">
        <v>866</v>
      </c>
      <c r="B4698" s="1" t="s">
        <v>6327</v>
      </c>
      <c r="C4698" s="1" t="s">
        <v>19741</v>
      </c>
      <c r="D4698" s="2">
        <v>157526</v>
      </c>
      <c r="E4698" s="1" t="s">
        <v>0</v>
      </c>
    </row>
    <row r="4699" spans="1:5" x14ac:dyDescent="0.25">
      <c r="A4699" s="1" t="s">
        <v>19742</v>
      </c>
      <c r="B4699" s="1" t="s">
        <v>6328</v>
      </c>
      <c r="C4699" s="1" t="s">
        <v>19743</v>
      </c>
      <c r="D4699" s="2">
        <v>157527</v>
      </c>
      <c r="E4699" s="1" t="s">
        <v>0</v>
      </c>
    </row>
    <row r="4700" spans="1:5" ht="409.5" x14ac:dyDescent="0.25">
      <c r="A4700" s="4" t="s">
        <v>19744</v>
      </c>
      <c r="B4700" s="1" t="s">
        <v>52114</v>
      </c>
      <c r="C4700" s="1" t="s">
        <v>19745</v>
      </c>
      <c r="D4700" s="2">
        <v>157528</v>
      </c>
      <c r="E4700" s="1" t="s">
        <v>0</v>
      </c>
    </row>
    <row r="4701" spans="1:5" x14ac:dyDescent="0.25">
      <c r="A4701" s="1" t="s">
        <v>19746</v>
      </c>
      <c r="B4701" s="1" t="s">
        <v>6329</v>
      </c>
      <c r="C4701" s="1" t="s">
        <v>19747</v>
      </c>
      <c r="D4701" s="2">
        <v>157529</v>
      </c>
      <c r="E4701" s="1" t="s">
        <v>0</v>
      </c>
    </row>
    <row r="4702" spans="1:5" x14ac:dyDescent="0.25">
      <c r="A4702" s="2">
        <v>940</v>
      </c>
      <c r="B4702" s="2">
        <v>940</v>
      </c>
      <c r="C4702" s="1" t="s">
        <v>0</v>
      </c>
      <c r="D4702" s="2">
        <v>157530</v>
      </c>
      <c r="E4702" s="1" t="s">
        <v>0</v>
      </c>
    </row>
    <row r="4703" spans="1:5" x14ac:dyDescent="0.25">
      <c r="A4703" s="1" t="s">
        <v>6330</v>
      </c>
      <c r="B4703" s="1" t="s">
        <v>6331</v>
      </c>
      <c r="C4703" s="1" t="s">
        <v>19748</v>
      </c>
      <c r="D4703" s="2">
        <v>157531</v>
      </c>
      <c r="E4703" s="1" t="s">
        <v>0</v>
      </c>
    </row>
    <row r="4704" spans="1:5" x14ac:dyDescent="0.25">
      <c r="A4704" s="1" t="s">
        <v>19749</v>
      </c>
      <c r="B4704" s="1" t="s">
        <v>62142</v>
      </c>
      <c r="C4704" s="1" t="s">
        <v>19750</v>
      </c>
      <c r="D4704" s="2">
        <v>157532</v>
      </c>
      <c r="E4704" s="1" t="s">
        <v>0</v>
      </c>
    </row>
    <row r="4705" spans="1:5" ht="409.5" x14ac:dyDescent="0.25">
      <c r="A4705" s="4" t="s">
        <v>19751</v>
      </c>
      <c r="B4705" s="1" t="s">
        <v>62143</v>
      </c>
      <c r="C4705" s="1" t="s">
        <v>19752</v>
      </c>
      <c r="D4705" s="2">
        <v>157533</v>
      </c>
      <c r="E4705" s="1" t="s">
        <v>0</v>
      </c>
    </row>
    <row r="4706" spans="1:5" x14ac:dyDescent="0.25">
      <c r="A4706" s="1" t="s">
        <v>19753</v>
      </c>
      <c r="B4706" s="1" t="s">
        <v>52115</v>
      </c>
      <c r="C4706" s="1" t="s">
        <v>19754</v>
      </c>
      <c r="D4706" s="2">
        <v>157534</v>
      </c>
      <c r="E4706" s="1" t="s">
        <v>0</v>
      </c>
    </row>
    <row r="4707" spans="1:5" x14ac:dyDescent="0.25">
      <c r="A4707" s="2">
        <v>941</v>
      </c>
      <c r="B4707" s="2">
        <v>941</v>
      </c>
      <c r="C4707" s="1" t="s">
        <v>0</v>
      </c>
      <c r="D4707" s="2">
        <v>157535</v>
      </c>
      <c r="E4707" s="1" t="s">
        <v>0</v>
      </c>
    </row>
    <row r="4708" spans="1:5" x14ac:dyDescent="0.25">
      <c r="A4708" s="1" t="s">
        <v>867</v>
      </c>
      <c r="B4708" s="1" t="s">
        <v>6332</v>
      </c>
      <c r="C4708" s="1" t="s">
        <v>19755</v>
      </c>
      <c r="D4708" s="2">
        <v>157536</v>
      </c>
      <c r="E4708" s="1" t="s">
        <v>0</v>
      </c>
    </row>
    <row r="4709" spans="1:5" x14ac:dyDescent="0.25">
      <c r="A4709" s="1" t="s">
        <v>19756</v>
      </c>
      <c r="B4709" s="1" t="s">
        <v>6333</v>
      </c>
      <c r="C4709" s="1" t="s">
        <v>19757</v>
      </c>
      <c r="D4709" s="2">
        <v>157537</v>
      </c>
      <c r="E4709" s="1" t="s">
        <v>0</v>
      </c>
    </row>
    <row r="4710" spans="1:5" ht="409.5" x14ac:dyDescent="0.25">
      <c r="A4710" s="4" t="s">
        <v>19758</v>
      </c>
      <c r="B4710" s="1" t="s">
        <v>59571</v>
      </c>
      <c r="C4710" s="1" t="s">
        <v>19759</v>
      </c>
      <c r="D4710" s="2">
        <v>157538</v>
      </c>
      <c r="E4710" s="1" t="s">
        <v>0</v>
      </c>
    </row>
    <row r="4711" spans="1:5" x14ac:dyDescent="0.25">
      <c r="A4711" s="1" t="s">
        <v>19760</v>
      </c>
      <c r="B4711" s="1" t="s">
        <v>52116</v>
      </c>
      <c r="C4711" s="1" t="s">
        <v>19761</v>
      </c>
      <c r="D4711" s="2">
        <v>157539</v>
      </c>
      <c r="E4711" s="1" t="s">
        <v>0</v>
      </c>
    </row>
    <row r="4712" spans="1:5" x14ac:dyDescent="0.25">
      <c r="A4712" s="2">
        <v>942</v>
      </c>
      <c r="B4712" s="2">
        <v>942</v>
      </c>
      <c r="C4712" s="1" t="s">
        <v>0</v>
      </c>
      <c r="D4712" s="2">
        <v>157540</v>
      </c>
      <c r="E4712" s="1" t="s">
        <v>0</v>
      </c>
    </row>
    <row r="4713" spans="1:5" x14ac:dyDescent="0.25">
      <c r="A4713" s="1" t="s">
        <v>868</v>
      </c>
      <c r="B4713" s="1" t="s">
        <v>6334</v>
      </c>
      <c r="C4713" s="1" t="s">
        <v>19762</v>
      </c>
      <c r="D4713" s="2">
        <v>157541</v>
      </c>
      <c r="E4713" s="1" t="s">
        <v>0</v>
      </c>
    </row>
    <row r="4714" spans="1:5" x14ac:dyDescent="0.25">
      <c r="A4714" s="1" t="s">
        <v>19763</v>
      </c>
      <c r="B4714" s="1" t="s">
        <v>57007</v>
      </c>
      <c r="C4714" s="1" t="s">
        <v>19764</v>
      </c>
      <c r="D4714" s="2">
        <v>157542</v>
      </c>
      <c r="E4714" s="1" t="s">
        <v>0</v>
      </c>
    </row>
    <row r="4715" spans="1:5" ht="409.5" x14ac:dyDescent="0.25">
      <c r="A4715" s="4" t="s">
        <v>19765</v>
      </c>
      <c r="B4715" s="1" t="s">
        <v>57008</v>
      </c>
      <c r="C4715" s="1" t="s">
        <v>19766</v>
      </c>
      <c r="D4715" s="2">
        <v>157543</v>
      </c>
      <c r="E4715" s="1" t="s">
        <v>0</v>
      </c>
    </row>
    <row r="4716" spans="1:5" x14ac:dyDescent="0.25">
      <c r="A4716" s="1" t="s">
        <v>19767</v>
      </c>
      <c r="B4716" s="1" t="s">
        <v>52117</v>
      </c>
      <c r="C4716" s="1" t="s">
        <v>19768</v>
      </c>
      <c r="D4716" s="2">
        <v>157544</v>
      </c>
      <c r="E4716" s="1" t="s">
        <v>0</v>
      </c>
    </row>
    <row r="4717" spans="1:5" x14ac:dyDescent="0.25">
      <c r="A4717" s="2">
        <v>943</v>
      </c>
      <c r="B4717" s="2">
        <v>943</v>
      </c>
      <c r="C4717" s="1" t="s">
        <v>0</v>
      </c>
      <c r="D4717" s="2">
        <v>157545</v>
      </c>
      <c r="E4717" s="1" t="s">
        <v>0</v>
      </c>
    </row>
    <row r="4718" spans="1:5" x14ac:dyDescent="0.25">
      <c r="A4718" s="1" t="s">
        <v>869</v>
      </c>
      <c r="B4718" s="1" t="s">
        <v>6335</v>
      </c>
      <c r="C4718" s="1" t="s">
        <v>19769</v>
      </c>
      <c r="D4718" s="2">
        <v>157546</v>
      </c>
      <c r="E4718" s="1" t="s">
        <v>0</v>
      </c>
    </row>
    <row r="4719" spans="1:5" x14ac:dyDescent="0.25">
      <c r="A4719" s="1" t="s">
        <v>19770</v>
      </c>
      <c r="B4719" s="1" t="s">
        <v>60966</v>
      </c>
      <c r="C4719" s="1" t="s">
        <v>19771</v>
      </c>
      <c r="D4719" s="2">
        <v>157547</v>
      </c>
      <c r="E4719" s="1" t="s">
        <v>0</v>
      </c>
    </row>
    <row r="4720" spans="1:5" ht="409.5" x14ac:dyDescent="0.25">
      <c r="A4720" s="4" t="s">
        <v>19772</v>
      </c>
      <c r="B4720" s="1" t="s">
        <v>60967</v>
      </c>
      <c r="C4720" s="1" t="s">
        <v>19773</v>
      </c>
      <c r="D4720" s="2">
        <v>157548</v>
      </c>
      <c r="E4720" s="1" t="s">
        <v>0</v>
      </c>
    </row>
    <row r="4721" spans="1:5" x14ac:dyDescent="0.25">
      <c r="A4721" s="1" t="s">
        <v>19774</v>
      </c>
      <c r="B4721" s="1" t="s">
        <v>57428</v>
      </c>
      <c r="C4721" s="1" t="s">
        <v>19775</v>
      </c>
      <c r="D4721" s="2">
        <v>157549</v>
      </c>
      <c r="E4721" s="1" t="s">
        <v>0</v>
      </c>
    </row>
    <row r="4722" spans="1:5" x14ac:dyDescent="0.25">
      <c r="A4722" s="2">
        <v>944</v>
      </c>
      <c r="B4722" s="2">
        <v>944</v>
      </c>
      <c r="C4722" s="1" t="s">
        <v>0</v>
      </c>
      <c r="D4722" s="2">
        <v>157550</v>
      </c>
      <c r="E4722" s="1" t="s">
        <v>0</v>
      </c>
    </row>
    <row r="4723" spans="1:5" x14ac:dyDescent="0.25">
      <c r="A4723" s="1" t="s">
        <v>870</v>
      </c>
      <c r="B4723" s="1" t="s">
        <v>6336</v>
      </c>
      <c r="C4723" s="1" t="s">
        <v>19776</v>
      </c>
      <c r="D4723" s="2">
        <v>157551</v>
      </c>
      <c r="E4723" s="1" t="s">
        <v>0</v>
      </c>
    </row>
    <row r="4724" spans="1:5" x14ac:dyDescent="0.25">
      <c r="A4724" s="1" t="s">
        <v>19777</v>
      </c>
      <c r="B4724" s="1" t="s">
        <v>52118</v>
      </c>
      <c r="C4724" s="1" t="s">
        <v>19778</v>
      </c>
      <c r="D4724" s="2">
        <v>157552</v>
      </c>
      <c r="E4724" s="1" t="s">
        <v>0</v>
      </c>
    </row>
    <row r="4725" spans="1:5" ht="409.5" x14ac:dyDescent="0.25">
      <c r="A4725" s="4" t="s">
        <v>19779</v>
      </c>
      <c r="B4725" s="1" t="s">
        <v>52119</v>
      </c>
      <c r="C4725" s="1" t="s">
        <v>19780</v>
      </c>
      <c r="D4725" s="2">
        <v>157553</v>
      </c>
      <c r="E4725" s="1" t="s">
        <v>0</v>
      </c>
    </row>
    <row r="4726" spans="1:5" x14ac:dyDescent="0.25">
      <c r="A4726" s="1" t="s">
        <v>19781</v>
      </c>
      <c r="B4726" s="1" t="s">
        <v>6337</v>
      </c>
      <c r="C4726" s="1" t="s">
        <v>19782</v>
      </c>
      <c r="D4726" s="2">
        <v>157554</v>
      </c>
      <c r="E4726" s="1" t="s">
        <v>0</v>
      </c>
    </row>
    <row r="4727" spans="1:5" x14ac:dyDescent="0.25">
      <c r="A4727" s="2">
        <v>945</v>
      </c>
      <c r="B4727" s="2">
        <v>945</v>
      </c>
      <c r="C4727" s="1" t="s">
        <v>0</v>
      </c>
      <c r="D4727" s="2">
        <v>157555</v>
      </c>
      <c r="E4727" s="1" t="s">
        <v>0</v>
      </c>
    </row>
    <row r="4728" spans="1:5" x14ac:dyDescent="0.25">
      <c r="A4728" s="1" t="s">
        <v>871</v>
      </c>
      <c r="B4728" s="1" t="s">
        <v>6338</v>
      </c>
      <c r="C4728" s="1" t="s">
        <v>19783</v>
      </c>
      <c r="D4728" s="2">
        <v>157556</v>
      </c>
      <c r="E4728" s="1" t="s">
        <v>0</v>
      </c>
    </row>
    <row r="4729" spans="1:5" x14ac:dyDescent="0.25">
      <c r="A4729" s="1" t="s">
        <v>19784</v>
      </c>
      <c r="B4729" s="1" t="s">
        <v>52120</v>
      </c>
      <c r="C4729" s="1" t="s">
        <v>19785</v>
      </c>
      <c r="D4729" s="2">
        <v>157557</v>
      </c>
      <c r="E4729" s="1" t="s">
        <v>0</v>
      </c>
    </row>
    <row r="4730" spans="1:5" ht="409.5" x14ac:dyDescent="0.25">
      <c r="A4730" s="4" t="s">
        <v>19786</v>
      </c>
      <c r="B4730" s="1" t="s">
        <v>52121</v>
      </c>
      <c r="C4730" s="1" t="s">
        <v>19787</v>
      </c>
      <c r="D4730" s="2">
        <v>157558</v>
      </c>
      <c r="E4730" s="1" t="s">
        <v>0</v>
      </c>
    </row>
    <row r="4731" spans="1:5" x14ac:dyDescent="0.25">
      <c r="A4731" s="1" t="s">
        <v>19788</v>
      </c>
      <c r="B4731" s="1" t="s">
        <v>57147</v>
      </c>
      <c r="C4731" s="1" t="s">
        <v>19789</v>
      </c>
      <c r="D4731" s="2">
        <v>157559</v>
      </c>
      <c r="E4731" s="1" t="s">
        <v>0</v>
      </c>
    </row>
    <row r="4732" spans="1:5" x14ac:dyDescent="0.25">
      <c r="A4732" s="2">
        <v>946</v>
      </c>
      <c r="B4732" s="2">
        <v>946</v>
      </c>
      <c r="C4732" s="1" t="s">
        <v>0</v>
      </c>
      <c r="D4732" s="2">
        <v>157560</v>
      </c>
      <c r="E4732" s="1" t="s">
        <v>0</v>
      </c>
    </row>
    <row r="4733" spans="1:5" x14ac:dyDescent="0.25">
      <c r="A4733" s="1" t="s">
        <v>13021</v>
      </c>
      <c r="B4733" s="1" t="s">
        <v>6339</v>
      </c>
      <c r="C4733" s="1" t="s">
        <v>19790</v>
      </c>
      <c r="D4733" s="2">
        <v>157561</v>
      </c>
      <c r="E4733" s="1" t="s">
        <v>0</v>
      </c>
    </row>
    <row r="4734" spans="1:5" x14ac:dyDescent="0.25">
      <c r="A4734" s="1" t="s">
        <v>19791</v>
      </c>
      <c r="B4734" s="1" t="s">
        <v>52122</v>
      </c>
      <c r="C4734" s="1" t="s">
        <v>19792</v>
      </c>
      <c r="D4734" s="2">
        <v>157562</v>
      </c>
      <c r="E4734" s="1" t="s">
        <v>0</v>
      </c>
    </row>
    <row r="4735" spans="1:5" ht="409.5" x14ac:dyDescent="0.25">
      <c r="A4735" s="4" t="s">
        <v>19793</v>
      </c>
      <c r="B4735" s="1" t="s">
        <v>52123</v>
      </c>
      <c r="C4735" s="1" t="s">
        <v>19794</v>
      </c>
      <c r="D4735" s="2">
        <v>157563</v>
      </c>
      <c r="E4735" s="1" t="s">
        <v>0</v>
      </c>
    </row>
    <row r="4736" spans="1:5" x14ac:dyDescent="0.25">
      <c r="A4736" s="1" t="s">
        <v>19795</v>
      </c>
      <c r="B4736" s="1" t="s">
        <v>6340</v>
      </c>
      <c r="C4736" s="1" t="s">
        <v>19796</v>
      </c>
      <c r="D4736" s="2">
        <v>157564</v>
      </c>
      <c r="E4736" s="1" t="s">
        <v>0</v>
      </c>
    </row>
    <row r="4737" spans="1:5" x14ac:dyDescent="0.25">
      <c r="A4737" s="2">
        <v>947</v>
      </c>
      <c r="B4737" s="2">
        <v>947</v>
      </c>
      <c r="C4737" s="1" t="s">
        <v>0</v>
      </c>
      <c r="D4737" s="2">
        <v>157565</v>
      </c>
      <c r="E4737" s="1" t="s">
        <v>0</v>
      </c>
    </row>
    <row r="4738" spans="1:5" x14ac:dyDescent="0.25">
      <c r="A4738" s="1" t="s">
        <v>872</v>
      </c>
      <c r="B4738" s="1" t="s">
        <v>6341</v>
      </c>
      <c r="C4738" s="1" t="s">
        <v>19797</v>
      </c>
      <c r="D4738" s="2">
        <v>157566</v>
      </c>
      <c r="E4738" s="1" t="s">
        <v>0</v>
      </c>
    </row>
    <row r="4739" spans="1:5" x14ac:dyDescent="0.25">
      <c r="A4739" s="1" t="s">
        <v>19798</v>
      </c>
      <c r="B4739" s="1" t="s">
        <v>60968</v>
      </c>
      <c r="C4739" s="1" t="s">
        <v>19799</v>
      </c>
      <c r="D4739" s="2">
        <v>157567</v>
      </c>
      <c r="E4739" s="1" t="s">
        <v>0</v>
      </c>
    </row>
    <row r="4740" spans="1:5" ht="409.5" x14ac:dyDescent="0.25">
      <c r="A4740" s="4" t="s">
        <v>19800</v>
      </c>
      <c r="B4740" s="1" t="s">
        <v>60969</v>
      </c>
      <c r="C4740" s="1" t="s">
        <v>19801</v>
      </c>
      <c r="D4740" s="2">
        <v>157568</v>
      </c>
      <c r="E4740" s="1" t="s">
        <v>0</v>
      </c>
    </row>
    <row r="4741" spans="1:5" x14ac:dyDescent="0.25">
      <c r="A4741" s="1" t="s">
        <v>19802</v>
      </c>
      <c r="B4741" s="1" t="s">
        <v>60970</v>
      </c>
      <c r="C4741" s="1" t="s">
        <v>19803</v>
      </c>
      <c r="D4741" s="2">
        <v>157569</v>
      </c>
      <c r="E4741" s="1" t="s">
        <v>0</v>
      </c>
    </row>
    <row r="4742" spans="1:5" x14ac:dyDescent="0.25">
      <c r="A4742" s="2">
        <v>948</v>
      </c>
      <c r="B4742" s="2">
        <v>948</v>
      </c>
      <c r="C4742" s="1" t="s">
        <v>0</v>
      </c>
      <c r="D4742" s="2">
        <v>157570</v>
      </c>
      <c r="E4742" s="1" t="s">
        <v>0</v>
      </c>
    </row>
    <row r="4743" spans="1:5" x14ac:dyDescent="0.25">
      <c r="A4743" s="1" t="s">
        <v>873</v>
      </c>
      <c r="B4743" s="1" t="s">
        <v>6342</v>
      </c>
      <c r="C4743" s="1" t="s">
        <v>19804</v>
      </c>
      <c r="D4743" s="2">
        <v>157571</v>
      </c>
      <c r="E4743" s="1" t="s">
        <v>0</v>
      </c>
    </row>
    <row r="4744" spans="1:5" x14ac:dyDescent="0.25">
      <c r="A4744" s="1" t="s">
        <v>19805</v>
      </c>
      <c r="B4744" s="1" t="s">
        <v>6343</v>
      </c>
      <c r="C4744" s="1" t="s">
        <v>19806</v>
      </c>
      <c r="D4744" s="2">
        <v>157572</v>
      </c>
      <c r="E4744" s="1" t="s">
        <v>0</v>
      </c>
    </row>
    <row r="4745" spans="1:5" ht="409.5" x14ac:dyDescent="0.25">
      <c r="A4745" s="4" t="s">
        <v>19807</v>
      </c>
      <c r="B4745" s="1" t="s">
        <v>52124</v>
      </c>
      <c r="C4745" s="1" t="s">
        <v>19808</v>
      </c>
      <c r="D4745" s="2">
        <v>157573</v>
      </c>
      <c r="E4745" s="1" t="s">
        <v>0</v>
      </c>
    </row>
    <row r="4746" spans="1:5" x14ac:dyDescent="0.25">
      <c r="A4746" s="1" t="s">
        <v>19809</v>
      </c>
      <c r="B4746" s="1" t="s">
        <v>6344</v>
      </c>
      <c r="C4746" s="1" t="s">
        <v>19810</v>
      </c>
      <c r="D4746" s="2">
        <v>157574</v>
      </c>
      <c r="E4746" s="1" t="s">
        <v>0</v>
      </c>
    </row>
    <row r="4747" spans="1:5" x14ac:dyDescent="0.25">
      <c r="A4747" s="2">
        <v>949</v>
      </c>
      <c r="B4747" s="2">
        <v>949</v>
      </c>
      <c r="C4747" s="1" t="s">
        <v>0</v>
      </c>
      <c r="D4747" s="2">
        <v>157575</v>
      </c>
      <c r="E4747" s="1" t="s">
        <v>0</v>
      </c>
    </row>
    <row r="4748" spans="1:5" x14ac:dyDescent="0.25">
      <c r="A4748" s="1" t="s">
        <v>874</v>
      </c>
      <c r="B4748" s="1" t="s">
        <v>52125</v>
      </c>
      <c r="C4748" s="1" t="s">
        <v>19811</v>
      </c>
      <c r="D4748" s="2">
        <v>157576</v>
      </c>
      <c r="E4748" s="1" t="s">
        <v>0</v>
      </c>
    </row>
    <row r="4749" spans="1:5" x14ac:dyDescent="0.25">
      <c r="A4749" s="1" t="s">
        <v>19812</v>
      </c>
      <c r="B4749" s="1" t="s">
        <v>52126</v>
      </c>
      <c r="C4749" s="1" t="s">
        <v>19813</v>
      </c>
      <c r="D4749" s="2">
        <v>157577</v>
      </c>
      <c r="E4749" s="1" t="s">
        <v>0</v>
      </c>
    </row>
    <row r="4750" spans="1:5" ht="409.5" x14ac:dyDescent="0.25">
      <c r="A4750" s="4" t="s">
        <v>19814</v>
      </c>
      <c r="B4750" s="1" t="s">
        <v>52127</v>
      </c>
      <c r="C4750" s="1" t="s">
        <v>19815</v>
      </c>
      <c r="D4750" s="2">
        <v>157578</v>
      </c>
      <c r="E4750" s="1" t="s">
        <v>0</v>
      </c>
    </row>
    <row r="4751" spans="1:5" x14ac:dyDescent="0.25">
      <c r="A4751" s="1" t="s">
        <v>19816</v>
      </c>
      <c r="B4751" s="1" t="s">
        <v>57148</v>
      </c>
      <c r="C4751" s="1" t="s">
        <v>19817</v>
      </c>
      <c r="D4751" s="2">
        <v>157579</v>
      </c>
      <c r="E4751" s="1" t="s">
        <v>0</v>
      </c>
    </row>
    <row r="4752" spans="1:5" x14ac:dyDescent="0.25">
      <c r="A4752" s="2">
        <v>950</v>
      </c>
      <c r="B4752" s="2">
        <v>950</v>
      </c>
      <c r="C4752" s="1" t="s">
        <v>0</v>
      </c>
      <c r="D4752" s="2">
        <v>157580</v>
      </c>
      <c r="E4752" s="1" t="s">
        <v>0</v>
      </c>
    </row>
    <row r="4753" spans="1:5" x14ac:dyDescent="0.25">
      <c r="A4753" s="1" t="s">
        <v>875</v>
      </c>
      <c r="B4753" s="1" t="s">
        <v>6345</v>
      </c>
      <c r="C4753" s="1" t="s">
        <v>19818</v>
      </c>
      <c r="D4753" s="2">
        <v>157581</v>
      </c>
      <c r="E4753" s="1" t="s">
        <v>0</v>
      </c>
    </row>
    <row r="4754" spans="1:5" x14ac:dyDescent="0.25">
      <c r="A4754" s="1" t="s">
        <v>19819</v>
      </c>
      <c r="B4754" s="1" t="s">
        <v>52128</v>
      </c>
      <c r="C4754" s="1" t="s">
        <v>19820</v>
      </c>
      <c r="D4754" s="2">
        <v>157582</v>
      </c>
      <c r="E4754" s="1" t="s">
        <v>0</v>
      </c>
    </row>
    <row r="4755" spans="1:5" ht="409.5" x14ac:dyDescent="0.25">
      <c r="A4755" s="4" t="s">
        <v>19821</v>
      </c>
      <c r="B4755" s="1" t="s">
        <v>57673</v>
      </c>
      <c r="C4755" s="1" t="s">
        <v>19822</v>
      </c>
      <c r="D4755" s="2">
        <v>157583</v>
      </c>
      <c r="E4755" s="1" t="s">
        <v>0</v>
      </c>
    </row>
    <row r="4756" spans="1:5" x14ac:dyDescent="0.25">
      <c r="A4756" s="1" t="s">
        <v>19823</v>
      </c>
      <c r="B4756" s="1" t="s">
        <v>6346</v>
      </c>
      <c r="C4756" s="1" t="s">
        <v>19824</v>
      </c>
      <c r="D4756" s="2">
        <v>157584</v>
      </c>
      <c r="E4756" s="1" t="s">
        <v>0</v>
      </c>
    </row>
    <row r="4757" spans="1:5" x14ac:dyDescent="0.25">
      <c r="A4757" s="2">
        <v>951</v>
      </c>
      <c r="B4757" s="2">
        <v>951</v>
      </c>
      <c r="C4757" s="1" t="s">
        <v>0</v>
      </c>
      <c r="D4757" s="2">
        <v>157585</v>
      </c>
      <c r="E4757" s="1" t="s">
        <v>0</v>
      </c>
    </row>
    <row r="4758" spans="1:5" x14ac:dyDescent="0.25">
      <c r="A4758" s="1" t="s">
        <v>876</v>
      </c>
      <c r="B4758" s="1" t="s">
        <v>6347</v>
      </c>
      <c r="C4758" s="1" t="s">
        <v>19825</v>
      </c>
      <c r="D4758" s="2">
        <v>157586</v>
      </c>
      <c r="E4758" s="1" t="s">
        <v>0</v>
      </c>
    </row>
    <row r="4759" spans="1:5" x14ac:dyDescent="0.25">
      <c r="A4759" s="1" t="s">
        <v>19826</v>
      </c>
      <c r="B4759" s="1" t="s">
        <v>50478</v>
      </c>
      <c r="C4759" s="1" t="s">
        <v>19827</v>
      </c>
      <c r="D4759" s="2">
        <v>157587</v>
      </c>
      <c r="E4759" s="1" t="s">
        <v>0</v>
      </c>
    </row>
    <row r="4760" spans="1:5" ht="409.5" x14ac:dyDescent="0.25">
      <c r="A4760" s="4" t="s">
        <v>19828</v>
      </c>
      <c r="B4760" s="1" t="s">
        <v>50479</v>
      </c>
      <c r="C4760" s="1" t="s">
        <v>19829</v>
      </c>
      <c r="D4760" s="2">
        <v>157588</v>
      </c>
      <c r="E4760" s="1" t="s">
        <v>0</v>
      </c>
    </row>
    <row r="4761" spans="1:5" x14ac:dyDescent="0.25">
      <c r="A4761" s="1" t="s">
        <v>19830</v>
      </c>
      <c r="B4761" s="1" t="s">
        <v>52129</v>
      </c>
      <c r="C4761" s="1" t="s">
        <v>19831</v>
      </c>
      <c r="D4761" s="2">
        <v>157589</v>
      </c>
      <c r="E4761" s="1" t="s">
        <v>0</v>
      </c>
    </row>
    <row r="4762" spans="1:5" x14ac:dyDescent="0.25">
      <c r="A4762" s="2">
        <v>952</v>
      </c>
      <c r="B4762" s="2">
        <v>952</v>
      </c>
      <c r="C4762" s="1" t="s">
        <v>0</v>
      </c>
      <c r="D4762" s="2">
        <v>157590</v>
      </c>
      <c r="E4762" s="1" t="s">
        <v>0</v>
      </c>
    </row>
    <row r="4763" spans="1:5" x14ac:dyDescent="0.25">
      <c r="A4763" s="1" t="s">
        <v>877</v>
      </c>
      <c r="B4763" s="1" t="s">
        <v>6348</v>
      </c>
      <c r="C4763" s="1" t="s">
        <v>19832</v>
      </c>
      <c r="D4763" s="2">
        <v>157591</v>
      </c>
      <c r="E4763" s="1" t="s">
        <v>0</v>
      </c>
    </row>
    <row r="4764" spans="1:5" x14ac:dyDescent="0.25">
      <c r="A4764" s="1" t="s">
        <v>19833</v>
      </c>
      <c r="B4764" s="1" t="s">
        <v>62144</v>
      </c>
      <c r="C4764" s="1" t="s">
        <v>19834</v>
      </c>
      <c r="D4764" s="2">
        <v>157592</v>
      </c>
      <c r="E4764" s="1" t="s">
        <v>0</v>
      </c>
    </row>
    <row r="4765" spans="1:5" ht="409.5" x14ac:dyDescent="0.25">
      <c r="A4765" s="4" t="s">
        <v>19835</v>
      </c>
      <c r="B4765" s="1" t="s">
        <v>62145</v>
      </c>
      <c r="C4765" s="1" t="s">
        <v>19836</v>
      </c>
      <c r="D4765" s="2">
        <v>157593</v>
      </c>
      <c r="E4765" s="1" t="s">
        <v>0</v>
      </c>
    </row>
    <row r="4766" spans="1:5" x14ac:dyDescent="0.25">
      <c r="A4766" s="1" t="s">
        <v>19837</v>
      </c>
      <c r="B4766" s="1" t="s">
        <v>52130</v>
      </c>
      <c r="C4766" s="1" t="s">
        <v>19838</v>
      </c>
      <c r="D4766" s="2">
        <v>157594</v>
      </c>
      <c r="E4766" s="1" t="s">
        <v>0</v>
      </c>
    </row>
    <row r="4767" spans="1:5" x14ac:dyDescent="0.25">
      <c r="A4767" s="2">
        <v>953</v>
      </c>
      <c r="B4767" s="2">
        <v>953</v>
      </c>
      <c r="C4767" s="1" t="s">
        <v>0</v>
      </c>
      <c r="D4767" s="2">
        <v>157595</v>
      </c>
      <c r="E4767" s="1" t="s">
        <v>0</v>
      </c>
    </row>
    <row r="4768" spans="1:5" x14ac:dyDescent="0.25">
      <c r="A4768" s="1" t="s">
        <v>878</v>
      </c>
      <c r="B4768" s="1" t="s">
        <v>6349</v>
      </c>
      <c r="C4768" s="1" t="s">
        <v>19839</v>
      </c>
      <c r="D4768" s="2">
        <v>157596</v>
      </c>
      <c r="E4768" s="1" t="s">
        <v>0</v>
      </c>
    </row>
    <row r="4769" spans="1:5" x14ac:dyDescent="0.25">
      <c r="A4769" s="1" t="s">
        <v>19840</v>
      </c>
      <c r="B4769" s="1" t="s">
        <v>59825</v>
      </c>
      <c r="C4769" s="1" t="s">
        <v>19841</v>
      </c>
      <c r="D4769" s="2">
        <v>157597</v>
      </c>
      <c r="E4769" s="1" t="s">
        <v>0</v>
      </c>
    </row>
    <row r="4770" spans="1:5" ht="409.5" x14ac:dyDescent="0.25">
      <c r="A4770" s="4" t="s">
        <v>19842</v>
      </c>
      <c r="B4770" s="1" t="s">
        <v>59826</v>
      </c>
      <c r="C4770" s="1" t="s">
        <v>19843</v>
      </c>
      <c r="D4770" s="2">
        <v>157598</v>
      </c>
      <c r="E4770" s="1" t="s">
        <v>0</v>
      </c>
    </row>
    <row r="4771" spans="1:5" x14ac:dyDescent="0.25">
      <c r="A4771" s="1" t="s">
        <v>19844</v>
      </c>
      <c r="B4771" s="1" t="s">
        <v>52131</v>
      </c>
      <c r="C4771" s="1" t="s">
        <v>19845</v>
      </c>
      <c r="D4771" s="2">
        <v>157599</v>
      </c>
      <c r="E4771" s="1" t="s">
        <v>0</v>
      </c>
    </row>
    <row r="4772" spans="1:5" x14ac:dyDescent="0.25">
      <c r="A4772" s="2">
        <v>954</v>
      </c>
      <c r="B4772" s="2">
        <v>954</v>
      </c>
      <c r="C4772" s="1" t="s">
        <v>0</v>
      </c>
      <c r="D4772" s="2">
        <v>157600</v>
      </c>
      <c r="E4772" s="1" t="s">
        <v>0</v>
      </c>
    </row>
    <row r="4773" spans="1:5" x14ac:dyDescent="0.25">
      <c r="A4773" s="1" t="s">
        <v>879</v>
      </c>
      <c r="B4773" s="1" t="s">
        <v>6350</v>
      </c>
      <c r="C4773" s="1" t="s">
        <v>19846</v>
      </c>
      <c r="D4773" s="2">
        <v>157601</v>
      </c>
      <c r="E4773" s="1" t="s">
        <v>0</v>
      </c>
    </row>
    <row r="4774" spans="1:5" x14ac:dyDescent="0.25">
      <c r="A4774" s="1" t="s">
        <v>19847</v>
      </c>
      <c r="B4774" s="1" t="s">
        <v>63634</v>
      </c>
      <c r="C4774" s="1" t="s">
        <v>19848</v>
      </c>
      <c r="D4774" s="2">
        <v>157602</v>
      </c>
      <c r="E4774" s="1" t="s">
        <v>0</v>
      </c>
    </row>
    <row r="4775" spans="1:5" ht="409.5" x14ac:dyDescent="0.25">
      <c r="A4775" s="4" t="s">
        <v>19849</v>
      </c>
      <c r="B4775" s="1" t="s">
        <v>63635</v>
      </c>
      <c r="C4775" s="1" t="s">
        <v>19850</v>
      </c>
      <c r="D4775" s="2">
        <v>157603</v>
      </c>
      <c r="E4775" s="1" t="s">
        <v>0</v>
      </c>
    </row>
    <row r="4776" spans="1:5" x14ac:dyDescent="0.25">
      <c r="A4776" s="1" t="s">
        <v>13413</v>
      </c>
      <c r="B4776" s="1" t="s">
        <v>60845</v>
      </c>
      <c r="C4776" s="1" t="s">
        <v>13414</v>
      </c>
      <c r="D4776" s="2">
        <v>157604</v>
      </c>
      <c r="E4776" s="1" t="s">
        <v>0</v>
      </c>
    </row>
    <row r="4777" spans="1:5" x14ac:dyDescent="0.25">
      <c r="A4777" s="2">
        <v>955</v>
      </c>
      <c r="B4777" s="2">
        <v>955</v>
      </c>
      <c r="C4777" s="1" t="s">
        <v>0</v>
      </c>
      <c r="D4777" s="2">
        <v>157605</v>
      </c>
      <c r="E4777" s="1" t="s">
        <v>0</v>
      </c>
    </row>
    <row r="4778" spans="1:5" x14ac:dyDescent="0.25">
      <c r="A4778" s="1" t="s">
        <v>880</v>
      </c>
      <c r="B4778" s="1" t="s">
        <v>6351</v>
      </c>
      <c r="C4778" s="1" t="s">
        <v>19851</v>
      </c>
      <c r="D4778" s="2">
        <v>157606</v>
      </c>
      <c r="E4778" s="1" t="s">
        <v>0</v>
      </c>
    </row>
    <row r="4779" spans="1:5" x14ac:dyDescent="0.25">
      <c r="A4779" s="1" t="s">
        <v>19852</v>
      </c>
      <c r="B4779" s="1" t="s">
        <v>52132</v>
      </c>
      <c r="C4779" s="1" t="s">
        <v>19853</v>
      </c>
      <c r="D4779" s="2">
        <v>157607</v>
      </c>
      <c r="E4779" s="1" t="s">
        <v>0</v>
      </c>
    </row>
    <row r="4780" spans="1:5" ht="409.5" x14ac:dyDescent="0.25">
      <c r="A4780" s="4" t="s">
        <v>19854</v>
      </c>
      <c r="B4780" s="1" t="s">
        <v>52133</v>
      </c>
      <c r="C4780" s="1" t="s">
        <v>19855</v>
      </c>
      <c r="D4780" s="2">
        <v>157608</v>
      </c>
      <c r="E4780" s="1" t="s">
        <v>0</v>
      </c>
    </row>
    <row r="4781" spans="1:5" x14ac:dyDescent="0.25">
      <c r="A4781" s="1" t="s">
        <v>19856</v>
      </c>
      <c r="B4781" s="1" t="s">
        <v>6352</v>
      </c>
      <c r="C4781" s="1" t="s">
        <v>19857</v>
      </c>
      <c r="D4781" s="2">
        <v>157609</v>
      </c>
      <c r="E4781" s="1" t="s">
        <v>0</v>
      </c>
    </row>
    <row r="4782" spans="1:5" x14ac:dyDescent="0.25">
      <c r="A4782" s="2">
        <v>956</v>
      </c>
      <c r="B4782" s="2">
        <v>956</v>
      </c>
      <c r="C4782" s="1" t="s">
        <v>0</v>
      </c>
      <c r="D4782" s="2">
        <v>157610</v>
      </c>
      <c r="E4782" s="1" t="s">
        <v>0</v>
      </c>
    </row>
    <row r="4783" spans="1:5" x14ac:dyDescent="0.25">
      <c r="A4783" s="1" t="s">
        <v>881</v>
      </c>
      <c r="B4783" s="1" t="s">
        <v>52134</v>
      </c>
      <c r="C4783" s="1" t="s">
        <v>19858</v>
      </c>
      <c r="D4783" s="2">
        <v>157611</v>
      </c>
      <c r="E4783" s="1" t="s">
        <v>0</v>
      </c>
    </row>
    <row r="4784" spans="1:5" x14ac:dyDescent="0.25">
      <c r="A4784" s="1" t="s">
        <v>19859</v>
      </c>
      <c r="B4784" s="1" t="s">
        <v>52135</v>
      </c>
      <c r="C4784" s="1" t="s">
        <v>19860</v>
      </c>
      <c r="D4784" s="2">
        <v>157612</v>
      </c>
      <c r="E4784" s="1" t="s">
        <v>0</v>
      </c>
    </row>
    <row r="4785" spans="1:5" ht="409.5" x14ac:dyDescent="0.25">
      <c r="A4785" s="4" t="s">
        <v>19861</v>
      </c>
      <c r="B4785" s="1" t="s">
        <v>52136</v>
      </c>
      <c r="C4785" s="1" t="s">
        <v>19862</v>
      </c>
      <c r="D4785" s="2">
        <v>157613</v>
      </c>
      <c r="E4785" s="1" t="s">
        <v>0</v>
      </c>
    </row>
    <row r="4786" spans="1:5" x14ac:dyDescent="0.25">
      <c r="A4786" s="1" t="s">
        <v>19863</v>
      </c>
      <c r="B4786" s="1" t="s">
        <v>52137</v>
      </c>
      <c r="C4786" s="1" t="s">
        <v>19864</v>
      </c>
      <c r="D4786" s="2">
        <v>157614</v>
      </c>
      <c r="E4786" s="1" t="s">
        <v>0</v>
      </c>
    </row>
    <row r="4787" spans="1:5" x14ac:dyDescent="0.25">
      <c r="A4787" s="2">
        <v>957</v>
      </c>
      <c r="B4787" s="2">
        <v>957</v>
      </c>
      <c r="C4787" s="1" t="s">
        <v>0</v>
      </c>
      <c r="D4787" s="2">
        <v>157615</v>
      </c>
      <c r="E4787" s="1" t="s">
        <v>0</v>
      </c>
    </row>
    <row r="4788" spans="1:5" x14ac:dyDescent="0.25">
      <c r="A4788" s="1" t="s">
        <v>882</v>
      </c>
      <c r="B4788" s="1" t="s">
        <v>6353</v>
      </c>
      <c r="C4788" s="1" t="s">
        <v>19865</v>
      </c>
      <c r="D4788" s="2">
        <v>157616</v>
      </c>
      <c r="E4788" s="1" t="s">
        <v>0</v>
      </c>
    </row>
    <row r="4789" spans="1:5" x14ac:dyDescent="0.25">
      <c r="A4789" s="1" t="s">
        <v>19866</v>
      </c>
      <c r="B4789" s="1" t="s">
        <v>6354</v>
      </c>
      <c r="C4789" s="1" t="s">
        <v>19867</v>
      </c>
      <c r="D4789" s="2">
        <v>157617</v>
      </c>
      <c r="E4789" s="1" t="s">
        <v>0</v>
      </c>
    </row>
    <row r="4790" spans="1:5" ht="409.5" x14ac:dyDescent="0.25">
      <c r="A4790" s="4" t="s">
        <v>19868</v>
      </c>
      <c r="B4790" s="1" t="s">
        <v>6355</v>
      </c>
      <c r="C4790" s="1" t="s">
        <v>19869</v>
      </c>
      <c r="D4790" s="2">
        <v>157618</v>
      </c>
      <c r="E4790" s="1" t="s">
        <v>0</v>
      </c>
    </row>
    <row r="4791" spans="1:5" x14ac:dyDescent="0.25">
      <c r="A4791" s="1" t="s">
        <v>19870</v>
      </c>
      <c r="B4791" s="1" t="s">
        <v>52138</v>
      </c>
      <c r="C4791" s="1" t="s">
        <v>19871</v>
      </c>
      <c r="D4791" s="2">
        <v>157619</v>
      </c>
      <c r="E4791" s="1" t="s">
        <v>0</v>
      </c>
    </row>
    <row r="4792" spans="1:5" x14ac:dyDescent="0.25">
      <c r="A4792" s="2">
        <v>958</v>
      </c>
      <c r="B4792" s="2">
        <v>958</v>
      </c>
      <c r="C4792" s="1" t="s">
        <v>0</v>
      </c>
      <c r="D4792" s="2">
        <v>157620</v>
      </c>
      <c r="E4792" s="1" t="s">
        <v>0</v>
      </c>
    </row>
    <row r="4793" spans="1:5" x14ac:dyDescent="0.25">
      <c r="A4793" s="1" t="s">
        <v>883</v>
      </c>
      <c r="B4793" s="1" t="s">
        <v>6356</v>
      </c>
      <c r="C4793" s="1" t="s">
        <v>19872</v>
      </c>
      <c r="D4793" s="2">
        <v>157621</v>
      </c>
      <c r="E4793" s="1" t="s">
        <v>0</v>
      </c>
    </row>
    <row r="4794" spans="1:5" x14ac:dyDescent="0.25">
      <c r="A4794" s="1" t="s">
        <v>19873</v>
      </c>
      <c r="B4794" s="1" t="s">
        <v>58060</v>
      </c>
      <c r="C4794" s="1" t="s">
        <v>19874</v>
      </c>
      <c r="D4794" s="2">
        <v>157622</v>
      </c>
      <c r="E4794" s="1" t="s">
        <v>0</v>
      </c>
    </row>
    <row r="4795" spans="1:5" ht="409.5" x14ac:dyDescent="0.25">
      <c r="A4795" s="4" t="s">
        <v>19875</v>
      </c>
      <c r="B4795" s="1" t="s">
        <v>58061</v>
      </c>
      <c r="C4795" s="1" t="s">
        <v>19876</v>
      </c>
      <c r="D4795" s="2">
        <v>157623</v>
      </c>
      <c r="E4795" s="1" t="s">
        <v>0</v>
      </c>
    </row>
    <row r="4796" spans="1:5" x14ac:dyDescent="0.25">
      <c r="A4796" s="1" t="s">
        <v>19877</v>
      </c>
      <c r="B4796" s="1" t="s">
        <v>52139</v>
      </c>
      <c r="C4796" s="1" t="s">
        <v>19878</v>
      </c>
      <c r="D4796" s="2">
        <v>157624</v>
      </c>
      <c r="E4796" s="1" t="s">
        <v>0</v>
      </c>
    </row>
    <row r="4797" spans="1:5" x14ac:dyDescent="0.25">
      <c r="A4797" s="2">
        <v>959</v>
      </c>
      <c r="B4797" s="2">
        <v>959</v>
      </c>
      <c r="C4797" s="1" t="s">
        <v>0</v>
      </c>
      <c r="D4797" s="2">
        <v>157625</v>
      </c>
      <c r="E4797" s="1" t="s">
        <v>0</v>
      </c>
    </row>
    <row r="4798" spans="1:5" x14ac:dyDescent="0.25">
      <c r="A4798" s="1" t="s">
        <v>884</v>
      </c>
      <c r="B4798" s="1" t="s">
        <v>6357</v>
      </c>
      <c r="C4798" s="1" t="s">
        <v>19879</v>
      </c>
      <c r="D4798" s="2">
        <v>157626</v>
      </c>
      <c r="E4798" s="1" t="s">
        <v>0</v>
      </c>
    </row>
    <row r="4799" spans="1:5" x14ac:dyDescent="0.25">
      <c r="A4799" s="1" t="s">
        <v>19880</v>
      </c>
      <c r="B4799" s="1" t="s">
        <v>6358</v>
      </c>
      <c r="C4799" s="1" t="s">
        <v>19881</v>
      </c>
      <c r="D4799" s="2">
        <v>157627</v>
      </c>
      <c r="E4799" s="1" t="s">
        <v>0</v>
      </c>
    </row>
    <row r="4800" spans="1:5" ht="409.5" x14ac:dyDescent="0.25">
      <c r="A4800" s="4" t="s">
        <v>19882</v>
      </c>
      <c r="B4800" s="1" t="s">
        <v>58228</v>
      </c>
      <c r="C4800" s="1" t="s">
        <v>19883</v>
      </c>
      <c r="D4800" s="2">
        <v>157628</v>
      </c>
      <c r="E4800" s="1" t="s">
        <v>0</v>
      </c>
    </row>
    <row r="4801" spans="1:5" x14ac:dyDescent="0.25">
      <c r="A4801" s="1" t="s">
        <v>19884</v>
      </c>
      <c r="B4801" s="1" t="s">
        <v>6359</v>
      </c>
      <c r="C4801" s="1" t="s">
        <v>19885</v>
      </c>
      <c r="D4801" s="2">
        <v>157629</v>
      </c>
      <c r="E4801" s="1" t="s">
        <v>0</v>
      </c>
    </row>
    <row r="4802" spans="1:5" x14ac:dyDescent="0.25">
      <c r="A4802" s="2">
        <v>960</v>
      </c>
      <c r="B4802" s="2">
        <v>960</v>
      </c>
      <c r="C4802" s="1" t="s">
        <v>0</v>
      </c>
      <c r="D4802" s="2">
        <v>157630</v>
      </c>
      <c r="E4802" s="1" t="s">
        <v>0</v>
      </c>
    </row>
    <row r="4803" spans="1:5" x14ac:dyDescent="0.25">
      <c r="A4803" s="1" t="s">
        <v>885</v>
      </c>
      <c r="B4803" s="1" t="s">
        <v>6360</v>
      </c>
      <c r="C4803" s="1" t="s">
        <v>19886</v>
      </c>
      <c r="D4803" s="2">
        <v>157631</v>
      </c>
      <c r="E4803" s="1" t="s">
        <v>0</v>
      </c>
    </row>
    <row r="4804" spans="1:5" x14ac:dyDescent="0.25">
      <c r="A4804" s="1" t="s">
        <v>19887</v>
      </c>
      <c r="B4804" s="1" t="s">
        <v>6361</v>
      </c>
      <c r="C4804" s="1" t="s">
        <v>19888</v>
      </c>
      <c r="D4804" s="2">
        <v>157632</v>
      </c>
      <c r="E4804" s="1" t="s">
        <v>0</v>
      </c>
    </row>
    <row r="4805" spans="1:5" ht="409.5" x14ac:dyDescent="0.25">
      <c r="A4805" s="4" t="s">
        <v>19889</v>
      </c>
      <c r="B4805" s="1" t="s">
        <v>59572</v>
      </c>
      <c r="C4805" s="1" t="s">
        <v>19890</v>
      </c>
      <c r="D4805" s="2">
        <v>157633</v>
      </c>
      <c r="E4805" s="1" t="s">
        <v>0</v>
      </c>
    </row>
    <row r="4806" spans="1:5" x14ac:dyDescent="0.25">
      <c r="A4806" s="1" t="s">
        <v>19891</v>
      </c>
      <c r="B4806" s="1" t="s">
        <v>52140</v>
      </c>
      <c r="C4806" s="1" t="s">
        <v>19892</v>
      </c>
      <c r="D4806" s="2">
        <v>157634</v>
      </c>
      <c r="E4806" s="1" t="s">
        <v>0</v>
      </c>
    </row>
    <row r="4807" spans="1:5" x14ac:dyDescent="0.25">
      <c r="A4807" s="2">
        <v>961</v>
      </c>
      <c r="B4807" s="2">
        <v>961</v>
      </c>
      <c r="C4807" s="1" t="s">
        <v>0</v>
      </c>
      <c r="D4807" s="2">
        <v>157635</v>
      </c>
      <c r="E4807" s="1" t="s">
        <v>0</v>
      </c>
    </row>
    <row r="4808" spans="1:5" x14ac:dyDescent="0.25">
      <c r="A4808" s="1" t="s">
        <v>886</v>
      </c>
      <c r="B4808" s="1" t="s">
        <v>6362</v>
      </c>
      <c r="C4808" s="1" t="s">
        <v>19893</v>
      </c>
      <c r="D4808" s="2">
        <v>157636</v>
      </c>
      <c r="E4808" s="1" t="s">
        <v>0</v>
      </c>
    </row>
    <row r="4809" spans="1:5" x14ac:dyDescent="0.25">
      <c r="A4809" s="1" t="s">
        <v>19894</v>
      </c>
      <c r="B4809" s="1" t="s">
        <v>13022</v>
      </c>
      <c r="C4809" s="1" t="s">
        <v>19895</v>
      </c>
      <c r="D4809" s="2">
        <v>157637</v>
      </c>
      <c r="E4809" s="1" t="s">
        <v>0</v>
      </c>
    </row>
    <row r="4810" spans="1:5" ht="409.5" x14ac:dyDescent="0.25">
      <c r="A4810" s="4" t="s">
        <v>19896</v>
      </c>
      <c r="B4810" s="1" t="s">
        <v>57429</v>
      </c>
      <c r="C4810" s="1" t="s">
        <v>19897</v>
      </c>
      <c r="D4810" s="2">
        <v>157638</v>
      </c>
      <c r="E4810" s="1" t="s">
        <v>0</v>
      </c>
    </row>
    <row r="4811" spans="1:5" x14ac:dyDescent="0.25">
      <c r="A4811" s="1" t="s">
        <v>19898</v>
      </c>
      <c r="B4811" s="1" t="s">
        <v>52141</v>
      </c>
      <c r="C4811" s="1" t="s">
        <v>19899</v>
      </c>
      <c r="D4811" s="2">
        <v>157639</v>
      </c>
      <c r="E4811" s="1" t="s">
        <v>0</v>
      </c>
    </row>
    <row r="4812" spans="1:5" x14ac:dyDescent="0.25">
      <c r="A4812" s="2">
        <v>962</v>
      </c>
      <c r="B4812" s="2">
        <v>962</v>
      </c>
      <c r="C4812" s="1" t="s">
        <v>0</v>
      </c>
      <c r="D4812" s="2">
        <v>157640</v>
      </c>
      <c r="E4812" s="1" t="s">
        <v>0</v>
      </c>
    </row>
    <row r="4813" spans="1:5" x14ac:dyDescent="0.25">
      <c r="A4813" s="1" t="s">
        <v>887</v>
      </c>
      <c r="B4813" s="1" t="s">
        <v>6363</v>
      </c>
      <c r="C4813" s="1" t="s">
        <v>19900</v>
      </c>
      <c r="D4813" s="2">
        <v>157641</v>
      </c>
      <c r="E4813" s="1" t="s">
        <v>0</v>
      </c>
    </row>
    <row r="4814" spans="1:5" x14ac:dyDescent="0.25">
      <c r="A4814" s="1" t="s">
        <v>19901</v>
      </c>
      <c r="B4814" s="1" t="s">
        <v>60971</v>
      </c>
      <c r="C4814" s="1" t="s">
        <v>19902</v>
      </c>
      <c r="D4814" s="2">
        <v>157642</v>
      </c>
      <c r="E4814" s="1" t="s">
        <v>0</v>
      </c>
    </row>
    <row r="4815" spans="1:5" ht="409.5" x14ac:dyDescent="0.25">
      <c r="A4815" s="4" t="s">
        <v>19903</v>
      </c>
      <c r="B4815" s="1" t="s">
        <v>60972</v>
      </c>
      <c r="C4815" s="1" t="s">
        <v>19904</v>
      </c>
      <c r="D4815" s="2">
        <v>157643</v>
      </c>
      <c r="E4815" s="1" t="s">
        <v>0</v>
      </c>
    </row>
    <row r="4816" spans="1:5" x14ac:dyDescent="0.25">
      <c r="A4816" s="1" t="s">
        <v>19905</v>
      </c>
      <c r="B4816" s="1" t="s">
        <v>52142</v>
      </c>
      <c r="C4816" s="1" t="s">
        <v>19906</v>
      </c>
      <c r="D4816" s="2">
        <v>157644</v>
      </c>
      <c r="E4816" s="1" t="s">
        <v>0</v>
      </c>
    </row>
    <row r="4817" spans="1:5" x14ac:dyDescent="0.25">
      <c r="A4817" s="2">
        <v>963</v>
      </c>
      <c r="B4817" s="2">
        <v>963</v>
      </c>
      <c r="C4817" s="1" t="s">
        <v>0</v>
      </c>
      <c r="D4817" s="2">
        <v>157645</v>
      </c>
      <c r="E4817" s="1" t="s">
        <v>0</v>
      </c>
    </row>
    <row r="4818" spans="1:5" x14ac:dyDescent="0.25">
      <c r="A4818" s="1" t="s">
        <v>888</v>
      </c>
      <c r="B4818" s="1" t="s">
        <v>6364</v>
      </c>
      <c r="C4818" s="1" t="s">
        <v>19907</v>
      </c>
      <c r="D4818" s="2">
        <v>157646</v>
      </c>
      <c r="E4818" s="1" t="s">
        <v>0</v>
      </c>
    </row>
    <row r="4819" spans="1:5" x14ac:dyDescent="0.25">
      <c r="A4819" s="1" t="s">
        <v>19908</v>
      </c>
      <c r="B4819" s="1" t="s">
        <v>57747</v>
      </c>
      <c r="C4819" s="1" t="s">
        <v>19909</v>
      </c>
      <c r="D4819" s="2">
        <v>157647</v>
      </c>
      <c r="E4819" s="1" t="s">
        <v>0</v>
      </c>
    </row>
    <row r="4820" spans="1:5" ht="409.5" x14ac:dyDescent="0.25">
      <c r="A4820" s="4" t="s">
        <v>19910</v>
      </c>
      <c r="B4820" s="1" t="s">
        <v>57748</v>
      </c>
      <c r="C4820" s="1" t="s">
        <v>19911</v>
      </c>
      <c r="D4820" s="2">
        <v>157648</v>
      </c>
      <c r="E4820" s="1" t="s">
        <v>0</v>
      </c>
    </row>
    <row r="4821" spans="1:5" x14ac:dyDescent="0.25">
      <c r="A4821" s="1" t="s">
        <v>19912</v>
      </c>
      <c r="B4821" s="1" t="s">
        <v>6365</v>
      </c>
      <c r="C4821" s="1" t="s">
        <v>19913</v>
      </c>
      <c r="D4821" s="2">
        <v>157649</v>
      </c>
      <c r="E4821" s="1" t="s">
        <v>0</v>
      </c>
    </row>
    <row r="4822" spans="1:5" x14ac:dyDescent="0.25">
      <c r="A4822" s="2">
        <v>964</v>
      </c>
      <c r="B4822" s="2">
        <v>964</v>
      </c>
      <c r="C4822" s="1" t="s">
        <v>0</v>
      </c>
      <c r="D4822" s="2">
        <v>157650</v>
      </c>
      <c r="E4822" s="1" t="s">
        <v>0</v>
      </c>
    </row>
    <row r="4823" spans="1:5" x14ac:dyDescent="0.25">
      <c r="A4823" s="1" t="s">
        <v>889</v>
      </c>
      <c r="B4823" s="1" t="s">
        <v>6366</v>
      </c>
      <c r="C4823" s="1" t="s">
        <v>19914</v>
      </c>
      <c r="D4823" s="2">
        <v>157651</v>
      </c>
      <c r="E4823" s="1" t="s">
        <v>0</v>
      </c>
    </row>
    <row r="4824" spans="1:5" x14ac:dyDescent="0.25">
      <c r="A4824" s="1" t="s">
        <v>19915</v>
      </c>
      <c r="B4824" s="1" t="s">
        <v>58229</v>
      </c>
      <c r="C4824" s="1" t="s">
        <v>19916</v>
      </c>
      <c r="D4824" s="2">
        <v>157652</v>
      </c>
      <c r="E4824" s="1" t="s">
        <v>0</v>
      </c>
    </row>
    <row r="4825" spans="1:5" ht="409.5" x14ac:dyDescent="0.25">
      <c r="A4825" s="4" t="s">
        <v>19917</v>
      </c>
      <c r="B4825" s="1" t="s">
        <v>58230</v>
      </c>
      <c r="C4825" s="1" t="s">
        <v>19918</v>
      </c>
      <c r="D4825" s="2">
        <v>157653</v>
      </c>
      <c r="E4825" s="1" t="s">
        <v>0</v>
      </c>
    </row>
    <row r="4826" spans="1:5" x14ac:dyDescent="0.25">
      <c r="A4826" s="1" t="s">
        <v>19919</v>
      </c>
      <c r="B4826" s="1" t="s">
        <v>58231</v>
      </c>
      <c r="C4826" s="1" t="s">
        <v>19920</v>
      </c>
      <c r="D4826" s="2">
        <v>157654</v>
      </c>
      <c r="E4826" s="1" t="s">
        <v>0</v>
      </c>
    </row>
    <row r="4827" spans="1:5" x14ac:dyDescent="0.25">
      <c r="A4827" s="2">
        <v>965</v>
      </c>
      <c r="B4827" s="2">
        <v>965</v>
      </c>
      <c r="C4827" s="1" t="s">
        <v>0</v>
      </c>
      <c r="D4827" s="2">
        <v>157655</v>
      </c>
      <c r="E4827" s="1" t="s">
        <v>0</v>
      </c>
    </row>
    <row r="4828" spans="1:5" x14ac:dyDescent="0.25">
      <c r="A4828" s="1" t="s">
        <v>890</v>
      </c>
      <c r="B4828" s="1" t="s">
        <v>6367</v>
      </c>
      <c r="C4828" s="1" t="s">
        <v>19921</v>
      </c>
      <c r="D4828" s="2">
        <v>157656</v>
      </c>
      <c r="E4828" s="1" t="s">
        <v>0</v>
      </c>
    </row>
    <row r="4829" spans="1:5" x14ac:dyDescent="0.25">
      <c r="A4829" s="1" t="s">
        <v>19922</v>
      </c>
      <c r="B4829" s="1" t="s">
        <v>52143</v>
      </c>
      <c r="C4829" s="1" t="s">
        <v>19923</v>
      </c>
      <c r="D4829" s="2">
        <v>157657</v>
      </c>
      <c r="E4829" s="1" t="s">
        <v>0</v>
      </c>
    </row>
    <row r="4830" spans="1:5" ht="409.5" x14ac:dyDescent="0.25">
      <c r="A4830" s="4" t="s">
        <v>19924</v>
      </c>
      <c r="B4830" s="1" t="s">
        <v>57749</v>
      </c>
      <c r="C4830" s="1" t="s">
        <v>19925</v>
      </c>
      <c r="D4830" s="2">
        <v>157658</v>
      </c>
      <c r="E4830" s="1" t="s">
        <v>0</v>
      </c>
    </row>
    <row r="4831" spans="1:5" x14ac:dyDescent="0.25">
      <c r="A4831" s="1" t="s">
        <v>19926</v>
      </c>
      <c r="B4831" s="1" t="s">
        <v>6368</v>
      </c>
      <c r="C4831" s="1" t="s">
        <v>19927</v>
      </c>
      <c r="D4831" s="2">
        <v>157659</v>
      </c>
      <c r="E4831" s="1" t="s">
        <v>0</v>
      </c>
    </row>
    <row r="4832" spans="1:5" x14ac:dyDescent="0.25">
      <c r="A4832" s="2">
        <v>966</v>
      </c>
      <c r="B4832" s="2">
        <v>966</v>
      </c>
      <c r="C4832" s="1" t="s">
        <v>0</v>
      </c>
      <c r="D4832" s="2">
        <v>157660</v>
      </c>
      <c r="E4832" s="1" t="s">
        <v>0</v>
      </c>
    </row>
    <row r="4833" spans="1:5" x14ac:dyDescent="0.25">
      <c r="A4833" s="1" t="s">
        <v>891</v>
      </c>
      <c r="B4833" s="1" t="s">
        <v>6369</v>
      </c>
      <c r="C4833" s="1" t="s">
        <v>19928</v>
      </c>
      <c r="D4833" s="2">
        <v>157661</v>
      </c>
      <c r="E4833" s="1" t="s">
        <v>0</v>
      </c>
    </row>
    <row r="4834" spans="1:5" x14ac:dyDescent="0.25">
      <c r="A4834" s="1" t="s">
        <v>19929</v>
      </c>
      <c r="B4834" s="1" t="s">
        <v>13023</v>
      </c>
      <c r="C4834" s="1" t="s">
        <v>19930</v>
      </c>
      <c r="D4834" s="2">
        <v>157662</v>
      </c>
      <c r="E4834" s="1" t="s">
        <v>0</v>
      </c>
    </row>
    <row r="4835" spans="1:5" ht="409.5" x14ac:dyDescent="0.25">
      <c r="A4835" s="4" t="s">
        <v>19931</v>
      </c>
      <c r="B4835" s="1" t="s">
        <v>52144</v>
      </c>
      <c r="C4835" s="1" t="s">
        <v>19932</v>
      </c>
      <c r="D4835" s="2">
        <v>157663</v>
      </c>
      <c r="E4835" s="1" t="s">
        <v>0</v>
      </c>
    </row>
    <row r="4836" spans="1:5" x14ac:dyDescent="0.25">
      <c r="A4836" s="1" t="s">
        <v>19933</v>
      </c>
      <c r="B4836" s="1" t="s">
        <v>6370</v>
      </c>
      <c r="C4836" s="1" t="s">
        <v>19934</v>
      </c>
      <c r="D4836" s="2">
        <v>157664</v>
      </c>
      <c r="E4836" s="1" t="s">
        <v>0</v>
      </c>
    </row>
    <row r="4837" spans="1:5" x14ac:dyDescent="0.25">
      <c r="A4837" s="2">
        <v>967</v>
      </c>
      <c r="B4837" s="2">
        <v>967</v>
      </c>
      <c r="C4837" s="1" t="s">
        <v>0</v>
      </c>
      <c r="D4837" s="2">
        <v>157665</v>
      </c>
      <c r="E4837" s="1" t="s">
        <v>0</v>
      </c>
    </row>
    <row r="4838" spans="1:5" x14ac:dyDescent="0.25">
      <c r="A4838" s="1" t="s">
        <v>892</v>
      </c>
      <c r="B4838" s="1" t="s">
        <v>6371</v>
      </c>
      <c r="C4838" s="1" t="s">
        <v>19935</v>
      </c>
      <c r="D4838" s="2">
        <v>157666</v>
      </c>
      <c r="E4838" s="1" t="s">
        <v>0</v>
      </c>
    </row>
    <row r="4839" spans="1:5" x14ac:dyDescent="0.25">
      <c r="A4839" s="1" t="s">
        <v>19936</v>
      </c>
      <c r="B4839" s="1" t="s">
        <v>6372</v>
      </c>
      <c r="C4839" s="1" t="s">
        <v>19937</v>
      </c>
      <c r="D4839" s="2">
        <v>157667</v>
      </c>
      <c r="E4839" s="1" t="s">
        <v>0</v>
      </c>
    </row>
    <row r="4840" spans="1:5" ht="409.5" x14ac:dyDescent="0.25">
      <c r="A4840" s="4" t="s">
        <v>19938</v>
      </c>
      <c r="B4840" s="1" t="s">
        <v>58232</v>
      </c>
      <c r="C4840" s="1" t="s">
        <v>19939</v>
      </c>
      <c r="D4840" s="2">
        <v>157668</v>
      </c>
      <c r="E4840" s="1" t="s">
        <v>0</v>
      </c>
    </row>
    <row r="4841" spans="1:5" x14ac:dyDescent="0.25">
      <c r="A4841" s="1" t="s">
        <v>19940</v>
      </c>
      <c r="B4841" s="1" t="s">
        <v>52145</v>
      </c>
      <c r="C4841" s="1" t="s">
        <v>19941</v>
      </c>
      <c r="D4841" s="2">
        <v>157669</v>
      </c>
      <c r="E4841" s="1" t="s">
        <v>0</v>
      </c>
    </row>
    <row r="4842" spans="1:5" x14ac:dyDescent="0.25">
      <c r="A4842" s="2">
        <v>968</v>
      </c>
      <c r="B4842" s="2">
        <v>968</v>
      </c>
      <c r="C4842" s="1" t="s">
        <v>0</v>
      </c>
      <c r="D4842" s="2">
        <v>157670</v>
      </c>
      <c r="E4842" s="1" t="s">
        <v>0</v>
      </c>
    </row>
    <row r="4843" spans="1:5" x14ac:dyDescent="0.25">
      <c r="A4843" s="1" t="s">
        <v>6373</v>
      </c>
      <c r="B4843" s="1" t="s">
        <v>50480</v>
      </c>
      <c r="C4843" s="1" t="s">
        <v>19942</v>
      </c>
      <c r="D4843" s="2">
        <v>157671</v>
      </c>
      <c r="E4843" s="1" t="s">
        <v>0</v>
      </c>
    </row>
    <row r="4844" spans="1:5" x14ac:dyDescent="0.25">
      <c r="A4844" s="1" t="s">
        <v>64015</v>
      </c>
      <c r="B4844" s="1" t="s">
        <v>50481</v>
      </c>
      <c r="C4844" s="1" t="s">
        <v>19943</v>
      </c>
      <c r="D4844" s="2">
        <v>157672</v>
      </c>
      <c r="E4844" s="1" t="s">
        <v>0</v>
      </c>
    </row>
    <row r="4845" spans="1:5" ht="409.5" x14ac:dyDescent="0.25">
      <c r="A4845" s="4" t="s">
        <v>64016</v>
      </c>
      <c r="B4845" s="1" t="s">
        <v>50482</v>
      </c>
      <c r="C4845" s="1" t="s">
        <v>19944</v>
      </c>
      <c r="D4845" s="2">
        <v>157673</v>
      </c>
      <c r="E4845" s="1" t="s">
        <v>0</v>
      </c>
    </row>
    <row r="4846" spans="1:5" x14ac:dyDescent="0.25">
      <c r="A4846" s="1" t="s">
        <v>19945</v>
      </c>
      <c r="B4846" s="1" t="s">
        <v>52146</v>
      </c>
      <c r="C4846" s="1" t="s">
        <v>19946</v>
      </c>
      <c r="D4846" s="2">
        <v>157674</v>
      </c>
      <c r="E4846" s="1" t="s">
        <v>0</v>
      </c>
    </row>
    <row r="4847" spans="1:5" x14ac:dyDescent="0.25">
      <c r="A4847" s="2">
        <v>969</v>
      </c>
      <c r="B4847" s="2">
        <v>969</v>
      </c>
      <c r="C4847" s="1" t="s">
        <v>0</v>
      </c>
      <c r="D4847" s="2">
        <v>157675</v>
      </c>
      <c r="E4847" s="1" t="s">
        <v>0</v>
      </c>
    </row>
    <row r="4848" spans="1:5" x14ac:dyDescent="0.25">
      <c r="A4848" s="1" t="s">
        <v>893</v>
      </c>
      <c r="B4848" s="1" t="s">
        <v>59827</v>
      </c>
      <c r="C4848" s="1" t="s">
        <v>19947</v>
      </c>
      <c r="D4848" s="2">
        <v>157676</v>
      </c>
      <c r="E4848" s="1" t="s">
        <v>0</v>
      </c>
    </row>
    <row r="4849" spans="1:5" x14ac:dyDescent="0.25">
      <c r="A4849" s="1" t="s">
        <v>19948</v>
      </c>
      <c r="B4849" s="1" t="s">
        <v>59828</v>
      </c>
      <c r="C4849" s="1" t="s">
        <v>19949</v>
      </c>
      <c r="D4849" s="2">
        <v>157677</v>
      </c>
      <c r="E4849" s="1" t="s">
        <v>0</v>
      </c>
    </row>
    <row r="4850" spans="1:5" ht="409.5" x14ac:dyDescent="0.25">
      <c r="A4850" s="4" t="s">
        <v>19950</v>
      </c>
      <c r="B4850" s="1" t="s">
        <v>59829</v>
      </c>
      <c r="C4850" s="1" t="s">
        <v>19951</v>
      </c>
      <c r="D4850" s="2">
        <v>157678</v>
      </c>
      <c r="E4850" s="1" t="s">
        <v>0</v>
      </c>
    </row>
    <row r="4851" spans="1:5" x14ac:dyDescent="0.25">
      <c r="A4851" s="1" t="s">
        <v>19952</v>
      </c>
      <c r="B4851" s="1" t="s">
        <v>59830</v>
      </c>
      <c r="C4851" s="1" t="s">
        <v>19953</v>
      </c>
      <c r="D4851" s="2">
        <v>157679</v>
      </c>
      <c r="E4851" s="1" t="s">
        <v>0</v>
      </c>
    </row>
    <row r="4852" spans="1:5" x14ac:dyDescent="0.25">
      <c r="A4852" s="2">
        <v>970</v>
      </c>
      <c r="B4852" s="2">
        <v>970</v>
      </c>
      <c r="C4852" s="1" t="s">
        <v>0</v>
      </c>
      <c r="D4852" s="2">
        <v>157680</v>
      </c>
      <c r="E4852" s="1" t="s">
        <v>0</v>
      </c>
    </row>
    <row r="4853" spans="1:5" x14ac:dyDescent="0.25">
      <c r="A4853" s="1" t="s">
        <v>894</v>
      </c>
      <c r="B4853" s="1" t="s">
        <v>52147</v>
      </c>
      <c r="C4853" s="1" t="s">
        <v>19954</v>
      </c>
      <c r="D4853" s="2">
        <v>157681</v>
      </c>
      <c r="E4853" s="1" t="s">
        <v>0</v>
      </c>
    </row>
    <row r="4854" spans="1:5" x14ac:dyDescent="0.25">
      <c r="A4854" s="1" t="s">
        <v>19955</v>
      </c>
      <c r="B4854" s="1" t="s">
        <v>52148</v>
      </c>
      <c r="C4854" s="1" t="s">
        <v>19956</v>
      </c>
      <c r="D4854" s="2">
        <v>157682</v>
      </c>
      <c r="E4854" s="1" t="s">
        <v>0</v>
      </c>
    </row>
    <row r="4855" spans="1:5" ht="409.5" x14ac:dyDescent="0.25">
      <c r="A4855" s="4" t="s">
        <v>19957</v>
      </c>
      <c r="B4855" s="1" t="s">
        <v>52149</v>
      </c>
      <c r="C4855" s="1" t="s">
        <v>19958</v>
      </c>
      <c r="D4855" s="2">
        <v>157683</v>
      </c>
      <c r="E4855" s="1" t="s">
        <v>0</v>
      </c>
    </row>
    <row r="4856" spans="1:5" x14ac:dyDescent="0.25">
      <c r="A4856" s="1" t="s">
        <v>19959</v>
      </c>
      <c r="B4856" s="1" t="s">
        <v>52150</v>
      </c>
      <c r="C4856" s="1" t="s">
        <v>19960</v>
      </c>
      <c r="D4856" s="2">
        <v>157684</v>
      </c>
      <c r="E4856" s="1" t="s">
        <v>0</v>
      </c>
    </row>
    <row r="4857" spans="1:5" x14ac:dyDescent="0.25">
      <c r="A4857" s="2">
        <v>971</v>
      </c>
      <c r="B4857" s="2">
        <v>971</v>
      </c>
      <c r="C4857" s="1" t="s">
        <v>0</v>
      </c>
      <c r="D4857" s="2">
        <v>157685</v>
      </c>
      <c r="E4857" s="1" t="s">
        <v>0</v>
      </c>
    </row>
    <row r="4858" spans="1:5" x14ac:dyDescent="0.25">
      <c r="A4858" s="1" t="s">
        <v>895</v>
      </c>
      <c r="B4858" s="1" t="s">
        <v>56917</v>
      </c>
      <c r="C4858" s="1" t="s">
        <v>19961</v>
      </c>
      <c r="D4858" s="2">
        <v>157686</v>
      </c>
      <c r="E4858" s="1" t="s">
        <v>0</v>
      </c>
    </row>
    <row r="4859" spans="1:5" x14ac:dyDescent="0.25">
      <c r="A4859" s="1" t="s">
        <v>19962</v>
      </c>
      <c r="B4859" s="1" t="s">
        <v>57750</v>
      </c>
      <c r="C4859" s="1" t="s">
        <v>19963</v>
      </c>
      <c r="D4859" s="2">
        <v>157687</v>
      </c>
      <c r="E4859" s="1" t="s">
        <v>0</v>
      </c>
    </row>
    <row r="4860" spans="1:5" ht="409.5" x14ac:dyDescent="0.25">
      <c r="A4860" s="4" t="s">
        <v>19964</v>
      </c>
      <c r="B4860" s="1" t="s">
        <v>58233</v>
      </c>
      <c r="C4860" s="1" t="s">
        <v>19965</v>
      </c>
      <c r="D4860" s="2">
        <v>157688</v>
      </c>
      <c r="E4860" s="1" t="s">
        <v>0</v>
      </c>
    </row>
    <row r="4861" spans="1:5" x14ac:dyDescent="0.25">
      <c r="A4861" s="1" t="s">
        <v>19966</v>
      </c>
      <c r="B4861" s="1" t="s">
        <v>52151</v>
      </c>
      <c r="C4861" s="1" t="s">
        <v>19967</v>
      </c>
      <c r="D4861" s="2">
        <v>157689</v>
      </c>
      <c r="E4861" s="1" t="s">
        <v>0</v>
      </c>
    </row>
    <row r="4862" spans="1:5" x14ac:dyDescent="0.25">
      <c r="A4862" s="2">
        <v>972</v>
      </c>
      <c r="B4862" s="2">
        <v>972</v>
      </c>
      <c r="C4862" s="1" t="s">
        <v>0</v>
      </c>
      <c r="D4862" s="2">
        <v>157690</v>
      </c>
      <c r="E4862" s="1" t="s">
        <v>0</v>
      </c>
    </row>
    <row r="4863" spans="1:5" x14ac:dyDescent="0.25">
      <c r="A4863" s="1" t="s">
        <v>896</v>
      </c>
      <c r="B4863" s="1" t="s">
        <v>6374</v>
      </c>
      <c r="C4863" s="1" t="s">
        <v>19968</v>
      </c>
      <c r="D4863" s="2">
        <v>157691</v>
      </c>
      <c r="E4863" s="1" t="s">
        <v>0</v>
      </c>
    </row>
    <row r="4864" spans="1:5" x14ac:dyDescent="0.25">
      <c r="A4864" s="1" t="s">
        <v>19969</v>
      </c>
      <c r="B4864" s="1" t="s">
        <v>62146</v>
      </c>
      <c r="C4864" s="1" t="s">
        <v>19970</v>
      </c>
      <c r="D4864" s="2">
        <v>157692</v>
      </c>
      <c r="E4864" s="1" t="s">
        <v>0</v>
      </c>
    </row>
    <row r="4865" spans="1:5" ht="409.5" x14ac:dyDescent="0.25">
      <c r="A4865" s="4" t="s">
        <v>19971</v>
      </c>
      <c r="B4865" s="1" t="s">
        <v>62147</v>
      </c>
      <c r="C4865" s="1" t="s">
        <v>19972</v>
      </c>
      <c r="D4865" s="2">
        <v>157693</v>
      </c>
      <c r="E4865" s="1" t="s">
        <v>0</v>
      </c>
    </row>
    <row r="4866" spans="1:5" x14ac:dyDescent="0.25">
      <c r="A4866" s="1" t="s">
        <v>19973</v>
      </c>
      <c r="B4866" s="1" t="s">
        <v>57149</v>
      </c>
      <c r="C4866" s="1" t="s">
        <v>19974</v>
      </c>
      <c r="D4866" s="2">
        <v>157694</v>
      </c>
      <c r="E4866" s="1" t="s">
        <v>0</v>
      </c>
    </row>
    <row r="4867" spans="1:5" x14ac:dyDescent="0.25">
      <c r="A4867" s="2">
        <v>973</v>
      </c>
      <c r="B4867" s="2">
        <v>973</v>
      </c>
      <c r="C4867" s="1" t="s">
        <v>0</v>
      </c>
      <c r="D4867" s="2">
        <v>157695</v>
      </c>
      <c r="E4867" s="1" t="s">
        <v>0</v>
      </c>
    </row>
    <row r="4868" spans="1:5" x14ac:dyDescent="0.25">
      <c r="A4868" s="1" t="s">
        <v>897</v>
      </c>
      <c r="B4868" s="1" t="s">
        <v>6375</v>
      </c>
      <c r="C4868" s="1" t="s">
        <v>19975</v>
      </c>
      <c r="D4868" s="2">
        <v>157696</v>
      </c>
      <c r="E4868" s="1" t="s">
        <v>0</v>
      </c>
    </row>
    <row r="4869" spans="1:5" x14ac:dyDescent="0.25">
      <c r="A4869" s="1" t="s">
        <v>19976</v>
      </c>
      <c r="B4869" s="1" t="s">
        <v>6376</v>
      </c>
      <c r="C4869" s="1" t="s">
        <v>19977</v>
      </c>
      <c r="D4869" s="2">
        <v>157697</v>
      </c>
      <c r="E4869" s="1" t="s">
        <v>0</v>
      </c>
    </row>
    <row r="4870" spans="1:5" ht="409.5" x14ac:dyDescent="0.25">
      <c r="A4870" s="4" t="s">
        <v>19978</v>
      </c>
      <c r="B4870" s="1" t="s">
        <v>6377</v>
      </c>
      <c r="C4870" s="1" t="s">
        <v>19979</v>
      </c>
      <c r="D4870" s="2">
        <v>157698</v>
      </c>
      <c r="E4870" s="1" t="s">
        <v>0</v>
      </c>
    </row>
    <row r="4871" spans="1:5" x14ac:dyDescent="0.25">
      <c r="A4871" s="1" t="s">
        <v>19980</v>
      </c>
      <c r="B4871" s="1" t="s">
        <v>52152</v>
      </c>
      <c r="C4871" s="1" t="s">
        <v>19981</v>
      </c>
      <c r="D4871" s="2">
        <v>157699</v>
      </c>
      <c r="E4871" s="1" t="s">
        <v>0</v>
      </c>
    </row>
    <row r="4872" spans="1:5" x14ac:dyDescent="0.25">
      <c r="A4872" s="2">
        <v>974</v>
      </c>
      <c r="B4872" s="2">
        <v>974</v>
      </c>
      <c r="C4872" s="1" t="s">
        <v>0</v>
      </c>
      <c r="D4872" s="2">
        <v>157700</v>
      </c>
      <c r="E4872" s="1" t="s">
        <v>0</v>
      </c>
    </row>
    <row r="4873" spans="1:5" x14ac:dyDescent="0.25">
      <c r="A4873" s="1" t="s">
        <v>898</v>
      </c>
      <c r="B4873" s="1" t="s">
        <v>6378</v>
      </c>
      <c r="C4873" s="1" t="s">
        <v>19982</v>
      </c>
      <c r="D4873" s="2">
        <v>157701</v>
      </c>
      <c r="E4873" s="1" t="s">
        <v>0</v>
      </c>
    </row>
    <row r="4874" spans="1:5" x14ac:dyDescent="0.25">
      <c r="A4874" s="1" t="s">
        <v>19983</v>
      </c>
      <c r="B4874" s="1" t="s">
        <v>6379</v>
      </c>
      <c r="C4874" s="1" t="s">
        <v>19984</v>
      </c>
      <c r="D4874" s="2">
        <v>157702</v>
      </c>
      <c r="E4874" s="1" t="s">
        <v>0</v>
      </c>
    </row>
    <row r="4875" spans="1:5" ht="409.5" x14ac:dyDescent="0.25">
      <c r="A4875" s="4" t="s">
        <v>19985</v>
      </c>
      <c r="B4875" s="1" t="s">
        <v>57751</v>
      </c>
      <c r="C4875" s="1" t="s">
        <v>19986</v>
      </c>
      <c r="D4875" s="2">
        <v>157703</v>
      </c>
      <c r="E4875" s="1" t="s">
        <v>0</v>
      </c>
    </row>
    <row r="4876" spans="1:5" x14ac:dyDescent="0.25">
      <c r="A4876" s="1" t="s">
        <v>19987</v>
      </c>
      <c r="B4876" s="1" t="s">
        <v>52153</v>
      </c>
      <c r="C4876" s="1" t="s">
        <v>19988</v>
      </c>
      <c r="D4876" s="2">
        <v>157704</v>
      </c>
      <c r="E4876" s="1" t="s">
        <v>0</v>
      </c>
    </row>
    <row r="4877" spans="1:5" x14ac:dyDescent="0.25">
      <c r="A4877" s="2">
        <v>975</v>
      </c>
      <c r="B4877" s="2">
        <v>975</v>
      </c>
      <c r="C4877" s="1" t="s">
        <v>0</v>
      </c>
      <c r="D4877" s="2">
        <v>157705</v>
      </c>
      <c r="E4877" s="1" t="s">
        <v>0</v>
      </c>
    </row>
    <row r="4878" spans="1:5" x14ac:dyDescent="0.25">
      <c r="A4878" s="1" t="s">
        <v>899</v>
      </c>
      <c r="B4878" s="1" t="s">
        <v>52154</v>
      </c>
      <c r="C4878" s="1" t="s">
        <v>19989</v>
      </c>
      <c r="D4878" s="2">
        <v>157706</v>
      </c>
      <c r="E4878" s="1" t="s">
        <v>0</v>
      </c>
    </row>
    <row r="4879" spans="1:5" x14ac:dyDescent="0.25">
      <c r="A4879" s="1" t="s">
        <v>19990</v>
      </c>
      <c r="B4879" s="1" t="s">
        <v>56711</v>
      </c>
      <c r="C4879" s="1" t="s">
        <v>19991</v>
      </c>
      <c r="D4879" s="2">
        <v>157707</v>
      </c>
      <c r="E4879" s="1" t="s">
        <v>0</v>
      </c>
    </row>
    <row r="4880" spans="1:5" ht="409.5" x14ac:dyDescent="0.25">
      <c r="A4880" s="4" t="s">
        <v>19992</v>
      </c>
      <c r="B4880" s="1" t="s">
        <v>56712</v>
      </c>
      <c r="C4880" s="1" t="s">
        <v>19993</v>
      </c>
      <c r="D4880" s="2">
        <v>157708</v>
      </c>
      <c r="E4880" s="1" t="s">
        <v>0</v>
      </c>
    </row>
    <row r="4881" spans="1:5" x14ac:dyDescent="0.25">
      <c r="A4881" s="1" t="s">
        <v>19994</v>
      </c>
      <c r="B4881" s="1" t="s">
        <v>6380</v>
      </c>
      <c r="C4881" s="1" t="s">
        <v>19995</v>
      </c>
      <c r="D4881" s="2">
        <v>157709</v>
      </c>
      <c r="E4881" s="1" t="s">
        <v>0</v>
      </c>
    </row>
    <row r="4882" spans="1:5" x14ac:dyDescent="0.25">
      <c r="A4882" s="2">
        <v>976</v>
      </c>
      <c r="B4882" s="2">
        <v>976</v>
      </c>
      <c r="C4882" s="1" t="s">
        <v>0</v>
      </c>
      <c r="D4882" s="2">
        <v>157710</v>
      </c>
      <c r="E4882" s="1" t="s">
        <v>0</v>
      </c>
    </row>
    <row r="4883" spans="1:5" x14ac:dyDescent="0.25">
      <c r="A4883" s="1" t="s">
        <v>6381</v>
      </c>
      <c r="B4883" s="1" t="s">
        <v>6382</v>
      </c>
      <c r="C4883" s="1" t="s">
        <v>19996</v>
      </c>
      <c r="D4883" s="2">
        <v>157711</v>
      </c>
      <c r="E4883" s="1" t="s">
        <v>0</v>
      </c>
    </row>
    <row r="4884" spans="1:5" x14ac:dyDescent="0.25">
      <c r="A4884" s="1" t="s">
        <v>19997</v>
      </c>
      <c r="B4884" s="1" t="s">
        <v>6383</v>
      </c>
      <c r="C4884" s="1" t="s">
        <v>19998</v>
      </c>
      <c r="D4884" s="2">
        <v>157712</v>
      </c>
      <c r="E4884" s="1" t="s">
        <v>0</v>
      </c>
    </row>
    <row r="4885" spans="1:5" ht="409.5" x14ac:dyDescent="0.25">
      <c r="A4885" s="4" t="s">
        <v>19999</v>
      </c>
      <c r="B4885" s="1" t="s">
        <v>59573</v>
      </c>
      <c r="C4885" s="1" t="s">
        <v>20000</v>
      </c>
      <c r="D4885" s="2">
        <v>157713</v>
      </c>
      <c r="E4885" s="1" t="s">
        <v>0</v>
      </c>
    </row>
    <row r="4886" spans="1:5" x14ac:dyDescent="0.25">
      <c r="A4886" s="1" t="s">
        <v>20001</v>
      </c>
      <c r="B4886" s="1" t="s">
        <v>900</v>
      </c>
      <c r="C4886" s="1" t="s">
        <v>20002</v>
      </c>
      <c r="D4886" s="2">
        <v>157714</v>
      </c>
      <c r="E4886" s="1" t="s">
        <v>0</v>
      </c>
    </row>
    <row r="4887" spans="1:5" x14ac:dyDescent="0.25">
      <c r="A4887" s="2">
        <v>977</v>
      </c>
      <c r="B4887" s="2">
        <v>977</v>
      </c>
      <c r="C4887" s="1" t="s">
        <v>0</v>
      </c>
      <c r="D4887" s="2">
        <v>157715</v>
      </c>
      <c r="E4887" s="1" t="s">
        <v>0</v>
      </c>
    </row>
    <row r="4888" spans="1:5" x14ac:dyDescent="0.25">
      <c r="A4888" s="1" t="s">
        <v>901</v>
      </c>
      <c r="B4888" s="1" t="s">
        <v>6384</v>
      </c>
      <c r="C4888" s="1" t="s">
        <v>20003</v>
      </c>
      <c r="D4888" s="2">
        <v>157716</v>
      </c>
      <c r="E4888" s="1" t="s">
        <v>0</v>
      </c>
    </row>
    <row r="4889" spans="1:5" x14ac:dyDescent="0.25">
      <c r="A4889" s="1" t="s">
        <v>20004</v>
      </c>
      <c r="B4889" s="1" t="s">
        <v>52155</v>
      </c>
      <c r="C4889" s="1" t="s">
        <v>20005</v>
      </c>
      <c r="D4889" s="2">
        <v>157717</v>
      </c>
      <c r="E4889" s="1" t="s">
        <v>0</v>
      </c>
    </row>
    <row r="4890" spans="1:5" ht="409.5" x14ac:dyDescent="0.25">
      <c r="A4890" s="4" t="s">
        <v>20006</v>
      </c>
      <c r="B4890" s="1" t="s">
        <v>52156</v>
      </c>
      <c r="C4890" s="1" t="s">
        <v>20007</v>
      </c>
      <c r="D4890" s="2">
        <v>157718</v>
      </c>
      <c r="E4890" s="1" t="s">
        <v>0</v>
      </c>
    </row>
    <row r="4891" spans="1:5" x14ac:dyDescent="0.25">
      <c r="A4891" s="1" t="s">
        <v>20008</v>
      </c>
      <c r="B4891" s="1" t="s">
        <v>6385</v>
      </c>
      <c r="C4891" s="1" t="s">
        <v>20009</v>
      </c>
      <c r="D4891" s="2">
        <v>157719</v>
      </c>
      <c r="E4891" s="1" t="s">
        <v>0</v>
      </c>
    </row>
    <row r="4892" spans="1:5" x14ac:dyDescent="0.25">
      <c r="A4892" s="2">
        <v>978</v>
      </c>
      <c r="B4892" s="2">
        <v>978</v>
      </c>
      <c r="C4892" s="1" t="s">
        <v>0</v>
      </c>
      <c r="D4892" s="2">
        <v>157720</v>
      </c>
      <c r="E4892" s="1" t="s">
        <v>0</v>
      </c>
    </row>
    <row r="4893" spans="1:5" x14ac:dyDescent="0.25">
      <c r="A4893" s="1" t="s">
        <v>902</v>
      </c>
      <c r="B4893" s="1" t="s">
        <v>6386</v>
      </c>
      <c r="C4893" s="1" t="s">
        <v>20010</v>
      </c>
      <c r="D4893" s="2">
        <v>157721</v>
      </c>
      <c r="E4893" s="1" t="s">
        <v>0</v>
      </c>
    </row>
    <row r="4894" spans="1:5" x14ac:dyDescent="0.25">
      <c r="A4894" s="1" t="s">
        <v>20011</v>
      </c>
      <c r="B4894" s="1" t="s">
        <v>52157</v>
      </c>
      <c r="C4894" s="1" t="s">
        <v>20012</v>
      </c>
      <c r="D4894" s="2">
        <v>157722</v>
      </c>
      <c r="E4894" s="1" t="s">
        <v>0</v>
      </c>
    </row>
    <row r="4895" spans="1:5" ht="409.5" x14ac:dyDescent="0.25">
      <c r="A4895" s="4" t="s">
        <v>20013</v>
      </c>
      <c r="B4895" s="1" t="s">
        <v>63237</v>
      </c>
      <c r="C4895" s="1" t="s">
        <v>20014</v>
      </c>
      <c r="D4895" s="2">
        <v>157723</v>
      </c>
      <c r="E4895" s="1" t="s">
        <v>0</v>
      </c>
    </row>
    <row r="4896" spans="1:5" x14ac:dyDescent="0.25">
      <c r="A4896" s="1" t="s">
        <v>13413</v>
      </c>
      <c r="B4896" s="1" t="s">
        <v>60845</v>
      </c>
      <c r="C4896" s="1" t="s">
        <v>13414</v>
      </c>
      <c r="D4896" s="2">
        <v>157724</v>
      </c>
      <c r="E4896" s="1" t="s">
        <v>0</v>
      </c>
    </row>
    <row r="4897" spans="1:5" x14ac:dyDescent="0.25">
      <c r="A4897" s="2">
        <v>979</v>
      </c>
      <c r="B4897" s="2">
        <v>979</v>
      </c>
      <c r="C4897" s="1" t="s">
        <v>0</v>
      </c>
      <c r="D4897" s="2">
        <v>157725</v>
      </c>
      <c r="E4897" s="1" t="s">
        <v>0</v>
      </c>
    </row>
    <row r="4898" spans="1:5" x14ac:dyDescent="0.25">
      <c r="A4898" s="1" t="s">
        <v>903</v>
      </c>
      <c r="B4898" s="1" t="s">
        <v>6387</v>
      </c>
      <c r="C4898" s="1" t="s">
        <v>20015</v>
      </c>
      <c r="D4898" s="2">
        <v>157726</v>
      </c>
      <c r="E4898" s="1" t="s">
        <v>0</v>
      </c>
    </row>
    <row r="4899" spans="1:5" x14ac:dyDescent="0.25">
      <c r="A4899" s="1" t="s">
        <v>20016</v>
      </c>
      <c r="B4899" s="1" t="s">
        <v>6388</v>
      </c>
      <c r="C4899" s="1" t="s">
        <v>20017</v>
      </c>
      <c r="D4899" s="2">
        <v>157727</v>
      </c>
      <c r="E4899" s="1" t="s">
        <v>0</v>
      </c>
    </row>
    <row r="4900" spans="1:5" ht="409.5" x14ac:dyDescent="0.25">
      <c r="A4900" s="4" t="s">
        <v>20018</v>
      </c>
      <c r="B4900" s="1" t="s">
        <v>62148</v>
      </c>
      <c r="C4900" s="1" t="s">
        <v>20019</v>
      </c>
      <c r="D4900" s="2">
        <v>157728</v>
      </c>
      <c r="E4900" s="1" t="s">
        <v>0</v>
      </c>
    </row>
    <row r="4901" spans="1:5" x14ac:dyDescent="0.25">
      <c r="A4901" s="1" t="s">
        <v>20020</v>
      </c>
      <c r="B4901" s="1" t="s">
        <v>6389</v>
      </c>
      <c r="C4901" s="1" t="s">
        <v>20021</v>
      </c>
      <c r="D4901" s="2">
        <v>157729</v>
      </c>
      <c r="E4901" s="1" t="s">
        <v>0</v>
      </c>
    </row>
    <row r="4902" spans="1:5" x14ac:dyDescent="0.25">
      <c r="A4902" s="2">
        <v>980</v>
      </c>
      <c r="B4902" s="2">
        <v>980</v>
      </c>
      <c r="C4902" s="1" t="s">
        <v>0</v>
      </c>
      <c r="D4902" s="2">
        <v>157730</v>
      </c>
      <c r="E4902" s="1" t="s">
        <v>0</v>
      </c>
    </row>
    <row r="4903" spans="1:5" x14ac:dyDescent="0.25">
      <c r="A4903" s="1" t="s">
        <v>904</v>
      </c>
      <c r="B4903" s="1" t="s">
        <v>6390</v>
      </c>
      <c r="C4903" s="1" t="s">
        <v>20022</v>
      </c>
      <c r="D4903" s="2">
        <v>157731</v>
      </c>
      <c r="E4903" s="1" t="s">
        <v>0</v>
      </c>
    </row>
    <row r="4904" spans="1:5" x14ac:dyDescent="0.25">
      <c r="A4904" s="1" t="s">
        <v>20023</v>
      </c>
      <c r="B4904" s="1" t="s">
        <v>59831</v>
      </c>
      <c r="C4904" s="1" t="s">
        <v>20024</v>
      </c>
      <c r="D4904" s="2">
        <v>157732</v>
      </c>
      <c r="E4904" s="1" t="s">
        <v>0</v>
      </c>
    </row>
    <row r="4905" spans="1:5" ht="409.5" x14ac:dyDescent="0.25">
      <c r="A4905" s="4" t="s">
        <v>20025</v>
      </c>
      <c r="B4905" s="1" t="s">
        <v>59832</v>
      </c>
      <c r="C4905" s="1" t="s">
        <v>20026</v>
      </c>
      <c r="D4905" s="2">
        <v>157733</v>
      </c>
      <c r="E4905" s="1" t="s">
        <v>0</v>
      </c>
    </row>
    <row r="4906" spans="1:5" x14ac:dyDescent="0.25">
      <c r="A4906" s="1" t="s">
        <v>20027</v>
      </c>
      <c r="B4906" s="1" t="s">
        <v>6391</v>
      </c>
      <c r="C4906" s="1" t="s">
        <v>20028</v>
      </c>
      <c r="D4906" s="2">
        <v>157734</v>
      </c>
      <c r="E4906" s="1" t="s">
        <v>0</v>
      </c>
    </row>
    <row r="4907" spans="1:5" x14ac:dyDescent="0.25">
      <c r="A4907" s="2">
        <v>981</v>
      </c>
      <c r="B4907" s="2">
        <v>981</v>
      </c>
      <c r="C4907" s="1" t="s">
        <v>0</v>
      </c>
      <c r="D4907" s="2">
        <v>157735</v>
      </c>
      <c r="E4907" s="1" t="s">
        <v>0</v>
      </c>
    </row>
    <row r="4908" spans="1:5" x14ac:dyDescent="0.25">
      <c r="A4908" s="1" t="s">
        <v>905</v>
      </c>
      <c r="B4908" s="1" t="s">
        <v>6392</v>
      </c>
      <c r="C4908" s="1" t="s">
        <v>20029</v>
      </c>
      <c r="D4908" s="2">
        <v>157736</v>
      </c>
      <c r="E4908" s="1" t="s">
        <v>0</v>
      </c>
    </row>
    <row r="4909" spans="1:5" x14ac:dyDescent="0.25">
      <c r="A4909" s="1" t="s">
        <v>20030</v>
      </c>
      <c r="B4909" s="1" t="s">
        <v>52158</v>
      </c>
      <c r="C4909" s="1" t="s">
        <v>20031</v>
      </c>
      <c r="D4909" s="2">
        <v>157737</v>
      </c>
      <c r="E4909" s="1" t="s">
        <v>0</v>
      </c>
    </row>
    <row r="4910" spans="1:5" ht="409.5" x14ac:dyDescent="0.25">
      <c r="A4910" s="4" t="s">
        <v>64017</v>
      </c>
      <c r="B4910" s="1" t="s">
        <v>59574</v>
      </c>
      <c r="C4910" s="1" t="s">
        <v>20032</v>
      </c>
      <c r="D4910" s="2">
        <v>157738</v>
      </c>
      <c r="E4910" s="1" t="s">
        <v>0</v>
      </c>
    </row>
    <row r="4911" spans="1:5" x14ac:dyDescent="0.25">
      <c r="A4911" s="1" t="s">
        <v>20033</v>
      </c>
      <c r="B4911" s="1" t="s">
        <v>6393</v>
      </c>
      <c r="C4911" s="1" t="s">
        <v>20034</v>
      </c>
      <c r="D4911" s="2">
        <v>157739</v>
      </c>
      <c r="E4911" s="1" t="s">
        <v>0</v>
      </c>
    </row>
    <row r="4912" spans="1:5" x14ac:dyDescent="0.25">
      <c r="A4912" s="2">
        <v>982</v>
      </c>
      <c r="B4912" s="2">
        <v>982</v>
      </c>
      <c r="C4912" s="1" t="s">
        <v>0</v>
      </c>
      <c r="D4912" s="2">
        <v>157740</v>
      </c>
      <c r="E4912" s="1" t="s">
        <v>0</v>
      </c>
    </row>
    <row r="4913" spans="1:5" x14ac:dyDescent="0.25">
      <c r="A4913" s="1" t="s">
        <v>906</v>
      </c>
      <c r="B4913" s="1" t="s">
        <v>907</v>
      </c>
      <c r="C4913" s="1" t="s">
        <v>20035</v>
      </c>
      <c r="D4913" s="2">
        <v>157741</v>
      </c>
      <c r="E4913" s="1" t="s">
        <v>0</v>
      </c>
    </row>
    <row r="4914" spans="1:5" x14ac:dyDescent="0.25">
      <c r="A4914" s="1" t="s">
        <v>20036</v>
      </c>
      <c r="B4914" s="1" t="s">
        <v>52159</v>
      </c>
      <c r="C4914" s="1" t="s">
        <v>20037</v>
      </c>
      <c r="D4914" s="2">
        <v>157742</v>
      </c>
      <c r="E4914" s="1" t="s">
        <v>0</v>
      </c>
    </row>
    <row r="4915" spans="1:5" ht="409.5" x14ac:dyDescent="0.25">
      <c r="A4915" s="4" t="s">
        <v>20038</v>
      </c>
      <c r="B4915" s="1" t="s">
        <v>52160</v>
      </c>
      <c r="C4915" s="1" t="s">
        <v>20039</v>
      </c>
      <c r="D4915" s="2">
        <v>157743</v>
      </c>
      <c r="E4915" s="1" t="s">
        <v>0</v>
      </c>
    </row>
    <row r="4916" spans="1:5" x14ac:dyDescent="0.25">
      <c r="A4916" s="1" t="s">
        <v>20040</v>
      </c>
      <c r="B4916" s="1" t="s">
        <v>52161</v>
      </c>
      <c r="C4916" s="1" t="s">
        <v>20041</v>
      </c>
      <c r="D4916" s="2">
        <v>157744</v>
      </c>
      <c r="E4916" s="1" t="s">
        <v>0</v>
      </c>
    </row>
    <row r="4917" spans="1:5" x14ac:dyDescent="0.25">
      <c r="A4917" s="2">
        <v>983</v>
      </c>
      <c r="B4917" s="2">
        <v>983</v>
      </c>
      <c r="C4917" s="1" t="s">
        <v>0</v>
      </c>
      <c r="D4917" s="2">
        <v>157745</v>
      </c>
      <c r="E4917" s="1" t="s">
        <v>0</v>
      </c>
    </row>
    <row r="4918" spans="1:5" x14ac:dyDescent="0.25">
      <c r="A4918" s="1" t="s">
        <v>908</v>
      </c>
      <c r="B4918" s="1" t="s">
        <v>6394</v>
      </c>
      <c r="C4918" s="1" t="s">
        <v>20042</v>
      </c>
      <c r="D4918" s="2">
        <v>157746</v>
      </c>
      <c r="E4918" s="1" t="s">
        <v>0</v>
      </c>
    </row>
    <row r="4919" spans="1:5" x14ac:dyDescent="0.25">
      <c r="A4919" s="1" t="s">
        <v>20043</v>
      </c>
      <c r="B4919" s="1" t="s">
        <v>6395</v>
      </c>
      <c r="C4919" s="1" t="s">
        <v>20044</v>
      </c>
      <c r="D4919" s="2">
        <v>157747</v>
      </c>
      <c r="E4919" s="1" t="s">
        <v>0</v>
      </c>
    </row>
    <row r="4920" spans="1:5" ht="409.5" x14ac:dyDescent="0.25">
      <c r="A4920" s="4" t="s">
        <v>20045</v>
      </c>
      <c r="B4920" s="1" t="s">
        <v>52162</v>
      </c>
      <c r="C4920" s="1" t="s">
        <v>20046</v>
      </c>
      <c r="D4920" s="2">
        <v>157748</v>
      </c>
      <c r="E4920" s="1" t="s">
        <v>0</v>
      </c>
    </row>
    <row r="4921" spans="1:5" x14ac:dyDescent="0.25">
      <c r="A4921" s="1" t="s">
        <v>20047</v>
      </c>
      <c r="B4921" s="1" t="s">
        <v>57150</v>
      </c>
      <c r="C4921" s="1" t="s">
        <v>20048</v>
      </c>
      <c r="D4921" s="2">
        <v>157749</v>
      </c>
      <c r="E4921" s="1" t="s">
        <v>0</v>
      </c>
    </row>
    <row r="4922" spans="1:5" x14ac:dyDescent="0.25">
      <c r="A4922" s="2">
        <v>984</v>
      </c>
      <c r="B4922" s="2">
        <v>984</v>
      </c>
      <c r="C4922" s="1" t="s">
        <v>0</v>
      </c>
      <c r="D4922" s="2">
        <v>157750</v>
      </c>
      <c r="E4922" s="1" t="s">
        <v>0</v>
      </c>
    </row>
    <row r="4923" spans="1:5" x14ac:dyDescent="0.25">
      <c r="A4923" s="1" t="s">
        <v>909</v>
      </c>
      <c r="B4923" s="1" t="s">
        <v>61597</v>
      </c>
      <c r="C4923" s="1" t="s">
        <v>20049</v>
      </c>
      <c r="D4923" s="2">
        <v>157751</v>
      </c>
      <c r="E4923" s="1" t="s">
        <v>0</v>
      </c>
    </row>
    <row r="4924" spans="1:5" x14ac:dyDescent="0.25">
      <c r="A4924" s="1" t="s">
        <v>20050</v>
      </c>
      <c r="B4924" s="1" t="s">
        <v>62149</v>
      </c>
      <c r="C4924" s="1" t="s">
        <v>20051</v>
      </c>
      <c r="D4924" s="2">
        <v>157752</v>
      </c>
      <c r="E4924" s="1" t="s">
        <v>0</v>
      </c>
    </row>
    <row r="4925" spans="1:5" ht="409.5" x14ac:dyDescent="0.25">
      <c r="A4925" s="4" t="s">
        <v>20052</v>
      </c>
      <c r="B4925" s="1" t="s">
        <v>62150</v>
      </c>
      <c r="C4925" s="1" t="s">
        <v>20053</v>
      </c>
      <c r="D4925" s="2">
        <v>157753</v>
      </c>
      <c r="E4925" s="1" t="s">
        <v>0</v>
      </c>
    </row>
    <row r="4926" spans="1:5" x14ac:dyDescent="0.25">
      <c r="A4926" s="1" t="s">
        <v>20054</v>
      </c>
      <c r="B4926" s="1" t="s">
        <v>52163</v>
      </c>
      <c r="C4926" s="1" t="s">
        <v>20055</v>
      </c>
      <c r="D4926" s="2">
        <v>157754</v>
      </c>
      <c r="E4926" s="1" t="s">
        <v>0</v>
      </c>
    </row>
    <row r="4927" spans="1:5" x14ac:dyDescent="0.25">
      <c r="A4927" s="2">
        <v>985</v>
      </c>
      <c r="B4927" s="2">
        <v>985</v>
      </c>
      <c r="C4927" s="1" t="s">
        <v>0</v>
      </c>
      <c r="D4927" s="2">
        <v>157755</v>
      </c>
      <c r="E4927" s="1" t="s">
        <v>0</v>
      </c>
    </row>
    <row r="4928" spans="1:5" x14ac:dyDescent="0.25">
      <c r="A4928" s="1" t="s">
        <v>910</v>
      </c>
      <c r="B4928" s="1" t="s">
        <v>56918</v>
      </c>
      <c r="C4928" s="1" t="s">
        <v>20056</v>
      </c>
      <c r="D4928" s="2">
        <v>157756</v>
      </c>
      <c r="E4928" s="1" t="s">
        <v>0</v>
      </c>
    </row>
    <row r="4929" spans="1:5" x14ac:dyDescent="0.25">
      <c r="A4929" s="1" t="s">
        <v>61768</v>
      </c>
      <c r="B4929" s="1" t="s">
        <v>62151</v>
      </c>
      <c r="C4929" s="1" t="s">
        <v>61769</v>
      </c>
      <c r="D4929" s="2">
        <v>157757</v>
      </c>
      <c r="E4929" s="1" t="s">
        <v>0</v>
      </c>
    </row>
    <row r="4930" spans="1:5" ht="409.5" x14ac:dyDescent="0.25">
      <c r="A4930" s="4" t="s">
        <v>61770</v>
      </c>
      <c r="B4930" s="1" t="s">
        <v>62152</v>
      </c>
      <c r="C4930" s="1" t="s">
        <v>20057</v>
      </c>
      <c r="D4930" s="2">
        <v>157758</v>
      </c>
      <c r="E4930" s="1" t="s">
        <v>0</v>
      </c>
    </row>
    <row r="4931" spans="1:5" x14ac:dyDescent="0.25">
      <c r="A4931" s="1" t="s">
        <v>20058</v>
      </c>
      <c r="B4931" s="1" t="s">
        <v>6396</v>
      </c>
      <c r="C4931" s="1" t="s">
        <v>20059</v>
      </c>
      <c r="D4931" s="2">
        <v>157759</v>
      </c>
      <c r="E4931" s="1" t="s">
        <v>0</v>
      </c>
    </row>
    <row r="4932" spans="1:5" x14ac:dyDescent="0.25">
      <c r="A4932" s="2">
        <v>986</v>
      </c>
      <c r="B4932" s="2">
        <v>986</v>
      </c>
      <c r="C4932" s="1" t="s">
        <v>0</v>
      </c>
      <c r="D4932" s="2">
        <v>157760</v>
      </c>
      <c r="E4932" s="1" t="s">
        <v>0</v>
      </c>
    </row>
    <row r="4933" spans="1:5" x14ac:dyDescent="0.25">
      <c r="A4933" s="1" t="s">
        <v>911</v>
      </c>
      <c r="B4933" s="1" t="s">
        <v>6397</v>
      </c>
      <c r="C4933" s="1" t="s">
        <v>20060</v>
      </c>
      <c r="D4933" s="2">
        <v>157761</v>
      </c>
      <c r="E4933" s="1" t="s">
        <v>0</v>
      </c>
    </row>
    <row r="4934" spans="1:5" x14ac:dyDescent="0.25">
      <c r="A4934" s="1" t="s">
        <v>20061</v>
      </c>
      <c r="B4934" s="1" t="s">
        <v>52164</v>
      </c>
      <c r="C4934" s="1" t="s">
        <v>20062</v>
      </c>
      <c r="D4934" s="2">
        <v>157762</v>
      </c>
      <c r="E4934" s="1" t="s">
        <v>0</v>
      </c>
    </row>
    <row r="4935" spans="1:5" ht="409.5" x14ac:dyDescent="0.25">
      <c r="A4935" s="4" t="s">
        <v>20063</v>
      </c>
      <c r="B4935" s="1" t="s">
        <v>52165</v>
      </c>
      <c r="C4935" s="1" t="s">
        <v>20064</v>
      </c>
      <c r="D4935" s="2">
        <v>157763</v>
      </c>
      <c r="E4935" s="1" t="s">
        <v>0</v>
      </c>
    </row>
    <row r="4936" spans="1:5" x14ac:dyDescent="0.25">
      <c r="A4936" s="1" t="s">
        <v>20065</v>
      </c>
      <c r="B4936" s="1" t="s">
        <v>6398</v>
      </c>
      <c r="C4936" s="1" t="s">
        <v>20066</v>
      </c>
      <c r="D4936" s="2">
        <v>157764</v>
      </c>
      <c r="E4936" s="1" t="s">
        <v>0</v>
      </c>
    </row>
    <row r="4937" spans="1:5" x14ac:dyDescent="0.25">
      <c r="A4937" s="2">
        <v>987</v>
      </c>
      <c r="B4937" s="2">
        <v>987</v>
      </c>
      <c r="C4937" s="1" t="s">
        <v>0</v>
      </c>
      <c r="D4937" s="2">
        <v>157765</v>
      </c>
      <c r="E4937" s="1" t="s">
        <v>0</v>
      </c>
    </row>
    <row r="4938" spans="1:5" x14ac:dyDescent="0.25">
      <c r="A4938" s="1" t="s">
        <v>912</v>
      </c>
      <c r="B4938" s="1" t="s">
        <v>6399</v>
      </c>
      <c r="C4938" s="1" t="s">
        <v>20067</v>
      </c>
      <c r="D4938" s="2">
        <v>157766</v>
      </c>
      <c r="E4938" s="1" t="s">
        <v>0</v>
      </c>
    </row>
    <row r="4939" spans="1:5" x14ac:dyDescent="0.25">
      <c r="A4939" s="1" t="s">
        <v>20068</v>
      </c>
      <c r="B4939" s="1" t="s">
        <v>52166</v>
      </c>
      <c r="C4939" s="1" t="s">
        <v>20069</v>
      </c>
      <c r="D4939" s="2">
        <v>157767</v>
      </c>
      <c r="E4939" s="1" t="s">
        <v>0</v>
      </c>
    </row>
    <row r="4940" spans="1:5" ht="409.5" x14ac:dyDescent="0.25">
      <c r="A4940" s="4" t="s">
        <v>20070</v>
      </c>
      <c r="B4940" s="1" t="s">
        <v>52167</v>
      </c>
      <c r="C4940" s="1" t="s">
        <v>20071</v>
      </c>
      <c r="D4940" s="2">
        <v>157768</v>
      </c>
      <c r="E4940" s="1" t="s">
        <v>0</v>
      </c>
    </row>
    <row r="4941" spans="1:5" x14ac:dyDescent="0.25">
      <c r="A4941" s="1" t="s">
        <v>20072</v>
      </c>
      <c r="B4941" s="1" t="s">
        <v>52168</v>
      </c>
      <c r="C4941" s="1" t="s">
        <v>20073</v>
      </c>
      <c r="D4941" s="2">
        <v>157769</v>
      </c>
      <c r="E4941" s="1" t="s">
        <v>0</v>
      </c>
    </row>
    <row r="4942" spans="1:5" x14ac:dyDescent="0.25">
      <c r="A4942" s="2">
        <v>988</v>
      </c>
      <c r="B4942" s="2">
        <v>988</v>
      </c>
      <c r="C4942" s="1" t="s">
        <v>0</v>
      </c>
      <c r="D4942" s="2">
        <v>157770</v>
      </c>
      <c r="E4942" s="1" t="s">
        <v>0</v>
      </c>
    </row>
    <row r="4943" spans="1:5" x14ac:dyDescent="0.25">
      <c r="A4943" s="1" t="s">
        <v>913</v>
      </c>
      <c r="B4943" s="1" t="s">
        <v>6400</v>
      </c>
      <c r="C4943" s="1" t="s">
        <v>20074</v>
      </c>
      <c r="D4943" s="2">
        <v>157771</v>
      </c>
      <c r="E4943" s="1" t="s">
        <v>0</v>
      </c>
    </row>
    <row r="4944" spans="1:5" x14ac:dyDescent="0.25">
      <c r="A4944" s="1" t="s">
        <v>20075</v>
      </c>
      <c r="B4944" s="1" t="s">
        <v>62153</v>
      </c>
      <c r="C4944" s="1" t="s">
        <v>20076</v>
      </c>
      <c r="D4944" s="2">
        <v>157772</v>
      </c>
      <c r="E4944" s="1" t="s">
        <v>0</v>
      </c>
    </row>
    <row r="4945" spans="1:5" ht="409.5" x14ac:dyDescent="0.25">
      <c r="A4945" s="4" t="s">
        <v>20077</v>
      </c>
      <c r="B4945" s="1" t="s">
        <v>62154</v>
      </c>
      <c r="C4945" s="1" t="s">
        <v>20078</v>
      </c>
      <c r="D4945" s="2">
        <v>157773</v>
      </c>
      <c r="E4945" s="1" t="s">
        <v>0</v>
      </c>
    </row>
    <row r="4946" spans="1:5" x14ac:dyDescent="0.25">
      <c r="A4946" s="1" t="s">
        <v>20079</v>
      </c>
      <c r="B4946" s="1" t="s">
        <v>58699</v>
      </c>
      <c r="C4946" s="1" t="s">
        <v>20080</v>
      </c>
      <c r="D4946" s="2">
        <v>157774</v>
      </c>
      <c r="E4946" s="1" t="s">
        <v>0</v>
      </c>
    </row>
    <row r="4947" spans="1:5" x14ac:dyDescent="0.25">
      <c r="A4947" s="2">
        <v>989</v>
      </c>
      <c r="B4947" s="2">
        <v>989</v>
      </c>
      <c r="C4947" s="1" t="s">
        <v>0</v>
      </c>
      <c r="D4947" s="2">
        <v>157775</v>
      </c>
      <c r="E4947" s="1" t="s">
        <v>0</v>
      </c>
    </row>
    <row r="4948" spans="1:5" x14ac:dyDescent="0.25">
      <c r="A4948" s="1" t="s">
        <v>914</v>
      </c>
      <c r="B4948" s="1" t="s">
        <v>6401</v>
      </c>
      <c r="C4948" s="1" t="s">
        <v>20081</v>
      </c>
      <c r="D4948" s="2">
        <v>157776</v>
      </c>
      <c r="E4948" s="1" t="s">
        <v>0</v>
      </c>
    </row>
    <row r="4949" spans="1:5" x14ac:dyDescent="0.25">
      <c r="A4949" s="1" t="s">
        <v>20082</v>
      </c>
      <c r="B4949" s="1" t="s">
        <v>62155</v>
      </c>
      <c r="C4949" s="1" t="s">
        <v>20083</v>
      </c>
      <c r="D4949" s="2">
        <v>157777</v>
      </c>
      <c r="E4949" s="1" t="s">
        <v>0</v>
      </c>
    </row>
    <row r="4950" spans="1:5" ht="409.5" x14ac:dyDescent="0.25">
      <c r="A4950" s="4" t="s">
        <v>20084</v>
      </c>
      <c r="B4950" s="1" t="s">
        <v>62156</v>
      </c>
      <c r="C4950" s="1" t="s">
        <v>20085</v>
      </c>
      <c r="D4950" s="2">
        <v>157778</v>
      </c>
      <c r="E4950" s="1" t="s">
        <v>0</v>
      </c>
    </row>
    <row r="4951" spans="1:5" x14ac:dyDescent="0.25">
      <c r="A4951" s="1" t="s">
        <v>20086</v>
      </c>
      <c r="B4951" s="1" t="s">
        <v>6402</v>
      </c>
      <c r="C4951" s="1" t="s">
        <v>20087</v>
      </c>
      <c r="D4951" s="2">
        <v>157779</v>
      </c>
      <c r="E4951" s="1" t="s">
        <v>0</v>
      </c>
    </row>
    <row r="4952" spans="1:5" x14ac:dyDescent="0.25">
      <c r="A4952" s="2">
        <v>990</v>
      </c>
      <c r="B4952" s="2">
        <v>990</v>
      </c>
      <c r="C4952" s="1" t="s">
        <v>0</v>
      </c>
      <c r="D4952" s="2">
        <v>157780</v>
      </c>
      <c r="E4952" s="1" t="s">
        <v>0</v>
      </c>
    </row>
    <row r="4953" spans="1:5" x14ac:dyDescent="0.25">
      <c r="A4953" s="1" t="s">
        <v>915</v>
      </c>
      <c r="B4953" s="1" t="s">
        <v>6403</v>
      </c>
      <c r="C4953" s="1" t="s">
        <v>20088</v>
      </c>
      <c r="D4953" s="2">
        <v>157781</v>
      </c>
      <c r="E4953" s="1" t="s">
        <v>0</v>
      </c>
    </row>
    <row r="4954" spans="1:5" x14ac:dyDescent="0.25">
      <c r="A4954" s="1" t="s">
        <v>20089</v>
      </c>
      <c r="B4954" s="1" t="s">
        <v>50483</v>
      </c>
      <c r="C4954" s="1" t="s">
        <v>20090</v>
      </c>
      <c r="D4954" s="2">
        <v>157782</v>
      </c>
      <c r="E4954" s="1" t="s">
        <v>0</v>
      </c>
    </row>
    <row r="4955" spans="1:5" ht="409.5" x14ac:dyDescent="0.25">
      <c r="A4955" s="4" t="s">
        <v>20091</v>
      </c>
      <c r="B4955" s="1" t="s">
        <v>58234</v>
      </c>
      <c r="C4955" s="1" t="s">
        <v>20092</v>
      </c>
      <c r="D4955" s="2">
        <v>157783</v>
      </c>
      <c r="E4955" s="1" t="s">
        <v>0</v>
      </c>
    </row>
    <row r="4956" spans="1:5" x14ac:dyDescent="0.25">
      <c r="A4956" s="1" t="s">
        <v>20093</v>
      </c>
      <c r="B4956" s="1" t="s">
        <v>52169</v>
      </c>
      <c r="C4956" s="1" t="s">
        <v>20094</v>
      </c>
      <c r="D4956" s="2">
        <v>157784</v>
      </c>
      <c r="E4956" s="1" t="s">
        <v>0</v>
      </c>
    </row>
    <row r="4957" spans="1:5" x14ac:dyDescent="0.25">
      <c r="A4957" s="2">
        <v>991</v>
      </c>
      <c r="B4957" s="2">
        <v>991</v>
      </c>
      <c r="C4957" s="1" t="s">
        <v>0</v>
      </c>
      <c r="D4957" s="2">
        <v>157785</v>
      </c>
      <c r="E4957" s="1" t="s">
        <v>0</v>
      </c>
    </row>
    <row r="4958" spans="1:5" x14ac:dyDescent="0.25">
      <c r="A4958" s="1" t="s">
        <v>916</v>
      </c>
      <c r="B4958" s="1" t="s">
        <v>6404</v>
      </c>
      <c r="C4958" s="1" t="s">
        <v>20095</v>
      </c>
      <c r="D4958" s="2">
        <v>157786</v>
      </c>
      <c r="E4958" s="1" t="s">
        <v>0</v>
      </c>
    </row>
    <row r="4959" spans="1:5" x14ac:dyDescent="0.25">
      <c r="A4959" s="1" t="s">
        <v>64018</v>
      </c>
      <c r="B4959" s="1" t="s">
        <v>6405</v>
      </c>
      <c r="C4959" s="1" t="s">
        <v>20096</v>
      </c>
      <c r="D4959" s="2">
        <v>157787</v>
      </c>
      <c r="E4959" s="1" t="s">
        <v>0</v>
      </c>
    </row>
    <row r="4960" spans="1:5" ht="409.5" x14ac:dyDescent="0.25">
      <c r="A4960" s="4" t="s">
        <v>64019</v>
      </c>
      <c r="B4960" s="1" t="s">
        <v>50484</v>
      </c>
      <c r="C4960" s="1" t="s">
        <v>20097</v>
      </c>
      <c r="D4960" s="2">
        <v>157788</v>
      </c>
      <c r="E4960" s="1" t="s">
        <v>0</v>
      </c>
    </row>
    <row r="4961" spans="1:5" x14ac:dyDescent="0.25">
      <c r="A4961" s="1" t="s">
        <v>20098</v>
      </c>
      <c r="B4961" s="1" t="s">
        <v>6406</v>
      </c>
      <c r="C4961" s="1" t="s">
        <v>20099</v>
      </c>
      <c r="D4961" s="2">
        <v>157789</v>
      </c>
      <c r="E4961" s="1" t="s">
        <v>0</v>
      </c>
    </row>
    <row r="4962" spans="1:5" x14ac:dyDescent="0.25">
      <c r="A4962" s="2">
        <v>992</v>
      </c>
      <c r="B4962" s="2">
        <v>992</v>
      </c>
      <c r="C4962" s="1" t="s">
        <v>0</v>
      </c>
      <c r="D4962" s="2">
        <v>157790</v>
      </c>
      <c r="E4962" s="1" t="s">
        <v>0</v>
      </c>
    </row>
    <row r="4963" spans="1:5" x14ac:dyDescent="0.25">
      <c r="A4963" s="1" t="s">
        <v>917</v>
      </c>
      <c r="B4963" s="1" t="s">
        <v>6407</v>
      </c>
      <c r="C4963" s="1" t="s">
        <v>20100</v>
      </c>
      <c r="D4963" s="2">
        <v>157791</v>
      </c>
      <c r="E4963" s="1" t="s">
        <v>0</v>
      </c>
    </row>
    <row r="4964" spans="1:5" x14ac:dyDescent="0.25">
      <c r="A4964" s="1" t="s">
        <v>20101</v>
      </c>
      <c r="B4964" s="1" t="s">
        <v>57430</v>
      </c>
      <c r="C4964" s="1" t="s">
        <v>20102</v>
      </c>
      <c r="D4964" s="2">
        <v>157792</v>
      </c>
      <c r="E4964" s="1" t="s">
        <v>0</v>
      </c>
    </row>
    <row r="4965" spans="1:5" ht="409.5" x14ac:dyDescent="0.25">
      <c r="A4965" s="4" t="s">
        <v>20103</v>
      </c>
      <c r="B4965" s="1" t="s">
        <v>57752</v>
      </c>
      <c r="C4965" s="1" t="s">
        <v>20104</v>
      </c>
      <c r="D4965" s="2">
        <v>157793</v>
      </c>
      <c r="E4965" s="1" t="s">
        <v>0</v>
      </c>
    </row>
    <row r="4966" spans="1:5" x14ac:dyDescent="0.25">
      <c r="A4966" s="1" t="s">
        <v>20105</v>
      </c>
      <c r="B4966" s="1" t="s">
        <v>6408</v>
      </c>
      <c r="C4966" s="1" t="s">
        <v>20106</v>
      </c>
      <c r="D4966" s="2">
        <v>157794</v>
      </c>
      <c r="E4966" s="1" t="s">
        <v>0</v>
      </c>
    </row>
    <row r="4967" spans="1:5" x14ac:dyDescent="0.25">
      <c r="A4967" s="2">
        <v>993</v>
      </c>
      <c r="B4967" s="2">
        <v>993</v>
      </c>
      <c r="C4967" s="1" t="s">
        <v>0</v>
      </c>
      <c r="D4967" s="2">
        <v>157795</v>
      </c>
      <c r="E4967" s="1" t="s">
        <v>0</v>
      </c>
    </row>
    <row r="4968" spans="1:5" x14ac:dyDescent="0.25">
      <c r="A4968" s="1" t="s">
        <v>6409</v>
      </c>
      <c r="B4968" s="1" t="s">
        <v>6410</v>
      </c>
      <c r="C4968" s="1" t="s">
        <v>20107</v>
      </c>
      <c r="D4968" s="2">
        <v>157796</v>
      </c>
      <c r="E4968" s="1" t="s">
        <v>0</v>
      </c>
    </row>
    <row r="4969" spans="1:5" x14ac:dyDescent="0.25">
      <c r="A4969" s="1" t="s">
        <v>20108</v>
      </c>
      <c r="B4969" s="1" t="s">
        <v>57431</v>
      </c>
      <c r="C4969" s="1" t="s">
        <v>20109</v>
      </c>
      <c r="D4969" s="2">
        <v>157797</v>
      </c>
      <c r="E4969" s="1" t="s">
        <v>0</v>
      </c>
    </row>
    <row r="4970" spans="1:5" ht="409.5" x14ac:dyDescent="0.25">
      <c r="A4970" s="4" t="s">
        <v>20110</v>
      </c>
      <c r="B4970" s="1" t="s">
        <v>57753</v>
      </c>
      <c r="C4970" s="1" t="s">
        <v>20111</v>
      </c>
      <c r="D4970" s="2">
        <v>157798</v>
      </c>
      <c r="E4970" s="1" t="s">
        <v>0</v>
      </c>
    </row>
    <row r="4971" spans="1:5" x14ac:dyDescent="0.25">
      <c r="A4971" s="1" t="s">
        <v>20112</v>
      </c>
      <c r="B4971" s="1" t="s">
        <v>52170</v>
      </c>
      <c r="C4971" s="1" t="s">
        <v>20113</v>
      </c>
      <c r="D4971" s="2">
        <v>157799</v>
      </c>
      <c r="E4971" s="1" t="s">
        <v>0</v>
      </c>
    </row>
    <row r="4972" spans="1:5" x14ac:dyDescent="0.25">
      <c r="A4972" s="2">
        <v>994</v>
      </c>
      <c r="B4972" s="2">
        <v>994</v>
      </c>
      <c r="C4972" s="1" t="s">
        <v>0</v>
      </c>
      <c r="D4972" s="2">
        <v>157800</v>
      </c>
      <c r="E4972" s="1" t="s">
        <v>0</v>
      </c>
    </row>
    <row r="4973" spans="1:5" x14ac:dyDescent="0.25">
      <c r="A4973" s="1" t="s">
        <v>918</v>
      </c>
      <c r="B4973" s="1" t="s">
        <v>6411</v>
      </c>
      <c r="C4973" s="1" t="s">
        <v>20114</v>
      </c>
      <c r="D4973" s="2">
        <v>157801</v>
      </c>
      <c r="E4973" s="1" t="s">
        <v>0</v>
      </c>
    </row>
    <row r="4974" spans="1:5" x14ac:dyDescent="0.25">
      <c r="A4974" s="1" t="s">
        <v>64020</v>
      </c>
      <c r="B4974" s="1" t="s">
        <v>63636</v>
      </c>
      <c r="C4974" s="1" t="s">
        <v>20115</v>
      </c>
      <c r="D4974" s="2">
        <v>157802</v>
      </c>
      <c r="E4974" s="1" t="s">
        <v>0</v>
      </c>
    </row>
    <row r="4975" spans="1:5" ht="409.5" x14ac:dyDescent="0.25">
      <c r="A4975" s="4" t="s">
        <v>64021</v>
      </c>
      <c r="B4975" s="1" t="s">
        <v>63637</v>
      </c>
      <c r="C4975" s="1" t="s">
        <v>20116</v>
      </c>
      <c r="D4975" s="2">
        <v>157803</v>
      </c>
      <c r="E4975" s="1" t="s">
        <v>0</v>
      </c>
    </row>
    <row r="4976" spans="1:5" x14ac:dyDescent="0.25">
      <c r="A4976" s="1" t="s">
        <v>20117</v>
      </c>
      <c r="B4976" s="1" t="s">
        <v>6412</v>
      </c>
      <c r="C4976" s="1" t="s">
        <v>20118</v>
      </c>
      <c r="D4976" s="2">
        <v>157804</v>
      </c>
      <c r="E4976" s="1" t="s">
        <v>0</v>
      </c>
    </row>
    <row r="4977" spans="1:5" x14ac:dyDescent="0.25">
      <c r="A4977" s="2">
        <v>995</v>
      </c>
      <c r="B4977" s="2">
        <v>995</v>
      </c>
      <c r="C4977" s="1" t="s">
        <v>0</v>
      </c>
      <c r="D4977" s="2">
        <v>157805</v>
      </c>
      <c r="E4977" s="1" t="s">
        <v>0</v>
      </c>
    </row>
    <row r="4978" spans="1:5" x14ac:dyDescent="0.25">
      <c r="A4978" s="1" t="s">
        <v>919</v>
      </c>
      <c r="B4978" s="1" t="s">
        <v>6413</v>
      </c>
      <c r="C4978" s="1" t="s">
        <v>20119</v>
      </c>
      <c r="D4978" s="2">
        <v>157806</v>
      </c>
      <c r="E4978" s="1" t="s">
        <v>0</v>
      </c>
    </row>
    <row r="4979" spans="1:5" x14ac:dyDescent="0.25">
      <c r="A4979" s="1" t="s">
        <v>20120</v>
      </c>
      <c r="B4979" s="1" t="s">
        <v>59833</v>
      </c>
      <c r="C4979" s="1" t="s">
        <v>20121</v>
      </c>
      <c r="D4979" s="2">
        <v>157807</v>
      </c>
      <c r="E4979" s="1" t="s">
        <v>0</v>
      </c>
    </row>
    <row r="4980" spans="1:5" ht="409.5" x14ac:dyDescent="0.25">
      <c r="A4980" s="4" t="s">
        <v>20122</v>
      </c>
      <c r="B4980" s="1" t="s">
        <v>59834</v>
      </c>
      <c r="C4980" s="1" t="s">
        <v>20123</v>
      </c>
      <c r="D4980" s="2">
        <v>157808</v>
      </c>
      <c r="E4980" s="1" t="s">
        <v>0</v>
      </c>
    </row>
    <row r="4981" spans="1:5" x14ac:dyDescent="0.25">
      <c r="A4981" s="1" t="s">
        <v>20124</v>
      </c>
      <c r="B4981" s="1" t="s">
        <v>6414</v>
      </c>
      <c r="C4981" s="1" t="s">
        <v>20125</v>
      </c>
      <c r="D4981" s="2">
        <v>157809</v>
      </c>
      <c r="E4981" s="1" t="s">
        <v>0</v>
      </c>
    </row>
    <row r="4982" spans="1:5" x14ac:dyDescent="0.25">
      <c r="A4982" s="2">
        <v>996</v>
      </c>
      <c r="B4982" s="2">
        <v>996</v>
      </c>
      <c r="C4982" s="1" t="s">
        <v>0</v>
      </c>
      <c r="D4982" s="2">
        <v>157810</v>
      </c>
      <c r="E4982" s="1" t="s">
        <v>0</v>
      </c>
    </row>
    <row r="4983" spans="1:5" x14ac:dyDescent="0.25">
      <c r="A4983" s="1" t="s">
        <v>920</v>
      </c>
      <c r="B4983" s="1" t="s">
        <v>6415</v>
      </c>
      <c r="C4983" s="1" t="s">
        <v>20126</v>
      </c>
      <c r="D4983" s="2">
        <v>157811</v>
      </c>
      <c r="E4983" s="1" t="s">
        <v>0</v>
      </c>
    </row>
    <row r="4984" spans="1:5" x14ac:dyDescent="0.25">
      <c r="A4984" s="1" t="s">
        <v>20127</v>
      </c>
      <c r="B4984" s="1" t="s">
        <v>13024</v>
      </c>
      <c r="C4984" s="1" t="s">
        <v>20128</v>
      </c>
      <c r="D4984" s="2">
        <v>157812</v>
      </c>
      <c r="E4984" s="1" t="s">
        <v>0</v>
      </c>
    </row>
    <row r="4985" spans="1:5" ht="409.5" x14ac:dyDescent="0.25">
      <c r="A4985" s="4" t="s">
        <v>20129</v>
      </c>
      <c r="B4985" s="1" t="s">
        <v>57674</v>
      </c>
      <c r="C4985" s="1" t="s">
        <v>20130</v>
      </c>
      <c r="D4985" s="2">
        <v>157813</v>
      </c>
      <c r="E4985" s="1" t="s">
        <v>0</v>
      </c>
    </row>
    <row r="4986" spans="1:5" x14ac:dyDescent="0.25">
      <c r="A4986" s="1" t="s">
        <v>20131</v>
      </c>
      <c r="B4986" s="1" t="s">
        <v>52171</v>
      </c>
      <c r="C4986" s="1" t="s">
        <v>20132</v>
      </c>
      <c r="D4986" s="2">
        <v>157814</v>
      </c>
      <c r="E4986" s="1" t="s">
        <v>0</v>
      </c>
    </row>
    <row r="4987" spans="1:5" x14ac:dyDescent="0.25">
      <c r="A4987" s="2">
        <v>997</v>
      </c>
      <c r="B4987" s="2">
        <v>997</v>
      </c>
      <c r="C4987" s="1" t="s">
        <v>0</v>
      </c>
      <c r="D4987" s="2">
        <v>157815</v>
      </c>
      <c r="E4987" s="1" t="s">
        <v>0</v>
      </c>
    </row>
    <row r="4988" spans="1:5" x14ac:dyDescent="0.25">
      <c r="A4988" s="1" t="s">
        <v>921</v>
      </c>
      <c r="B4988" s="1" t="s">
        <v>6416</v>
      </c>
      <c r="C4988" s="1" t="s">
        <v>20133</v>
      </c>
      <c r="D4988" s="2">
        <v>157816</v>
      </c>
      <c r="E4988" s="1" t="s">
        <v>0</v>
      </c>
    </row>
    <row r="4989" spans="1:5" x14ac:dyDescent="0.25">
      <c r="A4989" s="1" t="s">
        <v>20134</v>
      </c>
      <c r="B4989" s="1" t="s">
        <v>62157</v>
      </c>
      <c r="C4989" s="1" t="s">
        <v>20135</v>
      </c>
      <c r="D4989" s="2">
        <v>157817</v>
      </c>
      <c r="E4989" s="1" t="s">
        <v>0</v>
      </c>
    </row>
    <row r="4990" spans="1:5" ht="409.5" x14ac:dyDescent="0.25">
      <c r="A4990" s="4" t="s">
        <v>20136</v>
      </c>
      <c r="B4990" s="1" t="s">
        <v>62158</v>
      </c>
      <c r="C4990" s="1" t="s">
        <v>20137</v>
      </c>
      <c r="D4990" s="2">
        <v>157818</v>
      </c>
      <c r="E4990" s="1" t="s">
        <v>0</v>
      </c>
    </row>
    <row r="4991" spans="1:5" x14ac:dyDescent="0.25">
      <c r="A4991" s="1" t="s">
        <v>20138</v>
      </c>
      <c r="B4991" s="1" t="s">
        <v>6417</v>
      </c>
      <c r="C4991" s="1" t="s">
        <v>20139</v>
      </c>
      <c r="D4991" s="2">
        <v>157819</v>
      </c>
      <c r="E4991" s="1" t="s">
        <v>0</v>
      </c>
    </row>
    <row r="4992" spans="1:5" x14ac:dyDescent="0.25">
      <c r="A4992" s="2">
        <v>998</v>
      </c>
      <c r="B4992" s="2">
        <v>998</v>
      </c>
      <c r="C4992" s="1" t="s">
        <v>0</v>
      </c>
      <c r="D4992" s="2">
        <v>157820</v>
      </c>
      <c r="E4992" s="1" t="s">
        <v>0</v>
      </c>
    </row>
    <row r="4993" spans="1:5" x14ac:dyDescent="0.25">
      <c r="A4993" s="1" t="s">
        <v>922</v>
      </c>
      <c r="B4993" s="1" t="s">
        <v>56919</v>
      </c>
      <c r="C4993" s="1" t="s">
        <v>20140</v>
      </c>
      <c r="D4993" s="2">
        <v>157821</v>
      </c>
      <c r="E4993" s="1" t="s">
        <v>0</v>
      </c>
    </row>
    <row r="4994" spans="1:5" x14ac:dyDescent="0.25">
      <c r="A4994" s="1" t="s">
        <v>20141</v>
      </c>
      <c r="B4994" s="1" t="s">
        <v>62159</v>
      </c>
      <c r="C4994" s="1" t="s">
        <v>20142</v>
      </c>
      <c r="D4994" s="2">
        <v>157822</v>
      </c>
      <c r="E4994" s="1" t="s">
        <v>0</v>
      </c>
    </row>
    <row r="4995" spans="1:5" ht="409.5" x14ac:dyDescent="0.25">
      <c r="A4995" s="4" t="s">
        <v>20143</v>
      </c>
      <c r="B4995" s="1" t="s">
        <v>62160</v>
      </c>
      <c r="C4995" s="1" t="s">
        <v>20144</v>
      </c>
      <c r="D4995" s="2">
        <v>157823</v>
      </c>
      <c r="E4995" s="1" t="s">
        <v>0</v>
      </c>
    </row>
    <row r="4996" spans="1:5" x14ac:dyDescent="0.25">
      <c r="A4996" s="1" t="s">
        <v>20145</v>
      </c>
      <c r="B4996" s="1" t="s">
        <v>6418</v>
      </c>
      <c r="C4996" s="1" t="s">
        <v>20146</v>
      </c>
      <c r="D4996" s="2">
        <v>157824</v>
      </c>
      <c r="E4996" s="1" t="s">
        <v>0</v>
      </c>
    </row>
    <row r="4997" spans="1:5" x14ac:dyDescent="0.25">
      <c r="A4997" s="2">
        <v>999</v>
      </c>
      <c r="B4997" s="2">
        <v>999</v>
      </c>
      <c r="C4997" s="1" t="s">
        <v>0</v>
      </c>
      <c r="D4997" s="2">
        <v>157825</v>
      </c>
      <c r="E4997" s="1" t="s">
        <v>0</v>
      </c>
    </row>
    <row r="4998" spans="1:5" x14ac:dyDescent="0.25">
      <c r="A4998" s="1" t="s">
        <v>923</v>
      </c>
      <c r="B4998" s="1" t="s">
        <v>6419</v>
      </c>
      <c r="C4998" s="1" t="s">
        <v>20147</v>
      </c>
      <c r="D4998" s="2">
        <v>157826</v>
      </c>
      <c r="E4998" s="1" t="s">
        <v>0</v>
      </c>
    </row>
    <row r="4999" spans="1:5" x14ac:dyDescent="0.25">
      <c r="A4999" s="1" t="s">
        <v>20148</v>
      </c>
      <c r="B4999" s="1" t="s">
        <v>58235</v>
      </c>
      <c r="C4999" s="1" t="s">
        <v>20149</v>
      </c>
      <c r="D4999" s="2">
        <v>157827</v>
      </c>
      <c r="E4999" s="1" t="s">
        <v>0</v>
      </c>
    </row>
    <row r="5000" spans="1:5" ht="409.5" x14ac:dyDescent="0.25">
      <c r="A5000" s="4" t="s">
        <v>20150</v>
      </c>
      <c r="B5000" s="1" t="s">
        <v>58236</v>
      </c>
      <c r="C5000" s="1" t="s">
        <v>20151</v>
      </c>
      <c r="D5000" s="2">
        <v>157828</v>
      </c>
      <c r="E5000" s="1" t="s">
        <v>0</v>
      </c>
    </row>
    <row r="5001" spans="1:5" x14ac:dyDescent="0.25">
      <c r="A5001" s="1" t="s">
        <v>20152</v>
      </c>
      <c r="B5001" s="1" t="s">
        <v>52172</v>
      </c>
      <c r="C5001" s="1" t="s">
        <v>20153</v>
      </c>
      <c r="D5001" s="2">
        <v>157829</v>
      </c>
      <c r="E5001" s="1" t="s">
        <v>0</v>
      </c>
    </row>
    <row r="5002" spans="1:5" x14ac:dyDescent="0.25">
      <c r="A5002" s="2">
        <v>1000</v>
      </c>
      <c r="B5002" s="2">
        <v>1000</v>
      </c>
      <c r="C5002" s="1" t="s">
        <v>0</v>
      </c>
      <c r="D5002" s="2">
        <v>157830</v>
      </c>
      <c r="E5002" s="1" t="s">
        <v>0</v>
      </c>
    </row>
    <row r="5003" spans="1:5" x14ac:dyDescent="0.25">
      <c r="A5003" s="1" t="s">
        <v>924</v>
      </c>
      <c r="B5003" s="1" t="s">
        <v>6420</v>
      </c>
      <c r="C5003" s="1" t="s">
        <v>20154</v>
      </c>
      <c r="D5003" s="2">
        <v>157831</v>
      </c>
      <c r="E5003" s="1" t="s">
        <v>0</v>
      </c>
    </row>
    <row r="5004" spans="1:5" x14ac:dyDescent="0.25">
      <c r="A5004" s="1" t="s">
        <v>20155</v>
      </c>
      <c r="B5004" s="1" t="s">
        <v>62161</v>
      </c>
      <c r="C5004" s="1" t="s">
        <v>20156</v>
      </c>
      <c r="D5004" s="2">
        <v>157832</v>
      </c>
      <c r="E5004" s="1" t="s">
        <v>0</v>
      </c>
    </row>
    <row r="5005" spans="1:5" ht="409.5" x14ac:dyDescent="0.25">
      <c r="A5005" s="4" t="s">
        <v>20157</v>
      </c>
      <c r="B5005" s="1" t="s">
        <v>62162</v>
      </c>
      <c r="C5005" s="1" t="s">
        <v>20158</v>
      </c>
      <c r="D5005" s="2">
        <v>157833</v>
      </c>
      <c r="E5005" s="1" t="s">
        <v>0</v>
      </c>
    </row>
    <row r="5006" spans="1:5" x14ac:dyDescent="0.25">
      <c r="A5006" s="1" t="s">
        <v>20159</v>
      </c>
      <c r="B5006" s="1" t="s">
        <v>58237</v>
      </c>
      <c r="C5006" s="1" t="s">
        <v>20160</v>
      </c>
      <c r="D5006" s="2">
        <v>157834</v>
      </c>
      <c r="E5006" s="1" t="s">
        <v>0</v>
      </c>
    </row>
    <row r="5007" spans="1:5" x14ac:dyDescent="0.25">
      <c r="A5007" s="2">
        <v>1001</v>
      </c>
      <c r="B5007" s="2">
        <v>1001</v>
      </c>
      <c r="C5007" s="1" t="s">
        <v>0</v>
      </c>
      <c r="D5007" s="2">
        <v>157835</v>
      </c>
      <c r="E5007" s="1" t="s">
        <v>0</v>
      </c>
    </row>
    <row r="5008" spans="1:5" x14ac:dyDescent="0.25">
      <c r="A5008" s="1" t="s">
        <v>925</v>
      </c>
      <c r="B5008" s="1" t="s">
        <v>6421</v>
      </c>
      <c r="C5008" s="1" t="s">
        <v>20161</v>
      </c>
      <c r="D5008" s="2">
        <v>157836</v>
      </c>
      <c r="E5008" s="1" t="s">
        <v>0</v>
      </c>
    </row>
    <row r="5009" spans="1:5" x14ac:dyDescent="0.25">
      <c r="A5009" s="1" t="s">
        <v>20162</v>
      </c>
      <c r="B5009" s="1" t="s">
        <v>62163</v>
      </c>
      <c r="C5009" s="1" t="s">
        <v>20163</v>
      </c>
      <c r="D5009" s="2">
        <v>157837</v>
      </c>
      <c r="E5009" s="1" t="s">
        <v>0</v>
      </c>
    </row>
    <row r="5010" spans="1:5" ht="409.5" x14ac:dyDescent="0.25">
      <c r="A5010" s="4" t="s">
        <v>20164</v>
      </c>
      <c r="B5010" s="1" t="s">
        <v>62164</v>
      </c>
      <c r="C5010" s="1" t="s">
        <v>20165</v>
      </c>
      <c r="D5010" s="2">
        <v>157838</v>
      </c>
      <c r="E5010" s="1" t="s">
        <v>0</v>
      </c>
    </row>
    <row r="5011" spans="1:5" x14ac:dyDescent="0.25">
      <c r="A5011" s="1" t="s">
        <v>20166</v>
      </c>
      <c r="B5011" s="1" t="s">
        <v>52173</v>
      </c>
      <c r="C5011" s="1" t="s">
        <v>20167</v>
      </c>
      <c r="D5011" s="2">
        <v>157839</v>
      </c>
      <c r="E5011" s="1" t="s">
        <v>0</v>
      </c>
    </row>
    <row r="5012" spans="1:5" x14ac:dyDescent="0.25">
      <c r="A5012" s="2">
        <v>1002</v>
      </c>
      <c r="B5012" s="2">
        <v>1002</v>
      </c>
      <c r="C5012" s="1" t="s">
        <v>0</v>
      </c>
      <c r="D5012" s="2">
        <v>157840</v>
      </c>
      <c r="E5012" s="1" t="s">
        <v>0</v>
      </c>
    </row>
    <row r="5013" spans="1:5" x14ac:dyDescent="0.25">
      <c r="A5013" s="1" t="s">
        <v>926</v>
      </c>
      <c r="B5013" s="1" t="s">
        <v>6422</v>
      </c>
      <c r="C5013" s="1" t="s">
        <v>20168</v>
      </c>
      <c r="D5013" s="2">
        <v>157841</v>
      </c>
      <c r="E5013" s="1" t="s">
        <v>0</v>
      </c>
    </row>
    <row r="5014" spans="1:5" x14ac:dyDescent="0.25">
      <c r="A5014" s="1" t="s">
        <v>20169</v>
      </c>
      <c r="B5014" s="1" t="s">
        <v>6423</v>
      </c>
      <c r="C5014" s="1" t="s">
        <v>20170</v>
      </c>
      <c r="D5014" s="2">
        <v>157842</v>
      </c>
      <c r="E5014" s="1" t="s">
        <v>0</v>
      </c>
    </row>
    <row r="5015" spans="1:5" ht="409.5" x14ac:dyDescent="0.25">
      <c r="A5015" s="4" t="s">
        <v>20171</v>
      </c>
      <c r="B5015" s="1" t="s">
        <v>62165</v>
      </c>
      <c r="C5015" s="1" t="s">
        <v>20172</v>
      </c>
      <c r="D5015" s="2">
        <v>157843</v>
      </c>
      <c r="E5015" s="1" t="s">
        <v>0</v>
      </c>
    </row>
    <row r="5016" spans="1:5" x14ac:dyDescent="0.25">
      <c r="A5016" s="1" t="s">
        <v>20173</v>
      </c>
      <c r="B5016" s="1" t="s">
        <v>6424</v>
      </c>
      <c r="C5016" s="1" t="s">
        <v>20174</v>
      </c>
      <c r="D5016" s="2">
        <v>157844</v>
      </c>
      <c r="E5016" s="1" t="s">
        <v>0</v>
      </c>
    </row>
    <row r="5017" spans="1:5" x14ac:dyDescent="0.25">
      <c r="A5017" s="2">
        <v>1003</v>
      </c>
      <c r="B5017" s="2">
        <v>1003</v>
      </c>
      <c r="C5017" s="1" t="s">
        <v>0</v>
      </c>
      <c r="D5017" s="2">
        <v>157845</v>
      </c>
      <c r="E5017" s="1" t="s">
        <v>0</v>
      </c>
    </row>
    <row r="5018" spans="1:5" x14ac:dyDescent="0.25">
      <c r="A5018" s="1" t="s">
        <v>927</v>
      </c>
      <c r="B5018" s="1" t="s">
        <v>59835</v>
      </c>
      <c r="C5018" s="1" t="s">
        <v>20175</v>
      </c>
      <c r="D5018" s="2">
        <v>157846</v>
      </c>
      <c r="E5018" s="1" t="s">
        <v>0</v>
      </c>
    </row>
    <row r="5019" spans="1:5" x14ac:dyDescent="0.25">
      <c r="A5019" s="1" t="s">
        <v>20176</v>
      </c>
      <c r="B5019" s="1" t="s">
        <v>60973</v>
      </c>
      <c r="C5019" s="1" t="s">
        <v>20177</v>
      </c>
      <c r="D5019" s="2">
        <v>157847</v>
      </c>
      <c r="E5019" s="1" t="s">
        <v>0</v>
      </c>
    </row>
    <row r="5020" spans="1:5" ht="409.5" x14ac:dyDescent="0.25">
      <c r="A5020" s="4" t="s">
        <v>20178</v>
      </c>
      <c r="B5020" s="1" t="s">
        <v>60974</v>
      </c>
      <c r="C5020" s="1" t="s">
        <v>20179</v>
      </c>
      <c r="D5020" s="2">
        <v>157848</v>
      </c>
      <c r="E5020" s="1" t="s">
        <v>0</v>
      </c>
    </row>
    <row r="5021" spans="1:5" x14ac:dyDescent="0.25">
      <c r="A5021" s="1" t="s">
        <v>20180</v>
      </c>
      <c r="B5021" s="1" t="s">
        <v>6425</v>
      </c>
      <c r="C5021" s="1" t="s">
        <v>20181</v>
      </c>
      <c r="D5021" s="2">
        <v>157849</v>
      </c>
      <c r="E5021" s="1" t="s">
        <v>0</v>
      </c>
    </row>
    <row r="5022" spans="1:5" x14ac:dyDescent="0.25">
      <c r="A5022" s="2">
        <v>1004</v>
      </c>
      <c r="B5022" s="2">
        <v>1004</v>
      </c>
      <c r="C5022" s="1" t="s">
        <v>0</v>
      </c>
      <c r="D5022" s="2">
        <v>157850</v>
      </c>
      <c r="E5022" s="1" t="s">
        <v>0</v>
      </c>
    </row>
    <row r="5023" spans="1:5" x14ac:dyDescent="0.25">
      <c r="A5023" s="1" t="s">
        <v>928</v>
      </c>
      <c r="B5023" s="1" t="s">
        <v>6426</v>
      </c>
      <c r="C5023" s="1" t="s">
        <v>20182</v>
      </c>
      <c r="D5023" s="2">
        <v>157851</v>
      </c>
      <c r="E5023" s="1" t="s">
        <v>0</v>
      </c>
    </row>
    <row r="5024" spans="1:5" x14ac:dyDescent="0.25">
      <c r="A5024" s="1" t="s">
        <v>20183</v>
      </c>
      <c r="B5024" s="1" t="s">
        <v>13025</v>
      </c>
      <c r="C5024" s="1" t="s">
        <v>20184</v>
      </c>
      <c r="D5024" s="2">
        <v>157852</v>
      </c>
      <c r="E5024" s="1" t="s">
        <v>0</v>
      </c>
    </row>
    <row r="5025" spans="1:5" ht="409.5" x14ac:dyDescent="0.25">
      <c r="A5025" s="4" t="s">
        <v>20185</v>
      </c>
      <c r="B5025" s="1" t="s">
        <v>52174</v>
      </c>
      <c r="C5025" s="1" t="s">
        <v>20186</v>
      </c>
      <c r="D5025" s="2">
        <v>157853</v>
      </c>
      <c r="E5025" s="1" t="s">
        <v>0</v>
      </c>
    </row>
    <row r="5026" spans="1:5" x14ac:dyDescent="0.25">
      <c r="A5026" s="1" t="s">
        <v>20187</v>
      </c>
      <c r="B5026" s="1" t="s">
        <v>6427</v>
      </c>
      <c r="C5026" s="1" t="s">
        <v>20188</v>
      </c>
      <c r="D5026" s="2">
        <v>157854</v>
      </c>
      <c r="E5026" s="1" t="s">
        <v>0</v>
      </c>
    </row>
    <row r="5027" spans="1:5" x14ac:dyDescent="0.25">
      <c r="A5027" s="2">
        <v>1005</v>
      </c>
      <c r="B5027" s="2">
        <v>1005</v>
      </c>
      <c r="C5027" s="1" t="s">
        <v>0</v>
      </c>
      <c r="D5027" s="2">
        <v>157855</v>
      </c>
      <c r="E5027" s="1" t="s">
        <v>0</v>
      </c>
    </row>
    <row r="5028" spans="1:5" x14ac:dyDescent="0.25">
      <c r="A5028" s="1" t="s">
        <v>929</v>
      </c>
      <c r="B5028" s="1" t="s">
        <v>6428</v>
      </c>
      <c r="C5028" s="1" t="s">
        <v>20189</v>
      </c>
      <c r="D5028" s="2">
        <v>157856</v>
      </c>
      <c r="E5028" s="1" t="s">
        <v>0</v>
      </c>
    </row>
    <row r="5029" spans="1:5" x14ac:dyDescent="0.25">
      <c r="A5029" s="1" t="s">
        <v>20190</v>
      </c>
      <c r="B5029" s="1" t="s">
        <v>6429</v>
      </c>
      <c r="C5029" s="1" t="s">
        <v>20191</v>
      </c>
      <c r="D5029" s="2">
        <v>157857</v>
      </c>
      <c r="E5029" s="1" t="s">
        <v>0</v>
      </c>
    </row>
    <row r="5030" spans="1:5" ht="409.5" x14ac:dyDescent="0.25">
      <c r="A5030" s="4" t="s">
        <v>20192</v>
      </c>
      <c r="B5030" s="1" t="s">
        <v>52175</v>
      </c>
      <c r="C5030" s="1" t="s">
        <v>20193</v>
      </c>
      <c r="D5030" s="2">
        <v>157858</v>
      </c>
      <c r="E5030" s="1" t="s">
        <v>0</v>
      </c>
    </row>
    <row r="5031" spans="1:5" x14ac:dyDescent="0.25">
      <c r="A5031" s="1" t="s">
        <v>20194</v>
      </c>
      <c r="B5031" s="1" t="s">
        <v>6430</v>
      </c>
      <c r="C5031" s="1" t="s">
        <v>20195</v>
      </c>
      <c r="D5031" s="2">
        <v>157859</v>
      </c>
      <c r="E5031" s="1" t="s">
        <v>0</v>
      </c>
    </row>
    <row r="5032" spans="1:5" x14ac:dyDescent="0.25">
      <c r="A5032" s="2">
        <v>1006</v>
      </c>
      <c r="B5032" s="2">
        <v>1006</v>
      </c>
      <c r="C5032" s="1" t="s">
        <v>0</v>
      </c>
      <c r="D5032" s="2">
        <v>157860</v>
      </c>
      <c r="E5032" s="1" t="s">
        <v>0</v>
      </c>
    </row>
    <row r="5033" spans="1:5" x14ac:dyDescent="0.25">
      <c r="A5033" s="1" t="s">
        <v>930</v>
      </c>
      <c r="B5033" s="1" t="s">
        <v>6431</v>
      </c>
      <c r="C5033" s="1" t="s">
        <v>20196</v>
      </c>
      <c r="D5033" s="2">
        <v>157861</v>
      </c>
      <c r="E5033" s="1" t="s">
        <v>0</v>
      </c>
    </row>
    <row r="5034" spans="1:5" x14ac:dyDescent="0.25">
      <c r="A5034" s="1" t="s">
        <v>20197</v>
      </c>
      <c r="B5034" s="1" t="s">
        <v>52176</v>
      </c>
      <c r="C5034" s="1" t="s">
        <v>20198</v>
      </c>
      <c r="D5034" s="2">
        <v>157862</v>
      </c>
      <c r="E5034" s="1" t="s">
        <v>0</v>
      </c>
    </row>
    <row r="5035" spans="1:5" ht="409.5" x14ac:dyDescent="0.25">
      <c r="A5035" s="4" t="s">
        <v>20199</v>
      </c>
      <c r="B5035" s="1" t="s">
        <v>52177</v>
      </c>
      <c r="C5035" s="1" t="s">
        <v>20200</v>
      </c>
      <c r="D5035" s="2">
        <v>157863</v>
      </c>
      <c r="E5035" s="1" t="s">
        <v>0</v>
      </c>
    </row>
    <row r="5036" spans="1:5" x14ac:dyDescent="0.25">
      <c r="A5036" s="1" t="s">
        <v>20201</v>
      </c>
      <c r="B5036" s="1" t="s">
        <v>57151</v>
      </c>
      <c r="C5036" s="1" t="s">
        <v>20202</v>
      </c>
      <c r="D5036" s="2">
        <v>157864</v>
      </c>
      <c r="E5036" s="1" t="s">
        <v>0</v>
      </c>
    </row>
    <row r="5037" spans="1:5" x14ac:dyDescent="0.25">
      <c r="A5037" s="2">
        <v>1007</v>
      </c>
      <c r="B5037" s="2">
        <v>1007</v>
      </c>
      <c r="C5037" s="1" t="s">
        <v>0</v>
      </c>
      <c r="D5037" s="2">
        <v>157865</v>
      </c>
      <c r="E5037" s="1" t="s">
        <v>0</v>
      </c>
    </row>
    <row r="5038" spans="1:5" x14ac:dyDescent="0.25">
      <c r="A5038" s="1" t="s">
        <v>931</v>
      </c>
      <c r="B5038" s="1" t="s">
        <v>6432</v>
      </c>
      <c r="C5038" s="1" t="s">
        <v>20203</v>
      </c>
      <c r="D5038" s="2">
        <v>157866</v>
      </c>
      <c r="E5038" s="1" t="s">
        <v>0</v>
      </c>
    </row>
    <row r="5039" spans="1:5" x14ac:dyDescent="0.25">
      <c r="A5039" s="1" t="s">
        <v>20204</v>
      </c>
      <c r="B5039" s="1" t="s">
        <v>52178</v>
      </c>
      <c r="C5039" s="1" t="s">
        <v>20205</v>
      </c>
      <c r="D5039" s="2">
        <v>157867</v>
      </c>
      <c r="E5039" s="1" t="s">
        <v>0</v>
      </c>
    </row>
    <row r="5040" spans="1:5" ht="409.5" x14ac:dyDescent="0.25">
      <c r="A5040" s="4" t="s">
        <v>20206</v>
      </c>
      <c r="B5040" s="1" t="s">
        <v>52179</v>
      </c>
      <c r="C5040" s="1" t="s">
        <v>20207</v>
      </c>
      <c r="D5040" s="2">
        <v>157868</v>
      </c>
      <c r="E5040" s="1" t="s">
        <v>0</v>
      </c>
    </row>
    <row r="5041" spans="1:5" x14ac:dyDescent="0.25">
      <c r="A5041" s="1" t="s">
        <v>20208</v>
      </c>
      <c r="B5041" s="1" t="s">
        <v>6433</v>
      </c>
      <c r="C5041" s="1" t="s">
        <v>20209</v>
      </c>
      <c r="D5041" s="2">
        <v>157869</v>
      </c>
      <c r="E5041" s="1" t="s">
        <v>0</v>
      </c>
    </row>
    <row r="5042" spans="1:5" x14ac:dyDescent="0.25">
      <c r="A5042" s="2">
        <v>1008</v>
      </c>
      <c r="B5042" s="2">
        <v>1008</v>
      </c>
      <c r="C5042" s="1" t="s">
        <v>0</v>
      </c>
      <c r="D5042" s="2">
        <v>157870</v>
      </c>
      <c r="E5042" s="1" t="s">
        <v>0</v>
      </c>
    </row>
    <row r="5043" spans="1:5" x14ac:dyDescent="0.25">
      <c r="A5043" s="1" t="s">
        <v>932</v>
      </c>
      <c r="B5043" s="1" t="s">
        <v>6434</v>
      </c>
      <c r="C5043" s="1" t="s">
        <v>20210</v>
      </c>
      <c r="D5043" s="2">
        <v>157871</v>
      </c>
      <c r="E5043" s="1" t="s">
        <v>0</v>
      </c>
    </row>
    <row r="5044" spans="1:5" x14ac:dyDescent="0.25">
      <c r="A5044" s="1" t="s">
        <v>20211</v>
      </c>
      <c r="B5044" s="1" t="s">
        <v>6435</v>
      </c>
      <c r="C5044" s="1" t="s">
        <v>20212</v>
      </c>
      <c r="D5044" s="2">
        <v>157872</v>
      </c>
      <c r="E5044" s="1" t="s">
        <v>0</v>
      </c>
    </row>
    <row r="5045" spans="1:5" ht="409.5" x14ac:dyDescent="0.25">
      <c r="A5045" s="4" t="s">
        <v>20213</v>
      </c>
      <c r="B5045" s="1" t="s">
        <v>63238</v>
      </c>
      <c r="C5045" s="1" t="s">
        <v>20214</v>
      </c>
      <c r="D5045" s="2">
        <v>157873</v>
      </c>
      <c r="E5045" s="1" t="s">
        <v>0</v>
      </c>
    </row>
    <row r="5046" spans="1:5" x14ac:dyDescent="0.25">
      <c r="A5046" s="1" t="s">
        <v>20215</v>
      </c>
      <c r="B5046" s="1" t="s">
        <v>50485</v>
      </c>
      <c r="C5046" s="1" t="s">
        <v>20216</v>
      </c>
      <c r="D5046" s="2">
        <v>157874</v>
      </c>
      <c r="E5046" s="1" t="s">
        <v>0</v>
      </c>
    </row>
    <row r="5047" spans="1:5" x14ac:dyDescent="0.25">
      <c r="A5047" s="2">
        <v>1009</v>
      </c>
      <c r="B5047" s="2">
        <v>1009</v>
      </c>
      <c r="C5047" s="1" t="s">
        <v>0</v>
      </c>
      <c r="D5047" s="2">
        <v>157875</v>
      </c>
      <c r="E5047" s="1" t="s">
        <v>0</v>
      </c>
    </row>
    <row r="5048" spans="1:5" x14ac:dyDescent="0.25">
      <c r="A5048" s="1" t="s">
        <v>933</v>
      </c>
      <c r="B5048" s="1" t="s">
        <v>6436</v>
      </c>
      <c r="C5048" s="1" t="s">
        <v>20217</v>
      </c>
      <c r="D5048" s="2">
        <v>157876</v>
      </c>
      <c r="E5048" s="1" t="s">
        <v>0</v>
      </c>
    </row>
    <row r="5049" spans="1:5" x14ac:dyDescent="0.25">
      <c r="A5049" s="1" t="s">
        <v>20218</v>
      </c>
      <c r="B5049" s="1" t="s">
        <v>6437</v>
      </c>
      <c r="C5049" s="1" t="s">
        <v>20219</v>
      </c>
      <c r="D5049" s="2">
        <v>157877</v>
      </c>
      <c r="E5049" s="1" t="s">
        <v>0</v>
      </c>
    </row>
    <row r="5050" spans="1:5" ht="409.5" x14ac:dyDescent="0.25">
      <c r="A5050" s="4" t="s">
        <v>20220</v>
      </c>
      <c r="B5050" s="1" t="s">
        <v>6438</v>
      </c>
      <c r="C5050" s="1" t="s">
        <v>20221</v>
      </c>
      <c r="D5050" s="2">
        <v>157878</v>
      </c>
      <c r="E5050" s="1" t="s">
        <v>0</v>
      </c>
    </row>
    <row r="5051" spans="1:5" x14ac:dyDescent="0.25">
      <c r="A5051" s="1" t="s">
        <v>20222</v>
      </c>
      <c r="B5051" s="1" t="s">
        <v>6439</v>
      </c>
      <c r="C5051" s="1" t="s">
        <v>20223</v>
      </c>
      <c r="D5051" s="2">
        <v>157879</v>
      </c>
      <c r="E5051" s="1" t="s">
        <v>0</v>
      </c>
    </row>
    <row r="5052" spans="1:5" x14ac:dyDescent="0.25">
      <c r="A5052" s="2">
        <v>1010</v>
      </c>
      <c r="B5052" s="2">
        <v>1010</v>
      </c>
      <c r="C5052" s="1" t="s">
        <v>0</v>
      </c>
      <c r="D5052" s="2">
        <v>157880</v>
      </c>
      <c r="E5052" s="1" t="s">
        <v>0</v>
      </c>
    </row>
    <row r="5053" spans="1:5" x14ac:dyDescent="0.25">
      <c r="A5053" s="1" t="s">
        <v>934</v>
      </c>
      <c r="B5053" s="1" t="s">
        <v>59836</v>
      </c>
      <c r="C5053" s="1" t="s">
        <v>20224</v>
      </c>
      <c r="D5053" s="2">
        <v>157881</v>
      </c>
      <c r="E5053" s="1" t="s">
        <v>0</v>
      </c>
    </row>
    <row r="5054" spans="1:5" x14ac:dyDescent="0.25">
      <c r="A5054" s="1" t="s">
        <v>20225</v>
      </c>
      <c r="B5054" s="1" t="s">
        <v>57754</v>
      </c>
      <c r="C5054" s="1" t="s">
        <v>20226</v>
      </c>
      <c r="D5054" s="2">
        <v>157882</v>
      </c>
      <c r="E5054" s="1" t="s">
        <v>0</v>
      </c>
    </row>
    <row r="5055" spans="1:5" ht="409.5" x14ac:dyDescent="0.25">
      <c r="A5055" s="4" t="s">
        <v>20227</v>
      </c>
      <c r="B5055" s="1" t="s">
        <v>59575</v>
      </c>
      <c r="C5055" s="1" t="s">
        <v>20228</v>
      </c>
      <c r="D5055" s="2">
        <v>157883</v>
      </c>
      <c r="E5055" s="1" t="s">
        <v>0</v>
      </c>
    </row>
    <row r="5056" spans="1:5" x14ac:dyDescent="0.25">
      <c r="A5056" s="1" t="s">
        <v>20229</v>
      </c>
      <c r="B5056" s="1" t="s">
        <v>50486</v>
      </c>
      <c r="C5056" s="1" t="s">
        <v>20230</v>
      </c>
      <c r="D5056" s="2">
        <v>157884</v>
      </c>
      <c r="E5056" s="1" t="s">
        <v>0</v>
      </c>
    </row>
    <row r="5057" spans="1:5" x14ac:dyDescent="0.25">
      <c r="A5057" s="2">
        <v>1011</v>
      </c>
      <c r="B5057" s="2">
        <v>1011</v>
      </c>
      <c r="C5057" s="1" t="s">
        <v>0</v>
      </c>
      <c r="D5057" s="2">
        <v>157885</v>
      </c>
      <c r="E5057" s="1" t="s">
        <v>0</v>
      </c>
    </row>
    <row r="5058" spans="1:5" x14ac:dyDescent="0.25">
      <c r="A5058" s="1" t="s">
        <v>935</v>
      </c>
      <c r="B5058" s="1" t="s">
        <v>6440</v>
      </c>
      <c r="C5058" s="1" t="s">
        <v>20231</v>
      </c>
      <c r="D5058" s="2">
        <v>157886</v>
      </c>
      <c r="E5058" s="1" t="s">
        <v>0</v>
      </c>
    </row>
    <row r="5059" spans="1:5" x14ac:dyDescent="0.25">
      <c r="A5059" s="1" t="s">
        <v>20232</v>
      </c>
      <c r="B5059" s="1" t="s">
        <v>52180</v>
      </c>
      <c r="C5059" s="1" t="s">
        <v>20233</v>
      </c>
      <c r="D5059" s="2">
        <v>157887</v>
      </c>
      <c r="E5059" s="1" t="s">
        <v>0</v>
      </c>
    </row>
    <row r="5060" spans="1:5" ht="409.5" x14ac:dyDescent="0.25">
      <c r="A5060" s="4" t="s">
        <v>20234</v>
      </c>
      <c r="B5060" s="1" t="s">
        <v>52181</v>
      </c>
      <c r="C5060" s="1" t="s">
        <v>20235</v>
      </c>
      <c r="D5060" s="2">
        <v>157888</v>
      </c>
      <c r="E5060" s="1" t="s">
        <v>0</v>
      </c>
    </row>
    <row r="5061" spans="1:5" x14ac:dyDescent="0.25">
      <c r="A5061" s="1" t="s">
        <v>20236</v>
      </c>
      <c r="B5061" s="1" t="s">
        <v>52182</v>
      </c>
      <c r="C5061" s="1" t="s">
        <v>20237</v>
      </c>
      <c r="D5061" s="2">
        <v>157889</v>
      </c>
      <c r="E5061" s="1" t="s">
        <v>0</v>
      </c>
    </row>
    <row r="5062" spans="1:5" x14ac:dyDescent="0.25">
      <c r="A5062" s="2">
        <v>1012</v>
      </c>
      <c r="B5062" s="2">
        <v>1012</v>
      </c>
      <c r="C5062" s="1" t="s">
        <v>0</v>
      </c>
      <c r="D5062" s="2">
        <v>157890</v>
      </c>
      <c r="E5062" s="1" t="s">
        <v>0</v>
      </c>
    </row>
    <row r="5063" spans="1:5" x14ac:dyDescent="0.25">
      <c r="A5063" s="1" t="s">
        <v>936</v>
      </c>
      <c r="B5063" s="1" t="s">
        <v>6441</v>
      </c>
      <c r="C5063" s="1" t="s">
        <v>20238</v>
      </c>
      <c r="D5063" s="2">
        <v>157891</v>
      </c>
      <c r="E5063" s="1" t="s">
        <v>0</v>
      </c>
    </row>
    <row r="5064" spans="1:5" x14ac:dyDescent="0.25">
      <c r="A5064" s="1" t="s">
        <v>20239</v>
      </c>
      <c r="B5064" s="1" t="s">
        <v>52183</v>
      </c>
      <c r="C5064" s="1" t="s">
        <v>20240</v>
      </c>
      <c r="D5064" s="2">
        <v>157892</v>
      </c>
      <c r="E5064" s="1" t="s">
        <v>0</v>
      </c>
    </row>
    <row r="5065" spans="1:5" ht="409.5" x14ac:dyDescent="0.25">
      <c r="A5065" s="4" t="s">
        <v>20241</v>
      </c>
      <c r="B5065" s="1" t="s">
        <v>52184</v>
      </c>
      <c r="C5065" s="1" t="s">
        <v>20242</v>
      </c>
      <c r="D5065" s="2">
        <v>157893</v>
      </c>
      <c r="E5065" s="1" t="s">
        <v>0</v>
      </c>
    </row>
    <row r="5066" spans="1:5" x14ac:dyDescent="0.25">
      <c r="A5066" s="1" t="s">
        <v>20243</v>
      </c>
      <c r="B5066" s="1" t="s">
        <v>6442</v>
      </c>
      <c r="C5066" s="1" t="s">
        <v>20244</v>
      </c>
      <c r="D5066" s="2">
        <v>157894</v>
      </c>
      <c r="E5066" s="1" t="s">
        <v>0</v>
      </c>
    </row>
    <row r="5067" spans="1:5" x14ac:dyDescent="0.25">
      <c r="A5067" s="2">
        <v>1013</v>
      </c>
      <c r="B5067" s="2">
        <v>1013</v>
      </c>
      <c r="C5067" s="1" t="s">
        <v>0</v>
      </c>
      <c r="D5067" s="2">
        <v>157895</v>
      </c>
      <c r="E5067" s="1" t="s">
        <v>0</v>
      </c>
    </row>
    <row r="5068" spans="1:5" x14ac:dyDescent="0.25">
      <c r="A5068" s="1" t="s">
        <v>937</v>
      </c>
      <c r="B5068" s="1" t="s">
        <v>6443</v>
      </c>
      <c r="C5068" s="1" t="s">
        <v>20245</v>
      </c>
      <c r="D5068" s="2">
        <v>157896</v>
      </c>
      <c r="E5068" s="1" t="s">
        <v>0</v>
      </c>
    </row>
    <row r="5069" spans="1:5" x14ac:dyDescent="0.25">
      <c r="A5069" s="1" t="s">
        <v>20246</v>
      </c>
      <c r="B5069" s="1" t="s">
        <v>61598</v>
      </c>
      <c r="C5069" s="1" t="s">
        <v>20247</v>
      </c>
      <c r="D5069" s="2">
        <v>157897</v>
      </c>
      <c r="E5069" s="1" t="s">
        <v>0</v>
      </c>
    </row>
    <row r="5070" spans="1:5" ht="409.5" x14ac:dyDescent="0.25">
      <c r="A5070" s="4" t="s">
        <v>64022</v>
      </c>
      <c r="B5070" s="1" t="s">
        <v>62166</v>
      </c>
      <c r="C5070" s="1" t="s">
        <v>20248</v>
      </c>
      <c r="D5070" s="2">
        <v>157898</v>
      </c>
      <c r="E5070" s="1" t="s">
        <v>0</v>
      </c>
    </row>
    <row r="5071" spans="1:5" x14ac:dyDescent="0.25">
      <c r="A5071" s="1" t="s">
        <v>20249</v>
      </c>
      <c r="B5071" s="1" t="s">
        <v>52185</v>
      </c>
      <c r="C5071" s="1" t="s">
        <v>20250</v>
      </c>
      <c r="D5071" s="2">
        <v>157899</v>
      </c>
      <c r="E5071" s="1" t="s">
        <v>0</v>
      </c>
    </row>
    <row r="5072" spans="1:5" x14ac:dyDescent="0.25">
      <c r="A5072" s="2">
        <v>1014</v>
      </c>
      <c r="B5072" s="2">
        <v>1014</v>
      </c>
      <c r="C5072" s="1" t="s">
        <v>0</v>
      </c>
      <c r="D5072" s="2">
        <v>157900</v>
      </c>
      <c r="E5072" s="1" t="s">
        <v>0</v>
      </c>
    </row>
    <row r="5073" spans="1:5" x14ac:dyDescent="0.25">
      <c r="A5073" s="1" t="s">
        <v>938</v>
      </c>
      <c r="B5073" s="1" t="s">
        <v>6444</v>
      </c>
      <c r="C5073" s="1" t="s">
        <v>20251</v>
      </c>
      <c r="D5073" s="2">
        <v>157901</v>
      </c>
      <c r="E5073" s="1" t="s">
        <v>0</v>
      </c>
    </row>
    <row r="5074" spans="1:5" x14ac:dyDescent="0.25">
      <c r="A5074" s="1" t="s">
        <v>20252</v>
      </c>
      <c r="B5074" s="1" t="s">
        <v>6445</v>
      </c>
      <c r="C5074" s="1" t="s">
        <v>20253</v>
      </c>
      <c r="D5074" s="2">
        <v>157902</v>
      </c>
      <c r="E5074" s="1" t="s">
        <v>0</v>
      </c>
    </row>
    <row r="5075" spans="1:5" ht="409.5" x14ac:dyDescent="0.25">
      <c r="A5075" s="4" t="s">
        <v>20254</v>
      </c>
      <c r="B5075" s="1" t="s">
        <v>50487</v>
      </c>
      <c r="C5075" s="1" t="s">
        <v>20255</v>
      </c>
      <c r="D5075" s="2">
        <v>157903</v>
      </c>
      <c r="E5075" s="1" t="s">
        <v>0</v>
      </c>
    </row>
    <row r="5076" spans="1:5" x14ac:dyDescent="0.25">
      <c r="A5076" s="1" t="s">
        <v>20256</v>
      </c>
      <c r="B5076" s="1" t="s">
        <v>52186</v>
      </c>
      <c r="C5076" s="1" t="s">
        <v>20257</v>
      </c>
      <c r="D5076" s="2">
        <v>157904</v>
      </c>
      <c r="E5076" s="1" t="s">
        <v>0</v>
      </c>
    </row>
    <row r="5077" spans="1:5" x14ac:dyDescent="0.25">
      <c r="A5077" s="2">
        <v>1015</v>
      </c>
      <c r="B5077" s="2">
        <v>1015</v>
      </c>
      <c r="C5077" s="1" t="s">
        <v>0</v>
      </c>
      <c r="D5077" s="2">
        <v>157905</v>
      </c>
      <c r="E5077" s="1" t="s">
        <v>0</v>
      </c>
    </row>
    <row r="5078" spans="1:5" x14ac:dyDescent="0.25">
      <c r="A5078" s="1" t="s">
        <v>939</v>
      </c>
      <c r="B5078" s="1" t="s">
        <v>50488</v>
      </c>
      <c r="C5078" s="1" t="s">
        <v>20258</v>
      </c>
      <c r="D5078" s="2">
        <v>157906</v>
      </c>
      <c r="E5078" s="1" t="s">
        <v>0</v>
      </c>
    </row>
    <row r="5079" spans="1:5" x14ac:dyDescent="0.25">
      <c r="A5079" s="1" t="s">
        <v>20259</v>
      </c>
      <c r="B5079" s="1" t="s">
        <v>52187</v>
      </c>
      <c r="C5079" s="1" t="s">
        <v>20260</v>
      </c>
      <c r="D5079" s="2">
        <v>157907</v>
      </c>
      <c r="E5079" s="1" t="s">
        <v>0</v>
      </c>
    </row>
    <row r="5080" spans="1:5" ht="409.5" x14ac:dyDescent="0.25">
      <c r="A5080" s="4" t="s">
        <v>20261</v>
      </c>
      <c r="B5080" s="1" t="s">
        <v>52188</v>
      </c>
      <c r="C5080" s="1" t="s">
        <v>20262</v>
      </c>
      <c r="D5080" s="2">
        <v>157908</v>
      </c>
      <c r="E5080" s="1" t="s">
        <v>0</v>
      </c>
    </row>
    <row r="5081" spans="1:5" x14ac:dyDescent="0.25">
      <c r="A5081" s="1" t="s">
        <v>20263</v>
      </c>
      <c r="B5081" s="1" t="s">
        <v>6446</v>
      </c>
      <c r="C5081" s="1" t="s">
        <v>20264</v>
      </c>
      <c r="D5081" s="2">
        <v>157909</v>
      </c>
      <c r="E5081" s="1" t="s">
        <v>0</v>
      </c>
    </row>
    <row r="5082" spans="1:5" x14ac:dyDescent="0.25">
      <c r="A5082" s="2">
        <v>1016</v>
      </c>
      <c r="B5082" s="2">
        <v>1016</v>
      </c>
      <c r="C5082" s="1" t="s">
        <v>0</v>
      </c>
      <c r="D5082" s="2">
        <v>157910</v>
      </c>
      <c r="E5082" s="1" t="s">
        <v>0</v>
      </c>
    </row>
    <row r="5083" spans="1:5" x14ac:dyDescent="0.25">
      <c r="A5083" s="1" t="s">
        <v>940</v>
      </c>
      <c r="B5083" s="1" t="s">
        <v>6447</v>
      </c>
      <c r="C5083" s="1" t="s">
        <v>20265</v>
      </c>
      <c r="D5083" s="2">
        <v>157911</v>
      </c>
      <c r="E5083" s="1" t="s">
        <v>0</v>
      </c>
    </row>
    <row r="5084" spans="1:5" x14ac:dyDescent="0.25">
      <c r="A5084" s="1" t="s">
        <v>20266</v>
      </c>
      <c r="B5084" s="1" t="s">
        <v>50489</v>
      </c>
      <c r="C5084" s="1" t="s">
        <v>20267</v>
      </c>
      <c r="D5084" s="2">
        <v>157912</v>
      </c>
      <c r="E5084" s="1" t="s">
        <v>0</v>
      </c>
    </row>
    <row r="5085" spans="1:5" ht="409.5" x14ac:dyDescent="0.25">
      <c r="A5085" s="4" t="s">
        <v>20268</v>
      </c>
      <c r="B5085" s="1" t="s">
        <v>50490</v>
      </c>
      <c r="C5085" s="1" t="s">
        <v>20269</v>
      </c>
      <c r="D5085" s="2">
        <v>157913</v>
      </c>
      <c r="E5085" s="1" t="s">
        <v>0</v>
      </c>
    </row>
    <row r="5086" spans="1:5" x14ac:dyDescent="0.25">
      <c r="A5086" s="1" t="s">
        <v>20270</v>
      </c>
      <c r="B5086" s="1" t="s">
        <v>50491</v>
      </c>
      <c r="C5086" s="1" t="s">
        <v>20271</v>
      </c>
      <c r="D5086" s="2">
        <v>157914</v>
      </c>
      <c r="E5086" s="1" t="s">
        <v>0</v>
      </c>
    </row>
    <row r="5087" spans="1:5" x14ac:dyDescent="0.25">
      <c r="A5087" s="2">
        <v>1017</v>
      </c>
      <c r="B5087" s="2">
        <v>1017</v>
      </c>
      <c r="C5087" s="1" t="s">
        <v>0</v>
      </c>
      <c r="D5087" s="2">
        <v>157915</v>
      </c>
      <c r="E5087" s="1" t="s">
        <v>0</v>
      </c>
    </row>
    <row r="5088" spans="1:5" x14ac:dyDescent="0.25">
      <c r="A5088" s="1" t="s">
        <v>941</v>
      </c>
      <c r="B5088" s="1" t="s">
        <v>59837</v>
      </c>
      <c r="C5088" s="1" t="s">
        <v>20272</v>
      </c>
      <c r="D5088" s="2">
        <v>157916</v>
      </c>
      <c r="E5088" s="1" t="s">
        <v>0</v>
      </c>
    </row>
    <row r="5089" spans="1:5" x14ac:dyDescent="0.25">
      <c r="A5089" s="1" t="s">
        <v>20273</v>
      </c>
      <c r="B5089" s="1" t="s">
        <v>63239</v>
      </c>
      <c r="C5089" s="1" t="s">
        <v>20274</v>
      </c>
      <c r="D5089" s="2">
        <v>157917</v>
      </c>
      <c r="E5089" s="1" t="s">
        <v>0</v>
      </c>
    </row>
    <row r="5090" spans="1:5" ht="409.5" x14ac:dyDescent="0.25">
      <c r="A5090" s="4" t="s">
        <v>64023</v>
      </c>
      <c r="B5090" s="1" t="s">
        <v>63240</v>
      </c>
      <c r="C5090" s="1" t="s">
        <v>20275</v>
      </c>
      <c r="D5090" s="2">
        <v>157918</v>
      </c>
      <c r="E5090" s="1" t="s">
        <v>0</v>
      </c>
    </row>
    <row r="5091" spans="1:5" x14ac:dyDescent="0.25">
      <c r="A5091" s="1" t="s">
        <v>20276</v>
      </c>
      <c r="B5091" s="1" t="s">
        <v>52189</v>
      </c>
      <c r="C5091" s="1" t="s">
        <v>20277</v>
      </c>
      <c r="D5091" s="2">
        <v>157919</v>
      </c>
      <c r="E5091" s="1" t="s">
        <v>0</v>
      </c>
    </row>
    <row r="5092" spans="1:5" x14ac:dyDescent="0.25">
      <c r="A5092" s="2">
        <v>1018</v>
      </c>
      <c r="B5092" s="2">
        <v>1018</v>
      </c>
      <c r="C5092" s="1" t="s">
        <v>0</v>
      </c>
      <c r="D5092" s="2">
        <v>157920</v>
      </c>
      <c r="E5092" s="1" t="s">
        <v>0</v>
      </c>
    </row>
    <row r="5093" spans="1:5" x14ac:dyDescent="0.25">
      <c r="A5093" s="1" t="s">
        <v>942</v>
      </c>
      <c r="B5093" s="1" t="s">
        <v>6448</v>
      </c>
      <c r="C5093" s="1" t="s">
        <v>20278</v>
      </c>
      <c r="D5093" s="2">
        <v>157921</v>
      </c>
      <c r="E5093" s="1" t="s">
        <v>0</v>
      </c>
    </row>
    <row r="5094" spans="1:5" x14ac:dyDescent="0.25">
      <c r="A5094" s="1" t="s">
        <v>64024</v>
      </c>
      <c r="B5094" s="1" t="s">
        <v>52190</v>
      </c>
      <c r="C5094" s="1" t="s">
        <v>20279</v>
      </c>
      <c r="D5094" s="2">
        <v>157922</v>
      </c>
      <c r="E5094" s="1" t="s">
        <v>0</v>
      </c>
    </row>
    <row r="5095" spans="1:5" ht="409.5" x14ac:dyDescent="0.25">
      <c r="A5095" s="4" t="s">
        <v>64025</v>
      </c>
      <c r="B5095" s="1" t="s">
        <v>52191</v>
      </c>
      <c r="C5095" s="1" t="s">
        <v>20280</v>
      </c>
      <c r="D5095" s="2">
        <v>157923</v>
      </c>
      <c r="E5095" s="1" t="s">
        <v>0</v>
      </c>
    </row>
    <row r="5096" spans="1:5" x14ac:dyDescent="0.25">
      <c r="A5096" s="1" t="s">
        <v>20281</v>
      </c>
      <c r="B5096" s="1" t="s">
        <v>6449</v>
      </c>
      <c r="C5096" s="1" t="s">
        <v>20282</v>
      </c>
      <c r="D5096" s="2">
        <v>157924</v>
      </c>
      <c r="E5096" s="1" t="s">
        <v>0</v>
      </c>
    </row>
    <row r="5097" spans="1:5" x14ac:dyDescent="0.25">
      <c r="A5097" s="2">
        <v>1019</v>
      </c>
      <c r="B5097" s="2">
        <v>1019</v>
      </c>
      <c r="C5097" s="1" t="s">
        <v>0</v>
      </c>
      <c r="D5097" s="2">
        <v>157925</v>
      </c>
      <c r="E5097" s="1" t="s">
        <v>0</v>
      </c>
    </row>
    <row r="5098" spans="1:5" x14ac:dyDescent="0.25">
      <c r="A5098" s="1" t="s">
        <v>943</v>
      </c>
      <c r="B5098" s="1" t="s">
        <v>6450</v>
      </c>
      <c r="C5098" s="1" t="s">
        <v>20283</v>
      </c>
      <c r="D5098" s="2">
        <v>157926</v>
      </c>
      <c r="E5098" s="1" t="s">
        <v>0</v>
      </c>
    </row>
    <row r="5099" spans="1:5" x14ac:dyDescent="0.25">
      <c r="A5099" s="1" t="s">
        <v>20284</v>
      </c>
      <c r="B5099" s="1" t="s">
        <v>52192</v>
      </c>
      <c r="C5099" s="1" t="s">
        <v>20285</v>
      </c>
      <c r="D5099" s="2">
        <v>157927</v>
      </c>
      <c r="E5099" s="1" t="s">
        <v>0</v>
      </c>
    </row>
    <row r="5100" spans="1:5" ht="409.5" x14ac:dyDescent="0.25">
      <c r="A5100" s="4" t="s">
        <v>20286</v>
      </c>
      <c r="B5100" s="1" t="s">
        <v>60569</v>
      </c>
      <c r="C5100" s="1" t="s">
        <v>20287</v>
      </c>
      <c r="D5100" s="2">
        <v>157928</v>
      </c>
      <c r="E5100" s="1" t="s">
        <v>0</v>
      </c>
    </row>
    <row r="5101" spans="1:5" x14ac:dyDescent="0.25">
      <c r="A5101" s="1" t="s">
        <v>20288</v>
      </c>
      <c r="B5101" s="1" t="s">
        <v>6451</v>
      </c>
      <c r="C5101" s="1" t="s">
        <v>20289</v>
      </c>
      <c r="D5101" s="2">
        <v>157929</v>
      </c>
      <c r="E5101" s="1" t="s">
        <v>0</v>
      </c>
    </row>
    <row r="5102" spans="1:5" x14ac:dyDescent="0.25">
      <c r="A5102" s="2">
        <v>1020</v>
      </c>
      <c r="B5102" s="2">
        <v>1020</v>
      </c>
      <c r="C5102" s="1" t="s">
        <v>0</v>
      </c>
      <c r="D5102" s="2">
        <v>157930</v>
      </c>
      <c r="E5102" s="1" t="s">
        <v>0</v>
      </c>
    </row>
    <row r="5103" spans="1:5" x14ac:dyDescent="0.25">
      <c r="A5103" s="1" t="s">
        <v>944</v>
      </c>
      <c r="B5103" s="1" t="s">
        <v>50492</v>
      </c>
      <c r="C5103" s="1" t="s">
        <v>20290</v>
      </c>
      <c r="D5103" s="2">
        <v>157931</v>
      </c>
      <c r="E5103" s="1" t="s">
        <v>0</v>
      </c>
    </row>
    <row r="5104" spans="1:5" x14ac:dyDescent="0.25">
      <c r="A5104" s="1" t="s">
        <v>20291</v>
      </c>
      <c r="B5104" s="1" t="s">
        <v>50493</v>
      </c>
      <c r="C5104" s="1" t="s">
        <v>20292</v>
      </c>
      <c r="D5104" s="2">
        <v>157932</v>
      </c>
      <c r="E5104" s="1" t="s">
        <v>0</v>
      </c>
    </row>
    <row r="5105" spans="1:5" ht="409.5" x14ac:dyDescent="0.25">
      <c r="A5105" s="4" t="s">
        <v>64026</v>
      </c>
      <c r="B5105" s="1" t="s">
        <v>50494</v>
      </c>
      <c r="C5105" s="1" t="s">
        <v>20293</v>
      </c>
      <c r="D5105" s="2">
        <v>157933</v>
      </c>
      <c r="E5105" s="1" t="s">
        <v>0</v>
      </c>
    </row>
    <row r="5106" spans="1:5" x14ac:dyDescent="0.25">
      <c r="A5106" s="1" t="s">
        <v>20294</v>
      </c>
      <c r="B5106" s="1" t="s">
        <v>50495</v>
      </c>
      <c r="C5106" s="1" t="s">
        <v>20295</v>
      </c>
      <c r="D5106" s="2">
        <v>157934</v>
      </c>
      <c r="E5106" s="1" t="s">
        <v>0</v>
      </c>
    </row>
    <row r="5107" spans="1:5" x14ac:dyDescent="0.25">
      <c r="A5107" s="2">
        <v>1021</v>
      </c>
      <c r="B5107" s="2">
        <v>1021</v>
      </c>
      <c r="C5107" s="1" t="s">
        <v>0</v>
      </c>
      <c r="D5107" s="2">
        <v>157935</v>
      </c>
      <c r="E5107" s="1" t="s">
        <v>0</v>
      </c>
    </row>
    <row r="5108" spans="1:5" x14ac:dyDescent="0.25">
      <c r="A5108" s="1" t="s">
        <v>945</v>
      </c>
      <c r="B5108" s="1" t="s">
        <v>6452</v>
      </c>
      <c r="C5108" s="1" t="s">
        <v>20296</v>
      </c>
      <c r="D5108" s="2">
        <v>157936</v>
      </c>
      <c r="E5108" s="1" t="s">
        <v>0</v>
      </c>
    </row>
    <row r="5109" spans="1:5" x14ac:dyDescent="0.25">
      <c r="A5109" s="1" t="s">
        <v>20297</v>
      </c>
      <c r="B5109" s="1" t="s">
        <v>60401</v>
      </c>
      <c r="C5109" s="1" t="s">
        <v>20298</v>
      </c>
      <c r="D5109" s="2">
        <v>157937</v>
      </c>
      <c r="E5109" s="1" t="s">
        <v>0</v>
      </c>
    </row>
    <row r="5110" spans="1:5" ht="409.5" x14ac:dyDescent="0.25">
      <c r="A5110" s="4" t="s">
        <v>20299</v>
      </c>
      <c r="B5110" s="1" t="s">
        <v>60402</v>
      </c>
      <c r="C5110" s="1" t="s">
        <v>20300</v>
      </c>
      <c r="D5110" s="2">
        <v>157938</v>
      </c>
      <c r="E5110" s="1" t="s">
        <v>0</v>
      </c>
    </row>
    <row r="5111" spans="1:5" x14ac:dyDescent="0.25">
      <c r="A5111" s="1" t="s">
        <v>20301</v>
      </c>
      <c r="B5111" s="1" t="s">
        <v>6453</v>
      </c>
      <c r="C5111" s="1" t="s">
        <v>20302</v>
      </c>
      <c r="D5111" s="2">
        <v>157939</v>
      </c>
      <c r="E5111" s="1" t="s">
        <v>0</v>
      </c>
    </row>
    <row r="5112" spans="1:5" x14ac:dyDescent="0.25">
      <c r="A5112" s="2">
        <v>1022</v>
      </c>
      <c r="B5112" s="2">
        <v>1022</v>
      </c>
      <c r="C5112" s="1" t="s">
        <v>0</v>
      </c>
      <c r="D5112" s="2">
        <v>157940</v>
      </c>
      <c r="E5112" s="1" t="s">
        <v>0</v>
      </c>
    </row>
    <row r="5113" spans="1:5" x14ac:dyDescent="0.25">
      <c r="A5113" s="1" t="s">
        <v>946</v>
      </c>
      <c r="B5113" s="1" t="s">
        <v>6454</v>
      </c>
      <c r="C5113" s="1" t="s">
        <v>20303</v>
      </c>
      <c r="D5113" s="2">
        <v>157941</v>
      </c>
      <c r="E5113" s="1" t="s">
        <v>0</v>
      </c>
    </row>
    <row r="5114" spans="1:5" x14ac:dyDescent="0.25">
      <c r="A5114" s="1" t="s">
        <v>20304</v>
      </c>
      <c r="B5114" s="1" t="s">
        <v>6455</v>
      </c>
      <c r="C5114" s="1" t="s">
        <v>20305</v>
      </c>
      <c r="D5114" s="2">
        <v>157942</v>
      </c>
      <c r="E5114" s="1" t="s">
        <v>0</v>
      </c>
    </row>
    <row r="5115" spans="1:5" ht="409.5" x14ac:dyDescent="0.25">
      <c r="A5115" s="4" t="s">
        <v>64027</v>
      </c>
      <c r="B5115" s="1" t="s">
        <v>50496</v>
      </c>
      <c r="C5115" s="1" t="s">
        <v>20306</v>
      </c>
      <c r="D5115" s="2">
        <v>157943</v>
      </c>
      <c r="E5115" s="1" t="s">
        <v>0</v>
      </c>
    </row>
    <row r="5116" spans="1:5" x14ac:dyDescent="0.25">
      <c r="A5116" s="1" t="s">
        <v>20307</v>
      </c>
      <c r="B5116" s="1" t="s">
        <v>52193</v>
      </c>
      <c r="C5116" s="1" t="s">
        <v>20308</v>
      </c>
      <c r="D5116" s="2">
        <v>157944</v>
      </c>
      <c r="E5116" s="1" t="s">
        <v>0</v>
      </c>
    </row>
    <row r="5117" spans="1:5" x14ac:dyDescent="0.25">
      <c r="A5117" s="2">
        <v>1023</v>
      </c>
      <c r="B5117" s="2">
        <v>1023</v>
      </c>
      <c r="C5117" s="1" t="s">
        <v>0</v>
      </c>
      <c r="D5117" s="2">
        <v>157945</v>
      </c>
      <c r="E5117" s="1" t="s">
        <v>0</v>
      </c>
    </row>
    <row r="5118" spans="1:5" x14ac:dyDescent="0.25">
      <c r="A5118" s="1" t="s">
        <v>947</v>
      </c>
      <c r="B5118" s="1" t="s">
        <v>6456</v>
      </c>
      <c r="C5118" s="1" t="s">
        <v>20309</v>
      </c>
      <c r="D5118" s="2">
        <v>157946</v>
      </c>
      <c r="E5118" s="1" t="s">
        <v>0</v>
      </c>
    </row>
    <row r="5119" spans="1:5" x14ac:dyDescent="0.25">
      <c r="A5119" s="1" t="s">
        <v>20310</v>
      </c>
      <c r="B5119" s="1" t="s">
        <v>60975</v>
      </c>
      <c r="C5119" s="1" t="s">
        <v>20311</v>
      </c>
      <c r="D5119" s="2">
        <v>157947</v>
      </c>
      <c r="E5119" s="1" t="s">
        <v>0</v>
      </c>
    </row>
    <row r="5120" spans="1:5" ht="409.5" x14ac:dyDescent="0.25">
      <c r="A5120" s="4" t="s">
        <v>20312</v>
      </c>
      <c r="B5120" s="1" t="s">
        <v>60976</v>
      </c>
      <c r="C5120" s="1" t="s">
        <v>20313</v>
      </c>
      <c r="D5120" s="2">
        <v>157948</v>
      </c>
      <c r="E5120" s="1" t="s">
        <v>0</v>
      </c>
    </row>
    <row r="5121" spans="1:5" x14ac:dyDescent="0.25">
      <c r="A5121" s="1" t="s">
        <v>20314</v>
      </c>
      <c r="B5121" s="1" t="s">
        <v>6457</v>
      </c>
      <c r="C5121" s="1" t="s">
        <v>20314</v>
      </c>
      <c r="D5121" s="2">
        <v>157949</v>
      </c>
      <c r="E5121" s="1" t="s">
        <v>0</v>
      </c>
    </row>
    <row r="5122" spans="1:5" x14ac:dyDescent="0.25">
      <c r="A5122" s="2">
        <v>1024</v>
      </c>
      <c r="B5122" s="2">
        <v>1024</v>
      </c>
      <c r="C5122" s="1" t="s">
        <v>0</v>
      </c>
      <c r="D5122" s="2">
        <v>157950</v>
      </c>
      <c r="E5122" s="1" t="s">
        <v>0</v>
      </c>
    </row>
    <row r="5123" spans="1:5" x14ac:dyDescent="0.25">
      <c r="A5123" s="1" t="s">
        <v>948</v>
      </c>
      <c r="B5123" s="1" t="s">
        <v>6458</v>
      </c>
      <c r="C5123" s="1" t="s">
        <v>20315</v>
      </c>
      <c r="D5123" s="2">
        <v>157951</v>
      </c>
      <c r="E5123" s="1" t="s">
        <v>0</v>
      </c>
    </row>
    <row r="5124" spans="1:5" x14ac:dyDescent="0.25">
      <c r="A5124" s="1" t="s">
        <v>20316</v>
      </c>
      <c r="B5124" s="1" t="s">
        <v>62167</v>
      </c>
      <c r="C5124" s="1" t="s">
        <v>20317</v>
      </c>
      <c r="D5124" s="2">
        <v>157952</v>
      </c>
      <c r="E5124" s="1" t="s">
        <v>0</v>
      </c>
    </row>
    <row r="5125" spans="1:5" ht="409.5" x14ac:dyDescent="0.25">
      <c r="A5125" s="4" t="s">
        <v>20318</v>
      </c>
      <c r="B5125" s="1" t="s">
        <v>62168</v>
      </c>
      <c r="C5125" s="1" t="s">
        <v>20319</v>
      </c>
      <c r="D5125" s="2">
        <v>157953</v>
      </c>
      <c r="E5125" s="1" t="s">
        <v>0</v>
      </c>
    </row>
    <row r="5126" spans="1:5" x14ac:dyDescent="0.25">
      <c r="A5126" s="1" t="s">
        <v>20320</v>
      </c>
      <c r="B5126" s="1" t="s">
        <v>6459</v>
      </c>
      <c r="C5126" s="1" t="s">
        <v>20321</v>
      </c>
      <c r="D5126" s="2">
        <v>157954</v>
      </c>
      <c r="E5126" s="1" t="s">
        <v>0</v>
      </c>
    </row>
    <row r="5127" spans="1:5" x14ac:dyDescent="0.25">
      <c r="A5127" s="2">
        <v>1025</v>
      </c>
      <c r="B5127" s="2">
        <v>1025</v>
      </c>
      <c r="C5127" s="1" t="s">
        <v>0</v>
      </c>
      <c r="D5127" s="2">
        <v>157955</v>
      </c>
      <c r="E5127" s="1" t="s">
        <v>0</v>
      </c>
    </row>
    <row r="5128" spans="1:5" x14ac:dyDescent="0.25">
      <c r="A5128" s="1" t="s">
        <v>949</v>
      </c>
      <c r="B5128" s="1" t="s">
        <v>6460</v>
      </c>
      <c r="C5128" s="1" t="s">
        <v>20322</v>
      </c>
      <c r="D5128" s="2">
        <v>157956</v>
      </c>
      <c r="E5128" s="1" t="s">
        <v>0</v>
      </c>
    </row>
    <row r="5129" spans="1:5" x14ac:dyDescent="0.25">
      <c r="A5129" s="1" t="s">
        <v>20323</v>
      </c>
      <c r="B5129" s="1" t="s">
        <v>52194</v>
      </c>
      <c r="C5129" s="1" t="s">
        <v>20324</v>
      </c>
      <c r="D5129" s="2">
        <v>157957</v>
      </c>
      <c r="E5129" s="1" t="s">
        <v>0</v>
      </c>
    </row>
    <row r="5130" spans="1:5" ht="409.5" x14ac:dyDescent="0.25">
      <c r="A5130" s="4" t="s">
        <v>20325</v>
      </c>
      <c r="B5130" s="1" t="s">
        <v>56713</v>
      </c>
      <c r="C5130" s="1" t="s">
        <v>20326</v>
      </c>
      <c r="D5130" s="2">
        <v>157958</v>
      </c>
      <c r="E5130" s="1" t="s">
        <v>0</v>
      </c>
    </row>
    <row r="5131" spans="1:5" x14ac:dyDescent="0.25">
      <c r="A5131" s="1" t="s">
        <v>20327</v>
      </c>
      <c r="B5131" s="1" t="s">
        <v>52195</v>
      </c>
      <c r="C5131" s="1" t="s">
        <v>20328</v>
      </c>
      <c r="D5131" s="2">
        <v>157959</v>
      </c>
      <c r="E5131" s="1" t="s">
        <v>0</v>
      </c>
    </row>
    <row r="5132" spans="1:5" x14ac:dyDescent="0.25">
      <c r="A5132" s="2">
        <v>1026</v>
      </c>
      <c r="B5132" s="2">
        <v>1026</v>
      </c>
      <c r="C5132" s="1" t="s">
        <v>0</v>
      </c>
      <c r="D5132" s="2">
        <v>157960</v>
      </c>
      <c r="E5132" s="1" t="s">
        <v>0</v>
      </c>
    </row>
    <row r="5133" spans="1:5" x14ac:dyDescent="0.25">
      <c r="A5133" s="1" t="s">
        <v>950</v>
      </c>
      <c r="B5133" s="1" t="s">
        <v>6461</v>
      </c>
      <c r="C5133" s="1" t="s">
        <v>20329</v>
      </c>
      <c r="D5133" s="2">
        <v>157961</v>
      </c>
      <c r="E5133" s="1" t="s">
        <v>0</v>
      </c>
    </row>
    <row r="5134" spans="1:5" x14ac:dyDescent="0.25">
      <c r="A5134" s="1" t="s">
        <v>20330</v>
      </c>
      <c r="B5134" s="1" t="s">
        <v>52196</v>
      </c>
      <c r="C5134" s="1" t="s">
        <v>20331</v>
      </c>
      <c r="D5134" s="2">
        <v>157962</v>
      </c>
      <c r="E5134" s="1" t="s">
        <v>0</v>
      </c>
    </row>
    <row r="5135" spans="1:5" ht="409.5" x14ac:dyDescent="0.25">
      <c r="A5135" s="4" t="s">
        <v>20332</v>
      </c>
      <c r="B5135" s="1" t="s">
        <v>52197</v>
      </c>
      <c r="C5135" s="1" t="s">
        <v>20333</v>
      </c>
      <c r="D5135" s="2">
        <v>157963</v>
      </c>
      <c r="E5135" s="1" t="s">
        <v>0</v>
      </c>
    </row>
    <row r="5136" spans="1:5" x14ac:dyDescent="0.25">
      <c r="A5136" s="1" t="s">
        <v>20334</v>
      </c>
      <c r="B5136" s="1" t="s">
        <v>6462</v>
      </c>
      <c r="C5136" s="1" t="s">
        <v>20335</v>
      </c>
      <c r="D5136" s="2">
        <v>157964</v>
      </c>
      <c r="E5136" s="1" t="s">
        <v>0</v>
      </c>
    </row>
    <row r="5137" spans="1:5" x14ac:dyDescent="0.25">
      <c r="A5137" s="2">
        <v>1027</v>
      </c>
      <c r="B5137" s="2">
        <v>1027</v>
      </c>
      <c r="C5137" s="1" t="s">
        <v>0</v>
      </c>
      <c r="D5137" s="2">
        <v>157965</v>
      </c>
      <c r="E5137" s="1" t="s">
        <v>0</v>
      </c>
    </row>
    <row r="5138" spans="1:5" x14ac:dyDescent="0.25">
      <c r="A5138" s="1" t="s">
        <v>951</v>
      </c>
      <c r="B5138" s="1" t="s">
        <v>50497</v>
      </c>
      <c r="C5138" s="1" t="s">
        <v>20336</v>
      </c>
      <c r="D5138" s="2">
        <v>157966</v>
      </c>
      <c r="E5138" s="1" t="s">
        <v>0</v>
      </c>
    </row>
    <row r="5139" spans="1:5" x14ac:dyDescent="0.25">
      <c r="A5139" s="1" t="s">
        <v>20337</v>
      </c>
      <c r="B5139" s="1" t="s">
        <v>60977</v>
      </c>
      <c r="C5139" s="1" t="s">
        <v>20338</v>
      </c>
      <c r="D5139" s="2">
        <v>157967</v>
      </c>
      <c r="E5139" s="1" t="s">
        <v>0</v>
      </c>
    </row>
    <row r="5140" spans="1:5" ht="409.5" x14ac:dyDescent="0.25">
      <c r="A5140" s="4" t="s">
        <v>20339</v>
      </c>
      <c r="B5140" s="1" t="s">
        <v>60978</v>
      </c>
      <c r="C5140" s="1" t="s">
        <v>20340</v>
      </c>
      <c r="D5140" s="2">
        <v>157968</v>
      </c>
      <c r="E5140" s="1" t="s">
        <v>0</v>
      </c>
    </row>
    <row r="5141" spans="1:5" x14ac:dyDescent="0.25">
      <c r="A5141" s="1" t="s">
        <v>20341</v>
      </c>
      <c r="B5141" s="1" t="s">
        <v>952</v>
      </c>
      <c r="C5141" s="1" t="s">
        <v>20342</v>
      </c>
      <c r="D5141" s="2">
        <v>157969</v>
      </c>
      <c r="E5141" s="1" t="s">
        <v>0</v>
      </c>
    </row>
    <row r="5142" spans="1:5" x14ac:dyDescent="0.25">
      <c r="A5142" s="2">
        <v>1028</v>
      </c>
      <c r="B5142" s="2">
        <v>1028</v>
      </c>
      <c r="C5142" s="1" t="s">
        <v>0</v>
      </c>
      <c r="D5142" s="2">
        <v>157970</v>
      </c>
      <c r="E5142" s="1" t="s">
        <v>0</v>
      </c>
    </row>
    <row r="5143" spans="1:5" x14ac:dyDescent="0.25">
      <c r="A5143" s="1" t="s">
        <v>953</v>
      </c>
      <c r="B5143" s="1" t="s">
        <v>6463</v>
      </c>
      <c r="C5143" s="1" t="s">
        <v>20343</v>
      </c>
      <c r="D5143" s="2">
        <v>157971</v>
      </c>
      <c r="E5143" s="1" t="s">
        <v>0</v>
      </c>
    </row>
    <row r="5144" spans="1:5" x14ac:dyDescent="0.25">
      <c r="A5144" s="1" t="s">
        <v>20344</v>
      </c>
      <c r="B5144" s="1" t="s">
        <v>6464</v>
      </c>
      <c r="C5144" s="1" t="s">
        <v>20345</v>
      </c>
      <c r="D5144" s="2">
        <v>157972</v>
      </c>
      <c r="E5144" s="1" t="s">
        <v>0</v>
      </c>
    </row>
    <row r="5145" spans="1:5" ht="409.5" x14ac:dyDescent="0.25">
      <c r="A5145" s="4" t="s">
        <v>64028</v>
      </c>
      <c r="B5145" s="1" t="s">
        <v>13026</v>
      </c>
      <c r="C5145" s="1" t="s">
        <v>20346</v>
      </c>
      <c r="D5145" s="2">
        <v>157973</v>
      </c>
      <c r="E5145" s="1" t="s">
        <v>0</v>
      </c>
    </row>
    <row r="5146" spans="1:5" x14ac:dyDescent="0.25">
      <c r="A5146" s="1" t="s">
        <v>20347</v>
      </c>
      <c r="B5146" s="1" t="s">
        <v>954</v>
      </c>
      <c r="C5146" s="1" t="s">
        <v>20348</v>
      </c>
      <c r="D5146" s="2">
        <v>157974</v>
      </c>
      <c r="E5146" s="1" t="s">
        <v>0</v>
      </c>
    </row>
    <row r="5147" spans="1:5" x14ac:dyDescent="0.25">
      <c r="A5147" s="2">
        <v>1029</v>
      </c>
      <c r="B5147" s="2">
        <v>1029</v>
      </c>
      <c r="C5147" s="1" t="s">
        <v>0</v>
      </c>
      <c r="D5147" s="2">
        <v>157975</v>
      </c>
      <c r="E5147" s="1" t="s">
        <v>0</v>
      </c>
    </row>
    <row r="5148" spans="1:5" x14ac:dyDescent="0.25">
      <c r="A5148" s="1" t="s">
        <v>955</v>
      </c>
      <c r="B5148" s="1" t="s">
        <v>6465</v>
      </c>
      <c r="C5148" s="1" t="s">
        <v>20349</v>
      </c>
      <c r="D5148" s="2">
        <v>157976</v>
      </c>
      <c r="E5148" s="1" t="s">
        <v>0</v>
      </c>
    </row>
    <row r="5149" spans="1:5" x14ac:dyDescent="0.25">
      <c r="A5149" s="1" t="s">
        <v>20350</v>
      </c>
      <c r="B5149" s="1" t="s">
        <v>20351</v>
      </c>
      <c r="C5149" s="1" t="s">
        <v>20352</v>
      </c>
      <c r="D5149" s="2">
        <v>157977</v>
      </c>
      <c r="E5149" s="1" t="s">
        <v>0</v>
      </c>
    </row>
    <row r="5150" spans="1:5" ht="409.5" x14ac:dyDescent="0.25">
      <c r="A5150" s="4" t="s">
        <v>20353</v>
      </c>
      <c r="B5150" s="1" t="s">
        <v>52198</v>
      </c>
      <c r="C5150" s="1" t="s">
        <v>20354</v>
      </c>
      <c r="D5150" s="2">
        <v>157978</v>
      </c>
      <c r="E5150" s="1" t="s">
        <v>0</v>
      </c>
    </row>
    <row r="5151" spans="1:5" x14ac:dyDescent="0.25">
      <c r="A5151" s="1" t="s">
        <v>20355</v>
      </c>
      <c r="B5151" s="1" t="s">
        <v>6466</v>
      </c>
      <c r="C5151" s="1" t="s">
        <v>20356</v>
      </c>
      <c r="D5151" s="2">
        <v>157979</v>
      </c>
      <c r="E5151" s="1" t="s">
        <v>0</v>
      </c>
    </row>
    <row r="5152" spans="1:5" x14ac:dyDescent="0.25">
      <c r="A5152" s="2">
        <v>1030</v>
      </c>
      <c r="B5152" s="2">
        <v>1030</v>
      </c>
      <c r="C5152" s="1" t="s">
        <v>0</v>
      </c>
      <c r="D5152" s="2">
        <v>157980</v>
      </c>
      <c r="E5152" s="1" t="s">
        <v>0</v>
      </c>
    </row>
    <row r="5153" spans="1:5" x14ac:dyDescent="0.25">
      <c r="A5153" s="1" t="s">
        <v>956</v>
      </c>
      <c r="B5153" s="1" t="s">
        <v>6467</v>
      </c>
      <c r="C5153" s="1" t="s">
        <v>20357</v>
      </c>
      <c r="D5153" s="2">
        <v>157981</v>
      </c>
      <c r="E5153" s="1" t="s">
        <v>0</v>
      </c>
    </row>
    <row r="5154" spans="1:5" x14ac:dyDescent="0.25">
      <c r="A5154" s="1" t="s">
        <v>20358</v>
      </c>
      <c r="B5154" s="1" t="s">
        <v>52199</v>
      </c>
      <c r="C5154" s="1" t="s">
        <v>20359</v>
      </c>
      <c r="D5154" s="2">
        <v>157982</v>
      </c>
      <c r="E5154" s="1" t="s">
        <v>0</v>
      </c>
    </row>
    <row r="5155" spans="1:5" ht="409.5" x14ac:dyDescent="0.25">
      <c r="A5155" s="4" t="s">
        <v>20360</v>
      </c>
      <c r="B5155" s="1" t="s">
        <v>52200</v>
      </c>
      <c r="C5155" s="1" t="s">
        <v>20361</v>
      </c>
      <c r="D5155" s="2">
        <v>157983</v>
      </c>
      <c r="E5155" s="1" t="s">
        <v>0</v>
      </c>
    </row>
    <row r="5156" spans="1:5" x14ac:dyDescent="0.25">
      <c r="A5156" s="1" t="s">
        <v>20362</v>
      </c>
      <c r="B5156" s="1" t="s">
        <v>6468</v>
      </c>
      <c r="C5156" s="1" t="s">
        <v>20363</v>
      </c>
      <c r="D5156" s="2">
        <v>157984</v>
      </c>
      <c r="E5156" s="1" t="s">
        <v>0</v>
      </c>
    </row>
    <row r="5157" spans="1:5" x14ac:dyDescent="0.25">
      <c r="A5157" s="2">
        <v>1031</v>
      </c>
      <c r="B5157" s="2">
        <v>1031</v>
      </c>
      <c r="C5157" s="1" t="s">
        <v>0</v>
      </c>
      <c r="D5157" s="2">
        <v>157985</v>
      </c>
      <c r="E5157" s="1" t="s">
        <v>0</v>
      </c>
    </row>
    <row r="5158" spans="1:5" x14ac:dyDescent="0.25">
      <c r="A5158" s="1" t="s">
        <v>957</v>
      </c>
      <c r="B5158" s="1" t="s">
        <v>52201</v>
      </c>
      <c r="C5158" s="1" t="s">
        <v>20364</v>
      </c>
      <c r="D5158" s="2">
        <v>157986</v>
      </c>
      <c r="E5158" s="1" t="s">
        <v>0</v>
      </c>
    </row>
    <row r="5159" spans="1:5" x14ac:dyDescent="0.25">
      <c r="A5159" s="1" t="s">
        <v>20365</v>
      </c>
      <c r="B5159" s="1" t="s">
        <v>56714</v>
      </c>
      <c r="C5159" s="1" t="s">
        <v>20366</v>
      </c>
      <c r="D5159" s="2">
        <v>157987</v>
      </c>
      <c r="E5159" s="1" t="s">
        <v>0</v>
      </c>
    </row>
    <row r="5160" spans="1:5" ht="409.5" x14ac:dyDescent="0.25">
      <c r="A5160" s="4" t="s">
        <v>64029</v>
      </c>
      <c r="B5160" s="1" t="s">
        <v>56715</v>
      </c>
      <c r="C5160" s="1" t="s">
        <v>20367</v>
      </c>
      <c r="D5160" s="2">
        <v>157988</v>
      </c>
      <c r="E5160" s="1" t="s">
        <v>0</v>
      </c>
    </row>
    <row r="5161" spans="1:5" x14ac:dyDescent="0.25">
      <c r="A5161" s="1" t="s">
        <v>20368</v>
      </c>
      <c r="B5161" s="1" t="s">
        <v>52202</v>
      </c>
      <c r="C5161" s="1" t="s">
        <v>20369</v>
      </c>
      <c r="D5161" s="2">
        <v>157989</v>
      </c>
      <c r="E5161" s="1" t="s">
        <v>0</v>
      </c>
    </row>
    <row r="5162" spans="1:5" x14ac:dyDescent="0.25">
      <c r="A5162" s="2">
        <v>1032</v>
      </c>
      <c r="B5162" s="2">
        <v>1032</v>
      </c>
      <c r="C5162" s="1" t="s">
        <v>0</v>
      </c>
      <c r="D5162" s="2">
        <v>157990</v>
      </c>
      <c r="E5162" s="1" t="s">
        <v>0</v>
      </c>
    </row>
    <row r="5163" spans="1:5" x14ac:dyDescent="0.25">
      <c r="A5163" s="1" t="s">
        <v>958</v>
      </c>
      <c r="B5163" s="1" t="s">
        <v>6469</v>
      </c>
      <c r="C5163" s="1" t="s">
        <v>20370</v>
      </c>
      <c r="D5163" s="2">
        <v>157991</v>
      </c>
      <c r="E5163" s="1" t="s">
        <v>0</v>
      </c>
    </row>
    <row r="5164" spans="1:5" x14ac:dyDescent="0.25">
      <c r="A5164" s="1" t="s">
        <v>20371</v>
      </c>
      <c r="B5164" s="1" t="s">
        <v>60704</v>
      </c>
      <c r="C5164" s="1" t="s">
        <v>20372</v>
      </c>
      <c r="D5164" s="2">
        <v>157992</v>
      </c>
      <c r="E5164" s="1" t="s">
        <v>0</v>
      </c>
    </row>
    <row r="5165" spans="1:5" ht="409.5" x14ac:dyDescent="0.25">
      <c r="A5165" s="4" t="s">
        <v>20373</v>
      </c>
      <c r="B5165" s="1" t="s">
        <v>60705</v>
      </c>
      <c r="C5165" s="1" t="s">
        <v>20374</v>
      </c>
      <c r="D5165" s="2">
        <v>157993</v>
      </c>
      <c r="E5165" s="1" t="s">
        <v>0</v>
      </c>
    </row>
    <row r="5166" spans="1:5" x14ac:dyDescent="0.25">
      <c r="A5166" s="1" t="s">
        <v>20375</v>
      </c>
      <c r="B5166" s="1" t="s">
        <v>52203</v>
      </c>
      <c r="C5166" s="1" t="s">
        <v>20376</v>
      </c>
      <c r="D5166" s="2">
        <v>157994</v>
      </c>
      <c r="E5166" s="1" t="s">
        <v>0</v>
      </c>
    </row>
    <row r="5167" spans="1:5" x14ac:dyDescent="0.25">
      <c r="A5167" s="2">
        <v>1033</v>
      </c>
      <c r="B5167" s="2">
        <v>1033</v>
      </c>
      <c r="C5167" s="1" t="s">
        <v>0</v>
      </c>
      <c r="D5167" s="2">
        <v>157995</v>
      </c>
      <c r="E5167" s="1" t="s">
        <v>0</v>
      </c>
    </row>
    <row r="5168" spans="1:5" x14ac:dyDescent="0.25">
      <c r="A5168" s="1" t="s">
        <v>959</v>
      </c>
      <c r="B5168" s="1" t="s">
        <v>6470</v>
      </c>
      <c r="C5168" s="1" t="s">
        <v>20377</v>
      </c>
      <c r="D5168" s="2">
        <v>157996</v>
      </c>
      <c r="E5168" s="1" t="s">
        <v>0</v>
      </c>
    </row>
    <row r="5169" spans="1:5" x14ac:dyDescent="0.25">
      <c r="A5169" s="1" t="s">
        <v>20378</v>
      </c>
      <c r="B5169" s="1" t="s">
        <v>52204</v>
      </c>
      <c r="C5169" s="1" t="s">
        <v>20379</v>
      </c>
      <c r="D5169" s="2">
        <v>157997</v>
      </c>
      <c r="E5169" s="1" t="s">
        <v>0</v>
      </c>
    </row>
    <row r="5170" spans="1:5" ht="409.5" x14ac:dyDescent="0.25">
      <c r="A5170" s="4" t="s">
        <v>64030</v>
      </c>
      <c r="B5170" s="1" t="s">
        <v>52205</v>
      </c>
      <c r="C5170" s="1" t="s">
        <v>20380</v>
      </c>
      <c r="D5170" s="2">
        <v>157998</v>
      </c>
      <c r="E5170" s="1" t="s">
        <v>0</v>
      </c>
    </row>
    <row r="5171" spans="1:5" x14ac:dyDescent="0.25">
      <c r="A5171" s="1" t="s">
        <v>20381</v>
      </c>
      <c r="B5171" s="1" t="s">
        <v>960</v>
      </c>
      <c r="C5171" s="1" t="s">
        <v>20382</v>
      </c>
      <c r="D5171" s="2">
        <v>157999</v>
      </c>
      <c r="E5171" s="1" t="s">
        <v>0</v>
      </c>
    </row>
    <row r="5172" spans="1:5" x14ac:dyDescent="0.25">
      <c r="A5172" s="2">
        <v>1034</v>
      </c>
      <c r="B5172" s="2">
        <v>1034</v>
      </c>
      <c r="C5172" s="1" t="s">
        <v>0</v>
      </c>
      <c r="D5172" s="2">
        <v>158000</v>
      </c>
      <c r="E5172" s="1" t="s">
        <v>0</v>
      </c>
    </row>
    <row r="5173" spans="1:5" x14ac:dyDescent="0.25">
      <c r="A5173" s="1" t="s">
        <v>961</v>
      </c>
      <c r="B5173" s="1" t="s">
        <v>6471</v>
      </c>
      <c r="C5173" s="1" t="s">
        <v>20383</v>
      </c>
      <c r="D5173" s="2">
        <v>158001</v>
      </c>
      <c r="E5173" s="1" t="s">
        <v>0</v>
      </c>
    </row>
    <row r="5174" spans="1:5" x14ac:dyDescent="0.25">
      <c r="A5174" s="1" t="s">
        <v>20384</v>
      </c>
      <c r="B5174" s="1" t="s">
        <v>6472</v>
      </c>
      <c r="C5174" s="1" t="s">
        <v>20385</v>
      </c>
      <c r="D5174" s="2">
        <v>158002</v>
      </c>
      <c r="E5174" s="1" t="s">
        <v>0</v>
      </c>
    </row>
    <row r="5175" spans="1:5" ht="409.5" x14ac:dyDescent="0.25">
      <c r="A5175" s="4" t="s">
        <v>20386</v>
      </c>
      <c r="B5175" s="1" t="s">
        <v>6473</v>
      </c>
      <c r="C5175" s="1" t="s">
        <v>20387</v>
      </c>
      <c r="D5175" s="2">
        <v>158003</v>
      </c>
      <c r="E5175" s="1" t="s">
        <v>0</v>
      </c>
    </row>
    <row r="5176" spans="1:5" x14ac:dyDescent="0.25">
      <c r="A5176" s="1" t="s">
        <v>20388</v>
      </c>
      <c r="B5176" s="1" t="s">
        <v>6474</v>
      </c>
      <c r="C5176" s="1" t="s">
        <v>20389</v>
      </c>
      <c r="D5176" s="2">
        <v>158004</v>
      </c>
      <c r="E5176" s="1" t="s">
        <v>0</v>
      </c>
    </row>
    <row r="5177" spans="1:5" x14ac:dyDescent="0.25">
      <c r="A5177" s="2">
        <v>1035</v>
      </c>
      <c r="B5177" s="2">
        <v>1035</v>
      </c>
      <c r="C5177" s="1" t="s">
        <v>0</v>
      </c>
      <c r="D5177" s="2">
        <v>158005</v>
      </c>
      <c r="E5177" s="1" t="s">
        <v>0</v>
      </c>
    </row>
    <row r="5178" spans="1:5" x14ac:dyDescent="0.25">
      <c r="A5178" s="1" t="s">
        <v>962</v>
      </c>
      <c r="B5178" s="1" t="s">
        <v>6475</v>
      </c>
      <c r="C5178" s="1" t="s">
        <v>20390</v>
      </c>
      <c r="D5178" s="2">
        <v>158006</v>
      </c>
      <c r="E5178" s="1" t="s">
        <v>0</v>
      </c>
    </row>
    <row r="5179" spans="1:5" x14ac:dyDescent="0.25">
      <c r="A5179" s="1" t="s">
        <v>20391</v>
      </c>
      <c r="B5179" s="1" t="s">
        <v>62169</v>
      </c>
      <c r="C5179" s="1" t="s">
        <v>20392</v>
      </c>
      <c r="D5179" s="2">
        <v>158007</v>
      </c>
      <c r="E5179" s="1" t="s">
        <v>0</v>
      </c>
    </row>
    <row r="5180" spans="1:5" ht="409.5" x14ac:dyDescent="0.25">
      <c r="A5180" s="4" t="s">
        <v>20393</v>
      </c>
      <c r="B5180" s="1" t="s">
        <v>62170</v>
      </c>
      <c r="C5180" s="1" t="s">
        <v>20394</v>
      </c>
      <c r="D5180" s="2">
        <v>158008</v>
      </c>
      <c r="E5180" s="1" t="s">
        <v>0</v>
      </c>
    </row>
    <row r="5181" spans="1:5" x14ac:dyDescent="0.25">
      <c r="A5181" s="1" t="s">
        <v>20395</v>
      </c>
      <c r="B5181" s="1" t="s">
        <v>6476</v>
      </c>
      <c r="C5181" s="1" t="s">
        <v>20396</v>
      </c>
      <c r="D5181" s="2">
        <v>158009</v>
      </c>
      <c r="E5181" s="1" t="s">
        <v>0</v>
      </c>
    </row>
    <row r="5182" spans="1:5" x14ac:dyDescent="0.25">
      <c r="A5182" s="2">
        <v>1036</v>
      </c>
      <c r="B5182" s="2">
        <v>1036</v>
      </c>
      <c r="C5182" s="1" t="s">
        <v>0</v>
      </c>
      <c r="D5182" s="2">
        <v>158010</v>
      </c>
      <c r="E5182" s="1" t="s">
        <v>0</v>
      </c>
    </row>
    <row r="5183" spans="1:5" x14ac:dyDescent="0.25">
      <c r="A5183" s="1" t="s">
        <v>963</v>
      </c>
      <c r="B5183" s="1" t="s">
        <v>6477</v>
      </c>
      <c r="C5183" s="1" t="s">
        <v>20397</v>
      </c>
      <c r="D5183" s="2">
        <v>158011</v>
      </c>
      <c r="E5183" s="1" t="s">
        <v>0</v>
      </c>
    </row>
    <row r="5184" spans="1:5" x14ac:dyDescent="0.25">
      <c r="A5184" s="1" t="s">
        <v>20398</v>
      </c>
      <c r="B5184" s="1" t="s">
        <v>50498</v>
      </c>
      <c r="C5184" s="1" t="s">
        <v>20399</v>
      </c>
      <c r="D5184" s="2">
        <v>158012</v>
      </c>
      <c r="E5184" s="1" t="s">
        <v>0</v>
      </c>
    </row>
    <row r="5185" spans="1:5" ht="409.5" x14ac:dyDescent="0.25">
      <c r="A5185" s="4" t="s">
        <v>20400</v>
      </c>
      <c r="B5185" s="1" t="s">
        <v>50499</v>
      </c>
      <c r="C5185" s="1" t="s">
        <v>20401</v>
      </c>
      <c r="D5185" s="2">
        <v>158013</v>
      </c>
      <c r="E5185" s="1" t="s">
        <v>0</v>
      </c>
    </row>
    <row r="5186" spans="1:5" x14ac:dyDescent="0.25">
      <c r="A5186" s="1" t="s">
        <v>16086</v>
      </c>
      <c r="B5186" s="1" t="s">
        <v>60897</v>
      </c>
      <c r="C5186" s="1" t="s">
        <v>16087</v>
      </c>
      <c r="D5186" s="2">
        <v>158014</v>
      </c>
      <c r="E5186" s="1" t="s">
        <v>0</v>
      </c>
    </row>
    <row r="5187" spans="1:5" x14ac:dyDescent="0.25">
      <c r="A5187" s="2">
        <v>1037</v>
      </c>
      <c r="B5187" s="2">
        <v>1037</v>
      </c>
      <c r="C5187" s="1" t="s">
        <v>0</v>
      </c>
      <c r="D5187" s="2">
        <v>158015</v>
      </c>
      <c r="E5187" s="1" t="s">
        <v>0</v>
      </c>
    </row>
    <row r="5188" spans="1:5" x14ac:dyDescent="0.25">
      <c r="A5188" s="1" t="s">
        <v>964</v>
      </c>
      <c r="B5188" s="1" t="s">
        <v>6478</v>
      </c>
      <c r="C5188" s="1" t="s">
        <v>20402</v>
      </c>
      <c r="D5188" s="2">
        <v>158016</v>
      </c>
      <c r="E5188" s="1" t="s">
        <v>0</v>
      </c>
    </row>
    <row r="5189" spans="1:5" x14ac:dyDescent="0.25">
      <c r="A5189" s="1" t="s">
        <v>64031</v>
      </c>
      <c r="B5189" s="1" t="s">
        <v>52206</v>
      </c>
      <c r="C5189" s="1" t="s">
        <v>20403</v>
      </c>
      <c r="D5189" s="2">
        <v>158017</v>
      </c>
      <c r="E5189" s="1" t="s">
        <v>0</v>
      </c>
    </row>
    <row r="5190" spans="1:5" ht="409.5" x14ac:dyDescent="0.25">
      <c r="A5190" s="4" t="s">
        <v>64032</v>
      </c>
      <c r="B5190" s="1" t="s">
        <v>52207</v>
      </c>
      <c r="C5190" s="1" t="s">
        <v>20404</v>
      </c>
      <c r="D5190" s="2">
        <v>158018</v>
      </c>
      <c r="E5190" s="1" t="s">
        <v>0</v>
      </c>
    </row>
    <row r="5191" spans="1:5" x14ac:dyDescent="0.25">
      <c r="A5191" s="1" t="s">
        <v>20405</v>
      </c>
      <c r="B5191" s="1" t="s">
        <v>6479</v>
      </c>
      <c r="C5191" s="1" t="s">
        <v>20406</v>
      </c>
      <c r="D5191" s="2">
        <v>158019</v>
      </c>
      <c r="E5191" s="1" t="s">
        <v>0</v>
      </c>
    </row>
    <row r="5192" spans="1:5" x14ac:dyDescent="0.25">
      <c r="A5192" s="2">
        <v>1038</v>
      </c>
      <c r="B5192" s="2">
        <v>1038</v>
      </c>
      <c r="C5192" s="1" t="s">
        <v>0</v>
      </c>
      <c r="D5192" s="2">
        <v>158020</v>
      </c>
      <c r="E5192" s="1" t="s">
        <v>0</v>
      </c>
    </row>
    <row r="5193" spans="1:5" x14ac:dyDescent="0.25">
      <c r="A5193" s="1" t="s">
        <v>965</v>
      </c>
      <c r="B5193" s="1" t="s">
        <v>6480</v>
      </c>
      <c r="C5193" s="1" t="s">
        <v>20407</v>
      </c>
      <c r="D5193" s="2">
        <v>158021</v>
      </c>
      <c r="E5193" s="1" t="s">
        <v>0</v>
      </c>
    </row>
    <row r="5194" spans="1:5" x14ac:dyDescent="0.25">
      <c r="A5194" s="1" t="s">
        <v>20408</v>
      </c>
      <c r="B5194" s="1" t="s">
        <v>62171</v>
      </c>
      <c r="C5194" s="1" t="s">
        <v>20409</v>
      </c>
      <c r="D5194" s="2">
        <v>158022</v>
      </c>
      <c r="E5194" s="1" t="s">
        <v>0</v>
      </c>
    </row>
    <row r="5195" spans="1:5" ht="409.5" x14ac:dyDescent="0.25">
      <c r="A5195" s="4" t="s">
        <v>20410</v>
      </c>
      <c r="B5195" s="1" t="s">
        <v>62172</v>
      </c>
      <c r="C5195" s="1" t="s">
        <v>20411</v>
      </c>
      <c r="D5195" s="2">
        <v>158023</v>
      </c>
      <c r="E5195" s="1" t="s">
        <v>0</v>
      </c>
    </row>
    <row r="5196" spans="1:5" x14ac:dyDescent="0.25">
      <c r="A5196" s="1" t="s">
        <v>20412</v>
      </c>
      <c r="B5196" s="1" t="s">
        <v>52208</v>
      </c>
      <c r="C5196" s="1" t="s">
        <v>20413</v>
      </c>
      <c r="D5196" s="2">
        <v>158024</v>
      </c>
      <c r="E5196" s="1" t="s">
        <v>0</v>
      </c>
    </row>
    <row r="5197" spans="1:5" x14ac:dyDescent="0.25">
      <c r="A5197" s="2">
        <v>1039</v>
      </c>
      <c r="B5197" s="2">
        <v>1039</v>
      </c>
      <c r="C5197" s="1" t="s">
        <v>0</v>
      </c>
      <c r="D5197" s="2">
        <v>158025</v>
      </c>
      <c r="E5197" s="1" t="s">
        <v>0</v>
      </c>
    </row>
    <row r="5198" spans="1:5" x14ac:dyDescent="0.25">
      <c r="A5198" s="1" t="s">
        <v>966</v>
      </c>
      <c r="B5198" s="1" t="s">
        <v>6481</v>
      </c>
      <c r="C5198" s="1" t="s">
        <v>20414</v>
      </c>
      <c r="D5198" s="2">
        <v>158026</v>
      </c>
      <c r="E5198" s="1" t="s">
        <v>0</v>
      </c>
    </row>
    <row r="5199" spans="1:5" x14ac:dyDescent="0.25">
      <c r="A5199" s="1" t="s">
        <v>20415</v>
      </c>
      <c r="B5199" s="1" t="s">
        <v>6482</v>
      </c>
      <c r="C5199" s="1" t="s">
        <v>20416</v>
      </c>
      <c r="D5199" s="2">
        <v>158027</v>
      </c>
      <c r="E5199" s="1" t="s">
        <v>0</v>
      </c>
    </row>
    <row r="5200" spans="1:5" ht="409.5" x14ac:dyDescent="0.25">
      <c r="A5200" s="4" t="s">
        <v>20417</v>
      </c>
      <c r="B5200" s="1" t="s">
        <v>52209</v>
      </c>
      <c r="C5200" s="1" t="s">
        <v>20418</v>
      </c>
      <c r="D5200" s="2">
        <v>158028</v>
      </c>
      <c r="E5200" s="1" t="s">
        <v>0</v>
      </c>
    </row>
    <row r="5201" spans="1:5" x14ac:dyDescent="0.25">
      <c r="A5201" s="1" t="s">
        <v>20419</v>
      </c>
      <c r="B5201" s="1" t="s">
        <v>6483</v>
      </c>
      <c r="C5201" s="1" t="s">
        <v>20420</v>
      </c>
      <c r="D5201" s="2">
        <v>158029</v>
      </c>
      <c r="E5201" s="1" t="s">
        <v>0</v>
      </c>
    </row>
    <row r="5202" spans="1:5" x14ac:dyDescent="0.25">
      <c r="A5202" s="2">
        <v>1040</v>
      </c>
      <c r="B5202" s="2">
        <v>1040</v>
      </c>
      <c r="C5202" s="1" t="s">
        <v>0</v>
      </c>
      <c r="D5202" s="2">
        <v>158030</v>
      </c>
      <c r="E5202" s="1" t="s">
        <v>0</v>
      </c>
    </row>
    <row r="5203" spans="1:5" x14ac:dyDescent="0.25">
      <c r="A5203" s="1" t="s">
        <v>967</v>
      </c>
      <c r="B5203" s="1" t="s">
        <v>6484</v>
      </c>
      <c r="C5203" s="1" t="s">
        <v>20421</v>
      </c>
      <c r="D5203" s="2">
        <v>158031</v>
      </c>
      <c r="E5203" s="1" t="s">
        <v>0</v>
      </c>
    </row>
    <row r="5204" spans="1:5" x14ac:dyDescent="0.25">
      <c r="A5204" s="1" t="s">
        <v>20422</v>
      </c>
      <c r="B5204" s="1" t="s">
        <v>52210</v>
      </c>
      <c r="C5204" s="1" t="s">
        <v>20423</v>
      </c>
      <c r="D5204" s="2">
        <v>158032</v>
      </c>
      <c r="E5204" s="1" t="s">
        <v>0</v>
      </c>
    </row>
    <row r="5205" spans="1:5" ht="409.5" x14ac:dyDescent="0.25">
      <c r="A5205" s="4" t="s">
        <v>20424</v>
      </c>
      <c r="B5205" s="1" t="s">
        <v>52211</v>
      </c>
      <c r="C5205" s="1" t="s">
        <v>20425</v>
      </c>
      <c r="D5205" s="2">
        <v>158033</v>
      </c>
      <c r="E5205" s="1" t="s">
        <v>0</v>
      </c>
    </row>
    <row r="5206" spans="1:5" x14ac:dyDescent="0.25">
      <c r="A5206" s="1" t="s">
        <v>20426</v>
      </c>
      <c r="B5206" s="1" t="s">
        <v>6485</v>
      </c>
      <c r="C5206" s="1" t="s">
        <v>20427</v>
      </c>
      <c r="D5206" s="2">
        <v>158034</v>
      </c>
      <c r="E5206" s="1" t="s">
        <v>0</v>
      </c>
    </row>
    <row r="5207" spans="1:5" x14ac:dyDescent="0.25">
      <c r="A5207" s="2">
        <v>1041</v>
      </c>
      <c r="B5207" s="2">
        <v>1041</v>
      </c>
      <c r="C5207" s="1" t="s">
        <v>0</v>
      </c>
      <c r="D5207" s="2">
        <v>158035</v>
      </c>
      <c r="E5207" s="1" t="s">
        <v>0</v>
      </c>
    </row>
    <row r="5208" spans="1:5" x14ac:dyDescent="0.25">
      <c r="A5208" s="1" t="s">
        <v>968</v>
      </c>
      <c r="B5208" s="1" t="s">
        <v>6486</v>
      </c>
      <c r="C5208" s="1" t="s">
        <v>20428</v>
      </c>
      <c r="D5208" s="2">
        <v>158036</v>
      </c>
      <c r="E5208" s="1" t="s">
        <v>0</v>
      </c>
    </row>
    <row r="5209" spans="1:5" x14ac:dyDescent="0.25">
      <c r="A5209" s="1" t="s">
        <v>20429</v>
      </c>
      <c r="B5209" s="1" t="s">
        <v>52212</v>
      </c>
      <c r="C5209" s="1" t="s">
        <v>20430</v>
      </c>
      <c r="D5209" s="2">
        <v>158037</v>
      </c>
      <c r="E5209" s="1" t="s">
        <v>0</v>
      </c>
    </row>
    <row r="5210" spans="1:5" ht="409.5" x14ac:dyDescent="0.25">
      <c r="A5210" s="4" t="s">
        <v>20431</v>
      </c>
      <c r="B5210" s="1" t="s">
        <v>52213</v>
      </c>
      <c r="C5210" s="1" t="s">
        <v>20432</v>
      </c>
      <c r="D5210" s="2">
        <v>158038</v>
      </c>
      <c r="E5210" s="1" t="s">
        <v>0</v>
      </c>
    </row>
    <row r="5211" spans="1:5" x14ac:dyDescent="0.25">
      <c r="A5211" s="1" t="s">
        <v>14855</v>
      </c>
      <c r="B5211" s="1" t="s">
        <v>60879</v>
      </c>
      <c r="C5211" s="1" t="s">
        <v>14856</v>
      </c>
      <c r="D5211" s="2">
        <v>158039</v>
      </c>
      <c r="E5211" s="1" t="s">
        <v>0</v>
      </c>
    </row>
    <row r="5212" spans="1:5" x14ac:dyDescent="0.25">
      <c r="A5212" s="2">
        <v>1042</v>
      </c>
      <c r="B5212" s="2">
        <v>1042</v>
      </c>
      <c r="C5212" s="1" t="s">
        <v>0</v>
      </c>
      <c r="D5212" s="2">
        <v>158040</v>
      </c>
      <c r="E5212" s="1" t="s">
        <v>0</v>
      </c>
    </row>
    <row r="5213" spans="1:5" x14ac:dyDescent="0.25">
      <c r="A5213" s="1" t="s">
        <v>969</v>
      </c>
      <c r="B5213" s="1" t="s">
        <v>6487</v>
      </c>
      <c r="C5213" s="1" t="s">
        <v>20433</v>
      </c>
      <c r="D5213" s="2">
        <v>158041</v>
      </c>
      <c r="E5213" s="1" t="s">
        <v>0</v>
      </c>
    </row>
    <row r="5214" spans="1:5" x14ac:dyDescent="0.25">
      <c r="A5214" s="1" t="s">
        <v>20434</v>
      </c>
      <c r="B5214" s="1" t="s">
        <v>52214</v>
      </c>
      <c r="C5214" s="1" t="s">
        <v>20435</v>
      </c>
      <c r="D5214" s="2">
        <v>158042</v>
      </c>
      <c r="E5214" s="1" t="s">
        <v>0</v>
      </c>
    </row>
    <row r="5215" spans="1:5" ht="409.5" x14ac:dyDescent="0.25">
      <c r="A5215" s="4" t="s">
        <v>64033</v>
      </c>
      <c r="B5215" s="1" t="s">
        <v>52215</v>
      </c>
      <c r="C5215" s="1" t="s">
        <v>20436</v>
      </c>
      <c r="D5215" s="2">
        <v>158043</v>
      </c>
      <c r="E5215" s="1" t="s">
        <v>0</v>
      </c>
    </row>
    <row r="5216" spans="1:5" x14ac:dyDescent="0.25">
      <c r="A5216" s="1" t="s">
        <v>20437</v>
      </c>
      <c r="B5216" s="1" t="s">
        <v>57152</v>
      </c>
      <c r="C5216" s="1" t="s">
        <v>20438</v>
      </c>
      <c r="D5216" s="2">
        <v>158044</v>
      </c>
      <c r="E5216" s="1" t="s">
        <v>0</v>
      </c>
    </row>
    <row r="5217" spans="1:5" x14ac:dyDescent="0.25">
      <c r="A5217" s="2">
        <v>1043</v>
      </c>
      <c r="B5217" s="2">
        <v>1043</v>
      </c>
      <c r="C5217" s="1" t="s">
        <v>0</v>
      </c>
      <c r="D5217" s="2">
        <v>158045</v>
      </c>
      <c r="E5217" s="1" t="s">
        <v>0</v>
      </c>
    </row>
    <row r="5218" spans="1:5" x14ac:dyDescent="0.25">
      <c r="A5218" s="1" t="s">
        <v>970</v>
      </c>
      <c r="B5218" s="1" t="s">
        <v>6488</v>
      </c>
      <c r="C5218" s="1" t="s">
        <v>20439</v>
      </c>
      <c r="D5218" s="2">
        <v>158046</v>
      </c>
      <c r="E5218" s="1" t="s">
        <v>0</v>
      </c>
    </row>
    <row r="5219" spans="1:5" x14ac:dyDescent="0.25">
      <c r="A5219" s="1" t="s">
        <v>20440</v>
      </c>
      <c r="B5219" s="1" t="s">
        <v>62173</v>
      </c>
      <c r="C5219" s="1" t="s">
        <v>20441</v>
      </c>
      <c r="D5219" s="2">
        <v>158047</v>
      </c>
      <c r="E5219" s="1" t="s">
        <v>0</v>
      </c>
    </row>
    <row r="5220" spans="1:5" ht="409.5" x14ac:dyDescent="0.25">
      <c r="A5220" s="4" t="s">
        <v>20442</v>
      </c>
      <c r="B5220" s="1" t="s">
        <v>62174</v>
      </c>
      <c r="C5220" s="1" t="s">
        <v>20443</v>
      </c>
      <c r="D5220" s="2">
        <v>158048</v>
      </c>
      <c r="E5220" s="1" t="s">
        <v>0</v>
      </c>
    </row>
    <row r="5221" spans="1:5" x14ac:dyDescent="0.25">
      <c r="A5221" s="1" t="s">
        <v>20444</v>
      </c>
      <c r="B5221" s="1" t="s">
        <v>52216</v>
      </c>
      <c r="C5221" s="1" t="s">
        <v>20445</v>
      </c>
      <c r="D5221" s="2">
        <v>158049</v>
      </c>
      <c r="E5221" s="1" t="s">
        <v>0</v>
      </c>
    </row>
    <row r="5222" spans="1:5" x14ac:dyDescent="0.25">
      <c r="A5222" s="2">
        <v>1044</v>
      </c>
      <c r="B5222" s="2">
        <v>1044</v>
      </c>
      <c r="C5222" s="1" t="s">
        <v>0</v>
      </c>
      <c r="D5222" s="2">
        <v>158050</v>
      </c>
      <c r="E5222" s="1" t="s">
        <v>0</v>
      </c>
    </row>
    <row r="5223" spans="1:5" x14ac:dyDescent="0.25">
      <c r="A5223" s="1" t="s">
        <v>971</v>
      </c>
      <c r="B5223" s="1" t="s">
        <v>52217</v>
      </c>
      <c r="C5223" s="1" t="s">
        <v>20446</v>
      </c>
      <c r="D5223" s="2">
        <v>158051</v>
      </c>
      <c r="E5223" s="1" t="s">
        <v>0</v>
      </c>
    </row>
    <row r="5224" spans="1:5" x14ac:dyDescent="0.25">
      <c r="A5224" s="1" t="s">
        <v>20447</v>
      </c>
      <c r="B5224" s="1" t="s">
        <v>52218</v>
      </c>
      <c r="C5224" s="1" t="s">
        <v>20448</v>
      </c>
      <c r="D5224" s="2">
        <v>158052</v>
      </c>
      <c r="E5224" s="1" t="s">
        <v>0</v>
      </c>
    </row>
    <row r="5225" spans="1:5" ht="409.5" x14ac:dyDescent="0.25">
      <c r="A5225" s="4" t="s">
        <v>20449</v>
      </c>
      <c r="B5225" s="1" t="s">
        <v>52219</v>
      </c>
      <c r="C5225" s="1" t="s">
        <v>20450</v>
      </c>
      <c r="D5225" s="2">
        <v>158053</v>
      </c>
      <c r="E5225" s="1" t="s">
        <v>0</v>
      </c>
    </row>
    <row r="5226" spans="1:5" x14ac:dyDescent="0.25">
      <c r="A5226" s="1" t="s">
        <v>20451</v>
      </c>
      <c r="B5226" s="1" t="s">
        <v>52220</v>
      </c>
      <c r="C5226" s="1" t="s">
        <v>20452</v>
      </c>
      <c r="D5226" s="2">
        <v>158054</v>
      </c>
      <c r="E5226" s="1" t="s">
        <v>0</v>
      </c>
    </row>
    <row r="5227" spans="1:5" x14ac:dyDescent="0.25">
      <c r="A5227" s="2">
        <v>1045</v>
      </c>
      <c r="B5227" s="2">
        <v>1045</v>
      </c>
      <c r="C5227" s="1" t="s">
        <v>0</v>
      </c>
      <c r="D5227" s="2">
        <v>158055</v>
      </c>
      <c r="E5227" s="1" t="s">
        <v>0</v>
      </c>
    </row>
    <row r="5228" spans="1:5" x14ac:dyDescent="0.25">
      <c r="A5228" s="1" t="s">
        <v>972</v>
      </c>
      <c r="B5228" s="1" t="s">
        <v>6489</v>
      </c>
      <c r="C5228" s="1" t="s">
        <v>20453</v>
      </c>
      <c r="D5228" s="2">
        <v>158056</v>
      </c>
      <c r="E5228" s="1" t="s">
        <v>0</v>
      </c>
    </row>
    <row r="5229" spans="1:5" x14ac:dyDescent="0.25">
      <c r="A5229" s="1" t="s">
        <v>20454</v>
      </c>
      <c r="B5229" s="1" t="s">
        <v>52221</v>
      </c>
      <c r="C5229" s="1" t="s">
        <v>20455</v>
      </c>
      <c r="D5229" s="2">
        <v>158057</v>
      </c>
      <c r="E5229" s="1" t="s">
        <v>0</v>
      </c>
    </row>
    <row r="5230" spans="1:5" ht="409.5" x14ac:dyDescent="0.25">
      <c r="A5230" s="4" t="s">
        <v>20456</v>
      </c>
      <c r="B5230" s="1" t="s">
        <v>52222</v>
      </c>
      <c r="C5230" s="1" t="s">
        <v>20457</v>
      </c>
      <c r="D5230" s="2">
        <v>158058</v>
      </c>
      <c r="E5230" s="1" t="s">
        <v>0</v>
      </c>
    </row>
    <row r="5231" spans="1:5" x14ac:dyDescent="0.25">
      <c r="A5231" s="1" t="s">
        <v>20458</v>
      </c>
      <c r="B5231" s="1" t="s">
        <v>52223</v>
      </c>
      <c r="C5231" s="1" t="s">
        <v>20459</v>
      </c>
      <c r="D5231" s="2">
        <v>158059</v>
      </c>
      <c r="E5231" s="1" t="s">
        <v>0</v>
      </c>
    </row>
    <row r="5232" spans="1:5" x14ac:dyDescent="0.25">
      <c r="A5232" s="2">
        <v>1046</v>
      </c>
      <c r="B5232" s="2">
        <v>1046</v>
      </c>
      <c r="C5232" s="1" t="s">
        <v>0</v>
      </c>
      <c r="D5232" s="2">
        <v>158060</v>
      </c>
      <c r="E5232" s="1" t="s">
        <v>0</v>
      </c>
    </row>
    <row r="5233" spans="1:5" x14ac:dyDescent="0.25">
      <c r="A5233" s="1" t="s">
        <v>973</v>
      </c>
      <c r="B5233" s="1" t="s">
        <v>6490</v>
      </c>
      <c r="C5233" s="1" t="s">
        <v>20460</v>
      </c>
      <c r="D5233" s="2">
        <v>158061</v>
      </c>
      <c r="E5233" s="1" t="s">
        <v>0</v>
      </c>
    </row>
    <row r="5234" spans="1:5" x14ac:dyDescent="0.25">
      <c r="A5234" s="1" t="s">
        <v>20461</v>
      </c>
      <c r="B5234" s="1" t="s">
        <v>50500</v>
      </c>
      <c r="C5234" s="1" t="s">
        <v>20462</v>
      </c>
      <c r="D5234" s="2">
        <v>158062</v>
      </c>
      <c r="E5234" s="1" t="s">
        <v>0</v>
      </c>
    </row>
    <row r="5235" spans="1:5" ht="409.5" x14ac:dyDescent="0.25">
      <c r="A5235" s="4" t="s">
        <v>20463</v>
      </c>
      <c r="B5235" s="1" t="s">
        <v>59838</v>
      </c>
      <c r="C5235" s="1" t="s">
        <v>20464</v>
      </c>
      <c r="D5235" s="2">
        <v>158063</v>
      </c>
      <c r="E5235" s="1" t="s">
        <v>0</v>
      </c>
    </row>
    <row r="5236" spans="1:5" x14ac:dyDescent="0.25">
      <c r="A5236" s="1" t="s">
        <v>20465</v>
      </c>
      <c r="B5236" s="1" t="s">
        <v>52224</v>
      </c>
      <c r="C5236" s="1" t="s">
        <v>20466</v>
      </c>
      <c r="D5236" s="2">
        <v>158064</v>
      </c>
      <c r="E5236" s="1" t="s">
        <v>0</v>
      </c>
    </row>
    <row r="5237" spans="1:5" x14ac:dyDescent="0.25">
      <c r="A5237" s="2">
        <v>1047</v>
      </c>
      <c r="B5237" s="2">
        <v>1047</v>
      </c>
      <c r="C5237" s="1" t="s">
        <v>0</v>
      </c>
      <c r="D5237" s="2">
        <v>158065</v>
      </c>
      <c r="E5237" s="1" t="s">
        <v>0</v>
      </c>
    </row>
    <row r="5238" spans="1:5" x14ac:dyDescent="0.25">
      <c r="A5238" s="1" t="s">
        <v>974</v>
      </c>
      <c r="B5238" s="1" t="s">
        <v>50501</v>
      </c>
      <c r="C5238" s="1" t="s">
        <v>20467</v>
      </c>
      <c r="D5238" s="2">
        <v>158066</v>
      </c>
      <c r="E5238" s="1" t="s">
        <v>0</v>
      </c>
    </row>
    <row r="5239" spans="1:5" x14ac:dyDescent="0.25">
      <c r="A5239" s="1" t="s">
        <v>20468</v>
      </c>
      <c r="B5239" s="1" t="s">
        <v>52225</v>
      </c>
      <c r="C5239" s="1" t="s">
        <v>20469</v>
      </c>
      <c r="D5239" s="2">
        <v>158067</v>
      </c>
      <c r="E5239" s="1" t="s">
        <v>0</v>
      </c>
    </row>
    <row r="5240" spans="1:5" ht="409.5" x14ac:dyDescent="0.25">
      <c r="A5240" s="4" t="s">
        <v>64034</v>
      </c>
      <c r="B5240" s="1" t="s">
        <v>64035</v>
      </c>
      <c r="C5240" s="1" t="s">
        <v>20470</v>
      </c>
      <c r="D5240" s="2">
        <v>158068</v>
      </c>
      <c r="E5240" s="1" t="s">
        <v>0</v>
      </c>
    </row>
    <row r="5241" spans="1:5" x14ac:dyDescent="0.25">
      <c r="A5241" s="1" t="s">
        <v>20471</v>
      </c>
      <c r="B5241" s="1" t="s">
        <v>6491</v>
      </c>
      <c r="C5241" s="1" t="s">
        <v>20472</v>
      </c>
      <c r="D5241" s="2">
        <v>158069</v>
      </c>
      <c r="E5241" s="1" t="s">
        <v>0</v>
      </c>
    </row>
    <row r="5242" spans="1:5" x14ac:dyDescent="0.25">
      <c r="A5242" s="2">
        <v>1048</v>
      </c>
      <c r="B5242" s="2">
        <v>1048</v>
      </c>
      <c r="C5242" s="1" t="s">
        <v>0</v>
      </c>
      <c r="D5242" s="2">
        <v>158070</v>
      </c>
      <c r="E5242" s="1" t="s">
        <v>0</v>
      </c>
    </row>
    <row r="5243" spans="1:5" x14ac:dyDescent="0.25">
      <c r="A5243" s="1" t="s">
        <v>975</v>
      </c>
      <c r="B5243" s="1" t="s">
        <v>6492</v>
      </c>
      <c r="C5243" s="1" t="s">
        <v>20473</v>
      </c>
      <c r="D5243" s="2">
        <v>158071</v>
      </c>
      <c r="E5243" s="1" t="s">
        <v>0</v>
      </c>
    </row>
    <row r="5244" spans="1:5" x14ac:dyDescent="0.25">
      <c r="A5244" s="1" t="s">
        <v>20474</v>
      </c>
      <c r="B5244" s="1" t="s">
        <v>52226</v>
      </c>
      <c r="C5244" s="1" t="s">
        <v>20475</v>
      </c>
      <c r="D5244" s="2">
        <v>158072</v>
      </c>
      <c r="E5244" s="1" t="s">
        <v>0</v>
      </c>
    </row>
    <row r="5245" spans="1:5" ht="409.5" x14ac:dyDescent="0.25">
      <c r="A5245" s="4" t="s">
        <v>20476</v>
      </c>
      <c r="B5245" s="1" t="s">
        <v>52227</v>
      </c>
      <c r="C5245" s="1" t="s">
        <v>20477</v>
      </c>
      <c r="D5245" s="2">
        <v>158073</v>
      </c>
      <c r="E5245" s="1" t="s">
        <v>0</v>
      </c>
    </row>
    <row r="5246" spans="1:5" x14ac:dyDescent="0.25">
      <c r="A5246" s="1" t="s">
        <v>20478</v>
      </c>
      <c r="B5246" s="1" t="s">
        <v>52228</v>
      </c>
      <c r="C5246" s="1" t="s">
        <v>20479</v>
      </c>
      <c r="D5246" s="2">
        <v>158074</v>
      </c>
      <c r="E5246" s="1" t="s">
        <v>0</v>
      </c>
    </row>
    <row r="5247" spans="1:5" x14ac:dyDescent="0.25">
      <c r="A5247" s="2">
        <v>1049</v>
      </c>
      <c r="B5247" s="2">
        <v>1049</v>
      </c>
      <c r="C5247" s="1" t="s">
        <v>0</v>
      </c>
      <c r="D5247" s="2">
        <v>158075</v>
      </c>
      <c r="E5247" s="1" t="s">
        <v>0</v>
      </c>
    </row>
    <row r="5248" spans="1:5" x14ac:dyDescent="0.25">
      <c r="A5248" s="1" t="s">
        <v>976</v>
      </c>
      <c r="B5248" s="1" t="s">
        <v>6493</v>
      </c>
      <c r="C5248" s="1" t="s">
        <v>20480</v>
      </c>
      <c r="D5248" s="2">
        <v>158076</v>
      </c>
      <c r="E5248" s="1" t="s">
        <v>0</v>
      </c>
    </row>
    <row r="5249" spans="1:5" x14ac:dyDescent="0.25">
      <c r="A5249" s="1" t="s">
        <v>20481</v>
      </c>
      <c r="B5249" s="1" t="s">
        <v>6494</v>
      </c>
      <c r="C5249" s="1" t="s">
        <v>20482</v>
      </c>
      <c r="D5249" s="2">
        <v>158077</v>
      </c>
      <c r="E5249" s="1" t="s">
        <v>0</v>
      </c>
    </row>
    <row r="5250" spans="1:5" ht="409.5" x14ac:dyDescent="0.25">
      <c r="A5250" s="4" t="s">
        <v>20483</v>
      </c>
      <c r="B5250" s="1" t="s">
        <v>60570</v>
      </c>
      <c r="C5250" s="1" t="s">
        <v>20484</v>
      </c>
      <c r="D5250" s="2">
        <v>158078</v>
      </c>
      <c r="E5250" s="1" t="s">
        <v>0</v>
      </c>
    </row>
    <row r="5251" spans="1:5" x14ac:dyDescent="0.25">
      <c r="A5251" s="1" t="s">
        <v>20485</v>
      </c>
      <c r="B5251" s="1" t="s">
        <v>6495</v>
      </c>
      <c r="C5251" s="1" t="s">
        <v>20486</v>
      </c>
      <c r="D5251" s="2">
        <v>158079</v>
      </c>
      <c r="E5251" s="1" t="s">
        <v>0</v>
      </c>
    </row>
    <row r="5252" spans="1:5" x14ac:dyDescent="0.25">
      <c r="A5252" s="2">
        <v>1050</v>
      </c>
      <c r="B5252" s="2">
        <v>1050</v>
      </c>
      <c r="C5252" s="1" t="s">
        <v>0</v>
      </c>
      <c r="D5252" s="2">
        <v>158080</v>
      </c>
      <c r="E5252" s="1" t="s">
        <v>0</v>
      </c>
    </row>
    <row r="5253" spans="1:5" x14ac:dyDescent="0.25">
      <c r="A5253" s="1" t="s">
        <v>977</v>
      </c>
      <c r="B5253" s="1" t="s">
        <v>6496</v>
      </c>
      <c r="C5253" s="1" t="s">
        <v>20487</v>
      </c>
      <c r="D5253" s="2">
        <v>158081</v>
      </c>
      <c r="E5253" s="1" t="s">
        <v>0</v>
      </c>
    </row>
    <row r="5254" spans="1:5" x14ac:dyDescent="0.25">
      <c r="A5254" s="1" t="s">
        <v>20488</v>
      </c>
      <c r="B5254" s="1" t="s">
        <v>52229</v>
      </c>
      <c r="C5254" s="1" t="s">
        <v>20489</v>
      </c>
      <c r="D5254" s="2">
        <v>158082</v>
      </c>
      <c r="E5254" s="1" t="s">
        <v>0</v>
      </c>
    </row>
    <row r="5255" spans="1:5" ht="409.5" x14ac:dyDescent="0.25">
      <c r="A5255" s="4" t="s">
        <v>64036</v>
      </c>
      <c r="B5255" s="1" t="s">
        <v>60571</v>
      </c>
      <c r="C5255" s="1" t="s">
        <v>20490</v>
      </c>
      <c r="D5255" s="2">
        <v>158083</v>
      </c>
      <c r="E5255" s="1" t="s">
        <v>0</v>
      </c>
    </row>
    <row r="5256" spans="1:5" x14ac:dyDescent="0.25">
      <c r="A5256" s="1" t="s">
        <v>20491</v>
      </c>
      <c r="B5256" s="1" t="s">
        <v>57153</v>
      </c>
      <c r="C5256" s="1" t="s">
        <v>20492</v>
      </c>
      <c r="D5256" s="2">
        <v>158084</v>
      </c>
      <c r="E5256" s="1" t="s">
        <v>0</v>
      </c>
    </row>
    <row r="5257" spans="1:5" x14ac:dyDescent="0.25">
      <c r="A5257" s="2">
        <v>1051</v>
      </c>
      <c r="B5257" s="2">
        <v>1051</v>
      </c>
      <c r="C5257" s="1" t="s">
        <v>0</v>
      </c>
      <c r="D5257" s="2">
        <v>158085</v>
      </c>
      <c r="E5257" s="1" t="s">
        <v>0</v>
      </c>
    </row>
    <row r="5258" spans="1:5" x14ac:dyDescent="0.25">
      <c r="A5258" s="1" t="s">
        <v>978</v>
      </c>
      <c r="B5258" s="1" t="s">
        <v>6497</v>
      </c>
      <c r="C5258" s="1" t="s">
        <v>0</v>
      </c>
      <c r="D5258" s="2">
        <v>158086</v>
      </c>
      <c r="E5258" s="1" t="s">
        <v>0</v>
      </c>
    </row>
    <row r="5259" spans="1:5" x14ac:dyDescent="0.25">
      <c r="A5259" s="1" t="s">
        <v>20493</v>
      </c>
      <c r="B5259" s="1" t="s">
        <v>63241</v>
      </c>
      <c r="C5259" s="1" t="s">
        <v>20494</v>
      </c>
      <c r="D5259" s="2">
        <v>158087</v>
      </c>
      <c r="E5259" s="1" t="s">
        <v>0</v>
      </c>
    </row>
    <row r="5260" spans="1:5" ht="409.5" x14ac:dyDescent="0.25">
      <c r="A5260" s="4" t="s">
        <v>20495</v>
      </c>
      <c r="B5260" s="1" t="s">
        <v>63242</v>
      </c>
      <c r="C5260" s="1" t="s">
        <v>20496</v>
      </c>
      <c r="D5260" s="2">
        <v>158088</v>
      </c>
      <c r="E5260" s="1" t="s">
        <v>0</v>
      </c>
    </row>
    <row r="5261" spans="1:5" x14ac:dyDescent="0.25">
      <c r="A5261" s="1" t="s">
        <v>20497</v>
      </c>
      <c r="B5261" s="1" t="s">
        <v>52230</v>
      </c>
      <c r="C5261" s="1" t="s">
        <v>20498</v>
      </c>
      <c r="D5261" s="2">
        <v>158089</v>
      </c>
      <c r="E5261" s="1" t="s">
        <v>0</v>
      </c>
    </row>
    <row r="5262" spans="1:5" x14ac:dyDescent="0.25">
      <c r="A5262" s="2">
        <v>1052</v>
      </c>
      <c r="B5262" s="2">
        <v>1052</v>
      </c>
      <c r="C5262" s="1" t="s">
        <v>0</v>
      </c>
      <c r="D5262" s="2">
        <v>158090</v>
      </c>
      <c r="E5262" s="1" t="s">
        <v>0</v>
      </c>
    </row>
    <row r="5263" spans="1:5" x14ac:dyDescent="0.25">
      <c r="A5263" s="1" t="s">
        <v>979</v>
      </c>
      <c r="B5263" s="1" t="s">
        <v>6498</v>
      </c>
      <c r="C5263" s="1" t="s">
        <v>20499</v>
      </c>
      <c r="D5263" s="2">
        <v>158091</v>
      </c>
      <c r="E5263" s="1" t="s">
        <v>0</v>
      </c>
    </row>
    <row r="5264" spans="1:5" x14ac:dyDescent="0.25">
      <c r="A5264" s="1" t="s">
        <v>20500</v>
      </c>
      <c r="B5264" s="1" t="s">
        <v>52231</v>
      </c>
      <c r="C5264" s="1" t="s">
        <v>20501</v>
      </c>
      <c r="D5264" s="2">
        <v>158092</v>
      </c>
      <c r="E5264" s="1" t="s">
        <v>0</v>
      </c>
    </row>
    <row r="5265" spans="1:5" ht="409.5" x14ac:dyDescent="0.25">
      <c r="A5265" s="4" t="s">
        <v>64037</v>
      </c>
      <c r="B5265" s="1" t="s">
        <v>58903</v>
      </c>
      <c r="C5265" s="1" t="s">
        <v>20502</v>
      </c>
      <c r="D5265" s="2">
        <v>158093</v>
      </c>
      <c r="E5265" s="1" t="s">
        <v>0</v>
      </c>
    </row>
    <row r="5266" spans="1:5" x14ac:dyDescent="0.25">
      <c r="A5266" s="1" t="s">
        <v>20503</v>
      </c>
      <c r="B5266" s="1" t="s">
        <v>6499</v>
      </c>
      <c r="C5266" s="1" t="s">
        <v>20504</v>
      </c>
      <c r="D5266" s="2">
        <v>158094</v>
      </c>
      <c r="E5266" s="1" t="s">
        <v>0</v>
      </c>
    </row>
    <row r="5267" spans="1:5" x14ac:dyDescent="0.25">
      <c r="A5267" s="2">
        <v>1053</v>
      </c>
      <c r="B5267" s="2">
        <v>1053</v>
      </c>
      <c r="C5267" s="1" t="s">
        <v>0</v>
      </c>
      <c r="D5267" s="2">
        <v>158095</v>
      </c>
      <c r="E5267" s="1" t="s">
        <v>0</v>
      </c>
    </row>
    <row r="5268" spans="1:5" x14ac:dyDescent="0.25">
      <c r="A5268" s="1" t="s">
        <v>980</v>
      </c>
      <c r="B5268" s="1" t="s">
        <v>6500</v>
      </c>
      <c r="C5268" s="1" t="s">
        <v>20505</v>
      </c>
      <c r="D5268" s="2">
        <v>158096</v>
      </c>
      <c r="E5268" s="1" t="s">
        <v>0</v>
      </c>
    </row>
    <row r="5269" spans="1:5" x14ac:dyDescent="0.25">
      <c r="A5269" s="1" t="s">
        <v>20506</v>
      </c>
      <c r="B5269" s="1" t="s">
        <v>52232</v>
      </c>
      <c r="C5269" s="1" t="s">
        <v>20507</v>
      </c>
      <c r="D5269" s="2">
        <v>158097</v>
      </c>
      <c r="E5269" s="1" t="s">
        <v>0</v>
      </c>
    </row>
    <row r="5270" spans="1:5" ht="409.5" x14ac:dyDescent="0.25">
      <c r="A5270" s="4" t="s">
        <v>20508</v>
      </c>
      <c r="B5270" s="1" t="s">
        <v>52233</v>
      </c>
      <c r="C5270" s="1" t="s">
        <v>20509</v>
      </c>
      <c r="D5270" s="2">
        <v>158098</v>
      </c>
      <c r="E5270" s="1" t="s">
        <v>0</v>
      </c>
    </row>
    <row r="5271" spans="1:5" x14ac:dyDescent="0.25">
      <c r="A5271" s="1" t="s">
        <v>20510</v>
      </c>
      <c r="B5271" s="1" t="s">
        <v>6501</v>
      </c>
      <c r="C5271" s="1" t="s">
        <v>20511</v>
      </c>
      <c r="D5271" s="2">
        <v>158099</v>
      </c>
      <c r="E5271" s="1" t="s">
        <v>0</v>
      </c>
    </row>
    <row r="5272" spans="1:5" x14ac:dyDescent="0.25">
      <c r="A5272" s="2">
        <v>1054</v>
      </c>
      <c r="B5272" s="2">
        <v>1054</v>
      </c>
      <c r="C5272" s="1" t="s">
        <v>0</v>
      </c>
      <c r="D5272" s="2">
        <v>158100</v>
      </c>
      <c r="E5272" s="1" t="s">
        <v>0</v>
      </c>
    </row>
    <row r="5273" spans="1:5" x14ac:dyDescent="0.25">
      <c r="A5273" s="1" t="s">
        <v>981</v>
      </c>
      <c r="B5273" s="1" t="s">
        <v>50502</v>
      </c>
      <c r="C5273" s="1" t="s">
        <v>20512</v>
      </c>
      <c r="D5273" s="2">
        <v>158101</v>
      </c>
      <c r="E5273" s="1" t="s">
        <v>0</v>
      </c>
    </row>
    <row r="5274" spans="1:5" x14ac:dyDescent="0.25">
      <c r="A5274" s="1" t="s">
        <v>20513</v>
      </c>
      <c r="B5274" s="1" t="s">
        <v>20514</v>
      </c>
      <c r="C5274" s="1" t="s">
        <v>20515</v>
      </c>
      <c r="D5274" s="2">
        <v>158102</v>
      </c>
      <c r="E5274" s="1" t="s">
        <v>0</v>
      </c>
    </row>
    <row r="5275" spans="1:5" ht="409.5" x14ac:dyDescent="0.25">
      <c r="A5275" s="4" t="s">
        <v>20516</v>
      </c>
      <c r="B5275" s="1" t="s">
        <v>52234</v>
      </c>
      <c r="C5275" s="1" t="s">
        <v>20517</v>
      </c>
      <c r="D5275" s="2">
        <v>158103</v>
      </c>
      <c r="E5275" s="1" t="s">
        <v>0</v>
      </c>
    </row>
    <row r="5276" spans="1:5" x14ac:dyDescent="0.25">
      <c r="A5276" s="1" t="s">
        <v>20518</v>
      </c>
      <c r="B5276" s="1" t="s">
        <v>52235</v>
      </c>
      <c r="C5276" s="1" t="s">
        <v>20519</v>
      </c>
      <c r="D5276" s="2">
        <v>158104</v>
      </c>
      <c r="E5276" s="1" t="s">
        <v>0</v>
      </c>
    </row>
    <row r="5277" spans="1:5" x14ac:dyDescent="0.25">
      <c r="A5277" s="2">
        <v>1055</v>
      </c>
      <c r="B5277" s="2">
        <v>1055</v>
      </c>
      <c r="C5277" s="1" t="s">
        <v>0</v>
      </c>
      <c r="D5277" s="2">
        <v>158105</v>
      </c>
      <c r="E5277" s="1" t="s">
        <v>0</v>
      </c>
    </row>
    <row r="5278" spans="1:5" x14ac:dyDescent="0.25">
      <c r="A5278" s="1" t="s">
        <v>982</v>
      </c>
      <c r="B5278" s="1" t="s">
        <v>6502</v>
      </c>
      <c r="C5278" s="1" t="s">
        <v>20520</v>
      </c>
      <c r="D5278" s="2">
        <v>158106</v>
      </c>
      <c r="E5278" s="1" t="s">
        <v>0</v>
      </c>
    </row>
    <row r="5279" spans="1:5" x14ac:dyDescent="0.25">
      <c r="A5279" s="1" t="s">
        <v>20521</v>
      </c>
      <c r="B5279" s="1" t="s">
        <v>63638</v>
      </c>
      <c r="C5279" s="1" t="s">
        <v>20522</v>
      </c>
      <c r="D5279" s="2">
        <v>158107</v>
      </c>
      <c r="E5279" s="1" t="s">
        <v>0</v>
      </c>
    </row>
    <row r="5280" spans="1:5" ht="409.5" x14ac:dyDescent="0.25">
      <c r="A5280" s="4" t="s">
        <v>64038</v>
      </c>
      <c r="B5280" s="1" t="s">
        <v>63639</v>
      </c>
      <c r="C5280" s="1" t="s">
        <v>20523</v>
      </c>
      <c r="D5280" s="2">
        <v>158108</v>
      </c>
      <c r="E5280" s="1" t="s">
        <v>0</v>
      </c>
    </row>
    <row r="5281" spans="1:5" x14ac:dyDescent="0.25">
      <c r="A5281" s="1" t="s">
        <v>20524</v>
      </c>
      <c r="B5281" s="1" t="s">
        <v>6503</v>
      </c>
      <c r="C5281" s="1" t="s">
        <v>20525</v>
      </c>
      <c r="D5281" s="2">
        <v>158109</v>
      </c>
      <c r="E5281" s="1" t="s">
        <v>0</v>
      </c>
    </row>
    <row r="5282" spans="1:5" x14ac:dyDescent="0.25">
      <c r="A5282" s="2">
        <v>1056</v>
      </c>
      <c r="B5282" s="2">
        <v>1056</v>
      </c>
      <c r="C5282" s="1" t="s">
        <v>0</v>
      </c>
      <c r="D5282" s="2">
        <v>158110</v>
      </c>
      <c r="E5282" s="1" t="s">
        <v>0</v>
      </c>
    </row>
    <row r="5283" spans="1:5" x14ac:dyDescent="0.25">
      <c r="A5283" s="1" t="s">
        <v>6504</v>
      </c>
      <c r="B5283" s="1" t="s">
        <v>6505</v>
      </c>
      <c r="C5283" s="1" t="s">
        <v>20526</v>
      </c>
      <c r="D5283" s="2">
        <v>158111</v>
      </c>
      <c r="E5283" s="1" t="s">
        <v>0</v>
      </c>
    </row>
    <row r="5284" spans="1:5" x14ac:dyDescent="0.25">
      <c r="A5284" s="1" t="s">
        <v>20527</v>
      </c>
      <c r="B5284" s="1" t="s">
        <v>60572</v>
      </c>
      <c r="C5284" s="1" t="s">
        <v>20528</v>
      </c>
      <c r="D5284" s="2">
        <v>158112</v>
      </c>
      <c r="E5284" s="1" t="s">
        <v>0</v>
      </c>
    </row>
    <row r="5285" spans="1:5" ht="409.5" x14ac:dyDescent="0.25">
      <c r="A5285" s="4" t="s">
        <v>20529</v>
      </c>
      <c r="B5285" s="1" t="s">
        <v>60573</v>
      </c>
      <c r="C5285" s="1" t="s">
        <v>20530</v>
      </c>
      <c r="D5285" s="2">
        <v>158113</v>
      </c>
      <c r="E5285" s="1" t="s">
        <v>0</v>
      </c>
    </row>
    <row r="5286" spans="1:5" x14ac:dyDescent="0.25">
      <c r="A5286" s="1" t="s">
        <v>20531</v>
      </c>
      <c r="B5286" s="1" t="s">
        <v>57154</v>
      </c>
      <c r="C5286" s="1" t="s">
        <v>20532</v>
      </c>
      <c r="D5286" s="2">
        <v>158114</v>
      </c>
      <c r="E5286" s="1" t="s">
        <v>0</v>
      </c>
    </row>
    <row r="5287" spans="1:5" x14ac:dyDescent="0.25">
      <c r="A5287" s="2">
        <v>1057</v>
      </c>
      <c r="B5287" s="2">
        <v>1057</v>
      </c>
      <c r="C5287" s="1" t="s">
        <v>0</v>
      </c>
      <c r="D5287" s="2">
        <v>158115</v>
      </c>
      <c r="E5287" s="1" t="s">
        <v>0</v>
      </c>
    </row>
    <row r="5288" spans="1:5" x14ac:dyDescent="0.25">
      <c r="A5288" s="1" t="s">
        <v>983</v>
      </c>
      <c r="B5288" s="1" t="s">
        <v>6506</v>
      </c>
      <c r="C5288" s="1" t="s">
        <v>20533</v>
      </c>
      <c r="D5288" s="2">
        <v>158116</v>
      </c>
      <c r="E5288" s="1" t="s">
        <v>0</v>
      </c>
    </row>
    <row r="5289" spans="1:5" x14ac:dyDescent="0.25">
      <c r="A5289" s="1" t="s">
        <v>20534</v>
      </c>
      <c r="B5289" s="1" t="s">
        <v>6507</v>
      </c>
      <c r="C5289" s="1" t="s">
        <v>20535</v>
      </c>
      <c r="D5289" s="2">
        <v>158117</v>
      </c>
      <c r="E5289" s="1" t="s">
        <v>0</v>
      </c>
    </row>
    <row r="5290" spans="1:5" ht="409.5" x14ac:dyDescent="0.25">
      <c r="A5290" s="4" t="s">
        <v>20536</v>
      </c>
      <c r="B5290" s="1" t="s">
        <v>6508</v>
      </c>
      <c r="C5290" s="1" t="s">
        <v>20537</v>
      </c>
      <c r="D5290" s="2">
        <v>158118</v>
      </c>
      <c r="E5290" s="1" t="s">
        <v>0</v>
      </c>
    </row>
    <row r="5291" spans="1:5" x14ac:dyDescent="0.25">
      <c r="A5291" s="1" t="s">
        <v>20538</v>
      </c>
      <c r="B5291" s="1" t="s">
        <v>52236</v>
      </c>
      <c r="C5291" s="1" t="s">
        <v>20539</v>
      </c>
      <c r="D5291" s="2">
        <v>158119</v>
      </c>
      <c r="E5291" s="1" t="s">
        <v>0</v>
      </c>
    </row>
    <row r="5292" spans="1:5" x14ac:dyDescent="0.25">
      <c r="A5292" s="2">
        <v>1058</v>
      </c>
      <c r="B5292" s="2">
        <v>1058</v>
      </c>
      <c r="C5292" s="1" t="s">
        <v>0</v>
      </c>
      <c r="D5292" s="2">
        <v>158120</v>
      </c>
      <c r="E5292" s="1" t="s">
        <v>0</v>
      </c>
    </row>
    <row r="5293" spans="1:5" x14ac:dyDescent="0.25">
      <c r="A5293" s="1" t="s">
        <v>984</v>
      </c>
      <c r="B5293" s="1" t="s">
        <v>6509</v>
      </c>
      <c r="C5293" s="1" t="s">
        <v>20540</v>
      </c>
      <c r="D5293" s="2">
        <v>158121</v>
      </c>
      <c r="E5293" s="1" t="s">
        <v>0</v>
      </c>
    </row>
    <row r="5294" spans="1:5" x14ac:dyDescent="0.25">
      <c r="A5294" s="1" t="s">
        <v>20541</v>
      </c>
      <c r="B5294" s="1" t="s">
        <v>6510</v>
      </c>
      <c r="C5294" s="1" t="s">
        <v>20542</v>
      </c>
      <c r="D5294" s="2">
        <v>158122</v>
      </c>
      <c r="E5294" s="1" t="s">
        <v>0</v>
      </c>
    </row>
    <row r="5295" spans="1:5" ht="409.5" x14ac:dyDescent="0.25">
      <c r="A5295" s="4" t="s">
        <v>20543</v>
      </c>
      <c r="B5295" s="1" t="s">
        <v>60574</v>
      </c>
      <c r="C5295" s="1" t="s">
        <v>20544</v>
      </c>
      <c r="D5295" s="2">
        <v>158123</v>
      </c>
      <c r="E5295" s="1" t="s">
        <v>0</v>
      </c>
    </row>
    <row r="5296" spans="1:5" x14ac:dyDescent="0.25">
      <c r="A5296" s="1" t="s">
        <v>15303</v>
      </c>
      <c r="B5296" s="1" t="s">
        <v>60888</v>
      </c>
      <c r="C5296" s="1" t="s">
        <v>15304</v>
      </c>
      <c r="D5296" s="2">
        <v>158124</v>
      </c>
      <c r="E5296" s="1" t="s">
        <v>0</v>
      </c>
    </row>
    <row r="5297" spans="1:5" x14ac:dyDescent="0.25">
      <c r="A5297" s="2">
        <v>1059</v>
      </c>
      <c r="B5297" s="2">
        <v>1059</v>
      </c>
      <c r="C5297" s="1" t="s">
        <v>0</v>
      </c>
      <c r="D5297" s="2">
        <v>158125</v>
      </c>
      <c r="E5297" s="1" t="s">
        <v>0</v>
      </c>
    </row>
    <row r="5298" spans="1:5" x14ac:dyDescent="0.25">
      <c r="A5298" s="1" t="s">
        <v>20545</v>
      </c>
      <c r="B5298" s="1" t="s">
        <v>50503</v>
      </c>
      <c r="C5298" s="1" t="s">
        <v>20546</v>
      </c>
      <c r="D5298" s="2">
        <v>158126</v>
      </c>
      <c r="E5298" s="1" t="s">
        <v>0</v>
      </c>
    </row>
    <row r="5299" spans="1:5" x14ac:dyDescent="0.25">
      <c r="A5299" s="1" t="s">
        <v>64039</v>
      </c>
      <c r="B5299" s="1" t="s">
        <v>60979</v>
      </c>
      <c r="C5299" s="1" t="s">
        <v>20547</v>
      </c>
      <c r="D5299" s="2">
        <v>158127</v>
      </c>
      <c r="E5299" s="1" t="s">
        <v>0</v>
      </c>
    </row>
    <row r="5300" spans="1:5" ht="409.5" x14ac:dyDescent="0.25">
      <c r="A5300" s="4" t="s">
        <v>64040</v>
      </c>
      <c r="B5300" s="1" t="s">
        <v>60980</v>
      </c>
      <c r="C5300" s="1" t="s">
        <v>20548</v>
      </c>
      <c r="D5300" s="2">
        <v>158128</v>
      </c>
      <c r="E5300" s="1" t="s">
        <v>0</v>
      </c>
    </row>
    <row r="5301" spans="1:5" x14ac:dyDescent="0.25">
      <c r="A5301" s="1" t="s">
        <v>20549</v>
      </c>
      <c r="B5301" s="1" t="s">
        <v>52237</v>
      </c>
      <c r="C5301" s="1" t="s">
        <v>20550</v>
      </c>
      <c r="D5301" s="2">
        <v>158129</v>
      </c>
      <c r="E5301" s="1" t="s">
        <v>0</v>
      </c>
    </row>
    <row r="5302" spans="1:5" x14ac:dyDescent="0.25">
      <c r="A5302" s="2">
        <v>1060</v>
      </c>
      <c r="B5302" s="2">
        <v>1060</v>
      </c>
      <c r="C5302" s="1" t="s">
        <v>0</v>
      </c>
      <c r="D5302" s="2">
        <v>158130</v>
      </c>
      <c r="E5302" s="1" t="s">
        <v>0</v>
      </c>
    </row>
    <row r="5303" spans="1:5" x14ac:dyDescent="0.25">
      <c r="A5303" s="1" t="s">
        <v>985</v>
      </c>
      <c r="B5303" s="1" t="s">
        <v>6511</v>
      </c>
      <c r="C5303" s="1" t="s">
        <v>20551</v>
      </c>
      <c r="D5303" s="2">
        <v>158131</v>
      </c>
      <c r="E5303" s="1" t="s">
        <v>0</v>
      </c>
    </row>
    <row r="5304" spans="1:5" x14ac:dyDescent="0.25">
      <c r="A5304" s="1" t="s">
        <v>20552</v>
      </c>
      <c r="B5304" s="1" t="s">
        <v>6512</v>
      </c>
      <c r="C5304" s="1" t="s">
        <v>20553</v>
      </c>
      <c r="D5304" s="2">
        <v>158132</v>
      </c>
      <c r="E5304" s="1" t="s">
        <v>0</v>
      </c>
    </row>
    <row r="5305" spans="1:5" ht="409.5" x14ac:dyDescent="0.25">
      <c r="A5305" s="4" t="s">
        <v>20554</v>
      </c>
      <c r="B5305" s="1" t="s">
        <v>6513</v>
      </c>
      <c r="C5305" s="1" t="s">
        <v>20555</v>
      </c>
      <c r="D5305" s="2">
        <v>158133</v>
      </c>
      <c r="E5305" s="1" t="s">
        <v>0</v>
      </c>
    </row>
    <row r="5306" spans="1:5" x14ac:dyDescent="0.25">
      <c r="A5306" s="1" t="s">
        <v>20556</v>
      </c>
      <c r="B5306" s="1" t="s">
        <v>52238</v>
      </c>
      <c r="C5306" s="1" t="s">
        <v>20557</v>
      </c>
      <c r="D5306" s="2">
        <v>158134</v>
      </c>
      <c r="E5306" s="1" t="s">
        <v>0</v>
      </c>
    </row>
    <row r="5307" spans="1:5" x14ac:dyDescent="0.25">
      <c r="A5307" s="2">
        <v>1061</v>
      </c>
      <c r="B5307" s="2">
        <v>1061</v>
      </c>
      <c r="C5307" s="1" t="s">
        <v>0</v>
      </c>
      <c r="D5307" s="2">
        <v>158135</v>
      </c>
      <c r="E5307" s="1" t="s">
        <v>0</v>
      </c>
    </row>
    <row r="5308" spans="1:5" x14ac:dyDescent="0.25">
      <c r="A5308" s="1" t="s">
        <v>986</v>
      </c>
      <c r="B5308" s="1" t="s">
        <v>6514</v>
      </c>
      <c r="C5308" s="1" t="s">
        <v>20558</v>
      </c>
      <c r="D5308" s="2">
        <v>158136</v>
      </c>
      <c r="E5308" s="1" t="s">
        <v>0</v>
      </c>
    </row>
    <row r="5309" spans="1:5" x14ac:dyDescent="0.25">
      <c r="A5309" s="1" t="s">
        <v>20559</v>
      </c>
      <c r="B5309" s="1" t="s">
        <v>6515</v>
      </c>
      <c r="C5309" s="1" t="s">
        <v>20560</v>
      </c>
      <c r="D5309" s="2">
        <v>158137</v>
      </c>
      <c r="E5309" s="1" t="s">
        <v>0</v>
      </c>
    </row>
    <row r="5310" spans="1:5" ht="409.5" x14ac:dyDescent="0.25">
      <c r="A5310" s="4" t="s">
        <v>20561</v>
      </c>
      <c r="B5310" s="1" t="s">
        <v>6516</v>
      </c>
      <c r="C5310" s="1" t="s">
        <v>20562</v>
      </c>
      <c r="D5310" s="2">
        <v>158138</v>
      </c>
      <c r="E5310" s="1" t="s">
        <v>0</v>
      </c>
    </row>
    <row r="5311" spans="1:5" x14ac:dyDescent="0.25">
      <c r="A5311" s="1" t="s">
        <v>20563</v>
      </c>
      <c r="B5311" s="1" t="s">
        <v>6517</v>
      </c>
      <c r="C5311" s="1" t="s">
        <v>20564</v>
      </c>
      <c r="D5311" s="2">
        <v>158139</v>
      </c>
      <c r="E5311" s="1" t="s">
        <v>0</v>
      </c>
    </row>
    <row r="5312" spans="1:5" x14ac:dyDescent="0.25">
      <c r="A5312" s="2">
        <v>1062</v>
      </c>
      <c r="B5312" s="2">
        <v>1062</v>
      </c>
      <c r="C5312" s="1" t="s">
        <v>0</v>
      </c>
      <c r="D5312" s="2">
        <v>158140</v>
      </c>
      <c r="E5312" s="1" t="s">
        <v>0</v>
      </c>
    </row>
    <row r="5313" spans="1:5" x14ac:dyDescent="0.25">
      <c r="A5313" s="1" t="s">
        <v>987</v>
      </c>
      <c r="B5313" s="1" t="s">
        <v>52239</v>
      </c>
      <c r="C5313" s="1" t="s">
        <v>20565</v>
      </c>
      <c r="D5313" s="2">
        <v>158141</v>
      </c>
      <c r="E5313" s="1" t="s">
        <v>0</v>
      </c>
    </row>
    <row r="5314" spans="1:5" x14ac:dyDescent="0.25">
      <c r="A5314" s="1" t="s">
        <v>20566</v>
      </c>
      <c r="B5314" s="1" t="s">
        <v>50504</v>
      </c>
      <c r="C5314" s="1" t="s">
        <v>20567</v>
      </c>
      <c r="D5314" s="2">
        <v>158142</v>
      </c>
      <c r="E5314" s="1" t="s">
        <v>0</v>
      </c>
    </row>
    <row r="5315" spans="1:5" ht="409.5" x14ac:dyDescent="0.25">
      <c r="A5315" s="4" t="s">
        <v>20568</v>
      </c>
      <c r="B5315" s="1" t="s">
        <v>50505</v>
      </c>
      <c r="C5315" s="1" t="s">
        <v>20569</v>
      </c>
      <c r="D5315" s="2">
        <v>158143</v>
      </c>
      <c r="E5315" s="1" t="s">
        <v>0</v>
      </c>
    </row>
    <row r="5316" spans="1:5" x14ac:dyDescent="0.25">
      <c r="A5316" s="1" t="s">
        <v>20570</v>
      </c>
      <c r="B5316" s="1" t="s">
        <v>50506</v>
      </c>
      <c r="C5316" s="1" t="s">
        <v>20571</v>
      </c>
      <c r="D5316" s="2">
        <v>158144</v>
      </c>
      <c r="E5316" s="1" t="s">
        <v>0</v>
      </c>
    </row>
    <row r="5317" spans="1:5" x14ac:dyDescent="0.25">
      <c r="A5317" s="2">
        <v>1063</v>
      </c>
      <c r="B5317" s="2">
        <v>1063</v>
      </c>
      <c r="C5317" s="1" t="s">
        <v>0</v>
      </c>
      <c r="D5317" s="2">
        <v>158145</v>
      </c>
      <c r="E5317" s="1" t="s">
        <v>0</v>
      </c>
    </row>
    <row r="5318" spans="1:5" x14ac:dyDescent="0.25">
      <c r="A5318" s="1" t="s">
        <v>6518</v>
      </c>
      <c r="B5318" s="1" t="s">
        <v>52240</v>
      </c>
      <c r="C5318" s="1" t="s">
        <v>20572</v>
      </c>
      <c r="D5318" s="2">
        <v>158146</v>
      </c>
      <c r="E5318" s="1" t="s">
        <v>0</v>
      </c>
    </row>
    <row r="5319" spans="1:5" x14ac:dyDescent="0.25">
      <c r="A5319" s="1" t="s">
        <v>20573</v>
      </c>
      <c r="B5319" s="1" t="s">
        <v>52241</v>
      </c>
      <c r="C5319" s="1" t="s">
        <v>20574</v>
      </c>
      <c r="D5319" s="2">
        <v>158147</v>
      </c>
      <c r="E5319" s="1" t="s">
        <v>0</v>
      </c>
    </row>
    <row r="5320" spans="1:5" ht="409.5" x14ac:dyDescent="0.25">
      <c r="A5320" s="4" t="s">
        <v>20575</v>
      </c>
      <c r="B5320" s="1" t="s">
        <v>52242</v>
      </c>
      <c r="C5320" s="1" t="s">
        <v>20576</v>
      </c>
      <c r="D5320" s="2">
        <v>158148</v>
      </c>
      <c r="E5320" s="1" t="s">
        <v>0</v>
      </c>
    </row>
    <row r="5321" spans="1:5" x14ac:dyDescent="0.25">
      <c r="A5321" s="1" t="s">
        <v>20577</v>
      </c>
      <c r="B5321" s="1" t="s">
        <v>6519</v>
      </c>
      <c r="C5321" s="1" t="s">
        <v>20578</v>
      </c>
      <c r="D5321" s="2">
        <v>158149</v>
      </c>
      <c r="E5321" s="1" t="s">
        <v>0</v>
      </c>
    </row>
    <row r="5322" spans="1:5" x14ac:dyDescent="0.25">
      <c r="A5322" s="2">
        <v>1064</v>
      </c>
      <c r="B5322" s="2">
        <v>1064</v>
      </c>
      <c r="C5322" s="1" t="s">
        <v>0</v>
      </c>
      <c r="D5322" s="2">
        <v>158150</v>
      </c>
      <c r="E5322" s="1" t="s">
        <v>0</v>
      </c>
    </row>
    <row r="5323" spans="1:5" x14ac:dyDescent="0.25">
      <c r="A5323" s="1" t="s">
        <v>988</v>
      </c>
      <c r="B5323" s="1" t="s">
        <v>6520</v>
      </c>
      <c r="C5323" s="1" t="s">
        <v>20579</v>
      </c>
      <c r="D5323" s="2">
        <v>158151</v>
      </c>
      <c r="E5323" s="1" t="s">
        <v>0</v>
      </c>
    </row>
    <row r="5324" spans="1:5" x14ac:dyDescent="0.25">
      <c r="A5324" s="1" t="s">
        <v>20580</v>
      </c>
      <c r="B5324" s="1" t="s">
        <v>52243</v>
      </c>
      <c r="C5324" s="1" t="s">
        <v>20581</v>
      </c>
      <c r="D5324" s="2">
        <v>158152</v>
      </c>
      <c r="E5324" s="1" t="s">
        <v>0</v>
      </c>
    </row>
    <row r="5325" spans="1:5" ht="409.5" x14ac:dyDescent="0.25">
      <c r="A5325" s="4" t="s">
        <v>64041</v>
      </c>
      <c r="B5325" s="1" t="s">
        <v>57675</v>
      </c>
      <c r="C5325" s="1" t="s">
        <v>20582</v>
      </c>
      <c r="D5325" s="2">
        <v>158153</v>
      </c>
      <c r="E5325" s="1" t="s">
        <v>0</v>
      </c>
    </row>
    <row r="5326" spans="1:5" x14ac:dyDescent="0.25">
      <c r="A5326" s="1" t="s">
        <v>20583</v>
      </c>
      <c r="B5326" s="1" t="s">
        <v>52244</v>
      </c>
      <c r="C5326" s="1" t="s">
        <v>20584</v>
      </c>
      <c r="D5326" s="2">
        <v>158154</v>
      </c>
      <c r="E5326" s="1" t="s">
        <v>0</v>
      </c>
    </row>
    <row r="5327" spans="1:5" x14ac:dyDescent="0.25">
      <c r="A5327" s="2">
        <v>1065</v>
      </c>
      <c r="B5327" s="2">
        <v>1065</v>
      </c>
      <c r="C5327" s="1" t="s">
        <v>0</v>
      </c>
      <c r="D5327" s="2">
        <v>158155</v>
      </c>
      <c r="E5327" s="1" t="s">
        <v>0</v>
      </c>
    </row>
    <row r="5328" spans="1:5" x14ac:dyDescent="0.25">
      <c r="A5328" s="1" t="s">
        <v>989</v>
      </c>
      <c r="B5328" s="1" t="s">
        <v>6521</v>
      </c>
      <c r="C5328" s="1" t="s">
        <v>20585</v>
      </c>
      <c r="D5328" s="2">
        <v>158156</v>
      </c>
      <c r="E5328" s="1" t="s">
        <v>0</v>
      </c>
    </row>
    <row r="5329" spans="1:5" x14ac:dyDescent="0.25">
      <c r="A5329" s="1" t="s">
        <v>20586</v>
      </c>
      <c r="B5329" s="1" t="s">
        <v>52245</v>
      </c>
      <c r="C5329" s="1" t="s">
        <v>20587</v>
      </c>
      <c r="D5329" s="2">
        <v>158157</v>
      </c>
      <c r="E5329" s="1" t="s">
        <v>0</v>
      </c>
    </row>
    <row r="5330" spans="1:5" ht="409.5" x14ac:dyDescent="0.25">
      <c r="A5330" s="4" t="s">
        <v>20588</v>
      </c>
      <c r="B5330" s="1" t="s">
        <v>60981</v>
      </c>
      <c r="C5330" s="1" t="s">
        <v>20589</v>
      </c>
      <c r="D5330" s="2">
        <v>158158</v>
      </c>
      <c r="E5330" s="1" t="s">
        <v>0</v>
      </c>
    </row>
    <row r="5331" spans="1:5" x14ac:dyDescent="0.25">
      <c r="A5331" s="1" t="s">
        <v>20590</v>
      </c>
      <c r="B5331" s="1" t="s">
        <v>6522</v>
      </c>
      <c r="C5331" s="1" t="s">
        <v>20591</v>
      </c>
      <c r="D5331" s="2">
        <v>158159</v>
      </c>
      <c r="E5331" s="1" t="s">
        <v>0</v>
      </c>
    </row>
    <row r="5332" spans="1:5" x14ac:dyDescent="0.25">
      <c r="A5332" s="2">
        <v>1066</v>
      </c>
      <c r="B5332" s="2">
        <v>1066</v>
      </c>
      <c r="C5332" s="1" t="s">
        <v>0</v>
      </c>
      <c r="D5332" s="2">
        <v>158160</v>
      </c>
      <c r="E5332" s="1" t="s">
        <v>0</v>
      </c>
    </row>
    <row r="5333" spans="1:5" x14ac:dyDescent="0.25">
      <c r="A5333" s="1" t="s">
        <v>990</v>
      </c>
      <c r="B5333" s="1" t="s">
        <v>52246</v>
      </c>
      <c r="C5333" s="1" t="s">
        <v>20592</v>
      </c>
      <c r="D5333" s="2">
        <v>158161</v>
      </c>
      <c r="E5333" s="1" t="s">
        <v>0</v>
      </c>
    </row>
    <row r="5334" spans="1:5" x14ac:dyDescent="0.25">
      <c r="A5334" s="1" t="s">
        <v>20593</v>
      </c>
      <c r="B5334" s="1" t="s">
        <v>52247</v>
      </c>
      <c r="C5334" s="1" t="s">
        <v>20594</v>
      </c>
      <c r="D5334" s="2">
        <v>158162</v>
      </c>
      <c r="E5334" s="1" t="s">
        <v>0</v>
      </c>
    </row>
    <row r="5335" spans="1:5" ht="409.5" x14ac:dyDescent="0.25">
      <c r="A5335" s="4" t="s">
        <v>20595</v>
      </c>
      <c r="B5335" s="1" t="s">
        <v>58238</v>
      </c>
      <c r="C5335" s="1" t="s">
        <v>20596</v>
      </c>
      <c r="D5335" s="2">
        <v>158163</v>
      </c>
      <c r="E5335" s="1" t="s">
        <v>0</v>
      </c>
    </row>
    <row r="5336" spans="1:5" x14ac:dyDescent="0.25">
      <c r="A5336" s="1" t="s">
        <v>20597</v>
      </c>
      <c r="B5336" s="1" t="s">
        <v>6523</v>
      </c>
      <c r="C5336" s="1" t="s">
        <v>20598</v>
      </c>
      <c r="D5336" s="2">
        <v>158164</v>
      </c>
      <c r="E5336" s="1" t="s">
        <v>0</v>
      </c>
    </row>
    <row r="5337" spans="1:5" x14ac:dyDescent="0.25">
      <c r="A5337" s="2">
        <v>1067</v>
      </c>
      <c r="B5337" s="2">
        <v>1067</v>
      </c>
      <c r="C5337" s="1" t="s">
        <v>0</v>
      </c>
      <c r="D5337" s="2">
        <v>158165</v>
      </c>
      <c r="E5337" s="1" t="s">
        <v>0</v>
      </c>
    </row>
    <row r="5338" spans="1:5" x14ac:dyDescent="0.25">
      <c r="A5338" s="1" t="s">
        <v>991</v>
      </c>
      <c r="B5338" s="1" t="s">
        <v>6524</v>
      </c>
      <c r="C5338" s="1" t="s">
        <v>20599</v>
      </c>
      <c r="D5338" s="2">
        <v>158166</v>
      </c>
      <c r="E5338" s="1" t="s">
        <v>0</v>
      </c>
    </row>
    <row r="5339" spans="1:5" x14ac:dyDescent="0.25">
      <c r="A5339" s="1" t="s">
        <v>20600</v>
      </c>
      <c r="B5339" s="1" t="s">
        <v>6525</v>
      </c>
      <c r="C5339" s="1" t="s">
        <v>20601</v>
      </c>
      <c r="D5339" s="2">
        <v>158167</v>
      </c>
      <c r="E5339" s="1" t="s">
        <v>0</v>
      </c>
    </row>
    <row r="5340" spans="1:5" ht="409.5" x14ac:dyDescent="0.25">
      <c r="A5340" s="4" t="s">
        <v>20602</v>
      </c>
      <c r="B5340" s="1" t="s">
        <v>6526</v>
      </c>
      <c r="C5340" s="1" t="s">
        <v>20603</v>
      </c>
      <c r="D5340" s="2">
        <v>158168</v>
      </c>
      <c r="E5340" s="1" t="s">
        <v>0</v>
      </c>
    </row>
    <row r="5341" spans="1:5" x14ac:dyDescent="0.25">
      <c r="A5341" s="1" t="s">
        <v>20604</v>
      </c>
      <c r="B5341" s="1" t="s">
        <v>52248</v>
      </c>
      <c r="C5341" s="1" t="s">
        <v>20605</v>
      </c>
      <c r="D5341" s="2">
        <v>158169</v>
      </c>
      <c r="E5341" s="1" t="s">
        <v>0</v>
      </c>
    </row>
    <row r="5342" spans="1:5" x14ac:dyDescent="0.25">
      <c r="A5342" s="2">
        <v>1068</v>
      </c>
      <c r="B5342" s="2">
        <v>1068</v>
      </c>
      <c r="C5342" s="1" t="s">
        <v>0</v>
      </c>
      <c r="D5342" s="2">
        <v>158170</v>
      </c>
      <c r="E5342" s="1" t="s">
        <v>0</v>
      </c>
    </row>
    <row r="5343" spans="1:5" x14ac:dyDescent="0.25">
      <c r="A5343" s="1" t="s">
        <v>992</v>
      </c>
      <c r="B5343" s="1" t="s">
        <v>56920</v>
      </c>
      <c r="C5343" s="1" t="s">
        <v>20606</v>
      </c>
      <c r="D5343" s="2">
        <v>158171</v>
      </c>
      <c r="E5343" s="1" t="s">
        <v>0</v>
      </c>
    </row>
    <row r="5344" spans="1:5" x14ac:dyDescent="0.25">
      <c r="A5344" s="1" t="s">
        <v>20607</v>
      </c>
      <c r="B5344" s="1" t="s">
        <v>6527</v>
      </c>
      <c r="C5344" s="1" t="s">
        <v>20608</v>
      </c>
      <c r="D5344" s="2">
        <v>158172</v>
      </c>
      <c r="E5344" s="1" t="s">
        <v>0</v>
      </c>
    </row>
    <row r="5345" spans="1:5" ht="409.5" x14ac:dyDescent="0.25">
      <c r="A5345" s="4" t="s">
        <v>20609</v>
      </c>
      <c r="B5345" s="1" t="s">
        <v>62175</v>
      </c>
      <c r="C5345" s="1" t="s">
        <v>20610</v>
      </c>
      <c r="D5345" s="2">
        <v>158173</v>
      </c>
      <c r="E5345" s="1" t="s">
        <v>0</v>
      </c>
    </row>
    <row r="5346" spans="1:5" x14ac:dyDescent="0.25">
      <c r="A5346" s="1" t="s">
        <v>20611</v>
      </c>
      <c r="B5346" s="1" t="s">
        <v>52249</v>
      </c>
      <c r="C5346" s="1" t="s">
        <v>20612</v>
      </c>
      <c r="D5346" s="2">
        <v>158174</v>
      </c>
      <c r="E5346" s="1" t="s">
        <v>0</v>
      </c>
    </row>
    <row r="5347" spans="1:5" x14ac:dyDescent="0.25">
      <c r="A5347" s="2">
        <v>1069</v>
      </c>
      <c r="B5347" s="2">
        <v>1069</v>
      </c>
      <c r="C5347" s="1" t="s">
        <v>0</v>
      </c>
      <c r="D5347" s="2">
        <v>158175</v>
      </c>
      <c r="E5347" s="1" t="s">
        <v>0</v>
      </c>
    </row>
    <row r="5348" spans="1:5" x14ac:dyDescent="0.25">
      <c r="A5348" s="1" t="s">
        <v>993</v>
      </c>
      <c r="B5348" s="1" t="s">
        <v>6528</v>
      </c>
      <c r="C5348" s="1" t="s">
        <v>20613</v>
      </c>
      <c r="D5348" s="2">
        <v>158176</v>
      </c>
      <c r="E5348" s="1" t="s">
        <v>0</v>
      </c>
    </row>
    <row r="5349" spans="1:5" x14ac:dyDescent="0.25">
      <c r="A5349" s="1" t="s">
        <v>64042</v>
      </c>
      <c r="B5349" s="1" t="s">
        <v>20614</v>
      </c>
      <c r="C5349" s="1" t="s">
        <v>20615</v>
      </c>
      <c r="D5349" s="2">
        <v>158177</v>
      </c>
      <c r="E5349" s="1" t="s">
        <v>0</v>
      </c>
    </row>
    <row r="5350" spans="1:5" ht="409.5" x14ac:dyDescent="0.25">
      <c r="A5350" s="4" t="s">
        <v>64043</v>
      </c>
      <c r="B5350" s="1" t="s">
        <v>52250</v>
      </c>
      <c r="C5350" s="1" t="s">
        <v>20616</v>
      </c>
      <c r="D5350" s="2">
        <v>158178</v>
      </c>
      <c r="E5350" s="1" t="s">
        <v>0</v>
      </c>
    </row>
    <row r="5351" spans="1:5" x14ac:dyDescent="0.25">
      <c r="A5351" s="1" t="s">
        <v>20617</v>
      </c>
      <c r="B5351" s="1" t="s">
        <v>6529</v>
      </c>
      <c r="C5351" s="1" t="s">
        <v>20618</v>
      </c>
      <c r="D5351" s="2">
        <v>158179</v>
      </c>
      <c r="E5351" s="1" t="s">
        <v>0</v>
      </c>
    </row>
    <row r="5352" spans="1:5" x14ac:dyDescent="0.25">
      <c r="A5352" s="2">
        <v>1070</v>
      </c>
      <c r="B5352" s="2">
        <v>1070</v>
      </c>
      <c r="C5352" s="1" t="s">
        <v>0</v>
      </c>
      <c r="D5352" s="2">
        <v>158180</v>
      </c>
      <c r="E5352" s="1" t="s">
        <v>0</v>
      </c>
    </row>
    <row r="5353" spans="1:5" x14ac:dyDescent="0.25">
      <c r="A5353" s="1" t="s">
        <v>994</v>
      </c>
      <c r="B5353" s="1" t="s">
        <v>6530</v>
      </c>
      <c r="C5353" s="1" t="s">
        <v>20619</v>
      </c>
      <c r="D5353" s="2">
        <v>158181</v>
      </c>
      <c r="E5353" s="1" t="s">
        <v>0</v>
      </c>
    </row>
    <row r="5354" spans="1:5" x14ac:dyDescent="0.25">
      <c r="A5354" s="1" t="s">
        <v>20620</v>
      </c>
      <c r="B5354" s="1" t="s">
        <v>6531</v>
      </c>
      <c r="C5354" s="1" t="s">
        <v>20621</v>
      </c>
      <c r="D5354" s="2">
        <v>158182</v>
      </c>
      <c r="E5354" s="1" t="s">
        <v>0</v>
      </c>
    </row>
    <row r="5355" spans="1:5" ht="409.5" x14ac:dyDescent="0.25">
      <c r="A5355" s="4" t="s">
        <v>20622</v>
      </c>
      <c r="B5355" s="1" t="s">
        <v>60403</v>
      </c>
      <c r="C5355" s="1" t="s">
        <v>20623</v>
      </c>
      <c r="D5355" s="2">
        <v>158183</v>
      </c>
      <c r="E5355" s="1" t="s">
        <v>0</v>
      </c>
    </row>
    <row r="5356" spans="1:5" x14ac:dyDescent="0.25">
      <c r="A5356" s="1" t="s">
        <v>20624</v>
      </c>
      <c r="B5356" s="1" t="s">
        <v>52251</v>
      </c>
      <c r="C5356" s="1" t="s">
        <v>20625</v>
      </c>
      <c r="D5356" s="2">
        <v>158184</v>
      </c>
      <c r="E5356" s="1" t="s">
        <v>0</v>
      </c>
    </row>
    <row r="5357" spans="1:5" x14ac:dyDescent="0.25">
      <c r="A5357" s="2">
        <v>1071</v>
      </c>
      <c r="B5357" s="2">
        <v>1071</v>
      </c>
      <c r="C5357" s="1" t="s">
        <v>0</v>
      </c>
      <c r="D5357" s="2">
        <v>158185</v>
      </c>
      <c r="E5357" s="1" t="s">
        <v>0</v>
      </c>
    </row>
    <row r="5358" spans="1:5" x14ac:dyDescent="0.25">
      <c r="A5358" s="1" t="s">
        <v>995</v>
      </c>
      <c r="B5358" s="1" t="s">
        <v>59839</v>
      </c>
      <c r="C5358" s="1" t="s">
        <v>20626</v>
      </c>
      <c r="D5358" s="2">
        <v>158186</v>
      </c>
      <c r="E5358" s="1" t="s">
        <v>0</v>
      </c>
    </row>
    <row r="5359" spans="1:5" x14ac:dyDescent="0.25">
      <c r="A5359" s="1" t="s">
        <v>20627</v>
      </c>
      <c r="B5359" s="1" t="s">
        <v>52252</v>
      </c>
      <c r="C5359" s="1" t="s">
        <v>20628</v>
      </c>
      <c r="D5359" s="2">
        <v>158187</v>
      </c>
      <c r="E5359" s="1" t="s">
        <v>0</v>
      </c>
    </row>
    <row r="5360" spans="1:5" ht="409.5" x14ac:dyDescent="0.25">
      <c r="A5360" s="4" t="s">
        <v>20629</v>
      </c>
      <c r="B5360" s="1" t="s">
        <v>52253</v>
      </c>
      <c r="C5360" s="1" t="s">
        <v>20630</v>
      </c>
      <c r="D5360" s="2">
        <v>158188</v>
      </c>
      <c r="E5360" s="1" t="s">
        <v>0</v>
      </c>
    </row>
    <row r="5361" spans="1:5" x14ac:dyDescent="0.25">
      <c r="A5361" s="1" t="s">
        <v>13413</v>
      </c>
      <c r="B5361" s="1" t="s">
        <v>60845</v>
      </c>
      <c r="C5361" s="1" t="s">
        <v>13414</v>
      </c>
      <c r="D5361" s="2">
        <v>158189</v>
      </c>
      <c r="E5361" s="1" t="s">
        <v>0</v>
      </c>
    </row>
    <row r="5362" spans="1:5" x14ac:dyDescent="0.25">
      <c r="A5362" s="2">
        <v>1072</v>
      </c>
      <c r="B5362" s="2">
        <v>1072</v>
      </c>
      <c r="C5362" s="1" t="s">
        <v>0</v>
      </c>
      <c r="D5362" s="2">
        <v>158190</v>
      </c>
      <c r="E5362" s="1" t="s">
        <v>0</v>
      </c>
    </row>
    <row r="5363" spans="1:5" x14ac:dyDescent="0.25">
      <c r="A5363" s="1" t="s">
        <v>996</v>
      </c>
      <c r="B5363" s="1" t="s">
        <v>6532</v>
      </c>
      <c r="C5363" s="1" t="s">
        <v>20631</v>
      </c>
      <c r="D5363" s="2">
        <v>158191</v>
      </c>
      <c r="E5363" s="1" t="s">
        <v>0</v>
      </c>
    </row>
    <row r="5364" spans="1:5" x14ac:dyDescent="0.25">
      <c r="A5364" s="1" t="s">
        <v>20632</v>
      </c>
      <c r="B5364" s="1" t="s">
        <v>6533</v>
      </c>
      <c r="C5364" s="1" t="s">
        <v>20633</v>
      </c>
      <c r="D5364" s="2">
        <v>158192</v>
      </c>
      <c r="E5364" s="1" t="s">
        <v>0</v>
      </c>
    </row>
    <row r="5365" spans="1:5" ht="409.5" x14ac:dyDescent="0.25">
      <c r="A5365" s="4" t="s">
        <v>20634</v>
      </c>
      <c r="B5365" s="1" t="s">
        <v>6534</v>
      </c>
      <c r="C5365" s="1" t="s">
        <v>20635</v>
      </c>
      <c r="D5365" s="2">
        <v>158193</v>
      </c>
      <c r="E5365" s="1" t="s">
        <v>0</v>
      </c>
    </row>
    <row r="5366" spans="1:5" x14ac:dyDescent="0.25">
      <c r="A5366" s="1" t="s">
        <v>20636</v>
      </c>
      <c r="B5366" s="1" t="s">
        <v>6535</v>
      </c>
      <c r="C5366" s="1" t="s">
        <v>20637</v>
      </c>
      <c r="D5366" s="2">
        <v>158194</v>
      </c>
      <c r="E5366" s="1" t="s">
        <v>0</v>
      </c>
    </row>
    <row r="5367" spans="1:5" x14ac:dyDescent="0.25">
      <c r="A5367" s="2">
        <v>1073</v>
      </c>
      <c r="B5367" s="2">
        <v>1073</v>
      </c>
      <c r="C5367" s="1" t="s">
        <v>0</v>
      </c>
      <c r="D5367" s="2">
        <v>158195</v>
      </c>
      <c r="E5367" s="1" t="s">
        <v>0</v>
      </c>
    </row>
    <row r="5368" spans="1:5" x14ac:dyDescent="0.25">
      <c r="A5368" s="1" t="s">
        <v>997</v>
      </c>
      <c r="B5368" s="1" t="s">
        <v>6536</v>
      </c>
      <c r="C5368" s="1" t="s">
        <v>20638</v>
      </c>
      <c r="D5368" s="2">
        <v>158196</v>
      </c>
      <c r="E5368" s="1" t="s">
        <v>0</v>
      </c>
    </row>
    <row r="5369" spans="1:5" x14ac:dyDescent="0.25">
      <c r="A5369" s="1" t="s">
        <v>20639</v>
      </c>
      <c r="B5369" s="1" t="s">
        <v>52254</v>
      </c>
      <c r="C5369" s="1" t="s">
        <v>20640</v>
      </c>
      <c r="D5369" s="2">
        <v>158197</v>
      </c>
      <c r="E5369" s="1" t="s">
        <v>0</v>
      </c>
    </row>
    <row r="5370" spans="1:5" ht="409.5" x14ac:dyDescent="0.25">
      <c r="A5370" s="4" t="s">
        <v>20641</v>
      </c>
      <c r="B5370" s="1" t="s">
        <v>59576</v>
      </c>
      <c r="C5370" s="1" t="s">
        <v>20642</v>
      </c>
      <c r="D5370" s="2">
        <v>158198</v>
      </c>
      <c r="E5370" s="1" t="s">
        <v>0</v>
      </c>
    </row>
    <row r="5371" spans="1:5" x14ac:dyDescent="0.25">
      <c r="A5371" s="1" t="s">
        <v>20643</v>
      </c>
      <c r="B5371" s="1" t="s">
        <v>52255</v>
      </c>
      <c r="C5371" s="1" t="s">
        <v>20644</v>
      </c>
      <c r="D5371" s="2">
        <v>158199</v>
      </c>
      <c r="E5371" s="1" t="s">
        <v>0</v>
      </c>
    </row>
    <row r="5372" spans="1:5" x14ac:dyDescent="0.25">
      <c r="A5372" s="2">
        <v>1074</v>
      </c>
      <c r="B5372" s="2">
        <v>1074</v>
      </c>
      <c r="C5372" s="1" t="s">
        <v>0</v>
      </c>
      <c r="D5372" s="2">
        <v>158200</v>
      </c>
      <c r="E5372" s="1" t="s">
        <v>0</v>
      </c>
    </row>
    <row r="5373" spans="1:5" x14ac:dyDescent="0.25">
      <c r="A5373" s="1" t="s">
        <v>998</v>
      </c>
      <c r="B5373" s="1" t="s">
        <v>6537</v>
      </c>
      <c r="C5373" s="1" t="s">
        <v>20645</v>
      </c>
      <c r="D5373" s="2">
        <v>158201</v>
      </c>
      <c r="E5373" s="1" t="s">
        <v>0</v>
      </c>
    </row>
    <row r="5374" spans="1:5" x14ac:dyDescent="0.25">
      <c r="A5374" s="1" t="s">
        <v>20646</v>
      </c>
      <c r="B5374" s="1" t="s">
        <v>6538</v>
      </c>
      <c r="C5374" s="1" t="s">
        <v>20647</v>
      </c>
      <c r="D5374" s="2">
        <v>158202</v>
      </c>
      <c r="E5374" s="1" t="s">
        <v>0</v>
      </c>
    </row>
    <row r="5375" spans="1:5" ht="409.5" x14ac:dyDescent="0.25">
      <c r="A5375" s="4" t="s">
        <v>20648</v>
      </c>
      <c r="B5375" s="1" t="s">
        <v>57432</v>
      </c>
      <c r="C5375" s="1" t="s">
        <v>20649</v>
      </c>
      <c r="D5375" s="2">
        <v>158203</v>
      </c>
      <c r="E5375" s="1" t="s">
        <v>0</v>
      </c>
    </row>
    <row r="5376" spans="1:5" x14ac:dyDescent="0.25">
      <c r="A5376" s="1" t="s">
        <v>20650</v>
      </c>
      <c r="B5376" s="1" t="s">
        <v>52256</v>
      </c>
      <c r="C5376" s="1" t="s">
        <v>20651</v>
      </c>
      <c r="D5376" s="2">
        <v>158204</v>
      </c>
      <c r="E5376" s="1" t="s">
        <v>0</v>
      </c>
    </row>
    <row r="5377" spans="1:5" x14ac:dyDescent="0.25">
      <c r="A5377" s="2">
        <v>1075</v>
      </c>
      <c r="B5377" s="2">
        <v>1075</v>
      </c>
      <c r="C5377" s="1" t="s">
        <v>0</v>
      </c>
      <c r="D5377" s="2">
        <v>158205</v>
      </c>
      <c r="E5377" s="1" t="s">
        <v>0</v>
      </c>
    </row>
    <row r="5378" spans="1:5" x14ac:dyDescent="0.25">
      <c r="A5378" s="1" t="s">
        <v>999</v>
      </c>
      <c r="B5378" s="1" t="s">
        <v>6539</v>
      </c>
      <c r="C5378" s="1" t="s">
        <v>20652</v>
      </c>
      <c r="D5378" s="2">
        <v>158206</v>
      </c>
      <c r="E5378" s="1" t="s">
        <v>0</v>
      </c>
    </row>
    <row r="5379" spans="1:5" x14ac:dyDescent="0.25">
      <c r="A5379" s="1" t="s">
        <v>20653</v>
      </c>
      <c r="B5379" s="1" t="s">
        <v>52257</v>
      </c>
      <c r="C5379" s="1" t="s">
        <v>20654</v>
      </c>
      <c r="D5379" s="2">
        <v>158207</v>
      </c>
      <c r="E5379" s="1" t="s">
        <v>0</v>
      </c>
    </row>
    <row r="5380" spans="1:5" ht="409.5" x14ac:dyDescent="0.25">
      <c r="A5380" s="4" t="s">
        <v>20655</v>
      </c>
      <c r="B5380" s="1" t="s">
        <v>52258</v>
      </c>
      <c r="C5380" s="1" t="s">
        <v>20656</v>
      </c>
      <c r="D5380" s="2">
        <v>158208</v>
      </c>
      <c r="E5380" s="1" t="s">
        <v>0</v>
      </c>
    </row>
    <row r="5381" spans="1:5" x14ac:dyDescent="0.25">
      <c r="A5381" s="1" t="s">
        <v>20657</v>
      </c>
      <c r="B5381" s="1" t="s">
        <v>60982</v>
      </c>
      <c r="C5381" s="1" t="s">
        <v>20658</v>
      </c>
      <c r="D5381" s="2">
        <v>158209</v>
      </c>
      <c r="E5381" s="1" t="s">
        <v>0</v>
      </c>
    </row>
    <row r="5382" spans="1:5" x14ac:dyDescent="0.25">
      <c r="A5382" s="2">
        <v>1076</v>
      </c>
      <c r="B5382" s="2">
        <v>1076</v>
      </c>
      <c r="C5382" s="1" t="s">
        <v>0</v>
      </c>
      <c r="D5382" s="2">
        <v>158210</v>
      </c>
      <c r="E5382" s="1" t="s">
        <v>0</v>
      </c>
    </row>
    <row r="5383" spans="1:5" x14ac:dyDescent="0.25">
      <c r="A5383" s="1" t="s">
        <v>1000</v>
      </c>
      <c r="B5383" s="1" t="s">
        <v>6540</v>
      </c>
      <c r="C5383" s="1" t="s">
        <v>20659</v>
      </c>
      <c r="D5383" s="2">
        <v>158211</v>
      </c>
      <c r="E5383" s="1" t="s">
        <v>0</v>
      </c>
    </row>
    <row r="5384" spans="1:5" x14ac:dyDescent="0.25">
      <c r="A5384" s="1" t="s">
        <v>20660</v>
      </c>
      <c r="B5384" s="1" t="s">
        <v>56716</v>
      </c>
      <c r="C5384" s="1" t="s">
        <v>20661</v>
      </c>
      <c r="D5384" s="2">
        <v>158212</v>
      </c>
      <c r="E5384" s="1" t="s">
        <v>0</v>
      </c>
    </row>
    <row r="5385" spans="1:5" ht="409.5" x14ac:dyDescent="0.25">
      <c r="A5385" s="4" t="s">
        <v>64044</v>
      </c>
      <c r="B5385" s="1" t="s">
        <v>56717</v>
      </c>
      <c r="C5385" s="1" t="s">
        <v>20662</v>
      </c>
      <c r="D5385" s="2">
        <v>158213</v>
      </c>
      <c r="E5385" s="1" t="s">
        <v>0</v>
      </c>
    </row>
    <row r="5386" spans="1:5" x14ac:dyDescent="0.25">
      <c r="A5386" s="1" t="s">
        <v>20663</v>
      </c>
      <c r="B5386" s="1" t="s">
        <v>56718</v>
      </c>
      <c r="C5386" s="1" t="s">
        <v>20664</v>
      </c>
      <c r="D5386" s="2">
        <v>158214</v>
      </c>
      <c r="E5386" s="1" t="s">
        <v>0</v>
      </c>
    </row>
    <row r="5387" spans="1:5" x14ac:dyDescent="0.25">
      <c r="A5387" s="2">
        <v>1077</v>
      </c>
      <c r="B5387" s="2">
        <v>1077</v>
      </c>
      <c r="C5387" s="1" t="s">
        <v>0</v>
      </c>
      <c r="D5387" s="2">
        <v>158215</v>
      </c>
      <c r="E5387" s="1" t="s">
        <v>0</v>
      </c>
    </row>
    <row r="5388" spans="1:5" x14ac:dyDescent="0.25">
      <c r="A5388" s="1" t="s">
        <v>1001</v>
      </c>
      <c r="B5388" s="1" t="s">
        <v>50507</v>
      </c>
      <c r="C5388" s="1" t="s">
        <v>20665</v>
      </c>
      <c r="D5388" s="2">
        <v>158216</v>
      </c>
      <c r="E5388" s="1" t="s">
        <v>0</v>
      </c>
    </row>
    <row r="5389" spans="1:5" x14ac:dyDescent="0.25">
      <c r="A5389" s="1" t="s">
        <v>20666</v>
      </c>
      <c r="B5389" s="1" t="s">
        <v>52259</v>
      </c>
      <c r="C5389" s="1" t="s">
        <v>20667</v>
      </c>
      <c r="D5389" s="2">
        <v>158217</v>
      </c>
      <c r="E5389" s="1" t="s">
        <v>0</v>
      </c>
    </row>
    <row r="5390" spans="1:5" ht="409.5" x14ac:dyDescent="0.25">
      <c r="A5390" s="4" t="s">
        <v>64045</v>
      </c>
      <c r="B5390" s="1" t="s">
        <v>52260</v>
      </c>
      <c r="C5390" s="1" t="s">
        <v>20668</v>
      </c>
      <c r="D5390" s="2">
        <v>158218</v>
      </c>
      <c r="E5390" s="1" t="s">
        <v>0</v>
      </c>
    </row>
    <row r="5391" spans="1:5" x14ac:dyDescent="0.25">
      <c r="A5391" s="1" t="s">
        <v>13413</v>
      </c>
      <c r="B5391" s="1" t="s">
        <v>60845</v>
      </c>
      <c r="C5391" s="1" t="s">
        <v>13414</v>
      </c>
      <c r="D5391" s="2">
        <v>158219</v>
      </c>
      <c r="E5391" s="1" t="s">
        <v>0</v>
      </c>
    </row>
    <row r="5392" spans="1:5" x14ac:dyDescent="0.25">
      <c r="A5392" s="2">
        <v>1078</v>
      </c>
      <c r="B5392" s="2">
        <v>1078</v>
      </c>
      <c r="C5392" s="1" t="s">
        <v>0</v>
      </c>
      <c r="D5392" s="2">
        <v>158220</v>
      </c>
      <c r="E5392" s="1" t="s">
        <v>0</v>
      </c>
    </row>
    <row r="5393" spans="1:5" x14ac:dyDescent="0.25">
      <c r="A5393" s="1" t="s">
        <v>1002</v>
      </c>
      <c r="B5393" s="1" t="s">
        <v>6541</v>
      </c>
      <c r="C5393" s="1" t="s">
        <v>20669</v>
      </c>
      <c r="D5393" s="2">
        <v>158221</v>
      </c>
      <c r="E5393" s="1" t="s">
        <v>0</v>
      </c>
    </row>
    <row r="5394" spans="1:5" x14ac:dyDescent="0.25">
      <c r="A5394" s="1" t="s">
        <v>64046</v>
      </c>
      <c r="B5394" s="1" t="s">
        <v>63243</v>
      </c>
      <c r="C5394" s="1" t="s">
        <v>20670</v>
      </c>
      <c r="D5394" s="2">
        <v>158222</v>
      </c>
      <c r="E5394" s="1" t="s">
        <v>0</v>
      </c>
    </row>
    <row r="5395" spans="1:5" ht="409.5" x14ac:dyDescent="0.25">
      <c r="A5395" s="4" t="s">
        <v>64047</v>
      </c>
      <c r="B5395" s="1" t="s">
        <v>63244</v>
      </c>
      <c r="C5395" s="1" t="s">
        <v>20671</v>
      </c>
      <c r="D5395" s="2">
        <v>158223</v>
      </c>
      <c r="E5395" s="1" t="s">
        <v>0</v>
      </c>
    </row>
    <row r="5396" spans="1:5" x14ac:dyDescent="0.25">
      <c r="A5396" s="1" t="s">
        <v>20672</v>
      </c>
      <c r="B5396" s="1" t="s">
        <v>60983</v>
      </c>
      <c r="C5396" s="1" t="s">
        <v>20673</v>
      </c>
      <c r="D5396" s="2">
        <v>158224</v>
      </c>
      <c r="E5396" s="1" t="s">
        <v>0</v>
      </c>
    </row>
    <row r="5397" spans="1:5" x14ac:dyDescent="0.25">
      <c r="A5397" s="2">
        <v>1079</v>
      </c>
      <c r="B5397" s="2">
        <v>1079</v>
      </c>
      <c r="C5397" s="1" t="s">
        <v>0</v>
      </c>
      <c r="D5397" s="2">
        <v>158225</v>
      </c>
      <c r="E5397" s="1" t="s">
        <v>0</v>
      </c>
    </row>
    <row r="5398" spans="1:5" x14ac:dyDescent="0.25">
      <c r="A5398" s="1" t="s">
        <v>1003</v>
      </c>
      <c r="B5398" s="1" t="s">
        <v>6542</v>
      </c>
      <c r="C5398" s="1" t="s">
        <v>20674</v>
      </c>
      <c r="D5398" s="2">
        <v>158226</v>
      </c>
      <c r="E5398" s="1" t="s">
        <v>0</v>
      </c>
    </row>
    <row r="5399" spans="1:5" x14ac:dyDescent="0.25">
      <c r="A5399" s="1" t="s">
        <v>20675</v>
      </c>
      <c r="B5399" s="1" t="s">
        <v>6543</v>
      </c>
      <c r="C5399" s="1" t="s">
        <v>20676</v>
      </c>
      <c r="D5399" s="2">
        <v>158227</v>
      </c>
      <c r="E5399" s="1" t="s">
        <v>0</v>
      </c>
    </row>
    <row r="5400" spans="1:5" ht="409.5" x14ac:dyDescent="0.25">
      <c r="A5400" s="4" t="s">
        <v>20677</v>
      </c>
      <c r="B5400" s="1" t="s">
        <v>52261</v>
      </c>
      <c r="C5400" s="1" t="s">
        <v>20678</v>
      </c>
      <c r="D5400" s="2">
        <v>158228</v>
      </c>
      <c r="E5400" s="1" t="s">
        <v>0</v>
      </c>
    </row>
    <row r="5401" spans="1:5" x14ac:dyDescent="0.25">
      <c r="A5401" s="1" t="s">
        <v>20679</v>
      </c>
      <c r="B5401" s="1" t="s">
        <v>52262</v>
      </c>
      <c r="C5401" s="1" t="s">
        <v>20680</v>
      </c>
      <c r="D5401" s="2">
        <v>158229</v>
      </c>
      <c r="E5401" s="1" t="s">
        <v>0</v>
      </c>
    </row>
    <row r="5402" spans="1:5" x14ac:dyDescent="0.25">
      <c r="A5402" s="2">
        <v>1080</v>
      </c>
      <c r="B5402" s="2">
        <v>1080</v>
      </c>
      <c r="C5402" s="1" t="s">
        <v>0</v>
      </c>
      <c r="D5402" s="2">
        <v>158230</v>
      </c>
      <c r="E5402" s="1" t="s">
        <v>0</v>
      </c>
    </row>
    <row r="5403" spans="1:5" x14ac:dyDescent="0.25">
      <c r="A5403" s="1" t="s">
        <v>1004</v>
      </c>
      <c r="B5403" s="1" t="s">
        <v>6544</v>
      </c>
      <c r="C5403" s="1" t="s">
        <v>20681</v>
      </c>
      <c r="D5403" s="2">
        <v>158231</v>
      </c>
      <c r="E5403" s="1" t="s">
        <v>0</v>
      </c>
    </row>
    <row r="5404" spans="1:5" x14ac:dyDescent="0.25">
      <c r="A5404" s="1" t="s">
        <v>20682</v>
      </c>
      <c r="B5404" s="1" t="s">
        <v>61599</v>
      </c>
      <c r="C5404" s="1" t="s">
        <v>20683</v>
      </c>
      <c r="D5404" s="2">
        <v>158232</v>
      </c>
      <c r="E5404" s="1" t="s">
        <v>0</v>
      </c>
    </row>
    <row r="5405" spans="1:5" ht="409.5" x14ac:dyDescent="0.25">
      <c r="A5405" s="4" t="s">
        <v>20684</v>
      </c>
      <c r="B5405" s="1" t="s">
        <v>61600</v>
      </c>
      <c r="C5405" s="1" t="s">
        <v>20685</v>
      </c>
      <c r="D5405" s="2">
        <v>158233</v>
      </c>
      <c r="E5405" s="1" t="s">
        <v>0</v>
      </c>
    </row>
    <row r="5406" spans="1:5" x14ac:dyDescent="0.25">
      <c r="A5406" s="1" t="s">
        <v>20686</v>
      </c>
      <c r="B5406" s="1" t="s">
        <v>6545</v>
      </c>
      <c r="C5406" s="1" t="s">
        <v>20687</v>
      </c>
      <c r="D5406" s="2">
        <v>158234</v>
      </c>
      <c r="E5406" s="1" t="s">
        <v>0</v>
      </c>
    </row>
    <row r="5407" spans="1:5" x14ac:dyDescent="0.25">
      <c r="A5407" s="2">
        <v>1081</v>
      </c>
      <c r="B5407" s="2">
        <v>1081</v>
      </c>
      <c r="C5407" s="1" t="s">
        <v>0</v>
      </c>
      <c r="D5407" s="2">
        <v>158235</v>
      </c>
      <c r="E5407" s="1" t="s">
        <v>0</v>
      </c>
    </row>
    <row r="5408" spans="1:5" x14ac:dyDescent="0.25">
      <c r="A5408" s="1" t="s">
        <v>1005</v>
      </c>
      <c r="B5408" s="1" t="s">
        <v>6546</v>
      </c>
      <c r="C5408" s="1" t="s">
        <v>20688</v>
      </c>
      <c r="D5408" s="2">
        <v>158236</v>
      </c>
      <c r="E5408" s="1" t="s">
        <v>0</v>
      </c>
    </row>
    <row r="5409" spans="1:5" x14ac:dyDescent="0.25">
      <c r="A5409" s="1" t="s">
        <v>20689</v>
      </c>
      <c r="B5409" s="1" t="s">
        <v>62176</v>
      </c>
      <c r="C5409" s="1" t="s">
        <v>20690</v>
      </c>
      <c r="D5409" s="2">
        <v>158237</v>
      </c>
      <c r="E5409" s="1" t="s">
        <v>0</v>
      </c>
    </row>
    <row r="5410" spans="1:5" ht="409.5" x14ac:dyDescent="0.25">
      <c r="A5410" s="4" t="s">
        <v>20691</v>
      </c>
      <c r="B5410" s="1" t="s">
        <v>62177</v>
      </c>
      <c r="C5410" s="1" t="s">
        <v>20692</v>
      </c>
      <c r="D5410" s="2">
        <v>158238</v>
      </c>
      <c r="E5410" s="1" t="s">
        <v>0</v>
      </c>
    </row>
    <row r="5411" spans="1:5" x14ac:dyDescent="0.25">
      <c r="A5411" s="1" t="s">
        <v>20693</v>
      </c>
      <c r="B5411" s="1" t="s">
        <v>52263</v>
      </c>
      <c r="C5411" s="1" t="s">
        <v>13435</v>
      </c>
      <c r="D5411" s="2">
        <v>158239</v>
      </c>
      <c r="E5411" s="1" t="s">
        <v>0</v>
      </c>
    </row>
    <row r="5412" spans="1:5" x14ac:dyDescent="0.25">
      <c r="A5412" s="2">
        <v>1082</v>
      </c>
      <c r="B5412" s="2">
        <v>1082</v>
      </c>
      <c r="C5412" s="1" t="s">
        <v>0</v>
      </c>
      <c r="D5412" s="2">
        <v>158240</v>
      </c>
      <c r="E5412" s="1" t="s">
        <v>0</v>
      </c>
    </row>
    <row r="5413" spans="1:5" x14ac:dyDescent="0.25">
      <c r="A5413" s="1" t="s">
        <v>1006</v>
      </c>
      <c r="B5413" s="1" t="s">
        <v>6547</v>
      </c>
      <c r="C5413" s="1" t="s">
        <v>20694</v>
      </c>
      <c r="D5413" s="2">
        <v>158241</v>
      </c>
      <c r="E5413" s="1" t="s">
        <v>0</v>
      </c>
    </row>
    <row r="5414" spans="1:5" x14ac:dyDescent="0.25">
      <c r="A5414" s="1" t="s">
        <v>20695</v>
      </c>
      <c r="B5414" s="1" t="s">
        <v>52264</v>
      </c>
      <c r="C5414" s="1" t="s">
        <v>20696</v>
      </c>
      <c r="D5414" s="2">
        <v>158242</v>
      </c>
      <c r="E5414" s="1" t="s">
        <v>0</v>
      </c>
    </row>
    <row r="5415" spans="1:5" ht="409.5" x14ac:dyDescent="0.25">
      <c r="A5415" s="4" t="s">
        <v>20697</v>
      </c>
      <c r="B5415" s="1" t="s">
        <v>52265</v>
      </c>
      <c r="C5415" s="1" t="s">
        <v>20698</v>
      </c>
      <c r="D5415" s="2">
        <v>158243</v>
      </c>
      <c r="E5415" s="1" t="s">
        <v>0</v>
      </c>
    </row>
    <row r="5416" spans="1:5" x14ac:dyDescent="0.25">
      <c r="A5416" s="1" t="s">
        <v>20699</v>
      </c>
      <c r="B5416" s="1" t="s">
        <v>52266</v>
      </c>
      <c r="C5416" s="1" t="s">
        <v>20700</v>
      </c>
      <c r="D5416" s="2">
        <v>158244</v>
      </c>
      <c r="E5416" s="1" t="s">
        <v>0</v>
      </c>
    </row>
    <row r="5417" spans="1:5" x14ac:dyDescent="0.25">
      <c r="A5417" s="2">
        <v>1083</v>
      </c>
      <c r="B5417" s="2">
        <v>1083</v>
      </c>
      <c r="C5417" s="1" t="s">
        <v>0</v>
      </c>
      <c r="D5417" s="2">
        <v>158245</v>
      </c>
      <c r="E5417" s="1" t="s">
        <v>0</v>
      </c>
    </row>
    <row r="5418" spans="1:5" x14ac:dyDescent="0.25">
      <c r="A5418" s="1" t="s">
        <v>1007</v>
      </c>
      <c r="B5418" s="1" t="s">
        <v>6548</v>
      </c>
      <c r="C5418" s="1" t="s">
        <v>20701</v>
      </c>
      <c r="D5418" s="2">
        <v>158246</v>
      </c>
      <c r="E5418" s="1" t="s">
        <v>0</v>
      </c>
    </row>
    <row r="5419" spans="1:5" x14ac:dyDescent="0.25">
      <c r="A5419" s="1" t="s">
        <v>20702</v>
      </c>
      <c r="B5419" s="1" t="s">
        <v>6549</v>
      </c>
      <c r="C5419" s="1" t="s">
        <v>20703</v>
      </c>
      <c r="D5419" s="2">
        <v>158247</v>
      </c>
      <c r="E5419" s="1" t="s">
        <v>0</v>
      </c>
    </row>
    <row r="5420" spans="1:5" ht="409.5" x14ac:dyDescent="0.25">
      <c r="A5420" s="4" t="s">
        <v>20704</v>
      </c>
      <c r="B5420" s="1" t="s">
        <v>52267</v>
      </c>
      <c r="C5420" s="1" t="s">
        <v>20705</v>
      </c>
      <c r="D5420" s="2">
        <v>158248</v>
      </c>
      <c r="E5420" s="1" t="s">
        <v>0</v>
      </c>
    </row>
    <row r="5421" spans="1:5" x14ac:dyDescent="0.25">
      <c r="A5421" s="1" t="s">
        <v>20706</v>
      </c>
      <c r="B5421" s="1" t="s">
        <v>6550</v>
      </c>
      <c r="C5421" s="1" t="s">
        <v>20707</v>
      </c>
      <c r="D5421" s="2">
        <v>158249</v>
      </c>
      <c r="E5421" s="1" t="s">
        <v>0</v>
      </c>
    </row>
    <row r="5422" spans="1:5" x14ac:dyDescent="0.25">
      <c r="A5422" s="2">
        <v>1084</v>
      </c>
      <c r="B5422" s="2">
        <v>1084</v>
      </c>
      <c r="C5422" s="1" t="s">
        <v>0</v>
      </c>
      <c r="D5422" s="2">
        <v>158250</v>
      </c>
      <c r="E5422" s="1" t="s">
        <v>0</v>
      </c>
    </row>
    <row r="5423" spans="1:5" x14ac:dyDescent="0.25">
      <c r="A5423" s="1" t="s">
        <v>1008</v>
      </c>
      <c r="B5423" s="1" t="s">
        <v>6551</v>
      </c>
      <c r="C5423" s="1" t="s">
        <v>20708</v>
      </c>
      <c r="D5423" s="2">
        <v>158251</v>
      </c>
      <c r="E5423" s="1" t="s">
        <v>0</v>
      </c>
    </row>
    <row r="5424" spans="1:5" x14ac:dyDescent="0.25">
      <c r="A5424" s="1" t="s">
        <v>20709</v>
      </c>
      <c r="B5424" s="1" t="s">
        <v>50508</v>
      </c>
      <c r="C5424" s="1" t="s">
        <v>20710</v>
      </c>
      <c r="D5424" s="2">
        <v>158252</v>
      </c>
      <c r="E5424" s="1" t="s">
        <v>0</v>
      </c>
    </row>
    <row r="5425" spans="1:5" ht="409.5" x14ac:dyDescent="0.25">
      <c r="A5425" s="4" t="s">
        <v>20711</v>
      </c>
      <c r="B5425" s="1" t="s">
        <v>63245</v>
      </c>
      <c r="C5425" s="1" t="s">
        <v>20712</v>
      </c>
      <c r="D5425" s="2">
        <v>158253</v>
      </c>
      <c r="E5425" s="1" t="s">
        <v>0</v>
      </c>
    </row>
    <row r="5426" spans="1:5" x14ac:dyDescent="0.25">
      <c r="A5426" s="1" t="s">
        <v>20713</v>
      </c>
      <c r="B5426" s="1" t="s">
        <v>6552</v>
      </c>
      <c r="C5426" s="1" t="s">
        <v>20714</v>
      </c>
      <c r="D5426" s="2">
        <v>158254</v>
      </c>
      <c r="E5426" s="1" t="s">
        <v>0</v>
      </c>
    </row>
    <row r="5427" spans="1:5" x14ac:dyDescent="0.25">
      <c r="A5427" s="2">
        <v>1085</v>
      </c>
      <c r="B5427" s="2">
        <v>1085</v>
      </c>
      <c r="C5427" s="1" t="s">
        <v>0</v>
      </c>
      <c r="D5427" s="2">
        <v>158255</v>
      </c>
      <c r="E5427" s="1" t="s">
        <v>0</v>
      </c>
    </row>
    <row r="5428" spans="1:5" x14ac:dyDescent="0.25">
      <c r="A5428" s="1" t="s">
        <v>1009</v>
      </c>
      <c r="B5428" s="1" t="s">
        <v>6553</v>
      </c>
      <c r="C5428" s="1" t="s">
        <v>20715</v>
      </c>
      <c r="D5428" s="2">
        <v>158256</v>
      </c>
      <c r="E5428" s="1" t="s">
        <v>0</v>
      </c>
    </row>
    <row r="5429" spans="1:5" x14ac:dyDescent="0.25">
      <c r="A5429" s="1" t="s">
        <v>20716</v>
      </c>
      <c r="B5429" s="1" t="s">
        <v>62178</v>
      </c>
      <c r="C5429" s="1" t="s">
        <v>20717</v>
      </c>
      <c r="D5429" s="2">
        <v>158257</v>
      </c>
      <c r="E5429" s="1" t="s">
        <v>0</v>
      </c>
    </row>
    <row r="5430" spans="1:5" ht="409.5" x14ac:dyDescent="0.25">
      <c r="A5430" s="4" t="s">
        <v>20718</v>
      </c>
      <c r="B5430" s="1" t="s">
        <v>62179</v>
      </c>
      <c r="C5430" s="1" t="s">
        <v>20719</v>
      </c>
      <c r="D5430" s="2">
        <v>158258</v>
      </c>
      <c r="E5430" s="1" t="s">
        <v>0</v>
      </c>
    </row>
    <row r="5431" spans="1:5" x14ac:dyDescent="0.25">
      <c r="A5431" s="1" t="s">
        <v>20720</v>
      </c>
      <c r="B5431" s="1" t="s">
        <v>6554</v>
      </c>
      <c r="C5431" s="1" t="s">
        <v>20721</v>
      </c>
      <c r="D5431" s="2">
        <v>158259</v>
      </c>
      <c r="E5431" s="1" t="s">
        <v>0</v>
      </c>
    </row>
    <row r="5432" spans="1:5" x14ac:dyDescent="0.25">
      <c r="A5432" s="2">
        <v>1086</v>
      </c>
      <c r="B5432" s="2">
        <v>1086</v>
      </c>
      <c r="C5432" s="1" t="s">
        <v>0</v>
      </c>
      <c r="D5432" s="2">
        <v>158260</v>
      </c>
      <c r="E5432" s="1" t="s">
        <v>0</v>
      </c>
    </row>
    <row r="5433" spans="1:5" x14ac:dyDescent="0.25">
      <c r="A5433" s="1" t="s">
        <v>1010</v>
      </c>
      <c r="B5433" s="1" t="s">
        <v>6555</v>
      </c>
      <c r="C5433" s="1" t="s">
        <v>20722</v>
      </c>
      <c r="D5433" s="2">
        <v>158261</v>
      </c>
      <c r="E5433" s="1" t="s">
        <v>0</v>
      </c>
    </row>
    <row r="5434" spans="1:5" x14ac:dyDescent="0.25">
      <c r="A5434" s="1" t="s">
        <v>20723</v>
      </c>
      <c r="B5434" s="1" t="s">
        <v>57755</v>
      </c>
      <c r="C5434" s="1" t="s">
        <v>20724</v>
      </c>
      <c r="D5434" s="2">
        <v>158262</v>
      </c>
      <c r="E5434" s="1" t="s">
        <v>0</v>
      </c>
    </row>
    <row r="5435" spans="1:5" ht="409.5" x14ac:dyDescent="0.25">
      <c r="A5435" s="4" t="s">
        <v>20725</v>
      </c>
      <c r="B5435" s="1" t="s">
        <v>57756</v>
      </c>
      <c r="C5435" s="1" t="s">
        <v>20726</v>
      </c>
      <c r="D5435" s="2">
        <v>158263</v>
      </c>
      <c r="E5435" s="1" t="s">
        <v>0</v>
      </c>
    </row>
    <row r="5436" spans="1:5" x14ac:dyDescent="0.25">
      <c r="A5436" s="1" t="s">
        <v>20727</v>
      </c>
      <c r="B5436" s="1" t="s">
        <v>52268</v>
      </c>
      <c r="C5436" s="1" t="s">
        <v>20728</v>
      </c>
      <c r="D5436" s="2">
        <v>158264</v>
      </c>
      <c r="E5436" s="1" t="s">
        <v>0</v>
      </c>
    </row>
    <row r="5437" spans="1:5" x14ac:dyDescent="0.25">
      <c r="A5437" s="2">
        <v>1087</v>
      </c>
      <c r="B5437" s="2">
        <v>1087</v>
      </c>
      <c r="C5437" s="1" t="s">
        <v>0</v>
      </c>
      <c r="D5437" s="2">
        <v>158265</v>
      </c>
      <c r="E5437" s="1" t="s">
        <v>0</v>
      </c>
    </row>
    <row r="5438" spans="1:5" x14ac:dyDescent="0.25">
      <c r="A5438" s="1" t="s">
        <v>1011</v>
      </c>
      <c r="B5438" s="1" t="s">
        <v>6556</v>
      </c>
      <c r="C5438" s="1" t="s">
        <v>20729</v>
      </c>
      <c r="D5438" s="2">
        <v>158266</v>
      </c>
      <c r="E5438" s="1" t="s">
        <v>0</v>
      </c>
    </row>
    <row r="5439" spans="1:5" x14ac:dyDescent="0.25">
      <c r="A5439" s="1" t="s">
        <v>20730</v>
      </c>
      <c r="B5439" s="1" t="s">
        <v>6557</v>
      </c>
      <c r="C5439" s="1" t="s">
        <v>20731</v>
      </c>
      <c r="D5439" s="2">
        <v>158267</v>
      </c>
      <c r="E5439" s="1" t="s">
        <v>0</v>
      </c>
    </row>
    <row r="5440" spans="1:5" ht="409.5" x14ac:dyDescent="0.25">
      <c r="A5440" s="4" t="s">
        <v>20732</v>
      </c>
      <c r="B5440" s="1" t="s">
        <v>60816</v>
      </c>
      <c r="C5440" s="1" t="s">
        <v>20733</v>
      </c>
      <c r="D5440" s="2">
        <v>158268</v>
      </c>
      <c r="E5440" s="1" t="s">
        <v>0</v>
      </c>
    </row>
    <row r="5441" spans="1:5" x14ac:dyDescent="0.25">
      <c r="A5441" s="1" t="s">
        <v>20734</v>
      </c>
      <c r="B5441" s="1" t="s">
        <v>52269</v>
      </c>
      <c r="C5441" s="1" t="s">
        <v>20735</v>
      </c>
      <c r="D5441" s="2">
        <v>158269</v>
      </c>
      <c r="E5441" s="1" t="s">
        <v>0</v>
      </c>
    </row>
    <row r="5442" spans="1:5" x14ac:dyDescent="0.25">
      <c r="A5442" s="2">
        <v>1088</v>
      </c>
      <c r="B5442" s="2">
        <v>1088</v>
      </c>
      <c r="C5442" s="1" t="s">
        <v>0</v>
      </c>
      <c r="D5442" s="2">
        <v>158270</v>
      </c>
      <c r="E5442" s="1" t="s">
        <v>0</v>
      </c>
    </row>
    <row r="5443" spans="1:5" x14ac:dyDescent="0.25">
      <c r="A5443" s="1" t="s">
        <v>1012</v>
      </c>
      <c r="B5443" s="1" t="s">
        <v>6558</v>
      </c>
      <c r="C5443" s="1" t="s">
        <v>20736</v>
      </c>
      <c r="D5443" s="2">
        <v>158271</v>
      </c>
      <c r="E5443" s="1" t="s">
        <v>0</v>
      </c>
    </row>
    <row r="5444" spans="1:5" x14ac:dyDescent="0.25">
      <c r="A5444" s="1" t="s">
        <v>20737</v>
      </c>
      <c r="B5444" s="1" t="s">
        <v>52270</v>
      </c>
      <c r="C5444" s="1" t="s">
        <v>20738</v>
      </c>
      <c r="D5444" s="2">
        <v>158272</v>
      </c>
      <c r="E5444" s="1" t="s">
        <v>0</v>
      </c>
    </row>
    <row r="5445" spans="1:5" ht="409.5" x14ac:dyDescent="0.25">
      <c r="A5445" s="4" t="s">
        <v>64048</v>
      </c>
      <c r="B5445" s="1" t="s">
        <v>52271</v>
      </c>
      <c r="C5445" s="1" t="s">
        <v>20739</v>
      </c>
      <c r="D5445" s="2">
        <v>158273</v>
      </c>
      <c r="E5445" s="1" t="s">
        <v>0</v>
      </c>
    </row>
    <row r="5446" spans="1:5" x14ac:dyDescent="0.25">
      <c r="A5446" s="1" t="s">
        <v>20740</v>
      </c>
      <c r="B5446" s="1" t="s">
        <v>6559</v>
      </c>
      <c r="C5446" s="1" t="s">
        <v>20741</v>
      </c>
      <c r="D5446" s="2">
        <v>158274</v>
      </c>
      <c r="E5446" s="1" t="s">
        <v>0</v>
      </c>
    </row>
    <row r="5447" spans="1:5" x14ac:dyDescent="0.25">
      <c r="A5447" s="2">
        <v>1089</v>
      </c>
      <c r="B5447" s="2">
        <v>1089</v>
      </c>
      <c r="C5447" s="1" t="s">
        <v>0</v>
      </c>
      <c r="D5447" s="2">
        <v>158275</v>
      </c>
      <c r="E5447" s="1" t="s">
        <v>0</v>
      </c>
    </row>
    <row r="5448" spans="1:5" x14ac:dyDescent="0.25">
      <c r="A5448" s="1" t="s">
        <v>1013</v>
      </c>
      <c r="B5448" s="1" t="s">
        <v>6560</v>
      </c>
      <c r="C5448" s="1" t="s">
        <v>20742</v>
      </c>
      <c r="D5448" s="2">
        <v>158276</v>
      </c>
      <c r="E5448" s="1" t="s">
        <v>0</v>
      </c>
    </row>
    <row r="5449" spans="1:5" x14ac:dyDescent="0.25">
      <c r="A5449" s="1" t="s">
        <v>20743</v>
      </c>
      <c r="B5449" s="1" t="s">
        <v>6561</v>
      </c>
      <c r="C5449" s="1" t="s">
        <v>20744</v>
      </c>
      <c r="D5449" s="2">
        <v>158277</v>
      </c>
      <c r="E5449" s="1" t="s">
        <v>0</v>
      </c>
    </row>
    <row r="5450" spans="1:5" ht="409.5" x14ac:dyDescent="0.25">
      <c r="A5450" s="4" t="s">
        <v>20745</v>
      </c>
      <c r="B5450" s="1" t="s">
        <v>62180</v>
      </c>
      <c r="C5450" s="1" t="s">
        <v>20746</v>
      </c>
      <c r="D5450" s="2">
        <v>158278</v>
      </c>
      <c r="E5450" s="1" t="s">
        <v>0</v>
      </c>
    </row>
    <row r="5451" spans="1:5" x14ac:dyDescent="0.25">
      <c r="A5451" s="1" t="s">
        <v>20747</v>
      </c>
      <c r="B5451" s="1" t="s">
        <v>6562</v>
      </c>
      <c r="C5451" s="1" t="s">
        <v>20748</v>
      </c>
      <c r="D5451" s="2">
        <v>158279</v>
      </c>
      <c r="E5451" s="1" t="s">
        <v>0</v>
      </c>
    </row>
    <row r="5452" spans="1:5" x14ac:dyDescent="0.25">
      <c r="A5452" s="2">
        <v>1090</v>
      </c>
      <c r="B5452" s="2">
        <v>1090</v>
      </c>
      <c r="C5452" s="1" t="s">
        <v>0</v>
      </c>
      <c r="D5452" s="2">
        <v>158280</v>
      </c>
      <c r="E5452" s="1" t="s">
        <v>0</v>
      </c>
    </row>
    <row r="5453" spans="1:5" x14ac:dyDescent="0.25">
      <c r="A5453" s="1" t="s">
        <v>1014</v>
      </c>
      <c r="B5453" s="1" t="s">
        <v>6563</v>
      </c>
      <c r="C5453" s="1" t="s">
        <v>20749</v>
      </c>
      <c r="D5453" s="2">
        <v>158281</v>
      </c>
      <c r="E5453" s="1" t="s">
        <v>0</v>
      </c>
    </row>
    <row r="5454" spans="1:5" x14ac:dyDescent="0.25">
      <c r="A5454" s="1" t="s">
        <v>20750</v>
      </c>
      <c r="B5454" s="1" t="s">
        <v>59840</v>
      </c>
      <c r="C5454" s="1" t="s">
        <v>20751</v>
      </c>
      <c r="D5454" s="2">
        <v>158282</v>
      </c>
      <c r="E5454" s="1" t="s">
        <v>0</v>
      </c>
    </row>
    <row r="5455" spans="1:5" ht="409.5" x14ac:dyDescent="0.25">
      <c r="A5455" s="4" t="s">
        <v>20752</v>
      </c>
      <c r="B5455" s="1" t="s">
        <v>59841</v>
      </c>
      <c r="C5455" s="1" t="s">
        <v>20753</v>
      </c>
      <c r="D5455" s="2">
        <v>158283</v>
      </c>
      <c r="E5455" s="1" t="s">
        <v>0</v>
      </c>
    </row>
    <row r="5456" spans="1:5" x14ac:dyDescent="0.25">
      <c r="A5456" s="1" t="s">
        <v>20754</v>
      </c>
      <c r="B5456" s="1" t="s">
        <v>6564</v>
      </c>
      <c r="C5456" s="1" t="s">
        <v>20755</v>
      </c>
      <c r="D5456" s="2">
        <v>158284</v>
      </c>
      <c r="E5456" s="1" t="s">
        <v>0</v>
      </c>
    </row>
    <row r="5457" spans="1:5" x14ac:dyDescent="0.25">
      <c r="A5457" s="2">
        <v>1091</v>
      </c>
      <c r="B5457" s="2">
        <v>1091</v>
      </c>
      <c r="C5457" s="1" t="s">
        <v>0</v>
      </c>
      <c r="D5457" s="2">
        <v>158285</v>
      </c>
      <c r="E5457" s="1" t="s">
        <v>0</v>
      </c>
    </row>
    <row r="5458" spans="1:5" x14ac:dyDescent="0.25">
      <c r="A5458" s="1" t="s">
        <v>1015</v>
      </c>
      <c r="B5458" s="1" t="s">
        <v>6565</v>
      </c>
      <c r="C5458" s="1" t="s">
        <v>20756</v>
      </c>
      <c r="D5458" s="2">
        <v>158286</v>
      </c>
      <c r="E5458" s="1" t="s">
        <v>0</v>
      </c>
    </row>
    <row r="5459" spans="1:5" x14ac:dyDescent="0.25">
      <c r="A5459" s="1" t="s">
        <v>20757</v>
      </c>
      <c r="B5459" s="1" t="s">
        <v>52272</v>
      </c>
      <c r="C5459" s="1" t="s">
        <v>20758</v>
      </c>
      <c r="D5459" s="2">
        <v>158287</v>
      </c>
      <c r="E5459" s="1" t="s">
        <v>0</v>
      </c>
    </row>
    <row r="5460" spans="1:5" ht="409.5" x14ac:dyDescent="0.25">
      <c r="A5460" s="4" t="s">
        <v>20759</v>
      </c>
      <c r="B5460" s="1" t="s">
        <v>52273</v>
      </c>
      <c r="C5460" s="1" t="s">
        <v>20760</v>
      </c>
      <c r="D5460" s="2">
        <v>158288</v>
      </c>
      <c r="E5460" s="1" t="s">
        <v>0</v>
      </c>
    </row>
    <row r="5461" spans="1:5" x14ac:dyDescent="0.25">
      <c r="A5461" s="1" t="s">
        <v>20761</v>
      </c>
      <c r="B5461" s="1" t="s">
        <v>52274</v>
      </c>
      <c r="C5461" s="1" t="s">
        <v>20762</v>
      </c>
      <c r="D5461" s="2">
        <v>158289</v>
      </c>
      <c r="E5461" s="1" t="s">
        <v>0</v>
      </c>
    </row>
    <row r="5462" spans="1:5" x14ac:dyDescent="0.25">
      <c r="A5462" s="2">
        <v>1092</v>
      </c>
      <c r="B5462" s="2">
        <v>1092</v>
      </c>
      <c r="C5462" s="1" t="s">
        <v>0</v>
      </c>
      <c r="D5462" s="2">
        <v>158290</v>
      </c>
      <c r="E5462" s="1" t="s">
        <v>0</v>
      </c>
    </row>
    <row r="5463" spans="1:5" x14ac:dyDescent="0.25">
      <c r="A5463" s="1" t="s">
        <v>1016</v>
      </c>
      <c r="B5463" s="1" t="s">
        <v>6566</v>
      </c>
      <c r="C5463" s="1" t="s">
        <v>20763</v>
      </c>
      <c r="D5463" s="2">
        <v>158291</v>
      </c>
      <c r="E5463" s="1" t="s">
        <v>0</v>
      </c>
    </row>
    <row r="5464" spans="1:5" x14ac:dyDescent="0.25">
      <c r="A5464" s="1" t="s">
        <v>20764</v>
      </c>
      <c r="B5464" s="1" t="s">
        <v>20765</v>
      </c>
      <c r="C5464" s="1" t="s">
        <v>20766</v>
      </c>
      <c r="D5464" s="2">
        <v>158292</v>
      </c>
      <c r="E5464" s="1" t="s">
        <v>0</v>
      </c>
    </row>
    <row r="5465" spans="1:5" ht="409.5" x14ac:dyDescent="0.25">
      <c r="A5465" s="4" t="s">
        <v>20767</v>
      </c>
      <c r="B5465" s="1" t="s">
        <v>63246</v>
      </c>
      <c r="C5465" s="1" t="s">
        <v>20768</v>
      </c>
      <c r="D5465" s="2">
        <v>158293</v>
      </c>
      <c r="E5465" s="1" t="s">
        <v>0</v>
      </c>
    </row>
    <row r="5466" spans="1:5" x14ac:dyDescent="0.25">
      <c r="A5466" s="1" t="s">
        <v>20769</v>
      </c>
      <c r="B5466" s="1" t="s">
        <v>6567</v>
      </c>
      <c r="C5466" s="1" t="s">
        <v>20770</v>
      </c>
      <c r="D5466" s="2">
        <v>158294</v>
      </c>
      <c r="E5466" s="1" t="s">
        <v>0</v>
      </c>
    </row>
    <row r="5467" spans="1:5" x14ac:dyDescent="0.25">
      <c r="A5467" s="2">
        <v>1093</v>
      </c>
      <c r="B5467" s="2">
        <v>1093</v>
      </c>
      <c r="C5467" s="1" t="s">
        <v>0</v>
      </c>
      <c r="D5467" s="2">
        <v>158295</v>
      </c>
      <c r="E5467" s="1" t="s">
        <v>0</v>
      </c>
    </row>
    <row r="5468" spans="1:5" x14ac:dyDescent="0.25">
      <c r="A5468" s="1" t="s">
        <v>1017</v>
      </c>
      <c r="B5468" s="1" t="s">
        <v>6568</v>
      </c>
      <c r="C5468" s="1" t="s">
        <v>20771</v>
      </c>
      <c r="D5468" s="2">
        <v>158296</v>
      </c>
      <c r="E5468" s="1" t="s">
        <v>0</v>
      </c>
    </row>
    <row r="5469" spans="1:5" x14ac:dyDescent="0.25">
      <c r="A5469" s="1" t="s">
        <v>20772</v>
      </c>
      <c r="B5469" s="1" t="s">
        <v>57433</v>
      </c>
      <c r="C5469" s="1" t="s">
        <v>20773</v>
      </c>
      <c r="D5469" s="2">
        <v>158297</v>
      </c>
      <c r="E5469" s="1" t="s">
        <v>0</v>
      </c>
    </row>
    <row r="5470" spans="1:5" ht="409.5" x14ac:dyDescent="0.25">
      <c r="A5470" s="4" t="s">
        <v>20774</v>
      </c>
      <c r="B5470" s="1" t="s">
        <v>62181</v>
      </c>
      <c r="C5470" s="1" t="s">
        <v>20775</v>
      </c>
      <c r="D5470" s="2">
        <v>158298</v>
      </c>
      <c r="E5470" s="1" t="s">
        <v>0</v>
      </c>
    </row>
    <row r="5471" spans="1:5" x14ac:dyDescent="0.25">
      <c r="A5471" s="1" t="s">
        <v>18619</v>
      </c>
      <c r="B5471" s="1" t="s">
        <v>60942</v>
      </c>
      <c r="C5471" s="1" t="s">
        <v>18620</v>
      </c>
      <c r="D5471" s="2">
        <v>158299</v>
      </c>
      <c r="E5471" s="1" t="s">
        <v>0</v>
      </c>
    </row>
    <row r="5472" spans="1:5" x14ac:dyDescent="0.25">
      <c r="A5472" s="2">
        <v>1094</v>
      </c>
      <c r="B5472" s="2">
        <v>1094</v>
      </c>
      <c r="C5472" s="1" t="s">
        <v>0</v>
      </c>
      <c r="D5472" s="2">
        <v>158300</v>
      </c>
      <c r="E5472" s="1" t="s">
        <v>0</v>
      </c>
    </row>
    <row r="5473" spans="1:5" x14ac:dyDescent="0.25">
      <c r="A5473" s="1" t="s">
        <v>1018</v>
      </c>
      <c r="B5473" s="1" t="s">
        <v>6569</v>
      </c>
      <c r="C5473" s="1" t="s">
        <v>20776</v>
      </c>
      <c r="D5473" s="2">
        <v>158301</v>
      </c>
      <c r="E5473" s="1" t="s">
        <v>0</v>
      </c>
    </row>
    <row r="5474" spans="1:5" x14ac:dyDescent="0.25">
      <c r="A5474" s="1" t="s">
        <v>20777</v>
      </c>
      <c r="B5474" s="1" t="s">
        <v>52275</v>
      </c>
      <c r="C5474" s="1" t="s">
        <v>20778</v>
      </c>
      <c r="D5474" s="2">
        <v>158302</v>
      </c>
      <c r="E5474" s="1" t="s">
        <v>0</v>
      </c>
    </row>
    <row r="5475" spans="1:5" ht="409.5" x14ac:dyDescent="0.25">
      <c r="A5475" s="4" t="s">
        <v>20779</v>
      </c>
      <c r="B5475" s="1" t="s">
        <v>52276</v>
      </c>
      <c r="C5475" s="1" t="s">
        <v>20780</v>
      </c>
      <c r="D5475" s="2">
        <v>158303</v>
      </c>
      <c r="E5475" s="1" t="s">
        <v>0</v>
      </c>
    </row>
    <row r="5476" spans="1:5" x14ac:dyDescent="0.25">
      <c r="A5476" s="1" t="s">
        <v>13413</v>
      </c>
      <c r="B5476" s="1" t="s">
        <v>60845</v>
      </c>
      <c r="C5476" s="1" t="s">
        <v>13414</v>
      </c>
      <c r="D5476" s="2">
        <v>158304</v>
      </c>
      <c r="E5476" s="1" t="s">
        <v>0</v>
      </c>
    </row>
    <row r="5477" spans="1:5" x14ac:dyDescent="0.25">
      <c r="A5477" s="2">
        <v>1095</v>
      </c>
      <c r="B5477" s="2">
        <v>1095</v>
      </c>
      <c r="C5477" s="1" t="s">
        <v>0</v>
      </c>
      <c r="D5477" s="2">
        <v>158305</v>
      </c>
      <c r="E5477" s="1" t="s">
        <v>0</v>
      </c>
    </row>
    <row r="5478" spans="1:5" x14ac:dyDescent="0.25">
      <c r="A5478" s="1" t="s">
        <v>1019</v>
      </c>
      <c r="B5478" s="1" t="s">
        <v>6570</v>
      </c>
      <c r="C5478" s="1" t="s">
        <v>20781</v>
      </c>
      <c r="D5478" s="2">
        <v>158306</v>
      </c>
      <c r="E5478" s="1" t="s">
        <v>0</v>
      </c>
    </row>
    <row r="5479" spans="1:5" x14ac:dyDescent="0.25">
      <c r="A5479" s="1" t="s">
        <v>20782</v>
      </c>
      <c r="B5479" s="1" t="s">
        <v>52277</v>
      </c>
      <c r="C5479" s="1" t="s">
        <v>20783</v>
      </c>
      <c r="D5479" s="2">
        <v>158307</v>
      </c>
      <c r="E5479" s="1" t="s">
        <v>0</v>
      </c>
    </row>
    <row r="5480" spans="1:5" ht="409.5" x14ac:dyDescent="0.25">
      <c r="A5480" s="4" t="s">
        <v>20784</v>
      </c>
      <c r="B5480" s="1" t="s">
        <v>57757</v>
      </c>
      <c r="C5480" s="1" t="s">
        <v>20785</v>
      </c>
      <c r="D5480" s="2">
        <v>158308</v>
      </c>
      <c r="E5480" s="1" t="s">
        <v>0</v>
      </c>
    </row>
    <row r="5481" spans="1:5" x14ac:dyDescent="0.25">
      <c r="A5481" s="1" t="s">
        <v>20786</v>
      </c>
      <c r="B5481" s="1" t="s">
        <v>52278</v>
      </c>
      <c r="C5481" s="1" t="s">
        <v>20787</v>
      </c>
      <c r="D5481" s="2">
        <v>158309</v>
      </c>
      <c r="E5481" s="1" t="s">
        <v>0</v>
      </c>
    </row>
    <row r="5482" spans="1:5" x14ac:dyDescent="0.25">
      <c r="A5482" s="2">
        <v>1096</v>
      </c>
      <c r="B5482" s="2">
        <v>1096</v>
      </c>
      <c r="C5482" s="1" t="s">
        <v>0</v>
      </c>
      <c r="D5482" s="2">
        <v>158310</v>
      </c>
      <c r="E5482" s="1" t="s">
        <v>0</v>
      </c>
    </row>
    <row r="5483" spans="1:5" x14ac:dyDescent="0.25">
      <c r="A5483" s="1" t="s">
        <v>1020</v>
      </c>
      <c r="B5483" s="1" t="s">
        <v>6571</v>
      </c>
      <c r="C5483" s="1" t="s">
        <v>20788</v>
      </c>
      <c r="D5483" s="2">
        <v>158311</v>
      </c>
      <c r="E5483" s="1" t="s">
        <v>0</v>
      </c>
    </row>
    <row r="5484" spans="1:5" x14ac:dyDescent="0.25">
      <c r="A5484" s="1" t="s">
        <v>20789</v>
      </c>
      <c r="B5484" s="1" t="s">
        <v>52279</v>
      </c>
      <c r="C5484" s="1" t="s">
        <v>20790</v>
      </c>
      <c r="D5484" s="2">
        <v>158312</v>
      </c>
      <c r="E5484" s="1" t="s">
        <v>0</v>
      </c>
    </row>
    <row r="5485" spans="1:5" ht="409.5" x14ac:dyDescent="0.25">
      <c r="A5485" s="4" t="s">
        <v>20791</v>
      </c>
      <c r="B5485" s="1" t="s">
        <v>52280</v>
      </c>
      <c r="C5485" s="1" t="s">
        <v>20792</v>
      </c>
      <c r="D5485" s="2">
        <v>158313</v>
      </c>
      <c r="E5485" s="1" t="s">
        <v>0</v>
      </c>
    </row>
    <row r="5486" spans="1:5" x14ac:dyDescent="0.25">
      <c r="A5486" s="1" t="s">
        <v>13413</v>
      </c>
      <c r="B5486" s="1" t="s">
        <v>60845</v>
      </c>
      <c r="C5486" s="1" t="s">
        <v>13414</v>
      </c>
      <c r="D5486" s="2">
        <v>158314</v>
      </c>
      <c r="E5486" s="1" t="s">
        <v>0</v>
      </c>
    </row>
    <row r="5487" spans="1:5" x14ac:dyDescent="0.25">
      <c r="A5487" s="2">
        <v>1097</v>
      </c>
      <c r="B5487" s="2">
        <v>1097</v>
      </c>
      <c r="C5487" s="1" t="s">
        <v>0</v>
      </c>
      <c r="D5487" s="2">
        <v>158315</v>
      </c>
      <c r="E5487" s="1" t="s">
        <v>0</v>
      </c>
    </row>
    <row r="5488" spans="1:5" x14ac:dyDescent="0.25">
      <c r="A5488" s="1" t="s">
        <v>1021</v>
      </c>
      <c r="B5488" s="1" t="s">
        <v>6572</v>
      </c>
      <c r="C5488" s="1" t="s">
        <v>20793</v>
      </c>
      <c r="D5488" s="2">
        <v>158316</v>
      </c>
      <c r="E5488" s="1" t="s">
        <v>0</v>
      </c>
    </row>
    <row r="5489" spans="1:5" x14ac:dyDescent="0.25">
      <c r="A5489" s="1" t="s">
        <v>20794</v>
      </c>
      <c r="B5489" s="1" t="s">
        <v>52281</v>
      </c>
      <c r="C5489" s="1" t="s">
        <v>20795</v>
      </c>
      <c r="D5489" s="2">
        <v>158317</v>
      </c>
      <c r="E5489" s="1" t="s">
        <v>0</v>
      </c>
    </row>
    <row r="5490" spans="1:5" ht="409.5" x14ac:dyDescent="0.25">
      <c r="A5490" s="4" t="s">
        <v>20796</v>
      </c>
      <c r="B5490" s="1" t="s">
        <v>62182</v>
      </c>
      <c r="C5490" s="1" t="s">
        <v>20797</v>
      </c>
      <c r="D5490" s="2">
        <v>158318</v>
      </c>
      <c r="E5490" s="1" t="s">
        <v>0</v>
      </c>
    </row>
    <row r="5491" spans="1:5" x14ac:dyDescent="0.25">
      <c r="A5491" s="1" t="s">
        <v>20798</v>
      </c>
      <c r="B5491" s="1" t="s">
        <v>6573</v>
      </c>
      <c r="C5491" s="1" t="s">
        <v>20799</v>
      </c>
      <c r="D5491" s="2">
        <v>158319</v>
      </c>
      <c r="E5491" s="1" t="s">
        <v>0</v>
      </c>
    </row>
    <row r="5492" spans="1:5" x14ac:dyDescent="0.25">
      <c r="A5492" s="2">
        <v>1098</v>
      </c>
      <c r="B5492" s="2">
        <v>1098</v>
      </c>
      <c r="C5492" s="1" t="s">
        <v>0</v>
      </c>
      <c r="D5492" s="2">
        <v>158320</v>
      </c>
      <c r="E5492" s="1" t="s">
        <v>0</v>
      </c>
    </row>
    <row r="5493" spans="1:5" x14ac:dyDescent="0.25">
      <c r="A5493" s="1" t="s">
        <v>1022</v>
      </c>
      <c r="B5493" s="1" t="s">
        <v>6574</v>
      </c>
      <c r="C5493" s="1" t="s">
        <v>20800</v>
      </c>
      <c r="D5493" s="2">
        <v>158321</v>
      </c>
      <c r="E5493" s="1" t="s">
        <v>0</v>
      </c>
    </row>
    <row r="5494" spans="1:5" x14ac:dyDescent="0.25">
      <c r="A5494" s="1" t="s">
        <v>20801</v>
      </c>
      <c r="B5494" s="1" t="s">
        <v>62183</v>
      </c>
      <c r="C5494" s="1" t="s">
        <v>20802</v>
      </c>
      <c r="D5494" s="2">
        <v>158322</v>
      </c>
      <c r="E5494" s="1" t="s">
        <v>0</v>
      </c>
    </row>
    <row r="5495" spans="1:5" ht="409.5" x14ac:dyDescent="0.25">
      <c r="A5495" s="4" t="s">
        <v>20803</v>
      </c>
      <c r="B5495" s="1" t="s">
        <v>62184</v>
      </c>
      <c r="C5495" s="1" t="s">
        <v>20804</v>
      </c>
      <c r="D5495" s="2">
        <v>158323</v>
      </c>
      <c r="E5495" s="1" t="s">
        <v>0</v>
      </c>
    </row>
    <row r="5496" spans="1:5" x14ac:dyDescent="0.25">
      <c r="A5496" s="1" t="s">
        <v>20805</v>
      </c>
      <c r="B5496" s="1" t="s">
        <v>57155</v>
      </c>
      <c r="C5496" s="1" t="s">
        <v>20806</v>
      </c>
      <c r="D5496" s="2">
        <v>158324</v>
      </c>
      <c r="E5496" s="1" t="s">
        <v>0</v>
      </c>
    </row>
    <row r="5497" spans="1:5" x14ac:dyDescent="0.25">
      <c r="A5497" s="2">
        <v>1099</v>
      </c>
      <c r="B5497" s="2">
        <v>1099</v>
      </c>
      <c r="C5497" s="1" t="s">
        <v>0</v>
      </c>
      <c r="D5497" s="2">
        <v>158325</v>
      </c>
      <c r="E5497" s="1" t="s">
        <v>0</v>
      </c>
    </row>
    <row r="5498" spans="1:5" x14ac:dyDescent="0.25">
      <c r="A5498" s="1" t="s">
        <v>1023</v>
      </c>
      <c r="B5498" s="1" t="s">
        <v>6575</v>
      </c>
      <c r="C5498" s="1" t="s">
        <v>20807</v>
      </c>
      <c r="D5498" s="2">
        <v>158326</v>
      </c>
      <c r="E5498" s="1" t="s">
        <v>0</v>
      </c>
    </row>
    <row r="5499" spans="1:5" x14ac:dyDescent="0.25">
      <c r="A5499" s="1" t="s">
        <v>20808</v>
      </c>
      <c r="B5499" s="1" t="s">
        <v>52282</v>
      </c>
      <c r="C5499" s="1" t="s">
        <v>20809</v>
      </c>
      <c r="D5499" s="2">
        <v>158327</v>
      </c>
      <c r="E5499" s="1" t="s">
        <v>0</v>
      </c>
    </row>
    <row r="5500" spans="1:5" ht="409.5" x14ac:dyDescent="0.25">
      <c r="A5500" s="4" t="s">
        <v>20810</v>
      </c>
      <c r="B5500" s="1" t="s">
        <v>52283</v>
      </c>
      <c r="C5500" s="1" t="s">
        <v>20811</v>
      </c>
      <c r="D5500" s="2">
        <v>158328</v>
      </c>
      <c r="E5500" s="1" t="s">
        <v>0</v>
      </c>
    </row>
    <row r="5501" spans="1:5" x14ac:dyDescent="0.25">
      <c r="A5501" s="1" t="s">
        <v>20812</v>
      </c>
      <c r="B5501" s="1" t="s">
        <v>52284</v>
      </c>
      <c r="C5501" s="1" t="s">
        <v>20813</v>
      </c>
      <c r="D5501" s="2">
        <v>158329</v>
      </c>
      <c r="E5501" s="1" t="s">
        <v>0</v>
      </c>
    </row>
    <row r="5502" spans="1:5" x14ac:dyDescent="0.25">
      <c r="A5502" s="2">
        <v>1100</v>
      </c>
      <c r="B5502" s="2">
        <v>1100</v>
      </c>
      <c r="C5502" s="1" t="s">
        <v>0</v>
      </c>
      <c r="D5502" s="2">
        <v>158330</v>
      </c>
      <c r="E5502" s="1" t="s">
        <v>0</v>
      </c>
    </row>
    <row r="5503" spans="1:5" x14ac:dyDescent="0.25">
      <c r="A5503" s="1" t="s">
        <v>1024</v>
      </c>
      <c r="B5503" s="1" t="s">
        <v>6576</v>
      </c>
      <c r="C5503" s="1" t="s">
        <v>20814</v>
      </c>
      <c r="D5503" s="2">
        <v>158331</v>
      </c>
      <c r="E5503" s="1" t="s">
        <v>0</v>
      </c>
    </row>
    <row r="5504" spans="1:5" x14ac:dyDescent="0.25">
      <c r="A5504" s="1" t="s">
        <v>20815</v>
      </c>
      <c r="B5504" s="1" t="s">
        <v>6577</v>
      </c>
      <c r="C5504" s="1" t="s">
        <v>20816</v>
      </c>
      <c r="D5504" s="2">
        <v>158332</v>
      </c>
      <c r="E5504" s="1" t="s">
        <v>0</v>
      </c>
    </row>
    <row r="5505" spans="1:5" ht="409.5" x14ac:dyDescent="0.25">
      <c r="A5505" s="4" t="s">
        <v>20817</v>
      </c>
      <c r="B5505" s="1" t="s">
        <v>50509</v>
      </c>
      <c r="C5505" s="1" t="s">
        <v>20818</v>
      </c>
      <c r="D5505" s="2">
        <v>158333</v>
      </c>
      <c r="E5505" s="1" t="s">
        <v>0</v>
      </c>
    </row>
    <row r="5506" spans="1:5" x14ac:dyDescent="0.25">
      <c r="A5506" s="1" t="s">
        <v>20819</v>
      </c>
      <c r="B5506" s="1" t="s">
        <v>60984</v>
      </c>
      <c r="C5506" s="1" t="s">
        <v>20820</v>
      </c>
      <c r="D5506" s="2">
        <v>158334</v>
      </c>
      <c r="E5506" s="1" t="s">
        <v>0</v>
      </c>
    </row>
    <row r="5507" spans="1:5" x14ac:dyDescent="0.25">
      <c r="A5507" s="2">
        <v>1101</v>
      </c>
      <c r="B5507" s="2">
        <v>1101</v>
      </c>
      <c r="C5507" s="1" t="s">
        <v>0</v>
      </c>
      <c r="D5507" s="2">
        <v>158335</v>
      </c>
      <c r="E5507" s="1" t="s">
        <v>0</v>
      </c>
    </row>
    <row r="5508" spans="1:5" x14ac:dyDescent="0.25">
      <c r="A5508" s="1" t="s">
        <v>1025</v>
      </c>
      <c r="B5508" s="1" t="s">
        <v>6578</v>
      </c>
      <c r="C5508" s="1" t="s">
        <v>20821</v>
      </c>
      <c r="D5508" s="2">
        <v>158336</v>
      </c>
      <c r="E5508" s="1" t="s">
        <v>0</v>
      </c>
    </row>
    <row r="5509" spans="1:5" x14ac:dyDescent="0.25">
      <c r="A5509" s="1" t="s">
        <v>20822</v>
      </c>
      <c r="B5509" s="1" t="s">
        <v>62185</v>
      </c>
      <c r="C5509" s="1" t="s">
        <v>20823</v>
      </c>
      <c r="D5509" s="2">
        <v>158337</v>
      </c>
      <c r="E5509" s="1" t="s">
        <v>0</v>
      </c>
    </row>
    <row r="5510" spans="1:5" ht="409.5" x14ac:dyDescent="0.25">
      <c r="A5510" s="4" t="s">
        <v>20824</v>
      </c>
      <c r="B5510" s="1" t="s">
        <v>62186</v>
      </c>
      <c r="C5510" s="1" t="s">
        <v>20825</v>
      </c>
      <c r="D5510" s="2">
        <v>158338</v>
      </c>
      <c r="E5510" s="1" t="s">
        <v>0</v>
      </c>
    </row>
    <row r="5511" spans="1:5" x14ac:dyDescent="0.25">
      <c r="A5511" s="1" t="s">
        <v>20826</v>
      </c>
      <c r="B5511" s="1" t="s">
        <v>58239</v>
      </c>
      <c r="C5511" s="1" t="s">
        <v>20827</v>
      </c>
      <c r="D5511" s="2">
        <v>158339</v>
      </c>
      <c r="E5511" s="1" t="s">
        <v>0</v>
      </c>
    </row>
    <row r="5512" spans="1:5" x14ac:dyDescent="0.25">
      <c r="A5512" s="2">
        <v>1102</v>
      </c>
      <c r="B5512" s="2">
        <v>1102</v>
      </c>
      <c r="C5512" s="1" t="s">
        <v>0</v>
      </c>
      <c r="D5512" s="2">
        <v>158340</v>
      </c>
      <c r="E5512" s="1" t="s">
        <v>0</v>
      </c>
    </row>
    <row r="5513" spans="1:5" x14ac:dyDescent="0.25">
      <c r="A5513" s="1" t="s">
        <v>1026</v>
      </c>
      <c r="B5513" s="1" t="s">
        <v>6579</v>
      </c>
      <c r="C5513" s="1" t="s">
        <v>20828</v>
      </c>
      <c r="D5513" s="2">
        <v>158341</v>
      </c>
      <c r="E5513" s="1" t="s">
        <v>0</v>
      </c>
    </row>
    <row r="5514" spans="1:5" x14ac:dyDescent="0.25">
      <c r="A5514" s="1" t="s">
        <v>20829</v>
      </c>
      <c r="B5514" s="1" t="s">
        <v>62187</v>
      </c>
      <c r="C5514" s="1" t="s">
        <v>20830</v>
      </c>
      <c r="D5514" s="2">
        <v>158342</v>
      </c>
      <c r="E5514" s="1" t="s">
        <v>0</v>
      </c>
    </row>
    <row r="5515" spans="1:5" ht="409.5" x14ac:dyDescent="0.25">
      <c r="A5515" s="4" t="s">
        <v>20831</v>
      </c>
      <c r="B5515" s="1" t="s">
        <v>62188</v>
      </c>
      <c r="C5515" s="1" t="s">
        <v>20832</v>
      </c>
      <c r="D5515" s="2">
        <v>158343</v>
      </c>
      <c r="E5515" s="1" t="s">
        <v>0</v>
      </c>
    </row>
    <row r="5516" spans="1:5" x14ac:dyDescent="0.25">
      <c r="A5516" s="1" t="s">
        <v>20833</v>
      </c>
      <c r="B5516" s="1" t="s">
        <v>6580</v>
      </c>
      <c r="C5516" s="1" t="s">
        <v>20834</v>
      </c>
      <c r="D5516" s="2">
        <v>158344</v>
      </c>
      <c r="E5516" s="1" t="s">
        <v>0</v>
      </c>
    </row>
    <row r="5517" spans="1:5" x14ac:dyDescent="0.25">
      <c r="A5517" s="2">
        <v>1103</v>
      </c>
      <c r="B5517" s="2">
        <v>1103</v>
      </c>
      <c r="C5517" s="1" t="s">
        <v>0</v>
      </c>
      <c r="D5517" s="2">
        <v>158345</v>
      </c>
      <c r="E5517" s="1" t="s">
        <v>0</v>
      </c>
    </row>
    <row r="5518" spans="1:5" x14ac:dyDescent="0.25">
      <c r="A5518" s="1" t="s">
        <v>1027</v>
      </c>
      <c r="B5518" s="1" t="s">
        <v>6581</v>
      </c>
      <c r="C5518" s="1" t="s">
        <v>20835</v>
      </c>
      <c r="D5518" s="2">
        <v>158346</v>
      </c>
      <c r="E5518" s="1" t="s">
        <v>0</v>
      </c>
    </row>
    <row r="5519" spans="1:5" x14ac:dyDescent="0.25">
      <c r="A5519" s="1" t="s">
        <v>20836</v>
      </c>
      <c r="B5519" s="1" t="s">
        <v>13027</v>
      </c>
      <c r="C5519" s="1" t="s">
        <v>20837</v>
      </c>
      <c r="D5519" s="2">
        <v>158347</v>
      </c>
      <c r="E5519" s="1" t="s">
        <v>0</v>
      </c>
    </row>
    <row r="5520" spans="1:5" ht="409.5" x14ac:dyDescent="0.25">
      <c r="A5520" s="4" t="s">
        <v>20838</v>
      </c>
      <c r="B5520" s="1" t="s">
        <v>58240</v>
      </c>
      <c r="C5520" s="1" t="s">
        <v>20839</v>
      </c>
      <c r="D5520" s="2">
        <v>158348</v>
      </c>
      <c r="E5520" s="1" t="s">
        <v>0</v>
      </c>
    </row>
    <row r="5521" spans="1:5" x14ac:dyDescent="0.25">
      <c r="A5521" s="1" t="s">
        <v>20840</v>
      </c>
      <c r="B5521" s="1" t="s">
        <v>6582</v>
      </c>
      <c r="C5521" s="1" t="s">
        <v>20841</v>
      </c>
      <c r="D5521" s="2">
        <v>158349</v>
      </c>
      <c r="E5521" s="1" t="s">
        <v>0</v>
      </c>
    </row>
    <row r="5522" spans="1:5" x14ac:dyDescent="0.25">
      <c r="A5522" s="2">
        <v>1104</v>
      </c>
      <c r="B5522" s="2">
        <v>1104</v>
      </c>
      <c r="C5522" s="1" t="s">
        <v>0</v>
      </c>
      <c r="D5522" s="2">
        <v>158350</v>
      </c>
      <c r="E5522" s="1" t="s">
        <v>0</v>
      </c>
    </row>
    <row r="5523" spans="1:5" x14ac:dyDescent="0.25">
      <c r="A5523" s="1" t="s">
        <v>1028</v>
      </c>
      <c r="B5523" s="1" t="s">
        <v>6583</v>
      </c>
      <c r="C5523" s="1" t="s">
        <v>20842</v>
      </c>
      <c r="D5523" s="2">
        <v>158351</v>
      </c>
      <c r="E5523" s="1" t="s">
        <v>0</v>
      </c>
    </row>
    <row r="5524" spans="1:5" x14ac:dyDescent="0.25">
      <c r="A5524" s="1" t="s">
        <v>20843</v>
      </c>
      <c r="B5524" s="1" t="s">
        <v>13028</v>
      </c>
      <c r="C5524" s="1" t="s">
        <v>20844</v>
      </c>
      <c r="D5524" s="2">
        <v>158352</v>
      </c>
      <c r="E5524" s="1" t="s">
        <v>0</v>
      </c>
    </row>
    <row r="5525" spans="1:5" ht="409.5" x14ac:dyDescent="0.25">
      <c r="A5525" s="4" t="s">
        <v>20845</v>
      </c>
      <c r="B5525" s="1" t="s">
        <v>50510</v>
      </c>
      <c r="C5525" s="1" t="s">
        <v>20846</v>
      </c>
      <c r="D5525" s="2">
        <v>158353</v>
      </c>
      <c r="E5525" s="1" t="s">
        <v>0</v>
      </c>
    </row>
    <row r="5526" spans="1:5" x14ac:dyDescent="0.25">
      <c r="A5526" s="1" t="s">
        <v>20847</v>
      </c>
      <c r="B5526" s="1" t="s">
        <v>52285</v>
      </c>
      <c r="C5526" s="1" t="s">
        <v>20848</v>
      </c>
      <c r="D5526" s="2">
        <v>158354</v>
      </c>
      <c r="E5526" s="1" t="s">
        <v>0</v>
      </c>
    </row>
    <row r="5527" spans="1:5" x14ac:dyDescent="0.25">
      <c r="A5527" s="2">
        <v>1105</v>
      </c>
      <c r="B5527" s="2">
        <v>1105</v>
      </c>
      <c r="C5527" s="1" t="s">
        <v>0</v>
      </c>
      <c r="D5527" s="2">
        <v>158355</v>
      </c>
      <c r="E5527" s="1" t="s">
        <v>0</v>
      </c>
    </row>
    <row r="5528" spans="1:5" x14ac:dyDescent="0.25">
      <c r="A5528" s="1" t="s">
        <v>1029</v>
      </c>
      <c r="B5528" s="1" t="s">
        <v>52286</v>
      </c>
      <c r="C5528" s="1" t="s">
        <v>20849</v>
      </c>
      <c r="D5528" s="2">
        <v>158356</v>
      </c>
      <c r="E5528" s="1" t="s">
        <v>0</v>
      </c>
    </row>
    <row r="5529" spans="1:5" x14ac:dyDescent="0.25">
      <c r="A5529" s="1" t="s">
        <v>20850</v>
      </c>
      <c r="B5529" s="1" t="s">
        <v>50511</v>
      </c>
      <c r="C5529" s="1" t="s">
        <v>20851</v>
      </c>
      <c r="D5529" s="2">
        <v>158357</v>
      </c>
      <c r="E5529" s="1" t="s">
        <v>0</v>
      </c>
    </row>
    <row r="5530" spans="1:5" ht="409.5" x14ac:dyDescent="0.25">
      <c r="A5530" s="4" t="s">
        <v>20852</v>
      </c>
      <c r="B5530" s="1" t="s">
        <v>50512</v>
      </c>
      <c r="C5530" s="1" t="s">
        <v>20853</v>
      </c>
      <c r="D5530" s="2">
        <v>158358</v>
      </c>
      <c r="E5530" s="1" t="s">
        <v>0</v>
      </c>
    </row>
    <row r="5531" spans="1:5" x14ac:dyDescent="0.25">
      <c r="A5531" s="1" t="s">
        <v>20854</v>
      </c>
      <c r="B5531" s="1" t="s">
        <v>6584</v>
      </c>
      <c r="C5531" s="1" t="s">
        <v>20855</v>
      </c>
      <c r="D5531" s="2">
        <v>158359</v>
      </c>
      <c r="E5531" s="1" t="s">
        <v>0</v>
      </c>
    </row>
    <row r="5532" spans="1:5" x14ac:dyDescent="0.25">
      <c r="A5532" s="2">
        <v>1106</v>
      </c>
      <c r="B5532" s="2">
        <v>1106</v>
      </c>
      <c r="C5532" s="1" t="s">
        <v>0</v>
      </c>
      <c r="D5532" s="2">
        <v>158360</v>
      </c>
      <c r="E5532" s="1" t="s">
        <v>0</v>
      </c>
    </row>
    <row r="5533" spans="1:5" x14ac:dyDescent="0.25">
      <c r="A5533" s="1" t="s">
        <v>1030</v>
      </c>
      <c r="B5533" s="1" t="s">
        <v>6585</v>
      </c>
      <c r="C5533" s="1" t="s">
        <v>20856</v>
      </c>
      <c r="D5533" s="2">
        <v>158361</v>
      </c>
      <c r="E5533" s="1" t="s">
        <v>0</v>
      </c>
    </row>
    <row r="5534" spans="1:5" x14ac:dyDescent="0.25">
      <c r="A5534" s="1" t="s">
        <v>20857</v>
      </c>
      <c r="B5534" s="1" t="s">
        <v>52287</v>
      </c>
      <c r="C5534" s="1" t="s">
        <v>20858</v>
      </c>
      <c r="D5534" s="2">
        <v>158362</v>
      </c>
      <c r="E5534" s="1" t="s">
        <v>0</v>
      </c>
    </row>
    <row r="5535" spans="1:5" ht="409.5" x14ac:dyDescent="0.25">
      <c r="A5535" s="4" t="s">
        <v>20859</v>
      </c>
      <c r="B5535" s="1" t="s">
        <v>52288</v>
      </c>
      <c r="C5535" s="1" t="s">
        <v>20860</v>
      </c>
      <c r="D5535" s="2">
        <v>158363</v>
      </c>
      <c r="E5535" s="1" t="s">
        <v>0</v>
      </c>
    </row>
    <row r="5536" spans="1:5" x14ac:dyDescent="0.25">
      <c r="A5536" s="1" t="s">
        <v>20861</v>
      </c>
      <c r="B5536" s="1" t="s">
        <v>52289</v>
      </c>
      <c r="C5536" s="1" t="s">
        <v>20862</v>
      </c>
      <c r="D5536" s="2">
        <v>158364</v>
      </c>
      <c r="E5536" s="1" t="s">
        <v>0</v>
      </c>
    </row>
    <row r="5537" spans="1:5" x14ac:dyDescent="0.25">
      <c r="A5537" s="2">
        <v>1107</v>
      </c>
      <c r="B5537" s="2">
        <v>1107</v>
      </c>
      <c r="C5537" s="1" t="s">
        <v>0</v>
      </c>
      <c r="D5537" s="2">
        <v>158365</v>
      </c>
      <c r="E5537" s="1" t="s">
        <v>0</v>
      </c>
    </row>
    <row r="5538" spans="1:5" x14ac:dyDescent="0.25">
      <c r="A5538" s="1" t="s">
        <v>1031</v>
      </c>
      <c r="B5538" s="1" t="s">
        <v>6586</v>
      </c>
      <c r="C5538" s="1" t="s">
        <v>20863</v>
      </c>
      <c r="D5538" s="2">
        <v>158366</v>
      </c>
      <c r="E5538" s="1" t="s">
        <v>0</v>
      </c>
    </row>
    <row r="5539" spans="1:5" x14ac:dyDescent="0.25">
      <c r="A5539" s="1" t="s">
        <v>20864</v>
      </c>
      <c r="B5539" s="1" t="s">
        <v>52290</v>
      </c>
      <c r="C5539" s="1" t="s">
        <v>20865</v>
      </c>
      <c r="D5539" s="2">
        <v>158367</v>
      </c>
      <c r="E5539" s="1" t="s">
        <v>0</v>
      </c>
    </row>
    <row r="5540" spans="1:5" ht="409.5" x14ac:dyDescent="0.25">
      <c r="A5540" s="4" t="s">
        <v>20866</v>
      </c>
      <c r="B5540" s="1" t="s">
        <v>52291</v>
      </c>
      <c r="C5540" s="1" t="s">
        <v>20867</v>
      </c>
      <c r="D5540" s="2">
        <v>158368</v>
      </c>
      <c r="E5540" s="1" t="s">
        <v>0</v>
      </c>
    </row>
    <row r="5541" spans="1:5" x14ac:dyDescent="0.25">
      <c r="A5541" s="1" t="s">
        <v>20868</v>
      </c>
      <c r="B5541" s="1" t="s">
        <v>52292</v>
      </c>
      <c r="C5541" s="1" t="s">
        <v>20869</v>
      </c>
      <c r="D5541" s="2">
        <v>158369</v>
      </c>
      <c r="E5541" s="1" t="s">
        <v>0</v>
      </c>
    </row>
    <row r="5542" spans="1:5" x14ac:dyDescent="0.25">
      <c r="A5542" s="2">
        <v>1108</v>
      </c>
      <c r="B5542" s="2">
        <v>1108</v>
      </c>
      <c r="C5542" s="1" t="s">
        <v>0</v>
      </c>
      <c r="D5542" s="2">
        <v>158370</v>
      </c>
      <c r="E5542" s="1" t="s">
        <v>0</v>
      </c>
    </row>
    <row r="5543" spans="1:5" x14ac:dyDescent="0.25">
      <c r="A5543" s="1" t="s">
        <v>1032</v>
      </c>
      <c r="B5543" s="1" t="s">
        <v>6587</v>
      </c>
      <c r="C5543" s="1" t="s">
        <v>20870</v>
      </c>
      <c r="D5543" s="2">
        <v>158371</v>
      </c>
      <c r="E5543" s="1" t="s">
        <v>0</v>
      </c>
    </row>
    <row r="5544" spans="1:5" x14ac:dyDescent="0.25">
      <c r="A5544" s="1" t="s">
        <v>20871</v>
      </c>
      <c r="B5544" s="1" t="s">
        <v>50513</v>
      </c>
      <c r="C5544" s="1" t="s">
        <v>20872</v>
      </c>
      <c r="D5544" s="2">
        <v>158372</v>
      </c>
      <c r="E5544" s="1" t="s">
        <v>0</v>
      </c>
    </row>
    <row r="5545" spans="1:5" ht="409.5" x14ac:dyDescent="0.25">
      <c r="A5545" s="4" t="s">
        <v>20873</v>
      </c>
      <c r="B5545" s="1" t="s">
        <v>50514</v>
      </c>
      <c r="C5545" s="1" t="s">
        <v>20874</v>
      </c>
      <c r="D5545" s="2">
        <v>158373</v>
      </c>
      <c r="E5545" s="1" t="s">
        <v>0</v>
      </c>
    </row>
    <row r="5546" spans="1:5" x14ac:dyDescent="0.25">
      <c r="A5546" s="1" t="s">
        <v>20875</v>
      </c>
      <c r="B5546" s="1" t="s">
        <v>52293</v>
      </c>
      <c r="C5546" s="1" t="s">
        <v>20876</v>
      </c>
      <c r="D5546" s="2">
        <v>158374</v>
      </c>
      <c r="E5546" s="1" t="s">
        <v>0</v>
      </c>
    </row>
    <row r="5547" spans="1:5" x14ac:dyDescent="0.25">
      <c r="A5547" s="2">
        <v>1109</v>
      </c>
      <c r="B5547" s="2">
        <v>1109</v>
      </c>
      <c r="C5547" s="1" t="s">
        <v>0</v>
      </c>
      <c r="D5547" s="2">
        <v>158375</v>
      </c>
      <c r="E5547" s="1" t="s">
        <v>0</v>
      </c>
    </row>
    <row r="5548" spans="1:5" x14ac:dyDescent="0.25">
      <c r="A5548" s="1" t="s">
        <v>1033</v>
      </c>
      <c r="B5548" s="1" t="s">
        <v>6588</v>
      </c>
      <c r="C5548" s="1" t="s">
        <v>20877</v>
      </c>
      <c r="D5548" s="2">
        <v>158376</v>
      </c>
      <c r="E5548" s="1" t="s">
        <v>0</v>
      </c>
    </row>
    <row r="5549" spans="1:5" x14ac:dyDescent="0.25">
      <c r="A5549" s="1" t="s">
        <v>20878</v>
      </c>
      <c r="B5549" s="1" t="s">
        <v>57434</v>
      </c>
      <c r="C5549" s="1" t="s">
        <v>20879</v>
      </c>
      <c r="D5549" s="2">
        <v>158377</v>
      </c>
      <c r="E5549" s="1" t="s">
        <v>0</v>
      </c>
    </row>
    <row r="5550" spans="1:5" ht="409.5" x14ac:dyDescent="0.25">
      <c r="A5550" s="4" t="s">
        <v>20880</v>
      </c>
      <c r="B5550" s="1" t="s">
        <v>57435</v>
      </c>
      <c r="C5550" s="1" t="s">
        <v>20881</v>
      </c>
      <c r="D5550" s="2">
        <v>158378</v>
      </c>
      <c r="E5550" s="1" t="s">
        <v>0</v>
      </c>
    </row>
    <row r="5551" spans="1:5" x14ac:dyDescent="0.25">
      <c r="A5551" s="1" t="s">
        <v>20882</v>
      </c>
      <c r="B5551" s="1" t="s">
        <v>52294</v>
      </c>
      <c r="C5551" s="1" t="s">
        <v>20883</v>
      </c>
      <c r="D5551" s="2">
        <v>158379</v>
      </c>
      <c r="E5551" s="1" t="s">
        <v>0</v>
      </c>
    </row>
    <row r="5552" spans="1:5" x14ac:dyDescent="0.25">
      <c r="A5552" s="2">
        <v>1110</v>
      </c>
      <c r="B5552" s="2">
        <v>1110</v>
      </c>
      <c r="C5552" s="1" t="s">
        <v>0</v>
      </c>
      <c r="D5552" s="2">
        <v>158380</v>
      </c>
      <c r="E5552" s="1" t="s">
        <v>0</v>
      </c>
    </row>
    <row r="5553" spans="1:5" x14ac:dyDescent="0.25">
      <c r="A5553" s="1" t="s">
        <v>1034</v>
      </c>
      <c r="B5553" s="1" t="s">
        <v>6589</v>
      </c>
      <c r="C5553" s="1" t="s">
        <v>20884</v>
      </c>
      <c r="D5553" s="2">
        <v>158381</v>
      </c>
      <c r="E5553" s="1" t="s">
        <v>0</v>
      </c>
    </row>
    <row r="5554" spans="1:5" x14ac:dyDescent="0.25">
      <c r="A5554" s="1" t="s">
        <v>20885</v>
      </c>
      <c r="B5554" s="1" t="s">
        <v>52295</v>
      </c>
      <c r="C5554" s="1" t="s">
        <v>20886</v>
      </c>
      <c r="D5554" s="2">
        <v>158382</v>
      </c>
      <c r="E5554" s="1" t="s">
        <v>0</v>
      </c>
    </row>
    <row r="5555" spans="1:5" ht="409.5" x14ac:dyDescent="0.25">
      <c r="A5555" s="4" t="s">
        <v>20887</v>
      </c>
      <c r="B5555" s="1" t="s">
        <v>52296</v>
      </c>
      <c r="C5555" s="1" t="s">
        <v>20888</v>
      </c>
      <c r="D5555" s="2">
        <v>158383</v>
      </c>
      <c r="E5555" s="1" t="s">
        <v>0</v>
      </c>
    </row>
    <row r="5556" spans="1:5" x14ac:dyDescent="0.25">
      <c r="A5556" s="1" t="s">
        <v>20889</v>
      </c>
      <c r="B5556" s="1" t="s">
        <v>52297</v>
      </c>
      <c r="C5556" s="1" t="s">
        <v>20890</v>
      </c>
      <c r="D5556" s="2">
        <v>158384</v>
      </c>
      <c r="E5556" s="1" t="s">
        <v>0</v>
      </c>
    </row>
    <row r="5557" spans="1:5" x14ac:dyDescent="0.25">
      <c r="A5557" s="2">
        <v>1111</v>
      </c>
      <c r="B5557" s="2">
        <v>1111</v>
      </c>
      <c r="C5557" s="1" t="s">
        <v>0</v>
      </c>
      <c r="D5557" s="2">
        <v>158385</v>
      </c>
      <c r="E5557" s="1" t="s">
        <v>0</v>
      </c>
    </row>
    <row r="5558" spans="1:5" x14ac:dyDescent="0.25">
      <c r="A5558" s="1" t="s">
        <v>1035</v>
      </c>
      <c r="B5558" s="1" t="s">
        <v>6590</v>
      </c>
      <c r="C5558" s="1" t="s">
        <v>20891</v>
      </c>
      <c r="D5558" s="2">
        <v>158386</v>
      </c>
      <c r="E5558" s="1" t="s">
        <v>0</v>
      </c>
    </row>
    <row r="5559" spans="1:5" x14ac:dyDescent="0.25">
      <c r="A5559" s="1" t="s">
        <v>20892</v>
      </c>
      <c r="B5559" s="1" t="s">
        <v>6591</v>
      </c>
      <c r="C5559" s="1" t="s">
        <v>20893</v>
      </c>
      <c r="D5559" s="2">
        <v>158387</v>
      </c>
      <c r="E5559" s="1" t="s">
        <v>0</v>
      </c>
    </row>
    <row r="5560" spans="1:5" ht="409.5" x14ac:dyDescent="0.25">
      <c r="A5560" s="4" t="s">
        <v>20894</v>
      </c>
      <c r="B5560" s="1" t="s">
        <v>6592</v>
      </c>
      <c r="C5560" s="1" t="s">
        <v>20895</v>
      </c>
      <c r="D5560" s="2">
        <v>158388</v>
      </c>
      <c r="E5560" s="1" t="s">
        <v>0</v>
      </c>
    </row>
    <row r="5561" spans="1:5" x14ac:dyDescent="0.25">
      <c r="A5561" s="1" t="s">
        <v>20896</v>
      </c>
      <c r="B5561" s="1" t="s">
        <v>6593</v>
      </c>
      <c r="C5561" s="1" t="s">
        <v>20897</v>
      </c>
      <c r="D5561" s="2">
        <v>158389</v>
      </c>
      <c r="E5561" s="1" t="s">
        <v>0</v>
      </c>
    </row>
    <row r="5562" spans="1:5" x14ac:dyDescent="0.25">
      <c r="A5562" s="2">
        <v>1112</v>
      </c>
      <c r="B5562" s="2">
        <v>1112</v>
      </c>
      <c r="C5562" s="1" t="s">
        <v>0</v>
      </c>
      <c r="D5562" s="2">
        <v>158390</v>
      </c>
      <c r="E5562" s="1" t="s">
        <v>0</v>
      </c>
    </row>
    <row r="5563" spans="1:5" x14ac:dyDescent="0.25">
      <c r="A5563" s="1" t="s">
        <v>1036</v>
      </c>
      <c r="B5563" s="1" t="s">
        <v>52298</v>
      </c>
      <c r="C5563" s="1" t="s">
        <v>20898</v>
      </c>
      <c r="D5563" s="2">
        <v>158391</v>
      </c>
      <c r="E5563" s="1" t="s">
        <v>0</v>
      </c>
    </row>
    <row r="5564" spans="1:5" x14ac:dyDescent="0.25">
      <c r="A5564" s="1" t="s">
        <v>20899</v>
      </c>
      <c r="B5564" s="1" t="s">
        <v>52299</v>
      </c>
      <c r="C5564" s="1" t="s">
        <v>20900</v>
      </c>
      <c r="D5564" s="2">
        <v>158392</v>
      </c>
      <c r="E5564" s="1" t="s">
        <v>0</v>
      </c>
    </row>
    <row r="5565" spans="1:5" ht="409.5" x14ac:dyDescent="0.25">
      <c r="A5565" s="4" t="s">
        <v>20901</v>
      </c>
      <c r="B5565" s="1" t="s">
        <v>60404</v>
      </c>
      <c r="C5565" s="1" t="s">
        <v>20902</v>
      </c>
      <c r="D5565" s="2">
        <v>158393</v>
      </c>
      <c r="E5565" s="1" t="s">
        <v>0</v>
      </c>
    </row>
    <row r="5566" spans="1:5" x14ac:dyDescent="0.25">
      <c r="A5566" s="1" t="s">
        <v>20903</v>
      </c>
      <c r="B5566" s="1" t="s">
        <v>6594</v>
      </c>
      <c r="C5566" s="1" t="s">
        <v>20904</v>
      </c>
      <c r="D5566" s="2">
        <v>158394</v>
      </c>
      <c r="E5566" s="1" t="s">
        <v>0</v>
      </c>
    </row>
    <row r="5567" spans="1:5" x14ac:dyDescent="0.25">
      <c r="A5567" s="2">
        <v>1113</v>
      </c>
      <c r="B5567" s="2">
        <v>1113</v>
      </c>
      <c r="C5567" s="1" t="s">
        <v>0</v>
      </c>
      <c r="D5567" s="2">
        <v>158395</v>
      </c>
      <c r="E5567" s="1" t="s">
        <v>0</v>
      </c>
    </row>
    <row r="5568" spans="1:5" x14ac:dyDescent="0.25">
      <c r="A5568" s="1" t="s">
        <v>1037</v>
      </c>
      <c r="B5568" s="1" t="s">
        <v>52300</v>
      </c>
      <c r="C5568" s="1" t="s">
        <v>20905</v>
      </c>
      <c r="D5568" s="2">
        <v>158396</v>
      </c>
      <c r="E5568" s="1" t="s">
        <v>0</v>
      </c>
    </row>
    <row r="5569" spans="1:5" x14ac:dyDescent="0.25">
      <c r="A5569" s="1" t="s">
        <v>20906</v>
      </c>
      <c r="B5569" s="1" t="s">
        <v>56719</v>
      </c>
      <c r="C5569" s="1" t="s">
        <v>20907</v>
      </c>
      <c r="D5569" s="2">
        <v>158397</v>
      </c>
      <c r="E5569" s="1" t="s">
        <v>0</v>
      </c>
    </row>
    <row r="5570" spans="1:5" ht="409.5" x14ac:dyDescent="0.25">
      <c r="A5570" s="4" t="s">
        <v>20908</v>
      </c>
      <c r="B5570" s="1" t="s">
        <v>56720</v>
      </c>
      <c r="C5570" s="1" t="s">
        <v>20909</v>
      </c>
      <c r="D5570" s="2">
        <v>158398</v>
      </c>
      <c r="E5570" s="1" t="s">
        <v>0</v>
      </c>
    </row>
    <row r="5571" spans="1:5" x14ac:dyDescent="0.25">
      <c r="A5571" s="1" t="s">
        <v>20910</v>
      </c>
      <c r="B5571" s="1" t="s">
        <v>50515</v>
      </c>
      <c r="C5571" s="1" t="s">
        <v>20911</v>
      </c>
      <c r="D5571" s="2">
        <v>158399</v>
      </c>
      <c r="E5571" s="1" t="s">
        <v>0</v>
      </c>
    </row>
    <row r="5572" spans="1:5" x14ac:dyDescent="0.25">
      <c r="A5572" s="2">
        <v>1114</v>
      </c>
      <c r="B5572" s="2">
        <v>1114</v>
      </c>
      <c r="C5572" s="1" t="s">
        <v>0</v>
      </c>
      <c r="D5572" s="2">
        <v>158400</v>
      </c>
      <c r="E5572" s="1" t="s">
        <v>0</v>
      </c>
    </row>
    <row r="5573" spans="1:5" x14ac:dyDescent="0.25">
      <c r="A5573" s="1" t="s">
        <v>13029</v>
      </c>
      <c r="B5573" s="1" t="s">
        <v>52301</v>
      </c>
      <c r="C5573" s="1" t="s">
        <v>20912</v>
      </c>
      <c r="D5573" s="2">
        <v>158401</v>
      </c>
      <c r="E5573" s="1" t="s">
        <v>0</v>
      </c>
    </row>
    <row r="5574" spans="1:5" x14ac:dyDescent="0.25">
      <c r="A5574" s="1" t="s">
        <v>20913</v>
      </c>
      <c r="B5574" s="1" t="s">
        <v>52302</v>
      </c>
      <c r="C5574" s="1" t="s">
        <v>20914</v>
      </c>
      <c r="D5574" s="2">
        <v>158402</v>
      </c>
      <c r="E5574" s="1" t="s">
        <v>0</v>
      </c>
    </row>
    <row r="5575" spans="1:5" ht="409.5" x14ac:dyDescent="0.25">
      <c r="A5575" s="4" t="s">
        <v>20915</v>
      </c>
      <c r="B5575" s="1" t="s">
        <v>52303</v>
      </c>
      <c r="C5575" s="1" t="s">
        <v>20916</v>
      </c>
      <c r="D5575" s="2">
        <v>158403</v>
      </c>
      <c r="E5575" s="1" t="s">
        <v>0</v>
      </c>
    </row>
    <row r="5576" spans="1:5" x14ac:dyDescent="0.25">
      <c r="A5576" s="1" t="s">
        <v>20917</v>
      </c>
      <c r="B5576" s="1" t="s">
        <v>52304</v>
      </c>
      <c r="C5576" s="1" t="s">
        <v>20918</v>
      </c>
      <c r="D5576" s="2">
        <v>158404</v>
      </c>
      <c r="E5576" s="1" t="s">
        <v>0</v>
      </c>
    </row>
    <row r="5577" spans="1:5" x14ac:dyDescent="0.25">
      <c r="A5577" s="2">
        <v>1115</v>
      </c>
      <c r="B5577" s="2">
        <v>1115</v>
      </c>
      <c r="C5577" s="1" t="s">
        <v>0</v>
      </c>
      <c r="D5577" s="2">
        <v>158405</v>
      </c>
      <c r="E5577" s="1" t="s">
        <v>0</v>
      </c>
    </row>
    <row r="5578" spans="1:5" x14ac:dyDescent="0.25">
      <c r="A5578" s="1" t="s">
        <v>1038</v>
      </c>
      <c r="B5578" s="1" t="s">
        <v>6595</v>
      </c>
      <c r="C5578" s="1" t="s">
        <v>20919</v>
      </c>
      <c r="D5578" s="2">
        <v>158406</v>
      </c>
      <c r="E5578" s="1" t="s">
        <v>0</v>
      </c>
    </row>
    <row r="5579" spans="1:5" x14ac:dyDescent="0.25">
      <c r="A5579" s="1" t="s">
        <v>20920</v>
      </c>
      <c r="B5579" s="1" t="s">
        <v>52305</v>
      </c>
      <c r="C5579" s="1" t="s">
        <v>20921</v>
      </c>
      <c r="D5579" s="2">
        <v>158407</v>
      </c>
      <c r="E5579" s="1" t="s">
        <v>0</v>
      </c>
    </row>
    <row r="5580" spans="1:5" ht="409.5" x14ac:dyDescent="0.25">
      <c r="A5580" s="4" t="s">
        <v>20922</v>
      </c>
      <c r="B5580" s="1" t="s">
        <v>52306</v>
      </c>
      <c r="C5580" s="1" t="s">
        <v>20923</v>
      </c>
      <c r="D5580" s="2">
        <v>158408</v>
      </c>
      <c r="E5580" s="1" t="s">
        <v>0</v>
      </c>
    </row>
    <row r="5581" spans="1:5" x14ac:dyDescent="0.25">
      <c r="A5581" s="1" t="s">
        <v>20924</v>
      </c>
      <c r="B5581" s="1" t="s">
        <v>52307</v>
      </c>
      <c r="C5581" s="1" t="s">
        <v>20925</v>
      </c>
      <c r="D5581" s="2">
        <v>158409</v>
      </c>
      <c r="E5581" s="1" t="s">
        <v>0</v>
      </c>
    </row>
    <row r="5582" spans="1:5" x14ac:dyDescent="0.25">
      <c r="A5582" s="2">
        <v>1116</v>
      </c>
      <c r="B5582" s="2">
        <v>1116</v>
      </c>
      <c r="C5582" s="1" t="s">
        <v>0</v>
      </c>
      <c r="D5582" s="2">
        <v>158410</v>
      </c>
      <c r="E5582" s="1" t="s">
        <v>0</v>
      </c>
    </row>
    <row r="5583" spans="1:5" x14ac:dyDescent="0.25">
      <c r="A5583" s="1" t="s">
        <v>1039</v>
      </c>
      <c r="B5583" s="1" t="s">
        <v>6596</v>
      </c>
      <c r="C5583" s="1" t="s">
        <v>20926</v>
      </c>
      <c r="D5583" s="2">
        <v>158411</v>
      </c>
      <c r="E5583" s="1" t="s">
        <v>0</v>
      </c>
    </row>
    <row r="5584" spans="1:5" x14ac:dyDescent="0.25">
      <c r="A5584" s="1" t="s">
        <v>20927</v>
      </c>
      <c r="B5584" s="1" t="s">
        <v>63247</v>
      </c>
      <c r="C5584" s="1" t="s">
        <v>20928</v>
      </c>
      <c r="D5584" s="2">
        <v>158412</v>
      </c>
      <c r="E5584" s="1" t="s">
        <v>0</v>
      </c>
    </row>
    <row r="5585" spans="1:5" ht="409.5" x14ac:dyDescent="0.25">
      <c r="A5585" s="4" t="s">
        <v>64049</v>
      </c>
      <c r="B5585" s="1" t="s">
        <v>63868</v>
      </c>
      <c r="C5585" s="1" t="s">
        <v>20929</v>
      </c>
      <c r="D5585" s="2">
        <v>158413</v>
      </c>
      <c r="E5585" s="1" t="s">
        <v>0</v>
      </c>
    </row>
    <row r="5586" spans="1:5" x14ac:dyDescent="0.25">
      <c r="A5586" s="1" t="s">
        <v>20930</v>
      </c>
      <c r="B5586" s="1" t="s">
        <v>6597</v>
      </c>
      <c r="C5586" s="1" t="s">
        <v>20931</v>
      </c>
      <c r="D5586" s="2">
        <v>158414</v>
      </c>
      <c r="E5586" s="1" t="s">
        <v>0</v>
      </c>
    </row>
    <row r="5587" spans="1:5" x14ac:dyDescent="0.25">
      <c r="A5587" s="2">
        <v>1117</v>
      </c>
      <c r="B5587" s="2">
        <v>1117</v>
      </c>
      <c r="C5587" s="1" t="s">
        <v>0</v>
      </c>
      <c r="D5587" s="2">
        <v>158415</v>
      </c>
      <c r="E5587" s="1" t="s">
        <v>0</v>
      </c>
    </row>
    <row r="5588" spans="1:5" x14ac:dyDescent="0.25">
      <c r="A5588" s="1" t="s">
        <v>1040</v>
      </c>
      <c r="B5588" s="1" t="s">
        <v>6598</v>
      </c>
      <c r="C5588" s="1" t="s">
        <v>20932</v>
      </c>
      <c r="D5588" s="2">
        <v>158416</v>
      </c>
      <c r="E5588" s="1" t="s">
        <v>0</v>
      </c>
    </row>
    <row r="5589" spans="1:5" x14ac:dyDescent="0.25">
      <c r="A5589" s="1" t="s">
        <v>20933</v>
      </c>
      <c r="B5589" s="1" t="s">
        <v>58700</v>
      </c>
      <c r="C5589" s="1" t="s">
        <v>20934</v>
      </c>
      <c r="D5589" s="2">
        <v>158417</v>
      </c>
      <c r="E5589" s="1" t="s">
        <v>0</v>
      </c>
    </row>
    <row r="5590" spans="1:5" ht="409.5" x14ac:dyDescent="0.25">
      <c r="A5590" s="4" t="s">
        <v>20935</v>
      </c>
      <c r="B5590" s="1" t="s">
        <v>58701</v>
      </c>
      <c r="C5590" s="1" t="s">
        <v>20936</v>
      </c>
      <c r="D5590" s="2">
        <v>158418</v>
      </c>
      <c r="E5590" s="1" t="s">
        <v>0</v>
      </c>
    </row>
    <row r="5591" spans="1:5" x14ac:dyDescent="0.25">
      <c r="A5591" s="1" t="s">
        <v>20937</v>
      </c>
      <c r="B5591" s="1" t="s">
        <v>52308</v>
      </c>
      <c r="C5591" s="1" t="s">
        <v>20938</v>
      </c>
      <c r="D5591" s="2">
        <v>158419</v>
      </c>
      <c r="E5591" s="1" t="s">
        <v>0</v>
      </c>
    </row>
    <row r="5592" spans="1:5" x14ac:dyDescent="0.25">
      <c r="A5592" s="2">
        <v>1118</v>
      </c>
      <c r="B5592" s="2">
        <v>1118</v>
      </c>
      <c r="C5592" s="1" t="s">
        <v>0</v>
      </c>
      <c r="D5592" s="2">
        <v>158420</v>
      </c>
      <c r="E5592" s="1" t="s">
        <v>0</v>
      </c>
    </row>
    <row r="5593" spans="1:5" x14ac:dyDescent="0.25">
      <c r="A5593" s="1" t="s">
        <v>1041</v>
      </c>
      <c r="B5593" s="1" t="s">
        <v>6599</v>
      </c>
      <c r="C5593" s="1" t="s">
        <v>20939</v>
      </c>
      <c r="D5593" s="2">
        <v>158421</v>
      </c>
      <c r="E5593" s="1" t="s">
        <v>0</v>
      </c>
    </row>
    <row r="5594" spans="1:5" x14ac:dyDescent="0.25">
      <c r="A5594" s="1" t="s">
        <v>20940</v>
      </c>
      <c r="B5594" s="1" t="s">
        <v>6600</v>
      </c>
      <c r="C5594" s="1" t="s">
        <v>20941</v>
      </c>
      <c r="D5594" s="2">
        <v>158422</v>
      </c>
      <c r="E5594" s="1" t="s">
        <v>0</v>
      </c>
    </row>
    <row r="5595" spans="1:5" ht="409.5" x14ac:dyDescent="0.25">
      <c r="A5595" s="4" t="s">
        <v>20942</v>
      </c>
      <c r="B5595" s="1" t="s">
        <v>58241</v>
      </c>
      <c r="C5595" s="1" t="s">
        <v>20943</v>
      </c>
      <c r="D5595" s="2">
        <v>158423</v>
      </c>
      <c r="E5595" s="1" t="s">
        <v>0</v>
      </c>
    </row>
    <row r="5596" spans="1:5" x14ac:dyDescent="0.25">
      <c r="A5596" s="1" t="s">
        <v>20944</v>
      </c>
      <c r="B5596" s="1" t="s">
        <v>52309</v>
      </c>
      <c r="C5596" s="1" t="s">
        <v>20945</v>
      </c>
      <c r="D5596" s="2">
        <v>158424</v>
      </c>
      <c r="E5596" s="1" t="s">
        <v>0</v>
      </c>
    </row>
    <row r="5597" spans="1:5" x14ac:dyDescent="0.25">
      <c r="A5597" s="2">
        <v>1119</v>
      </c>
      <c r="B5597" s="2">
        <v>1119</v>
      </c>
      <c r="C5597" s="1" t="s">
        <v>0</v>
      </c>
      <c r="D5597" s="2">
        <v>158425</v>
      </c>
      <c r="E5597" s="1" t="s">
        <v>0</v>
      </c>
    </row>
    <row r="5598" spans="1:5" x14ac:dyDescent="0.25">
      <c r="A5598" s="1" t="s">
        <v>1042</v>
      </c>
      <c r="B5598" s="1" t="s">
        <v>6601</v>
      </c>
      <c r="C5598" s="1" t="s">
        <v>20946</v>
      </c>
      <c r="D5598" s="2">
        <v>158426</v>
      </c>
      <c r="E5598" s="1" t="s">
        <v>0</v>
      </c>
    </row>
    <row r="5599" spans="1:5" x14ac:dyDescent="0.25">
      <c r="A5599" s="1" t="s">
        <v>20947</v>
      </c>
      <c r="B5599" s="1" t="s">
        <v>6602</v>
      </c>
      <c r="C5599" s="1" t="s">
        <v>20948</v>
      </c>
      <c r="D5599" s="2">
        <v>158427</v>
      </c>
      <c r="E5599" s="1" t="s">
        <v>0</v>
      </c>
    </row>
    <row r="5600" spans="1:5" ht="409.5" x14ac:dyDescent="0.25">
      <c r="A5600" s="4" t="s">
        <v>20949</v>
      </c>
      <c r="B5600" s="1" t="s">
        <v>6603</v>
      </c>
      <c r="C5600" s="1" t="s">
        <v>20950</v>
      </c>
      <c r="D5600" s="2">
        <v>158428</v>
      </c>
      <c r="E5600" s="1" t="s">
        <v>0</v>
      </c>
    </row>
    <row r="5601" spans="1:5" x14ac:dyDescent="0.25">
      <c r="A5601" s="1" t="s">
        <v>20951</v>
      </c>
      <c r="B5601" s="1" t="s">
        <v>6604</v>
      </c>
      <c r="C5601" s="1" t="s">
        <v>20952</v>
      </c>
      <c r="D5601" s="2">
        <v>158429</v>
      </c>
      <c r="E5601" s="1" t="s">
        <v>0</v>
      </c>
    </row>
    <row r="5602" spans="1:5" x14ac:dyDescent="0.25">
      <c r="A5602" s="2">
        <v>1120</v>
      </c>
      <c r="B5602" s="2">
        <v>1120</v>
      </c>
      <c r="C5602" s="1" t="s">
        <v>0</v>
      </c>
      <c r="D5602" s="2">
        <v>158430</v>
      </c>
      <c r="E5602" s="1" t="s">
        <v>0</v>
      </c>
    </row>
    <row r="5603" spans="1:5" x14ac:dyDescent="0.25">
      <c r="A5603" s="1" t="s">
        <v>1043</v>
      </c>
      <c r="B5603" s="1" t="s">
        <v>6605</v>
      </c>
      <c r="C5603" s="1" t="s">
        <v>20953</v>
      </c>
      <c r="D5603" s="2">
        <v>158431</v>
      </c>
      <c r="E5603" s="1" t="s">
        <v>0</v>
      </c>
    </row>
    <row r="5604" spans="1:5" x14ac:dyDescent="0.25">
      <c r="A5604" s="1" t="s">
        <v>20954</v>
      </c>
      <c r="B5604" s="1" t="s">
        <v>52310</v>
      </c>
      <c r="C5604" s="1" t="s">
        <v>20955</v>
      </c>
      <c r="D5604" s="2">
        <v>158432</v>
      </c>
      <c r="E5604" s="1" t="s">
        <v>0</v>
      </c>
    </row>
    <row r="5605" spans="1:5" ht="409.5" x14ac:dyDescent="0.25">
      <c r="A5605" s="4" t="s">
        <v>20956</v>
      </c>
      <c r="B5605" s="1" t="s">
        <v>52311</v>
      </c>
      <c r="C5605" s="1" t="s">
        <v>20957</v>
      </c>
      <c r="D5605" s="2">
        <v>158433</v>
      </c>
      <c r="E5605" s="1" t="s">
        <v>0</v>
      </c>
    </row>
    <row r="5606" spans="1:5" x14ac:dyDescent="0.25">
      <c r="A5606" s="1" t="s">
        <v>20958</v>
      </c>
      <c r="B5606" s="1" t="s">
        <v>52312</v>
      </c>
      <c r="C5606" s="1" t="s">
        <v>20959</v>
      </c>
      <c r="D5606" s="2">
        <v>158434</v>
      </c>
      <c r="E5606" s="1" t="s">
        <v>0</v>
      </c>
    </row>
    <row r="5607" spans="1:5" x14ac:dyDescent="0.25">
      <c r="A5607" s="2">
        <v>1121</v>
      </c>
      <c r="B5607" s="2">
        <v>1121</v>
      </c>
      <c r="C5607" s="1" t="s">
        <v>0</v>
      </c>
      <c r="D5607" s="2">
        <v>158435</v>
      </c>
      <c r="E5607" s="1" t="s">
        <v>0</v>
      </c>
    </row>
    <row r="5608" spans="1:5" x14ac:dyDescent="0.25">
      <c r="A5608" s="1" t="s">
        <v>1044</v>
      </c>
      <c r="B5608" s="1" t="s">
        <v>6606</v>
      </c>
      <c r="C5608" s="1" t="s">
        <v>20960</v>
      </c>
      <c r="D5608" s="2">
        <v>158436</v>
      </c>
      <c r="E5608" s="1" t="s">
        <v>0</v>
      </c>
    </row>
    <row r="5609" spans="1:5" x14ac:dyDescent="0.25">
      <c r="A5609" s="1" t="s">
        <v>20961</v>
      </c>
      <c r="B5609" s="1" t="s">
        <v>52313</v>
      </c>
      <c r="C5609" s="1" t="s">
        <v>20962</v>
      </c>
      <c r="D5609" s="2">
        <v>158437</v>
      </c>
      <c r="E5609" s="1" t="s">
        <v>0</v>
      </c>
    </row>
    <row r="5610" spans="1:5" ht="409.5" x14ac:dyDescent="0.25">
      <c r="A5610" s="4" t="s">
        <v>20963</v>
      </c>
      <c r="B5610" s="1" t="s">
        <v>52314</v>
      </c>
      <c r="C5610" s="1" t="s">
        <v>20964</v>
      </c>
      <c r="D5610" s="2">
        <v>158438</v>
      </c>
      <c r="E5610" s="1" t="s">
        <v>0</v>
      </c>
    </row>
    <row r="5611" spans="1:5" x14ac:dyDescent="0.25">
      <c r="A5611" s="1" t="s">
        <v>20965</v>
      </c>
      <c r="B5611" s="1" t="s">
        <v>57156</v>
      </c>
      <c r="C5611" s="1" t="s">
        <v>20966</v>
      </c>
      <c r="D5611" s="2">
        <v>158439</v>
      </c>
      <c r="E5611" s="1" t="s">
        <v>0</v>
      </c>
    </row>
    <row r="5612" spans="1:5" x14ac:dyDescent="0.25">
      <c r="A5612" s="2">
        <v>1122</v>
      </c>
      <c r="B5612" s="2">
        <v>1122</v>
      </c>
      <c r="C5612" s="1" t="s">
        <v>0</v>
      </c>
      <c r="D5612" s="2">
        <v>158440</v>
      </c>
      <c r="E5612" s="1" t="s">
        <v>0</v>
      </c>
    </row>
    <row r="5613" spans="1:5" x14ac:dyDescent="0.25">
      <c r="A5613" s="1" t="s">
        <v>1045</v>
      </c>
      <c r="B5613" s="1" t="s">
        <v>6607</v>
      </c>
      <c r="C5613" s="1" t="s">
        <v>20967</v>
      </c>
      <c r="D5613" s="2">
        <v>158441</v>
      </c>
      <c r="E5613" s="1" t="s">
        <v>0</v>
      </c>
    </row>
    <row r="5614" spans="1:5" x14ac:dyDescent="0.25">
      <c r="A5614" s="1" t="s">
        <v>20968</v>
      </c>
      <c r="B5614" s="1" t="s">
        <v>6608</v>
      </c>
      <c r="C5614" s="1" t="s">
        <v>20969</v>
      </c>
      <c r="D5614" s="2">
        <v>158442</v>
      </c>
      <c r="E5614" s="1" t="s">
        <v>0</v>
      </c>
    </row>
    <row r="5615" spans="1:5" ht="409.5" x14ac:dyDescent="0.25">
      <c r="A5615" s="4" t="s">
        <v>20970</v>
      </c>
      <c r="B5615" s="1" t="s">
        <v>20971</v>
      </c>
      <c r="C5615" s="1" t="s">
        <v>20972</v>
      </c>
      <c r="D5615" s="2">
        <v>158443</v>
      </c>
      <c r="E5615" s="1" t="s">
        <v>0</v>
      </c>
    </row>
    <row r="5616" spans="1:5" x14ac:dyDescent="0.25">
      <c r="A5616" s="1" t="s">
        <v>20973</v>
      </c>
      <c r="B5616" s="1" t="s">
        <v>52315</v>
      </c>
      <c r="C5616" s="1" t="s">
        <v>20974</v>
      </c>
      <c r="D5616" s="2">
        <v>158444</v>
      </c>
      <c r="E5616" s="1" t="s">
        <v>0</v>
      </c>
    </row>
    <row r="5617" spans="1:5" x14ac:dyDescent="0.25">
      <c r="A5617" s="2">
        <v>1123</v>
      </c>
      <c r="B5617" s="2">
        <v>1123</v>
      </c>
      <c r="C5617" s="1" t="s">
        <v>0</v>
      </c>
      <c r="D5617" s="2">
        <v>158445</v>
      </c>
      <c r="E5617" s="1" t="s">
        <v>0</v>
      </c>
    </row>
    <row r="5618" spans="1:5" x14ac:dyDescent="0.25">
      <c r="A5618" s="1" t="s">
        <v>1046</v>
      </c>
      <c r="B5618" s="1" t="s">
        <v>6609</v>
      </c>
      <c r="C5618" s="1" t="s">
        <v>20975</v>
      </c>
      <c r="D5618" s="2">
        <v>158446</v>
      </c>
      <c r="E5618" s="1" t="s">
        <v>0</v>
      </c>
    </row>
    <row r="5619" spans="1:5" x14ac:dyDescent="0.25">
      <c r="A5619" s="1" t="s">
        <v>20976</v>
      </c>
      <c r="B5619" s="1" t="s">
        <v>60706</v>
      </c>
      <c r="C5619" s="1" t="s">
        <v>20977</v>
      </c>
      <c r="D5619" s="2">
        <v>158447</v>
      </c>
      <c r="E5619" s="1" t="s">
        <v>0</v>
      </c>
    </row>
    <row r="5620" spans="1:5" ht="409.5" x14ac:dyDescent="0.25">
      <c r="A5620" s="4" t="s">
        <v>20978</v>
      </c>
      <c r="B5620" s="1" t="s">
        <v>60707</v>
      </c>
      <c r="C5620" s="1" t="s">
        <v>20979</v>
      </c>
      <c r="D5620" s="2">
        <v>158448</v>
      </c>
      <c r="E5620" s="1" t="s">
        <v>0</v>
      </c>
    </row>
    <row r="5621" spans="1:5" x14ac:dyDescent="0.25">
      <c r="A5621" s="1" t="s">
        <v>20980</v>
      </c>
      <c r="B5621" s="1" t="s">
        <v>6610</v>
      </c>
      <c r="C5621" s="1" t="s">
        <v>20981</v>
      </c>
      <c r="D5621" s="2">
        <v>158449</v>
      </c>
      <c r="E5621" s="1" t="s">
        <v>0</v>
      </c>
    </row>
    <row r="5622" spans="1:5" x14ac:dyDescent="0.25">
      <c r="A5622" s="2">
        <v>1124</v>
      </c>
      <c r="B5622" s="2">
        <v>1124</v>
      </c>
      <c r="C5622" s="1" t="s">
        <v>0</v>
      </c>
      <c r="D5622" s="2">
        <v>158450</v>
      </c>
      <c r="E5622" s="1" t="s">
        <v>0</v>
      </c>
    </row>
    <row r="5623" spans="1:5" x14ac:dyDescent="0.25">
      <c r="A5623" s="1" t="s">
        <v>13030</v>
      </c>
      <c r="B5623" s="1" t="s">
        <v>6611</v>
      </c>
      <c r="C5623" s="1" t="s">
        <v>20982</v>
      </c>
      <c r="D5623" s="2">
        <v>158451</v>
      </c>
      <c r="E5623" s="1" t="s">
        <v>0</v>
      </c>
    </row>
    <row r="5624" spans="1:5" x14ac:dyDescent="0.25">
      <c r="A5624" s="1" t="s">
        <v>20983</v>
      </c>
      <c r="B5624" s="1" t="s">
        <v>63640</v>
      </c>
      <c r="C5624" s="1" t="s">
        <v>20984</v>
      </c>
      <c r="D5624" s="2">
        <v>158452</v>
      </c>
      <c r="E5624" s="1" t="s">
        <v>0</v>
      </c>
    </row>
    <row r="5625" spans="1:5" ht="409.5" x14ac:dyDescent="0.25">
      <c r="A5625" s="4" t="s">
        <v>20985</v>
      </c>
      <c r="B5625" s="1" t="s">
        <v>63641</v>
      </c>
      <c r="C5625" s="1" t="s">
        <v>20986</v>
      </c>
      <c r="D5625" s="2">
        <v>158453</v>
      </c>
      <c r="E5625" s="1" t="s">
        <v>0</v>
      </c>
    </row>
    <row r="5626" spans="1:5" x14ac:dyDescent="0.25">
      <c r="A5626" s="1" t="s">
        <v>20987</v>
      </c>
      <c r="B5626" s="1" t="s">
        <v>6612</v>
      </c>
      <c r="C5626" s="1" t="s">
        <v>20988</v>
      </c>
      <c r="D5626" s="2">
        <v>158454</v>
      </c>
      <c r="E5626" s="1" t="s">
        <v>0</v>
      </c>
    </row>
    <row r="5627" spans="1:5" x14ac:dyDescent="0.25">
      <c r="A5627" s="2">
        <v>1125</v>
      </c>
      <c r="B5627" s="2">
        <v>1125</v>
      </c>
      <c r="C5627" s="1" t="s">
        <v>0</v>
      </c>
      <c r="D5627" s="2">
        <v>158455</v>
      </c>
      <c r="E5627" s="1" t="s">
        <v>0</v>
      </c>
    </row>
    <row r="5628" spans="1:5" x14ac:dyDescent="0.25">
      <c r="A5628" s="1" t="s">
        <v>1047</v>
      </c>
      <c r="B5628" s="1" t="s">
        <v>6613</v>
      </c>
      <c r="C5628" s="1" t="s">
        <v>20989</v>
      </c>
      <c r="D5628" s="2">
        <v>158456</v>
      </c>
      <c r="E5628" s="1" t="s">
        <v>0</v>
      </c>
    </row>
    <row r="5629" spans="1:5" x14ac:dyDescent="0.25">
      <c r="A5629" s="1" t="s">
        <v>20990</v>
      </c>
      <c r="B5629" s="1" t="s">
        <v>6614</v>
      </c>
      <c r="C5629" s="1" t="s">
        <v>20991</v>
      </c>
      <c r="D5629" s="2">
        <v>158457</v>
      </c>
      <c r="E5629" s="1" t="s">
        <v>0</v>
      </c>
    </row>
    <row r="5630" spans="1:5" ht="409.5" x14ac:dyDescent="0.25">
      <c r="A5630" s="4" t="s">
        <v>20992</v>
      </c>
      <c r="B5630" s="1" t="s">
        <v>13031</v>
      </c>
      <c r="C5630" s="1" t="s">
        <v>20993</v>
      </c>
      <c r="D5630" s="2">
        <v>158458</v>
      </c>
      <c r="E5630" s="1" t="s">
        <v>0</v>
      </c>
    </row>
    <row r="5631" spans="1:5" x14ac:dyDescent="0.25">
      <c r="A5631" s="1" t="s">
        <v>20994</v>
      </c>
      <c r="B5631" s="1" t="s">
        <v>6615</v>
      </c>
      <c r="C5631" s="1" t="s">
        <v>20995</v>
      </c>
      <c r="D5631" s="2">
        <v>158459</v>
      </c>
      <c r="E5631" s="1" t="s">
        <v>0</v>
      </c>
    </row>
    <row r="5632" spans="1:5" x14ac:dyDescent="0.25">
      <c r="A5632" s="2">
        <v>1126</v>
      </c>
      <c r="B5632" s="2">
        <v>1126</v>
      </c>
      <c r="C5632" s="1" t="s">
        <v>0</v>
      </c>
      <c r="D5632" s="2">
        <v>158460</v>
      </c>
      <c r="E5632" s="1" t="s">
        <v>0</v>
      </c>
    </row>
    <row r="5633" spans="1:5" x14ac:dyDescent="0.25">
      <c r="A5633" s="1" t="s">
        <v>1048</v>
      </c>
      <c r="B5633" s="1" t="s">
        <v>6616</v>
      </c>
      <c r="C5633" s="1" t="s">
        <v>20996</v>
      </c>
      <c r="D5633" s="2">
        <v>158461</v>
      </c>
      <c r="E5633" s="1" t="s">
        <v>0</v>
      </c>
    </row>
    <row r="5634" spans="1:5" x14ac:dyDescent="0.25">
      <c r="A5634" s="1" t="s">
        <v>20997</v>
      </c>
      <c r="B5634" s="1" t="s">
        <v>6617</v>
      </c>
      <c r="C5634" s="1" t="s">
        <v>20998</v>
      </c>
      <c r="D5634" s="2">
        <v>158462</v>
      </c>
      <c r="E5634" s="1" t="s">
        <v>0</v>
      </c>
    </row>
    <row r="5635" spans="1:5" ht="409.5" x14ac:dyDescent="0.25">
      <c r="A5635" s="4" t="s">
        <v>20999</v>
      </c>
      <c r="B5635" s="1" t="s">
        <v>50516</v>
      </c>
      <c r="C5635" s="1" t="s">
        <v>21000</v>
      </c>
      <c r="D5635" s="2">
        <v>158463</v>
      </c>
      <c r="E5635" s="1" t="s">
        <v>0</v>
      </c>
    </row>
    <row r="5636" spans="1:5" x14ac:dyDescent="0.25">
      <c r="A5636" s="1" t="s">
        <v>21001</v>
      </c>
      <c r="B5636" s="1" t="s">
        <v>52316</v>
      </c>
      <c r="C5636" s="1" t="s">
        <v>21002</v>
      </c>
      <c r="D5636" s="2">
        <v>158464</v>
      </c>
      <c r="E5636" s="1" t="s">
        <v>0</v>
      </c>
    </row>
    <row r="5637" spans="1:5" x14ac:dyDescent="0.25">
      <c r="A5637" s="2">
        <v>1127</v>
      </c>
      <c r="B5637" s="2">
        <v>1127</v>
      </c>
      <c r="C5637" s="1" t="s">
        <v>0</v>
      </c>
      <c r="D5637" s="2">
        <v>158465</v>
      </c>
      <c r="E5637" s="1" t="s">
        <v>0</v>
      </c>
    </row>
    <row r="5638" spans="1:5" x14ac:dyDescent="0.25">
      <c r="A5638" s="1" t="s">
        <v>1049</v>
      </c>
      <c r="B5638" s="1" t="s">
        <v>6618</v>
      </c>
      <c r="C5638" s="1" t="s">
        <v>21003</v>
      </c>
      <c r="D5638" s="2">
        <v>158466</v>
      </c>
      <c r="E5638" s="1" t="s">
        <v>0</v>
      </c>
    </row>
    <row r="5639" spans="1:5" x14ac:dyDescent="0.25">
      <c r="A5639" s="1" t="s">
        <v>21004</v>
      </c>
      <c r="B5639" s="1" t="s">
        <v>52317</v>
      </c>
      <c r="C5639" s="1" t="s">
        <v>21005</v>
      </c>
      <c r="D5639" s="2">
        <v>158467</v>
      </c>
      <c r="E5639" s="1" t="s">
        <v>0</v>
      </c>
    </row>
    <row r="5640" spans="1:5" ht="409.5" x14ac:dyDescent="0.25">
      <c r="A5640" s="4" t="s">
        <v>21006</v>
      </c>
      <c r="B5640" s="1" t="s">
        <v>52318</v>
      </c>
      <c r="C5640" s="1" t="s">
        <v>21007</v>
      </c>
      <c r="D5640" s="2">
        <v>158468</v>
      </c>
      <c r="E5640" s="1" t="s">
        <v>0</v>
      </c>
    </row>
    <row r="5641" spans="1:5" x14ac:dyDescent="0.25">
      <c r="A5641" s="1" t="s">
        <v>21008</v>
      </c>
      <c r="B5641" s="1" t="s">
        <v>6619</v>
      </c>
      <c r="C5641" s="1" t="s">
        <v>21009</v>
      </c>
      <c r="D5641" s="2">
        <v>158469</v>
      </c>
      <c r="E5641" s="1" t="s">
        <v>0</v>
      </c>
    </row>
    <row r="5642" spans="1:5" x14ac:dyDescent="0.25">
      <c r="A5642" s="2">
        <v>1128</v>
      </c>
      <c r="B5642" s="2">
        <v>1128</v>
      </c>
      <c r="C5642" s="1" t="s">
        <v>0</v>
      </c>
      <c r="D5642" s="2">
        <v>158470</v>
      </c>
      <c r="E5642" s="1" t="s">
        <v>0</v>
      </c>
    </row>
    <row r="5643" spans="1:5" x14ac:dyDescent="0.25">
      <c r="A5643" s="1" t="s">
        <v>1050</v>
      </c>
      <c r="B5643" s="1" t="s">
        <v>6620</v>
      </c>
      <c r="C5643" s="1" t="s">
        <v>21010</v>
      </c>
      <c r="D5643" s="2">
        <v>158471</v>
      </c>
      <c r="E5643" s="1" t="s">
        <v>0</v>
      </c>
    </row>
    <row r="5644" spans="1:5" x14ac:dyDescent="0.25">
      <c r="A5644" s="1" t="s">
        <v>21011</v>
      </c>
      <c r="B5644" s="1" t="s">
        <v>56721</v>
      </c>
      <c r="C5644" s="1" t="s">
        <v>21012</v>
      </c>
      <c r="D5644" s="2">
        <v>158472</v>
      </c>
      <c r="E5644" s="1" t="s">
        <v>0</v>
      </c>
    </row>
    <row r="5645" spans="1:5" ht="409.5" x14ac:dyDescent="0.25">
      <c r="A5645" s="4" t="s">
        <v>21013</v>
      </c>
      <c r="B5645" s="1" t="s">
        <v>60985</v>
      </c>
      <c r="C5645" s="1" t="s">
        <v>21014</v>
      </c>
      <c r="D5645" s="2">
        <v>158473</v>
      </c>
      <c r="E5645" s="1" t="s">
        <v>0</v>
      </c>
    </row>
    <row r="5646" spans="1:5" x14ac:dyDescent="0.25">
      <c r="A5646" s="1" t="s">
        <v>21015</v>
      </c>
      <c r="B5646" s="1" t="s">
        <v>50517</v>
      </c>
      <c r="C5646" s="1" t="s">
        <v>21016</v>
      </c>
      <c r="D5646" s="2">
        <v>158474</v>
      </c>
      <c r="E5646" s="1" t="s">
        <v>0</v>
      </c>
    </row>
    <row r="5647" spans="1:5" x14ac:dyDescent="0.25">
      <c r="A5647" s="2">
        <v>1129</v>
      </c>
      <c r="B5647" s="2">
        <v>1129</v>
      </c>
      <c r="C5647" s="1" t="s">
        <v>0</v>
      </c>
      <c r="D5647" s="2">
        <v>158475</v>
      </c>
      <c r="E5647" s="1" t="s">
        <v>0</v>
      </c>
    </row>
    <row r="5648" spans="1:5" x14ac:dyDescent="0.25">
      <c r="A5648" s="1" t="s">
        <v>1051</v>
      </c>
      <c r="B5648" s="1" t="s">
        <v>6621</v>
      </c>
      <c r="C5648" s="1" t="s">
        <v>21017</v>
      </c>
      <c r="D5648" s="2">
        <v>158476</v>
      </c>
      <c r="E5648" s="1" t="s">
        <v>0</v>
      </c>
    </row>
    <row r="5649" spans="1:5" x14ac:dyDescent="0.25">
      <c r="A5649" s="1" t="s">
        <v>21018</v>
      </c>
      <c r="B5649" s="1" t="s">
        <v>6622</v>
      </c>
      <c r="C5649" s="1" t="s">
        <v>21019</v>
      </c>
      <c r="D5649" s="2">
        <v>158477</v>
      </c>
      <c r="E5649" s="1" t="s">
        <v>0</v>
      </c>
    </row>
    <row r="5650" spans="1:5" ht="409.5" x14ac:dyDescent="0.25">
      <c r="A5650" s="4" t="s">
        <v>21020</v>
      </c>
      <c r="B5650" s="1" t="s">
        <v>61601</v>
      </c>
      <c r="C5650" s="1" t="s">
        <v>21021</v>
      </c>
      <c r="D5650" s="2">
        <v>158478</v>
      </c>
      <c r="E5650" s="1" t="s">
        <v>0</v>
      </c>
    </row>
    <row r="5651" spans="1:5" x14ac:dyDescent="0.25">
      <c r="A5651" s="1" t="s">
        <v>21022</v>
      </c>
      <c r="B5651" s="1" t="s">
        <v>52319</v>
      </c>
      <c r="C5651" s="1" t="s">
        <v>21023</v>
      </c>
      <c r="D5651" s="2">
        <v>158479</v>
      </c>
      <c r="E5651" s="1" t="s">
        <v>0</v>
      </c>
    </row>
    <row r="5652" spans="1:5" x14ac:dyDescent="0.25">
      <c r="A5652" s="2">
        <v>1130</v>
      </c>
      <c r="B5652" s="2">
        <v>1130</v>
      </c>
      <c r="C5652" s="1" t="s">
        <v>0</v>
      </c>
      <c r="D5652" s="2">
        <v>158480</v>
      </c>
      <c r="E5652" s="1" t="s">
        <v>0</v>
      </c>
    </row>
    <row r="5653" spans="1:5" x14ac:dyDescent="0.25">
      <c r="A5653" s="1" t="s">
        <v>1052</v>
      </c>
      <c r="B5653" s="1" t="s">
        <v>52320</v>
      </c>
      <c r="C5653" s="1" t="s">
        <v>21024</v>
      </c>
      <c r="D5653" s="2">
        <v>158481</v>
      </c>
      <c r="E5653" s="1" t="s">
        <v>0</v>
      </c>
    </row>
    <row r="5654" spans="1:5" x14ac:dyDescent="0.25">
      <c r="A5654" s="1" t="s">
        <v>21025</v>
      </c>
      <c r="B5654" s="1" t="s">
        <v>52321</v>
      </c>
      <c r="C5654" s="1" t="s">
        <v>21026</v>
      </c>
      <c r="D5654" s="2">
        <v>158482</v>
      </c>
      <c r="E5654" s="1" t="s">
        <v>0</v>
      </c>
    </row>
    <row r="5655" spans="1:5" ht="409.5" x14ac:dyDescent="0.25">
      <c r="A5655" s="4" t="s">
        <v>21027</v>
      </c>
      <c r="B5655" s="1" t="s">
        <v>52322</v>
      </c>
      <c r="C5655" s="1" t="s">
        <v>21028</v>
      </c>
      <c r="D5655" s="2">
        <v>158483</v>
      </c>
      <c r="E5655" s="1" t="s">
        <v>0</v>
      </c>
    </row>
    <row r="5656" spans="1:5" x14ac:dyDescent="0.25">
      <c r="A5656" s="1" t="s">
        <v>21029</v>
      </c>
      <c r="B5656" s="1" t="s">
        <v>52323</v>
      </c>
      <c r="C5656" s="1" t="s">
        <v>21030</v>
      </c>
      <c r="D5656" s="2">
        <v>158484</v>
      </c>
      <c r="E5656" s="1" t="s">
        <v>0</v>
      </c>
    </row>
    <row r="5657" spans="1:5" x14ac:dyDescent="0.25">
      <c r="A5657" s="2">
        <v>1131</v>
      </c>
      <c r="B5657" s="2">
        <v>1131</v>
      </c>
      <c r="C5657" s="1" t="s">
        <v>0</v>
      </c>
      <c r="D5657" s="2">
        <v>158485</v>
      </c>
      <c r="E5657" s="1" t="s">
        <v>0</v>
      </c>
    </row>
    <row r="5658" spans="1:5" x14ac:dyDescent="0.25">
      <c r="A5658" s="1" t="s">
        <v>1053</v>
      </c>
      <c r="B5658" s="1" t="s">
        <v>60708</v>
      </c>
      <c r="C5658" s="1" t="s">
        <v>21031</v>
      </c>
      <c r="D5658" s="2">
        <v>158486</v>
      </c>
      <c r="E5658" s="1" t="s">
        <v>0</v>
      </c>
    </row>
    <row r="5659" spans="1:5" x14ac:dyDescent="0.25">
      <c r="A5659" s="1" t="s">
        <v>21032</v>
      </c>
      <c r="B5659" s="1" t="s">
        <v>60709</v>
      </c>
      <c r="C5659" s="1" t="s">
        <v>21033</v>
      </c>
      <c r="D5659" s="2">
        <v>158487</v>
      </c>
      <c r="E5659" s="1" t="s">
        <v>0</v>
      </c>
    </row>
    <row r="5660" spans="1:5" ht="409.5" x14ac:dyDescent="0.25">
      <c r="A5660" s="4" t="s">
        <v>21034</v>
      </c>
      <c r="B5660" s="1" t="s">
        <v>60710</v>
      </c>
      <c r="C5660" s="1" t="s">
        <v>21035</v>
      </c>
      <c r="D5660" s="2">
        <v>158488</v>
      </c>
      <c r="E5660" s="1" t="s">
        <v>0</v>
      </c>
    </row>
    <row r="5661" spans="1:5" x14ac:dyDescent="0.25">
      <c r="A5661" s="1" t="s">
        <v>21036</v>
      </c>
      <c r="B5661" s="1" t="s">
        <v>52324</v>
      </c>
      <c r="C5661" s="1" t="s">
        <v>21037</v>
      </c>
      <c r="D5661" s="2">
        <v>158489</v>
      </c>
      <c r="E5661" s="1" t="s">
        <v>0</v>
      </c>
    </row>
    <row r="5662" spans="1:5" x14ac:dyDescent="0.25">
      <c r="A5662" s="2">
        <v>1132</v>
      </c>
      <c r="B5662" s="2">
        <v>1132</v>
      </c>
      <c r="C5662" s="1" t="s">
        <v>0</v>
      </c>
      <c r="D5662" s="2">
        <v>158490</v>
      </c>
      <c r="E5662" s="1" t="s">
        <v>0</v>
      </c>
    </row>
    <row r="5663" spans="1:5" x14ac:dyDescent="0.25">
      <c r="A5663" s="1" t="s">
        <v>1054</v>
      </c>
      <c r="B5663" s="1" t="s">
        <v>50518</v>
      </c>
      <c r="C5663" s="1" t="s">
        <v>21038</v>
      </c>
      <c r="D5663" s="2">
        <v>158491</v>
      </c>
      <c r="E5663" s="1" t="s">
        <v>0</v>
      </c>
    </row>
    <row r="5664" spans="1:5" x14ac:dyDescent="0.25">
      <c r="A5664" s="1" t="s">
        <v>21039</v>
      </c>
      <c r="B5664" s="1" t="s">
        <v>59842</v>
      </c>
      <c r="C5664" s="1" t="s">
        <v>21040</v>
      </c>
      <c r="D5664" s="2">
        <v>158492</v>
      </c>
      <c r="E5664" s="1" t="s">
        <v>0</v>
      </c>
    </row>
    <row r="5665" spans="1:5" ht="409.5" x14ac:dyDescent="0.25">
      <c r="A5665" s="4" t="s">
        <v>21041</v>
      </c>
      <c r="B5665" s="1" t="s">
        <v>59843</v>
      </c>
      <c r="C5665" s="1" t="s">
        <v>21042</v>
      </c>
      <c r="D5665" s="2">
        <v>158493</v>
      </c>
      <c r="E5665" s="1" t="s">
        <v>0</v>
      </c>
    </row>
    <row r="5666" spans="1:5" x14ac:dyDescent="0.25">
      <c r="A5666" s="1" t="s">
        <v>21043</v>
      </c>
      <c r="B5666" s="1" t="s">
        <v>52325</v>
      </c>
      <c r="C5666" s="1" t="s">
        <v>21044</v>
      </c>
      <c r="D5666" s="2">
        <v>158494</v>
      </c>
      <c r="E5666" s="1" t="s">
        <v>0</v>
      </c>
    </row>
    <row r="5667" spans="1:5" x14ac:dyDescent="0.25">
      <c r="A5667" s="2">
        <v>1133</v>
      </c>
      <c r="B5667" s="2">
        <v>1133</v>
      </c>
      <c r="C5667" s="1" t="s">
        <v>0</v>
      </c>
      <c r="D5667" s="2">
        <v>158495</v>
      </c>
      <c r="E5667" s="1" t="s">
        <v>0</v>
      </c>
    </row>
    <row r="5668" spans="1:5" x14ac:dyDescent="0.25">
      <c r="A5668" s="1" t="s">
        <v>1055</v>
      </c>
      <c r="B5668" s="1" t="s">
        <v>6623</v>
      </c>
      <c r="C5668" s="1" t="s">
        <v>21045</v>
      </c>
      <c r="D5668" s="2">
        <v>158496</v>
      </c>
      <c r="E5668" s="1" t="s">
        <v>0</v>
      </c>
    </row>
    <row r="5669" spans="1:5" x14ac:dyDescent="0.25">
      <c r="A5669" s="1" t="s">
        <v>21046</v>
      </c>
      <c r="B5669" s="1" t="s">
        <v>52326</v>
      </c>
      <c r="C5669" s="1" t="s">
        <v>21047</v>
      </c>
      <c r="D5669" s="2">
        <v>158497</v>
      </c>
      <c r="E5669" s="1" t="s">
        <v>0</v>
      </c>
    </row>
    <row r="5670" spans="1:5" ht="409.5" x14ac:dyDescent="0.25">
      <c r="A5670" s="4" t="s">
        <v>21048</v>
      </c>
      <c r="B5670" s="1" t="s">
        <v>52327</v>
      </c>
      <c r="C5670" s="1" t="s">
        <v>21049</v>
      </c>
      <c r="D5670" s="2">
        <v>158498</v>
      </c>
      <c r="E5670" s="1" t="s">
        <v>0</v>
      </c>
    </row>
    <row r="5671" spans="1:5" x14ac:dyDescent="0.25">
      <c r="A5671" s="1" t="s">
        <v>21050</v>
      </c>
      <c r="B5671" s="1" t="s">
        <v>6624</v>
      </c>
      <c r="C5671" s="1" t="s">
        <v>21051</v>
      </c>
      <c r="D5671" s="2">
        <v>158499</v>
      </c>
      <c r="E5671" s="1" t="s">
        <v>0</v>
      </c>
    </row>
    <row r="5672" spans="1:5" x14ac:dyDescent="0.25">
      <c r="A5672" s="2">
        <v>1134</v>
      </c>
      <c r="B5672" s="2">
        <v>1134</v>
      </c>
      <c r="C5672" s="1" t="s">
        <v>0</v>
      </c>
      <c r="D5672" s="2">
        <v>158500</v>
      </c>
      <c r="E5672" s="1" t="s">
        <v>0</v>
      </c>
    </row>
    <row r="5673" spans="1:5" x14ac:dyDescent="0.25">
      <c r="A5673" s="1" t="s">
        <v>1056</v>
      </c>
      <c r="B5673" s="1" t="s">
        <v>6625</v>
      </c>
      <c r="C5673" s="1" t="s">
        <v>21052</v>
      </c>
      <c r="D5673" s="2">
        <v>158501</v>
      </c>
      <c r="E5673" s="1" t="s">
        <v>0</v>
      </c>
    </row>
    <row r="5674" spans="1:5" x14ac:dyDescent="0.25">
      <c r="A5674" s="1" t="s">
        <v>21053</v>
      </c>
      <c r="B5674" s="1" t="s">
        <v>50519</v>
      </c>
      <c r="C5674" s="1" t="s">
        <v>21054</v>
      </c>
      <c r="D5674" s="2">
        <v>158502</v>
      </c>
      <c r="E5674" s="1" t="s">
        <v>0</v>
      </c>
    </row>
    <row r="5675" spans="1:5" ht="409.5" x14ac:dyDescent="0.25">
      <c r="A5675" s="4" t="s">
        <v>21055</v>
      </c>
      <c r="B5675" s="1" t="s">
        <v>60986</v>
      </c>
      <c r="C5675" s="1" t="s">
        <v>21056</v>
      </c>
      <c r="D5675" s="2">
        <v>158503</v>
      </c>
      <c r="E5675" s="1" t="s">
        <v>0</v>
      </c>
    </row>
    <row r="5676" spans="1:5" x14ac:dyDescent="0.25">
      <c r="A5676" s="1" t="s">
        <v>21057</v>
      </c>
      <c r="B5676" s="1" t="s">
        <v>52328</v>
      </c>
      <c r="C5676" s="1" t="s">
        <v>21058</v>
      </c>
      <c r="D5676" s="2">
        <v>158504</v>
      </c>
      <c r="E5676" s="1" t="s">
        <v>0</v>
      </c>
    </row>
    <row r="5677" spans="1:5" x14ac:dyDescent="0.25">
      <c r="A5677" s="2">
        <v>1135</v>
      </c>
      <c r="B5677" s="2">
        <v>1135</v>
      </c>
      <c r="C5677" s="1" t="s">
        <v>0</v>
      </c>
      <c r="D5677" s="2">
        <v>158505</v>
      </c>
      <c r="E5677" s="1" t="s">
        <v>0</v>
      </c>
    </row>
    <row r="5678" spans="1:5" x14ac:dyDescent="0.25">
      <c r="A5678" s="1" t="s">
        <v>1057</v>
      </c>
      <c r="B5678" s="1" t="s">
        <v>59844</v>
      </c>
      <c r="C5678" s="1" t="s">
        <v>21059</v>
      </c>
      <c r="D5678" s="2">
        <v>158506</v>
      </c>
      <c r="E5678" s="1" t="s">
        <v>0</v>
      </c>
    </row>
    <row r="5679" spans="1:5" x14ac:dyDescent="0.25">
      <c r="A5679" s="1" t="s">
        <v>21060</v>
      </c>
      <c r="B5679" s="1" t="s">
        <v>6626</v>
      </c>
      <c r="C5679" s="1" t="s">
        <v>21061</v>
      </c>
      <c r="D5679" s="2">
        <v>158507</v>
      </c>
      <c r="E5679" s="1" t="s">
        <v>0</v>
      </c>
    </row>
    <row r="5680" spans="1:5" ht="409.5" x14ac:dyDescent="0.25">
      <c r="A5680" s="4" t="s">
        <v>21062</v>
      </c>
      <c r="B5680" s="1" t="s">
        <v>59845</v>
      </c>
      <c r="C5680" s="1" t="s">
        <v>21063</v>
      </c>
      <c r="D5680" s="2">
        <v>158508</v>
      </c>
      <c r="E5680" s="1" t="s">
        <v>0</v>
      </c>
    </row>
    <row r="5681" spans="1:5" x14ac:dyDescent="0.25">
      <c r="A5681" s="1" t="s">
        <v>21064</v>
      </c>
      <c r="B5681" s="1" t="s">
        <v>52329</v>
      </c>
      <c r="C5681" s="1" t="s">
        <v>21065</v>
      </c>
      <c r="D5681" s="2">
        <v>158509</v>
      </c>
      <c r="E5681" s="1" t="s">
        <v>0</v>
      </c>
    </row>
    <row r="5682" spans="1:5" x14ac:dyDescent="0.25">
      <c r="A5682" s="2">
        <v>1136</v>
      </c>
      <c r="B5682" s="2">
        <v>1136</v>
      </c>
      <c r="C5682" s="1" t="s">
        <v>0</v>
      </c>
      <c r="D5682" s="2">
        <v>158510</v>
      </c>
      <c r="E5682" s="1" t="s">
        <v>0</v>
      </c>
    </row>
    <row r="5683" spans="1:5" x14ac:dyDescent="0.25">
      <c r="A5683" s="1" t="s">
        <v>1058</v>
      </c>
      <c r="B5683" s="1" t="s">
        <v>50520</v>
      </c>
      <c r="C5683" s="1" t="s">
        <v>21066</v>
      </c>
      <c r="D5683" s="2">
        <v>158511</v>
      </c>
      <c r="E5683" s="1" t="s">
        <v>0</v>
      </c>
    </row>
    <row r="5684" spans="1:5" x14ac:dyDescent="0.25">
      <c r="A5684" s="1" t="s">
        <v>21067</v>
      </c>
      <c r="B5684" s="1" t="s">
        <v>50521</v>
      </c>
      <c r="C5684" s="1" t="s">
        <v>21068</v>
      </c>
      <c r="D5684" s="2">
        <v>158512</v>
      </c>
      <c r="E5684" s="1" t="s">
        <v>0</v>
      </c>
    </row>
    <row r="5685" spans="1:5" ht="409.5" x14ac:dyDescent="0.25">
      <c r="A5685" s="4" t="s">
        <v>21069</v>
      </c>
      <c r="B5685" s="1" t="s">
        <v>63869</v>
      </c>
      <c r="C5685" s="1" t="s">
        <v>21070</v>
      </c>
      <c r="D5685" s="2">
        <v>158513</v>
      </c>
      <c r="E5685" s="1" t="s">
        <v>0</v>
      </c>
    </row>
    <row r="5686" spans="1:5" x14ac:dyDescent="0.25">
      <c r="A5686" s="1" t="s">
        <v>21071</v>
      </c>
      <c r="B5686" s="1" t="s">
        <v>52330</v>
      </c>
      <c r="C5686" s="1" t="s">
        <v>21072</v>
      </c>
      <c r="D5686" s="2">
        <v>158514</v>
      </c>
      <c r="E5686" s="1" t="s">
        <v>0</v>
      </c>
    </row>
    <row r="5687" spans="1:5" x14ac:dyDescent="0.25">
      <c r="A5687" s="2">
        <v>1137</v>
      </c>
      <c r="B5687" s="2">
        <v>1137</v>
      </c>
      <c r="C5687" s="1" t="s">
        <v>0</v>
      </c>
      <c r="D5687" s="2">
        <v>158515</v>
      </c>
      <c r="E5687" s="1" t="s">
        <v>0</v>
      </c>
    </row>
    <row r="5688" spans="1:5" x14ac:dyDescent="0.25">
      <c r="A5688" s="1" t="s">
        <v>1059</v>
      </c>
      <c r="B5688" s="1" t="s">
        <v>59846</v>
      </c>
      <c r="C5688" s="1" t="s">
        <v>21073</v>
      </c>
      <c r="D5688" s="2">
        <v>158516</v>
      </c>
      <c r="E5688" s="1" t="s">
        <v>0</v>
      </c>
    </row>
    <row r="5689" spans="1:5" x14ac:dyDescent="0.25">
      <c r="A5689" s="1" t="s">
        <v>21074</v>
      </c>
      <c r="B5689" s="1" t="s">
        <v>58242</v>
      </c>
      <c r="C5689" s="1" t="s">
        <v>21075</v>
      </c>
      <c r="D5689" s="2">
        <v>158517</v>
      </c>
      <c r="E5689" s="1" t="s">
        <v>0</v>
      </c>
    </row>
    <row r="5690" spans="1:5" ht="409.5" x14ac:dyDescent="0.25">
      <c r="A5690" s="4" t="s">
        <v>21076</v>
      </c>
      <c r="B5690" s="1" t="s">
        <v>59847</v>
      </c>
      <c r="C5690" s="1" t="s">
        <v>21077</v>
      </c>
      <c r="D5690" s="2">
        <v>158518</v>
      </c>
      <c r="E5690" s="1" t="s">
        <v>0</v>
      </c>
    </row>
    <row r="5691" spans="1:5" x14ac:dyDescent="0.25">
      <c r="A5691" s="1" t="s">
        <v>21078</v>
      </c>
      <c r="B5691" s="1" t="s">
        <v>6627</v>
      </c>
      <c r="C5691" s="1" t="s">
        <v>21079</v>
      </c>
      <c r="D5691" s="2">
        <v>158519</v>
      </c>
      <c r="E5691" s="1" t="s">
        <v>0</v>
      </c>
    </row>
    <row r="5692" spans="1:5" x14ac:dyDescent="0.25">
      <c r="A5692" s="2">
        <v>1138</v>
      </c>
      <c r="B5692" s="2">
        <v>1138</v>
      </c>
      <c r="C5692" s="1" t="s">
        <v>0</v>
      </c>
      <c r="D5692" s="2">
        <v>158520</v>
      </c>
      <c r="E5692" s="1" t="s">
        <v>0</v>
      </c>
    </row>
    <row r="5693" spans="1:5" x14ac:dyDescent="0.25">
      <c r="A5693" s="1" t="s">
        <v>1060</v>
      </c>
      <c r="B5693" s="1" t="s">
        <v>59577</v>
      </c>
      <c r="C5693" s="1" t="s">
        <v>21080</v>
      </c>
      <c r="D5693" s="2">
        <v>158521</v>
      </c>
      <c r="E5693" s="1" t="s">
        <v>0</v>
      </c>
    </row>
    <row r="5694" spans="1:5" x14ac:dyDescent="0.25">
      <c r="A5694" s="1" t="s">
        <v>21081</v>
      </c>
      <c r="B5694" s="1" t="s">
        <v>59578</v>
      </c>
      <c r="C5694" s="1" t="s">
        <v>21082</v>
      </c>
      <c r="D5694" s="2">
        <v>158522</v>
      </c>
      <c r="E5694" s="1" t="s">
        <v>0</v>
      </c>
    </row>
    <row r="5695" spans="1:5" ht="409.5" x14ac:dyDescent="0.25">
      <c r="A5695" s="4" t="s">
        <v>21083</v>
      </c>
      <c r="B5695" s="1" t="s">
        <v>62189</v>
      </c>
      <c r="C5695" s="1" t="s">
        <v>21084</v>
      </c>
      <c r="D5695" s="2">
        <v>158523</v>
      </c>
      <c r="E5695" s="1" t="s">
        <v>0</v>
      </c>
    </row>
    <row r="5696" spans="1:5" x14ac:dyDescent="0.25">
      <c r="A5696" s="1" t="s">
        <v>21085</v>
      </c>
      <c r="B5696" s="1" t="s">
        <v>59579</v>
      </c>
      <c r="C5696" s="1" t="s">
        <v>21086</v>
      </c>
      <c r="D5696" s="2">
        <v>158524</v>
      </c>
      <c r="E5696" s="1" t="s">
        <v>0</v>
      </c>
    </row>
    <row r="5697" spans="1:5" x14ac:dyDescent="0.25">
      <c r="A5697" s="2">
        <v>1139</v>
      </c>
      <c r="B5697" s="2">
        <v>1139</v>
      </c>
      <c r="C5697" s="1" t="s">
        <v>0</v>
      </c>
      <c r="D5697" s="2">
        <v>158525</v>
      </c>
      <c r="E5697" s="1" t="s">
        <v>0</v>
      </c>
    </row>
    <row r="5698" spans="1:5" x14ac:dyDescent="0.25">
      <c r="A5698" s="1" t="s">
        <v>1061</v>
      </c>
      <c r="B5698" s="1" t="s">
        <v>6628</v>
      </c>
      <c r="C5698" s="1" t="s">
        <v>21087</v>
      </c>
      <c r="D5698" s="2">
        <v>158526</v>
      </c>
      <c r="E5698" s="1" t="s">
        <v>0</v>
      </c>
    </row>
    <row r="5699" spans="1:5" x14ac:dyDescent="0.25">
      <c r="A5699" s="1" t="s">
        <v>21088</v>
      </c>
      <c r="B5699" s="1" t="s">
        <v>56722</v>
      </c>
      <c r="C5699" s="1" t="s">
        <v>21089</v>
      </c>
      <c r="D5699" s="2">
        <v>158527</v>
      </c>
      <c r="E5699" s="1" t="s">
        <v>0</v>
      </c>
    </row>
    <row r="5700" spans="1:5" ht="409.5" x14ac:dyDescent="0.25">
      <c r="A5700" s="4" t="s">
        <v>21090</v>
      </c>
      <c r="B5700" s="1" t="s">
        <v>56723</v>
      </c>
      <c r="C5700" s="1" t="s">
        <v>21091</v>
      </c>
      <c r="D5700" s="2">
        <v>158528</v>
      </c>
      <c r="E5700" s="1" t="s">
        <v>0</v>
      </c>
    </row>
    <row r="5701" spans="1:5" x14ac:dyDescent="0.25">
      <c r="A5701" s="1" t="s">
        <v>21092</v>
      </c>
      <c r="B5701" s="1" t="s">
        <v>6629</v>
      </c>
      <c r="C5701" s="1" t="s">
        <v>21093</v>
      </c>
      <c r="D5701" s="2">
        <v>158529</v>
      </c>
      <c r="E5701" s="1" t="s">
        <v>0</v>
      </c>
    </row>
    <row r="5702" spans="1:5" x14ac:dyDescent="0.25">
      <c r="A5702" s="2">
        <v>1140</v>
      </c>
      <c r="B5702" s="2">
        <v>1140</v>
      </c>
      <c r="C5702" s="1" t="s">
        <v>0</v>
      </c>
      <c r="D5702" s="2">
        <v>158530</v>
      </c>
      <c r="E5702" s="1" t="s">
        <v>0</v>
      </c>
    </row>
    <row r="5703" spans="1:5" x14ac:dyDescent="0.25">
      <c r="A5703" s="1" t="s">
        <v>1062</v>
      </c>
      <c r="B5703" s="1" t="s">
        <v>52331</v>
      </c>
      <c r="C5703" s="1" t="s">
        <v>21094</v>
      </c>
      <c r="D5703" s="2">
        <v>158531</v>
      </c>
      <c r="E5703" s="1" t="s">
        <v>0</v>
      </c>
    </row>
    <row r="5704" spans="1:5" x14ac:dyDescent="0.25">
      <c r="A5704" s="1" t="s">
        <v>21095</v>
      </c>
      <c r="B5704" s="1" t="s">
        <v>52332</v>
      </c>
      <c r="C5704" s="1" t="s">
        <v>21096</v>
      </c>
      <c r="D5704" s="2">
        <v>158532</v>
      </c>
      <c r="E5704" s="1" t="s">
        <v>0</v>
      </c>
    </row>
    <row r="5705" spans="1:5" x14ac:dyDescent="0.25">
      <c r="A5705" s="1" t="s">
        <v>21097</v>
      </c>
      <c r="B5705" s="1" t="s">
        <v>52333</v>
      </c>
      <c r="C5705" s="1" t="s">
        <v>21098</v>
      </c>
      <c r="D5705" s="2">
        <v>158533</v>
      </c>
      <c r="E5705" s="1" t="s">
        <v>0</v>
      </c>
    </row>
    <row r="5706" spans="1:5" x14ac:dyDescent="0.25">
      <c r="A5706" s="1" t="s">
        <v>21099</v>
      </c>
      <c r="B5706" s="1" t="s">
        <v>6630</v>
      </c>
      <c r="C5706" s="1" t="s">
        <v>21100</v>
      </c>
      <c r="D5706" s="2">
        <v>158534</v>
      </c>
      <c r="E5706" s="1" t="s">
        <v>0</v>
      </c>
    </row>
    <row r="5707" spans="1:5" x14ac:dyDescent="0.25">
      <c r="A5707" s="2">
        <v>1141</v>
      </c>
      <c r="B5707" s="2">
        <v>1141</v>
      </c>
      <c r="C5707" s="1" t="s">
        <v>0</v>
      </c>
      <c r="D5707" s="2">
        <v>158535</v>
      </c>
      <c r="E5707" s="1" t="s">
        <v>0</v>
      </c>
    </row>
    <row r="5708" spans="1:5" x14ac:dyDescent="0.25">
      <c r="A5708" s="1" t="s">
        <v>1063</v>
      </c>
      <c r="B5708" s="1" t="s">
        <v>6631</v>
      </c>
      <c r="C5708" s="1" t="s">
        <v>21101</v>
      </c>
      <c r="D5708" s="2">
        <v>158536</v>
      </c>
      <c r="E5708" s="1" t="s">
        <v>0</v>
      </c>
    </row>
    <row r="5709" spans="1:5" x14ac:dyDescent="0.25">
      <c r="A5709" s="1" t="s">
        <v>21102</v>
      </c>
      <c r="B5709" s="1" t="s">
        <v>52334</v>
      </c>
      <c r="C5709" s="1" t="s">
        <v>21103</v>
      </c>
      <c r="D5709" s="2">
        <v>158537</v>
      </c>
      <c r="E5709" s="1" t="s">
        <v>0</v>
      </c>
    </row>
    <row r="5710" spans="1:5" ht="409.5" x14ac:dyDescent="0.25">
      <c r="A5710" s="4" t="s">
        <v>21104</v>
      </c>
      <c r="B5710" s="1" t="s">
        <v>58904</v>
      </c>
      <c r="C5710" s="1" t="s">
        <v>21105</v>
      </c>
      <c r="D5710" s="2">
        <v>158538</v>
      </c>
      <c r="E5710" s="1" t="s">
        <v>0</v>
      </c>
    </row>
    <row r="5711" spans="1:5" x14ac:dyDescent="0.25">
      <c r="A5711" s="1" t="s">
        <v>21106</v>
      </c>
      <c r="B5711" s="1" t="s">
        <v>52335</v>
      </c>
      <c r="C5711" s="1" t="s">
        <v>21107</v>
      </c>
      <c r="D5711" s="2">
        <v>158539</v>
      </c>
      <c r="E5711" s="1" t="s">
        <v>0</v>
      </c>
    </row>
    <row r="5712" spans="1:5" x14ac:dyDescent="0.25">
      <c r="A5712" s="2">
        <v>1142</v>
      </c>
      <c r="B5712" s="2">
        <v>1142</v>
      </c>
      <c r="C5712" s="1" t="s">
        <v>0</v>
      </c>
      <c r="D5712" s="2">
        <v>158540</v>
      </c>
      <c r="E5712" s="1" t="s">
        <v>0</v>
      </c>
    </row>
    <row r="5713" spans="1:5" x14ac:dyDescent="0.25">
      <c r="A5713" s="1" t="s">
        <v>1064</v>
      </c>
      <c r="B5713" s="1" t="s">
        <v>6632</v>
      </c>
      <c r="C5713" s="1" t="s">
        <v>21108</v>
      </c>
      <c r="D5713" s="2">
        <v>158541</v>
      </c>
      <c r="E5713" s="1" t="s">
        <v>0</v>
      </c>
    </row>
    <row r="5714" spans="1:5" x14ac:dyDescent="0.25">
      <c r="A5714" s="1" t="s">
        <v>21109</v>
      </c>
      <c r="B5714" s="1" t="s">
        <v>52336</v>
      </c>
      <c r="C5714" s="1" t="s">
        <v>21110</v>
      </c>
      <c r="D5714" s="2">
        <v>158542</v>
      </c>
      <c r="E5714" s="1" t="s">
        <v>0</v>
      </c>
    </row>
    <row r="5715" spans="1:5" ht="409.5" x14ac:dyDescent="0.25">
      <c r="A5715" s="4" t="s">
        <v>21111</v>
      </c>
      <c r="B5715" s="1" t="s">
        <v>52337</v>
      </c>
      <c r="C5715" s="1" t="s">
        <v>21112</v>
      </c>
      <c r="D5715" s="2">
        <v>158543</v>
      </c>
      <c r="E5715" s="1" t="s">
        <v>0</v>
      </c>
    </row>
    <row r="5716" spans="1:5" x14ac:dyDescent="0.25">
      <c r="A5716" s="1" t="s">
        <v>21113</v>
      </c>
      <c r="B5716" s="1" t="s">
        <v>6633</v>
      </c>
      <c r="C5716" s="1" t="s">
        <v>21114</v>
      </c>
      <c r="D5716" s="2">
        <v>158544</v>
      </c>
      <c r="E5716" s="1" t="s">
        <v>0</v>
      </c>
    </row>
    <row r="5717" spans="1:5" x14ac:dyDescent="0.25">
      <c r="A5717" s="2">
        <v>1143</v>
      </c>
      <c r="B5717" s="2">
        <v>1143</v>
      </c>
      <c r="C5717" s="1" t="s">
        <v>0</v>
      </c>
      <c r="D5717" s="2">
        <v>158545</v>
      </c>
      <c r="E5717" s="1" t="s">
        <v>0</v>
      </c>
    </row>
    <row r="5718" spans="1:5" x14ac:dyDescent="0.25">
      <c r="A5718" s="1" t="s">
        <v>1065</v>
      </c>
      <c r="B5718" s="1" t="s">
        <v>50522</v>
      </c>
      <c r="C5718" s="1" t="s">
        <v>21115</v>
      </c>
      <c r="D5718" s="2">
        <v>158546</v>
      </c>
      <c r="E5718" s="1" t="s">
        <v>0</v>
      </c>
    </row>
    <row r="5719" spans="1:5" x14ac:dyDescent="0.25">
      <c r="A5719" s="1" t="s">
        <v>21116</v>
      </c>
      <c r="B5719" s="1" t="s">
        <v>50523</v>
      </c>
      <c r="C5719" s="1" t="s">
        <v>21117</v>
      </c>
      <c r="D5719" s="2">
        <v>158547</v>
      </c>
      <c r="E5719" s="1" t="s">
        <v>0</v>
      </c>
    </row>
    <row r="5720" spans="1:5" ht="409.5" x14ac:dyDescent="0.25">
      <c r="A5720" s="4" t="s">
        <v>21118</v>
      </c>
      <c r="B5720" s="1" t="s">
        <v>50524</v>
      </c>
      <c r="C5720" s="1" t="s">
        <v>21119</v>
      </c>
      <c r="D5720" s="2">
        <v>158548</v>
      </c>
      <c r="E5720" s="1" t="s">
        <v>0</v>
      </c>
    </row>
    <row r="5721" spans="1:5" x14ac:dyDescent="0.25">
      <c r="A5721" s="1" t="s">
        <v>13413</v>
      </c>
      <c r="B5721" s="1" t="s">
        <v>60845</v>
      </c>
      <c r="C5721" s="1" t="s">
        <v>13414</v>
      </c>
      <c r="D5721" s="2">
        <v>158549</v>
      </c>
      <c r="E5721" s="1" t="s">
        <v>0</v>
      </c>
    </row>
    <row r="5722" spans="1:5" x14ac:dyDescent="0.25">
      <c r="A5722" s="2">
        <v>1144</v>
      </c>
      <c r="B5722" s="2">
        <v>1144</v>
      </c>
      <c r="C5722" s="1" t="s">
        <v>0</v>
      </c>
      <c r="D5722" s="2">
        <v>158550</v>
      </c>
      <c r="E5722" s="1" t="s">
        <v>0</v>
      </c>
    </row>
    <row r="5723" spans="1:5" x14ac:dyDescent="0.25">
      <c r="A5723" s="1" t="s">
        <v>1066</v>
      </c>
      <c r="B5723" s="1" t="s">
        <v>6634</v>
      </c>
      <c r="C5723" s="1" t="s">
        <v>21120</v>
      </c>
      <c r="D5723" s="2">
        <v>158551</v>
      </c>
      <c r="E5723" s="1" t="s">
        <v>0</v>
      </c>
    </row>
    <row r="5724" spans="1:5" x14ac:dyDescent="0.25">
      <c r="A5724" s="1" t="s">
        <v>21121</v>
      </c>
      <c r="B5724" s="1" t="s">
        <v>50525</v>
      </c>
      <c r="C5724" s="1" t="s">
        <v>21122</v>
      </c>
      <c r="D5724" s="2">
        <v>158552</v>
      </c>
      <c r="E5724" s="1" t="s">
        <v>0</v>
      </c>
    </row>
    <row r="5725" spans="1:5" ht="409.5" x14ac:dyDescent="0.25">
      <c r="A5725" s="4" t="s">
        <v>21123</v>
      </c>
      <c r="B5725" s="1" t="s">
        <v>52338</v>
      </c>
      <c r="C5725" s="1" t="s">
        <v>21124</v>
      </c>
      <c r="D5725" s="2">
        <v>158553</v>
      </c>
      <c r="E5725" s="1" t="s">
        <v>0</v>
      </c>
    </row>
    <row r="5726" spans="1:5" x14ac:dyDescent="0.25">
      <c r="A5726" s="1" t="s">
        <v>21125</v>
      </c>
      <c r="B5726" s="1" t="s">
        <v>52339</v>
      </c>
      <c r="C5726" s="1" t="s">
        <v>21126</v>
      </c>
      <c r="D5726" s="2">
        <v>158554</v>
      </c>
      <c r="E5726" s="1" t="s">
        <v>0</v>
      </c>
    </row>
    <row r="5727" spans="1:5" x14ac:dyDescent="0.25">
      <c r="A5727" s="2">
        <v>1145</v>
      </c>
      <c r="B5727" s="2">
        <v>1145</v>
      </c>
      <c r="C5727" s="1" t="s">
        <v>0</v>
      </c>
      <c r="D5727" s="2">
        <v>158555</v>
      </c>
      <c r="E5727" s="1" t="s">
        <v>0</v>
      </c>
    </row>
    <row r="5728" spans="1:5" x14ac:dyDescent="0.25">
      <c r="A5728" s="1" t="s">
        <v>1067</v>
      </c>
      <c r="B5728" s="1" t="s">
        <v>6635</v>
      </c>
      <c r="C5728" s="1" t="s">
        <v>21127</v>
      </c>
      <c r="D5728" s="2">
        <v>158556</v>
      </c>
      <c r="E5728" s="1" t="s">
        <v>0</v>
      </c>
    </row>
    <row r="5729" spans="1:5" x14ac:dyDescent="0.25">
      <c r="A5729" s="1" t="s">
        <v>21128</v>
      </c>
      <c r="B5729" s="1" t="s">
        <v>58243</v>
      </c>
      <c r="C5729" s="1" t="s">
        <v>21129</v>
      </c>
      <c r="D5729" s="2">
        <v>158557</v>
      </c>
      <c r="E5729" s="1" t="s">
        <v>0</v>
      </c>
    </row>
    <row r="5730" spans="1:5" ht="409.5" x14ac:dyDescent="0.25">
      <c r="A5730" s="4" t="s">
        <v>21130</v>
      </c>
      <c r="B5730" s="1" t="s">
        <v>62190</v>
      </c>
      <c r="C5730" s="1" t="s">
        <v>21131</v>
      </c>
      <c r="D5730" s="2">
        <v>158558</v>
      </c>
      <c r="E5730" s="1" t="s">
        <v>0</v>
      </c>
    </row>
    <row r="5731" spans="1:5" x14ac:dyDescent="0.25">
      <c r="A5731" s="1" t="s">
        <v>21132</v>
      </c>
      <c r="B5731" s="1" t="s">
        <v>6636</v>
      </c>
      <c r="C5731" s="1" t="s">
        <v>21133</v>
      </c>
      <c r="D5731" s="2">
        <v>158559</v>
      </c>
      <c r="E5731" s="1" t="s">
        <v>0</v>
      </c>
    </row>
    <row r="5732" spans="1:5" x14ac:dyDescent="0.25">
      <c r="A5732" s="2">
        <v>1146</v>
      </c>
      <c r="B5732" s="2">
        <v>1146</v>
      </c>
      <c r="C5732" s="1" t="s">
        <v>0</v>
      </c>
      <c r="D5732" s="2">
        <v>158560</v>
      </c>
      <c r="E5732" s="1" t="s">
        <v>0</v>
      </c>
    </row>
    <row r="5733" spans="1:5" x14ac:dyDescent="0.25">
      <c r="A5733" s="1" t="s">
        <v>1068</v>
      </c>
      <c r="B5733" s="1" t="s">
        <v>52340</v>
      </c>
      <c r="C5733" s="1" t="s">
        <v>21134</v>
      </c>
      <c r="D5733" s="2">
        <v>158561</v>
      </c>
      <c r="E5733" s="1" t="s">
        <v>0</v>
      </c>
    </row>
    <row r="5734" spans="1:5" x14ac:dyDescent="0.25">
      <c r="A5734" s="1" t="s">
        <v>21135</v>
      </c>
      <c r="B5734" s="1" t="s">
        <v>6637</v>
      </c>
      <c r="C5734" s="1" t="s">
        <v>21136</v>
      </c>
      <c r="D5734" s="2">
        <v>158562</v>
      </c>
      <c r="E5734" s="1" t="s">
        <v>0</v>
      </c>
    </row>
    <row r="5735" spans="1:5" ht="409.5" x14ac:dyDescent="0.25">
      <c r="A5735" s="4" t="s">
        <v>21137</v>
      </c>
      <c r="B5735" s="1" t="s">
        <v>60405</v>
      </c>
      <c r="C5735" s="1" t="s">
        <v>21138</v>
      </c>
      <c r="D5735" s="2">
        <v>158563</v>
      </c>
      <c r="E5735" s="1" t="s">
        <v>0</v>
      </c>
    </row>
    <row r="5736" spans="1:5" x14ac:dyDescent="0.25">
      <c r="A5736" s="1" t="s">
        <v>21139</v>
      </c>
      <c r="B5736" s="1" t="s">
        <v>6638</v>
      </c>
      <c r="C5736" s="1" t="s">
        <v>21140</v>
      </c>
      <c r="D5736" s="2">
        <v>158564</v>
      </c>
      <c r="E5736" s="1" t="s">
        <v>0</v>
      </c>
    </row>
    <row r="5737" spans="1:5" x14ac:dyDescent="0.25">
      <c r="A5737" s="2">
        <v>1147</v>
      </c>
      <c r="B5737" s="2">
        <v>1147</v>
      </c>
      <c r="C5737" s="1" t="s">
        <v>0</v>
      </c>
      <c r="D5737" s="2">
        <v>158565</v>
      </c>
      <c r="E5737" s="1" t="s">
        <v>0</v>
      </c>
    </row>
    <row r="5738" spans="1:5" x14ac:dyDescent="0.25">
      <c r="A5738" s="1" t="s">
        <v>1069</v>
      </c>
      <c r="B5738" s="1" t="s">
        <v>6639</v>
      </c>
      <c r="C5738" s="1" t="s">
        <v>21141</v>
      </c>
      <c r="D5738" s="2">
        <v>158566</v>
      </c>
      <c r="E5738" s="1" t="s">
        <v>0</v>
      </c>
    </row>
    <row r="5739" spans="1:5" x14ac:dyDescent="0.25">
      <c r="A5739" s="1" t="s">
        <v>21142</v>
      </c>
      <c r="B5739" s="1" t="s">
        <v>60406</v>
      </c>
      <c r="C5739" s="1" t="s">
        <v>21143</v>
      </c>
      <c r="D5739" s="2">
        <v>158567</v>
      </c>
      <c r="E5739" s="1" t="s">
        <v>0</v>
      </c>
    </row>
    <row r="5740" spans="1:5" ht="409.5" x14ac:dyDescent="0.25">
      <c r="A5740" s="4" t="s">
        <v>21144</v>
      </c>
      <c r="B5740" s="1" t="s">
        <v>60407</v>
      </c>
      <c r="C5740" s="1" t="s">
        <v>21145</v>
      </c>
      <c r="D5740" s="2">
        <v>158568</v>
      </c>
      <c r="E5740" s="1" t="s">
        <v>0</v>
      </c>
    </row>
    <row r="5741" spans="1:5" x14ac:dyDescent="0.25">
      <c r="A5741" s="1" t="s">
        <v>21146</v>
      </c>
      <c r="B5741" s="1" t="s">
        <v>6640</v>
      </c>
      <c r="C5741" s="1" t="s">
        <v>21147</v>
      </c>
      <c r="D5741" s="2">
        <v>158569</v>
      </c>
      <c r="E5741" s="1" t="s">
        <v>0</v>
      </c>
    </row>
    <row r="5742" spans="1:5" x14ac:dyDescent="0.25">
      <c r="A5742" s="2">
        <v>1148</v>
      </c>
      <c r="B5742" s="2">
        <v>1148</v>
      </c>
      <c r="C5742" s="1" t="s">
        <v>0</v>
      </c>
      <c r="D5742" s="2">
        <v>158570</v>
      </c>
      <c r="E5742" s="1" t="s">
        <v>0</v>
      </c>
    </row>
    <row r="5743" spans="1:5" x14ac:dyDescent="0.25">
      <c r="A5743" s="1" t="s">
        <v>6641</v>
      </c>
      <c r="B5743" s="1" t="s">
        <v>6642</v>
      </c>
      <c r="C5743" s="1" t="s">
        <v>21148</v>
      </c>
      <c r="D5743" s="2">
        <v>158571</v>
      </c>
      <c r="E5743" s="1" t="s">
        <v>0</v>
      </c>
    </row>
    <row r="5744" spans="1:5" x14ac:dyDescent="0.25">
      <c r="A5744" s="1" t="s">
        <v>21149</v>
      </c>
      <c r="B5744" s="1" t="s">
        <v>63642</v>
      </c>
      <c r="C5744" s="1" t="s">
        <v>21150</v>
      </c>
      <c r="D5744" s="2">
        <v>158572</v>
      </c>
      <c r="E5744" s="1" t="s">
        <v>0</v>
      </c>
    </row>
    <row r="5745" spans="1:5" ht="409.5" x14ac:dyDescent="0.25">
      <c r="A5745" s="4" t="s">
        <v>21151</v>
      </c>
      <c r="B5745" s="1" t="s">
        <v>63643</v>
      </c>
      <c r="C5745" s="1" t="s">
        <v>21152</v>
      </c>
      <c r="D5745" s="2">
        <v>158573</v>
      </c>
      <c r="E5745" s="1" t="s">
        <v>0</v>
      </c>
    </row>
    <row r="5746" spans="1:5" x14ac:dyDescent="0.25">
      <c r="A5746" s="1" t="s">
        <v>13413</v>
      </c>
      <c r="B5746" s="1" t="s">
        <v>60845</v>
      </c>
      <c r="C5746" s="1" t="s">
        <v>13414</v>
      </c>
      <c r="D5746" s="2">
        <v>158574</v>
      </c>
      <c r="E5746" s="1" t="s">
        <v>0</v>
      </c>
    </row>
    <row r="5747" spans="1:5" x14ac:dyDescent="0.25">
      <c r="A5747" s="2">
        <v>1149</v>
      </c>
      <c r="B5747" s="2">
        <v>1149</v>
      </c>
      <c r="C5747" s="1" t="s">
        <v>0</v>
      </c>
      <c r="D5747" s="2">
        <v>158575</v>
      </c>
      <c r="E5747" s="1" t="s">
        <v>0</v>
      </c>
    </row>
    <row r="5748" spans="1:5" x14ac:dyDescent="0.25">
      <c r="A5748" s="1" t="s">
        <v>1070</v>
      </c>
      <c r="B5748" s="1" t="s">
        <v>50526</v>
      </c>
      <c r="C5748" s="1" t="s">
        <v>21153</v>
      </c>
      <c r="D5748" s="2">
        <v>158576</v>
      </c>
      <c r="E5748" s="1" t="s">
        <v>0</v>
      </c>
    </row>
    <row r="5749" spans="1:5" x14ac:dyDescent="0.25">
      <c r="A5749" s="1" t="s">
        <v>21154</v>
      </c>
      <c r="B5749" s="1" t="s">
        <v>52341</v>
      </c>
      <c r="C5749" s="1" t="s">
        <v>21155</v>
      </c>
      <c r="D5749" s="2">
        <v>158577</v>
      </c>
      <c r="E5749" s="1" t="s">
        <v>0</v>
      </c>
    </row>
    <row r="5750" spans="1:5" ht="409.5" x14ac:dyDescent="0.25">
      <c r="A5750" s="4" t="s">
        <v>21156</v>
      </c>
      <c r="B5750" s="1" t="s">
        <v>52342</v>
      </c>
      <c r="C5750" s="1" t="s">
        <v>21157</v>
      </c>
      <c r="D5750" s="2">
        <v>158578</v>
      </c>
      <c r="E5750" s="1" t="s">
        <v>0</v>
      </c>
    </row>
    <row r="5751" spans="1:5" x14ac:dyDescent="0.25">
      <c r="A5751" s="1" t="s">
        <v>21158</v>
      </c>
      <c r="B5751" s="1" t="s">
        <v>52343</v>
      </c>
      <c r="C5751" s="1" t="s">
        <v>21159</v>
      </c>
      <c r="D5751" s="2">
        <v>158579</v>
      </c>
      <c r="E5751" s="1" t="s">
        <v>0</v>
      </c>
    </row>
    <row r="5752" spans="1:5" x14ac:dyDescent="0.25">
      <c r="A5752" s="2">
        <v>1150</v>
      </c>
      <c r="B5752" s="2">
        <v>1150</v>
      </c>
      <c r="C5752" s="1" t="s">
        <v>0</v>
      </c>
      <c r="D5752" s="2">
        <v>158580</v>
      </c>
      <c r="E5752" s="1" t="s">
        <v>0</v>
      </c>
    </row>
    <row r="5753" spans="1:5" x14ac:dyDescent="0.25">
      <c r="A5753" s="1" t="s">
        <v>1071</v>
      </c>
      <c r="B5753" s="1" t="s">
        <v>50527</v>
      </c>
      <c r="C5753" s="1" t="s">
        <v>21160</v>
      </c>
      <c r="D5753" s="2">
        <v>158581</v>
      </c>
      <c r="E5753" s="1" t="s">
        <v>0</v>
      </c>
    </row>
    <row r="5754" spans="1:5" x14ac:dyDescent="0.25">
      <c r="A5754" s="1" t="s">
        <v>21161</v>
      </c>
      <c r="B5754" s="1" t="s">
        <v>50528</v>
      </c>
      <c r="C5754" s="1" t="s">
        <v>21162</v>
      </c>
      <c r="D5754" s="2">
        <v>158582</v>
      </c>
      <c r="E5754" s="1" t="s">
        <v>0</v>
      </c>
    </row>
    <row r="5755" spans="1:5" ht="409.5" x14ac:dyDescent="0.25">
      <c r="A5755" s="4" t="s">
        <v>21163</v>
      </c>
      <c r="B5755" s="1" t="s">
        <v>52344</v>
      </c>
      <c r="C5755" s="1" t="s">
        <v>21164</v>
      </c>
      <c r="D5755" s="2">
        <v>158583</v>
      </c>
      <c r="E5755" s="1" t="s">
        <v>0</v>
      </c>
    </row>
    <row r="5756" spans="1:5" x14ac:dyDescent="0.25">
      <c r="A5756" s="1" t="s">
        <v>21165</v>
      </c>
      <c r="B5756" s="1" t="s">
        <v>52345</v>
      </c>
      <c r="C5756" s="1" t="s">
        <v>21166</v>
      </c>
      <c r="D5756" s="2">
        <v>158584</v>
      </c>
      <c r="E5756" s="1" t="s">
        <v>0</v>
      </c>
    </row>
    <row r="5757" spans="1:5" x14ac:dyDescent="0.25">
      <c r="A5757" s="2">
        <v>1151</v>
      </c>
      <c r="B5757" s="2">
        <v>1151</v>
      </c>
      <c r="C5757" s="1" t="s">
        <v>0</v>
      </c>
      <c r="D5757" s="2">
        <v>158585</v>
      </c>
      <c r="E5757" s="1" t="s">
        <v>0</v>
      </c>
    </row>
    <row r="5758" spans="1:5" x14ac:dyDescent="0.25">
      <c r="A5758" s="1" t="s">
        <v>1072</v>
      </c>
      <c r="B5758" s="1" t="s">
        <v>6643</v>
      </c>
      <c r="C5758" s="1" t="s">
        <v>21167</v>
      </c>
      <c r="D5758" s="2">
        <v>158586</v>
      </c>
      <c r="E5758" s="1" t="s">
        <v>0</v>
      </c>
    </row>
    <row r="5759" spans="1:5" x14ac:dyDescent="0.25">
      <c r="A5759" s="1" t="s">
        <v>21168</v>
      </c>
      <c r="B5759" s="1" t="s">
        <v>52346</v>
      </c>
      <c r="C5759" s="1" t="s">
        <v>21169</v>
      </c>
      <c r="D5759" s="2">
        <v>158587</v>
      </c>
      <c r="E5759" s="1" t="s">
        <v>0</v>
      </c>
    </row>
    <row r="5760" spans="1:5" ht="409.5" x14ac:dyDescent="0.25">
      <c r="A5760" s="4" t="s">
        <v>21170</v>
      </c>
      <c r="B5760" s="1" t="s">
        <v>57062</v>
      </c>
      <c r="C5760" s="1" t="s">
        <v>21171</v>
      </c>
      <c r="D5760" s="2">
        <v>158588</v>
      </c>
      <c r="E5760" s="1" t="s">
        <v>0</v>
      </c>
    </row>
    <row r="5761" spans="1:5" x14ac:dyDescent="0.25">
      <c r="A5761" s="1" t="s">
        <v>21172</v>
      </c>
      <c r="B5761" s="1" t="s">
        <v>6644</v>
      </c>
      <c r="C5761" s="1" t="s">
        <v>21173</v>
      </c>
      <c r="D5761" s="2">
        <v>158589</v>
      </c>
      <c r="E5761" s="1" t="s">
        <v>0</v>
      </c>
    </row>
    <row r="5762" spans="1:5" x14ac:dyDescent="0.25">
      <c r="A5762" s="2">
        <v>1152</v>
      </c>
      <c r="B5762" s="2">
        <v>1152</v>
      </c>
      <c r="C5762" s="1" t="s">
        <v>0</v>
      </c>
      <c r="D5762" s="2">
        <v>158590</v>
      </c>
      <c r="E5762" s="1" t="s">
        <v>0</v>
      </c>
    </row>
    <row r="5763" spans="1:5" x14ac:dyDescent="0.25">
      <c r="A5763" s="1" t="s">
        <v>1073</v>
      </c>
      <c r="B5763" s="1" t="s">
        <v>6645</v>
      </c>
      <c r="C5763" s="1" t="s">
        <v>21174</v>
      </c>
      <c r="D5763" s="2">
        <v>158591</v>
      </c>
      <c r="E5763" s="1" t="s">
        <v>0</v>
      </c>
    </row>
    <row r="5764" spans="1:5" x14ac:dyDescent="0.25">
      <c r="A5764" s="1" t="s">
        <v>21175</v>
      </c>
      <c r="B5764" s="1" t="s">
        <v>6646</v>
      </c>
      <c r="C5764" s="1" t="s">
        <v>21176</v>
      </c>
      <c r="D5764" s="2">
        <v>158592</v>
      </c>
      <c r="E5764" s="1" t="s">
        <v>0</v>
      </c>
    </row>
    <row r="5765" spans="1:5" ht="409.5" x14ac:dyDescent="0.25">
      <c r="A5765" s="4" t="s">
        <v>21177</v>
      </c>
      <c r="B5765" s="1" t="s">
        <v>57758</v>
      </c>
      <c r="C5765" s="1" t="s">
        <v>21178</v>
      </c>
      <c r="D5765" s="2">
        <v>158593</v>
      </c>
      <c r="E5765" s="1" t="s">
        <v>0</v>
      </c>
    </row>
    <row r="5766" spans="1:5" x14ac:dyDescent="0.25">
      <c r="A5766" s="1" t="s">
        <v>21179</v>
      </c>
      <c r="B5766" s="1" t="s">
        <v>52347</v>
      </c>
      <c r="C5766" s="1" t="s">
        <v>21180</v>
      </c>
      <c r="D5766" s="2">
        <v>158594</v>
      </c>
      <c r="E5766" s="1" t="s">
        <v>0</v>
      </c>
    </row>
    <row r="5767" spans="1:5" x14ac:dyDescent="0.25">
      <c r="A5767" s="2">
        <v>1153</v>
      </c>
      <c r="B5767" s="2">
        <v>1153</v>
      </c>
      <c r="C5767" s="1" t="s">
        <v>0</v>
      </c>
      <c r="D5767" s="2">
        <v>158595</v>
      </c>
      <c r="E5767" s="1" t="s">
        <v>0</v>
      </c>
    </row>
    <row r="5768" spans="1:5" x14ac:dyDescent="0.25">
      <c r="A5768" s="1" t="s">
        <v>1074</v>
      </c>
      <c r="B5768" s="1" t="s">
        <v>6647</v>
      </c>
      <c r="C5768" s="1" t="s">
        <v>21181</v>
      </c>
      <c r="D5768" s="2">
        <v>158596</v>
      </c>
      <c r="E5768" s="1" t="s">
        <v>0</v>
      </c>
    </row>
    <row r="5769" spans="1:5" x14ac:dyDescent="0.25">
      <c r="A5769" s="1" t="s">
        <v>21182</v>
      </c>
      <c r="B5769" s="1" t="s">
        <v>52348</v>
      </c>
      <c r="C5769" s="1" t="s">
        <v>21183</v>
      </c>
      <c r="D5769" s="2">
        <v>158597</v>
      </c>
      <c r="E5769" s="1" t="s">
        <v>0</v>
      </c>
    </row>
    <row r="5770" spans="1:5" ht="409.5" x14ac:dyDescent="0.25">
      <c r="A5770" s="4" t="s">
        <v>21184</v>
      </c>
      <c r="B5770" s="1" t="s">
        <v>52349</v>
      </c>
      <c r="C5770" s="1" t="s">
        <v>21185</v>
      </c>
      <c r="D5770" s="2">
        <v>158598</v>
      </c>
      <c r="E5770" s="1" t="s">
        <v>0</v>
      </c>
    </row>
    <row r="5771" spans="1:5" x14ac:dyDescent="0.25">
      <c r="A5771" s="1" t="s">
        <v>21186</v>
      </c>
      <c r="B5771" s="1" t="s">
        <v>6648</v>
      </c>
      <c r="C5771" s="1" t="s">
        <v>21187</v>
      </c>
      <c r="D5771" s="2">
        <v>158599</v>
      </c>
      <c r="E5771" s="1" t="s">
        <v>0</v>
      </c>
    </row>
    <row r="5772" spans="1:5" x14ac:dyDescent="0.25">
      <c r="A5772" s="2">
        <v>1154</v>
      </c>
      <c r="B5772" s="2">
        <v>1154</v>
      </c>
      <c r="C5772" s="1" t="s">
        <v>0</v>
      </c>
      <c r="D5772" s="2">
        <v>158600</v>
      </c>
      <c r="E5772" s="1" t="s">
        <v>0</v>
      </c>
    </row>
    <row r="5773" spans="1:5" x14ac:dyDescent="0.25">
      <c r="A5773" s="1" t="s">
        <v>1075</v>
      </c>
      <c r="B5773" s="1" t="s">
        <v>6649</v>
      </c>
      <c r="C5773" s="1" t="s">
        <v>21188</v>
      </c>
      <c r="D5773" s="2">
        <v>158601</v>
      </c>
      <c r="E5773" s="1" t="s">
        <v>0</v>
      </c>
    </row>
    <row r="5774" spans="1:5" x14ac:dyDescent="0.25">
      <c r="A5774" s="1" t="s">
        <v>21189</v>
      </c>
      <c r="B5774" s="1" t="s">
        <v>58244</v>
      </c>
      <c r="C5774" s="1" t="s">
        <v>21190</v>
      </c>
      <c r="D5774" s="2">
        <v>158602</v>
      </c>
      <c r="E5774" s="1" t="s">
        <v>0</v>
      </c>
    </row>
    <row r="5775" spans="1:5" ht="409.5" x14ac:dyDescent="0.25">
      <c r="A5775" s="4" t="s">
        <v>21191</v>
      </c>
      <c r="B5775" s="1" t="s">
        <v>58245</v>
      </c>
      <c r="C5775" s="1" t="s">
        <v>21192</v>
      </c>
      <c r="D5775" s="2">
        <v>158603</v>
      </c>
      <c r="E5775" s="1" t="s">
        <v>0</v>
      </c>
    </row>
    <row r="5776" spans="1:5" x14ac:dyDescent="0.25">
      <c r="A5776" s="1" t="s">
        <v>21193</v>
      </c>
      <c r="B5776" s="1" t="s">
        <v>52350</v>
      </c>
      <c r="C5776" s="1" t="s">
        <v>21194</v>
      </c>
      <c r="D5776" s="2">
        <v>158604</v>
      </c>
      <c r="E5776" s="1" t="s">
        <v>0</v>
      </c>
    </row>
    <row r="5777" spans="1:5" x14ac:dyDescent="0.25">
      <c r="A5777" s="2">
        <v>1155</v>
      </c>
      <c r="B5777" s="2">
        <v>1155</v>
      </c>
      <c r="C5777" s="1" t="s">
        <v>0</v>
      </c>
      <c r="D5777" s="2">
        <v>158605</v>
      </c>
      <c r="E5777" s="1" t="s">
        <v>0</v>
      </c>
    </row>
    <row r="5778" spans="1:5" x14ac:dyDescent="0.25">
      <c r="A5778" s="1" t="s">
        <v>6650</v>
      </c>
      <c r="B5778" s="1" t="s">
        <v>6651</v>
      </c>
      <c r="C5778" s="1" t="s">
        <v>21195</v>
      </c>
      <c r="D5778" s="2">
        <v>158606</v>
      </c>
      <c r="E5778" s="1" t="s">
        <v>0</v>
      </c>
    </row>
    <row r="5779" spans="1:5" x14ac:dyDescent="0.25">
      <c r="A5779" s="1" t="s">
        <v>21196</v>
      </c>
      <c r="B5779" s="1" t="s">
        <v>6652</v>
      </c>
      <c r="C5779" s="1" t="s">
        <v>21197</v>
      </c>
      <c r="D5779" s="2">
        <v>158607</v>
      </c>
      <c r="E5779" s="1" t="s">
        <v>0</v>
      </c>
    </row>
    <row r="5780" spans="1:5" ht="409.5" x14ac:dyDescent="0.25">
      <c r="A5780" s="4" t="s">
        <v>21198</v>
      </c>
      <c r="B5780" s="1" t="s">
        <v>59848</v>
      </c>
      <c r="C5780" s="1" t="s">
        <v>21199</v>
      </c>
      <c r="D5780" s="2">
        <v>158608</v>
      </c>
      <c r="E5780" s="1" t="s">
        <v>0</v>
      </c>
    </row>
    <row r="5781" spans="1:5" x14ac:dyDescent="0.25">
      <c r="A5781" s="1" t="s">
        <v>21200</v>
      </c>
      <c r="B5781" s="1" t="s">
        <v>60575</v>
      </c>
      <c r="C5781" s="1" t="s">
        <v>21201</v>
      </c>
      <c r="D5781" s="2">
        <v>158609</v>
      </c>
      <c r="E5781" s="1" t="s">
        <v>0</v>
      </c>
    </row>
    <row r="5782" spans="1:5" x14ac:dyDescent="0.25">
      <c r="A5782" s="2">
        <v>1156</v>
      </c>
      <c r="B5782" s="2">
        <v>1156</v>
      </c>
      <c r="C5782" s="1" t="s">
        <v>0</v>
      </c>
      <c r="D5782" s="2">
        <v>158610</v>
      </c>
      <c r="E5782" s="1" t="s">
        <v>0</v>
      </c>
    </row>
    <row r="5783" spans="1:5" x14ac:dyDescent="0.25">
      <c r="A5783" s="1" t="s">
        <v>1076</v>
      </c>
      <c r="B5783" s="1" t="s">
        <v>6653</v>
      </c>
      <c r="C5783" s="1" t="s">
        <v>21202</v>
      </c>
      <c r="D5783" s="2">
        <v>158611</v>
      </c>
      <c r="E5783" s="1" t="s">
        <v>0</v>
      </c>
    </row>
    <row r="5784" spans="1:5" x14ac:dyDescent="0.25">
      <c r="A5784" s="1" t="s">
        <v>21203</v>
      </c>
      <c r="B5784" s="1" t="s">
        <v>6654</v>
      </c>
      <c r="C5784" s="1" t="s">
        <v>21204</v>
      </c>
      <c r="D5784" s="2">
        <v>158612</v>
      </c>
      <c r="E5784" s="1" t="s">
        <v>0</v>
      </c>
    </row>
    <row r="5785" spans="1:5" ht="409.5" x14ac:dyDescent="0.25">
      <c r="A5785" s="4" t="s">
        <v>21205</v>
      </c>
      <c r="B5785" s="1" t="s">
        <v>59580</v>
      </c>
      <c r="C5785" s="1" t="s">
        <v>21206</v>
      </c>
      <c r="D5785" s="2">
        <v>158613</v>
      </c>
      <c r="E5785" s="1" t="s">
        <v>0</v>
      </c>
    </row>
    <row r="5786" spans="1:5" x14ac:dyDescent="0.25">
      <c r="A5786" s="1" t="s">
        <v>21207</v>
      </c>
      <c r="B5786" s="1" t="s">
        <v>60987</v>
      </c>
      <c r="C5786" s="1" t="s">
        <v>21208</v>
      </c>
      <c r="D5786" s="2">
        <v>158614</v>
      </c>
      <c r="E5786" s="1" t="s">
        <v>0</v>
      </c>
    </row>
    <row r="5787" spans="1:5" x14ac:dyDescent="0.25">
      <c r="A5787" s="2">
        <v>1157</v>
      </c>
      <c r="B5787" s="2">
        <v>1157</v>
      </c>
      <c r="C5787" s="1" t="s">
        <v>0</v>
      </c>
      <c r="D5787" s="2">
        <v>158615</v>
      </c>
      <c r="E5787" s="1" t="s">
        <v>0</v>
      </c>
    </row>
    <row r="5788" spans="1:5" x14ac:dyDescent="0.25">
      <c r="A5788" s="1" t="s">
        <v>1077</v>
      </c>
      <c r="B5788" s="1" t="s">
        <v>6655</v>
      </c>
      <c r="C5788" s="1" t="s">
        <v>21209</v>
      </c>
      <c r="D5788" s="2">
        <v>158616</v>
      </c>
      <c r="E5788" s="1" t="s">
        <v>0</v>
      </c>
    </row>
    <row r="5789" spans="1:5" x14ac:dyDescent="0.25">
      <c r="A5789" s="1" t="s">
        <v>21210</v>
      </c>
      <c r="B5789" s="1" t="s">
        <v>62191</v>
      </c>
      <c r="C5789" s="1" t="s">
        <v>21211</v>
      </c>
      <c r="D5789" s="2">
        <v>158617</v>
      </c>
      <c r="E5789" s="1" t="s">
        <v>0</v>
      </c>
    </row>
    <row r="5790" spans="1:5" ht="409.5" x14ac:dyDescent="0.25">
      <c r="A5790" s="4" t="s">
        <v>21212</v>
      </c>
      <c r="B5790" s="1" t="s">
        <v>62192</v>
      </c>
      <c r="C5790" s="1" t="s">
        <v>21213</v>
      </c>
      <c r="D5790" s="2">
        <v>158618</v>
      </c>
      <c r="E5790" s="1" t="s">
        <v>0</v>
      </c>
    </row>
    <row r="5791" spans="1:5" x14ac:dyDescent="0.25">
      <c r="A5791" s="1" t="s">
        <v>21214</v>
      </c>
      <c r="B5791" s="1" t="s">
        <v>6656</v>
      </c>
      <c r="C5791" s="1" t="s">
        <v>21215</v>
      </c>
      <c r="D5791" s="2">
        <v>158619</v>
      </c>
      <c r="E5791" s="1" t="s">
        <v>0</v>
      </c>
    </row>
    <row r="5792" spans="1:5" x14ac:dyDescent="0.25">
      <c r="A5792" s="2">
        <v>1158</v>
      </c>
      <c r="B5792" s="2">
        <v>1158</v>
      </c>
      <c r="C5792" s="1" t="s">
        <v>0</v>
      </c>
      <c r="D5792" s="2">
        <v>158620</v>
      </c>
      <c r="E5792" s="1" t="s">
        <v>0</v>
      </c>
    </row>
    <row r="5793" spans="1:5" x14ac:dyDescent="0.25">
      <c r="A5793" s="1" t="s">
        <v>1078</v>
      </c>
      <c r="B5793" s="1" t="s">
        <v>6657</v>
      </c>
      <c r="C5793" s="1" t="s">
        <v>21216</v>
      </c>
      <c r="D5793" s="2">
        <v>158621</v>
      </c>
      <c r="E5793" s="1" t="s">
        <v>0</v>
      </c>
    </row>
    <row r="5794" spans="1:5" x14ac:dyDescent="0.25">
      <c r="A5794" s="1" t="s">
        <v>21217</v>
      </c>
      <c r="B5794" s="1" t="s">
        <v>6658</v>
      </c>
      <c r="C5794" s="1" t="s">
        <v>21218</v>
      </c>
      <c r="D5794" s="2">
        <v>158622</v>
      </c>
      <c r="E5794" s="1" t="s">
        <v>0</v>
      </c>
    </row>
    <row r="5795" spans="1:5" ht="409.5" x14ac:dyDescent="0.25">
      <c r="A5795" s="4" t="s">
        <v>21219</v>
      </c>
      <c r="B5795" s="1" t="s">
        <v>52351</v>
      </c>
      <c r="C5795" s="1" t="s">
        <v>21220</v>
      </c>
      <c r="D5795" s="2">
        <v>158623</v>
      </c>
      <c r="E5795" s="1" t="s">
        <v>0</v>
      </c>
    </row>
    <row r="5796" spans="1:5" x14ac:dyDescent="0.25">
      <c r="A5796" s="1" t="s">
        <v>21221</v>
      </c>
      <c r="B5796" s="1" t="s">
        <v>52352</v>
      </c>
      <c r="C5796" s="1" t="s">
        <v>21222</v>
      </c>
      <c r="D5796" s="2">
        <v>158624</v>
      </c>
      <c r="E5796" s="1" t="s">
        <v>0</v>
      </c>
    </row>
    <row r="5797" spans="1:5" x14ac:dyDescent="0.25">
      <c r="A5797" s="2">
        <v>1159</v>
      </c>
      <c r="B5797" s="2">
        <v>1159</v>
      </c>
      <c r="C5797" s="1" t="s">
        <v>0</v>
      </c>
      <c r="D5797" s="2">
        <v>158625</v>
      </c>
      <c r="E5797" s="1" t="s">
        <v>0</v>
      </c>
    </row>
    <row r="5798" spans="1:5" x14ac:dyDescent="0.25">
      <c r="A5798" s="1" t="s">
        <v>1079</v>
      </c>
      <c r="B5798" s="1" t="s">
        <v>6659</v>
      </c>
      <c r="C5798" s="1" t="s">
        <v>21223</v>
      </c>
      <c r="D5798" s="2">
        <v>158626</v>
      </c>
      <c r="E5798" s="1" t="s">
        <v>0</v>
      </c>
    </row>
    <row r="5799" spans="1:5" x14ac:dyDescent="0.25">
      <c r="A5799" s="1" t="s">
        <v>21224</v>
      </c>
      <c r="B5799" s="1" t="s">
        <v>60711</v>
      </c>
      <c r="C5799" s="1" t="s">
        <v>21225</v>
      </c>
      <c r="D5799" s="2">
        <v>158627</v>
      </c>
      <c r="E5799" s="1" t="s">
        <v>0</v>
      </c>
    </row>
    <row r="5800" spans="1:5" ht="409.5" x14ac:dyDescent="0.25">
      <c r="A5800" s="4" t="s">
        <v>21226</v>
      </c>
      <c r="B5800" s="1" t="s">
        <v>60712</v>
      </c>
      <c r="C5800" s="1" t="s">
        <v>21227</v>
      </c>
      <c r="D5800" s="2">
        <v>158628</v>
      </c>
      <c r="E5800" s="1" t="s">
        <v>0</v>
      </c>
    </row>
    <row r="5801" spans="1:5" x14ac:dyDescent="0.25">
      <c r="A5801" s="1" t="s">
        <v>21228</v>
      </c>
      <c r="B5801" s="1" t="s">
        <v>52353</v>
      </c>
      <c r="C5801" s="1" t="s">
        <v>21229</v>
      </c>
      <c r="D5801" s="2">
        <v>158629</v>
      </c>
      <c r="E5801" s="1" t="s">
        <v>0</v>
      </c>
    </row>
    <row r="5802" spans="1:5" x14ac:dyDescent="0.25">
      <c r="A5802" s="2">
        <v>1160</v>
      </c>
      <c r="B5802" s="2">
        <v>1160</v>
      </c>
      <c r="C5802" s="1" t="s">
        <v>0</v>
      </c>
      <c r="D5802" s="2">
        <v>158630</v>
      </c>
      <c r="E5802" s="1" t="s">
        <v>0</v>
      </c>
    </row>
    <row r="5803" spans="1:5" x14ac:dyDescent="0.25">
      <c r="A5803" s="1" t="s">
        <v>6660</v>
      </c>
      <c r="B5803" s="1" t="s">
        <v>6661</v>
      </c>
      <c r="C5803" s="1" t="s">
        <v>21230</v>
      </c>
      <c r="D5803" s="2">
        <v>158631</v>
      </c>
      <c r="E5803" s="1" t="s">
        <v>0</v>
      </c>
    </row>
    <row r="5804" spans="1:5" x14ac:dyDescent="0.25">
      <c r="A5804" s="1" t="s">
        <v>21231</v>
      </c>
      <c r="B5804" s="1" t="s">
        <v>58702</v>
      </c>
      <c r="C5804" s="1" t="s">
        <v>21232</v>
      </c>
      <c r="D5804" s="2">
        <v>158632</v>
      </c>
      <c r="E5804" s="1" t="s">
        <v>0</v>
      </c>
    </row>
    <row r="5805" spans="1:5" ht="409.5" x14ac:dyDescent="0.25">
      <c r="A5805" s="4" t="s">
        <v>21233</v>
      </c>
      <c r="B5805" s="1" t="s">
        <v>58703</v>
      </c>
      <c r="C5805" s="1" t="s">
        <v>21234</v>
      </c>
      <c r="D5805" s="2">
        <v>158633</v>
      </c>
      <c r="E5805" s="1" t="s">
        <v>0</v>
      </c>
    </row>
    <row r="5806" spans="1:5" x14ac:dyDescent="0.25">
      <c r="A5806" s="1" t="s">
        <v>21235</v>
      </c>
      <c r="B5806" s="1" t="s">
        <v>58246</v>
      </c>
      <c r="C5806" s="1" t="s">
        <v>21236</v>
      </c>
      <c r="D5806" s="2">
        <v>158634</v>
      </c>
      <c r="E5806" s="1" t="s">
        <v>0</v>
      </c>
    </row>
    <row r="5807" spans="1:5" x14ac:dyDescent="0.25">
      <c r="A5807" s="2">
        <v>1161</v>
      </c>
      <c r="B5807" s="2">
        <v>1161</v>
      </c>
      <c r="C5807" s="1" t="s">
        <v>0</v>
      </c>
      <c r="D5807" s="2">
        <v>158635</v>
      </c>
      <c r="E5807" s="1" t="s">
        <v>0</v>
      </c>
    </row>
    <row r="5808" spans="1:5" x14ac:dyDescent="0.25">
      <c r="A5808" s="1" t="s">
        <v>1080</v>
      </c>
      <c r="B5808" s="1" t="s">
        <v>58704</v>
      </c>
      <c r="C5808" s="1" t="s">
        <v>21237</v>
      </c>
      <c r="D5808" s="2">
        <v>158636</v>
      </c>
      <c r="E5808" s="1" t="s">
        <v>0</v>
      </c>
    </row>
    <row r="5809" spans="1:5" x14ac:dyDescent="0.25">
      <c r="A5809" s="1" t="s">
        <v>21238</v>
      </c>
      <c r="B5809" s="1" t="s">
        <v>62193</v>
      </c>
      <c r="C5809" s="1" t="s">
        <v>21239</v>
      </c>
      <c r="D5809" s="2">
        <v>158637</v>
      </c>
      <c r="E5809" s="1" t="s">
        <v>0</v>
      </c>
    </row>
    <row r="5810" spans="1:5" ht="409.5" x14ac:dyDescent="0.25">
      <c r="A5810" s="4" t="s">
        <v>21240</v>
      </c>
      <c r="B5810" s="1" t="s">
        <v>62194</v>
      </c>
      <c r="C5810" s="1" t="s">
        <v>21241</v>
      </c>
      <c r="D5810" s="2">
        <v>158638</v>
      </c>
      <c r="E5810" s="1" t="s">
        <v>0</v>
      </c>
    </row>
    <row r="5811" spans="1:5" x14ac:dyDescent="0.25">
      <c r="A5811" s="1" t="s">
        <v>21242</v>
      </c>
      <c r="B5811" s="1" t="s">
        <v>58705</v>
      </c>
      <c r="C5811" s="1" t="s">
        <v>21243</v>
      </c>
      <c r="D5811" s="2">
        <v>158639</v>
      </c>
      <c r="E5811" s="1" t="s">
        <v>0</v>
      </c>
    </row>
    <row r="5812" spans="1:5" x14ac:dyDescent="0.25">
      <c r="A5812" s="2">
        <v>1162</v>
      </c>
      <c r="B5812" s="2">
        <v>1162</v>
      </c>
      <c r="C5812" s="1" t="s">
        <v>0</v>
      </c>
      <c r="D5812" s="2">
        <v>158640</v>
      </c>
      <c r="E5812" s="1" t="s">
        <v>0</v>
      </c>
    </row>
    <row r="5813" spans="1:5" x14ac:dyDescent="0.25">
      <c r="A5813" s="1" t="s">
        <v>6662</v>
      </c>
      <c r="B5813" s="1" t="s">
        <v>6663</v>
      </c>
      <c r="C5813" s="1" t="s">
        <v>21244</v>
      </c>
      <c r="D5813" s="2">
        <v>158641</v>
      </c>
      <c r="E5813" s="1" t="s">
        <v>0</v>
      </c>
    </row>
    <row r="5814" spans="1:5" x14ac:dyDescent="0.25">
      <c r="A5814" s="1" t="s">
        <v>21245</v>
      </c>
      <c r="B5814" s="1" t="s">
        <v>52354</v>
      </c>
      <c r="C5814" s="1" t="s">
        <v>21246</v>
      </c>
      <c r="D5814" s="2">
        <v>158642</v>
      </c>
      <c r="E5814" s="1" t="s">
        <v>0</v>
      </c>
    </row>
    <row r="5815" spans="1:5" ht="409.5" x14ac:dyDescent="0.25">
      <c r="A5815" s="4" t="s">
        <v>21247</v>
      </c>
      <c r="B5815" s="1" t="s">
        <v>63248</v>
      </c>
      <c r="C5815" s="1" t="s">
        <v>21248</v>
      </c>
      <c r="D5815" s="2">
        <v>158643</v>
      </c>
      <c r="E5815" s="1" t="s">
        <v>0</v>
      </c>
    </row>
    <row r="5816" spans="1:5" x14ac:dyDescent="0.25">
      <c r="A5816" s="1" t="s">
        <v>21249</v>
      </c>
      <c r="B5816" s="1" t="s">
        <v>6664</v>
      </c>
      <c r="C5816" s="1" t="s">
        <v>21250</v>
      </c>
      <c r="D5816" s="2">
        <v>158644</v>
      </c>
      <c r="E5816" s="1" t="s">
        <v>0</v>
      </c>
    </row>
    <row r="5817" spans="1:5" x14ac:dyDescent="0.25">
      <c r="A5817" s="2">
        <v>1163</v>
      </c>
      <c r="B5817" s="2">
        <v>1163</v>
      </c>
      <c r="C5817" s="1" t="s">
        <v>0</v>
      </c>
      <c r="D5817" s="2">
        <v>158645</v>
      </c>
      <c r="E5817" s="1" t="s">
        <v>0</v>
      </c>
    </row>
    <row r="5818" spans="1:5" x14ac:dyDescent="0.25">
      <c r="A5818" s="1" t="s">
        <v>1081</v>
      </c>
      <c r="B5818" s="1" t="s">
        <v>6665</v>
      </c>
      <c r="C5818" s="1" t="s">
        <v>21251</v>
      </c>
      <c r="D5818" s="2">
        <v>158646</v>
      </c>
      <c r="E5818" s="1" t="s">
        <v>0</v>
      </c>
    </row>
    <row r="5819" spans="1:5" x14ac:dyDescent="0.25">
      <c r="A5819" s="1" t="s">
        <v>21252</v>
      </c>
      <c r="B5819" s="1" t="s">
        <v>52355</v>
      </c>
      <c r="C5819" s="1" t="s">
        <v>21253</v>
      </c>
      <c r="D5819" s="2">
        <v>158647</v>
      </c>
      <c r="E5819" s="1" t="s">
        <v>0</v>
      </c>
    </row>
    <row r="5820" spans="1:5" ht="409.5" x14ac:dyDescent="0.25">
      <c r="A5820" s="4" t="s">
        <v>64050</v>
      </c>
      <c r="B5820" s="1" t="s">
        <v>52356</v>
      </c>
      <c r="C5820" s="1" t="s">
        <v>21254</v>
      </c>
      <c r="D5820" s="2">
        <v>158648</v>
      </c>
      <c r="E5820" s="1" t="s">
        <v>0</v>
      </c>
    </row>
    <row r="5821" spans="1:5" x14ac:dyDescent="0.25">
      <c r="A5821" s="1" t="s">
        <v>21255</v>
      </c>
      <c r="B5821" s="1" t="s">
        <v>52357</v>
      </c>
      <c r="C5821" s="1" t="s">
        <v>21256</v>
      </c>
      <c r="D5821" s="2">
        <v>158649</v>
      </c>
      <c r="E5821" s="1" t="s">
        <v>0</v>
      </c>
    </row>
    <row r="5822" spans="1:5" x14ac:dyDescent="0.25">
      <c r="A5822" s="2">
        <v>1164</v>
      </c>
      <c r="B5822" s="2">
        <v>1164</v>
      </c>
      <c r="C5822" s="1" t="s">
        <v>0</v>
      </c>
      <c r="D5822" s="2">
        <v>158650</v>
      </c>
      <c r="E5822" s="1" t="s">
        <v>0</v>
      </c>
    </row>
    <row r="5823" spans="1:5" x14ac:dyDescent="0.25">
      <c r="A5823" s="1" t="s">
        <v>1082</v>
      </c>
      <c r="B5823" s="1" t="s">
        <v>6666</v>
      </c>
      <c r="C5823" s="1" t="s">
        <v>21257</v>
      </c>
      <c r="D5823" s="2">
        <v>158651</v>
      </c>
      <c r="E5823" s="1" t="s">
        <v>0</v>
      </c>
    </row>
    <row r="5824" spans="1:5" x14ac:dyDescent="0.25">
      <c r="A5824" s="1" t="s">
        <v>21258</v>
      </c>
      <c r="B5824" s="1" t="s">
        <v>63644</v>
      </c>
      <c r="C5824" s="1" t="s">
        <v>21259</v>
      </c>
      <c r="D5824" s="2">
        <v>158652</v>
      </c>
      <c r="E5824" s="1" t="s">
        <v>0</v>
      </c>
    </row>
    <row r="5825" spans="1:5" ht="409.5" x14ac:dyDescent="0.25">
      <c r="A5825" s="4" t="s">
        <v>21260</v>
      </c>
      <c r="B5825" s="1" t="s">
        <v>63645</v>
      </c>
      <c r="C5825" s="1" t="s">
        <v>21261</v>
      </c>
      <c r="D5825" s="2">
        <v>158653</v>
      </c>
      <c r="E5825" s="1" t="s">
        <v>0</v>
      </c>
    </row>
    <row r="5826" spans="1:5" x14ac:dyDescent="0.25">
      <c r="A5826" s="1" t="s">
        <v>21262</v>
      </c>
      <c r="B5826" s="1" t="s">
        <v>52358</v>
      </c>
      <c r="C5826" s="1" t="s">
        <v>21263</v>
      </c>
      <c r="D5826" s="2">
        <v>158654</v>
      </c>
      <c r="E5826" s="1" t="s">
        <v>0</v>
      </c>
    </row>
    <row r="5827" spans="1:5" x14ac:dyDescent="0.25">
      <c r="A5827" s="2">
        <v>1165</v>
      </c>
      <c r="B5827" s="2">
        <v>1165</v>
      </c>
      <c r="C5827" s="1" t="s">
        <v>0</v>
      </c>
      <c r="D5827" s="2">
        <v>158655</v>
      </c>
      <c r="E5827" s="1" t="s">
        <v>0</v>
      </c>
    </row>
    <row r="5828" spans="1:5" x14ac:dyDescent="0.25">
      <c r="A5828" s="1" t="s">
        <v>1083</v>
      </c>
      <c r="B5828" s="1" t="s">
        <v>6667</v>
      </c>
      <c r="C5828" s="1" t="s">
        <v>21264</v>
      </c>
      <c r="D5828" s="2">
        <v>158656</v>
      </c>
      <c r="E5828" s="1" t="s">
        <v>0</v>
      </c>
    </row>
    <row r="5829" spans="1:5" x14ac:dyDescent="0.25">
      <c r="A5829" s="1" t="s">
        <v>21265</v>
      </c>
      <c r="B5829" s="1" t="s">
        <v>63870</v>
      </c>
      <c r="C5829" s="1" t="s">
        <v>21266</v>
      </c>
      <c r="D5829" s="2">
        <v>158657</v>
      </c>
      <c r="E5829" s="1" t="s">
        <v>0</v>
      </c>
    </row>
    <row r="5830" spans="1:5" ht="409.5" x14ac:dyDescent="0.25">
      <c r="A5830" s="4" t="s">
        <v>21267</v>
      </c>
      <c r="B5830" s="1" t="s">
        <v>63871</v>
      </c>
      <c r="C5830" s="1" t="s">
        <v>21268</v>
      </c>
      <c r="D5830" s="2">
        <v>158658</v>
      </c>
      <c r="E5830" s="1" t="s">
        <v>0</v>
      </c>
    </row>
    <row r="5831" spans="1:5" x14ac:dyDescent="0.25">
      <c r="A5831" s="1" t="s">
        <v>21269</v>
      </c>
      <c r="B5831" s="1" t="s">
        <v>6668</v>
      </c>
      <c r="C5831" s="1" t="s">
        <v>21270</v>
      </c>
      <c r="D5831" s="2">
        <v>158659</v>
      </c>
      <c r="E5831" s="1" t="s">
        <v>0</v>
      </c>
    </row>
    <row r="5832" spans="1:5" x14ac:dyDescent="0.25">
      <c r="A5832" s="2">
        <v>1166</v>
      </c>
      <c r="B5832" s="2">
        <v>1166</v>
      </c>
      <c r="C5832" s="1" t="s">
        <v>0</v>
      </c>
      <c r="D5832" s="2">
        <v>158660</v>
      </c>
      <c r="E5832" s="1" t="s">
        <v>0</v>
      </c>
    </row>
    <row r="5833" spans="1:5" x14ac:dyDescent="0.25">
      <c r="A5833" s="1" t="s">
        <v>1084</v>
      </c>
      <c r="B5833" s="1" t="s">
        <v>50529</v>
      </c>
      <c r="C5833" s="1" t="s">
        <v>21271</v>
      </c>
      <c r="D5833" s="2">
        <v>158661</v>
      </c>
      <c r="E5833" s="1" t="s">
        <v>0</v>
      </c>
    </row>
    <row r="5834" spans="1:5" x14ac:dyDescent="0.25">
      <c r="A5834" s="1" t="s">
        <v>21272</v>
      </c>
      <c r="B5834" s="1" t="s">
        <v>52359</v>
      </c>
      <c r="C5834" s="1" t="s">
        <v>21273</v>
      </c>
      <c r="D5834" s="2">
        <v>158662</v>
      </c>
      <c r="E5834" s="1" t="s">
        <v>0</v>
      </c>
    </row>
    <row r="5835" spans="1:5" ht="409.5" x14ac:dyDescent="0.25">
      <c r="A5835" s="4" t="s">
        <v>21274</v>
      </c>
      <c r="B5835" s="1" t="s">
        <v>52360</v>
      </c>
      <c r="C5835" s="1" t="s">
        <v>21275</v>
      </c>
      <c r="D5835" s="2">
        <v>158663</v>
      </c>
      <c r="E5835" s="1" t="s">
        <v>0</v>
      </c>
    </row>
    <row r="5836" spans="1:5" x14ac:dyDescent="0.25">
      <c r="A5836" s="1" t="s">
        <v>21276</v>
      </c>
      <c r="B5836" s="1" t="s">
        <v>52361</v>
      </c>
      <c r="C5836" s="1" t="s">
        <v>21277</v>
      </c>
      <c r="D5836" s="2">
        <v>158664</v>
      </c>
      <c r="E5836" s="1" t="s">
        <v>0</v>
      </c>
    </row>
    <row r="5837" spans="1:5" x14ac:dyDescent="0.25">
      <c r="A5837" s="2">
        <v>1167</v>
      </c>
      <c r="B5837" s="2">
        <v>1167</v>
      </c>
      <c r="C5837" s="1" t="s">
        <v>0</v>
      </c>
      <c r="D5837" s="2">
        <v>158665</v>
      </c>
      <c r="E5837" s="1" t="s">
        <v>0</v>
      </c>
    </row>
    <row r="5838" spans="1:5" x14ac:dyDescent="0.25">
      <c r="A5838" s="1" t="s">
        <v>1085</v>
      </c>
      <c r="B5838" s="1" t="s">
        <v>6669</v>
      </c>
      <c r="C5838" s="1" t="s">
        <v>21278</v>
      </c>
      <c r="D5838" s="2">
        <v>158666</v>
      </c>
      <c r="E5838" s="1" t="s">
        <v>0</v>
      </c>
    </row>
    <row r="5839" spans="1:5" x14ac:dyDescent="0.25">
      <c r="A5839" s="1" t="s">
        <v>21279</v>
      </c>
      <c r="B5839" s="1" t="s">
        <v>6670</v>
      </c>
      <c r="C5839" s="1" t="s">
        <v>21280</v>
      </c>
      <c r="D5839" s="2">
        <v>158667</v>
      </c>
      <c r="E5839" s="1" t="s">
        <v>0</v>
      </c>
    </row>
    <row r="5840" spans="1:5" ht="409.5" x14ac:dyDescent="0.25">
      <c r="A5840" s="4" t="s">
        <v>21281</v>
      </c>
      <c r="B5840" s="1" t="s">
        <v>57009</v>
      </c>
      <c r="C5840" s="1" t="s">
        <v>21282</v>
      </c>
      <c r="D5840" s="2">
        <v>158668</v>
      </c>
      <c r="E5840" s="1" t="s">
        <v>0</v>
      </c>
    </row>
    <row r="5841" spans="1:5" x14ac:dyDescent="0.25">
      <c r="A5841" s="1" t="s">
        <v>21283</v>
      </c>
      <c r="B5841" s="1" t="s">
        <v>52362</v>
      </c>
      <c r="C5841" s="1" t="s">
        <v>21284</v>
      </c>
      <c r="D5841" s="2">
        <v>158669</v>
      </c>
      <c r="E5841" s="1" t="s">
        <v>0</v>
      </c>
    </row>
    <row r="5842" spans="1:5" x14ac:dyDescent="0.25">
      <c r="A5842" s="2">
        <v>1168</v>
      </c>
      <c r="B5842" s="2">
        <v>1168</v>
      </c>
      <c r="C5842" s="1" t="s">
        <v>0</v>
      </c>
      <c r="D5842" s="2">
        <v>158670</v>
      </c>
      <c r="E5842" s="1" t="s">
        <v>0</v>
      </c>
    </row>
    <row r="5843" spans="1:5" x14ac:dyDescent="0.25">
      <c r="A5843" s="1" t="s">
        <v>21285</v>
      </c>
      <c r="B5843" s="1" t="s">
        <v>6671</v>
      </c>
      <c r="C5843" s="1" t="s">
        <v>21286</v>
      </c>
      <c r="D5843" s="2">
        <v>158671</v>
      </c>
      <c r="E5843" s="1" t="s">
        <v>0</v>
      </c>
    </row>
    <row r="5844" spans="1:5" x14ac:dyDescent="0.25">
      <c r="A5844" s="1" t="s">
        <v>21287</v>
      </c>
      <c r="B5844" s="1" t="s">
        <v>13032</v>
      </c>
      <c r="C5844" s="1" t="s">
        <v>21288</v>
      </c>
      <c r="D5844" s="2">
        <v>158672</v>
      </c>
      <c r="E5844" s="1" t="s">
        <v>0</v>
      </c>
    </row>
    <row r="5845" spans="1:5" ht="409.5" x14ac:dyDescent="0.25">
      <c r="A5845" s="4" t="s">
        <v>21289</v>
      </c>
      <c r="B5845" s="1" t="s">
        <v>58987</v>
      </c>
      <c r="C5845" s="1" t="s">
        <v>21290</v>
      </c>
      <c r="D5845" s="2">
        <v>158673</v>
      </c>
      <c r="E5845" s="1" t="s">
        <v>0</v>
      </c>
    </row>
    <row r="5846" spans="1:5" x14ac:dyDescent="0.25">
      <c r="A5846" s="1" t="s">
        <v>21291</v>
      </c>
      <c r="B5846" s="1" t="s">
        <v>52363</v>
      </c>
      <c r="C5846" s="1" t="s">
        <v>21292</v>
      </c>
      <c r="D5846" s="2">
        <v>158674</v>
      </c>
      <c r="E5846" s="1" t="s">
        <v>0</v>
      </c>
    </row>
    <row r="5847" spans="1:5" x14ac:dyDescent="0.25">
      <c r="A5847" s="2">
        <v>1169</v>
      </c>
      <c r="B5847" s="2">
        <v>1169</v>
      </c>
      <c r="C5847" s="1" t="s">
        <v>0</v>
      </c>
      <c r="D5847" s="2">
        <v>158675</v>
      </c>
      <c r="E5847" s="1" t="s">
        <v>0</v>
      </c>
    </row>
    <row r="5848" spans="1:5" x14ac:dyDescent="0.25">
      <c r="A5848" s="1" t="s">
        <v>1086</v>
      </c>
      <c r="B5848" s="1" t="s">
        <v>6672</v>
      </c>
      <c r="C5848" s="1" t="s">
        <v>21293</v>
      </c>
      <c r="D5848" s="2">
        <v>158676</v>
      </c>
      <c r="E5848" s="1" t="s">
        <v>0</v>
      </c>
    </row>
    <row r="5849" spans="1:5" x14ac:dyDescent="0.25">
      <c r="A5849" s="1" t="s">
        <v>21294</v>
      </c>
      <c r="B5849" s="1" t="s">
        <v>50530</v>
      </c>
      <c r="C5849" s="1" t="s">
        <v>21295</v>
      </c>
      <c r="D5849" s="2">
        <v>158677</v>
      </c>
      <c r="E5849" s="1" t="s">
        <v>0</v>
      </c>
    </row>
    <row r="5850" spans="1:5" ht="409.5" x14ac:dyDescent="0.25">
      <c r="A5850" s="4" t="s">
        <v>21296</v>
      </c>
      <c r="B5850" s="1" t="s">
        <v>50531</v>
      </c>
      <c r="C5850" s="1" t="s">
        <v>21297</v>
      </c>
      <c r="D5850" s="2">
        <v>158678</v>
      </c>
      <c r="E5850" s="1" t="s">
        <v>0</v>
      </c>
    </row>
    <row r="5851" spans="1:5" x14ac:dyDescent="0.25">
      <c r="A5851" s="1" t="s">
        <v>21298</v>
      </c>
      <c r="B5851" s="1" t="s">
        <v>52364</v>
      </c>
      <c r="C5851" s="1" t="s">
        <v>21299</v>
      </c>
      <c r="D5851" s="2">
        <v>158679</v>
      </c>
      <c r="E5851" s="1" t="s">
        <v>0</v>
      </c>
    </row>
    <row r="5852" spans="1:5" x14ac:dyDescent="0.25">
      <c r="A5852" s="2">
        <v>1170</v>
      </c>
      <c r="B5852" s="2">
        <v>1170</v>
      </c>
      <c r="C5852" s="1" t="s">
        <v>0</v>
      </c>
      <c r="D5852" s="2">
        <v>158680</v>
      </c>
      <c r="E5852" s="1" t="s">
        <v>0</v>
      </c>
    </row>
    <row r="5853" spans="1:5" x14ac:dyDescent="0.25">
      <c r="A5853" s="1" t="s">
        <v>1087</v>
      </c>
      <c r="B5853" s="1" t="s">
        <v>6673</v>
      </c>
      <c r="C5853" s="1" t="s">
        <v>21300</v>
      </c>
      <c r="D5853" s="2">
        <v>158681</v>
      </c>
      <c r="E5853" s="1" t="s">
        <v>0</v>
      </c>
    </row>
    <row r="5854" spans="1:5" x14ac:dyDescent="0.25">
      <c r="A5854" s="1" t="s">
        <v>21301</v>
      </c>
      <c r="B5854" s="1" t="s">
        <v>52365</v>
      </c>
      <c r="C5854" s="1" t="s">
        <v>21302</v>
      </c>
      <c r="D5854" s="2">
        <v>158682</v>
      </c>
      <c r="E5854" s="1" t="s">
        <v>0</v>
      </c>
    </row>
    <row r="5855" spans="1:5" ht="409.5" x14ac:dyDescent="0.25">
      <c r="A5855" s="4" t="s">
        <v>21303</v>
      </c>
      <c r="B5855" s="1" t="s">
        <v>57759</v>
      </c>
      <c r="C5855" s="1" t="s">
        <v>21304</v>
      </c>
      <c r="D5855" s="2">
        <v>158683</v>
      </c>
      <c r="E5855" s="1" t="s">
        <v>0</v>
      </c>
    </row>
    <row r="5856" spans="1:5" x14ac:dyDescent="0.25">
      <c r="A5856" s="1" t="s">
        <v>21305</v>
      </c>
      <c r="B5856" s="1" t="s">
        <v>52366</v>
      </c>
      <c r="C5856" s="1" t="s">
        <v>21306</v>
      </c>
      <c r="D5856" s="2">
        <v>158684</v>
      </c>
      <c r="E5856" s="1" t="s">
        <v>0</v>
      </c>
    </row>
    <row r="5857" spans="1:5" x14ac:dyDescent="0.25">
      <c r="A5857" s="2">
        <v>1171</v>
      </c>
      <c r="B5857" s="2">
        <v>1171</v>
      </c>
      <c r="C5857" s="1" t="s">
        <v>0</v>
      </c>
      <c r="D5857" s="2">
        <v>158685</v>
      </c>
      <c r="E5857" s="1" t="s">
        <v>0</v>
      </c>
    </row>
    <row r="5858" spans="1:5" x14ac:dyDescent="0.25">
      <c r="A5858" s="1" t="s">
        <v>1088</v>
      </c>
      <c r="B5858" s="1" t="s">
        <v>6674</v>
      </c>
      <c r="C5858" s="1" t="s">
        <v>21307</v>
      </c>
      <c r="D5858" s="2">
        <v>158686</v>
      </c>
      <c r="E5858" s="1" t="s">
        <v>0</v>
      </c>
    </row>
    <row r="5859" spans="1:5" x14ac:dyDescent="0.25">
      <c r="A5859" s="1" t="s">
        <v>21308</v>
      </c>
      <c r="B5859" s="1" t="s">
        <v>6675</v>
      </c>
      <c r="C5859" s="1" t="s">
        <v>21309</v>
      </c>
      <c r="D5859" s="2">
        <v>158687</v>
      </c>
      <c r="E5859" s="1" t="s">
        <v>0</v>
      </c>
    </row>
    <row r="5860" spans="1:5" ht="409.5" x14ac:dyDescent="0.25">
      <c r="A5860" s="4" t="s">
        <v>64051</v>
      </c>
      <c r="B5860" s="1" t="s">
        <v>61481</v>
      </c>
      <c r="C5860" s="1" t="s">
        <v>21310</v>
      </c>
      <c r="D5860" s="2">
        <v>158688</v>
      </c>
      <c r="E5860" s="1" t="s">
        <v>0</v>
      </c>
    </row>
    <row r="5861" spans="1:5" x14ac:dyDescent="0.25">
      <c r="A5861" s="1" t="s">
        <v>21311</v>
      </c>
      <c r="B5861" s="1" t="s">
        <v>6676</v>
      </c>
      <c r="C5861" s="1" t="s">
        <v>21312</v>
      </c>
      <c r="D5861" s="2">
        <v>158689</v>
      </c>
      <c r="E5861" s="1" t="s">
        <v>0</v>
      </c>
    </row>
    <row r="5862" spans="1:5" x14ac:dyDescent="0.25">
      <c r="A5862" s="2">
        <v>1172</v>
      </c>
      <c r="B5862" s="2">
        <v>1172</v>
      </c>
      <c r="C5862" s="1" t="s">
        <v>0</v>
      </c>
      <c r="D5862" s="2">
        <v>158690</v>
      </c>
      <c r="E5862" s="1" t="s">
        <v>0</v>
      </c>
    </row>
    <row r="5863" spans="1:5" x14ac:dyDescent="0.25">
      <c r="A5863" s="1" t="s">
        <v>1089</v>
      </c>
      <c r="B5863" s="1" t="s">
        <v>6677</v>
      </c>
      <c r="C5863" s="1" t="s">
        <v>21313</v>
      </c>
      <c r="D5863" s="2">
        <v>158691</v>
      </c>
      <c r="E5863" s="1" t="s">
        <v>0</v>
      </c>
    </row>
    <row r="5864" spans="1:5" x14ac:dyDescent="0.25">
      <c r="A5864" s="1" t="s">
        <v>21314</v>
      </c>
      <c r="B5864" s="1" t="s">
        <v>52367</v>
      </c>
      <c r="C5864" s="1" t="s">
        <v>21315</v>
      </c>
      <c r="D5864" s="2">
        <v>158692</v>
      </c>
      <c r="E5864" s="1" t="s">
        <v>0</v>
      </c>
    </row>
    <row r="5865" spans="1:5" ht="409.5" x14ac:dyDescent="0.25">
      <c r="A5865" s="4" t="s">
        <v>21316</v>
      </c>
      <c r="B5865" s="1" t="s">
        <v>52368</v>
      </c>
      <c r="C5865" s="1" t="s">
        <v>21317</v>
      </c>
      <c r="D5865" s="2">
        <v>158693</v>
      </c>
      <c r="E5865" s="1" t="s">
        <v>0</v>
      </c>
    </row>
    <row r="5866" spans="1:5" x14ac:dyDescent="0.25">
      <c r="A5866" s="1" t="s">
        <v>21318</v>
      </c>
      <c r="B5866" s="1" t="s">
        <v>52369</v>
      </c>
      <c r="C5866" s="1" t="s">
        <v>21319</v>
      </c>
      <c r="D5866" s="2">
        <v>158694</v>
      </c>
      <c r="E5866" s="1" t="s">
        <v>0</v>
      </c>
    </row>
    <row r="5867" spans="1:5" x14ac:dyDescent="0.25">
      <c r="A5867" s="2">
        <v>1173</v>
      </c>
      <c r="B5867" s="2">
        <v>1173</v>
      </c>
      <c r="C5867" s="1" t="s">
        <v>0</v>
      </c>
      <c r="D5867" s="2">
        <v>158695</v>
      </c>
      <c r="E5867" s="1" t="s">
        <v>0</v>
      </c>
    </row>
    <row r="5868" spans="1:5" x14ac:dyDescent="0.25">
      <c r="A5868" s="1" t="s">
        <v>13033</v>
      </c>
      <c r="B5868" s="1" t="s">
        <v>6678</v>
      </c>
      <c r="C5868" s="1" t="s">
        <v>21320</v>
      </c>
      <c r="D5868" s="2">
        <v>158696</v>
      </c>
      <c r="E5868" s="1" t="s">
        <v>0</v>
      </c>
    </row>
    <row r="5869" spans="1:5" x14ac:dyDescent="0.25">
      <c r="A5869" s="1" t="s">
        <v>21321</v>
      </c>
      <c r="B5869" s="1" t="s">
        <v>13034</v>
      </c>
      <c r="C5869" s="1" t="s">
        <v>21322</v>
      </c>
      <c r="D5869" s="2">
        <v>158697</v>
      </c>
      <c r="E5869" s="1" t="s">
        <v>0</v>
      </c>
    </row>
    <row r="5870" spans="1:5" ht="409.5" x14ac:dyDescent="0.25">
      <c r="A5870" s="4" t="s">
        <v>61771</v>
      </c>
      <c r="B5870" s="1" t="s">
        <v>58247</v>
      </c>
      <c r="C5870" s="1" t="s">
        <v>21323</v>
      </c>
      <c r="D5870" s="2">
        <v>158698</v>
      </c>
      <c r="E5870" s="1" t="s">
        <v>0</v>
      </c>
    </row>
    <row r="5871" spans="1:5" x14ac:dyDescent="0.25">
      <c r="A5871" s="1" t="s">
        <v>21324</v>
      </c>
      <c r="B5871" s="1" t="s">
        <v>6679</v>
      </c>
      <c r="C5871" s="1" t="s">
        <v>21325</v>
      </c>
      <c r="D5871" s="2">
        <v>158699</v>
      </c>
      <c r="E5871" s="1" t="s">
        <v>0</v>
      </c>
    </row>
    <row r="5872" spans="1:5" x14ac:dyDescent="0.25">
      <c r="A5872" s="2">
        <v>1174</v>
      </c>
      <c r="B5872" s="2">
        <v>1174</v>
      </c>
      <c r="C5872" s="1" t="s">
        <v>0</v>
      </c>
      <c r="D5872" s="2">
        <v>158700</v>
      </c>
      <c r="E5872" s="1" t="s">
        <v>0</v>
      </c>
    </row>
    <row r="5873" spans="1:5" x14ac:dyDescent="0.25">
      <c r="A5873" s="1" t="s">
        <v>1090</v>
      </c>
      <c r="B5873" s="1" t="s">
        <v>58988</v>
      </c>
      <c r="C5873" s="1" t="s">
        <v>21326</v>
      </c>
      <c r="D5873" s="2">
        <v>158701</v>
      </c>
      <c r="E5873" s="1" t="s">
        <v>0</v>
      </c>
    </row>
    <row r="5874" spans="1:5" x14ac:dyDescent="0.25">
      <c r="A5874" s="1" t="s">
        <v>21327</v>
      </c>
      <c r="B5874" s="1" t="s">
        <v>52370</v>
      </c>
      <c r="C5874" s="1" t="s">
        <v>21328</v>
      </c>
      <c r="D5874" s="2">
        <v>158702</v>
      </c>
      <c r="E5874" s="1" t="s">
        <v>0</v>
      </c>
    </row>
    <row r="5875" spans="1:5" ht="409.5" x14ac:dyDescent="0.25">
      <c r="A5875" s="4" t="s">
        <v>64052</v>
      </c>
      <c r="B5875" s="1" t="s">
        <v>58989</v>
      </c>
      <c r="C5875" s="1" t="s">
        <v>21329</v>
      </c>
      <c r="D5875" s="2">
        <v>158703</v>
      </c>
      <c r="E5875" s="1" t="s">
        <v>0</v>
      </c>
    </row>
    <row r="5876" spans="1:5" x14ac:dyDescent="0.25">
      <c r="A5876" s="1" t="s">
        <v>21330</v>
      </c>
      <c r="B5876" s="1" t="s">
        <v>6680</v>
      </c>
      <c r="C5876" s="1" t="s">
        <v>21331</v>
      </c>
      <c r="D5876" s="2">
        <v>158704</v>
      </c>
      <c r="E5876" s="1" t="s">
        <v>0</v>
      </c>
    </row>
    <row r="5877" spans="1:5" x14ac:dyDescent="0.25">
      <c r="A5877" s="2">
        <v>1175</v>
      </c>
      <c r="B5877" s="2">
        <v>1175</v>
      </c>
      <c r="C5877" s="1" t="s">
        <v>0</v>
      </c>
      <c r="D5877" s="2">
        <v>158705</v>
      </c>
      <c r="E5877" s="1" t="s">
        <v>0</v>
      </c>
    </row>
    <row r="5878" spans="1:5" x14ac:dyDescent="0.25">
      <c r="A5878" s="1" t="s">
        <v>1091</v>
      </c>
      <c r="B5878" s="1" t="s">
        <v>6681</v>
      </c>
      <c r="C5878" s="1" t="s">
        <v>21332</v>
      </c>
      <c r="D5878" s="2">
        <v>158706</v>
      </c>
      <c r="E5878" s="1" t="s">
        <v>0</v>
      </c>
    </row>
    <row r="5879" spans="1:5" x14ac:dyDescent="0.25">
      <c r="A5879" s="1" t="s">
        <v>21333</v>
      </c>
      <c r="B5879" s="1" t="s">
        <v>62195</v>
      </c>
      <c r="C5879" s="1" t="s">
        <v>21334</v>
      </c>
      <c r="D5879" s="2">
        <v>158707</v>
      </c>
      <c r="E5879" s="1" t="s">
        <v>0</v>
      </c>
    </row>
    <row r="5880" spans="1:5" ht="409.5" x14ac:dyDescent="0.25">
      <c r="A5880" s="4" t="s">
        <v>21335</v>
      </c>
      <c r="B5880" s="1" t="s">
        <v>62196</v>
      </c>
      <c r="C5880" s="1" t="s">
        <v>21336</v>
      </c>
      <c r="D5880" s="2">
        <v>158708</v>
      </c>
      <c r="E5880" s="1" t="s">
        <v>0</v>
      </c>
    </row>
    <row r="5881" spans="1:5" x14ac:dyDescent="0.25">
      <c r="A5881" s="1" t="s">
        <v>21337</v>
      </c>
      <c r="B5881" s="1" t="s">
        <v>6682</v>
      </c>
      <c r="C5881" s="1" t="s">
        <v>21338</v>
      </c>
      <c r="D5881" s="2">
        <v>158709</v>
      </c>
      <c r="E5881" s="1" t="s">
        <v>0</v>
      </c>
    </row>
    <row r="5882" spans="1:5" x14ac:dyDescent="0.25">
      <c r="A5882" s="2">
        <v>1176</v>
      </c>
      <c r="B5882" s="2">
        <v>1176</v>
      </c>
      <c r="C5882" s="1" t="s">
        <v>0</v>
      </c>
      <c r="D5882" s="2">
        <v>158710</v>
      </c>
      <c r="E5882" s="1" t="s">
        <v>0</v>
      </c>
    </row>
    <row r="5883" spans="1:5" x14ac:dyDescent="0.25">
      <c r="A5883" s="1" t="s">
        <v>1092</v>
      </c>
      <c r="B5883" s="1" t="s">
        <v>6683</v>
      </c>
      <c r="C5883" s="1" t="s">
        <v>21339</v>
      </c>
      <c r="D5883" s="2">
        <v>158711</v>
      </c>
      <c r="E5883" s="1" t="s">
        <v>0</v>
      </c>
    </row>
    <row r="5884" spans="1:5" x14ac:dyDescent="0.25">
      <c r="A5884" s="1" t="s">
        <v>21340</v>
      </c>
      <c r="B5884" s="1" t="s">
        <v>57760</v>
      </c>
      <c r="C5884" s="1" t="s">
        <v>21341</v>
      </c>
      <c r="D5884" s="2">
        <v>158712</v>
      </c>
      <c r="E5884" s="1" t="s">
        <v>0</v>
      </c>
    </row>
    <row r="5885" spans="1:5" ht="409.5" x14ac:dyDescent="0.25">
      <c r="A5885" s="4" t="s">
        <v>21342</v>
      </c>
      <c r="B5885" s="1" t="s">
        <v>57761</v>
      </c>
      <c r="C5885" s="1" t="s">
        <v>21343</v>
      </c>
      <c r="D5885" s="2">
        <v>158713</v>
      </c>
      <c r="E5885" s="1" t="s">
        <v>0</v>
      </c>
    </row>
    <row r="5886" spans="1:5" x14ac:dyDescent="0.25">
      <c r="A5886" s="1" t="s">
        <v>21344</v>
      </c>
      <c r="B5886" s="1" t="s">
        <v>6684</v>
      </c>
      <c r="C5886" s="1" t="s">
        <v>21345</v>
      </c>
      <c r="D5886" s="2">
        <v>158714</v>
      </c>
      <c r="E5886" s="1" t="s">
        <v>0</v>
      </c>
    </row>
    <row r="5887" spans="1:5" x14ac:dyDescent="0.25">
      <c r="A5887" s="2">
        <v>1177</v>
      </c>
      <c r="B5887" s="2">
        <v>1177</v>
      </c>
      <c r="C5887" s="1" t="s">
        <v>0</v>
      </c>
      <c r="D5887" s="2">
        <v>158715</v>
      </c>
      <c r="E5887" s="1" t="s">
        <v>0</v>
      </c>
    </row>
    <row r="5888" spans="1:5" x14ac:dyDescent="0.25">
      <c r="A5888" s="1" t="s">
        <v>1093</v>
      </c>
      <c r="B5888" s="1" t="s">
        <v>6685</v>
      </c>
      <c r="C5888" s="1" t="s">
        <v>21346</v>
      </c>
      <c r="D5888" s="2">
        <v>158716</v>
      </c>
      <c r="E5888" s="1" t="s">
        <v>0</v>
      </c>
    </row>
    <row r="5889" spans="1:5" x14ac:dyDescent="0.25">
      <c r="A5889" s="1" t="s">
        <v>21347</v>
      </c>
      <c r="B5889" s="1" t="s">
        <v>57762</v>
      </c>
      <c r="C5889" s="1" t="s">
        <v>21348</v>
      </c>
      <c r="D5889" s="2">
        <v>158717</v>
      </c>
      <c r="E5889" s="1" t="s">
        <v>0</v>
      </c>
    </row>
    <row r="5890" spans="1:5" ht="409.5" x14ac:dyDescent="0.25">
      <c r="A5890" s="4" t="s">
        <v>21349</v>
      </c>
      <c r="B5890" s="1" t="s">
        <v>57763</v>
      </c>
      <c r="C5890" s="1" t="s">
        <v>21350</v>
      </c>
      <c r="D5890" s="2">
        <v>158718</v>
      </c>
      <c r="E5890" s="1" t="s">
        <v>0</v>
      </c>
    </row>
    <row r="5891" spans="1:5" x14ac:dyDescent="0.25">
      <c r="A5891" s="1" t="s">
        <v>21351</v>
      </c>
      <c r="B5891" s="1" t="s">
        <v>52371</v>
      </c>
      <c r="C5891" s="1" t="s">
        <v>21352</v>
      </c>
      <c r="D5891" s="2">
        <v>158719</v>
      </c>
      <c r="E5891" s="1" t="s">
        <v>0</v>
      </c>
    </row>
    <row r="5892" spans="1:5" x14ac:dyDescent="0.25">
      <c r="A5892" s="2">
        <v>1178</v>
      </c>
      <c r="B5892" s="2">
        <v>1178</v>
      </c>
      <c r="C5892" s="1" t="s">
        <v>0</v>
      </c>
      <c r="D5892" s="2">
        <v>158720</v>
      </c>
      <c r="E5892" s="1" t="s">
        <v>0</v>
      </c>
    </row>
    <row r="5893" spans="1:5" x14ac:dyDescent="0.25">
      <c r="A5893" s="1" t="s">
        <v>1094</v>
      </c>
      <c r="B5893" s="1" t="s">
        <v>6686</v>
      </c>
      <c r="C5893" s="1" t="s">
        <v>21353</v>
      </c>
      <c r="D5893" s="2">
        <v>158721</v>
      </c>
      <c r="E5893" s="1" t="s">
        <v>0</v>
      </c>
    </row>
    <row r="5894" spans="1:5" x14ac:dyDescent="0.25">
      <c r="A5894" s="1" t="s">
        <v>21354</v>
      </c>
      <c r="B5894" s="1" t="s">
        <v>50532</v>
      </c>
      <c r="C5894" s="1" t="s">
        <v>21355</v>
      </c>
      <c r="D5894" s="2">
        <v>158722</v>
      </c>
      <c r="E5894" s="1" t="s">
        <v>0</v>
      </c>
    </row>
    <row r="5895" spans="1:5" ht="409.5" x14ac:dyDescent="0.25">
      <c r="A5895" s="4" t="s">
        <v>64053</v>
      </c>
      <c r="B5895" s="1" t="s">
        <v>50533</v>
      </c>
      <c r="C5895" s="1" t="s">
        <v>21356</v>
      </c>
      <c r="D5895" s="2">
        <v>158723</v>
      </c>
      <c r="E5895" s="1" t="s">
        <v>0</v>
      </c>
    </row>
    <row r="5896" spans="1:5" x14ac:dyDescent="0.25">
      <c r="A5896" s="1" t="s">
        <v>21357</v>
      </c>
      <c r="B5896" s="1" t="s">
        <v>52372</v>
      </c>
      <c r="C5896" s="1" t="s">
        <v>21358</v>
      </c>
      <c r="D5896" s="2">
        <v>158724</v>
      </c>
      <c r="E5896" s="1" t="s">
        <v>0</v>
      </c>
    </row>
    <row r="5897" spans="1:5" x14ac:dyDescent="0.25">
      <c r="A5897" s="2">
        <v>1179</v>
      </c>
      <c r="B5897" s="2">
        <v>1179</v>
      </c>
      <c r="C5897" s="1" t="s">
        <v>0</v>
      </c>
      <c r="D5897" s="2">
        <v>158725</v>
      </c>
      <c r="E5897" s="1" t="s">
        <v>0</v>
      </c>
    </row>
    <row r="5898" spans="1:5" x14ac:dyDescent="0.25">
      <c r="A5898" s="1" t="s">
        <v>1095</v>
      </c>
      <c r="B5898" s="1" t="s">
        <v>6687</v>
      </c>
      <c r="C5898" s="1" t="s">
        <v>21359</v>
      </c>
      <c r="D5898" s="2">
        <v>158726</v>
      </c>
      <c r="E5898" s="1" t="s">
        <v>0</v>
      </c>
    </row>
    <row r="5899" spans="1:5" x14ac:dyDescent="0.25">
      <c r="A5899" s="1" t="s">
        <v>21360</v>
      </c>
      <c r="B5899" s="1" t="s">
        <v>6688</v>
      </c>
      <c r="C5899" s="1" t="s">
        <v>21361</v>
      </c>
      <c r="D5899" s="2">
        <v>158727</v>
      </c>
      <c r="E5899" s="1" t="s">
        <v>0</v>
      </c>
    </row>
    <row r="5900" spans="1:5" ht="409.5" x14ac:dyDescent="0.25">
      <c r="A5900" s="4" t="s">
        <v>21362</v>
      </c>
      <c r="B5900" s="1" t="s">
        <v>50534</v>
      </c>
      <c r="C5900" s="1" t="s">
        <v>21363</v>
      </c>
      <c r="D5900" s="2">
        <v>158728</v>
      </c>
      <c r="E5900" s="1" t="s">
        <v>0</v>
      </c>
    </row>
    <row r="5901" spans="1:5" x14ac:dyDescent="0.25">
      <c r="A5901" s="1" t="s">
        <v>21364</v>
      </c>
      <c r="B5901" s="1" t="s">
        <v>6689</v>
      </c>
      <c r="C5901" s="1" t="s">
        <v>21365</v>
      </c>
      <c r="D5901" s="2">
        <v>158729</v>
      </c>
      <c r="E5901" s="1" t="s">
        <v>0</v>
      </c>
    </row>
    <row r="5902" spans="1:5" x14ac:dyDescent="0.25">
      <c r="A5902" s="2">
        <v>1180</v>
      </c>
      <c r="B5902" s="2">
        <v>1180</v>
      </c>
      <c r="C5902" s="1" t="s">
        <v>0</v>
      </c>
      <c r="D5902" s="2">
        <v>158730</v>
      </c>
      <c r="E5902" s="1" t="s">
        <v>0</v>
      </c>
    </row>
    <row r="5903" spans="1:5" x14ac:dyDescent="0.25">
      <c r="A5903" s="1" t="s">
        <v>1096</v>
      </c>
      <c r="B5903" s="1" t="s">
        <v>6690</v>
      </c>
      <c r="C5903" s="1" t="s">
        <v>21366</v>
      </c>
      <c r="D5903" s="2">
        <v>158731</v>
      </c>
      <c r="E5903" s="1" t="s">
        <v>0</v>
      </c>
    </row>
    <row r="5904" spans="1:5" x14ac:dyDescent="0.25">
      <c r="A5904" s="1" t="s">
        <v>21367</v>
      </c>
      <c r="B5904" s="1" t="s">
        <v>57764</v>
      </c>
      <c r="C5904" s="1" t="s">
        <v>21368</v>
      </c>
      <c r="D5904" s="2">
        <v>158732</v>
      </c>
      <c r="E5904" s="1" t="s">
        <v>0</v>
      </c>
    </row>
    <row r="5905" spans="1:5" ht="409.5" x14ac:dyDescent="0.25">
      <c r="A5905" s="4" t="s">
        <v>21369</v>
      </c>
      <c r="B5905" s="1" t="s">
        <v>59849</v>
      </c>
      <c r="C5905" s="1" t="s">
        <v>21370</v>
      </c>
      <c r="D5905" s="2">
        <v>158733</v>
      </c>
      <c r="E5905" s="1" t="s">
        <v>0</v>
      </c>
    </row>
    <row r="5906" spans="1:5" x14ac:dyDescent="0.25">
      <c r="A5906" s="1" t="s">
        <v>21371</v>
      </c>
      <c r="B5906" s="1" t="s">
        <v>52373</v>
      </c>
      <c r="C5906" s="1" t="s">
        <v>21372</v>
      </c>
      <c r="D5906" s="2">
        <v>158734</v>
      </c>
      <c r="E5906" s="1" t="s">
        <v>0</v>
      </c>
    </row>
    <row r="5907" spans="1:5" x14ac:dyDescent="0.25">
      <c r="A5907" s="2">
        <v>1181</v>
      </c>
      <c r="B5907" s="2">
        <v>1181</v>
      </c>
      <c r="C5907" s="1" t="s">
        <v>0</v>
      </c>
      <c r="D5907" s="2">
        <v>158735</v>
      </c>
      <c r="E5907" s="1" t="s">
        <v>0</v>
      </c>
    </row>
    <row r="5908" spans="1:5" x14ac:dyDescent="0.25">
      <c r="A5908" s="1" t="s">
        <v>1097</v>
      </c>
      <c r="B5908" s="1" t="s">
        <v>52374</v>
      </c>
      <c r="C5908" s="1" t="s">
        <v>21373</v>
      </c>
      <c r="D5908" s="2">
        <v>158736</v>
      </c>
      <c r="E5908" s="1" t="s">
        <v>0</v>
      </c>
    </row>
    <row r="5909" spans="1:5" x14ac:dyDescent="0.25">
      <c r="A5909" s="1" t="s">
        <v>21374</v>
      </c>
      <c r="B5909" s="1" t="s">
        <v>52375</v>
      </c>
      <c r="C5909" s="1" t="s">
        <v>21375</v>
      </c>
      <c r="D5909" s="2">
        <v>158737</v>
      </c>
      <c r="E5909" s="1" t="s">
        <v>0</v>
      </c>
    </row>
    <row r="5910" spans="1:5" ht="409.5" x14ac:dyDescent="0.25">
      <c r="A5910" s="4" t="s">
        <v>21376</v>
      </c>
      <c r="B5910" s="1" t="s">
        <v>63249</v>
      </c>
      <c r="C5910" s="1" t="s">
        <v>21377</v>
      </c>
      <c r="D5910" s="2">
        <v>158738</v>
      </c>
      <c r="E5910" s="1" t="s">
        <v>0</v>
      </c>
    </row>
    <row r="5911" spans="1:5" x14ac:dyDescent="0.25">
      <c r="A5911" s="1" t="s">
        <v>21378</v>
      </c>
      <c r="B5911" s="1" t="s">
        <v>52376</v>
      </c>
      <c r="C5911" s="1" t="s">
        <v>21379</v>
      </c>
      <c r="D5911" s="2">
        <v>158739</v>
      </c>
      <c r="E5911" s="1" t="s">
        <v>0</v>
      </c>
    </row>
    <row r="5912" spans="1:5" x14ac:dyDescent="0.25">
      <c r="A5912" s="2">
        <v>1182</v>
      </c>
      <c r="B5912" s="2">
        <v>1182</v>
      </c>
      <c r="C5912" s="1" t="s">
        <v>0</v>
      </c>
      <c r="D5912" s="2">
        <v>158740</v>
      </c>
      <c r="E5912" s="1" t="s">
        <v>0</v>
      </c>
    </row>
    <row r="5913" spans="1:5" x14ac:dyDescent="0.25">
      <c r="A5913" s="1" t="s">
        <v>1098</v>
      </c>
      <c r="B5913" s="1" t="s">
        <v>6691</v>
      </c>
      <c r="C5913" s="1" t="s">
        <v>21380</v>
      </c>
      <c r="D5913" s="2">
        <v>158741</v>
      </c>
      <c r="E5913" s="1" t="s">
        <v>0</v>
      </c>
    </row>
    <row r="5914" spans="1:5" x14ac:dyDescent="0.25">
      <c r="A5914" s="1" t="s">
        <v>21381</v>
      </c>
      <c r="B5914" s="1" t="s">
        <v>52377</v>
      </c>
      <c r="C5914" s="1" t="s">
        <v>21382</v>
      </c>
      <c r="D5914" s="2">
        <v>158742</v>
      </c>
      <c r="E5914" s="1" t="s">
        <v>0</v>
      </c>
    </row>
    <row r="5915" spans="1:5" ht="409.5" x14ac:dyDescent="0.25">
      <c r="A5915" s="4" t="s">
        <v>21383</v>
      </c>
      <c r="B5915" s="1" t="s">
        <v>57010</v>
      </c>
      <c r="C5915" s="1" t="s">
        <v>21384</v>
      </c>
      <c r="D5915" s="2">
        <v>158743</v>
      </c>
      <c r="E5915" s="1" t="s">
        <v>0</v>
      </c>
    </row>
    <row r="5916" spans="1:5" x14ac:dyDescent="0.25">
      <c r="A5916" s="1" t="s">
        <v>21385</v>
      </c>
      <c r="B5916" s="1" t="s">
        <v>6692</v>
      </c>
      <c r="C5916" s="1" t="s">
        <v>21386</v>
      </c>
      <c r="D5916" s="2">
        <v>158744</v>
      </c>
      <c r="E5916" s="1" t="s">
        <v>0</v>
      </c>
    </row>
    <row r="5917" spans="1:5" x14ac:dyDescent="0.25">
      <c r="A5917" s="2">
        <v>1183</v>
      </c>
      <c r="B5917" s="2">
        <v>1183</v>
      </c>
      <c r="C5917" s="1" t="s">
        <v>0</v>
      </c>
      <c r="D5917" s="2">
        <v>158745</v>
      </c>
      <c r="E5917" s="1" t="s">
        <v>0</v>
      </c>
    </row>
    <row r="5918" spans="1:5" x14ac:dyDescent="0.25">
      <c r="A5918" s="1" t="s">
        <v>1099</v>
      </c>
      <c r="B5918" s="1" t="s">
        <v>6693</v>
      </c>
      <c r="C5918" s="1" t="s">
        <v>21387</v>
      </c>
      <c r="D5918" s="2">
        <v>158746</v>
      </c>
      <c r="E5918" s="1" t="s">
        <v>0</v>
      </c>
    </row>
    <row r="5919" spans="1:5" x14ac:dyDescent="0.25">
      <c r="A5919" s="1" t="s">
        <v>21388</v>
      </c>
      <c r="B5919" s="1" t="s">
        <v>52378</v>
      </c>
      <c r="C5919" s="1" t="s">
        <v>21389</v>
      </c>
      <c r="D5919" s="2">
        <v>158747</v>
      </c>
      <c r="E5919" s="1" t="s">
        <v>0</v>
      </c>
    </row>
    <row r="5920" spans="1:5" ht="409.5" x14ac:dyDescent="0.25">
      <c r="A5920" s="4" t="s">
        <v>21390</v>
      </c>
      <c r="B5920" s="1" t="s">
        <v>52379</v>
      </c>
      <c r="C5920" s="1" t="s">
        <v>21391</v>
      </c>
      <c r="D5920" s="2">
        <v>158748</v>
      </c>
      <c r="E5920" s="1" t="s">
        <v>0</v>
      </c>
    </row>
    <row r="5921" spans="1:5" x14ac:dyDescent="0.25">
      <c r="A5921" s="1" t="s">
        <v>21392</v>
      </c>
      <c r="B5921" s="1" t="s">
        <v>6694</v>
      </c>
      <c r="C5921" s="1" t="s">
        <v>21393</v>
      </c>
      <c r="D5921" s="2">
        <v>158749</v>
      </c>
      <c r="E5921" s="1" t="s">
        <v>0</v>
      </c>
    </row>
    <row r="5922" spans="1:5" x14ac:dyDescent="0.25">
      <c r="A5922" s="2">
        <v>1184</v>
      </c>
      <c r="B5922" s="2">
        <v>1184</v>
      </c>
      <c r="C5922" s="1" t="s">
        <v>0</v>
      </c>
      <c r="D5922" s="2">
        <v>158750</v>
      </c>
      <c r="E5922" s="1" t="s">
        <v>0</v>
      </c>
    </row>
    <row r="5923" spans="1:5" x14ac:dyDescent="0.25">
      <c r="A5923" s="1" t="s">
        <v>1100</v>
      </c>
      <c r="B5923" s="1" t="s">
        <v>6695</v>
      </c>
      <c r="C5923" s="1" t="s">
        <v>21394</v>
      </c>
      <c r="D5923" s="2">
        <v>158751</v>
      </c>
      <c r="E5923" s="1" t="s">
        <v>0</v>
      </c>
    </row>
    <row r="5924" spans="1:5" x14ac:dyDescent="0.25">
      <c r="A5924" s="1" t="s">
        <v>21395</v>
      </c>
      <c r="B5924" s="1" t="s">
        <v>52380</v>
      </c>
      <c r="C5924" s="1" t="s">
        <v>21396</v>
      </c>
      <c r="D5924" s="2">
        <v>158752</v>
      </c>
      <c r="E5924" s="1" t="s">
        <v>0</v>
      </c>
    </row>
    <row r="5925" spans="1:5" ht="409.5" x14ac:dyDescent="0.25">
      <c r="A5925" s="4" t="s">
        <v>21397</v>
      </c>
      <c r="B5925" s="1" t="s">
        <v>52381</v>
      </c>
      <c r="C5925" s="1" t="s">
        <v>21398</v>
      </c>
      <c r="D5925" s="2">
        <v>158753</v>
      </c>
      <c r="E5925" s="1" t="s">
        <v>0</v>
      </c>
    </row>
    <row r="5926" spans="1:5" x14ac:dyDescent="0.25">
      <c r="A5926" s="1" t="s">
        <v>21399</v>
      </c>
      <c r="B5926" s="1" t="s">
        <v>6696</v>
      </c>
      <c r="C5926" s="1" t="s">
        <v>21400</v>
      </c>
      <c r="D5926" s="2">
        <v>158754</v>
      </c>
      <c r="E5926" s="1" t="s">
        <v>0</v>
      </c>
    </row>
    <row r="5927" spans="1:5" x14ac:dyDescent="0.25">
      <c r="A5927" s="2">
        <v>1185</v>
      </c>
      <c r="B5927" s="2">
        <v>1185</v>
      </c>
      <c r="C5927" s="1" t="s">
        <v>0</v>
      </c>
      <c r="D5927" s="2">
        <v>158755</v>
      </c>
      <c r="E5927" s="1" t="s">
        <v>0</v>
      </c>
    </row>
    <row r="5928" spans="1:5" x14ac:dyDescent="0.25">
      <c r="A5928" s="1" t="s">
        <v>1101</v>
      </c>
      <c r="B5928" s="1" t="s">
        <v>57436</v>
      </c>
      <c r="C5928" s="1" t="s">
        <v>21401</v>
      </c>
      <c r="D5928" s="2">
        <v>158756</v>
      </c>
      <c r="E5928" s="1" t="s">
        <v>0</v>
      </c>
    </row>
    <row r="5929" spans="1:5" x14ac:dyDescent="0.25">
      <c r="A5929" s="1" t="s">
        <v>21402</v>
      </c>
      <c r="B5929" s="1" t="s">
        <v>60988</v>
      </c>
      <c r="C5929" s="1" t="s">
        <v>21403</v>
      </c>
      <c r="D5929" s="2">
        <v>158757</v>
      </c>
      <c r="E5929" s="1" t="s">
        <v>0</v>
      </c>
    </row>
    <row r="5930" spans="1:5" ht="409.5" x14ac:dyDescent="0.25">
      <c r="A5930" s="4" t="s">
        <v>21404</v>
      </c>
      <c r="B5930" s="1" t="s">
        <v>60989</v>
      </c>
      <c r="C5930" s="1" t="s">
        <v>21405</v>
      </c>
      <c r="D5930" s="2">
        <v>158758</v>
      </c>
      <c r="E5930" s="1" t="s">
        <v>0</v>
      </c>
    </row>
    <row r="5931" spans="1:5" x14ac:dyDescent="0.25">
      <c r="A5931" s="1" t="s">
        <v>21406</v>
      </c>
      <c r="B5931" s="1" t="s">
        <v>60990</v>
      </c>
      <c r="C5931" s="1" t="s">
        <v>21407</v>
      </c>
      <c r="D5931" s="2">
        <v>158759</v>
      </c>
      <c r="E5931" s="1" t="s">
        <v>0</v>
      </c>
    </row>
    <row r="5932" spans="1:5" x14ac:dyDescent="0.25">
      <c r="A5932" s="2">
        <v>1186</v>
      </c>
      <c r="B5932" s="2">
        <v>1186</v>
      </c>
      <c r="C5932" s="1" t="s">
        <v>0</v>
      </c>
      <c r="D5932" s="2">
        <v>158760</v>
      </c>
      <c r="E5932" s="1" t="s">
        <v>0</v>
      </c>
    </row>
    <row r="5933" spans="1:5" x14ac:dyDescent="0.25">
      <c r="A5933" s="1" t="s">
        <v>1102</v>
      </c>
      <c r="B5933" s="1" t="s">
        <v>6697</v>
      </c>
      <c r="C5933" s="1" t="s">
        <v>21408</v>
      </c>
      <c r="D5933" s="2">
        <v>158761</v>
      </c>
      <c r="E5933" s="1" t="s">
        <v>0</v>
      </c>
    </row>
    <row r="5934" spans="1:5" x14ac:dyDescent="0.25">
      <c r="A5934" s="1" t="s">
        <v>21409</v>
      </c>
      <c r="B5934" s="1" t="s">
        <v>62197</v>
      </c>
      <c r="C5934" s="1" t="s">
        <v>21410</v>
      </c>
      <c r="D5934" s="2">
        <v>158762</v>
      </c>
      <c r="E5934" s="1" t="s">
        <v>0</v>
      </c>
    </row>
    <row r="5935" spans="1:5" ht="409.5" x14ac:dyDescent="0.25">
      <c r="A5935" s="4" t="s">
        <v>21411</v>
      </c>
      <c r="B5935" s="1" t="s">
        <v>62198</v>
      </c>
      <c r="C5935" s="1" t="s">
        <v>21412</v>
      </c>
      <c r="D5935" s="2">
        <v>158763</v>
      </c>
      <c r="E5935" s="1" t="s">
        <v>0</v>
      </c>
    </row>
    <row r="5936" spans="1:5" x14ac:dyDescent="0.25">
      <c r="A5936" s="1" t="s">
        <v>21413</v>
      </c>
      <c r="B5936" s="1" t="s">
        <v>57157</v>
      </c>
      <c r="C5936" s="1" t="s">
        <v>21414</v>
      </c>
      <c r="D5936" s="2">
        <v>158764</v>
      </c>
      <c r="E5936" s="1" t="s">
        <v>0</v>
      </c>
    </row>
    <row r="5937" spans="1:5" x14ac:dyDescent="0.25">
      <c r="A5937" s="2">
        <v>1187</v>
      </c>
      <c r="B5937" s="2">
        <v>1187</v>
      </c>
      <c r="C5937" s="1" t="s">
        <v>0</v>
      </c>
      <c r="D5937" s="2">
        <v>158765</v>
      </c>
      <c r="E5937" s="1" t="s">
        <v>0</v>
      </c>
    </row>
    <row r="5938" spans="1:5" x14ac:dyDescent="0.25">
      <c r="A5938" s="1" t="s">
        <v>1103</v>
      </c>
      <c r="B5938" s="1" t="s">
        <v>6698</v>
      </c>
      <c r="C5938" s="1" t="s">
        <v>21415</v>
      </c>
      <c r="D5938" s="2">
        <v>158766</v>
      </c>
      <c r="E5938" s="1" t="s">
        <v>0</v>
      </c>
    </row>
    <row r="5939" spans="1:5" x14ac:dyDescent="0.25">
      <c r="A5939" s="1" t="s">
        <v>21416</v>
      </c>
      <c r="B5939" s="1" t="s">
        <v>52382</v>
      </c>
      <c r="C5939" s="1" t="s">
        <v>21417</v>
      </c>
      <c r="D5939" s="2">
        <v>158767</v>
      </c>
      <c r="E5939" s="1" t="s">
        <v>0</v>
      </c>
    </row>
    <row r="5940" spans="1:5" ht="409.5" x14ac:dyDescent="0.25">
      <c r="A5940" s="4" t="s">
        <v>21418</v>
      </c>
      <c r="B5940" s="1" t="s">
        <v>63250</v>
      </c>
      <c r="C5940" s="1" t="s">
        <v>21419</v>
      </c>
      <c r="D5940" s="2">
        <v>158768</v>
      </c>
      <c r="E5940" s="1" t="s">
        <v>0</v>
      </c>
    </row>
    <row r="5941" spans="1:5" x14ac:dyDescent="0.25">
      <c r="A5941" s="1" t="s">
        <v>21420</v>
      </c>
      <c r="B5941" s="1" t="s">
        <v>52383</v>
      </c>
      <c r="C5941" s="1" t="s">
        <v>21421</v>
      </c>
      <c r="D5941" s="2">
        <v>158769</v>
      </c>
      <c r="E5941" s="1" t="s">
        <v>0</v>
      </c>
    </row>
    <row r="5942" spans="1:5" x14ac:dyDescent="0.25">
      <c r="A5942" s="2">
        <v>1188</v>
      </c>
      <c r="B5942" s="2">
        <v>1188</v>
      </c>
      <c r="C5942" s="1" t="s">
        <v>0</v>
      </c>
      <c r="D5942" s="2">
        <v>158770</v>
      </c>
      <c r="E5942" s="1" t="s">
        <v>0</v>
      </c>
    </row>
    <row r="5943" spans="1:5" x14ac:dyDescent="0.25">
      <c r="A5943" s="1" t="s">
        <v>1104</v>
      </c>
      <c r="B5943" s="1" t="s">
        <v>52384</v>
      </c>
      <c r="C5943" s="1" t="s">
        <v>21422</v>
      </c>
      <c r="D5943" s="2">
        <v>158771</v>
      </c>
      <c r="E5943" s="1" t="s">
        <v>0</v>
      </c>
    </row>
    <row r="5944" spans="1:5" x14ac:dyDescent="0.25">
      <c r="A5944" s="1" t="s">
        <v>21423</v>
      </c>
      <c r="B5944" s="1" t="s">
        <v>6699</v>
      </c>
      <c r="C5944" s="1" t="s">
        <v>21424</v>
      </c>
      <c r="D5944" s="2">
        <v>158772</v>
      </c>
      <c r="E5944" s="1" t="s">
        <v>0</v>
      </c>
    </row>
    <row r="5945" spans="1:5" ht="409.5" x14ac:dyDescent="0.25">
      <c r="A5945" s="4" t="s">
        <v>21425</v>
      </c>
      <c r="B5945" s="1" t="s">
        <v>52385</v>
      </c>
      <c r="C5945" s="1" t="s">
        <v>21426</v>
      </c>
      <c r="D5945" s="2">
        <v>158773</v>
      </c>
      <c r="E5945" s="1" t="s">
        <v>0</v>
      </c>
    </row>
    <row r="5946" spans="1:5" x14ac:dyDescent="0.25">
      <c r="A5946" s="1" t="s">
        <v>21427</v>
      </c>
      <c r="B5946" s="1" t="s">
        <v>52386</v>
      </c>
      <c r="C5946" s="1" t="s">
        <v>21428</v>
      </c>
      <c r="D5946" s="2">
        <v>158774</v>
      </c>
      <c r="E5946" s="1" t="s">
        <v>0</v>
      </c>
    </row>
    <row r="5947" spans="1:5" x14ac:dyDescent="0.25">
      <c r="A5947" s="2">
        <v>1189</v>
      </c>
      <c r="B5947" s="2">
        <v>1189</v>
      </c>
      <c r="C5947" s="1" t="s">
        <v>0</v>
      </c>
      <c r="D5947" s="2">
        <v>158775</v>
      </c>
      <c r="E5947" s="1" t="s">
        <v>0</v>
      </c>
    </row>
    <row r="5948" spans="1:5" x14ac:dyDescent="0.25">
      <c r="A5948" s="1" t="s">
        <v>1105</v>
      </c>
      <c r="B5948" s="1" t="s">
        <v>6700</v>
      </c>
      <c r="C5948" s="1" t="s">
        <v>21429</v>
      </c>
      <c r="D5948" s="2">
        <v>158776</v>
      </c>
      <c r="E5948" s="1" t="s">
        <v>0</v>
      </c>
    </row>
    <row r="5949" spans="1:5" x14ac:dyDescent="0.25">
      <c r="A5949" s="1" t="s">
        <v>21430</v>
      </c>
      <c r="B5949" s="1" t="s">
        <v>62199</v>
      </c>
      <c r="C5949" s="1" t="s">
        <v>21431</v>
      </c>
      <c r="D5949" s="2">
        <v>158777</v>
      </c>
      <c r="E5949" s="1" t="s">
        <v>0</v>
      </c>
    </row>
    <row r="5950" spans="1:5" ht="409.5" x14ac:dyDescent="0.25">
      <c r="A5950" s="4" t="s">
        <v>21432</v>
      </c>
      <c r="B5950" s="1" t="s">
        <v>62200</v>
      </c>
      <c r="C5950" s="1" t="s">
        <v>21433</v>
      </c>
      <c r="D5950" s="2">
        <v>158778</v>
      </c>
      <c r="E5950" s="1" t="s">
        <v>0</v>
      </c>
    </row>
    <row r="5951" spans="1:5" x14ac:dyDescent="0.25">
      <c r="A5951" s="1" t="s">
        <v>21434</v>
      </c>
      <c r="B5951" s="1" t="s">
        <v>52387</v>
      </c>
      <c r="C5951" s="1" t="s">
        <v>21435</v>
      </c>
      <c r="D5951" s="2">
        <v>158779</v>
      </c>
      <c r="E5951" s="1" t="s">
        <v>0</v>
      </c>
    </row>
    <row r="5952" spans="1:5" x14ac:dyDescent="0.25">
      <c r="A5952" s="2">
        <v>1190</v>
      </c>
      <c r="B5952" s="2">
        <v>1190</v>
      </c>
      <c r="C5952" s="1" t="s">
        <v>0</v>
      </c>
      <c r="D5952" s="2">
        <v>158780</v>
      </c>
      <c r="E5952" s="1" t="s">
        <v>0</v>
      </c>
    </row>
    <row r="5953" spans="1:5" x14ac:dyDescent="0.25">
      <c r="A5953" s="1" t="s">
        <v>1106</v>
      </c>
      <c r="B5953" s="1" t="s">
        <v>6701</v>
      </c>
      <c r="C5953" s="1" t="s">
        <v>21436</v>
      </c>
      <c r="D5953" s="2">
        <v>158781</v>
      </c>
      <c r="E5953" s="1" t="s">
        <v>0</v>
      </c>
    </row>
    <row r="5954" spans="1:5" x14ac:dyDescent="0.25">
      <c r="A5954" s="1" t="s">
        <v>21437</v>
      </c>
      <c r="B5954" s="1" t="s">
        <v>6702</v>
      </c>
      <c r="C5954" s="1" t="s">
        <v>21438</v>
      </c>
      <c r="D5954" s="2">
        <v>158782</v>
      </c>
      <c r="E5954" s="1" t="s">
        <v>0</v>
      </c>
    </row>
    <row r="5955" spans="1:5" ht="409.5" x14ac:dyDescent="0.25">
      <c r="A5955" s="4" t="s">
        <v>21439</v>
      </c>
      <c r="B5955" s="1" t="s">
        <v>57158</v>
      </c>
      <c r="C5955" s="1" t="s">
        <v>21440</v>
      </c>
      <c r="D5955" s="2">
        <v>158783</v>
      </c>
      <c r="E5955" s="1" t="s">
        <v>0</v>
      </c>
    </row>
    <row r="5956" spans="1:5" x14ac:dyDescent="0.25">
      <c r="A5956" s="1" t="s">
        <v>21441</v>
      </c>
      <c r="B5956" s="1" t="s">
        <v>57159</v>
      </c>
      <c r="C5956" s="1" t="s">
        <v>21442</v>
      </c>
      <c r="D5956" s="2">
        <v>158784</v>
      </c>
      <c r="E5956" s="1" t="s">
        <v>0</v>
      </c>
    </row>
    <row r="5957" spans="1:5" x14ac:dyDescent="0.25">
      <c r="A5957" s="2">
        <v>1191</v>
      </c>
      <c r="B5957" s="2">
        <v>1191</v>
      </c>
      <c r="C5957" s="1" t="s">
        <v>0</v>
      </c>
      <c r="D5957" s="2">
        <v>158785</v>
      </c>
      <c r="E5957" s="1" t="s">
        <v>0</v>
      </c>
    </row>
    <row r="5958" spans="1:5" x14ac:dyDescent="0.25">
      <c r="A5958" s="1" t="s">
        <v>1107</v>
      </c>
      <c r="B5958" s="1" t="s">
        <v>58248</v>
      </c>
      <c r="C5958" s="1" t="s">
        <v>21443</v>
      </c>
      <c r="D5958" s="2">
        <v>158786</v>
      </c>
      <c r="E5958" s="1" t="s">
        <v>0</v>
      </c>
    </row>
    <row r="5959" spans="1:5" x14ac:dyDescent="0.25">
      <c r="A5959" s="1" t="s">
        <v>21444</v>
      </c>
      <c r="B5959" s="1" t="s">
        <v>62201</v>
      </c>
      <c r="C5959" s="1" t="s">
        <v>21445</v>
      </c>
      <c r="D5959" s="2">
        <v>158787</v>
      </c>
      <c r="E5959" s="1" t="s">
        <v>0</v>
      </c>
    </row>
    <row r="5960" spans="1:5" ht="409.5" x14ac:dyDescent="0.25">
      <c r="A5960" s="4" t="s">
        <v>21446</v>
      </c>
      <c r="B5960" s="1" t="s">
        <v>62202</v>
      </c>
      <c r="C5960" s="1" t="s">
        <v>21447</v>
      </c>
      <c r="D5960" s="2">
        <v>158788</v>
      </c>
      <c r="E5960" s="1" t="s">
        <v>0</v>
      </c>
    </row>
    <row r="5961" spans="1:5" x14ac:dyDescent="0.25">
      <c r="A5961" s="1" t="s">
        <v>21448</v>
      </c>
      <c r="B5961" s="1" t="s">
        <v>60991</v>
      </c>
      <c r="C5961" s="1" t="s">
        <v>21449</v>
      </c>
      <c r="D5961" s="2">
        <v>158789</v>
      </c>
      <c r="E5961" s="1" t="s">
        <v>0</v>
      </c>
    </row>
    <row r="5962" spans="1:5" x14ac:dyDescent="0.25">
      <c r="A5962" s="2">
        <v>1192</v>
      </c>
      <c r="B5962" s="2">
        <v>1192</v>
      </c>
      <c r="C5962" s="1" t="s">
        <v>0</v>
      </c>
      <c r="D5962" s="2">
        <v>158790</v>
      </c>
      <c r="E5962" s="1" t="s">
        <v>0</v>
      </c>
    </row>
    <row r="5963" spans="1:5" x14ac:dyDescent="0.25">
      <c r="A5963" s="1" t="s">
        <v>1108</v>
      </c>
      <c r="B5963" s="1" t="s">
        <v>6703</v>
      </c>
      <c r="C5963" s="1" t="s">
        <v>1109</v>
      </c>
      <c r="D5963" s="2">
        <v>158791</v>
      </c>
      <c r="E5963" s="1" t="s">
        <v>0</v>
      </c>
    </row>
    <row r="5964" spans="1:5" x14ac:dyDescent="0.25">
      <c r="A5964" s="1" t="s">
        <v>21450</v>
      </c>
      <c r="B5964" s="1" t="s">
        <v>50535</v>
      </c>
      <c r="C5964" s="1" t="s">
        <v>21451</v>
      </c>
      <c r="D5964" s="2">
        <v>158792</v>
      </c>
      <c r="E5964" s="1" t="s">
        <v>0</v>
      </c>
    </row>
    <row r="5965" spans="1:5" ht="409.5" x14ac:dyDescent="0.25">
      <c r="A5965" s="4" t="s">
        <v>21452</v>
      </c>
      <c r="B5965" s="1" t="s">
        <v>60576</v>
      </c>
      <c r="C5965" s="1" t="s">
        <v>21453</v>
      </c>
      <c r="D5965" s="2">
        <v>158793</v>
      </c>
      <c r="E5965" s="1" t="s">
        <v>0</v>
      </c>
    </row>
    <row r="5966" spans="1:5" x14ac:dyDescent="0.25">
      <c r="A5966" s="1" t="s">
        <v>21454</v>
      </c>
      <c r="B5966" s="1" t="s">
        <v>6704</v>
      </c>
      <c r="C5966" s="1" t="s">
        <v>21455</v>
      </c>
      <c r="D5966" s="2">
        <v>158794</v>
      </c>
      <c r="E5966" s="1" t="s">
        <v>0</v>
      </c>
    </row>
    <row r="5967" spans="1:5" x14ac:dyDescent="0.25">
      <c r="A5967" s="2">
        <v>1193</v>
      </c>
      <c r="B5967" s="2">
        <v>1193</v>
      </c>
      <c r="C5967" s="1" t="s">
        <v>0</v>
      </c>
      <c r="D5967" s="2">
        <v>158795</v>
      </c>
      <c r="E5967" s="1" t="s">
        <v>0</v>
      </c>
    </row>
    <row r="5968" spans="1:5" x14ac:dyDescent="0.25">
      <c r="A5968" s="1" t="s">
        <v>1110</v>
      </c>
      <c r="B5968" s="1" t="s">
        <v>6705</v>
      </c>
      <c r="C5968" s="1" t="s">
        <v>21456</v>
      </c>
      <c r="D5968" s="2">
        <v>158796</v>
      </c>
      <c r="E5968" s="1" t="s">
        <v>0</v>
      </c>
    </row>
    <row r="5969" spans="1:5" x14ac:dyDescent="0.25">
      <c r="A5969" s="1" t="s">
        <v>21457</v>
      </c>
      <c r="B5969" s="1" t="s">
        <v>62203</v>
      </c>
      <c r="C5969" s="1" t="s">
        <v>21458</v>
      </c>
      <c r="D5969" s="2">
        <v>158797</v>
      </c>
      <c r="E5969" s="1" t="s">
        <v>0</v>
      </c>
    </row>
    <row r="5970" spans="1:5" ht="409.5" x14ac:dyDescent="0.25">
      <c r="A5970" s="4" t="s">
        <v>21459</v>
      </c>
      <c r="B5970" s="1" t="s">
        <v>62204</v>
      </c>
      <c r="C5970" s="1" t="s">
        <v>21460</v>
      </c>
      <c r="D5970" s="2">
        <v>158798</v>
      </c>
      <c r="E5970" s="1" t="s">
        <v>0</v>
      </c>
    </row>
    <row r="5971" spans="1:5" x14ac:dyDescent="0.25">
      <c r="A5971" s="1" t="s">
        <v>21461</v>
      </c>
      <c r="B5971" s="1" t="s">
        <v>58249</v>
      </c>
      <c r="C5971" s="1" t="s">
        <v>21462</v>
      </c>
      <c r="D5971" s="2">
        <v>158799</v>
      </c>
      <c r="E5971" s="1" t="s">
        <v>0</v>
      </c>
    </row>
    <row r="5972" spans="1:5" x14ac:dyDescent="0.25">
      <c r="A5972" s="2">
        <v>1194</v>
      </c>
      <c r="B5972" s="2">
        <v>1194</v>
      </c>
      <c r="C5972" s="1" t="s">
        <v>0</v>
      </c>
      <c r="D5972" s="2">
        <v>158800</v>
      </c>
      <c r="E5972" s="1" t="s">
        <v>0</v>
      </c>
    </row>
    <row r="5973" spans="1:5" x14ac:dyDescent="0.25">
      <c r="A5973" s="1" t="s">
        <v>1111</v>
      </c>
      <c r="B5973" s="1" t="s">
        <v>6706</v>
      </c>
      <c r="C5973" s="1" t="s">
        <v>21463</v>
      </c>
      <c r="D5973" s="2">
        <v>158801</v>
      </c>
      <c r="E5973" s="1" t="s">
        <v>0</v>
      </c>
    </row>
    <row r="5974" spans="1:5" x14ac:dyDescent="0.25">
      <c r="A5974" s="1" t="s">
        <v>21464</v>
      </c>
      <c r="B5974" s="1" t="s">
        <v>52388</v>
      </c>
      <c r="C5974" s="1" t="s">
        <v>21465</v>
      </c>
      <c r="D5974" s="2">
        <v>158802</v>
      </c>
      <c r="E5974" s="1" t="s">
        <v>0</v>
      </c>
    </row>
    <row r="5975" spans="1:5" ht="409.5" x14ac:dyDescent="0.25">
      <c r="A5975" s="4" t="s">
        <v>21466</v>
      </c>
      <c r="B5975" s="1" t="s">
        <v>57160</v>
      </c>
      <c r="C5975" s="1" t="s">
        <v>21467</v>
      </c>
      <c r="D5975" s="2">
        <v>158803</v>
      </c>
      <c r="E5975" s="1" t="s">
        <v>0</v>
      </c>
    </row>
    <row r="5976" spans="1:5" x14ac:dyDescent="0.25">
      <c r="A5976" s="1" t="s">
        <v>21468</v>
      </c>
      <c r="B5976" s="1" t="s">
        <v>60992</v>
      </c>
      <c r="C5976" s="1" t="s">
        <v>21469</v>
      </c>
      <c r="D5976" s="2">
        <v>158804</v>
      </c>
      <c r="E5976" s="1" t="s">
        <v>0</v>
      </c>
    </row>
    <row r="5977" spans="1:5" x14ac:dyDescent="0.25">
      <c r="A5977" s="2">
        <v>1195</v>
      </c>
      <c r="B5977" s="2">
        <v>1195</v>
      </c>
      <c r="C5977" s="1" t="s">
        <v>0</v>
      </c>
      <c r="D5977" s="2">
        <v>158805</v>
      </c>
      <c r="E5977" s="1" t="s">
        <v>0</v>
      </c>
    </row>
    <row r="5978" spans="1:5" x14ac:dyDescent="0.25">
      <c r="A5978" s="1" t="s">
        <v>1112</v>
      </c>
      <c r="B5978" s="1" t="s">
        <v>6707</v>
      </c>
      <c r="C5978" s="1" t="s">
        <v>21470</v>
      </c>
      <c r="D5978" s="2">
        <v>158806</v>
      </c>
      <c r="E5978" s="1" t="s">
        <v>0</v>
      </c>
    </row>
    <row r="5979" spans="1:5" x14ac:dyDescent="0.25">
      <c r="A5979" s="1" t="s">
        <v>21471</v>
      </c>
      <c r="B5979" s="1" t="s">
        <v>6708</v>
      </c>
      <c r="C5979" s="1" t="s">
        <v>21472</v>
      </c>
      <c r="D5979" s="2">
        <v>158807</v>
      </c>
      <c r="E5979" s="1" t="s">
        <v>0</v>
      </c>
    </row>
    <row r="5980" spans="1:5" ht="409.5" x14ac:dyDescent="0.25">
      <c r="A5980" s="4" t="s">
        <v>21473</v>
      </c>
      <c r="B5980" s="1" t="s">
        <v>63251</v>
      </c>
      <c r="C5980" s="1" t="s">
        <v>21474</v>
      </c>
      <c r="D5980" s="2">
        <v>158808</v>
      </c>
      <c r="E5980" s="1" t="s">
        <v>0</v>
      </c>
    </row>
    <row r="5981" spans="1:5" x14ac:dyDescent="0.25">
      <c r="A5981" s="1" t="s">
        <v>21475</v>
      </c>
      <c r="B5981" s="1" t="s">
        <v>6709</v>
      </c>
      <c r="C5981" s="1" t="s">
        <v>21476</v>
      </c>
      <c r="D5981" s="2">
        <v>158809</v>
      </c>
      <c r="E5981" s="1" t="s">
        <v>0</v>
      </c>
    </row>
    <row r="5982" spans="1:5" x14ac:dyDescent="0.25">
      <c r="A5982" s="2">
        <v>1196</v>
      </c>
      <c r="B5982" s="2">
        <v>1196</v>
      </c>
      <c r="C5982" s="1" t="s">
        <v>0</v>
      </c>
      <c r="D5982" s="2">
        <v>158810</v>
      </c>
      <c r="E5982" s="1" t="s">
        <v>0</v>
      </c>
    </row>
    <row r="5983" spans="1:5" x14ac:dyDescent="0.25">
      <c r="A5983" s="1" t="s">
        <v>1113</v>
      </c>
      <c r="B5983" s="1" t="s">
        <v>6710</v>
      </c>
      <c r="C5983" s="1" t="s">
        <v>21477</v>
      </c>
      <c r="D5983" s="2">
        <v>158811</v>
      </c>
      <c r="E5983" s="1" t="s">
        <v>0</v>
      </c>
    </row>
    <row r="5984" spans="1:5" x14ac:dyDescent="0.25">
      <c r="A5984" s="1" t="s">
        <v>21478</v>
      </c>
      <c r="B5984" s="1" t="s">
        <v>52389</v>
      </c>
      <c r="C5984" s="1" t="s">
        <v>21479</v>
      </c>
      <c r="D5984" s="2">
        <v>158812</v>
      </c>
      <c r="E5984" s="1" t="s">
        <v>0</v>
      </c>
    </row>
    <row r="5985" spans="1:5" ht="409.5" x14ac:dyDescent="0.25">
      <c r="A5985" s="4" t="s">
        <v>21480</v>
      </c>
      <c r="B5985" s="1" t="s">
        <v>52390</v>
      </c>
      <c r="C5985" s="1" t="s">
        <v>21481</v>
      </c>
      <c r="D5985" s="2">
        <v>158813</v>
      </c>
      <c r="E5985" s="1" t="s">
        <v>0</v>
      </c>
    </row>
    <row r="5986" spans="1:5" x14ac:dyDescent="0.25">
      <c r="A5986" s="1" t="s">
        <v>21482</v>
      </c>
      <c r="B5986" s="1" t="s">
        <v>52391</v>
      </c>
      <c r="C5986" s="1" t="s">
        <v>21483</v>
      </c>
      <c r="D5986" s="2">
        <v>158814</v>
      </c>
      <c r="E5986" s="1" t="s">
        <v>0</v>
      </c>
    </row>
    <row r="5987" spans="1:5" x14ac:dyDescent="0.25">
      <c r="A5987" s="2">
        <v>1197</v>
      </c>
      <c r="B5987" s="2">
        <v>1197</v>
      </c>
      <c r="C5987" s="1" t="s">
        <v>0</v>
      </c>
      <c r="D5987" s="2">
        <v>158815</v>
      </c>
      <c r="E5987" s="1" t="s">
        <v>0</v>
      </c>
    </row>
    <row r="5988" spans="1:5" x14ac:dyDescent="0.25">
      <c r="A5988" s="1" t="s">
        <v>1114</v>
      </c>
      <c r="B5988" s="1" t="s">
        <v>6711</v>
      </c>
      <c r="C5988" s="1" t="s">
        <v>21484</v>
      </c>
      <c r="D5988" s="2">
        <v>158816</v>
      </c>
      <c r="E5988" s="1" t="s">
        <v>0</v>
      </c>
    </row>
    <row r="5989" spans="1:5" x14ac:dyDescent="0.25">
      <c r="A5989" s="1" t="s">
        <v>21485</v>
      </c>
      <c r="B5989" s="1" t="s">
        <v>63252</v>
      </c>
      <c r="C5989" s="1" t="s">
        <v>21486</v>
      </c>
      <c r="D5989" s="2">
        <v>158817</v>
      </c>
      <c r="E5989" s="1" t="s">
        <v>0</v>
      </c>
    </row>
    <row r="5990" spans="1:5" ht="409.5" x14ac:dyDescent="0.25">
      <c r="A5990" s="4" t="s">
        <v>21487</v>
      </c>
      <c r="B5990" s="1" t="s">
        <v>63253</v>
      </c>
      <c r="C5990" s="1" t="s">
        <v>21488</v>
      </c>
      <c r="D5990" s="2">
        <v>158818</v>
      </c>
      <c r="E5990" s="1" t="s">
        <v>0</v>
      </c>
    </row>
    <row r="5991" spans="1:5" x14ac:dyDescent="0.25">
      <c r="A5991" s="1" t="s">
        <v>21489</v>
      </c>
      <c r="B5991" s="1" t="s">
        <v>6712</v>
      </c>
      <c r="C5991" s="1" t="s">
        <v>21490</v>
      </c>
      <c r="D5991" s="2">
        <v>158819</v>
      </c>
      <c r="E5991" s="1" t="s">
        <v>0</v>
      </c>
    </row>
    <row r="5992" spans="1:5" x14ac:dyDescent="0.25">
      <c r="A5992" s="2">
        <v>1198</v>
      </c>
      <c r="B5992" s="2">
        <v>1198</v>
      </c>
      <c r="C5992" s="1" t="s">
        <v>0</v>
      </c>
      <c r="D5992" s="2">
        <v>158820</v>
      </c>
      <c r="E5992" s="1" t="s">
        <v>0</v>
      </c>
    </row>
    <row r="5993" spans="1:5" x14ac:dyDescent="0.25">
      <c r="A5993" s="1" t="s">
        <v>1115</v>
      </c>
      <c r="B5993" s="1" t="s">
        <v>6713</v>
      </c>
      <c r="C5993" s="1" t="s">
        <v>21491</v>
      </c>
      <c r="D5993" s="2">
        <v>158821</v>
      </c>
      <c r="E5993" s="1" t="s">
        <v>0</v>
      </c>
    </row>
    <row r="5994" spans="1:5" x14ac:dyDescent="0.25">
      <c r="A5994" s="1" t="s">
        <v>21492</v>
      </c>
      <c r="B5994" s="1" t="s">
        <v>58250</v>
      </c>
      <c r="C5994" s="1" t="s">
        <v>21493</v>
      </c>
      <c r="D5994" s="2">
        <v>158822</v>
      </c>
      <c r="E5994" s="1" t="s">
        <v>0</v>
      </c>
    </row>
    <row r="5995" spans="1:5" ht="409.5" x14ac:dyDescent="0.25">
      <c r="A5995" s="4" t="s">
        <v>21494</v>
      </c>
      <c r="B5995" s="1" t="s">
        <v>58251</v>
      </c>
      <c r="C5995" s="1" t="s">
        <v>21495</v>
      </c>
      <c r="D5995" s="2">
        <v>158823</v>
      </c>
      <c r="E5995" s="1" t="s">
        <v>0</v>
      </c>
    </row>
    <row r="5996" spans="1:5" x14ac:dyDescent="0.25">
      <c r="A5996" s="1" t="s">
        <v>21496</v>
      </c>
      <c r="B5996" s="1" t="s">
        <v>6714</v>
      </c>
      <c r="C5996" s="1" t="s">
        <v>21497</v>
      </c>
      <c r="D5996" s="2">
        <v>158824</v>
      </c>
      <c r="E5996" s="1" t="s">
        <v>0</v>
      </c>
    </row>
    <row r="5997" spans="1:5" x14ac:dyDescent="0.25">
      <c r="A5997" s="2">
        <v>1199</v>
      </c>
      <c r="B5997" s="2">
        <v>1199</v>
      </c>
      <c r="C5997" s="1" t="s">
        <v>0</v>
      </c>
      <c r="D5997" s="2">
        <v>158825</v>
      </c>
      <c r="E5997" s="1" t="s">
        <v>0</v>
      </c>
    </row>
    <row r="5998" spans="1:5" x14ac:dyDescent="0.25">
      <c r="A5998" s="1" t="s">
        <v>1116</v>
      </c>
      <c r="B5998" s="1" t="s">
        <v>6715</v>
      </c>
      <c r="C5998" s="1" t="s">
        <v>21498</v>
      </c>
      <c r="D5998" s="2">
        <v>158826</v>
      </c>
      <c r="E5998" s="1" t="s">
        <v>0</v>
      </c>
    </row>
    <row r="5999" spans="1:5" x14ac:dyDescent="0.25">
      <c r="A5999" s="1" t="s">
        <v>21499</v>
      </c>
      <c r="B5999" s="1" t="s">
        <v>52392</v>
      </c>
      <c r="C5999" s="1" t="s">
        <v>21500</v>
      </c>
      <c r="D5999" s="2">
        <v>158827</v>
      </c>
      <c r="E5999" s="1" t="s">
        <v>0</v>
      </c>
    </row>
    <row r="6000" spans="1:5" ht="409.5" x14ac:dyDescent="0.25">
      <c r="A6000" s="4" t="s">
        <v>21501</v>
      </c>
      <c r="B6000" s="1" t="s">
        <v>52393</v>
      </c>
      <c r="C6000" s="1" t="s">
        <v>21502</v>
      </c>
      <c r="D6000" s="2">
        <v>158828</v>
      </c>
      <c r="E6000" s="1" t="s">
        <v>0</v>
      </c>
    </row>
    <row r="6001" spans="1:5" x14ac:dyDescent="0.25">
      <c r="A6001" s="1" t="s">
        <v>21503</v>
      </c>
      <c r="B6001" s="1" t="s">
        <v>6716</v>
      </c>
      <c r="C6001" s="1" t="s">
        <v>21504</v>
      </c>
      <c r="D6001" s="2">
        <v>158829</v>
      </c>
      <c r="E6001" s="1" t="s">
        <v>0</v>
      </c>
    </row>
    <row r="6002" spans="1:5" x14ac:dyDescent="0.25">
      <c r="A6002" s="2">
        <v>1200</v>
      </c>
      <c r="B6002" s="2">
        <v>1200</v>
      </c>
      <c r="C6002" s="1" t="s">
        <v>0</v>
      </c>
      <c r="D6002" s="2">
        <v>158830</v>
      </c>
      <c r="E6002" s="1" t="s">
        <v>0</v>
      </c>
    </row>
    <row r="6003" spans="1:5" x14ac:dyDescent="0.25">
      <c r="A6003" s="1" t="s">
        <v>1117</v>
      </c>
      <c r="B6003" s="1" t="s">
        <v>6717</v>
      </c>
      <c r="C6003" s="1" t="s">
        <v>21505</v>
      </c>
      <c r="D6003" s="2">
        <v>158831</v>
      </c>
      <c r="E6003" s="1" t="s">
        <v>0</v>
      </c>
    </row>
    <row r="6004" spans="1:5" x14ac:dyDescent="0.25">
      <c r="A6004" s="1" t="s">
        <v>21506</v>
      </c>
      <c r="B6004" s="1" t="s">
        <v>57437</v>
      </c>
      <c r="C6004" s="1" t="s">
        <v>21507</v>
      </c>
      <c r="D6004" s="2">
        <v>158832</v>
      </c>
      <c r="E6004" s="1" t="s">
        <v>0</v>
      </c>
    </row>
    <row r="6005" spans="1:5" ht="409.5" x14ac:dyDescent="0.25">
      <c r="A6005" s="4" t="s">
        <v>21508</v>
      </c>
      <c r="B6005" s="1" t="s">
        <v>58252</v>
      </c>
      <c r="C6005" s="1" t="s">
        <v>21509</v>
      </c>
      <c r="D6005" s="2">
        <v>158833</v>
      </c>
      <c r="E6005" s="1" t="s">
        <v>0</v>
      </c>
    </row>
    <row r="6006" spans="1:5" x14ac:dyDescent="0.25">
      <c r="A6006" s="1" t="s">
        <v>21510</v>
      </c>
      <c r="B6006" s="1" t="s">
        <v>52394</v>
      </c>
      <c r="C6006" s="1" t="s">
        <v>21511</v>
      </c>
      <c r="D6006" s="2">
        <v>158834</v>
      </c>
      <c r="E6006" s="1" t="s">
        <v>0</v>
      </c>
    </row>
    <row r="6007" spans="1:5" x14ac:dyDescent="0.25">
      <c r="A6007" s="2">
        <v>1201</v>
      </c>
      <c r="B6007" s="2">
        <v>1201</v>
      </c>
      <c r="C6007" s="1" t="s">
        <v>0</v>
      </c>
      <c r="D6007" s="2">
        <v>158835</v>
      </c>
      <c r="E6007" s="1" t="s">
        <v>0</v>
      </c>
    </row>
    <row r="6008" spans="1:5" x14ac:dyDescent="0.25">
      <c r="A6008" s="1" t="s">
        <v>1118</v>
      </c>
      <c r="B6008" s="1" t="s">
        <v>6718</v>
      </c>
      <c r="C6008" s="1" t="s">
        <v>21512</v>
      </c>
      <c r="D6008" s="2">
        <v>158836</v>
      </c>
      <c r="E6008" s="1" t="s">
        <v>0</v>
      </c>
    </row>
    <row r="6009" spans="1:5" x14ac:dyDescent="0.25">
      <c r="A6009" s="1" t="s">
        <v>21513</v>
      </c>
      <c r="B6009" s="1" t="s">
        <v>6719</v>
      </c>
      <c r="C6009" s="1" t="s">
        <v>21514</v>
      </c>
      <c r="D6009" s="2">
        <v>158837</v>
      </c>
      <c r="E6009" s="1" t="s">
        <v>0</v>
      </c>
    </row>
    <row r="6010" spans="1:5" ht="409.5" x14ac:dyDescent="0.25">
      <c r="A6010" s="4" t="s">
        <v>21515</v>
      </c>
      <c r="B6010" s="1" t="s">
        <v>59850</v>
      </c>
      <c r="C6010" s="1" t="s">
        <v>21516</v>
      </c>
      <c r="D6010" s="2">
        <v>158838</v>
      </c>
      <c r="E6010" s="1" t="s">
        <v>0</v>
      </c>
    </row>
    <row r="6011" spans="1:5" x14ac:dyDescent="0.25">
      <c r="A6011" s="1" t="s">
        <v>21517</v>
      </c>
      <c r="B6011" s="1" t="s">
        <v>52395</v>
      </c>
      <c r="C6011" s="1" t="s">
        <v>21518</v>
      </c>
      <c r="D6011" s="2">
        <v>158839</v>
      </c>
      <c r="E6011" s="1" t="s">
        <v>0</v>
      </c>
    </row>
    <row r="6012" spans="1:5" x14ac:dyDescent="0.25">
      <c r="A6012" s="2">
        <v>1202</v>
      </c>
      <c r="B6012" s="2">
        <v>1202</v>
      </c>
      <c r="C6012" s="1" t="s">
        <v>0</v>
      </c>
      <c r="D6012" s="2">
        <v>158840</v>
      </c>
      <c r="E6012" s="1" t="s">
        <v>0</v>
      </c>
    </row>
    <row r="6013" spans="1:5" x14ac:dyDescent="0.25">
      <c r="A6013" s="1" t="s">
        <v>1119</v>
      </c>
      <c r="B6013" s="1" t="s">
        <v>6720</v>
      </c>
      <c r="C6013" s="1" t="s">
        <v>21519</v>
      </c>
      <c r="D6013" s="2">
        <v>158841</v>
      </c>
      <c r="E6013" s="1" t="s">
        <v>0</v>
      </c>
    </row>
    <row r="6014" spans="1:5" x14ac:dyDescent="0.25">
      <c r="A6014" s="1" t="s">
        <v>21520</v>
      </c>
      <c r="B6014" s="1" t="s">
        <v>58905</v>
      </c>
      <c r="C6014" s="1" t="s">
        <v>21521</v>
      </c>
      <c r="D6014" s="2">
        <v>158842</v>
      </c>
      <c r="E6014" s="1" t="s">
        <v>0</v>
      </c>
    </row>
    <row r="6015" spans="1:5" ht="409.5" x14ac:dyDescent="0.25">
      <c r="A6015" s="4" t="s">
        <v>21522</v>
      </c>
      <c r="B6015" s="1" t="s">
        <v>58906</v>
      </c>
      <c r="C6015" s="1" t="s">
        <v>21523</v>
      </c>
      <c r="D6015" s="2">
        <v>158843</v>
      </c>
      <c r="E6015" s="1" t="s">
        <v>0</v>
      </c>
    </row>
    <row r="6016" spans="1:5" x14ac:dyDescent="0.25">
      <c r="A6016" s="1" t="s">
        <v>21524</v>
      </c>
      <c r="B6016" s="1" t="s">
        <v>6721</v>
      </c>
      <c r="C6016" s="1" t="s">
        <v>21525</v>
      </c>
      <c r="D6016" s="2">
        <v>158844</v>
      </c>
      <c r="E6016" s="1" t="s">
        <v>0</v>
      </c>
    </row>
    <row r="6017" spans="1:5" x14ac:dyDescent="0.25">
      <c r="A6017" s="2">
        <v>1203</v>
      </c>
      <c r="B6017" s="2">
        <v>1203</v>
      </c>
      <c r="C6017" s="1" t="s">
        <v>0</v>
      </c>
      <c r="D6017" s="2">
        <v>158845</v>
      </c>
      <c r="E6017" s="1" t="s">
        <v>0</v>
      </c>
    </row>
    <row r="6018" spans="1:5" x14ac:dyDescent="0.25">
      <c r="A6018" s="1" t="s">
        <v>1120</v>
      </c>
      <c r="B6018" s="1" t="s">
        <v>50536</v>
      </c>
      <c r="C6018" s="1" t="s">
        <v>21526</v>
      </c>
      <c r="D6018" s="2">
        <v>158846</v>
      </c>
      <c r="E6018" s="1" t="s">
        <v>0</v>
      </c>
    </row>
    <row r="6019" spans="1:5" x14ac:dyDescent="0.25">
      <c r="A6019" s="1" t="s">
        <v>21527</v>
      </c>
      <c r="B6019" s="1" t="s">
        <v>50537</v>
      </c>
      <c r="C6019" s="1" t="s">
        <v>21528</v>
      </c>
      <c r="D6019" s="2">
        <v>158847</v>
      </c>
      <c r="E6019" s="1" t="s">
        <v>0</v>
      </c>
    </row>
    <row r="6020" spans="1:5" ht="409.5" x14ac:dyDescent="0.25">
      <c r="A6020" s="4" t="s">
        <v>21529</v>
      </c>
      <c r="B6020" s="1" t="s">
        <v>59851</v>
      </c>
      <c r="C6020" s="1" t="s">
        <v>21530</v>
      </c>
      <c r="D6020" s="2">
        <v>158848</v>
      </c>
      <c r="E6020" s="1" t="s">
        <v>0</v>
      </c>
    </row>
    <row r="6021" spans="1:5" x14ac:dyDescent="0.25">
      <c r="A6021" s="1" t="s">
        <v>21531</v>
      </c>
      <c r="B6021" s="1" t="s">
        <v>52396</v>
      </c>
      <c r="C6021" s="1" t="s">
        <v>21532</v>
      </c>
      <c r="D6021" s="2">
        <v>158849</v>
      </c>
      <c r="E6021" s="1" t="s">
        <v>0</v>
      </c>
    </row>
    <row r="6022" spans="1:5" x14ac:dyDescent="0.25">
      <c r="A6022" s="2">
        <v>1204</v>
      </c>
      <c r="B6022" s="2">
        <v>1204</v>
      </c>
      <c r="C6022" s="1" t="s">
        <v>0</v>
      </c>
      <c r="D6022" s="2">
        <v>158850</v>
      </c>
      <c r="E6022" s="1" t="s">
        <v>0</v>
      </c>
    </row>
    <row r="6023" spans="1:5" x14ac:dyDescent="0.25">
      <c r="A6023" s="1" t="s">
        <v>6722</v>
      </c>
      <c r="B6023" s="1" t="s">
        <v>6723</v>
      </c>
      <c r="C6023" s="1" t="s">
        <v>21533</v>
      </c>
      <c r="D6023" s="2">
        <v>158851</v>
      </c>
      <c r="E6023" s="1" t="s">
        <v>0</v>
      </c>
    </row>
    <row r="6024" spans="1:5" x14ac:dyDescent="0.25">
      <c r="A6024" s="1" t="s">
        <v>21534</v>
      </c>
      <c r="B6024" s="1" t="s">
        <v>52397</v>
      </c>
      <c r="C6024" s="1" t="s">
        <v>21535</v>
      </c>
      <c r="D6024" s="2">
        <v>158852</v>
      </c>
      <c r="E6024" s="1" t="s">
        <v>0</v>
      </c>
    </row>
    <row r="6025" spans="1:5" x14ac:dyDescent="0.25">
      <c r="A6025" s="1" t="s">
        <v>21536</v>
      </c>
      <c r="B6025" s="1" t="s">
        <v>52398</v>
      </c>
      <c r="C6025" s="1" t="s">
        <v>21537</v>
      </c>
      <c r="D6025" s="2">
        <v>158853</v>
      </c>
      <c r="E6025" s="1" t="s">
        <v>0</v>
      </c>
    </row>
    <row r="6026" spans="1:5" x14ac:dyDescent="0.25">
      <c r="A6026" s="1" t="s">
        <v>21538</v>
      </c>
      <c r="B6026" s="1" t="s">
        <v>52399</v>
      </c>
      <c r="C6026" s="1" t="s">
        <v>21539</v>
      </c>
      <c r="D6026" s="2">
        <v>158854</v>
      </c>
      <c r="E6026" s="1" t="s">
        <v>0</v>
      </c>
    </row>
    <row r="6027" spans="1:5" x14ac:dyDescent="0.25">
      <c r="A6027" s="2">
        <v>1205</v>
      </c>
      <c r="B6027" s="2">
        <v>1205</v>
      </c>
      <c r="C6027" s="1" t="s">
        <v>0</v>
      </c>
      <c r="D6027" s="2">
        <v>158855</v>
      </c>
      <c r="E6027" s="1" t="s">
        <v>0</v>
      </c>
    </row>
    <row r="6028" spans="1:5" x14ac:dyDescent="0.25">
      <c r="A6028" s="1" t="s">
        <v>1121</v>
      </c>
      <c r="B6028" s="1" t="s">
        <v>59852</v>
      </c>
      <c r="C6028" s="1" t="s">
        <v>21540</v>
      </c>
      <c r="D6028" s="2">
        <v>158856</v>
      </c>
      <c r="E6028" s="1" t="s">
        <v>0</v>
      </c>
    </row>
    <row r="6029" spans="1:5" x14ac:dyDescent="0.25">
      <c r="A6029" s="1" t="s">
        <v>21541</v>
      </c>
      <c r="B6029" s="1" t="s">
        <v>6724</v>
      </c>
      <c r="C6029" s="1" t="s">
        <v>21542</v>
      </c>
      <c r="D6029" s="2">
        <v>158857</v>
      </c>
      <c r="E6029" s="1" t="s">
        <v>0</v>
      </c>
    </row>
    <row r="6030" spans="1:5" ht="409.5" x14ac:dyDescent="0.25">
      <c r="A6030" s="4" t="s">
        <v>21543</v>
      </c>
      <c r="B6030" s="1" t="s">
        <v>58706</v>
      </c>
      <c r="C6030" s="1" t="s">
        <v>21544</v>
      </c>
      <c r="D6030" s="2">
        <v>158858</v>
      </c>
      <c r="E6030" s="1" t="s">
        <v>0</v>
      </c>
    </row>
    <row r="6031" spans="1:5" x14ac:dyDescent="0.25">
      <c r="A6031" s="1" t="s">
        <v>21545</v>
      </c>
      <c r="B6031" s="1" t="s">
        <v>6725</v>
      </c>
      <c r="C6031" s="1" t="s">
        <v>21546</v>
      </c>
      <c r="D6031" s="2">
        <v>158859</v>
      </c>
      <c r="E6031" s="1" t="s">
        <v>0</v>
      </c>
    </row>
    <row r="6032" spans="1:5" x14ac:dyDescent="0.25">
      <c r="A6032" s="2">
        <v>1206</v>
      </c>
      <c r="B6032" s="2">
        <v>1206</v>
      </c>
      <c r="C6032" s="1" t="s">
        <v>0</v>
      </c>
      <c r="D6032" s="2">
        <v>158860</v>
      </c>
      <c r="E6032" s="1" t="s">
        <v>0</v>
      </c>
    </row>
    <row r="6033" spans="1:5" x14ac:dyDescent="0.25">
      <c r="A6033" s="1" t="s">
        <v>6726</v>
      </c>
      <c r="B6033" s="1" t="s">
        <v>6727</v>
      </c>
      <c r="C6033" s="1" t="s">
        <v>21547</v>
      </c>
      <c r="D6033" s="2">
        <v>158861</v>
      </c>
      <c r="E6033" s="1" t="s">
        <v>0</v>
      </c>
    </row>
    <row r="6034" spans="1:5" x14ac:dyDescent="0.25">
      <c r="A6034" s="1" t="s">
        <v>21548</v>
      </c>
      <c r="B6034" s="1" t="s">
        <v>6728</v>
      </c>
      <c r="C6034" s="1" t="s">
        <v>21549</v>
      </c>
      <c r="D6034" s="2">
        <v>158862</v>
      </c>
      <c r="E6034" s="1" t="s">
        <v>0</v>
      </c>
    </row>
    <row r="6035" spans="1:5" ht="409.5" x14ac:dyDescent="0.25">
      <c r="A6035" s="4" t="s">
        <v>21550</v>
      </c>
      <c r="B6035" s="1" t="s">
        <v>52400</v>
      </c>
      <c r="C6035" s="1" t="s">
        <v>21551</v>
      </c>
      <c r="D6035" s="2">
        <v>158863</v>
      </c>
      <c r="E6035" s="1" t="s">
        <v>0</v>
      </c>
    </row>
    <row r="6036" spans="1:5" x14ac:dyDescent="0.25">
      <c r="A6036" s="1" t="s">
        <v>21552</v>
      </c>
      <c r="B6036" s="1" t="s">
        <v>52401</v>
      </c>
      <c r="C6036" s="1" t="s">
        <v>21553</v>
      </c>
      <c r="D6036" s="2">
        <v>158864</v>
      </c>
      <c r="E6036" s="1" t="s">
        <v>0</v>
      </c>
    </row>
    <row r="6037" spans="1:5" x14ac:dyDescent="0.25">
      <c r="A6037" s="2">
        <v>1207</v>
      </c>
      <c r="B6037" s="2">
        <v>1207</v>
      </c>
      <c r="C6037" s="1" t="s">
        <v>0</v>
      </c>
      <c r="D6037" s="2">
        <v>158865</v>
      </c>
      <c r="E6037" s="1" t="s">
        <v>0</v>
      </c>
    </row>
    <row r="6038" spans="1:5" x14ac:dyDescent="0.25">
      <c r="A6038" s="1" t="s">
        <v>1122</v>
      </c>
      <c r="B6038" s="1" t="s">
        <v>59853</v>
      </c>
      <c r="C6038" s="1" t="s">
        <v>21554</v>
      </c>
      <c r="D6038" s="2">
        <v>158866</v>
      </c>
      <c r="E6038" s="1" t="s">
        <v>0</v>
      </c>
    </row>
    <row r="6039" spans="1:5" x14ac:dyDescent="0.25">
      <c r="A6039" s="1" t="s">
        <v>21555</v>
      </c>
      <c r="B6039" s="1" t="s">
        <v>59854</v>
      </c>
      <c r="C6039" s="1" t="s">
        <v>21556</v>
      </c>
      <c r="D6039" s="2">
        <v>158867</v>
      </c>
      <c r="E6039" s="1" t="s">
        <v>0</v>
      </c>
    </row>
    <row r="6040" spans="1:5" ht="409.5" x14ac:dyDescent="0.25">
      <c r="A6040" s="4" t="s">
        <v>21557</v>
      </c>
      <c r="B6040" s="1" t="s">
        <v>62205</v>
      </c>
      <c r="C6040" s="1" t="s">
        <v>21558</v>
      </c>
      <c r="D6040" s="2">
        <v>158868</v>
      </c>
      <c r="E6040" s="1" t="s">
        <v>0</v>
      </c>
    </row>
    <row r="6041" spans="1:5" x14ac:dyDescent="0.25">
      <c r="A6041" s="1" t="s">
        <v>21559</v>
      </c>
      <c r="B6041" s="1" t="s">
        <v>6729</v>
      </c>
      <c r="C6041" s="1" t="s">
        <v>21560</v>
      </c>
      <c r="D6041" s="2">
        <v>158869</v>
      </c>
      <c r="E6041" s="1" t="s">
        <v>0</v>
      </c>
    </row>
    <row r="6042" spans="1:5" x14ac:dyDescent="0.25">
      <c r="A6042" s="2">
        <v>1208</v>
      </c>
      <c r="B6042" s="2">
        <v>1208</v>
      </c>
      <c r="C6042" s="1" t="s">
        <v>0</v>
      </c>
      <c r="D6042" s="2">
        <v>158870</v>
      </c>
      <c r="E6042" s="1" t="s">
        <v>0</v>
      </c>
    </row>
    <row r="6043" spans="1:5" x14ac:dyDescent="0.25">
      <c r="A6043" s="1" t="s">
        <v>1123</v>
      </c>
      <c r="B6043" s="1" t="s">
        <v>50538</v>
      </c>
      <c r="C6043" s="1" t="s">
        <v>21561</v>
      </c>
      <c r="D6043" s="2">
        <v>158871</v>
      </c>
      <c r="E6043" s="1" t="s">
        <v>0</v>
      </c>
    </row>
    <row r="6044" spans="1:5" x14ac:dyDescent="0.25">
      <c r="A6044" s="1" t="s">
        <v>21562</v>
      </c>
      <c r="B6044" s="1" t="s">
        <v>6730</v>
      </c>
      <c r="C6044" s="1" t="s">
        <v>21563</v>
      </c>
      <c r="D6044" s="2">
        <v>158872</v>
      </c>
      <c r="E6044" s="1" t="s">
        <v>0</v>
      </c>
    </row>
    <row r="6045" spans="1:5" ht="409.5" x14ac:dyDescent="0.25">
      <c r="A6045" s="4" t="s">
        <v>21564</v>
      </c>
      <c r="B6045" s="1" t="s">
        <v>52402</v>
      </c>
      <c r="C6045" s="1" t="s">
        <v>21565</v>
      </c>
      <c r="D6045" s="2">
        <v>158873</v>
      </c>
      <c r="E6045" s="1" t="s">
        <v>0</v>
      </c>
    </row>
    <row r="6046" spans="1:5" x14ac:dyDescent="0.25">
      <c r="A6046" s="1" t="s">
        <v>21566</v>
      </c>
      <c r="B6046" s="1" t="s">
        <v>6731</v>
      </c>
      <c r="C6046" s="1" t="s">
        <v>21567</v>
      </c>
      <c r="D6046" s="2">
        <v>158874</v>
      </c>
      <c r="E6046" s="1" t="s">
        <v>0</v>
      </c>
    </row>
    <row r="6047" spans="1:5" x14ac:dyDescent="0.25">
      <c r="A6047" s="2">
        <v>1209</v>
      </c>
      <c r="B6047" s="2">
        <v>1209</v>
      </c>
      <c r="C6047" s="1" t="s">
        <v>0</v>
      </c>
      <c r="D6047" s="2">
        <v>158875</v>
      </c>
      <c r="E6047" s="1" t="s">
        <v>0</v>
      </c>
    </row>
    <row r="6048" spans="1:5" x14ac:dyDescent="0.25">
      <c r="A6048" s="1" t="s">
        <v>1124</v>
      </c>
      <c r="B6048" s="1" t="s">
        <v>58253</v>
      </c>
      <c r="C6048" s="1" t="s">
        <v>21568</v>
      </c>
      <c r="D6048" s="2">
        <v>158876</v>
      </c>
      <c r="E6048" s="1" t="s">
        <v>0</v>
      </c>
    </row>
    <row r="6049" spans="1:5" x14ac:dyDescent="0.25">
      <c r="A6049" s="1" t="s">
        <v>21569</v>
      </c>
      <c r="B6049" s="1" t="s">
        <v>62206</v>
      </c>
      <c r="C6049" s="1" t="s">
        <v>21570</v>
      </c>
      <c r="D6049" s="2">
        <v>158877</v>
      </c>
      <c r="E6049" s="1" t="s">
        <v>0</v>
      </c>
    </row>
    <row r="6050" spans="1:5" ht="409.5" x14ac:dyDescent="0.25">
      <c r="A6050" s="4" t="s">
        <v>21571</v>
      </c>
      <c r="B6050" s="1" t="s">
        <v>62207</v>
      </c>
      <c r="C6050" s="1" t="s">
        <v>21572</v>
      </c>
      <c r="D6050" s="2">
        <v>158878</v>
      </c>
      <c r="E6050" s="1" t="s">
        <v>0</v>
      </c>
    </row>
    <row r="6051" spans="1:5" x14ac:dyDescent="0.25">
      <c r="A6051" s="1" t="s">
        <v>21573</v>
      </c>
      <c r="B6051" s="1" t="s">
        <v>52403</v>
      </c>
      <c r="C6051" s="1" t="s">
        <v>21574</v>
      </c>
      <c r="D6051" s="2">
        <v>158879</v>
      </c>
      <c r="E6051" s="1" t="s">
        <v>0</v>
      </c>
    </row>
    <row r="6052" spans="1:5" x14ac:dyDescent="0.25">
      <c r="A6052" s="2">
        <v>1210</v>
      </c>
      <c r="B6052" s="2">
        <v>1210</v>
      </c>
      <c r="C6052" s="1" t="s">
        <v>0</v>
      </c>
      <c r="D6052" s="2">
        <v>158880</v>
      </c>
      <c r="E6052" s="1" t="s">
        <v>0</v>
      </c>
    </row>
    <row r="6053" spans="1:5" x14ac:dyDescent="0.25">
      <c r="A6053" s="1" t="s">
        <v>1125</v>
      </c>
      <c r="B6053" s="1" t="s">
        <v>6732</v>
      </c>
      <c r="C6053" s="1" t="s">
        <v>21575</v>
      </c>
      <c r="D6053" s="2">
        <v>158881</v>
      </c>
      <c r="E6053" s="1" t="s">
        <v>0</v>
      </c>
    </row>
    <row r="6054" spans="1:5" x14ac:dyDescent="0.25">
      <c r="A6054" s="1" t="s">
        <v>21576</v>
      </c>
      <c r="B6054" s="1" t="s">
        <v>6733</v>
      </c>
      <c r="C6054" s="1" t="s">
        <v>21577</v>
      </c>
      <c r="D6054" s="2">
        <v>158882</v>
      </c>
      <c r="E6054" s="1" t="s">
        <v>0</v>
      </c>
    </row>
    <row r="6055" spans="1:5" ht="409.5" x14ac:dyDescent="0.25">
      <c r="A6055" s="4" t="s">
        <v>21578</v>
      </c>
      <c r="B6055" s="1" t="s">
        <v>59855</v>
      </c>
      <c r="C6055" s="1" t="s">
        <v>21579</v>
      </c>
      <c r="D6055" s="2">
        <v>158883</v>
      </c>
      <c r="E6055" s="1" t="s">
        <v>0</v>
      </c>
    </row>
    <row r="6056" spans="1:5" x14ac:dyDescent="0.25">
      <c r="A6056" s="1" t="s">
        <v>21580</v>
      </c>
      <c r="B6056" s="1" t="s">
        <v>52404</v>
      </c>
      <c r="C6056" s="1" t="s">
        <v>21581</v>
      </c>
      <c r="D6056" s="2">
        <v>158884</v>
      </c>
      <c r="E6056" s="1" t="s">
        <v>0</v>
      </c>
    </row>
    <row r="6057" spans="1:5" x14ac:dyDescent="0.25">
      <c r="A6057" s="2">
        <v>1211</v>
      </c>
      <c r="B6057" s="2">
        <v>1211</v>
      </c>
      <c r="C6057" s="1" t="s">
        <v>0</v>
      </c>
      <c r="D6057" s="2">
        <v>158885</v>
      </c>
      <c r="E6057" s="1" t="s">
        <v>0</v>
      </c>
    </row>
    <row r="6058" spans="1:5" x14ac:dyDescent="0.25">
      <c r="A6058" s="1" t="s">
        <v>1126</v>
      </c>
      <c r="B6058" s="1" t="s">
        <v>6734</v>
      </c>
      <c r="C6058" s="1" t="s">
        <v>21582</v>
      </c>
      <c r="D6058" s="2">
        <v>158886</v>
      </c>
      <c r="E6058" s="1" t="s">
        <v>0</v>
      </c>
    </row>
    <row r="6059" spans="1:5" x14ac:dyDescent="0.25">
      <c r="A6059" s="1" t="s">
        <v>21583</v>
      </c>
      <c r="B6059" s="1" t="s">
        <v>52405</v>
      </c>
      <c r="C6059" s="1" t="s">
        <v>21584</v>
      </c>
      <c r="D6059" s="2">
        <v>158887</v>
      </c>
      <c r="E6059" s="1" t="s">
        <v>0</v>
      </c>
    </row>
    <row r="6060" spans="1:5" ht="409.5" x14ac:dyDescent="0.25">
      <c r="A6060" s="4" t="s">
        <v>21585</v>
      </c>
      <c r="B6060" s="1" t="s">
        <v>52406</v>
      </c>
      <c r="C6060" s="1" t="s">
        <v>21586</v>
      </c>
      <c r="D6060" s="2">
        <v>158888</v>
      </c>
      <c r="E6060" s="1" t="s">
        <v>0</v>
      </c>
    </row>
    <row r="6061" spans="1:5" x14ac:dyDescent="0.25">
      <c r="A6061" s="1" t="s">
        <v>21587</v>
      </c>
      <c r="B6061" s="1" t="s">
        <v>6735</v>
      </c>
      <c r="C6061" s="1" t="s">
        <v>21588</v>
      </c>
      <c r="D6061" s="2">
        <v>158889</v>
      </c>
      <c r="E6061" s="1" t="s">
        <v>0</v>
      </c>
    </row>
    <row r="6062" spans="1:5" x14ac:dyDescent="0.25">
      <c r="A6062" s="2">
        <v>1212</v>
      </c>
      <c r="B6062" s="2">
        <v>1212</v>
      </c>
      <c r="C6062" s="1" t="s">
        <v>0</v>
      </c>
      <c r="D6062" s="2">
        <v>158890</v>
      </c>
      <c r="E6062" s="1" t="s">
        <v>0</v>
      </c>
    </row>
    <row r="6063" spans="1:5" x14ac:dyDescent="0.25">
      <c r="A6063" s="1" t="s">
        <v>1127</v>
      </c>
      <c r="B6063" s="1" t="s">
        <v>6736</v>
      </c>
      <c r="C6063" s="1" t="s">
        <v>21589</v>
      </c>
      <c r="D6063" s="2">
        <v>158891</v>
      </c>
      <c r="E6063" s="1" t="s">
        <v>0</v>
      </c>
    </row>
    <row r="6064" spans="1:5" x14ac:dyDescent="0.25">
      <c r="A6064" s="1" t="s">
        <v>21590</v>
      </c>
      <c r="B6064" s="1" t="s">
        <v>63646</v>
      </c>
      <c r="C6064" s="1" t="s">
        <v>21591</v>
      </c>
      <c r="D6064" s="2">
        <v>158892</v>
      </c>
      <c r="E6064" s="1" t="s">
        <v>0</v>
      </c>
    </row>
    <row r="6065" spans="1:5" ht="409.5" x14ac:dyDescent="0.25">
      <c r="A6065" s="4" t="s">
        <v>21592</v>
      </c>
      <c r="B6065" s="1" t="s">
        <v>63647</v>
      </c>
      <c r="C6065" s="1" t="s">
        <v>21593</v>
      </c>
      <c r="D6065" s="2">
        <v>158893</v>
      </c>
      <c r="E6065" s="1" t="s">
        <v>0</v>
      </c>
    </row>
    <row r="6066" spans="1:5" x14ac:dyDescent="0.25">
      <c r="A6066" s="1" t="s">
        <v>21594</v>
      </c>
      <c r="B6066" s="1" t="s">
        <v>57161</v>
      </c>
      <c r="C6066" s="1" t="s">
        <v>21595</v>
      </c>
      <c r="D6066" s="2">
        <v>158894</v>
      </c>
      <c r="E6066" s="1" t="s">
        <v>0</v>
      </c>
    </row>
    <row r="6067" spans="1:5" x14ac:dyDescent="0.25">
      <c r="A6067" s="2">
        <v>1213</v>
      </c>
      <c r="B6067" s="2">
        <v>1213</v>
      </c>
      <c r="C6067" s="1" t="s">
        <v>0</v>
      </c>
      <c r="D6067" s="2">
        <v>158895</v>
      </c>
      <c r="E6067" s="1" t="s">
        <v>0</v>
      </c>
    </row>
    <row r="6068" spans="1:5" x14ac:dyDescent="0.25">
      <c r="A6068" s="1" t="s">
        <v>1128</v>
      </c>
      <c r="B6068" s="1" t="s">
        <v>6737</v>
      </c>
      <c r="C6068" s="1" t="s">
        <v>21596</v>
      </c>
      <c r="D6068" s="2">
        <v>158896</v>
      </c>
      <c r="E6068" s="1" t="s">
        <v>0</v>
      </c>
    </row>
    <row r="6069" spans="1:5" x14ac:dyDescent="0.25">
      <c r="A6069" s="1" t="s">
        <v>21597</v>
      </c>
      <c r="B6069" s="1" t="s">
        <v>6738</v>
      </c>
      <c r="C6069" s="1" t="s">
        <v>21598</v>
      </c>
      <c r="D6069" s="2">
        <v>158897</v>
      </c>
      <c r="E6069" s="1" t="s">
        <v>0</v>
      </c>
    </row>
    <row r="6070" spans="1:5" ht="409.5" x14ac:dyDescent="0.25">
      <c r="A6070" s="4" t="s">
        <v>21599</v>
      </c>
      <c r="B6070" s="1" t="s">
        <v>52407</v>
      </c>
      <c r="C6070" s="1" t="s">
        <v>21600</v>
      </c>
      <c r="D6070" s="2">
        <v>158898</v>
      </c>
      <c r="E6070" s="1" t="s">
        <v>0</v>
      </c>
    </row>
    <row r="6071" spans="1:5" x14ac:dyDescent="0.25">
      <c r="A6071" s="1" t="s">
        <v>15303</v>
      </c>
      <c r="B6071" s="1" t="s">
        <v>60888</v>
      </c>
      <c r="C6071" s="1" t="s">
        <v>15304</v>
      </c>
      <c r="D6071" s="2">
        <v>158899</v>
      </c>
      <c r="E6071" s="1" t="s">
        <v>0</v>
      </c>
    </row>
    <row r="6072" spans="1:5" x14ac:dyDescent="0.25">
      <c r="A6072" s="2">
        <v>1214</v>
      </c>
      <c r="B6072" s="2">
        <v>1214</v>
      </c>
      <c r="C6072" s="1" t="s">
        <v>0</v>
      </c>
      <c r="D6072" s="2">
        <v>158900</v>
      </c>
      <c r="E6072" s="1" t="s">
        <v>0</v>
      </c>
    </row>
    <row r="6073" spans="1:5" x14ac:dyDescent="0.25">
      <c r="A6073" s="1" t="s">
        <v>1129</v>
      </c>
      <c r="B6073" s="1" t="s">
        <v>58990</v>
      </c>
      <c r="C6073" s="1" t="s">
        <v>21601</v>
      </c>
      <c r="D6073" s="2">
        <v>158901</v>
      </c>
      <c r="E6073" s="1" t="s">
        <v>0</v>
      </c>
    </row>
    <row r="6074" spans="1:5" x14ac:dyDescent="0.25">
      <c r="A6074" s="1" t="s">
        <v>21602</v>
      </c>
      <c r="B6074" s="1" t="s">
        <v>58991</v>
      </c>
      <c r="C6074" s="1" t="s">
        <v>21603</v>
      </c>
      <c r="D6074" s="2">
        <v>158902</v>
      </c>
      <c r="E6074" s="1" t="s">
        <v>0</v>
      </c>
    </row>
    <row r="6075" spans="1:5" ht="409.5" x14ac:dyDescent="0.25">
      <c r="A6075" s="4" t="s">
        <v>21604</v>
      </c>
      <c r="B6075" s="1" t="s">
        <v>58992</v>
      </c>
      <c r="C6075" s="1" t="s">
        <v>21605</v>
      </c>
      <c r="D6075" s="2">
        <v>158903</v>
      </c>
      <c r="E6075" s="1" t="s">
        <v>0</v>
      </c>
    </row>
    <row r="6076" spans="1:5" x14ac:dyDescent="0.25">
      <c r="A6076" s="1" t="s">
        <v>21606</v>
      </c>
      <c r="B6076" s="1" t="s">
        <v>6739</v>
      </c>
      <c r="C6076" s="1" t="s">
        <v>21607</v>
      </c>
      <c r="D6076" s="2">
        <v>158904</v>
      </c>
      <c r="E6076" s="1" t="s">
        <v>0</v>
      </c>
    </row>
    <row r="6077" spans="1:5" x14ac:dyDescent="0.25">
      <c r="A6077" s="2">
        <v>1215</v>
      </c>
      <c r="B6077" s="2">
        <v>1215</v>
      </c>
      <c r="C6077" s="1" t="s">
        <v>0</v>
      </c>
      <c r="D6077" s="2">
        <v>158905</v>
      </c>
      <c r="E6077" s="1" t="s">
        <v>0</v>
      </c>
    </row>
    <row r="6078" spans="1:5" x14ac:dyDescent="0.25">
      <c r="A6078" s="1" t="s">
        <v>1130</v>
      </c>
      <c r="B6078" s="1" t="s">
        <v>58254</v>
      </c>
      <c r="C6078" s="1" t="s">
        <v>21608</v>
      </c>
      <c r="D6078" s="2">
        <v>158906</v>
      </c>
      <c r="E6078" s="1" t="s">
        <v>0</v>
      </c>
    </row>
    <row r="6079" spans="1:5" x14ac:dyDescent="0.25">
      <c r="A6079" s="1" t="s">
        <v>21609</v>
      </c>
      <c r="B6079" s="1" t="s">
        <v>62208</v>
      </c>
      <c r="C6079" s="1" t="s">
        <v>21610</v>
      </c>
      <c r="D6079" s="2">
        <v>158907</v>
      </c>
      <c r="E6079" s="1" t="s">
        <v>0</v>
      </c>
    </row>
    <row r="6080" spans="1:5" ht="409.5" x14ac:dyDescent="0.25">
      <c r="A6080" s="4" t="s">
        <v>21611</v>
      </c>
      <c r="B6080" s="1" t="s">
        <v>62209</v>
      </c>
      <c r="C6080" s="1" t="s">
        <v>21612</v>
      </c>
      <c r="D6080" s="2">
        <v>158908</v>
      </c>
      <c r="E6080" s="1" t="s">
        <v>0</v>
      </c>
    </row>
    <row r="6081" spans="1:5" x14ac:dyDescent="0.25">
      <c r="A6081" s="1" t="s">
        <v>21613</v>
      </c>
      <c r="B6081" s="1" t="s">
        <v>58255</v>
      </c>
      <c r="C6081" s="1" t="s">
        <v>21614</v>
      </c>
      <c r="D6081" s="2">
        <v>158909</v>
      </c>
      <c r="E6081" s="1" t="s">
        <v>0</v>
      </c>
    </row>
    <row r="6082" spans="1:5" x14ac:dyDescent="0.25">
      <c r="A6082" s="2">
        <v>1216</v>
      </c>
      <c r="B6082" s="2">
        <v>1216</v>
      </c>
      <c r="C6082" s="1" t="s">
        <v>0</v>
      </c>
      <c r="D6082" s="2">
        <v>158910</v>
      </c>
      <c r="E6082" s="1" t="s">
        <v>0</v>
      </c>
    </row>
    <row r="6083" spans="1:5" x14ac:dyDescent="0.25">
      <c r="A6083" s="1" t="s">
        <v>1131</v>
      </c>
      <c r="B6083" s="1" t="s">
        <v>52408</v>
      </c>
      <c r="C6083" s="1" t="s">
        <v>21615</v>
      </c>
      <c r="D6083" s="2">
        <v>158911</v>
      </c>
      <c r="E6083" s="1" t="s">
        <v>0</v>
      </c>
    </row>
    <row r="6084" spans="1:5" x14ac:dyDescent="0.25">
      <c r="A6084" s="1" t="s">
        <v>21616</v>
      </c>
      <c r="B6084" s="1" t="s">
        <v>58256</v>
      </c>
      <c r="C6084" s="1" t="s">
        <v>21617</v>
      </c>
      <c r="D6084" s="2">
        <v>158912</v>
      </c>
      <c r="E6084" s="1" t="s">
        <v>0</v>
      </c>
    </row>
    <row r="6085" spans="1:5" ht="409.5" x14ac:dyDescent="0.25">
      <c r="A6085" s="4" t="s">
        <v>21618</v>
      </c>
      <c r="B6085" s="1" t="s">
        <v>58257</v>
      </c>
      <c r="C6085" s="1" t="s">
        <v>21619</v>
      </c>
      <c r="D6085" s="2">
        <v>158913</v>
      </c>
      <c r="E6085" s="1" t="s">
        <v>0</v>
      </c>
    </row>
    <row r="6086" spans="1:5" x14ac:dyDescent="0.25">
      <c r="A6086" s="1" t="s">
        <v>21620</v>
      </c>
      <c r="B6086" s="1" t="s">
        <v>6740</v>
      </c>
      <c r="C6086" s="1" t="s">
        <v>21621</v>
      </c>
      <c r="D6086" s="2">
        <v>158914</v>
      </c>
      <c r="E6086" s="1" t="s">
        <v>0</v>
      </c>
    </row>
    <row r="6087" spans="1:5" x14ac:dyDescent="0.25">
      <c r="A6087" s="2">
        <v>1217</v>
      </c>
      <c r="B6087" s="2">
        <v>1217</v>
      </c>
      <c r="C6087" s="1" t="s">
        <v>0</v>
      </c>
      <c r="D6087" s="2">
        <v>158915</v>
      </c>
      <c r="E6087" s="1" t="s">
        <v>0</v>
      </c>
    </row>
    <row r="6088" spans="1:5" x14ac:dyDescent="0.25">
      <c r="A6088" s="1" t="s">
        <v>1132</v>
      </c>
      <c r="B6088" s="1" t="s">
        <v>6741</v>
      </c>
      <c r="C6088" s="1" t="s">
        <v>21622</v>
      </c>
      <c r="D6088" s="2">
        <v>158916</v>
      </c>
      <c r="E6088" s="1" t="s">
        <v>0</v>
      </c>
    </row>
    <row r="6089" spans="1:5" x14ac:dyDescent="0.25">
      <c r="A6089" s="1" t="s">
        <v>21623</v>
      </c>
      <c r="B6089" s="1" t="s">
        <v>52409</v>
      </c>
      <c r="C6089" s="1" t="s">
        <v>21624</v>
      </c>
      <c r="D6089" s="2">
        <v>158917</v>
      </c>
      <c r="E6089" s="1" t="s">
        <v>0</v>
      </c>
    </row>
    <row r="6090" spans="1:5" ht="409.5" x14ac:dyDescent="0.25">
      <c r="A6090" s="4" t="s">
        <v>21625</v>
      </c>
      <c r="B6090" s="1" t="s">
        <v>52410</v>
      </c>
      <c r="C6090" s="1" t="s">
        <v>21626</v>
      </c>
      <c r="D6090" s="2">
        <v>158918</v>
      </c>
      <c r="E6090" s="1" t="s">
        <v>0</v>
      </c>
    </row>
    <row r="6091" spans="1:5" x14ac:dyDescent="0.25">
      <c r="A6091" s="1" t="s">
        <v>21627</v>
      </c>
      <c r="B6091" s="1" t="s">
        <v>52411</v>
      </c>
      <c r="C6091" s="1" t="s">
        <v>21628</v>
      </c>
      <c r="D6091" s="2">
        <v>158919</v>
      </c>
      <c r="E6091" s="1" t="s">
        <v>0</v>
      </c>
    </row>
    <row r="6092" spans="1:5" x14ac:dyDescent="0.25">
      <c r="A6092" s="2">
        <v>1218</v>
      </c>
      <c r="B6092" s="2">
        <v>1218</v>
      </c>
      <c r="C6092" s="1" t="s">
        <v>0</v>
      </c>
      <c r="D6092" s="2">
        <v>158920</v>
      </c>
      <c r="E6092" s="1" t="s">
        <v>0</v>
      </c>
    </row>
    <row r="6093" spans="1:5" x14ac:dyDescent="0.25">
      <c r="A6093" s="1" t="s">
        <v>1133</v>
      </c>
      <c r="B6093" s="1" t="s">
        <v>6742</v>
      </c>
      <c r="C6093" s="1" t="s">
        <v>21629</v>
      </c>
      <c r="D6093" s="2">
        <v>158921</v>
      </c>
      <c r="E6093" s="1" t="s">
        <v>0</v>
      </c>
    </row>
    <row r="6094" spans="1:5" x14ac:dyDescent="0.25">
      <c r="A6094" s="1" t="s">
        <v>21630</v>
      </c>
      <c r="B6094" s="1" t="s">
        <v>59856</v>
      </c>
      <c r="C6094" s="1" t="s">
        <v>21631</v>
      </c>
      <c r="D6094" s="2">
        <v>158922</v>
      </c>
      <c r="E6094" s="1" t="s">
        <v>0</v>
      </c>
    </row>
    <row r="6095" spans="1:5" ht="409.5" x14ac:dyDescent="0.25">
      <c r="A6095" s="4" t="s">
        <v>21632</v>
      </c>
      <c r="B6095" s="1" t="s">
        <v>62210</v>
      </c>
      <c r="C6095" s="1" t="s">
        <v>21633</v>
      </c>
      <c r="D6095" s="2">
        <v>158923</v>
      </c>
      <c r="E6095" s="1" t="s">
        <v>0</v>
      </c>
    </row>
    <row r="6096" spans="1:5" x14ac:dyDescent="0.25">
      <c r="A6096" s="1" t="s">
        <v>21634</v>
      </c>
      <c r="B6096" s="1" t="s">
        <v>52412</v>
      </c>
      <c r="C6096" s="1" t="s">
        <v>21635</v>
      </c>
      <c r="D6096" s="2">
        <v>158924</v>
      </c>
      <c r="E6096" s="1" t="s">
        <v>0</v>
      </c>
    </row>
    <row r="6097" spans="1:5" x14ac:dyDescent="0.25">
      <c r="A6097" s="2">
        <v>1219</v>
      </c>
      <c r="B6097" s="2">
        <v>1219</v>
      </c>
      <c r="C6097" s="1" t="s">
        <v>0</v>
      </c>
      <c r="D6097" s="2">
        <v>158925</v>
      </c>
      <c r="E6097" s="1" t="s">
        <v>0</v>
      </c>
    </row>
    <row r="6098" spans="1:5" x14ac:dyDescent="0.25">
      <c r="A6098" s="1" t="s">
        <v>1134</v>
      </c>
      <c r="B6098" s="1" t="s">
        <v>6743</v>
      </c>
      <c r="C6098" s="1" t="s">
        <v>21636</v>
      </c>
      <c r="D6098" s="2">
        <v>158926</v>
      </c>
      <c r="E6098" s="1" t="s">
        <v>0</v>
      </c>
    </row>
    <row r="6099" spans="1:5" x14ac:dyDescent="0.25">
      <c r="A6099" s="1" t="s">
        <v>21637</v>
      </c>
      <c r="B6099" s="1" t="s">
        <v>60713</v>
      </c>
      <c r="C6099" s="1" t="s">
        <v>21638</v>
      </c>
      <c r="D6099" s="2">
        <v>158927</v>
      </c>
      <c r="E6099" s="1" t="s">
        <v>0</v>
      </c>
    </row>
    <row r="6100" spans="1:5" ht="409.5" x14ac:dyDescent="0.25">
      <c r="A6100" s="4" t="s">
        <v>21639</v>
      </c>
      <c r="B6100" s="1" t="s">
        <v>60714</v>
      </c>
      <c r="C6100" s="1" t="s">
        <v>21640</v>
      </c>
      <c r="D6100" s="2">
        <v>158928</v>
      </c>
      <c r="E6100" s="1" t="s">
        <v>0</v>
      </c>
    </row>
    <row r="6101" spans="1:5" x14ac:dyDescent="0.25">
      <c r="A6101" s="1" t="s">
        <v>21641</v>
      </c>
      <c r="B6101" s="1" t="s">
        <v>52413</v>
      </c>
      <c r="C6101" s="1" t="s">
        <v>21642</v>
      </c>
      <c r="D6101" s="2">
        <v>158929</v>
      </c>
      <c r="E6101" s="1" t="s">
        <v>0</v>
      </c>
    </row>
    <row r="6102" spans="1:5" x14ac:dyDescent="0.25">
      <c r="A6102" s="2">
        <v>1220</v>
      </c>
      <c r="B6102" s="2">
        <v>1220</v>
      </c>
      <c r="C6102" s="1" t="s">
        <v>0</v>
      </c>
      <c r="D6102" s="2">
        <v>158930</v>
      </c>
      <c r="E6102" s="1" t="s">
        <v>0</v>
      </c>
    </row>
    <row r="6103" spans="1:5" x14ac:dyDescent="0.25">
      <c r="A6103" s="1" t="s">
        <v>1135</v>
      </c>
      <c r="B6103" s="1" t="s">
        <v>52414</v>
      </c>
      <c r="C6103" s="1" t="s">
        <v>21643</v>
      </c>
      <c r="D6103" s="2">
        <v>158931</v>
      </c>
      <c r="E6103" s="1" t="s">
        <v>0</v>
      </c>
    </row>
    <row r="6104" spans="1:5" x14ac:dyDescent="0.25">
      <c r="A6104" s="1" t="s">
        <v>21644</v>
      </c>
      <c r="B6104" s="1" t="s">
        <v>52415</v>
      </c>
      <c r="C6104" s="1" t="s">
        <v>21645</v>
      </c>
      <c r="D6104" s="2">
        <v>158932</v>
      </c>
      <c r="E6104" s="1" t="s">
        <v>0</v>
      </c>
    </row>
    <row r="6105" spans="1:5" ht="409.5" x14ac:dyDescent="0.25">
      <c r="A6105" s="4" t="s">
        <v>21646</v>
      </c>
      <c r="B6105" s="1" t="s">
        <v>59857</v>
      </c>
      <c r="C6105" s="1" t="s">
        <v>21647</v>
      </c>
      <c r="D6105" s="2">
        <v>158933</v>
      </c>
      <c r="E6105" s="1" t="s">
        <v>0</v>
      </c>
    </row>
    <row r="6106" spans="1:5" x14ac:dyDescent="0.25">
      <c r="A6106" s="1" t="s">
        <v>21648</v>
      </c>
      <c r="B6106" s="1" t="s">
        <v>52416</v>
      </c>
      <c r="C6106" s="1" t="s">
        <v>21649</v>
      </c>
      <c r="D6106" s="2">
        <v>158934</v>
      </c>
      <c r="E6106" s="1" t="s">
        <v>0</v>
      </c>
    </row>
    <row r="6107" spans="1:5" x14ac:dyDescent="0.25">
      <c r="A6107" s="2">
        <v>1221</v>
      </c>
      <c r="B6107" s="2">
        <v>1221</v>
      </c>
      <c r="C6107" s="1" t="s">
        <v>0</v>
      </c>
      <c r="D6107" s="2">
        <v>158935</v>
      </c>
      <c r="E6107" s="1" t="s">
        <v>0</v>
      </c>
    </row>
    <row r="6108" spans="1:5" x14ac:dyDescent="0.25">
      <c r="A6108" s="1" t="s">
        <v>13035</v>
      </c>
      <c r="B6108" s="1" t="s">
        <v>6744</v>
      </c>
      <c r="C6108" s="1" t="s">
        <v>21650</v>
      </c>
      <c r="D6108" s="2">
        <v>158936</v>
      </c>
      <c r="E6108" s="1" t="s">
        <v>0</v>
      </c>
    </row>
    <row r="6109" spans="1:5" x14ac:dyDescent="0.25">
      <c r="A6109" s="1" t="s">
        <v>21651</v>
      </c>
      <c r="B6109" s="1" t="s">
        <v>6745</v>
      </c>
      <c r="C6109" s="1" t="s">
        <v>21652</v>
      </c>
      <c r="D6109" s="2">
        <v>158937</v>
      </c>
      <c r="E6109" s="1" t="s">
        <v>0</v>
      </c>
    </row>
    <row r="6110" spans="1:5" ht="409.5" x14ac:dyDescent="0.25">
      <c r="A6110" s="4" t="s">
        <v>21653</v>
      </c>
      <c r="B6110" s="1" t="s">
        <v>56724</v>
      </c>
      <c r="C6110" s="1" t="s">
        <v>21654</v>
      </c>
      <c r="D6110" s="2">
        <v>158938</v>
      </c>
      <c r="E6110" s="1" t="s">
        <v>0</v>
      </c>
    </row>
    <row r="6111" spans="1:5" x14ac:dyDescent="0.25">
      <c r="A6111" s="1" t="s">
        <v>21655</v>
      </c>
      <c r="B6111" s="1" t="s">
        <v>6746</v>
      </c>
      <c r="C6111" s="1" t="s">
        <v>21656</v>
      </c>
      <c r="D6111" s="2">
        <v>158939</v>
      </c>
      <c r="E6111" s="1" t="s">
        <v>0</v>
      </c>
    </row>
    <row r="6112" spans="1:5" x14ac:dyDescent="0.25">
      <c r="A6112" s="2">
        <v>1222</v>
      </c>
      <c r="B6112" s="2">
        <v>1222</v>
      </c>
      <c r="C6112" s="1" t="s">
        <v>0</v>
      </c>
      <c r="D6112" s="2">
        <v>158940</v>
      </c>
      <c r="E6112" s="1" t="s">
        <v>0</v>
      </c>
    </row>
    <row r="6113" spans="1:5" x14ac:dyDescent="0.25">
      <c r="A6113" s="1" t="s">
        <v>1136</v>
      </c>
      <c r="B6113" s="1" t="s">
        <v>6747</v>
      </c>
      <c r="C6113" s="1" t="s">
        <v>21657</v>
      </c>
      <c r="D6113" s="2">
        <v>158941</v>
      </c>
      <c r="E6113" s="1" t="s">
        <v>0</v>
      </c>
    </row>
    <row r="6114" spans="1:5" x14ac:dyDescent="0.25">
      <c r="A6114" s="1" t="s">
        <v>21658</v>
      </c>
      <c r="B6114" s="1" t="s">
        <v>58258</v>
      </c>
      <c r="C6114" s="1" t="s">
        <v>21659</v>
      </c>
      <c r="D6114" s="2">
        <v>158942</v>
      </c>
      <c r="E6114" s="1" t="s">
        <v>0</v>
      </c>
    </row>
    <row r="6115" spans="1:5" ht="409.5" x14ac:dyDescent="0.25">
      <c r="A6115" s="4" t="s">
        <v>21660</v>
      </c>
      <c r="B6115" s="1" t="s">
        <v>62211</v>
      </c>
      <c r="C6115" s="1" t="s">
        <v>21661</v>
      </c>
      <c r="D6115" s="2">
        <v>158943</v>
      </c>
      <c r="E6115" s="1" t="s">
        <v>0</v>
      </c>
    </row>
    <row r="6116" spans="1:5" x14ac:dyDescent="0.25">
      <c r="A6116" s="1" t="s">
        <v>21662</v>
      </c>
      <c r="B6116" s="1" t="s">
        <v>6748</v>
      </c>
      <c r="C6116" s="1" t="s">
        <v>21663</v>
      </c>
      <c r="D6116" s="2">
        <v>158944</v>
      </c>
      <c r="E6116" s="1" t="s">
        <v>0</v>
      </c>
    </row>
    <row r="6117" spans="1:5" x14ac:dyDescent="0.25">
      <c r="A6117" s="2">
        <v>1223</v>
      </c>
      <c r="B6117" s="2">
        <v>1223</v>
      </c>
      <c r="C6117" s="1" t="s">
        <v>0</v>
      </c>
      <c r="D6117" s="2">
        <v>158945</v>
      </c>
      <c r="E6117" s="1" t="s">
        <v>0</v>
      </c>
    </row>
    <row r="6118" spans="1:5" x14ac:dyDescent="0.25">
      <c r="A6118" s="1" t="s">
        <v>1137</v>
      </c>
      <c r="B6118" s="1" t="s">
        <v>6749</v>
      </c>
      <c r="C6118" s="1" t="s">
        <v>21664</v>
      </c>
      <c r="D6118" s="2">
        <v>158946</v>
      </c>
      <c r="E6118" s="1" t="s">
        <v>0</v>
      </c>
    </row>
    <row r="6119" spans="1:5" x14ac:dyDescent="0.25">
      <c r="A6119" s="1" t="s">
        <v>21665</v>
      </c>
      <c r="B6119" s="1" t="s">
        <v>52417</v>
      </c>
      <c r="C6119" s="1" t="s">
        <v>21666</v>
      </c>
      <c r="D6119" s="2">
        <v>158947</v>
      </c>
      <c r="E6119" s="1" t="s">
        <v>0</v>
      </c>
    </row>
    <row r="6120" spans="1:5" ht="409.5" x14ac:dyDescent="0.25">
      <c r="A6120" s="4" t="s">
        <v>21667</v>
      </c>
      <c r="B6120" s="1" t="s">
        <v>52418</v>
      </c>
      <c r="C6120" s="1" t="s">
        <v>21668</v>
      </c>
      <c r="D6120" s="2">
        <v>158948</v>
      </c>
      <c r="E6120" s="1" t="s">
        <v>0</v>
      </c>
    </row>
    <row r="6121" spans="1:5" x14ac:dyDescent="0.25">
      <c r="A6121" s="1" t="s">
        <v>21669</v>
      </c>
      <c r="B6121" s="1" t="s">
        <v>6750</v>
      </c>
      <c r="C6121" s="1" t="s">
        <v>21670</v>
      </c>
      <c r="D6121" s="2">
        <v>158949</v>
      </c>
      <c r="E6121" s="1" t="s">
        <v>0</v>
      </c>
    </row>
    <row r="6122" spans="1:5" x14ac:dyDescent="0.25">
      <c r="A6122" s="2">
        <v>1224</v>
      </c>
      <c r="B6122" s="2">
        <v>1224</v>
      </c>
      <c r="C6122" s="1" t="s">
        <v>0</v>
      </c>
      <c r="D6122" s="2">
        <v>158950</v>
      </c>
      <c r="E6122" s="1" t="s">
        <v>0</v>
      </c>
    </row>
    <row r="6123" spans="1:5" x14ac:dyDescent="0.25">
      <c r="A6123" s="1" t="s">
        <v>1138</v>
      </c>
      <c r="B6123" s="1" t="s">
        <v>58259</v>
      </c>
      <c r="C6123" s="1" t="s">
        <v>21671</v>
      </c>
      <c r="D6123" s="2">
        <v>158951</v>
      </c>
      <c r="E6123" s="1" t="s">
        <v>0</v>
      </c>
    </row>
    <row r="6124" spans="1:5" x14ac:dyDescent="0.25">
      <c r="A6124" s="1" t="s">
        <v>21672</v>
      </c>
      <c r="B6124" s="1" t="s">
        <v>6751</v>
      </c>
      <c r="C6124" s="1" t="s">
        <v>21673</v>
      </c>
      <c r="D6124" s="2">
        <v>158952</v>
      </c>
      <c r="E6124" s="1" t="s">
        <v>0</v>
      </c>
    </row>
    <row r="6125" spans="1:5" ht="409.5" x14ac:dyDescent="0.25">
      <c r="A6125" s="4" t="s">
        <v>21674</v>
      </c>
      <c r="B6125" s="1" t="s">
        <v>62212</v>
      </c>
      <c r="C6125" s="1" t="s">
        <v>21675</v>
      </c>
      <c r="D6125" s="2">
        <v>158953</v>
      </c>
      <c r="E6125" s="1" t="s">
        <v>0</v>
      </c>
    </row>
    <row r="6126" spans="1:5" x14ac:dyDescent="0.25">
      <c r="A6126" s="1" t="s">
        <v>21676</v>
      </c>
      <c r="B6126" s="1" t="s">
        <v>52419</v>
      </c>
      <c r="C6126" s="1" t="s">
        <v>21677</v>
      </c>
      <c r="D6126" s="2">
        <v>158954</v>
      </c>
      <c r="E6126" s="1" t="s">
        <v>0</v>
      </c>
    </row>
    <row r="6127" spans="1:5" x14ac:dyDescent="0.25">
      <c r="A6127" s="2">
        <v>1225</v>
      </c>
      <c r="B6127" s="2">
        <v>1225</v>
      </c>
      <c r="C6127" s="1" t="s">
        <v>0</v>
      </c>
      <c r="D6127" s="2">
        <v>158955</v>
      </c>
      <c r="E6127" s="1" t="s">
        <v>0</v>
      </c>
    </row>
    <row r="6128" spans="1:5" x14ac:dyDescent="0.25">
      <c r="A6128" s="1" t="s">
        <v>1139</v>
      </c>
      <c r="B6128" s="1" t="s">
        <v>59858</v>
      </c>
      <c r="C6128" s="1" t="s">
        <v>21678</v>
      </c>
      <c r="D6128" s="2">
        <v>158956</v>
      </c>
      <c r="E6128" s="1" t="s">
        <v>0</v>
      </c>
    </row>
    <row r="6129" spans="1:5" x14ac:dyDescent="0.25">
      <c r="A6129" s="1" t="s">
        <v>21679</v>
      </c>
      <c r="B6129" s="1" t="s">
        <v>62213</v>
      </c>
      <c r="C6129" s="1" t="s">
        <v>21680</v>
      </c>
      <c r="D6129" s="2">
        <v>158957</v>
      </c>
      <c r="E6129" s="1" t="s">
        <v>0</v>
      </c>
    </row>
    <row r="6130" spans="1:5" ht="409.5" x14ac:dyDescent="0.25">
      <c r="A6130" s="4" t="s">
        <v>21681</v>
      </c>
      <c r="B6130" s="1" t="s">
        <v>62214</v>
      </c>
      <c r="C6130" s="1" t="s">
        <v>21682</v>
      </c>
      <c r="D6130" s="2">
        <v>158958</v>
      </c>
      <c r="E6130" s="1" t="s">
        <v>0</v>
      </c>
    </row>
    <row r="6131" spans="1:5" x14ac:dyDescent="0.25">
      <c r="A6131" s="1" t="s">
        <v>21683</v>
      </c>
      <c r="B6131" s="1" t="s">
        <v>58260</v>
      </c>
      <c r="C6131" s="1" t="s">
        <v>21684</v>
      </c>
      <c r="D6131" s="2">
        <v>158959</v>
      </c>
      <c r="E6131" s="1" t="s">
        <v>0</v>
      </c>
    </row>
    <row r="6132" spans="1:5" x14ac:dyDescent="0.25">
      <c r="A6132" s="2">
        <v>1226</v>
      </c>
      <c r="B6132" s="2">
        <v>1226</v>
      </c>
      <c r="C6132" s="1" t="s">
        <v>0</v>
      </c>
      <c r="D6132" s="2">
        <v>158960</v>
      </c>
      <c r="E6132" s="1" t="s">
        <v>0</v>
      </c>
    </row>
    <row r="6133" spans="1:5" x14ac:dyDescent="0.25">
      <c r="A6133" s="1" t="s">
        <v>1140</v>
      </c>
      <c r="B6133" s="1" t="s">
        <v>6752</v>
      </c>
      <c r="C6133" s="1" t="s">
        <v>21685</v>
      </c>
      <c r="D6133" s="2">
        <v>158961</v>
      </c>
      <c r="E6133" s="1" t="s">
        <v>0</v>
      </c>
    </row>
    <row r="6134" spans="1:5" x14ac:dyDescent="0.25">
      <c r="A6134" s="1" t="s">
        <v>21686</v>
      </c>
      <c r="B6134" s="1" t="s">
        <v>6753</v>
      </c>
      <c r="C6134" s="1" t="s">
        <v>21687</v>
      </c>
      <c r="D6134" s="2">
        <v>158962</v>
      </c>
      <c r="E6134" s="1" t="s">
        <v>0</v>
      </c>
    </row>
    <row r="6135" spans="1:5" ht="409.5" x14ac:dyDescent="0.25">
      <c r="A6135" s="4" t="s">
        <v>21688</v>
      </c>
      <c r="B6135" s="1" t="s">
        <v>6754</v>
      </c>
      <c r="C6135" s="1" t="s">
        <v>21689</v>
      </c>
      <c r="D6135" s="2">
        <v>158963</v>
      </c>
      <c r="E6135" s="1" t="s">
        <v>0</v>
      </c>
    </row>
    <row r="6136" spans="1:5" x14ac:dyDescent="0.25">
      <c r="A6136" s="1" t="s">
        <v>21690</v>
      </c>
      <c r="B6136" s="1" t="s">
        <v>52420</v>
      </c>
      <c r="C6136" s="1" t="s">
        <v>21691</v>
      </c>
      <c r="D6136" s="2">
        <v>158964</v>
      </c>
      <c r="E6136" s="1" t="s">
        <v>0</v>
      </c>
    </row>
    <row r="6137" spans="1:5" x14ac:dyDescent="0.25">
      <c r="A6137" s="2">
        <v>1227</v>
      </c>
      <c r="B6137" s="2">
        <v>1227</v>
      </c>
      <c r="C6137" s="1" t="s">
        <v>0</v>
      </c>
      <c r="D6137" s="2">
        <v>158965</v>
      </c>
      <c r="E6137" s="1" t="s">
        <v>0</v>
      </c>
    </row>
    <row r="6138" spans="1:5" x14ac:dyDescent="0.25">
      <c r="A6138" s="1" t="s">
        <v>1141</v>
      </c>
      <c r="B6138" s="1" t="s">
        <v>6755</v>
      </c>
      <c r="C6138" s="1" t="s">
        <v>21692</v>
      </c>
      <c r="D6138" s="2">
        <v>158966</v>
      </c>
      <c r="E6138" s="1" t="s">
        <v>0</v>
      </c>
    </row>
    <row r="6139" spans="1:5" x14ac:dyDescent="0.25">
      <c r="A6139" s="1" t="s">
        <v>21693</v>
      </c>
      <c r="B6139" s="1" t="s">
        <v>6756</v>
      </c>
      <c r="C6139" s="1" t="s">
        <v>21694</v>
      </c>
      <c r="D6139" s="2">
        <v>158967</v>
      </c>
      <c r="E6139" s="1" t="s">
        <v>0</v>
      </c>
    </row>
    <row r="6140" spans="1:5" ht="409.5" x14ac:dyDescent="0.25">
      <c r="A6140" s="4" t="s">
        <v>64054</v>
      </c>
      <c r="B6140" s="1" t="s">
        <v>64055</v>
      </c>
      <c r="C6140" s="1" t="s">
        <v>21695</v>
      </c>
      <c r="D6140" s="2">
        <v>158968</v>
      </c>
      <c r="E6140" s="1" t="s">
        <v>0</v>
      </c>
    </row>
    <row r="6141" spans="1:5" x14ac:dyDescent="0.25">
      <c r="A6141" s="1" t="s">
        <v>21696</v>
      </c>
      <c r="B6141" s="1" t="s">
        <v>6757</v>
      </c>
      <c r="C6141" s="1" t="s">
        <v>21697</v>
      </c>
      <c r="D6141" s="2">
        <v>158969</v>
      </c>
      <c r="E6141" s="1" t="s">
        <v>0</v>
      </c>
    </row>
    <row r="6142" spans="1:5" x14ac:dyDescent="0.25">
      <c r="A6142" s="2">
        <v>1228</v>
      </c>
      <c r="B6142" s="2">
        <v>1228</v>
      </c>
      <c r="C6142" s="1" t="s">
        <v>0</v>
      </c>
      <c r="D6142" s="2">
        <v>158970</v>
      </c>
      <c r="E6142" s="1" t="s">
        <v>0</v>
      </c>
    </row>
    <row r="6143" spans="1:5" x14ac:dyDescent="0.25">
      <c r="A6143" s="1" t="s">
        <v>1142</v>
      </c>
      <c r="B6143" s="1" t="s">
        <v>6758</v>
      </c>
      <c r="C6143" s="1" t="s">
        <v>21698</v>
      </c>
      <c r="D6143" s="2">
        <v>158971</v>
      </c>
      <c r="E6143" s="1" t="s">
        <v>0</v>
      </c>
    </row>
    <row r="6144" spans="1:5" x14ac:dyDescent="0.25">
      <c r="A6144" s="1" t="s">
        <v>21699</v>
      </c>
      <c r="B6144" s="1" t="s">
        <v>52421</v>
      </c>
      <c r="C6144" s="1" t="s">
        <v>21700</v>
      </c>
      <c r="D6144" s="2">
        <v>158972</v>
      </c>
      <c r="E6144" s="1" t="s">
        <v>0</v>
      </c>
    </row>
    <row r="6145" spans="1:5" ht="409.5" x14ac:dyDescent="0.25">
      <c r="A6145" s="4" t="s">
        <v>21701</v>
      </c>
      <c r="B6145" s="1" t="s">
        <v>60577</v>
      </c>
      <c r="C6145" s="1" t="s">
        <v>21702</v>
      </c>
      <c r="D6145" s="2">
        <v>158973</v>
      </c>
      <c r="E6145" s="1" t="s">
        <v>0</v>
      </c>
    </row>
    <row r="6146" spans="1:5" x14ac:dyDescent="0.25">
      <c r="A6146" s="1" t="s">
        <v>21703</v>
      </c>
      <c r="B6146" s="1" t="s">
        <v>52422</v>
      </c>
      <c r="C6146" s="1" t="s">
        <v>21704</v>
      </c>
      <c r="D6146" s="2">
        <v>158974</v>
      </c>
      <c r="E6146" s="1" t="s">
        <v>0</v>
      </c>
    </row>
    <row r="6147" spans="1:5" x14ac:dyDescent="0.25">
      <c r="A6147" s="2">
        <v>1229</v>
      </c>
      <c r="B6147" s="2">
        <v>1229</v>
      </c>
      <c r="C6147" s="1" t="s">
        <v>0</v>
      </c>
      <c r="D6147" s="2">
        <v>158975</v>
      </c>
      <c r="E6147" s="1" t="s">
        <v>0</v>
      </c>
    </row>
    <row r="6148" spans="1:5" x14ac:dyDescent="0.25">
      <c r="A6148" s="1" t="s">
        <v>1143</v>
      </c>
      <c r="B6148" s="1" t="s">
        <v>50539</v>
      </c>
      <c r="C6148" s="1" t="s">
        <v>21705</v>
      </c>
      <c r="D6148" s="2">
        <v>158976</v>
      </c>
      <c r="E6148" s="1" t="s">
        <v>0</v>
      </c>
    </row>
    <row r="6149" spans="1:5" x14ac:dyDescent="0.25">
      <c r="A6149" s="1" t="s">
        <v>21706</v>
      </c>
      <c r="B6149" s="1" t="s">
        <v>57438</v>
      </c>
      <c r="C6149" s="1" t="s">
        <v>21707</v>
      </c>
      <c r="D6149" s="2">
        <v>158977</v>
      </c>
      <c r="E6149" s="1" t="s">
        <v>0</v>
      </c>
    </row>
    <row r="6150" spans="1:5" ht="409.5" x14ac:dyDescent="0.25">
      <c r="A6150" s="4" t="s">
        <v>21708</v>
      </c>
      <c r="B6150" s="1" t="s">
        <v>57439</v>
      </c>
      <c r="C6150" s="1" t="s">
        <v>21709</v>
      </c>
      <c r="D6150" s="2">
        <v>158978</v>
      </c>
      <c r="E6150" s="1" t="s">
        <v>0</v>
      </c>
    </row>
    <row r="6151" spans="1:5" x14ac:dyDescent="0.25">
      <c r="A6151" s="1" t="s">
        <v>21710</v>
      </c>
      <c r="B6151" s="1" t="s">
        <v>52423</v>
      </c>
      <c r="C6151" s="1" t="s">
        <v>21711</v>
      </c>
      <c r="D6151" s="2">
        <v>158979</v>
      </c>
      <c r="E6151" s="1" t="s">
        <v>0</v>
      </c>
    </row>
    <row r="6152" spans="1:5" x14ac:dyDescent="0.25">
      <c r="A6152" s="2">
        <v>1230</v>
      </c>
      <c r="B6152" s="2">
        <v>1230</v>
      </c>
      <c r="C6152" s="1" t="s">
        <v>0</v>
      </c>
      <c r="D6152" s="2">
        <v>158980</v>
      </c>
      <c r="E6152" s="1" t="s">
        <v>0</v>
      </c>
    </row>
    <row r="6153" spans="1:5" x14ac:dyDescent="0.25">
      <c r="A6153" s="1" t="s">
        <v>1144</v>
      </c>
      <c r="B6153" s="1" t="s">
        <v>6759</v>
      </c>
      <c r="C6153" s="1" t="s">
        <v>21712</v>
      </c>
      <c r="D6153" s="2">
        <v>158981</v>
      </c>
      <c r="E6153" s="1" t="s">
        <v>0</v>
      </c>
    </row>
    <row r="6154" spans="1:5" x14ac:dyDescent="0.25">
      <c r="A6154" s="1" t="s">
        <v>21713</v>
      </c>
      <c r="B6154" s="1" t="s">
        <v>52424</v>
      </c>
      <c r="C6154" s="1" t="s">
        <v>21714</v>
      </c>
      <c r="D6154" s="2">
        <v>158982</v>
      </c>
      <c r="E6154" s="1" t="s">
        <v>0</v>
      </c>
    </row>
    <row r="6155" spans="1:5" ht="409.5" x14ac:dyDescent="0.25">
      <c r="A6155" s="4" t="s">
        <v>21715</v>
      </c>
      <c r="B6155" s="1" t="s">
        <v>52425</v>
      </c>
      <c r="C6155" s="1" t="s">
        <v>21716</v>
      </c>
      <c r="D6155" s="2">
        <v>158983</v>
      </c>
      <c r="E6155" s="1" t="s">
        <v>0</v>
      </c>
    </row>
    <row r="6156" spans="1:5" x14ac:dyDescent="0.25">
      <c r="A6156" s="1" t="s">
        <v>15303</v>
      </c>
      <c r="B6156" s="1" t="s">
        <v>60888</v>
      </c>
      <c r="C6156" s="1" t="s">
        <v>15304</v>
      </c>
      <c r="D6156" s="2">
        <v>158984</v>
      </c>
      <c r="E6156" s="1" t="s">
        <v>0</v>
      </c>
    </row>
    <row r="6157" spans="1:5" x14ac:dyDescent="0.25">
      <c r="A6157" s="2">
        <v>1231</v>
      </c>
      <c r="B6157" s="2">
        <v>1231</v>
      </c>
      <c r="C6157" s="1" t="s">
        <v>0</v>
      </c>
      <c r="D6157" s="2">
        <v>158985</v>
      </c>
      <c r="E6157" s="1" t="s">
        <v>0</v>
      </c>
    </row>
    <row r="6158" spans="1:5" x14ac:dyDescent="0.25">
      <c r="A6158" s="1" t="s">
        <v>1145</v>
      </c>
      <c r="B6158" s="1" t="s">
        <v>6760</v>
      </c>
      <c r="C6158" s="1" t="s">
        <v>21717</v>
      </c>
      <c r="D6158" s="2">
        <v>158986</v>
      </c>
      <c r="E6158" s="1" t="s">
        <v>0</v>
      </c>
    </row>
    <row r="6159" spans="1:5" x14ac:dyDescent="0.25">
      <c r="A6159" s="1" t="s">
        <v>21718</v>
      </c>
      <c r="B6159" s="1" t="s">
        <v>6761</v>
      </c>
      <c r="C6159" s="1" t="s">
        <v>21719</v>
      </c>
      <c r="D6159" s="2">
        <v>158987</v>
      </c>
      <c r="E6159" s="1" t="s">
        <v>0</v>
      </c>
    </row>
    <row r="6160" spans="1:5" ht="409.5" x14ac:dyDescent="0.25">
      <c r="A6160" s="4" t="s">
        <v>21720</v>
      </c>
      <c r="B6160" s="1" t="s">
        <v>59859</v>
      </c>
      <c r="C6160" s="1" t="s">
        <v>21721</v>
      </c>
      <c r="D6160" s="2">
        <v>158988</v>
      </c>
      <c r="E6160" s="1" t="s">
        <v>0</v>
      </c>
    </row>
    <row r="6161" spans="1:5" x14ac:dyDescent="0.25">
      <c r="A6161" s="1" t="s">
        <v>21722</v>
      </c>
      <c r="B6161" s="1" t="s">
        <v>52426</v>
      </c>
      <c r="C6161" s="1" t="s">
        <v>21723</v>
      </c>
      <c r="D6161" s="2">
        <v>158989</v>
      </c>
      <c r="E6161" s="1" t="s">
        <v>0</v>
      </c>
    </row>
    <row r="6162" spans="1:5" x14ac:dyDescent="0.25">
      <c r="A6162" s="2">
        <v>1232</v>
      </c>
      <c r="B6162" s="2">
        <v>1232</v>
      </c>
      <c r="C6162" s="1" t="s">
        <v>0</v>
      </c>
      <c r="D6162" s="2">
        <v>158990</v>
      </c>
      <c r="E6162" s="1" t="s">
        <v>0</v>
      </c>
    </row>
    <row r="6163" spans="1:5" x14ac:dyDescent="0.25">
      <c r="A6163" s="1" t="s">
        <v>1146</v>
      </c>
      <c r="B6163" s="1" t="s">
        <v>6762</v>
      </c>
      <c r="C6163" s="1" t="s">
        <v>21724</v>
      </c>
      <c r="D6163" s="2">
        <v>158991</v>
      </c>
      <c r="E6163" s="1" t="s">
        <v>0</v>
      </c>
    </row>
    <row r="6164" spans="1:5" x14ac:dyDescent="0.25">
      <c r="A6164" s="1" t="s">
        <v>21725</v>
      </c>
      <c r="B6164" s="1" t="s">
        <v>6763</v>
      </c>
      <c r="C6164" s="1" t="s">
        <v>21726</v>
      </c>
      <c r="D6164" s="2">
        <v>158992</v>
      </c>
      <c r="E6164" s="1" t="s">
        <v>0</v>
      </c>
    </row>
    <row r="6165" spans="1:5" ht="409.5" x14ac:dyDescent="0.25">
      <c r="A6165" s="4" t="s">
        <v>21727</v>
      </c>
      <c r="B6165" s="1" t="s">
        <v>52427</v>
      </c>
      <c r="C6165" s="1" t="s">
        <v>21728</v>
      </c>
      <c r="D6165" s="2">
        <v>158993</v>
      </c>
      <c r="E6165" s="1" t="s">
        <v>0</v>
      </c>
    </row>
    <row r="6166" spans="1:5" x14ac:dyDescent="0.25">
      <c r="A6166" s="1" t="s">
        <v>21729</v>
      </c>
      <c r="B6166" s="1" t="s">
        <v>21730</v>
      </c>
      <c r="C6166" s="1" t="s">
        <v>21731</v>
      </c>
      <c r="D6166" s="2">
        <v>158994</v>
      </c>
      <c r="E6166" s="1" t="s">
        <v>0</v>
      </c>
    </row>
    <row r="6167" spans="1:5" x14ac:dyDescent="0.25">
      <c r="A6167" s="2">
        <v>1233</v>
      </c>
      <c r="B6167" s="2">
        <v>1233</v>
      </c>
      <c r="C6167" s="1" t="s">
        <v>0</v>
      </c>
      <c r="D6167" s="2">
        <v>158995</v>
      </c>
      <c r="E6167" s="1" t="s">
        <v>0</v>
      </c>
    </row>
    <row r="6168" spans="1:5" x14ac:dyDescent="0.25">
      <c r="A6168" s="1" t="s">
        <v>1147</v>
      </c>
      <c r="B6168" s="1" t="s">
        <v>6764</v>
      </c>
      <c r="C6168" s="1" t="s">
        <v>21732</v>
      </c>
      <c r="D6168" s="2">
        <v>158996</v>
      </c>
      <c r="E6168" s="1" t="s">
        <v>0</v>
      </c>
    </row>
    <row r="6169" spans="1:5" x14ac:dyDescent="0.25">
      <c r="A6169" s="1" t="s">
        <v>21733</v>
      </c>
      <c r="B6169" s="1" t="s">
        <v>52428</v>
      </c>
      <c r="C6169" s="1" t="s">
        <v>21734</v>
      </c>
      <c r="D6169" s="2">
        <v>158997</v>
      </c>
      <c r="E6169" s="1" t="s">
        <v>0</v>
      </c>
    </row>
    <row r="6170" spans="1:5" ht="409.5" x14ac:dyDescent="0.25">
      <c r="A6170" s="4" t="s">
        <v>21735</v>
      </c>
      <c r="B6170" s="1" t="s">
        <v>52429</v>
      </c>
      <c r="C6170" s="1" t="s">
        <v>21736</v>
      </c>
      <c r="D6170" s="2">
        <v>158998</v>
      </c>
      <c r="E6170" s="1" t="s">
        <v>0</v>
      </c>
    </row>
    <row r="6171" spans="1:5" x14ac:dyDescent="0.25">
      <c r="A6171" s="1" t="s">
        <v>21737</v>
      </c>
      <c r="B6171" s="1" t="s">
        <v>52430</v>
      </c>
      <c r="C6171" s="1" t="s">
        <v>21738</v>
      </c>
      <c r="D6171" s="2">
        <v>158999</v>
      </c>
      <c r="E6171" s="1" t="s">
        <v>0</v>
      </c>
    </row>
    <row r="6172" spans="1:5" x14ac:dyDescent="0.25">
      <c r="A6172" s="2">
        <v>1234</v>
      </c>
      <c r="B6172" s="2">
        <v>1234</v>
      </c>
      <c r="C6172" s="1" t="s">
        <v>0</v>
      </c>
      <c r="D6172" s="2">
        <v>159000</v>
      </c>
      <c r="E6172" s="1" t="s">
        <v>0</v>
      </c>
    </row>
    <row r="6173" spans="1:5" x14ac:dyDescent="0.25">
      <c r="A6173" s="1" t="s">
        <v>1148</v>
      </c>
      <c r="B6173" s="1" t="s">
        <v>57063</v>
      </c>
      <c r="C6173" s="1" t="s">
        <v>21739</v>
      </c>
      <c r="D6173" s="2">
        <v>159001</v>
      </c>
      <c r="E6173" s="1" t="s">
        <v>0</v>
      </c>
    </row>
    <row r="6174" spans="1:5" x14ac:dyDescent="0.25">
      <c r="A6174" s="1" t="s">
        <v>21740</v>
      </c>
      <c r="B6174" s="1" t="s">
        <v>62215</v>
      </c>
      <c r="C6174" s="1" t="s">
        <v>21741</v>
      </c>
      <c r="D6174" s="2">
        <v>159002</v>
      </c>
      <c r="E6174" s="1" t="s">
        <v>0</v>
      </c>
    </row>
    <row r="6175" spans="1:5" ht="409.5" x14ac:dyDescent="0.25">
      <c r="A6175" s="4" t="s">
        <v>21742</v>
      </c>
      <c r="B6175" s="1" t="s">
        <v>62216</v>
      </c>
      <c r="C6175" s="1" t="s">
        <v>21743</v>
      </c>
      <c r="D6175" s="2">
        <v>159003</v>
      </c>
      <c r="E6175" s="1" t="s">
        <v>0</v>
      </c>
    </row>
    <row r="6176" spans="1:5" x14ac:dyDescent="0.25">
      <c r="A6176" s="1" t="s">
        <v>21744</v>
      </c>
      <c r="B6176" s="1" t="s">
        <v>60993</v>
      </c>
      <c r="C6176" s="1" t="s">
        <v>21745</v>
      </c>
      <c r="D6176" s="2">
        <v>159004</v>
      </c>
      <c r="E6176" s="1" t="s">
        <v>0</v>
      </c>
    </row>
    <row r="6177" spans="1:5" x14ac:dyDescent="0.25">
      <c r="A6177" s="2">
        <v>1235</v>
      </c>
      <c r="B6177" s="2">
        <v>1235</v>
      </c>
      <c r="C6177" s="1" t="s">
        <v>0</v>
      </c>
      <c r="D6177" s="2">
        <v>159005</v>
      </c>
      <c r="E6177" s="1" t="s">
        <v>0</v>
      </c>
    </row>
    <row r="6178" spans="1:5" x14ac:dyDescent="0.25">
      <c r="A6178" s="1" t="s">
        <v>6765</v>
      </c>
      <c r="B6178" s="1" t="s">
        <v>6766</v>
      </c>
      <c r="C6178" s="1" t="s">
        <v>21746</v>
      </c>
      <c r="D6178" s="2">
        <v>159006</v>
      </c>
      <c r="E6178" s="1" t="s">
        <v>0</v>
      </c>
    </row>
    <row r="6179" spans="1:5" x14ac:dyDescent="0.25">
      <c r="A6179" s="1" t="s">
        <v>21747</v>
      </c>
      <c r="B6179" s="1" t="s">
        <v>6767</v>
      </c>
      <c r="C6179" s="1" t="s">
        <v>21748</v>
      </c>
      <c r="D6179" s="2">
        <v>159007</v>
      </c>
      <c r="E6179" s="1" t="s">
        <v>0</v>
      </c>
    </row>
    <row r="6180" spans="1:5" ht="409.5" x14ac:dyDescent="0.25">
      <c r="A6180" s="4" t="s">
        <v>21749</v>
      </c>
      <c r="B6180" s="1" t="s">
        <v>6768</v>
      </c>
      <c r="C6180" s="1" t="s">
        <v>21750</v>
      </c>
      <c r="D6180" s="2">
        <v>159008</v>
      </c>
      <c r="E6180" s="1" t="s">
        <v>0</v>
      </c>
    </row>
    <row r="6181" spans="1:5" x14ac:dyDescent="0.25">
      <c r="A6181" s="1" t="s">
        <v>21751</v>
      </c>
      <c r="B6181" s="1" t="s">
        <v>52431</v>
      </c>
      <c r="C6181" s="1" t="s">
        <v>21752</v>
      </c>
      <c r="D6181" s="2">
        <v>159009</v>
      </c>
      <c r="E6181" s="1" t="s">
        <v>0</v>
      </c>
    </row>
    <row r="6182" spans="1:5" x14ac:dyDescent="0.25">
      <c r="A6182" s="2">
        <v>1236</v>
      </c>
      <c r="B6182" s="2">
        <v>1236</v>
      </c>
      <c r="C6182" s="1" t="s">
        <v>0</v>
      </c>
      <c r="D6182" s="2">
        <v>159010</v>
      </c>
      <c r="E6182" s="1" t="s">
        <v>0</v>
      </c>
    </row>
    <row r="6183" spans="1:5" x14ac:dyDescent="0.25">
      <c r="A6183" s="1" t="s">
        <v>1149</v>
      </c>
      <c r="B6183" s="1" t="s">
        <v>6769</v>
      </c>
      <c r="C6183" s="1" t="s">
        <v>21753</v>
      </c>
      <c r="D6183" s="2">
        <v>159011</v>
      </c>
      <c r="E6183" s="1" t="s">
        <v>0</v>
      </c>
    </row>
    <row r="6184" spans="1:5" x14ac:dyDescent="0.25">
      <c r="A6184" s="1" t="s">
        <v>21754</v>
      </c>
      <c r="B6184" s="1" t="s">
        <v>52432</v>
      </c>
      <c r="C6184" s="1" t="s">
        <v>21755</v>
      </c>
      <c r="D6184" s="2">
        <v>159012</v>
      </c>
      <c r="E6184" s="1" t="s">
        <v>0</v>
      </c>
    </row>
    <row r="6185" spans="1:5" ht="409.5" x14ac:dyDescent="0.25">
      <c r="A6185" s="4" t="s">
        <v>21756</v>
      </c>
      <c r="B6185" s="1" t="s">
        <v>52433</v>
      </c>
      <c r="C6185" s="1" t="s">
        <v>21757</v>
      </c>
      <c r="D6185" s="2">
        <v>159013</v>
      </c>
      <c r="E6185" s="1" t="s">
        <v>0</v>
      </c>
    </row>
    <row r="6186" spans="1:5" x14ac:dyDescent="0.25">
      <c r="A6186" s="1" t="s">
        <v>21758</v>
      </c>
      <c r="B6186" s="1" t="s">
        <v>6770</v>
      </c>
      <c r="C6186" s="1" t="s">
        <v>21759</v>
      </c>
      <c r="D6186" s="2">
        <v>159014</v>
      </c>
      <c r="E6186" s="1" t="s">
        <v>0</v>
      </c>
    </row>
    <row r="6187" spans="1:5" x14ac:dyDescent="0.25">
      <c r="A6187" s="2">
        <v>1237</v>
      </c>
      <c r="B6187" s="2">
        <v>1237</v>
      </c>
      <c r="C6187" s="1" t="s">
        <v>0</v>
      </c>
      <c r="D6187" s="2">
        <v>159015</v>
      </c>
      <c r="E6187" s="1" t="s">
        <v>0</v>
      </c>
    </row>
    <row r="6188" spans="1:5" x14ac:dyDescent="0.25">
      <c r="A6188" s="1" t="s">
        <v>1150</v>
      </c>
      <c r="B6188" s="1" t="s">
        <v>59860</v>
      </c>
      <c r="C6188" s="1" t="s">
        <v>21760</v>
      </c>
      <c r="D6188" s="2">
        <v>159016</v>
      </c>
      <c r="E6188" s="1" t="s">
        <v>0</v>
      </c>
    </row>
    <row r="6189" spans="1:5" x14ac:dyDescent="0.25">
      <c r="A6189" s="1" t="s">
        <v>21761</v>
      </c>
      <c r="B6189" s="1" t="s">
        <v>52434</v>
      </c>
      <c r="C6189" s="1" t="s">
        <v>21762</v>
      </c>
      <c r="D6189" s="2">
        <v>159017</v>
      </c>
      <c r="E6189" s="1" t="s">
        <v>0</v>
      </c>
    </row>
    <row r="6190" spans="1:5" ht="409.5" x14ac:dyDescent="0.25">
      <c r="A6190" s="4" t="s">
        <v>21763</v>
      </c>
      <c r="B6190" s="1" t="s">
        <v>59861</v>
      </c>
      <c r="C6190" s="1" t="s">
        <v>21764</v>
      </c>
      <c r="D6190" s="2">
        <v>159018</v>
      </c>
      <c r="E6190" s="1" t="s">
        <v>0</v>
      </c>
    </row>
    <row r="6191" spans="1:5" x14ac:dyDescent="0.25">
      <c r="A6191" s="1" t="s">
        <v>21765</v>
      </c>
      <c r="B6191" s="1" t="s">
        <v>52435</v>
      </c>
      <c r="C6191" s="1" t="s">
        <v>21766</v>
      </c>
      <c r="D6191" s="2">
        <v>159019</v>
      </c>
      <c r="E6191" s="1" t="s">
        <v>0</v>
      </c>
    </row>
    <row r="6192" spans="1:5" x14ac:dyDescent="0.25">
      <c r="A6192" s="2">
        <v>1238</v>
      </c>
      <c r="B6192" s="2">
        <v>1238</v>
      </c>
      <c r="C6192" s="1" t="s">
        <v>0</v>
      </c>
      <c r="D6192" s="2">
        <v>159020</v>
      </c>
      <c r="E6192" s="1" t="s">
        <v>0</v>
      </c>
    </row>
    <row r="6193" spans="1:5" x14ac:dyDescent="0.25">
      <c r="A6193" s="1" t="s">
        <v>1151</v>
      </c>
      <c r="B6193" s="1" t="s">
        <v>6771</v>
      </c>
      <c r="C6193" s="1" t="s">
        <v>21767</v>
      </c>
      <c r="D6193" s="2">
        <v>159021</v>
      </c>
      <c r="E6193" s="1" t="s">
        <v>0</v>
      </c>
    </row>
    <row r="6194" spans="1:5" x14ac:dyDescent="0.25">
      <c r="A6194" s="1" t="s">
        <v>21768</v>
      </c>
      <c r="B6194" s="1" t="s">
        <v>21769</v>
      </c>
      <c r="C6194" s="1" t="s">
        <v>21770</v>
      </c>
      <c r="D6194" s="2">
        <v>159022</v>
      </c>
      <c r="E6194" s="1" t="s">
        <v>0</v>
      </c>
    </row>
    <row r="6195" spans="1:5" ht="409.5" x14ac:dyDescent="0.25">
      <c r="A6195" s="4" t="s">
        <v>21771</v>
      </c>
      <c r="B6195" s="1" t="s">
        <v>52436</v>
      </c>
      <c r="C6195" s="1" t="s">
        <v>21772</v>
      </c>
      <c r="D6195" s="2">
        <v>159023</v>
      </c>
      <c r="E6195" s="1" t="s">
        <v>0</v>
      </c>
    </row>
    <row r="6196" spans="1:5" x14ac:dyDescent="0.25">
      <c r="A6196" s="1" t="s">
        <v>21773</v>
      </c>
      <c r="B6196" s="1" t="s">
        <v>52437</v>
      </c>
      <c r="C6196" s="1" t="s">
        <v>21774</v>
      </c>
      <c r="D6196" s="2">
        <v>159024</v>
      </c>
      <c r="E6196" s="1" t="s">
        <v>0</v>
      </c>
    </row>
    <row r="6197" spans="1:5" x14ac:dyDescent="0.25">
      <c r="A6197" s="2">
        <v>1239</v>
      </c>
      <c r="B6197" s="2">
        <v>1239</v>
      </c>
      <c r="C6197" s="1" t="s">
        <v>0</v>
      </c>
      <c r="D6197" s="2">
        <v>159025</v>
      </c>
      <c r="E6197" s="1" t="s">
        <v>0</v>
      </c>
    </row>
    <row r="6198" spans="1:5" x14ac:dyDescent="0.25">
      <c r="A6198" s="1" t="s">
        <v>1152</v>
      </c>
      <c r="B6198" s="1" t="s">
        <v>52438</v>
      </c>
      <c r="C6198" s="1" t="s">
        <v>21775</v>
      </c>
      <c r="D6198" s="2">
        <v>159026</v>
      </c>
      <c r="E6198" s="1" t="s">
        <v>0</v>
      </c>
    </row>
    <row r="6199" spans="1:5" x14ac:dyDescent="0.25">
      <c r="A6199" s="1" t="s">
        <v>21776</v>
      </c>
      <c r="B6199" s="1" t="s">
        <v>60994</v>
      </c>
      <c r="C6199" s="1" t="s">
        <v>21777</v>
      </c>
      <c r="D6199" s="2">
        <v>159027</v>
      </c>
      <c r="E6199" s="1" t="s">
        <v>0</v>
      </c>
    </row>
    <row r="6200" spans="1:5" ht="409.5" x14ac:dyDescent="0.25">
      <c r="A6200" s="4" t="s">
        <v>21778</v>
      </c>
      <c r="B6200" s="1" t="s">
        <v>60995</v>
      </c>
      <c r="C6200" s="1" t="s">
        <v>21779</v>
      </c>
      <c r="D6200" s="2">
        <v>159028</v>
      </c>
      <c r="E6200" s="1" t="s">
        <v>0</v>
      </c>
    </row>
    <row r="6201" spans="1:5" x14ac:dyDescent="0.25">
      <c r="A6201" s="1" t="s">
        <v>21780</v>
      </c>
      <c r="B6201" s="1" t="s">
        <v>6772</v>
      </c>
      <c r="C6201" s="1" t="s">
        <v>21781</v>
      </c>
      <c r="D6201" s="2">
        <v>159029</v>
      </c>
      <c r="E6201" s="1" t="s">
        <v>0</v>
      </c>
    </row>
    <row r="6202" spans="1:5" x14ac:dyDescent="0.25">
      <c r="A6202" s="2">
        <v>1240</v>
      </c>
      <c r="B6202" s="2">
        <v>1240</v>
      </c>
      <c r="C6202" s="1" t="s">
        <v>0</v>
      </c>
      <c r="D6202" s="2">
        <v>159030</v>
      </c>
      <c r="E6202" s="1" t="s">
        <v>0</v>
      </c>
    </row>
    <row r="6203" spans="1:5" x14ac:dyDescent="0.25">
      <c r="A6203" s="1" t="s">
        <v>1153</v>
      </c>
      <c r="B6203" s="1" t="s">
        <v>6773</v>
      </c>
      <c r="C6203" s="1" t="s">
        <v>21782</v>
      </c>
      <c r="D6203" s="2">
        <v>159031</v>
      </c>
      <c r="E6203" s="1" t="s">
        <v>0</v>
      </c>
    </row>
    <row r="6204" spans="1:5" x14ac:dyDescent="0.25">
      <c r="A6204" s="1" t="s">
        <v>21783</v>
      </c>
      <c r="B6204" s="1" t="s">
        <v>6774</v>
      </c>
      <c r="C6204" s="1" t="s">
        <v>21784</v>
      </c>
      <c r="D6204" s="2">
        <v>159032</v>
      </c>
      <c r="E6204" s="1" t="s">
        <v>0</v>
      </c>
    </row>
    <row r="6205" spans="1:5" ht="409.5" x14ac:dyDescent="0.25">
      <c r="A6205" s="4" t="s">
        <v>21785</v>
      </c>
      <c r="B6205" s="1" t="s">
        <v>6775</v>
      </c>
      <c r="C6205" s="1" t="s">
        <v>21786</v>
      </c>
      <c r="D6205" s="2">
        <v>159033</v>
      </c>
      <c r="E6205" s="1" t="s">
        <v>0</v>
      </c>
    </row>
    <row r="6206" spans="1:5" x14ac:dyDescent="0.25">
      <c r="A6206" s="1" t="s">
        <v>14855</v>
      </c>
      <c r="B6206" s="1" t="s">
        <v>60879</v>
      </c>
      <c r="C6206" s="1" t="s">
        <v>14856</v>
      </c>
      <c r="D6206" s="2">
        <v>159034</v>
      </c>
      <c r="E6206" s="1" t="s">
        <v>0</v>
      </c>
    </row>
    <row r="6207" spans="1:5" x14ac:dyDescent="0.25">
      <c r="A6207" s="2">
        <v>1241</v>
      </c>
      <c r="B6207" s="2">
        <v>1241</v>
      </c>
      <c r="C6207" s="1" t="s">
        <v>0</v>
      </c>
      <c r="D6207" s="2">
        <v>159035</v>
      </c>
      <c r="E6207" s="1" t="s">
        <v>0</v>
      </c>
    </row>
    <row r="6208" spans="1:5" x14ac:dyDescent="0.25">
      <c r="A6208" s="1" t="s">
        <v>1154</v>
      </c>
      <c r="B6208" s="1" t="s">
        <v>6776</v>
      </c>
      <c r="C6208" s="1" t="s">
        <v>21787</v>
      </c>
      <c r="D6208" s="2">
        <v>159036</v>
      </c>
      <c r="E6208" s="1" t="s">
        <v>0</v>
      </c>
    </row>
    <row r="6209" spans="1:5" x14ac:dyDescent="0.25">
      <c r="A6209" s="1" t="s">
        <v>21788</v>
      </c>
      <c r="B6209" s="1" t="s">
        <v>62217</v>
      </c>
      <c r="C6209" s="1" t="s">
        <v>21789</v>
      </c>
      <c r="D6209" s="2">
        <v>159037</v>
      </c>
      <c r="E6209" s="1" t="s">
        <v>0</v>
      </c>
    </row>
    <row r="6210" spans="1:5" ht="409.5" x14ac:dyDescent="0.25">
      <c r="A6210" s="4" t="s">
        <v>21790</v>
      </c>
      <c r="B6210" s="1" t="s">
        <v>62218</v>
      </c>
      <c r="C6210" s="1" t="s">
        <v>21791</v>
      </c>
      <c r="D6210" s="2">
        <v>159038</v>
      </c>
      <c r="E6210" s="1" t="s">
        <v>0</v>
      </c>
    </row>
    <row r="6211" spans="1:5" x14ac:dyDescent="0.25">
      <c r="A6211" s="1" t="s">
        <v>21792</v>
      </c>
      <c r="B6211" s="1" t="s">
        <v>52439</v>
      </c>
      <c r="C6211" s="1" t="s">
        <v>21793</v>
      </c>
      <c r="D6211" s="2">
        <v>159039</v>
      </c>
      <c r="E6211" s="1" t="s">
        <v>0</v>
      </c>
    </row>
    <row r="6212" spans="1:5" x14ac:dyDescent="0.25">
      <c r="A6212" s="2">
        <v>1242</v>
      </c>
      <c r="B6212" s="2">
        <v>1242</v>
      </c>
      <c r="C6212" s="1" t="s">
        <v>0</v>
      </c>
      <c r="D6212" s="2">
        <v>159040</v>
      </c>
      <c r="E6212" s="1" t="s">
        <v>0</v>
      </c>
    </row>
    <row r="6213" spans="1:5" x14ac:dyDescent="0.25">
      <c r="A6213" s="1" t="s">
        <v>1155</v>
      </c>
      <c r="B6213" s="1" t="s">
        <v>6777</v>
      </c>
      <c r="C6213" s="1" t="s">
        <v>21794</v>
      </c>
      <c r="D6213" s="2">
        <v>159041</v>
      </c>
      <c r="E6213" s="1" t="s">
        <v>0</v>
      </c>
    </row>
    <row r="6214" spans="1:5" x14ac:dyDescent="0.25">
      <c r="A6214" s="1" t="s">
        <v>21795</v>
      </c>
      <c r="B6214" s="1" t="s">
        <v>6778</v>
      </c>
      <c r="C6214" s="1" t="s">
        <v>21796</v>
      </c>
      <c r="D6214" s="2">
        <v>159042</v>
      </c>
      <c r="E6214" s="1" t="s">
        <v>0</v>
      </c>
    </row>
    <row r="6215" spans="1:5" ht="409.5" x14ac:dyDescent="0.25">
      <c r="A6215" s="4" t="s">
        <v>21797</v>
      </c>
      <c r="B6215" s="1" t="s">
        <v>6779</v>
      </c>
      <c r="C6215" s="1" t="s">
        <v>21798</v>
      </c>
      <c r="D6215" s="2">
        <v>159043</v>
      </c>
      <c r="E6215" s="1" t="s">
        <v>0</v>
      </c>
    </row>
    <row r="6216" spans="1:5" x14ac:dyDescent="0.25">
      <c r="A6216" s="1" t="s">
        <v>21799</v>
      </c>
      <c r="B6216" s="1" t="s">
        <v>52440</v>
      </c>
      <c r="C6216" s="1" t="s">
        <v>21800</v>
      </c>
      <c r="D6216" s="2">
        <v>159044</v>
      </c>
      <c r="E6216" s="1" t="s">
        <v>0</v>
      </c>
    </row>
    <row r="6217" spans="1:5" x14ac:dyDescent="0.25">
      <c r="A6217" s="2">
        <v>1243</v>
      </c>
      <c r="B6217" s="2">
        <v>1243</v>
      </c>
      <c r="C6217" s="1" t="s">
        <v>0</v>
      </c>
      <c r="D6217" s="2">
        <v>159045</v>
      </c>
      <c r="E6217" s="1" t="s">
        <v>0</v>
      </c>
    </row>
    <row r="6218" spans="1:5" x14ac:dyDescent="0.25">
      <c r="A6218" s="1" t="s">
        <v>1156</v>
      </c>
      <c r="B6218" s="1" t="s">
        <v>6780</v>
      </c>
      <c r="C6218" s="1" t="s">
        <v>21801</v>
      </c>
      <c r="D6218" s="2">
        <v>159046</v>
      </c>
      <c r="E6218" s="1" t="s">
        <v>0</v>
      </c>
    </row>
    <row r="6219" spans="1:5" x14ac:dyDescent="0.25">
      <c r="A6219" s="1" t="s">
        <v>21802</v>
      </c>
      <c r="B6219" s="1" t="s">
        <v>52441</v>
      </c>
      <c r="C6219" s="1" t="s">
        <v>21803</v>
      </c>
      <c r="D6219" s="2">
        <v>159047</v>
      </c>
      <c r="E6219" s="1" t="s">
        <v>0</v>
      </c>
    </row>
    <row r="6220" spans="1:5" ht="409.5" x14ac:dyDescent="0.25">
      <c r="A6220" s="4" t="s">
        <v>21804</v>
      </c>
      <c r="B6220" s="1" t="s">
        <v>52442</v>
      </c>
      <c r="C6220" s="1" t="s">
        <v>21805</v>
      </c>
      <c r="D6220" s="2">
        <v>159048</v>
      </c>
      <c r="E6220" s="1" t="s">
        <v>0</v>
      </c>
    </row>
    <row r="6221" spans="1:5" x14ac:dyDescent="0.25">
      <c r="A6221" s="1" t="s">
        <v>21806</v>
      </c>
      <c r="B6221" s="1" t="s">
        <v>52443</v>
      </c>
      <c r="C6221" s="1" t="s">
        <v>21807</v>
      </c>
      <c r="D6221" s="2">
        <v>159049</v>
      </c>
      <c r="E6221" s="1" t="s">
        <v>0</v>
      </c>
    </row>
    <row r="6222" spans="1:5" x14ac:dyDescent="0.25">
      <c r="A6222" s="2">
        <v>1244</v>
      </c>
      <c r="B6222" s="2">
        <v>1244</v>
      </c>
      <c r="C6222" s="1" t="s">
        <v>0</v>
      </c>
      <c r="D6222" s="2">
        <v>159050</v>
      </c>
      <c r="E6222" s="1" t="s">
        <v>0</v>
      </c>
    </row>
    <row r="6223" spans="1:5" x14ac:dyDescent="0.25">
      <c r="A6223" s="1" t="s">
        <v>1157</v>
      </c>
      <c r="B6223" s="1" t="s">
        <v>6781</v>
      </c>
      <c r="C6223" s="1" t="s">
        <v>21808</v>
      </c>
      <c r="D6223" s="2">
        <v>159051</v>
      </c>
      <c r="E6223" s="1" t="s">
        <v>0</v>
      </c>
    </row>
    <row r="6224" spans="1:5" x14ac:dyDescent="0.25">
      <c r="A6224" s="1" t="s">
        <v>21809</v>
      </c>
      <c r="B6224" s="1" t="s">
        <v>59862</v>
      </c>
      <c r="C6224" s="1" t="s">
        <v>21810</v>
      </c>
      <c r="D6224" s="2">
        <v>159052</v>
      </c>
      <c r="E6224" s="1" t="s">
        <v>0</v>
      </c>
    </row>
    <row r="6225" spans="1:5" ht="409.5" x14ac:dyDescent="0.25">
      <c r="A6225" s="4" t="s">
        <v>21811</v>
      </c>
      <c r="B6225" s="1" t="s">
        <v>59863</v>
      </c>
      <c r="C6225" s="1" t="s">
        <v>21812</v>
      </c>
      <c r="D6225" s="2">
        <v>159053</v>
      </c>
      <c r="E6225" s="1" t="s">
        <v>0</v>
      </c>
    </row>
    <row r="6226" spans="1:5" x14ac:dyDescent="0.25">
      <c r="A6226" s="1" t="s">
        <v>21813</v>
      </c>
      <c r="B6226" s="1" t="s">
        <v>6782</v>
      </c>
      <c r="C6226" s="1" t="s">
        <v>21814</v>
      </c>
      <c r="D6226" s="2">
        <v>159054</v>
      </c>
      <c r="E6226" s="1" t="s">
        <v>0</v>
      </c>
    </row>
    <row r="6227" spans="1:5" x14ac:dyDescent="0.25">
      <c r="A6227" s="2">
        <v>1245</v>
      </c>
      <c r="B6227" s="2">
        <v>1245</v>
      </c>
      <c r="C6227" s="1" t="s">
        <v>0</v>
      </c>
      <c r="D6227" s="2">
        <v>159055</v>
      </c>
      <c r="E6227" s="1" t="s">
        <v>0</v>
      </c>
    </row>
    <row r="6228" spans="1:5" x14ac:dyDescent="0.25">
      <c r="A6228" s="1" t="s">
        <v>21815</v>
      </c>
      <c r="B6228" s="1" t="s">
        <v>6783</v>
      </c>
      <c r="C6228" s="1" t="s">
        <v>21816</v>
      </c>
      <c r="D6228" s="2">
        <v>159056</v>
      </c>
      <c r="E6228" s="1" t="s">
        <v>0</v>
      </c>
    </row>
    <row r="6229" spans="1:5" x14ac:dyDescent="0.25">
      <c r="A6229" s="1" t="s">
        <v>21817</v>
      </c>
      <c r="B6229" s="1" t="s">
        <v>56725</v>
      </c>
      <c r="C6229" s="1" t="s">
        <v>21818</v>
      </c>
      <c r="D6229" s="2">
        <v>159057</v>
      </c>
      <c r="E6229" s="1" t="s">
        <v>0</v>
      </c>
    </row>
    <row r="6230" spans="1:5" ht="409.5" x14ac:dyDescent="0.25">
      <c r="A6230" s="4" t="s">
        <v>21819</v>
      </c>
      <c r="B6230" s="1" t="s">
        <v>56726</v>
      </c>
      <c r="C6230" s="1" t="s">
        <v>21820</v>
      </c>
      <c r="D6230" s="2">
        <v>159058</v>
      </c>
      <c r="E6230" s="1" t="s">
        <v>0</v>
      </c>
    </row>
    <row r="6231" spans="1:5" x14ac:dyDescent="0.25">
      <c r="A6231" s="1" t="s">
        <v>21821</v>
      </c>
      <c r="B6231" s="1" t="s">
        <v>6784</v>
      </c>
      <c r="C6231" s="1" t="s">
        <v>21822</v>
      </c>
      <c r="D6231" s="2">
        <v>159059</v>
      </c>
      <c r="E6231" s="1" t="s">
        <v>0</v>
      </c>
    </row>
    <row r="6232" spans="1:5" x14ac:dyDescent="0.25">
      <c r="A6232" s="2">
        <v>1246</v>
      </c>
      <c r="B6232" s="2">
        <v>1246</v>
      </c>
      <c r="C6232" s="1" t="s">
        <v>0</v>
      </c>
      <c r="D6232" s="2">
        <v>159060</v>
      </c>
      <c r="E6232" s="1" t="s">
        <v>0</v>
      </c>
    </row>
    <row r="6233" spans="1:5" x14ac:dyDescent="0.25">
      <c r="A6233" s="1" t="s">
        <v>1158</v>
      </c>
      <c r="B6233" s="1" t="s">
        <v>6785</v>
      </c>
      <c r="C6233" s="1" t="s">
        <v>21823</v>
      </c>
      <c r="D6233" s="2">
        <v>159061</v>
      </c>
      <c r="E6233" s="1" t="s">
        <v>0</v>
      </c>
    </row>
    <row r="6234" spans="1:5" x14ac:dyDescent="0.25">
      <c r="A6234" s="1" t="s">
        <v>21824</v>
      </c>
      <c r="B6234" s="1" t="s">
        <v>63254</v>
      </c>
      <c r="C6234" s="1" t="s">
        <v>21825</v>
      </c>
      <c r="D6234" s="2">
        <v>159062</v>
      </c>
      <c r="E6234" s="1" t="s">
        <v>0</v>
      </c>
    </row>
    <row r="6235" spans="1:5" ht="409.5" x14ac:dyDescent="0.25">
      <c r="A6235" s="4" t="s">
        <v>21826</v>
      </c>
      <c r="B6235" s="1" t="s">
        <v>63255</v>
      </c>
      <c r="C6235" s="1" t="s">
        <v>21827</v>
      </c>
      <c r="D6235" s="2">
        <v>159063</v>
      </c>
      <c r="E6235" s="1" t="s">
        <v>0</v>
      </c>
    </row>
    <row r="6236" spans="1:5" x14ac:dyDescent="0.25">
      <c r="A6236" s="1" t="s">
        <v>21828</v>
      </c>
      <c r="B6236" s="1" t="s">
        <v>6786</v>
      </c>
      <c r="C6236" s="1" t="s">
        <v>21829</v>
      </c>
      <c r="D6236" s="2">
        <v>159064</v>
      </c>
      <c r="E6236" s="1" t="s">
        <v>0</v>
      </c>
    </row>
    <row r="6237" spans="1:5" x14ac:dyDescent="0.25">
      <c r="A6237" s="2">
        <v>1247</v>
      </c>
      <c r="B6237" s="2">
        <v>1247</v>
      </c>
      <c r="C6237" s="1" t="s">
        <v>0</v>
      </c>
      <c r="D6237" s="2">
        <v>159065</v>
      </c>
      <c r="E6237" s="1" t="s">
        <v>0</v>
      </c>
    </row>
    <row r="6238" spans="1:5" x14ac:dyDescent="0.25">
      <c r="A6238" s="1" t="s">
        <v>6787</v>
      </c>
      <c r="B6238" s="1" t="s">
        <v>6788</v>
      </c>
      <c r="C6238" s="1" t="s">
        <v>21830</v>
      </c>
      <c r="D6238" s="2">
        <v>159066</v>
      </c>
      <c r="E6238" s="1" t="s">
        <v>0</v>
      </c>
    </row>
    <row r="6239" spans="1:5" x14ac:dyDescent="0.25">
      <c r="A6239" s="1" t="s">
        <v>21831</v>
      </c>
      <c r="B6239" s="1" t="s">
        <v>52444</v>
      </c>
      <c r="C6239" s="1" t="s">
        <v>21832</v>
      </c>
      <c r="D6239" s="2">
        <v>159067</v>
      </c>
      <c r="E6239" s="1" t="s">
        <v>0</v>
      </c>
    </row>
    <row r="6240" spans="1:5" ht="409.5" x14ac:dyDescent="0.25">
      <c r="A6240" s="4" t="s">
        <v>21833</v>
      </c>
      <c r="B6240" s="1" t="s">
        <v>52445</v>
      </c>
      <c r="C6240" s="1" t="s">
        <v>21834</v>
      </c>
      <c r="D6240" s="2">
        <v>159068</v>
      </c>
      <c r="E6240" s="1" t="s">
        <v>0</v>
      </c>
    </row>
    <row r="6241" spans="1:5" x14ac:dyDescent="0.25">
      <c r="A6241" s="1" t="s">
        <v>21835</v>
      </c>
      <c r="B6241" s="1" t="s">
        <v>6789</v>
      </c>
      <c r="C6241" s="1" t="s">
        <v>21836</v>
      </c>
      <c r="D6241" s="2">
        <v>159069</v>
      </c>
      <c r="E6241" s="1" t="s">
        <v>0</v>
      </c>
    </row>
    <row r="6242" spans="1:5" x14ac:dyDescent="0.25">
      <c r="A6242" s="2">
        <v>1248</v>
      </c>
      <c r="B6242" s="2">
        <v>1248</v>
      </c>
      <c r="C6242" s="1" t="s">
        <v>0</v>
      </c>
      <c r="D6242" s="2">
        <v>159070</v>
      </c>
      <c r="E6242" s="1" t="s">
        <v>0</v>
      </c>
    </row>
    <row r="6243" spans="1:5" x14ac:dyDescent="0.25">
      <c r="A6243" s="1" t="s">
        <v>1159</v>
      </c>
      <c r="B6243" s="1" t="s">
        <v>6790</v>
      </c>
      <c r="C6243" s="1" t="s">
        <v>21837</v>
      </c>
      <c r="D6243" s="2">
        <v>159071</v>
      </c>
      <c r="E6243" s="1" t="s">
        <v>0</v>
      </c>
    </row>
    <row r="6244" spans="1:5" x14ac:dyDescent="0.25">
      <c r="A6244" s="1" t="s">
        <v>21838</v>
      </c>
      <c r="B6244" s="1" t="s">
        <v>57765</v>
      </c>
      <c r="C6244" s="1" t="s">
        <v>21839</v>
      </c>
      <c r="D6244" s="2">
        <v>159072</v>
      </c>
      <c r="E6244" s="1" t="s">
        <v>0</v>
      </c>
    </row>
    <row r="6245" spans="1:5" ht="409.5" x14ac:dyDescent="0.25">
      <c r="A6245" s="4" t="s">
        <v>21840</v>
      </c>
      <c r="B6245" s="1" t="s">
        <v>59864</v>
      </c>
      <c r="C6245" s="1" t="s">
        <v>21841</v>
      </c>
      <c r="D6245" s="2">
        <v>159073</v>
      </c>
      <c r="E6245" s="1" t="s">
        <v>0</v>
      </c>
    </row>
    <row r="6246" spans="1:5" x14ac:dyDescent="0.25">
      <c r="A6246" s="1" t="s">
        <v>21842</v>
      </c>
      <c r="B6246" s="1" t="s">
        <v>52446</v>
      </c>
      <c r="C6246" s="1" t="s">
        <v>21843</v>
      </c>
      <c r="D6246" s="2">
        <v>159074</v>
      </c>
      <c r="E6246" s="1" t="s">
        <v>0</v>
      </c>
    </row>
    <row r="6247" spans="1:5" x14ac:dyDescent="0.25">
      <c r="A6247" s="2">
        <v>1249</v>
      </c>
      <c r="B6247" s="2">
        <v>1249</v>
      </c>
      <c r="C6247" s="1" t="s">
        <v>0</v>
      </c>
      <c r="D6247" s="2">
        <v>159075</v>
      </c>
      <c r="E6247" s="1" t="s">
        <v>0</v>
      </c>
    </row>
    <row r="6248" spans="1:5" x14ac:dyDescent="0.25">
      <c r="A6248" s="1" t="s">
        <v>6791</v>
      </c>
      <c r="B6248" s="1" t="s">
        <v>6792</v>
      </c>
      <c r="C6248" s="1" t="s">
        <v>21844</v>
      </c>
      <c r="D6248" s="2">
        <v>159076</v>
      </c>
      <c r="E6248" s="1" t="s">
        <v>0</v>
      </c>
    </row>
    <row r="6249" spans="1:5" x14ac:dyDescent="0.25">
      <c r="A6249" s="1" t="s">
        <v>21845</v>
      </c>
      <c r="B6249" s="1" t="s">
        <v>6793</v>
      </c>
      <c r="C6249" s="1" t="s">
        <v>21846</v>
      </c>
      <c r="D6249" s="2">
        <v>159077</v>
      </c>
      <c r="E6249" s="1" t="s">
        <v>0</v>
      </c>
    </row>
    <row r="6250" spans="1:5" ht="409.5" x14ac:dyDescent="0.25">
      <c r="A6250" s="4" t="s">
        <v>64056</v>
      </c>
      <c r="B6250" s="1" t="s">
        <v>58261</v>
      </c>
      <c r="C6250" s="1" t="s">
        <v>21847</v>
      </c>
      <c r="D6250" s="2">
        <v>159078</v>
      </c>
      <c r="E6250" s="1" t="s">
        <v>0</v>
      </c>
    </row>
    <row r="6251" spans="1:5" x14ac:dyDescent="0.25">
      <c r="A6251" s="1" t="s">
        <v>21848</v>
      </c>
      <c r="B6251" s="1" t="s">
        <v>6794</v>
      </c>
      <c r="C6251" s="1" t="s">
        <v>21849</v>
      </c>
      <c r="D6251" s="2">
        <v>159079</v>
      </c>
      <c r="E6251" s="1" t="s">
        <v>0</v>
      </c>
    </row>
    <row r="6252" spans="1:5" x14ac:dyDescent="0.25">
      <c r="A6252" s="2">
        <v>1250</v>
      </c>
      <c r="B6252" s="2">
        <v>1250</v>
      </c>
      <c r="C6252" s="1" t="s">
        <v>0</v>
      </c>
      <c r="D6252" s="2">
        <v>159080</v>
      </c>
      <c r="E6252" s="1" t="s">
        <v>0</v>
      </c>
    </row>
    <row r="6253" spans="1:5" x14ac:dyDescent="0.25">
      <c r="A6253" s="1" t="s">
        <v>1160</v>
      </c>
      <c r="B6253" s="1" t="s">
        <v>6795</v>
      </c>
      <c r="C6253" s="1" t="s">
        <v>21850</v>
      </c>
      <c r="D6253" s="2">
        <v>159081</v>
      </c>
      <c r="E6253" s="1" t="s">
        <v>0</v>
      </c>
    </row>
    <row r="6254" spans="1:5" x14ac:dyDescent="0.25">
      <c r="A6254" s="1" t="s">
        <v>21851</v>
      </c>
      <c r="B6254" s="1" t="s">
        <v>6796</v>
      </c>
      <c r="C6254" s="1" t="s">
        <v>21852</v>
      </c>
      <c r="D6254" s="2">
        <v>159082</v>
      </c>
      <c r="E6254" s="1" t="s">
        <v>0</v>
      </c>
    </row>
    <row r="6255" spans="1:5" ht="409.5" x14ac:dyDescent="0.25">
      <c r="A6255" s="4" t="s">
        <v>21853</v>
      </c>
      <c r="B6255" s="1" t="s">
        <v>52447</v>
      </c>
      <c r="C6255" s="1" t="s">
        <v>21854</v>
      </c>
      <c r="D6255" s="2">
        <v>159083</v>
      </c>
      <c r="E6255" s="1" t="s">
        <v>0</v>
      </c>
    </row>
    <row r="6256" spans="1:5" x14ac:dyDescent="0.25">
      <c r="A6256" s="1" t="s">
        <v>21855</v>
      </c>
      <c r="B6256" s="1" t="s">
        <v>52448</v>
      </c>
      <c r="C6256" s="1" t="s">
        <v>21856</v>
      </c>
      <c r="D6256" s="2">
        <v>159084</v>
      </c>
      <c r="E6256" s="1" t="s">
        <v>0</v>
      </c>
    </row>
    <row r="6257" spans="1:5" x14ac:dyDescent="0.25">
      <c r="A6257" s="2">
        <v>1251</v>
      </c>
      <c r="B6257" s="2">
        <v>1251</v>
      </c>
      <c r="C6257" s="1" t="s">
        <v>0</v>
      </c>
      <c r="D6257" s="2">
        <v>159085</v>
      </c>
      <c r="E6257" s="1" t="s">
        <v>0</v>
      </c>
    </row>
    <row r="6258" spans="1:5" x14ac:dyDescent="0.25">
      <c r="A6258" s="1" t="s">
        <v>1161</v>
      </c>
      <c r="B6258" s="1" t="s">
        <v>50540</v>
      </c>
      <c r="C6258" s="1" t="s">
        <v>21857</v>
      </c>
      <c r="D6258" s="2">
        <v>159086</v>
      </c>
      <c r="E6258" s="1" t="s">
        <v>0</v>
      </c>
    </row>
    <row r="6259" spans="1:5" x14ac:dyDescent="0.25">
      <c r="A6259" s="1" t="s">
        <v>21858</v>
      </c>
      <c r="B6259" s="1" t="s">
        <v>50541</v>
      </c>
      <c r="C6259" s="1" t="s">
        <v>21859</v>
      </c>
      <c r="D6259" s="2">
        <v>159087</v>
      </c>
      <c r="E6259" s="1" t="s">
        <v>0</v>
      </c>
    </row>
    <row r="6260" spans="1:5" ht="409.5" x14ac:dyDescent="0.25">
      <c r="A6260" s="4" t="s">
        <v>21860</v>
      </c>
      <c r="B6260" s="1" t="s">
        <v>52449</v>
      </c>
      <c r="C6260" s="1" t="s">
        <v>21861</v>
      </c>
      <c r="D6260" s="2">
        <v>159088</v>
      </c>
      <c r="E6260" s="1" t="s">
        <v>0</v>
      </c>
    </row>
    <row r="6261" spans="1:5" x14ac:dyDescent="0.25">
      <c r="A6261" s="1" t="s">
        <v>21862</v>
      </c>
      <c r="B6261" s="1" t="s">
        <v>50542</v>
      </c>
      <c r="C6261" s="1" t="s">
        <v>21863</v>
      </c>
      <c r="D6261" s="2">
        <v>159089</v>
      </c>
      <c r="E6261" s="1" t="s">
        <v>0</v>
      </c>
    </row>
    <row r="6262" spans="1:5" x14ac:dyDescent="0.25">
      <c r="A6262" s="2">
        <v>1252</v>
      </c>
      <c r="B6262" s="2">
        <v>1252</v>
      </c>
      <c r="C6262" s="1" t="s">
        <v>0</v>
      </c>
      <c r="D6262" s="2">
        <v>159090</v>
      </c>
      <c r="E6262" s="1" t="s">
        <v>0</v>
      </c>
    </row>
    <row r="6263" spans="1:5" x14ac:dyDescent="0.25">
      <c r="A6263" s="1" t="s">
        <v>1162</v>
      </c>
      <c r="B6263" s="1" t="s">
        <v>6797</v>
      </c>
      <c r="C6263" s="1" t="s">
        <v>21864</v>
      </c>
      <c r="D6263" s="2">
        <v>159091</v>
      </c>
      <c r="E6263" s="1" t="s">
        <v>0</v>
      </c>
    </row>
    <row r="6264" spans="1:5" x14ac:dyDescent="0.25">
      <c r="A6264" s="1" t="s">
        <v>21865</v>
      </c>
      <c r="B6264" s="1" t="s">
        <v>52450</v>
      </c>
      <c r="C6264" s="1" t="s">
        <v>21866</v>
      </c>
      <c r="D6264" s="2">
        <v>159092</v>
      </c>
      <c r="E6264" s="1" t="s">
        <v>0</v>
      </c>
    </row>
    <row r="6265" spans="1:5" ht="409.5" x14ac:dyDescent="0.25">
      <c r="A6265" s="4" t="s">
        <v>21867</v>
      </c>
      <c r="B6265" s="1" t="s">
        <v>52451</v>
      </c>
      <c r="C6265" s="1" t="s">
        <v>21868</v>
      </c>
      <c r="D6265" s="2">
        <v>159093</v>
      </c>
      <c r="E6265" s="1" t="s">
        <v>0</v>
      </c>
    </row>
    <row r="6266" spans="1:5" x14ac:dyDescent="0.25">
      <c r="A6266" s="1" t="s">
        <v>21869</v>
      </c>
      <c r="B6266" s="1" t="s">
        <v>52452</v>
      </c>
      <c r="C6266" s="1" t="s">
        <v>21870</v>
      </c>
      <c r="D6266" s="2">
        <v>159094</v>
      </c>
      <c r="E6266" s="1" t="s">
        <v>0</v>
      </c>
    </row>
    <row r="6267" spans="1:5" x14ac:dyDescent="0.25">
      <c r="A6267" s="2">
        <v>1253</v>
      </c>
      <c r="B6267" s="2">
        <v>1253</v>
      </c>
      <c r="C6267" s="1" t="s">
        <v>0</v>
      </c>
      <c r="D6267" s="2">
        <v>159095</v>
      </c>
      <c r="E6267" s="1" t="s">
        <v>0</v>
      </c>
    </row>
    <row r="6268" spans="1:5" x14ac:dyDescent="0.25">
      <c r="A6268" s="1" t="s">
        <v>1163</v>
      </c>
      <c r="B6268" s="1" t="s">
        <v>6798</v>
      </c>
      <c r="C6268" s="1" t="s">
        <v>21871</v>
      </c>
      <c r="D6268" s="2">
        <v>159096</v>
      </c>
      <c r="E6268" s="1" t="s">
        <v>0</v>
      </c>
    </row>
    <row r="6269" spans="1:5" x14ac:dyDescent="0.25">
      <c r="A6269" s="1" t="s">
        <v>21872</v>
      </c>
      <c r="B6269" s="1" t="s">
        <v>59865</v>
      </c>
      <c r="C6269" s="1" t="s">
        <v>21873</v>
      </c>
      <c r="D6269" s="2">
        <v>159097</v>
      </c>
      <c r="E6269" s="1" t="s">
        <v>0</v>
      </c>
    </row>
    <row r="6270" spans="1:5" ht="409.5" x14ac:dyDescent="0.25">
      <c r="A6270" s="4" t="s">
        <v>21874</v>
      </c>
      <c r="B6270" s="1" t="s">
        <v>59866</v>
      </c>
      <c r="C6270" s="1" t="s">
        <v>21875</v>
      </c>
      <c r="D6270" s="2">
        <v>159098</v>
      </c>
      <c r="E6270" s="1" t="s">
        <v>0</v>
      </c>
    </row>
    <row r="6271" spans="1:5" x14ac:dyDescent="0.25">
      <c r="A6271" s="1" t="s">
        <v>21876</v>
      </c>
      <c r="B6271" s="1" t="s">
        <v>6799</v>
      </c>
      <c r="C6271" s="1" t="s">
        <v>21877</v>
      </c>
      <c r="D6271" s="2">
        <v>159099</v>
      </c>
      <c r="E6271" s="1" t="s">
        <v>0</v>
      </c>
    </row>
    <row r="6272" spans="1:5" x14ac:dyDescent="0.25">
      <c r="A6272" s="2">
        <v>1254</v>
      </c>
      <c r="B6272" s="2">
        <v>1254</v>
      </c>
      <c r="C6272" s="1" t="s">
        <v>0</v>
      </c>
      <c r="D6272" s="2">
        <v>159100</v>
      </c>
      <c r="E6272" s="1" t="s">
        <v>0</v>
      </c>
    </row>
    <row r="6273" spans="1:5" x14ac:dyDescent="0.25">
      <c r="A6273" s="1" t="s">
        <v>1164</v>
      </c>
      <c r="B6273" s="1" t="s">
        <v>6800</v>
      </c>
      <c r="C6273" s="1" t="s">
        <v>21878</v>
      </c>
      <c r="D6273" s="2">
        <v>159101</v>
      </c>
      <c r="E6273" s="1" t="s">
        <v>0</v>
      </c>
    </row>
    <row r="6274" spans="1:5" x14ac:dyDescent="0.25">
      <c r="A6274" s="1" t="s">
        <v>21879</v>
      </c>
      <c r="B6274" s="1" t="s">
        <v>6801</v>
      </c>
      <c r="C6274" s="1" t="s">
        <v>21880</v>
      </c>
      <c r="D6274" s="2">
        <v>159102</v>
      </c>
      <c r="E6274" s="1" t="s">
        <v>0</v>
      </c>
    </row>
    <row r="6275" spans="1:5" ht="409.5" x14ac:dyDescent="0.25">
      <c r="A6275" s="4" t="s">
        <v>21881</v>
      </c>
      <c r="B6275" s="1" t="s">
        <v>6802</v>
      </c>
      <c r="C6275" s="1" t="s">
        <v>21882</v>
      </c>
      <c r="D6275" s="2">
        <v>159103</v>
      </c>
      <c r="E6275" s="1" t="s">
        <v>0</v>
      </c>
    </row>
    <row r="6276" spans="1:5" x14ac:dyDescent="0.25">
      <c r="A6276" s="1" t="s">
        <v>21883</v>
      </c>
      <c r="B6276" s="1" t="s">
        <v>60834</v>
      </c>
      <c r="C6276" s="1" t="s">
        <v>21884</v>
      </c>
      <c r="D6276" s="2">
        <v>159104</v>
      </c>
      <c r="E6276" s="1" t="s">
        <v>0</v>
      </c>
    </row>
    <row r="6277" spans="1:5" x14ac:dyDescent="0.25">
      <c r="A6277" s="2">
        <v>1255</v>
      </c>
      <c r="B6277" s="2">
        <v>1255</v>
      </c>
      <c r="C6277" s="1" t="s">
        <v>0</v>
      </c>
      <c r="D6277" s="2">
        <v>159105</v>
      </c>
      <c r="E6277" s="1" t="s">
        <v>0</v>
      </c>
    </row>
    <row r="6278" spans="1:5" x14ac:dyDescent="0.25">
      <c r="A6278" s="1" t="s">
        <v>1165</v>
      </c>
      <c r="B6278" s="1" t="s">
        <v>6803</v>
      </c>
      <c r="C6278" s="1" t="s">
        <v>21885</v>
      </c>
      <c r="D6278" s="2">
        <v>159106</v>
      </c>
      <c r="E6278" s="1" t="s">
        <v>0</v>
      </c>
    </row>
    <row r="6279" spans="1:5" x14ac:dyDescent="0.25">
      <c r="A6279" s="1" t="s">
        <v>21886</v>
      </c>
      <c r="B6279" s="1" t="s">
        <v>6804</v>
      </c>
      <c r="C6279" s="1" t="s">
        <v>21887</v>
      </c>
      <c r="D6279" s="2">
        <v>159107</v>
      </c>
      <c r="E6279" s="1" t="s">
        <v>0</v>
      </c>
    </row>
    <row r="6280" spans="1:5" ht="409.5" x14ac:dyDescent="0.25">
      <c r="A6280" s="4" t="s">
        <v>21888</v>
      </c>
      <c r="B6280" s="1" t="s">
        <v>62219</v>
      </c>
      <c r="C6280" s="1" t="s">
        <v>21889</v>
      </c>
      <c r="D6280" s="2">
        <v>159108</v>
      </c>
      <c r="E6280" s="1" t="s">
        <v>0</v>
      </c>
    </row>
    <row r="6281" spans="1:5" x14ac:dyDescent="0.25">
      <c r="A6281" s="1" t="s">
        <v>21890</v>
      </c>
      <c r="B6281" s="1" t="s">
        <v>52453</v>
      </c>
      <c r="C6281" s="1" t="s">
        <v>21891</v>
      </c>
      <c r="D6281" s="2">
        <v>159109</v>
      </c>
      <c r="E6281" s="1" t="s">
        <v>0</v>
      </c>
    </row>
    <row r="6282" spans="1:5" x14ac:dyDescent="0.25">
      <c r="A6282" s="2">
        <v>1256</v>
      </c>
      <c r="B6282" s="2">
        <v>1256</v>
      </c>
      <c r="C6282" s="1" t="s">
        <v>0</v>
      </c>
      <c r="D6282" s="2">
        <v>159110</v>
      </c>
      <c r="E6282" s="1" t="s">
        <v>0</v>
      </c>
    </row>
    <row r="6283" spans="1:5" x14ac:dyDescent="0.25">
      <c r="A6283" s="1" t="s">
        <v>13036</v>
      </c>
      <c r="B6283" s="1" t="s">
        <v>6805</v>
      </c>
      <c r="C6283" s="1" t="s">
        <v>21892</v>
      </c>
      <c r="D6283" s="2">
        <v>159111</v>
      </c>
      <c r="E6283" s="1" t="s">
        <v>0</v>
      </c>
    </row>
    <row r="6284" spans="1:5" x14ac:dyDescent="0.25">
      <c r="A6284" s="1" t="s">
        <v>21893</v>
      </c>
      <c r="B6284" s="1" t="s">
        <v>50543</v>
      </c>
      <c r="C6284" s="1" t="s">
        <v>21894</v>
      </c>
      <c r="D6284" s="2">
        <v>159112</v>
      </c>
      <c r="E6284" s="1" t="s">
        <v>0</v>
      </c>
    </row>
    <row r="6285" spans="1:5" ht="409.5" x14ac:dyDescent="0.25">
      <c r="A6285" s="4" t="s">
        <v>21895</v>
      </c>
      <c r="B6285" s="1" t="s">
        <v>61602</v>
      </c>
      <c r="C6285" s="1" t="s">
        <v>21896</v>
      </c>
      <c r="D6285" s="2">
        <v>159113</v>
      </c>
      <c r="E6285" s="1" t="s">
        <v>0</v>
      </c>
    </row>
    <row r="6286" spans="1:5" x14ac:dyDescent="0.25">
      <c r="A6286" s="1" t="s">
        <v>21897</v>
      </c>
      <c r="B6286" s="1" t="s">
        <v>61603</v>
      </c>
      <c r="C6286" s="1" t="s">
        <v>21898</v>
      </c>
      <c r="D6286" s="2">
        <v>159114</v>
      </c>
      <c r="E6286" s="1" t="s">
        <v>0</v>
      </c>
    </row>
    <row r="6287" spans="1:5" x14ac:dyDescent="0.25">
      <c r="A6287" s="2">
        <v>1257</v>
      </c>
      <c r="B6287" s="2">
        <v>1257</v>
      </c>
      <c r="C6287" s="1" t="s">
        <v>0</v>
      </c>
      <c r="D6287" s="2">
        <v>159115</v>
      </c>
      <c r="E6287" s="1" t="s">
        <v>0</v>
      </c>
    </row>
    <row r="6288" spans="1:5" x14ac:dyDescent="0.25">
      <c r="A6288" s="1" t="s">
        <v>1166</v>
      </c>
      <c r="B6288" s="1" t="s">
        <v>6806</v>
      </c>
      <c r="C6288" s="1" t="s">
        <v>21899</v>
      </c>
      <c r="D6288" s="2">
        <v>159116</v>
      </c>
      <c r="E6288" s="1" t="s">
        <v>0</v>
      </c>
    </row>
    <row r="6289" spans="1:5" x14ac:dyDescent="0.25">
      <c r="A6289" s="1" t="s">
        <v>21900</v>
      </c>
      <c r="B6289" s="1" t="s">
        <v>52454</v>
      </c>
      <c r="C6289" s="1" t="s">
        <v>21901</v>
      </c>
      <c r="D6289" s="2">
        <v>159117</v>
      </c>
      <c r="E6289" s="1" t="s">
        <v>0</v>
      </c>
    </row>
    <row r="6290" spans="1:5" ht="409.5" x14ac:dyDescent="0.25">
      <c r="A6290" s="4" t="s">
        <v>21902</v>
      </c>
      <c r="B6290" s="1" t="s">
        <v>52455</v>
      </c>
      <c r="C6290" s="1" t="s">
        <v>21903</v>
      </c>
      <c r="D6290" s="2">
        <v>159118</v>
      </c>
      <c r="E6290" s="1" t="s">
        <v>0</v>
      </c>
    </row>
    <row r="6291" spans="1:5" x14ac:dyDescent="0.25">
      <c r="A6291" s="1" t="s">
        <v>21904</v>
      </c>
      <c r="B6291" s="1" t="s">
        <v>6807</v>
      </c>
      <c r="C6291" s="1" t="s">
        <v>21905</v>
      </c>
      <c r="D6291" s="2">
        <v>159119</v>
      </c>
      <c r="E6291" s="1" t="s">
        <v>0</v>
      </c>
    </row>
    <row r="6292" spans="1:5" x14ac:dyDescent="0.25">
      <c r="A6292" s="2">
        <v>1258</v>
      </c>
      <c r="B6292" s="2">
        <v>1258</v>
      </c>
      <c r="C6292" s="1" t="s">
        <v>0</v>
      </c>
      <c r="D6292" s="2">
        <v>159120</v>
      </c>
      <c r="E6292" s="1" t="s">
        <v>0</v>
      </c>
    </row>
    <row r="6293" spans="1:5" x14ac:dyDescent="0.25">
      <c r="A6293" s="1" t="s">
        <v>1167</v>
      </c>
      <c r="B6293" s="1" t="s">
        <v>6808</v>
      </c>
      <c r="C6293" s="1" t="s">
        <v>21906</v>
      </c>
      <c r="D6293" s="2">
        <v>159121</v>
      </c>
      <c r="E6293" s="1" t="s">
        <v>0</v>
      </c>
    </row>
    <row r="6294" spans="1:5" x14ac:dyDescent="0.25">
      <c r="A6294" s="1" t="s">
        <v>21907</v>
      </c>
      <c r="B6294" s="1" t="s">
        <v>6809</v>
      </c>
      <c r="C6294" s="1" t="s">
        <v>21908</v>
      </c>
      <c r="D6294" s="2">
        <v>159122</v>
      </c>
      <c r="E6294" s="1" t="s">
        <v>0</v>
      </c>
    </row>
    <row r="6295" spans="1:5" ht="409.5" x14ac:dyDescent="0.25">
      <c r="A6295" s="4" t="s">
        <v>21909</v>
      </c>
      <c r="B6295" s="1" t="s">
        <v>6810</v>
      </c>
      <c r="C6295" s="1" t="s">
        <v>21910</v>
      </c>
      <c r="D6295" s="2">
        <v>159123</v>
      </c>
      <c r="E6295" s="1" t="s">
        <v>0</v>
      </c>
    </row>
    <row r="6296" spans="1:5" x14ac:dyDescent="0.25">
      <c r="A6296" s="1" t="s">
        <v>21911</v>
      </c>
      <c r="B6296" s="1" t="s">
        <v>60996</v>
      </c>
      <c r="C6296" s="1" t="s">
        <v>21912</v>
      </c>
      <c r="D6296" s="2">
        <v>159124</v>
      </c>
      <c r="E6296" s="1" t="s">
        <v>0</v>
      </c>
    </row>
    <row r="6297" spans="1:5" x14ac:dyDescent="0.25">
      <c r="A6297" s="2">
        <v>1259</v>
      </c>
      <c r="B6297" s="2">
        <v>1259</v>
      </c>
      <c r="C6297" s="1" t="s">
        <v>0</v>
      </c>
      <c r="D6297" s="2">
        <v>159125</v>
      </c>
      <c r="E6297" s="1" t="s">
        <v>0</v>
      </c>
    </row>
    <row r="6298" spans="1:5" x14ac:dyDescent="0.25">
      <c r="A6298" s="1" t="s">
        <v>1168</v>
      </c>
      <c r="B6298" s="1" t="s">
        <v>6811</v>
      </c>
      <c r="C6298" s="1" t="s">
        <v>21913</v>
      </c>
      <c r="D6298" s="2">
        <v>159126</v>
      </c>
      <c r="E6298" s="1" t="s">
        <v>0</v>
      </c>
    </row>
    <row r="6299" spans="1:5" x14ac:dyDescent="0.25">
      <c r="A6299" s="1" t="s">
        <v>64057</v>
      </c>
      <c r="B6299" s="1" t="s">
        <v>6812</v>
      </c>
      <c r="C6299" s="1" t="s">
        <v>21914</v>
      </c>
      <c r="D6299" s="2">
        <v>159127</v>
      </c>
      <c r="E6299" s="1" t="s">
        <v>0</v>
      </c>
    </row>
    <row r="6300" spans="1:5" ht="409.5" x14ac:dyDescent="0.25">
      <c r="A6300" s="4" t="s">
        <v>64058</v>
      </c>
      <c r="B6300" s="1" t="s">
        <v>52456</v>
      </c>
      <c r="C6300" s="1" t="s">
        <v>21915</v>
      </c>
      <c r="D6300" s="2">
        <v>159128</v>
      </c>
      <c r="E6300" s="1" t="s">
        <v>0</v>
      </c>
    </row>
    <row r="6301" spans="1:5" x14ac:dyDescent="0.25">
      <c r="A6301" s="1" t="s">
        <v>21916</v>
      </c>
      <c r="B6301" s="1" t="s">
        <v>6813</v>
      </c>
      <c r="C6301" s="1" t="s">
        <v>21917</v>
      </c>
      <c r="D6301" s="2">
        <v>159129</v>
      </c>
      <c r="E6301" s="1" t="s">
        <v>0</v>
      </c>
    </row>
    <row r="6302" spans="1:5" x14ac:dyDescent="0.25">
      <c r="A6302" s="2">
        <v>1260</v>
      </c>
      <c r="B6302" s="2">
        <v>1260</v>
      </c>
      <c r="C6302" s="1" t="s">
        <v>0</v>
      </c>
      <c r="D6302" s="2">
        <v>159130</v>
      </c>
      <c r="E6302" s="1" t="s">
        <v>0</v>
      </c>
    </row>
    <row r="6303" spans="1:5" x14ac:dyDescent="0.25">
      <c r="A6303" s="1" t="s">
        <v>1169</v>
      </c>
      <c r="B6303" s="1" t="s">
        <v>6814</v>
      </c>
      <c r="C6303" s="1" t="s">
        <v>21918</v>
      </c>
      <c r="D6303" s="2">
        <v>159131</v>
      </c>
      <c r="E6303" s="1" t="s">
        <v>0</v>
      </c>
    </row>
    <row r="6304" spans="1:5" x14ac:dyDescent="0.25">
      <c r="A6304" s="1" t="s">
        <v>21919</v>
      </c>
      <c r="B6304" s="1" t="s">
        <v>52457</v>
      </c>
      <c r="C6304" s="1" t="s">
        <v>21920</v>
      </c>
      <c r="D6304" s="2">
        <v>159132</v>
      </c>
      <c r="E6304" s="1" t="s">
        <v>0</v>
      </c>
    </row>
    <row r="6305" spans="1:5" ht="409.5" x14ac:dyDescent="0.25">
      <c r="A6305" s="4" t="s">
        <v>21921</v>
      </c>
      <c r="B6305" s="1" t="s">
        <v>52458</v>
      </c>
      <c r="C6305" s="1" t="s">
        <v>21922</v>
      </c>
      <c r="D6305" s="2">
        <v>159133</v>
      </c>
      <c r="E6305" s="1" t="s">
        <v>0</v>
      </c>
    </row>
    <row r="6306" spans="1:5" x14ac:dyDescent="0.25">
      <c r="A6306" s="1" t="s">
        <v>21923</v>
      </c>
      <c r="B6306" s="1" t="s">
        <v>52459</v>
      </c>
      <c r="C6306" s="1" t="s">
        <v>21924</v>
      </c>
      <c r="D6306" s="2">
        <v>159134</v>
      </c>
      <c r="E6306" s="1" t="s">
        <v>0</v>
      </c>
    </row>
    <row r="6307" spans="1:5" x14ac:dyDescent="0.25">
      <c r="A6307" s="2">
        <v>1261</v>
      </c>
      <c r="B6307" s="2">
        <v>1261</v>
      </c>
      <c r="C6307" s="1" t="s">
        <v>0</v>
      </c>
      <c r="D6307" s="2">
        <v>159135</v>
      </c>
      <c r="E6307" s="1" t="s">
        <v>0</v>
      </c>
    </row>
    <row r="6308" spans="1:5" x14ac:dyDescent="0.25">
      <c r="A6308" s="1" t="s">
        <v>6815</v>
      </c>
      <c r="B6308" s="1" t="s">
        <v>6816</v>
      </c>
      <c r="C6308" s="1" t="s">
        <v>21925</v>
      </c>
      <c r="D6308" s="2">
        <v>159136</v>
      </c>
      <c r="E6308" s="1" t="s">
        <v>0</v>
      </c>
    </row>
    <row r="6309" spans="1:5" x14ac:dyDescent="0.25">
      <c r="A6309" s="1" t="s">
        <v>21926</v>
      </c>
      <c r="B6309" s="1" t="s">
        <v>52460</v>
      </c>
      <c r="C6309" s="1" t="s">
        <v>21927</v>
      </c>
      <c r="D6309" s="2">
        <v>159137</v>
      </c>
      <c r="E6309" s="1" t="s">
        <v>0</v>
      </c>
    </row>
    <row r="6310" spans="1:5" ht="409.5" x14ac:dyDescent="0.25">
      <c r="A6310" s="4" t="s">
        <v>21928</v>
      </c>
      <c r="B6310" s="1" t="s">
        <v>56727</v>
      </c>
      <c r="C6310" s="1" t="s">
        <v>21929</v>
      </c>
      <c r="D6310" s="2">
        <v>159138</v>
      </c>
      <c r="E6310" s="1" t="s">
        <v>0</v>
      </c>
    </row>
    <row r="6311" spans="1:5" x14ac:dyDescent="0.25">
      <c r="A6311" s="1" t="s">
        <v>21930</v>
      </c>
      <c r="B6311" s="1" t="s">
        <v>6817</v>
      </c>
      <c r="C6311" s="1" t="s">
        <v>21931</v>
      </c>
      <c r="D6311" s="2">
        <v>159139</v>
      </c>
      <c r="E6311" s="1" t="s">
        <v>0</v>
      </c>
    </row>
    <row r="6312" spans="1:5" x14ac:dyDescent="0.25">
      <c r="A6312" s="2">
        <v>1262</v>
      </c>
      <c r="B6312" s="2">
        <v>1262</v>
      </c>
      <c r="C6312" s="1" t="s">
        <v>0</v>
      </c>
      <c r="D6312" s="2">
        <v>159140</v>
      </c>
      <c r="E6312" s="1" t="s">
        <v>0</v>
      </c>
    </row>
    <row r="6313" spans="1:5" x14ac:dyDescent="0.25">
      <c r="A6313" s="1" t="s">
        <v>1170</v>
      </c>
      <c r="B6313" s="1" t="s">
        <v>6818</v>
      </c>
      <c r="C6313" s="1" t="s">
        <v>21932</v>
      </c>
      <c r="D6313" s="2">
        <v>159141</v>
      </c>
      <c r="E6313" s="1" t="s">
        <v>0</v>
      </c>
    </row>
    <row r="6314" spans="1:5" x14ac:dyDescent="0.25">
      <c r="A6314" s="1" t="s">
        <v>21933</v>
      </c>
      <c r="B6314" s="1" t="s">
        <v>52461</v>
      </c>
      <c r="C6314" s="1" t="s">
        <v>21934</v>
      </c>
      <c r="D6314" s="2">
        <v>159142</v>
      </c>
      <c r="E6314" s="1" t="s">
        <v>0</v>
      </c>
    </row>
    <row r="6315" spans="1:5" ht="409.5" x14ac:dyDescent="0.25">
      <c r="A6315" s="4" t="s">
        <v>21935</v>
      </c>
      <c r="B6315" s="1" t="s">
        <v>52462</v>
      </c>
      <c r="C6315" s="1" t="s">
        <v>21936</v>
      </c>
      <c r="D6315" s="2">
        <v>159143</v>
      </c>
      <c r="E6315" s="1" t="s">
        <v>0</v>
      </c>
    </row>
    <row r="6316" spans="1:5" x14ac:dyDescent="0.25">
      <c r="A6316" s="1" t="s">
        <v>21937</v>
      </c>
      <c r="B6316" s="1" t="s">
        <v>57162</v>
      </c>
      <c r="C6316" s="1" t="s">
        <v>21938</v>
      </c>
      <c r="D6316" s="2">
        <v>159144</v>
      </c>
      <c r="E6316" s="1" t="s">
        <v>0</v>
      </c>
    </row>
    <row r="6317" spans="1:5" x14ac:dyDescent="0.25">
      <c r="A6317" s="2">
        <v>1263</v>
      </c>
      <c r="B6317" s="2">
        <v>1263</v>
      </c>
      <c r="C6317" s="1" t="s">
        <v>0</v>
      </c>
      <c r="D6317" s="2">
        <v>159145</v>
      </c>
      <c r="E6317" s="1" t="s">
        <v>0</v>
      </c>
    </row>
    <row r="6318" spans="1:5" x14ac:dyDescent="0.25">
      <c r="A6318" s="1" t="s">
        <v>1171</v>
      </c>
      <c r="B6318" s="1" t="s">
        <v>52463</v>
      </c>
      <c r="C6318" s="1" t="s">
        <v>21939</v>
      </c>
      <c r="D6318" s="2">
        <v>159146</v>
      </c>
      <c r="E6318" s="1" t="s">
        <v>0</v>
      </c>
    </row>
    <row r="6319" spans="1:5" x14ac:dyDescent="0.25">
      <c r="A6319" s="1" t="s">
        <v>21940</v>
      </c>
      <c r="B6319" s="1" t="s">
        <v>52464</v>
      </c>
      <c r="C6319" s="1" t="s">
        <v>21941</v>
      </c>
      <c r="D6319" s="2">
        <v>159147</v>
      </c>
      <c r="E6319" s="1" t="s">
        <v>0</v>
      </c>
    </row>
    <row r="6320" spans="1:5" ht="409.5" x14ac:dyDescent="0.25">
      <c r="A6320" s="4" t="s">
        <v>21942</v>
      </c>
      <c r="B6320" s="1" t="s">
        <v>52465</v>
      </c>
      <c r="C6320" s="1" t="s">
        <v>21943</v>
      </c>
      <c r="D6320" s="2">
        <v>159148</v>
      </c>
      <c r="E6320" s="1" t="s">
        <v>0</v>
      </c>
    </row>
    <row r="6321" spans="1:5" x14ac:dyDescent="0.25">
      <c r="A6321" s="1" t="s">
        <v>21944</v>
      </c>
      <c r="B6321" s="1" t="s">
        <v>52466</v>
      </c>
      <c r="C6321" s="1" t="s">
        <v>21945</v>
      </c>
      <c r="D6321" s="2">
        <v>159149</v>
      </c>
      <c r="E6321" s="1" t="s">
        <v>0</v>
      </c>
    </row>
    <row r="6322" spans="1:5" x14ac:dyDescent="0.25">
      <c r="A6322" s="2">
        <v>1264</v>
      </c>
      <c r="B6322" s="2">
        <v>1264</v>
      </c>
      <c r="C6322" s="1" t="s">
        <v>0</v>
      </c>
      <c r="D6322" s="2">
        <v>159150</v>
      </c>
      <c r="E6322" s="1" t="s">
        <v>0</v>
      </c>
    </row>
    <row r="6323" spans="1:5" x14ac:dyDescent="0.25">
      <c r="A6323" s="1" t="s">
        <v>1172</v>
      </c>
      <c r="B6323" s="1" t="s">
        <v>57440</v>
      </c>
      <c r="C6323" s="1" t="s">
        <v>21946</v>
      </c>
      <c r="D6323" s="2">
        <v>159151</v>
      </c>
      <c r="E6323" s="1" t="s">
        <v>0</v>
      </c>
    </row>
    <row r="6324" spans="1:5" x14ac:dyDescent="0.25">
      <c r="A6324" s="1" t="s">
        <v>21947</v>
      </c>
      <c r="B6324" s="1" t="s">
        <v>57441</v>
      </c>
      <c r="C6324" s="1" t="s">
        <v>21948</v>
      </c>
      <c r="D6324" s="2">
        <v>159152</v>
      </c>
      <c r="E6324" s="1" t="s">
        <v>0</v>
      </c>
    </row>
    <row r="6325" spans="1:5" ht="409.5" x14ac:dyDescent="0.25">
      <c r="A6325" s="4" t="s">
        <v>21949</v>
      </c>
      <c r="B6325" s="1" t="s">
        <v>57442</v>
      </c>
      <c r="C6325" s="1" t="s">
        <v>21950</v>
      </c>
      <c r="D6325" s="2">
        <v>159153</v>
      </c>
      <c r="E6325" s="1" t="s">
        <v>0</v>
      </c>
    </row>
    <row r="6326" spans="1:5" x14ac:dyDescent="0.25">
      <c r="A6326" s="1" t="s">
        <v>21951</v>
      </c>
      <c r="B6326" s="1" t="s">
        <v>57443</v>
      </c>
      <c r="C6326" s="1" t="s">
        <v>21952</v>
      </c>
      <c r="D6326" s="2">
        <v>159154</v>
      </c>
      <c r="E6326" s="1" t="s">
        <v>0</v>
      </c>
    </row>
    <row r="6327" spans="1:5" x14ac:dyDescent="0.25">
      <c r="A6327" s="2">
        <v>1265</v>
      </c>
      <c r="B6327" s="2">
        <v>1265</v>
      </c>
      <c r="C6327" s="1" t="s">
        <v>0</v>
      </c>
      <c r="D6327" s="2">
        <v>159155</v>
      </c>
      <c r="E6327" s="1" t="s">
        <v>0</v>
      </c>
    </row>
    <row r="6328" spans="1:5" x14ac:dyDescent="0.25">
      <c r="A6328" s="1" t="s">
        <v>1173</v>
      </c>
      <c r="B6328" s="1" t="s">
        <v>6819</v>
      </c>
      <c r="C6328" s="1" t="s">
        <v>21953</v>
      </c>
      <c r="D6328" s="2">
        <v>159156</v>
      </c>
      <c r="E6328" s="1" t="s">
        <v>0</v>
      </c>
    </row>
    <row r="6329" spans="1:5" x14ac:dyDescent="0.25">
      <c r="A6329" s="1" t="s">
        <v>21954</v>
      </c>
      <c r="B6329" s="1" t="s">
        <v>62220</v>
      </c>
      <c r="C6329" s="1" t="s">
        <v>21955</v>
      </c>
      <c r="D6329" s="2">
        <v>159157</v>
      </c>
      <c r="E6329" s="1" t="s">
        <v>0</v>
      </c>
    </row>
    <row r="6330" spans="1:5" ht="409.5" x14ac:dyDescent="0.25">
      <c r="A6330" s="4" t="s">
        <v>21956</v>
      </c>
      <c r="B6330" s="1" t="s">
        <v>62221</v>
      </c>
      <c r="C6330" s="1" t="s">
        <v>21957</v>
      </c>
      <c r="D6330" s="2">
        <v>159158</v>
      </c>
      <c r="E6330" s="1" t="s">
        <v>0</v>
      </c>
    </row>
    <row r="6331" spans="1:5" x14ac:dyDescent="0.25">
      <c r="A6331" s="1" t="s">
        <v>21958</v>
      </c>
      <c r="B6331" s="1" t="s">
        <v>6820</v>
      </c>
      <c r="C6331" s="1" t="s">
        <v>21959</v>
      </c>
      <c r="D6331" s="2">
        <v>159159</v>
      </c>
      <c r="E6331" s="1" t="s">
        <v>0</v>
      </c>
    </row>
    <row r="6332" spans="1:5" x14ac:dyDescent="0.25">
      <c r="A6332" s="2">
        <v>1266</v>
      </c>
      <c r="B6332" s="2">
        <v>1266</v>
      </c>
      <c r="C6332" s="1" t="s">
        <v>0</v>
      </c>
      <c r="D6332" s="2">
        <v>159160</v>
      </c>
      <c r="E6332" s="1" t="s">
        <v>0</v>
      </c>
    </row>
    <row r="6333" spans="1:5" x14ac:dyDescent="0.25">
      <c r="A6333" s="1" t="s">
        <v>1174</v>
      </c>
      <c r="B6333" s="1" t="s">
        <v>6821</v>
      </c>
      <c r="C6333" s="1" t="s">
        <v>21960</v>
      </c>
      <c r="D6333" s="2">
        <v>159161</v>
      </c>
      <c r="E6333" s="1" t="s">
        <v>0</v>
      </c>
    </row>
    <row r="6334" spans="1:5" x14ac:dyDescent="0.25">
      <c r="A6334" s="1" t="s">
        <v>21961</v>
      </c>
      <c r="B6334" s="1" t="s">
        <v>52467</v>
      </c>
      <c r="C6334" s="1" t="s">
        <v>21962</v>
      </c>
      <c r="D6334" s="2">
        <v>159162</v>
      </c>
      <c r="E6334" s="1" t="s">
        <v>0</v>
      </c>
    </row>
    <row r="6335" spans="1:5" ht="409.5" x14ac:dyDescent="0.25">
      <c r="A6335" s="4" t="s">
        <v>21963</v>
      </c>
      <c r="B6335" s="1" t="s">
        <v>59867</v>
      </c>
      <c r="C6335" s="1" t="s">
        <v>21964</v>
      </c>
      <c r="D6335" s="2">
        <v>159163</v>
      </c>
      <c r="E6335" s="1" t="s">
        <v>0</v>
      </c>
    </row>
    <row r="6336" spans="1:5" x14ac:dyDescent="0.25">
      <c r="A6336" s="1" t="s">
        <v>21965</v>
      </c>
      <c r="B6336" s="1" t="s">
        <v>6822</v>
      </c>
      <c r="C6336" s="1" t="s">
        <v>21966</v>
      </c>
      <c r="D6336" s="2">
        <v>159164</v>
      </c>
      <c r="E6336" s="1" t="s">
        <v>0</v>
      </c>
    </row>
    <row r="6337" spans="1:5" x14ac:dyDescent="0.25">
      <c r="A6337" s="2">
        <v>1267</v>
      </c>
      <c r="B6337" s="2">
        <v>1267</v>
      </c>
      <c r="C6337" s="1" t="s">
        <v>0</v>
      </c>
      <c r="D6337" s="2">
        <v>159165</v>
      </c>
      <c r="E6337" s="1" t="s">
        <v>0</v>
      </c>
    </row>
    <row r="6338" spans="1:5" x14ac:dyDescent="0.25">
      <c r="A6338" s="1" t="s">
        <v>1175</v>
      </c>
      <c r="B6338" s="1" t="s">
        <v>6823</v>
      </c>
      <c r="C6338" s="1" t="s">
        <v>21967</v>
      </c>
      <c r="D6338" s="2">
        <v>159166</v>
      </c>
      <c r="E6338" s="1" t="s">
        <v>0</v>
      </c>
    </row>
    <row r="6339" spans="1:5" x14ac:dyDescent="0.25">
      <c r="A6339" s="1" t="s">
        <v>21968</v>
      </c>
      <c r="B6339" s="1" t="s">
        <v>52468</v>
      </c>
      <c r="C6339" s="1" t="s">
        <v>21969</v>
      </c>
      <c r="D6339" s="2">
        <v>159167</v>
      </c>
      <c r="E6339" s="1" t="s">
        <v>0</v>
      </c>
    </row>
    <row r="6340" spans="1:5" ht="409.5" x14ac:dyDescent="0.25">
      <c r="A6340" s="4" t="s">
        <v>21970</v>
      </c>
      <c r="B6340" s="1" t="s">
        <v>52469</v>
      </c>
      <c r="C6340" s="1" t="s">
        <v>21971</v>
      </c>
      <c r="D6340" s="2">
        <v>159168</v>
      </c>
      <c r="E6340" s="1" t="s">
        <v>0</v>
      </c>
    </row>
    <row r="6341" spans="1:5" x14ac:dyDescent="0.25">
      <c r="A6341" s="1" t="s">
        <v>21972</v>
      </c>
      <c r="B6341" s="1" t="s">
        <v>6824</v>
      </c>
      <c r="C6341" s="1" t="s">
        <v>21973</v>
      </c>
      <c r="D6341" s="2">
        <v>159169</v>
      </c>
      <c r="E6341" s="1" t="s">
        <v>0</v>
      </c>
    </row>
    <row r="6342" spans="1:5" x14ac:dyDescent="0.25">
      <c r="A6342" s="2">
        <v>1268</v>
      </c>
      <c r="B6342" s="2">
        <v>1268</v>
      </c>
      <c r="C6342" s="1" t="s">
        <v>0</v>
      </c>
      <c r="D6342" s="2">
        <v>159170</v>
      </c>
      <c r="E6342" s="1" t="s">
        <v>0</v>
      </c>
    </row>
    <row r="6343" spans="1:5" x14ac:dyDescent="0.25">
      <c r="A6343" s="1" t="s">
        <v>1176</v>
      </c>
      <c r="B6343" s="1" t="s">
        <v>6825</v>
      </c>
      <c r="C6343" s="1" t="s">
        <v>21974</v>
      </c>
      <c r="D6343" s="2">
        <v>159171</v>
      </c>
      <c r="E6343" s="1" t="s">
        <v>0</v>
      </c>
    </row>
    <row r="6344" spans="1:5" x14ac:dyDescent="0.25">
      <c r="A6344" s="1" t="s">
        <v>21975</v>
      </c>
      <c r="B6344" s="1" t="s">
        <v>52470</v>
      </c>
      <c r="C6344" s="1" t="s">
        <v>21976</v>
      </c>
      <c r="D6344" s="2">
        <v>159172</v>
      </c>
      <c r="E6344" s="1" t="s">
        <v>0</v>
      </c>
    </row>
    <row r="6345" spans="1:5" ht="409.5" x14ac:dyDescent="0.25">
      <c r="A6345" s="4" t="s">
        <v>21977</v>
      </c>
      <c r="B6345" s="1" t="s">
        <v>52471</v>
      </c>
      <c r="C6345" s="1" t="s">
        <v>21978</v>
      </c>
      <c r="D6345" s="2">
        <v>159173</v>
      </c>
      <c r="E6345" s="1" t="s">
        <v>0</v>
      </c>
    </row>
    <row r="6346" spans="1:5" x14ac:dyDescent="0.25">
      <c r="A6346" s="1" t="s">
        <v>21979</v>
      </c>
      <c r="B6346" s="1" t="s">
        <v>52472</v>
      </c>
      <c r="C6346" s="1" t="s">
        <v>21980</v>
      </c>
      <c r="D6346" s="2">
        <v>159174</v>
      </c>
      <c r="E6346" s="1" t="s">
        <v>0</v>
      </c>
    </row>
    <row r="6347" spans="1:5" x14ac:dyDescent="0.25">
      <c r="A6347" s="2">
        <v>1269</v>
      </c>
      <c r="B6347" s="2">
        <v>1269</v>
      </c>
      <c r="C6347" s="1" t="s">
        <v>0</v>
      </c>
      <c r="D6347" s="2">
        <v>159175</v>
      </c>
      <c r="E6347" s="1" t="s">
        <v>0</v>
      </c>
    </row>
    <row r="6348" spans="1:5" x14ac:dyDescent="0.25">
      <c r="A6348" s="1" t="s">
        <v>1177</v>
      </c>
      <c r="B6348" s="1" t="s">
        <v>6826</v>
      </c>
      <c r="C6348" s="1" t="s">
        <v>21981</v>
      </c>
      <c r="D6348" s="2">
        <v>159176</v>
      </c>
      <c r="E6348" s="1" t="s">
        <v>0</v>
      </c>
    </row>
    <row r="6349" spans="1:5" x14ac:dyDescent="0.25">
      <c r="A6349" s="1" t="s">
        <v>21982</v>
      </c>
      <c r="B6349" s="1" t="s">
        <v>62222</v>
      </c>
      <c r="C6349" s="1" t="s">
        <v>21983</v>
      </c>
      <c r="D6349" s="2">
        <v>159177</v>
      </c>
      <c r="E6349" s="1" t="s">
        <v>0</v>
      </c>
    </row>
    <row r="6350" spans="1:5" ht="409.5" x14ac:dyDescent="0.25">
      <c r="A6350" s="4" t="s">
        <v>21984</v>
      </c>
      <c r="B6350" s="1" t="s">
        <v>62223</v>
      </c>
      <c r="C6350" s="1" t="s">
        <v>21985</v>
      </c>
      <c r="D6350" s="2">
        <v>159178</v>
      </c>
      <c r="E6350" s="1" t="s">
        <v>0</v>
      </c>
    </row>
    <row r="6351" spans="1:5" x14ac:dyDescent="0.25">
      <c r="A6351" s="1" t="s">
        <v>21986</v>
      </c>
      <c r="B6351" s="1" t="s">
        <v>52473</v>
      </c>
      <c r="C6351" s="1" t="s">
        <v>21987</v>
      </c>
      <c r="D6351" s="2">
        <v>159179</v>
      </c>
      <c r="E6351" s="1" t="s">
        <v>0</v>
      </c>
    </row>
    <row r="6352" spans="1:5" x14ac:dyDescent="0.25">
      <c r="A6352" s="2">
        <v>1270</v>
      </c>
      <c r="B6352" s="2">
        <v>1270</v>
      </c>
      <c r="C6352" s="1" t="s">
        <v>0</v>
      </c>
      <c r="D6352" s="2">
        <v>159180</v>
      </c>
      <c r="E6352" s="1" t="s">
        <v>0</v>
      </c>
    </row>
    <row r="6353" spans="1:5" x14ac:dyDescent="0.25">
      <c r="A6353" s="1" t="s">
        <v>1178</v>
      </c>
      <c r="B6353" s="1" t="s">
        <v>6827</v>
      </c>
      <c r="C6353" s="1" t="s">
        <v>21988</v>
      </c>
      <c r="D6353" s="2">
        <v>159181</v>
      </c>
      <c r="E6353" s="1" t="s">
        <v>0</v>
      </c>
    </row>
    <row r="6354" spans="1:5" x14ac:dyDescent="0.25">
      <c r="A6354" s="1" t="s">
        <v>21989</v>
      </c>
      <c r="B6354" s="1" t="s">
        <v>52474</v>
      </c>
      <c r="C6354" s="1" t="s">
        <v>21990</v>
      </c>
      <c r="D6354" s="2">
        <v>159182</v>
      </c>
      <c r="E6354" s="1" t="s">
        <v>0</v>
      </c>
    </row>
    <row r="6355" spans="1:5" ht="409.5" x14ac:dyDescent="0.25">
      <c r="A6355" s="4" t="s">
        <v>21991</v>
      </c>
      <c r="B6355" s="1" t="s">
        <v>57444</v>
      </c>
      <c r="C6355" s="1" t="s">
        <v>21992</v>
      </c>
      <c r="D6355" s="2">
        <v>159183</v>
      </c>
      <c r="E6355" s="1" t="s">
        <v>0</v>
      </c>
    </row>
    <row r="6356" spans="1:5" x14ac:dyDescent="0.25">
      <c r="A6356" s="1" t="s">
        <v>21993</v>
      </c>
      <c r="B6356" s="1" t="s">
        <v>6828</v>
      </c>
      <c r="C6356" s="1" t="s">
        <v>21994</v>
      </c>
      <c r="D6356" s="2">
        <v>159184</v>
      </c>
      <c r="E6356" s="1" t="s">
        <v>0</v>
      </c>
    </row>
    <row r="6357" spans="1:5" x14ac:dyDescent="0.25">
      <c r="A6357" s="2">
        <v>1271</v>
      </c>
      <c r="B6357" s="2">
        <v>1271</v>
      </c>
      <c r="C6357" s="1" t="s">
        <v>0</v>
      </c>
      <c r="D6357" s="2">
        <v>159185</v>
      </c>
      <c r="E6357" s="1" t="s">
        <v>0</v>
      </c>
    </row>
    <row r="6358" spans="1:5" x14ac:dyDescent="0.25">
      <c r="A6358" s="1" t="s">
        <v>1179</v>
      </c>
      <c r="B6358" s="1" t="s">
        <v>58262</v>
      </c>
      <c r="C6358" s="1" t="s">
        <v>21995</v>
      </c>
      <c r="D6358" s="2">
        <v>159186</v>
      </c>
      <c r="E6358" s="1" t="s">
        <v>0</v>
      </c>
    </row>
    <row r="6359" spans="1:5" x14ac:dyDescent="0.25">
      <c r="A6359" s="1" t="s">
        <v>21996</v>
      </c>
      <c r="B6359" s="1" t="s">
        <v>62224</v>
      </c>
      <c r="C6359" s="1" t="s">
        <v>21997</v>
      </c>
      <c r="D6359" s="2">
        <v>159187</v>
      </c>
      <c r="E6359" s="1" t="s">
        <v>0</v>
      </c>
    </row>
    <row r="6360" spans="1:5" ht="409.5" x14ac:dyDescent="0.25">
      <c r="A6360" s="4" t="s">
        <v>21998</v>
      </c>
      <c r="B6360" s="1" t="s">
        <v>62225</v>
      </c>
      <c r="C6360" s="1" t="s">
        <v>21999</v>
      </c>
      <c r="D6360" s="2">
        <v>159188</v>
      </c>
      <c r="E6360" s="1" t="s">
        <v>0</v>
      </c>
    </row>
    <row r="6361" spans="1:5" x14ac:dyDescent="0.25">
      <c r="A6361" s="1" t="s">
        <v>22000</v>
      </c>
      <c r="B6361" s="1" t="s">
        <v>52475</v>
      </c>
      <c r="C6361" s="1" t="s">
        <v>22001</v>
      </c>
      <c r="D6361" s="2">
        <v>159189</v>
      </c>
      <c r="E6361" s="1" t="s">
        <v>0</v>
      </c>
    </row>
    <row r="6362" spans="1:5" x14ac:dyDescent="0.25">
      <c r="A6362" s="2">
        <v>1272</v>
      </c>
      <c r="B6362" s="2">
        <v>1272</v>
      </c>
      <c r="C6362" s="1" t="s">
        <v>0</v>
      </c>
      <c r="D6362" s="2">
        <v>159190</v>
      </c>
      <c r="E6362" s="1" t="s">
        <v>0</v>
      </c>
    </row>
    <row r="6363" spans="1:5" x14ac:dyDescent="0.25">
      <c r="A6363" s="1" t="s">
        <v>1180</v>
      </c>
      <c r="B6363" s="1" t="s">
        <v>50544</v>
      </c>
      <c r="C6363" s="1" t="s">
        <v>22002</v>
      </c>
      <c r="D6363" s="2">
        <v>159191</v>
      </c>
      <c r="E6363" s="1" t="s">
        <v>0</v>
      </c>
    </row>
    <row r="6364" spans="1:5" x14ac:dyDescent="0.25">
      <c r="A6364" s="1" t="s">
        <v>22003</v>
      </c>
      <c r="B6364" s="1" t="s">
        <v>60997</v>
      </c>
      <c r="C6364" s="1" t="s">
        <v>22004</v>
      </c>
      <c r="D6364" s="2">
        <v>159192</v>
      </c>
      <c r="E6364" s="1" t="s">
        <v>0</v>
      </c>
    </row>
    <row r="6365" spans="1:5" ht="409.5" x14ac:dyDescent="0.25">
      <c r="A6365" s="4" t="s">
        <v>22005</v>
      </c>
      <c r="B6365" s="1" t="s">
        <v>60998</v>
      </c>
      <c r="C6365" s="1" t="s">
        <v>22006</v>
      </c>
      <c r="D6365" s="2">
        <v>159193</v>
      </c>
      <c r="E6365" s="1" t="s">
        <v>0</v>
      </c>
    </row>
    <row r="6366" spans="1:5" x14ac:dyDescent="0.25">
      <c r="A6366" s="1" t="s">
        <v>22007</v>
      </c>
      <c r="B6366" s="1" t="s">
        <v>52476</v>
      </c>
      <c r="C6366" s="1" t="s">
        <v>22008</v>
      </c>
      <c r="D6366" s="2">
        <v>159194</v>
      </c>
      <c r="E6366" s="1" t="s">
        <v>0</v>
      </c>
    </row>
    <row r="6367" spans="1:5" x14ac:dyDescent="0.25">
      <c r="A6367" s="2">
        <v>1273</v>
      </c>
      <c r="B6367" s="2">
        <v>1273</v>
      </c>
      <c r="C6367" s="1" t="s">
        <v>0</v>
      </c>
      <c r="D6367" s="2">
        <v>159195</v>
      </c>
      <c r="E6367" s="1" t="s">
        <v>0</v>
      </c>
    </row>
    <row r="6368" spans="1:5" x14ac:dyDescent="0.25">
      <c r="A6368" s="1" t="s">
        <v>1181</v>
      </c>
      <c r="B6368" s="1" t="s">
        <v>59868</v>
      </c>
      <c r="C6368" s="1" t="s">
        <v>22009</v>
      </c>
      <c r="D6368" s="2">
        <v>159196</v>
      </c>
      <c r="E6368" s="1" t="s">
        <v>0</v>
      </c>
    </row>
    <row r="6369" spans="1:5" x14ac:dyDescent="0.25">
      <c r="A6369" s="1" t="s">
        <v>22010</v>
      </c>
      <c r="B6369" s="1" t="s">
        <v>59869</v>
      </c>
      <c r="C6369" s="1" t="s">
        <v>22011</v>
      </c>
      <c r="D6369" s="2">
        <v>159197</v>
      </c>
      <c r="E6369" s="1" t="s">
        <v>0</v>
      </c>
    </row>
    <row r="6370" spans="1:5" ht="409.5" x14ac:dyDescent="0.25">
      <c r="A6370" s="4" t="s">
        <v>22012</v>
      </c>
      <c r="B6370" s="1" t="s">
        <v>59870</v>
      </c>
      <c r="C6370" s="1" t="s">
        <v>22013</v>
      </c>
      <c r="D6370" s="2">
        <v>159198</v>
      </c>
      <c r="E6370" s="1" t="s">
        <v>0</v>
      </c>
    </row>
    <row r="6371" spans="1:5" x14ac:dyDescent="0.25">
      <c r="A6371" s="1" t="s">
        <v>22014</v>
      </c>
      <c r="B6371" s="1" t="s">
        <v>52477</v>
      </c>
      <c r="C6371" s="1" t="s">
        <v>22015</v>
      </c>
      <c r="D6371" s="2">
        <v>159199</v>
      </c>
      <c r="E6371" s="1" t="s">
        <v>0</v>
      </c>
    </row>
    <row r="6372" spans="1:5" x14ac:dyDescent="0.25">
      <c r="A6372" s="2">
        <v>1274</v>
      </c>
      <c r="B6372" s="2">
        <v>1274</v>
      </c>
      <c r="C6372" s="1" t="s">
        <v>0</v>
      </c>
      <c r="D6372" s="2">
        <v>159200</v>
      </c>
      <c r="E6372" s="1" t="s">
        <v>0</v>
      </c>
    </row>
    <row r="6373" spans="1:5" x14ac:dyDescent="0.25">
      <c r="A6373" s="1" t="s">
        <v>1182</v>
      </c>
      <c r="B6373" s="1" t="s">
        <v>6829</v>
      </c>
      <c r="C6373" s="1" t="s">
        <v>22016</v>
      </c>
      <c r="D6373" s="2">
        <v>159201</v>
      </c>
      <c r="E6373" s="1" t="s">
        <v>0</v>
      </c>
    </row>
    <row r="6374" spans="1:5" x14ac:dyDescent="0.25">
      <c r="A6374" s="1" t="s">
        <v>22017</v>
      </c>
      <c r="B6374" s="1" t="s">
        <v>6830</v>
      </c>
      <c r="C6374" s="1" t="s">
        <v>22018</v>
      </c>
      <c r="D6374" s="2">
        <v>159202</v>
      </c>
      <c r="E6374" s="1" t="s">
        <v>0</v>
      </c>
    </row>
    <row r="6375" spans="1:5" ht="409.5" x14ac:dyDescent="0.25">
      <c r="A6375" s="4" t="s">
        <v>22019</v>
      </c>
      <c r="B6375" s="1" t="s">
        <v>6831</v>
      </c>
      <c r="C6375" s="1" t="s">
        <v>22020</v>
      </c>
      <c r="D6375" s="2">
        <v>159203</v>
      </c>
      <c r="E6375" s="1" t="s">
        <v>0</v>
      </c>
    </row>
    <row r="6376" spans="1:5" x14ac:dyDescent="0.25">
      <c r="A6376" s="1" t="s">
        <v>22021</v>
      </c>
      <c r="B6376" s="1" t="s">
        <v>52478</v>
      </c>
      <c r="C6376" s="1" t="s">
        <v>22022</v>
      </c>
      <c r="D6376" s="2">
        <v>159204</v>
      </c>
      <c r="E6376" s="1" t="s">
        <v>0</v>
      </c>
    </row>
    <row r="6377" spans="1:5" x14ac:dyDescent="0.25">
      <c r="A6377" s="2">
        <v>1275</v>
      </c>
      <c r="B6377" s="2">
        <v>1275</v>
      </c>
      <c r="C6377" s="1" t="s">
        <v>0</v>
      </c>
      <c r="D6377" s="2">
        <v>159205</v>
      </c>
      <c r="E6377" s="1" t="s">
        <v>0</v>
      </c>
    </row>
    <row r="6378" spans="1:5" x14ac:dyDescent="0.25">
      <c r="A6378" s="1" t="s">
        <v>1183</v>
      </c>
      <c r="B6378" s="1" t="s">
        <v>58707</v>
      </c>
      <c r="C6378" s="1" t="s">
        <v>22023</v>
      </c>
      <c r="D6378" s="2">
        <v>159206</v>
      </c>
      <c r="E6378" s="1" t="s">
        <v>0</v>
      </c>
    </row>
    <row r="6379" spans="1:5" x14ac:dyDescent="0.25">
      <c r="A6379" s="1" t="s">
        <v>22024</v>
      </c>
      <c r="B6379" s="1" t="s">
        <v>58708</v>
      </c>
      <c r="C6379" s="1" t="s">
        <v>22025</v>
      </c>
      <c r="D6379" s="2">
        <v>159207</v>
      </c>
      <c r="E6379" s="1" t="s">
        <v>0</v>
      </c>
    </row>
    <row r="6380" spans="1:5" ht="409.5" x14ac:dyDescent="0.25">
      <c r="A6380" s="4" t="s">
        <v>22026</v>
      </c>
      <c r="B6380" s="1" t="s">
        <v>58709</v>
      </c>
      <c r="C6380" s="1" t="s">
        <v>22027</v>
      </c>
      <c r="D6380" s="2">
        <v>159208</v>
      </c>
      <c r="E6380" s="1" t="s">
        <v>0</v>
      </c>
    </row>
    <row r="6381" spans="1:5" x14ac:dyDescent="0.25">
      <c r="A6381" s="1" t="s">
        <v>22028</v>
      </c>
      <c r="B6381" s="1" t="s">
        <v>52479</v>
      </c>
      <c r="C6381" s="1" t="s">
        <v>22029</v>
      </c>
      <c r="D6381" s="2">
        <v>159209</v>
      </c>
      <c r="E6381" s="1" t="s">
        <v>0</v>
      </c>
    </row>
    <row r="6382" spans="1:5" x14ac:dyDescent="0.25">
      <c r="A6382" s="2">
        <v>1276</v>
      </c>
      <c r="B6382" s="2">
        <v>1276</v>
      </c>
      <c r="C6382" s="1" t="s">
        <v>0</v>
      </c>
      <c r="D6382" s="2">
        <v>159210</v>
      </c>
      <c r="E6382" s="1" t="s">
        <v>0</v>
      </c>
    </row>
    <row r="6383" spans="1:5" x14ac:dyDescent="0.25">
      <c r="A6383" s="1" t="s">
        <v>1184</v>
      </c>
      <c r="B6383" s="1" t="s">
        <v>6832</v>
      </c>
      <c r="C6383" s="1" t="s">
        <v>22030</v>
      </c>
      <c r="D6383" s="2">
        <v>159211</v>
      </c>
      <c r="E6383" s="1" t="s">
        <v>0</v>
      </c>
    </row>
    <row r="6384" spans="1:5" x14ac:dyDescent="0.25">
      <c r="A6384" s="1" t="s">
        <v>22031</v>
      </c>
      <c r="B6384" s="1" t="s">
        <v>6833</v>
      </c>
      <c r="C6384" s="1" t="s">
        <v>22032</v>
      </c>
      <c r="D6384" s="2">
        <v>159212</v>
      </c>
      <c r="E6384" s="1" t="s">
        <v>0</v>
      </c>
    </row>
    <row r="6385" spans="1:5" ht="409.5" x14ac:dyDescent="0.25">
      <c r="A6385" s="4" t="s">
        <v>22033</v>
      </c>
      <c r="B6385" s="1" t="s">
        <v>58263</v>
      </c>
      <c r="C6385" s="1" t="s">
        <v>22034</v>
      </c>
      <c r="D6385" s="2">
        <v>159213</v>
      </c>
      <c r="E6385" s="1" t="s">
        <v>0</v>
      </c>
    </row>
    <row r="6386" spans="1:5" x14ac:dyDescent="0.25">
      <c r="A6386" s="1" t="s">
        <v>22035</v>
      </c>
      <c r="B6386" s="1" t="s">
        <v>60999</v>
      </c>
      <c r="C6386" s="1" t="s">
        <v>22036</v>
      </c>
      <c r="D6386" s="2">
        <v>159214</v>
      </c>
      <c r="E6386" s="1" t="s">
        <v>0</v>
      </c>
    </row>
    <row r="6387" spans="1:5" x14ac:dyDescent="0.25">
      <c r="A6387" s="2">
        <v>1277</v>
      </c>
      <c r="B6387" s="2">
        <v>1277</v>
      </c>
      <c r="C6387" s="1" t="s">
        <v>0</v>
      </c>
      <c r="D6387" s="2">
        <v>159215</v>
      </c>
      <c r="E6387" s="1" t="s">
        <v>0</v>
      </c>
    </row>
    <row r="6388" spans="1:5" x14ac:dyDescent="0.25">
      <c r="A6388" s="1" t="s">
        <v>1185</v>
      </c>
      <c r="B6388" s="1" t="s">
        <v>52480</v>
      </c>
      <c r="C6388" s="1" t="s">
        <v>22037</v>
      </c>
      <c r="D6388" s="2">
        <v>159216</v>
      </c>
      <c r="E6388" s="1" t="s">
        <v>0</v>
      </c>
    </row>
    <row r="6389" spans="1:5" x14ac:dyDescent="0.25">
      <c r="A6389" s="1" t="s">
        <v>22038</v>
      </c>
      <c r="B6389" s="1" t="s">
        <v>63648</v>
      </c>
      <c r="C6389" s="1" t="s">
        <v>22039</v>
      </c>
      <c r="D6389" s="2">
        <v>159217</v>
      </c>
      <c r="E6389" s="1" t="s">
        <v>0</v>
      </c>
    </row>
    <row r="6390" spans="1:5" ht="409.5" x14ac:dyDescent="0.25">
      <c r="A6390" s="4" t="s">
        <v>64059</v>
      </c>
      <c r="B6390" s="1" t="s">
        <v>63649</v>
      </c>
      <c r="C6390" s="1" t="s">
        <v>22040</v>
      </c>
      <c r="D6390" s="2">
        <v>159218</v>
      </c>
      <c r="E6390" s="1" t="s">
        <v>0</v>
      </c>
    </row>
    <row r="6391" spans="1:5" x14ac:dyDescent="0.25">
      <c r="A6391" s="1" t="s">
        <v>22041</v>
      </c>
      <c r="B6391" s="1" t="s">
        <v>6834</v>
      </c>
      <c r="C6391" s="1" t="s">
        <v>22042</v>
      </c>
      <c r="D6391" s="2">
        <v>159219</v>
      </c>
      <c r="E6391" s="1" t="s">
        <v>0</v>
      </c>
    </row>
    <row r="6392" spans="1:5" x14ac:dyDescent="0.25">
      <c r="A6392" s="2">
        <v>1278</v>
      </c>
      <c r="B6392" s="2">
        <v>1278</v>
      </c>
      <c r="C6392" s="1" t="s">
        <v>0</v>
      </c>
      <c r="D6392" s="2">
        <v>159220</v>
      </c>
      <c r="E6392" s="1" t="s">
        <v>0</v>
      </c>
    </row>
    <row r="6393" spans="1:5" x14ac:dyDescent="0.25">
      <c r="A6393" s="1" t="s">
        <v>1186</v>
      </c>
      <c r="B6393" s="1" t="s">
        <v>6835</v>
      </c>
      <c r="C6393" s="1" t="s">
        <v>22043</v>
      </c>
      <c r="D6393" s="2">
        <v>159221</v>
      </c>
      <c r="E6393" s="1" t="s">
        <v>0</v>
      </c>
    </row>
    <row r="6394" spans="1:5" x14ac:dyDescent="0.25">
      <c r="A6394" s="1" t="s">
        <v>22044</v>
      </c>
      <c r="B6394" s="1" t="s">
        <v>50545</v>
      </c>
      <c r="C6394" s="1" t="s">
        <v>22045</v>
      </c>
      <c r="D6394" s="2">
        <v>159222</v>
      </c>
      <c r="E6394" s="1" t="s">
        <v>0</v>
      </c>
    </row>
    <row r="6395" spans="1:5" ht="409.5" x14ac:dyDescent="0.25">
      <c r="A6395" s="4" t="s">
        <v>22046</v>
      </c>
      <c r="B6395" s="1" t="s">
        <v>50546</v>
      </c>
      <c r="C6395" s="1" t="s">
        <v>22047</v>
      </c>
      <c r="D6395" s="2">
        <v>159223</v>
      </c>
      <c r="E6395" s="1" t="s">
        <v>0</v>
      </c>
    </row>
    <row r="6396" spans="1:5" x14ac:dyDescent="0.25">
      <c r="A6396" s="1" t="s">
        <v>22048</v>
      </c>
      <c r="B6396" s="1" t="s">
        <v>61000</v>
      </c>
      <c r="C6396" s="1" t="s">
        <v>22049</v>
      </c>
      <c r="D6396" s="2">
        <v>159224</v>
      </c>
      <c r="E6396" s="1" t="s">
        <v>0</v>
      </c>
    </row>
    <row r="6397" spans="1:5" x14ac:dyDescent="0.25">
      <c r="A6397" s="2">
        <v>1279</v>
      </c>
      <c r="B6397" s="2">
        <v>1279</v>
      </c>
      <c r="C6397" s="1" t="s">
        <v>0</v>
      </c>
      <c r="D6397" s="2">
        <v>159225</v>
      </c>
      <c r="E6397" s="1" t="s">
        <v>0</v>
      </c>
    </row>
    <row r="6398" spans="1:5" x14ac:dyDescent="0.25">
      <c r="A6398" s="1" t="s">
        <v>1187</v>
      </c>
      <c r="B6398" s="1" t="s">
        <v>52481</v>
      </c>
      <c r="C6398" s="1" t="s">
        <v>22050</v>
      </c>
      <c r="D6398" s="2">
        <v>159226</v>
      </c>
      <c r="E6398" s="1" t="s">
        <v>0</v>
      </c>
    </row>
    <row r="6399" spans="1:5" x14ac:dyDescent="0.25">
      <c r="A6399" s="1" t="s">
        <v>22051</v>
      </c>
      <c r="B6399" s="1" t="s">
        <v>52482</v>
      </c>
      <c r="C6399" s="1" t="s">
        <v>22052</v>
      </c>
      <c r="D6399" s="2">
        <v>159227</v>
      </c>
      <c r="E6399" s="1" t="s">
        <v>0</v>
      </c>
    </row>
    <row r="6400" spans="1:5" ht="409.5" x14ac:dyDescent="0.25">
      <c r="A6400" s="4" t="s">
        <v>22053</v>
      </c>
      <c r="B6400" s="1" t="s">
        <v>61001</v>
      </c>
      <c r="C6400" s="1" t="s">
        <v>22054</v>
      </c>
      <c r="D6400" s="2">
        <v>159228</v>
      </c>
      <c r="E6400" s="1" t="s">
        <v>0</v>
      </c>
    </row>
    <row r="6401" spans="1:5" x14ac:dyDescent="0.25">
      <c r="A6401" s="1" t="s">
        <v>22055</v>
      </c>
      <c r="B6401" s="1" t="s">
        <v>6836</v>
      </c>
      <c r="C6401" s="1" t="s">
        <v>22056</v>
      </c>
      <c r="D6401" s="2">
        <v>159229</v>
      </c>
      <c r="E6401" s="1" t="s">
        <v>0</v>
      </c>
    </row>
    <row r="6402" spans="1:5" x14ac:dyDescent="0.25">
      <c r="A6402" s="2">
        <v>1280</v>
      </c>
      <c r="B6402" s="2">
        <v>1280</v>
      </c>
      <c r="C6402" s="1" t="s">
        <v>0</v>
      </c>
      <c r="D6402" s="2">
        <v>159230</v>
      </c>
      <c r="E6402" s="1" t="s">
        <v>0</v>
      </c>
    </row>
    <row r="6403" spans="1:5" x14ac:dyDescent="0.25">
      <c r="A6403" s="1" t="s">
        <v>1188</v>
      </c>
      <c r="B6403" s="1" t="s">
        <v>6837</v>
      </c>
      <c r="C6403" s="1" t="s">
        <v>22057</v>
      </c>
      <c r="D6403" s="2">
        <v>159231</v>
      </c>
      <c r="E6403" s="1" t="s">
        <v>0</v>
      </c>
    </row>
    <row r="6404" spans="1:5" x14ac:dyDescent="0.25">
      <c r="A6404" s="1" t="s">
        <v>22058</v>
      </c>
      <c r="B6404" s="1" t="s">
        <v>52483</v>
      </c>
      <c r="C6404" s="1" t="s">
        <v>22059</v>
      </c>
      <c r="D6404" s="2">
        <v>159232</v>
      </c>
      <c r="E6404" s="1" t="s">
        <v>0</v>
      </c>
    </row>
    <row r="6405" spans="1:5" ht="409.5" x14ac:dyDescent="0.25">
      <c r="A6405" s="4" t="s">
        <v>22060</v>
      </c>
      <c r="B6405" s="1" t="s">
        <v>57766</v>
      </c>
      <c r="C6405" s="1" t="s">
        <v>22061</v>
      </c>
      <c r="D6405" s="2">
        <v>159233</v>
      </c>
      <c r="E6405" s="1" t="s">
        <v>0</v>
      </c>
    </row>
    <row r="6406" spans="1:5" x14ac:dyDescent="0.25">
      <c r="A6406" s="1" t="s">
        <v>22062</v>
      </c>
      <c r="B6406" s="1" t="s">
        <v>6838</v>
      </c>
      <c r="C6406" s="1" t="s">
        <v>22063</v>
      </c>
      <c r="D6406" s="2">
        <v>159234</v>
      </c>
      <c r="E6406" s="1" t="s">
        <v>0</v>
      </c>
    </row>
    <row r="6407" spans="1:5" x14ac:dyDescent="0.25">
      <c r="A6407" s="2">
        <v>1281</v>
      </c>
      <c r="B6407" s="2">
        <v>1281</v>
      </c>
      <c r="C6407" s="1" t="s">
        <v>0</v>
      </c>
      <c r="D6407" s="2">
        <v>159235</v>
      </c>
      <c r="E6407" s="1" t="s">
        <v>0</v>
      </c>
    </row>
    <row r="6408" spans="1:5" x14ac:dyDescent="0.25">
      <c r="A6408" s="1" t="s">
        <v>1189</v>
      </c>
      <c r="B6408" s="1" t="s">
        <v>50547</v>
      </c>
      <c r="C6408" s="1" t="s">
        <v>22064</v>
      </c>
      <c r="D6408" s="2">
        <v>159236</v>
      </c>
      <c r="E6408" s="1" t="s">
        <v>0</v>
      </c>
    </row>
    <row r="6409" spans="1:5" x14ac:dyDescent="0.25">
      <c r="A6409" s="1" t="s">
        <v>22065</v>
      </c>
      <c r="B6409" s="1" t="s">
        <v>50548</v>
      </c>
      <c r="C6409" s="1" t="s">
        <v>22066</v>
      </c>
      <c r="D6409" s="2">
        <v>159237</v>
      </c>
      <c r="E6409" s="1" t="s">
        <v>0</v>
      </c>
    </row>
    <row r="6410" spans="1:5" ht="409.5" x14ac:dyDescent="0.25">
      <c r="A6410" s="4" t="s">
        <v>22067</v>
      </c>
      <c r="B6410" s="1" t="s">
        <v>50549</v>
      </c>
      <c r="C6410" s="1" t="s">
        <v>22068</v>
      </c>
      <c r="D6410" s="2">
        <v>159238</v>
      </c>
      <c r="E6410" s="1" t="s">
        <v>0</v>
      </c>
    </row>
    <row r="6411" spans="1:5" x14ac:dyDescent="0.25">
      <c r="A6411" s="1" t="s">
        <v>22069</v>
      </c>
      <c r="B6411" s="1" t="s">
        <v>57163</v>
      </c>
      <c r="C6411" s="1" t="s">
        <v>22070</v>
      </c>
      <c r="D6411" s="2">
        <v>159239</v>
      </c>
      <c r="E6411" s="1" t="s">
        <v>0</v>
      </c>
    </row>
    <row r="6412" spans="1:5" x14ac:dyDescent="0.25">
      <c r="A6412" s="2">
        <v>1282</v>
      </c>
      <c r="B6412" s="2">
        <v>1282</v>
      </c>
      <c r="C6412" s="1" t="s">
        <v>0</v>
      </c>
      <c r="D6412" s="2">
        <v>159240</v>
      </c>
      <c r="E6412" s="1" t="s">
        <v>0</v>
      </c>
    </row>
    <row r="6413" spans="1:5" x14ac:dyDescent="0.25">
      <c r="A6413" s="1" t="s">
        <v>1190</v>
      </c>
      <c r="B6413" s="1" t="s">
        <v>6839</v>
      </c>
      <c r="C6413" s="1" t="s">
        <v>22071</v>
      </c>
      <c r="D6413" s="2">
        <v>159241</v>
      </c>
      <c r="E6413" s="1" t="s">
        <v>0</v>
      </c>
    </row>
    <row r="6414" spans="1:5" x14ac:dyDescent="0.25">
      <c r="A6414" s="1" t="s">
        <v>22072</v>
      </c>
      <c r="B6414" s="1" t="s">
        <v>6840</v>
      </c>
      <c r="C6414" s="1" t="s">
        <v>22073</v>
      </c>
      <c r="D6414" s="2">
        <v>159242</v>
      </c>
      <c r="E6414" s="1" t="s">
        <v>0</v>
      </c>
    </row>
    <row r="6415" spans="1:5" ht="409.5" x14ac:dyDescent="0.25">
      <c r="A6415" s="4" t="s">
        <v>22074</v>
      </c>
      <c r="B6415" s="1" t="s">
        <v>60408</v>
      </c>
      <c r="C6415" s="1" t="s">
        <v>22075</v>
      </c>
      <c r="D6415" s="2">
        <v>159243</v>
      </c>
      <c r="E6415" s="1" t="s">
        <v>0</v>
      </c>
    </row>
    <row r="6416" spans="1:5" x14ac:dyDescent="0.25">
      <c r="A6416" s="1" t="s">
        <v>22076</v>
      </c>
      <c r="B6416" s="1" t="s">
        <v>6841</v>
      </c>
      <c r="C6416" s="1" t="s">
        <v>22077</v>
      </c>
      <c r="D6416" s="2">
        <v>159244</v>
      </c>
      <c r="E6416" s="1" t="s">
        <v>0</v>
      </c>
    </row>
    <row r="6417" spans="1:5" x14ac:dyDescent="0.25">
      <c r="A6417" s="2">
        <v>1283</v>
      </c>
      <c r="B6417" s="2">
        <v>1283</v>
      </c>
      <c r="C6417" s="1" t="s">
        <v>0</v>
      </c>
      <c r="D6417" s="2">
        <v>159245</v>
      </c>
      <c r="E6417" s="1" t="s">
        <v>0</v>
      </c>
    </row>
    <row r="6418" spans="1:5" x14ac:dyDescent="0.25">
      <c r="A6418" s="1" t="s">
        <v>1191</v>
      </c>
      <c r="B6418" s="1" t="s">
        <v>6842</v>
      </c>
      <c r="C6418" s="1" t="s">
        <v>22078</v>
      </c>
      <c r="D6418" s="2">
        <v>159246</v>
      </c>
      <c r="E6418" s="1" t="s">
        <v>0</v>
      </c>
    </row>
    <row r="6419" spans="1:5" x14ac:dyDescent="0.25">
      <c r="A6419" s="1" t="s">
        <v>22079</v>
      </c>
      <c r="B6419" s="1" t="s">
        <v>52484</v>
      </c>
      <c r="C6419" s="1" t="s">
        <v>22080</v>
      </c>
      <c r="D6419" s="2">
        <v>159247</v>
      </c>
      <c r="E6419" s="1" t="s">
        <v>0</v>
      </c>
    </row>
    <row r="6420" spans="1:5" ht="409.5" x14ac:dyDescent="0.25">
      <c r="A6420" s="4" t="s">
        <v>22081</v>
      </c>
      <c r="B6420" s="1" t="s">
        <v>52485</v>
      </c>
      <c r="C6420" s="1" t="s">
        <v>22082</v>
      </c>
      <c r="D6420" s="2">
        <v>159248</v>
      </c>
      <c r="E6420" s="1" t="s">
        <v>0</v>
      </c>
    </row>
    <row r="6421" spans="1:5" x14ac:dyDescent="0.25">
      <c r="A6421" s="1" t="s">
        <v>22083</v>
      </c>
      <c r="B6421" s="1" t="s">
        <v>6843</v>
      </c>
      <c r="C6421" s="1" t="s">
        <v>22084</v>
      </c>
      <c r="D6421" s="2">
        <v>159249</v>
      </c>
      <c r="E6421" s="1" t="s">
        <v>0</v>
      </c>
    </row>
    <row r="6422" spans="1:5" x14ac:dyDescent="0.25">
      <c r="A6422" s="2">
        <v>1284</v>
      </c>
      <c r="B6422" s="2">
        <v>1284</v>
      </c>
      <c r="C6422" s="1" t="s">
        <v>0</v>
      </c>
      <c r="D6422" s="2">
        <v>159250</v>
      </c>
      <c r="E6422" s="1" t="s">
        <v>0</v>
      </c>
    </row>
    <row r="6423" spans="1:5" x14ac:dyDescent="0.25">
      <c r="A6423" s="1" t="s">
        <v>1192</v>
      </c>
      <c r="B6423" s="1" t="s">
        <v>6844</v>
      </c>
      <c r="C6423" s="1" t="s">
        <v>22085</v>
      </c>
      <c r="D6423" s="2">
        <v>159251</v>
      </c>
      <c r="E6423" s="1" t="s">
        <v>0</v>
      </c>
    </row>
    <row r="6424" spans="1:5" x14ac:dyDescent="0.25">
      <c r="A6424" s="1" t="s">
        <v>22086</v>
      </c>
      <c r="B6424" s="1" t="s">
        <v>6845</v>
      </c>
      <c r="C6424" s="1" t="s">
        <v>22087</v>
      </c>
      <c r="D6424" s="2">
        <v>159252</v>
      </c>
      <c r="E6424" s="1" t="s">
        <v>0</v>
      </c>
    </row>
    <row r="6425" spans="1:5" ht="409.5" x14ac:dyDescent="0.25">
      <c r="A6425" s="4" t="s">
        <v>22088</v>
      </c>
      <c r="B6425" s="1" t="s">
        <v>6846</v>
      </c>
      <c r="C6425" s="1" t="s">
        <v>22089</v>
      </c>
      <c r="D6425" s="2">
        <v>159253</v>
      </c>
      <c r="E6425" s="1" t="s">
        <v>0</v>
      </c>
    </row>
    <row r="6426" spans="1:5" x14ac:dyDescent="0.25">
      <c r="A6426" s="1" t="s">
        <v>22090</v>
      </c>
      <c r="B6426" s="1" t="s">
        <v>52486</v>
      </c>
      <c r="C6426" s="1" t="s">
        <v>22091</v>
      </c>
      <c r="D6426" s="2">
        <v>159254</v>
      </c>
      <c r="E6426" s="1" t="s">
        <v>0</v>
      </c>
    </row>
    <row r="6427" spans="1:5" x14ac:dyDescent="0.25">
      <c r="A6427" s="2">
        <v>1285</v>
      </c>
      <c r="B6427" s="2">
        <v>1285</v>
      </c>
      <c r="C6427" s="1" t="s">
        <v>0</v>
      </c>
      <c r="D6427" s="2">
        <v>159255</v>
      </c>
      <c r="E6427" s="1" t="s">
        <v>0</v>
      </c>
    </row>
    <row r="6428" spans="1:5" x14ac:dyDescent="0.25">
      <c r="A6428" s="1" t="s">
        <v>1193</v>
      </c>
      <c r="B6428" s="1" t="s">
        <v>6847</v>
      </c>
      <c r="C6428" s="1" t="s">
        <v>22092</v>
      </c>
      <c r="D6428" s="2">
        <v>159256</v>
      </c>
      <c r="E6428" s="1" t="s">
        <v>0</v>
      </c>
    </row>
    <row r="6429" spans="1:5" x14ac:dyDescent="0.25">
      <c r="A6429" s="1" t="s">
        <v>22093</v>
      </c>
      <c r="B6429" s="1" t="s">
        <v>13037</v>
      </c>
      <c r="C6429" s="1" t="s">
        <v>22094</v>
      </c>
      <c r="D6429" s="2">
        <v>159257</v>
      </c>
      <c r="E6429" s="1" t="s">
        <v>0</v>
      </c>
    </row>
    <row r="6430" spans="1:5" ht="409.5" x14ac:dyDescent="0.25">
      <c r="A6430" s="4" t="s">
        <v>22095</v>
      </c>
      <c r="B6430" s="1" t="s">
        <v>58993</v>
      </c>
      <c r="C6430" s="1" t="s">
        <v>22096</v>
      </c>
      <c r="D6430" s="2">
        <v>159258</v>
      </c>
      <c r="E6430" s="1" t="s">
        <v>0</v>
      </c>
    </row>
    <row r="6431" spans="1:5" x14ac:dyDescent="0.25">
      <c r="A6431" s="1" t="s">
        <v>22097</v>
      </c>
      <c r="B6431" s="1" t="s">
        <v>6848</v>
      </c>
      <c r="C6431" s="1" t="s">
        <v>22098</v>
      </c>
      <c r="D6431" s="2">
        <v>159259</v>
      </c>
      <c r="E6431" s="1" t="s">
        <v>0</v>
      </c>
    </row>
    <row r="6432" spans="1:5" x14ac:dyDescent="0.25">
      <c r="A6432" s="2">
        <v>1286</v>
      </c>
      <c r="B6432" s="2">
        <v>1286</v>
      </c>
      <c r="C6432" s="1" t="s">
        <v>0</v>
      </c>
      <c r="D6432" s="2">
        <v>159260</v>
      </c>
      <c r="E6432" s="1" t="s">
        <v>0</v>
      </c>
    </row>
    <row r="6433" spans="1:5" x14ac:dyDescent="0.25">
      <c r="A6433" s="1" t="s">
        <v>1194</v>
      </c>
      <c r="B6433" s="1" t="s">
        <v>6849</v>
      </c>
      <c r="C6433" s="1" t="s">
        <v>22099</v>
      </c>
      <c r="D6433" s="2">
        <v>159261</v>
      </c>
      <c r="E6433" s="1" t="s">
        <v>0</v>
      </c>
    </row>
    <row r="6434" spans="1:5" x14ac:dyDescent="0.25">
      <c r="A6434" s="1" t="s">
        <v>22100</v>
      </c>
      <c r="B6434" s="1" t="s">
        <v>6850</v>
      </c>
      <c r="C6434" s="1" t="s">
        <v>22101</v>
      </c>
      <c r="D6434" s="2">
        <v>159262</v>
      </c>
      <c r="E6434" s="1" t="s">
        <v>0</v>
      </c>
    </row>
    <row r="6435" spans="1:5" ht="409.5" x14ac:dyDescent="0.25">
      <c r="A6435" s="4" t="s">
        <v>22102</v>
      </c>
      <c r="B6435" s="1" t="s">
        <v>52487</v>
      </c>
      <c r="C6435" s="1" t="s">
        <v>22103</v>
      </c>
      <c r="D6435" s="2">
        <v>159263</v>
      </c>
      <c r="E6435" s="1" t="s">
        <v>0</v>
      </c>
    </row>
    <row r="6436" spans="1:5" x14ac:dyDescent="0.25">
      <c r="A6436" s="1" t="s">
        <v>22104</v>
      </c>
      <c r="B6436" s="1" t="s">
        <v>6851</v>
      </c>
      <c r="C6436" s="1" t="s">
        <v>22105</v>
      </c>
      <c r="D6436" s="2">
        <v>159264</v>
      </c>
      <c r="E6436" s="1" t="s">
        <v>0</v>
      </c>
    </row>
    <row r="6437" spans="1:5" x14ac:dyDescent="0.25">
      <c r="A6437" s="2">
        <v>1287</v>
      </c>
      <c r="B6437" s="2">
        <v>1287</v>
      </c>
      <c r="C6437" s="1" t="s">
        <v>0</v>
      </c>
      <c r="D6437" s="2">
        <v>159265</v>
      </c>
      <c r="E6437" s="1" t="s">
        <v>0</v>
      </c>
    </row>
    <row r="6438" spans="1:5" x14ac:dyDescent="0.25">
      <c r="A6438" s="1" t="s">
        <v>1195</v>
      </c>
      <c r="B6438" s="1" t="s">
        <v>6852</v>
      </c>
      <c r="C6438" s="1" t="s">
        <v>22106</v>
      </c>
      <c r="D6438" s="2">
        <v>159266</v>
      </c>
      <c r="E6438" s="1" t="s">
        <v>0</v>
      </c>
    </row>
    <row r="6439" spans="1:5" x14ac:dyDescent="0.25">
      <c r="A6439" s="1" t="s">
        <v>22107</v>
      </c>
      <c r="B6439" s="1" t="s">
        <v>6853</v>
      </c>
      <c r="C6439" s="1" t="s">
        <v>22108</v>
      </c>
      <c r="D6439" s="2">
        <v>159267</v>
      </c>
      <c r="E6439" s="1" t="s">
        <v>0</v>
      </c>
    </row>
    <row r="6440" spans="1:5" ht="409.5" x14ac:dyDescent="0.25">
      <c r="A6440" s="4" t="s">
        <v>22109</v>
      </c>
      <c r="B6440" s="1" t="s">
        <v>57767</v>
      </c>
      <c r="C6440" s="1" t="s">
        <v>22110</v>
      </c>
      <c r="D6440" s="2">
        <v>159268</v>
      </c>
      <c r="E6440" s="1" t="s">
        <v>0</v>
      </c>
    </row>
    <row r="6441" spans="1:5" x14ac:dyDescent="0.25">
      <c r="A6441" s="1" t="s">
        <v>22111</v>
      </c>
      <c r="B6441" s="1" t="s">
        <v>6854</v>
      </c>
      <c r="C6441" s="1" t="s">
        <v>22112</v>
      </c>
      <c r="D6441" s="2">
        <v>159269</v>
      </c>
      <c r="E6441" s="1" t="s">
        <v>0</v>
      </c>
    </row>
    <row r="6442" spans="1:5" x14ac:dyDescent="0.25">
      <c r="A6442" s="2">
        <v>1288</v>
      </c>
      <c r="B6442" s="2">
        <v>1288</v>
      </c>
      <c r="C6442" s="1" t="s">
        <v>0</v>
      </c>
      <c r="D6442" s="2">
        <v>159270</v>
      </c>
      <c r="E6442" s="1" t="s">
        <v>0</v>
      </c>
    </row>
    <row r="6443" spans="1:5" x14ac:dyDescent="0.25">
      <c r="A6443" s="1" t="s">
        <v>6855</v>
      </c>
      <c r="B6443" s="1" t="s">
        <v>6856</v>
      </c>
      <c r="C6443" s="1" t="s">
        <v>22113</v>
      </c>
      <c r="D6443" s="2">
        <v>159271</v>
      </c>
      <c r="E6443" s="1" t="s">
        <v>0</v>
      </c>
    </row>
    <row r="6444" spans="1:5" x14ac:dyDescent="0.25">
      <c r="A6444" s="1" t="s">
        <v>22114</v>
      </c>
      <c r="B6444" s="1" t="s">
        <v>52488</v>
      </c>
      <c r="C6444" s="1" t="s">
        <v>22115</v>
      </c>
      <c r="D6444" s="2">
        <v>159272</v>
      </c>
      <c r="E6444" s="1" t="s">
        <v>0</v>
      </c>
    </row>
    <row r="6445" spans="1:5" ht="409.5" x14ac:dyDescent="0.25">
      <c r="A6445" s="4" t="s">
        <v>22116</v>
      </c>
      <c r="B6445" s="1" t="s">
        <v>58264</v>
      </c>
      <c r="C6445" s="1" t="s">
        <v>22117</v>
      </c>
      <c r="D6445" s="2">
        <v>159273</v>
      </c>
      <c r="E6445" s="1" t="s">
        <v>0</v>
      </c>
    </row>
    <row r="6446" spans="1:5" x14ac:dyDescent="0.25">
      <c r="A6446" s="1" t="s">
        <v>22118</v>
      </c>
      <c r="B6446" s="1" t="s">
        <v>52489</v>
      </c>
      <c r="C6446" s="1" t="s">
        <v>22119</v>
      </c>
      <c r="D6446" s="2">
        <v>159274</v>
      </c>
      <c r="E6446" s="1" t="s">
        <v>0</v>
      </c>
    </row>
    <row r="6447" spans="1:5" x14ac:dyDescent="0.25">
      <c r="A6447" s="2">
        <v>1289</v>
      </c>
      <c r="B6447" s="2">
        <v>1289</v>
      </c>
      <c r="C6447" s="1" t="s">
        <v>0</v>
      </c>
      <c r="D6447" s="2">
        <v>159275</v>
      </c>
      <c r="E6447" s="1" t="s">
        <v>0</v>
      </c>
    </row>
    <row r="6448" spans="1:5" x14ac:dyDescent="0.25">
      <c r="A6448" s="1" t="s">
        <v>1196</v>
      </c>
      <c r="B6448" s="1" t="s">
        <v>50550</v>
      </c>
      <c r="C6448" s="1" t="s">
        <v>22120</v>
      </c>
      <c r="D6448" s="2">
        <v>159276</v>
      </c>
      <c r="E6448" s="1" t="s">
        <v>0</v>
      </c>
    </row>
    <row r="6449" spans="1:5" x14ac:dyDescent="0.25">
      <c r="A6449" s="1" t="s">
        <v>22121</v>
      </c>
      <c r="B6449" s="1" t="s">
        <v>52490</v>
      </c>
      <c r="C6449" s="1" t="s">
        <v>22122</v>
      </c>
      <c r="D6449" s="2">
        <v>159277</v>
      </c>
      <c r="E6449" s="1" t="s">
        <v>0</v>
      </c>
    </row>
    <row r="6450" spans="1:5" ht="409.5" x14ac:dyDescent="0.25">
      <c r="A6450" s="4" t="s">
        <v>22123</v>
      </c>
      <c r="B6450" s="1" t="s">
        <v>52491</v>
      </c>
      <c r="C6450" s="1" t="s">
        <v>22124</v>
      </c>
      <c r="D6450" s="2">
        <v>159278</v>
      </c>
      <c r="E6450" s="1" t="s">
        <v>0</v>
      </c>
    </row>
    <row r="6451" spans="1:5" x14ac:dyDescent="0.25">
      <c r="A6451" s="1" t="s">
        <v>22125</v>
      </c>
      <c r="B6451" s="1" t="s">
        <v>52492</v>
      </c>
      <c r="C6451" s="1" t="s">
        <v>22126</v>
      </c>
      <c r="D6451" s="2">
        <v>159279</v>
      </c>
      <c r="E6451" s="1" t="s">
        <v>0</v>
      </c>
    </row>
    <row r="6452" spans="1:5" x14ac:dyDescent="0.25">
      <c r="A6452" s="2">
        <v>1290</v>
      </c>
      <c r="B6452" s="2">
        <v>1290</v>
      </c>
      <c r="C6452" s="1" t="s">
        <v>0</v>
      </c>
      <c r="D6452" s="2">
        <v>159280</v>
      </c>
      <c r="E6452" s="1" t="s">
        <v>0</v>
      </c>
    </row>
    <row r="6453" spans="1:5" x14ac:dyDescent="0.25">
      <c r="A6453" s="1" t="s">
        <v>1197</v>
      </c>
      <c r="B6453" s="1" t="s">
        <v>50551</v>
      </c>
      <c r="C6453" s="1" t="s">
        <v>22127</v>
      </c>
      <c r="D6453" s="2">
        <v>159281</v>
      </c>
      <c r="E6453" s="1" t="s">
        <v>0</v>
      </c>
    </row>
    <row r="6454" spans="1:5" x14ac:dyDescent="0.25">
      <c r="A6454" s="1" t="s">
        <v>22128</v>
      </c>
      <c r="B6454" s="1" t="s">
        <v>50552</v>
      </c>
      <c r="C6454" s="1" t="s">
        <v>22129</v>
      </c>
      <c r="D6454" s="2">
        <v>159282</v>
      </c>
      <c r="E6454" s="1" t="s">
        <v>0</v>
      </c>
    </row>
    <row r="6455" spans="1:5" ht="409.5" x14ac:dyDescent="0.25">
      <c r="A6455" s="4" t="s">
        <v>22130</v>
      </c>
      <c r="B6455" s="1" t="s">
        <v>52493</v>
      </c>
      <c r="C6455" s="1" t="s">
        <v>22131</v>
      </c>
      <c r="D6455" s="2">
        <v>159283</v>
      </c>
      <c r="E6455" s="1" t="s">
        <v>0</v>
      </c>
    </row>
    <row r="6456" spans="1:5" x14ac:dyDescent="0.25">
      <c r="A6456" s="1" t="s">
        <v>22132</v>
      </c>
      <c r="B6456" s="1" t="s">
        <v>50553</v>
      </c>
      <c r="C6456" s="1" t="s">
        <v>22133</v>
      </c>
      <c r="D6456" s="2">
        <v>159284</v>
      </c>
      <c r="E6456" s="1" t="s">
        <v>0</v>
      </c>
    </row>
    <row r="6457" spans="1:5" x14ac:dyDescent="0.25">
      <c r="A6457" s="2">
        <v>1291</v>
      </c>
      <c r="B6457" s="2">
        <v>1291</v>
      </c>
      <c r="C6457" s="1" t="s">
        <v>0</v>
      </c>
      <c r="D6457" s="2">
        <v>159285</v>
      </c>
      <c r="E6457" s="1" t="s">
        <v>0</v>
      </c>
    </row>
    <row r="6458" spans="1:5" x14ac:dyDescent="0.25">
      <c r="A6458" s="1" t="s">
        <v>1198</v>
      </c>
      <c r="B6458" s="1" t="s">
        <v>6857</v>
      </c>
      <c r="C6458" s="1" t="s">
        <v>22134</v>
      </c>
      <c r="D6458" s="2">
        <v>159286</v>
      </c>
      <c r="E6458" s="1" t="s">
        <v>0</v>
      </c>
    </row>
    <row r="6459" spans="1:5" x14ac:dyDescent="0.25">
      <c r="A6459" s="1" t="s">
        <v>22135</v>
      </c>
      <c r="B6459" s="1" t="s">
        <v>52494</v>
      </c>
      <c r="C6459" s="1" t="s">
        <v>22136</v>
      </c>
      <c r="D6459" s="2">
        <v>159287</v>
      </c>
      <c r="E6459" s="1" t="s">
        <v>0</v>
      </c>
    </row>
    <row r="6460" spans="1:5" ht="409.5" x14ac:dyDescent="0.25">
      <c r="A6460" s="4" t="s">
        <v>22137</v>
      </c>
      <c r="B6460" s="1" t="s">
        <v>52495</v>
      </c>
      <c r="C6460" s="1" t="s">
        <v>22138</v>
      </c>
      <c r="D6460" s="2">
        <v>159288</v>
      </c>
      <c r="E6460" s="1" t="s">
        <v>0</v>
      </c>
    </row>
    <row r="6461" spans="1:5" x14ac:dyDescent="0.25">
      <c r="A6461" s="1" t="s">
        <v>22139</v>
      </c>
      <c r="B6461" s="1" t="s">
        <v>61002</v>
      </c>
      <c r="C6461" s="1" t="s">
        <v>22140</v>
      </c>
      <c r="D6461" s="2">
        <v>159289</v>
      </c>
      <c r="E6461" s="1" t="s">
        <v>0</v>
      </c>
    </row>
    <row r="6462" spans="1:5" x14ac:dyDescent="0.25">
      <c r="A6462" s="2">
        <v>1292</v>
      </c>
      <c r="B6462" s="2">
        <v>1292</v>
      </c>
      <c r="C6462" s="1" t="s">
        <v>0</v>
      </c>
      <c r="D6462" s="2">
        <v>159290</v>
      </c>
      <c r="E6462" s="1" t="s">
        <v>0</v>
      </c>
    </row>
    <row r="6463" spans="1:5" x14ac:dyDescent="0.25">
      <c r="A6463" s="1" t="s">
        <v>1199</v>
      </c>
      <c r="B6463" s="1" t="s">
        <v>6858</v>
      </c>
      <c r="C6463" s="1" t="s">
        <v>22141</v>
      </c>
      <c r="D6463" s="2">
        <v>159291</v>
      </c>
      <c r="E6463" s="1" t="s">
        <v>0</v>
      </c>
    </row>
    <row r="6464" spans="1:5" x14ac:dyDescent="0.25">
      <c r="A6464" s="1" t="s">
        <v>22142</v>
      </c>
      <c r="B6464" s="1" t="s">
        <v>6859</v>
      </c>
      <c r="C6464" s="1" t="s">
        <v>22143</v>
      </c>
      <c r="D6464" s="2">
        <v>159292</v>
      </c>
      <c r="E6464" s="1" t="s">
        <v>0</v>
      </c>
    </row>
    <row r="6465" spans="1:5" ht="409.5" x14ac:dyDescent="0.25">
      <c r="A6465" s="4" t="s">
        <v>22144</v>
      </c>
      <c r="B6465" s="1" t="s">
        <v>57768</v>
      </c>
      <c r="C6465" s="1" t="s">
        <v>22145</v>
      </c>
      <c r="D6465" s="2">
        <v>159293</v>
      </c>
      <c r="E6465" s="1" t="s">
        <v>0</v>
      </c>
    </row>
    <row r="6466" spans="1:5" x14ac:dyDescent="0.25">
      <c r="A6466" s="1" t="s">
        <v>22146</v>
      </c>
      <c r="B6466" s="1" t="s">
        <v>52496</v>
      </c>
      <c r="C6466" s="1" t="s">
        <v>22147</v>
      </c>
      <c r="D6466" s="2">
        <v>159294</v>
      </c>
      <c r="E6466" s="1" t="s">
        <v>0</v>
      </c>
    </row>
    <row r="6467" spans="1:5" x14ac:dyDescent="0.25">
      <c r="A6467" s="2">
        <v>1293</v>
      </c>
      <c r="B6467" s="2">
        <v>1293</v>
      </c>
      <c r="C6467" s="1" t="s">
        <v>0</v>
      </c>
      <c r="D6467" s="2">
        <v>159295</v>
      </c>
      <c r="E6467" s="1" t="s">
        <v>0</v>
      </c>
    </row>
    <row r="6468" spans="1:5" x14ac:dyDescent="0.25">
      <c r="A6468" s="1" t="s">
        <v>1200</v>
      </c>
      <c r="B6468" s="1" t="s">
        <v>6860</v>
      </c>
      <c r="C6468" s="1" t="s">
        <v>22148</v>
      </c>
      <c r="D6468" s="2">
        <v>159296</v>
      </c>
      <c r="E6468" s="1" t="s">
        <v>0</v>
      </c>
    </row>
    <row r="6469" spans="1:5" x14ac:dyDescent="0.25">
      <c r="A6469" s="1" t="s">
        <v>22149</v>
      </c>
      <c r="B6469" s="1" t="s">
        <v>60409</v>
      </c>
      <c r="C6469" s="1" t="s">
        <v>22150</v>
      </c>
      <c r="D6469" s="2">
        <v>159297</v>
      </c>
      <c r="E6469" s="1" t="s">
        <v>0</v>
      </c>
    </row>
    <row r="6470" spans="1:5" ht="409.5" x14ac:dyDescent="0.25">
      <c r="A6470" s="4" t="s">
        <v>22151</v>
      </c>
      <c r="B6470" s="1" t="s">
        <v>60410</v>
      </c>
      <c r="C6470" s="1" t="s">
        <v>22152</v>
      </c>
      <c r="D6470" s="2">
        <v>159298</v>
      </c>
      <c r="E6470" s="1" t="s">
        <v>0</v>
      </c>
    </row>
    <row r="6471" spans="1:5" x14ac:dyDescent="0.25">
      <c r="A6471" s="1" t="s">
        <v>22153</v>
      </c>
      <c r="B6471" s="1" t="s">
        <v>52497</v>
      </c>
      <c r="C6471" s="1" t="s">
        <v>22154</v>
      </c>
      <c r="D6471" s="2">
        <v>159299</v>
      </c>
      <c r="E6471" s="1" t="s">
        <v>0</v>
      </c>
    </row>
    <row r="6472" spans="1:5" x14ac:dyDescent="0.25">
      <c r="A6472" s="2">
        <v>1294</v>
      </c>
      <c r="B6472" s="2">
        <v>1294</v>
      </c>
      <c r="C6472" s="1" t="s">
        <v>0</v>
      </c>
      <c r="D6472" s="2">
        <v>159300</v>
      </c>
      <c r="E6472" s="1" t="s">
        <v>0</v>
      </c>
    </row>
    <row r="6473" spans="1:5" x14ac:dyDescent="0.25">
      <c r="A6473" s="1" t="s">
        <v>1201</v>
      </c>
      <c r="B6473" s="1" t="s">
        <v>6861</v>
      </c>
      <c r="C6473" s="1" t="s">
        <v>22155</v>
      </c>
      <c r="D6473" s="2">
        <v>159301</v>
      </c>
      <c r="E6473" s="1" t="s">
        <v>0</v>
      </c>
    </row>
    <row r="6474" spans="1:5" x14ac:dyDescent="0.25">
      <c r="A6474" s="1" t="s">
        <v>22156</v>
      </c>
      <c r="B6474" s="1" t="s">
        <v>63872</v>
      </c>
      <c r="C6474" s="1" t="s">
        <v>22157</v>
      </c>
      <c r="D6474" s="2">
        <v>159302</v>
      </c>
      <c r="E6474" s="1" t="s">
        <v>0</v>
      </c>
    </row>
    <row r="6475" spans="1:5" ht="409.5" x14ac:dyDescent="0.25">
      <c r="A6475" s="4" t="s">
        <v>22158</v>
      </c>
      <c r="B6475" s="1" t="s">
        <v>63873</v>
      </c>
      <c r="C6475" s="1" t="s">
        <v>22159</v>
      </c>
      <c r="D6475" s="2">
        <v>159303</v>
      </c>
      <c r="E6475" s="1" t="s">
        <v>0</v>
      </c>
    </row>
    <row r="6476" spans="1:5" x14ac:dyDescent="0.25">
      <c r="A6476" s="1" t="s">
        <v>22160</v>
      </c>
      <c r="B6476" s="1" t="s">
        <v>52498</v>
      </c>
      <c r="C6476" s="1" t="s">
        <v>22161</v>
      </c>
      <c r="D6476" s="2">
        <v>159304</v>
      </c>
      <c r="E6476" s="1" t="s">
        <v>0</v>
      </c>
    </row>
    <row r="6477" spans="1:5" x14ac:dyDescent="0.25">
      <c r="A6477" s="2">
        <v>1295</v>
      </c>
      <c r="B6477" s="2">
        <v>1295</v>
      </c>
      <c r="C6477" s="1" t="s">
        <v>0</v>
      </c>
      <c r="D6477" s="2">
        <v>159305</v>
      </c>
      <c r="E6477" s="1" t="s">
        <v>0</v>
      </c>
    </row>
    <row r="6478" spans="1:5" x14ac:dyDescent="0.25">
      <c r="A6478" s="1" t="s">
        <v>1202</v>
      </c>
      <c r="B6478" s="1" t="s">
        <v>6862</v>
      </c>
      <c r="C6478" s="1" t="s">
        <v>22162</v>
      </c>
      <c r="D6478" s="2">
        <v>159306</v>
      </c>
      <c r="E6478" s="1" t="s">
        <v>0</v>
      </c>
    </row>
    <row r="6479" spans="1:5" x14ac:dyDescent="0.25">
      <c r="A6479" s="1" t="s">
        <v>22163</v>
      </c>
      <c r="B6479" s="1" t="s">
        <v>57011</v>
      </c>
      <c r="C6479" s="1" t="s">
        <v>22164</v>
      </c>
      <c r="D6479" s="2">
        <v>159307</v>
      </c>
      <c r="E6479" s="1" t="s">
        <v>0</v>
      </c>
    </row>
    <row r="6480" spans="1:5" ht="409.5" x14ac:dyDescent="0.25">
      <c r="A6480" s="4" t="s">
        <v>22165</v>
      </c>
      <c r="B6480" s="1" t="s">
        <v>57012</v>
      </c>
      <c r="C6480" s="1" t="s">
        <v>22166</v>
      </c>
      <c r="D6480" s="2">
        <v>159308</v>
      </c>
      <c r="E6480" s="1" t="s">
        <v>0</v>
      </c>
    </row>
    <row r="6481" spans="1:5" x14ac:dyDescent="0.25">
      <c r="A6481" s="1" t="s">
        <v>22167</v>
      </c>
      <c r="B6481" s="1" t="s">
        <v>52499</v>
      </c>
      <c r="C6481" s="1" t="s">
        <v>22168</v>
      </c>
      <c r="D6481" s="2">
        <v>159309</v>
      </c>
      <c r="E6481" s="1" t="s">
        <v>0</v>
      </c>
    </row>
    <row r="6482" spans="1:5" x14ac:dyDescent="0.25">
      <c r="A6482" s="2">
        <v>1296</v>
      </c>
      <c r="B6482" s="2">
        <v>1296</v>
      </c>
      <c r="C6482" s="1" t="s">
        <v>0</v>
      </c>
      <c r="D6482" s="2">
        <v>159310</v>
      </c>
      <c r="E6482" s="1" t="s">
        <v>0</v>
      </c>
    </row>
    <row r="6483" spans="1:5" x14ac:dyDescent="0.25">
      <c r="A6483" s="1" t="s">
        <v>1203</v>
      </c>
      <c r="B6483" s="1" t="s">
        <v>60491</v>
      </c>
      <c r="C6483" s="1" t="s">
        <v>22169</v>
      </c>
      <c r="D6483" s="2">
        <v>159311</v>
      </c>
      <c r="E6483" s="1" t="s">
        <v>0</v>
      </c>
    </row>
    <row r="6484" spans="1:5" x14ac:dyDescent="0.25">
      <c r="A6484" s="1" t="s">
        <v>22170</v>
      </c>
      <c r="B6484" s="1" t="s">
        <v>60492</v>
      </c>
      <c r="C6484" s="1" t="s">
        <v>22171</v>
      </c>
      <c r="D6484" s="2">
        <v>159312</v>
      </c>
      <c r="E6484" s="1" t="s">
        <v>0</v>
      </c>
    </row>
    <row r="6485" spans="1:5" ht="409.5" x14ac:dyDescent="0.25">
      <c r="A6485" s="4" t="s">
        <v>22172</v>
      </c>
      <c r="B6485" s="1" t="s">
        <v>61003</v>
      </c>
      <c r="C6485" s="1" t="s">
        <v>22173</v>
      </c>
      <c r="D6485" s="2">
        <v>159313</v>
      </c>
      <c r="E6485" s="1" t="s">
        <v>0</v>
      </c>
    </row>
    <row r="6486" spans="1:5" x14ac:dyDescent="0.25">
      <c r="A6486" s="1" t="s">
        <v>15303</v>
      </c>
      <c r="B6486" s="1" t="s">
        <v>60888</v>
      </c>
      <c r="C6486" s="1" t="s">
        <v>15304</v>
      </c>
      <c r="D6486" s="2">
        <v>159314</v>
      </c>
      <c r="E6486" s="1" t="s">
        <v>0</v>
      </c>
    </row>
    <row r="6487" spans="1:5" x14ac:dyDescent="0.25">
      <c r="A6487" s="2">
        <v>1297</v>
      </c>
      <c r="B6487" s="2">
        <v>1297</v>
      </c>
      <c r="C6487" s="1" t="s">
        <v>0</v>
      </c>
      <c r="D6487" s="2">
        <v>159315</v>
      </c>
      <c r="E6487" s="1" t="s">
        <v>0</v>
      </c>
    </row>
    <row r="6488" spans="1:5" x14ac:dyDescent="0.25">
      <c r="A6488" s="1" t="s">
        <v>1204</v>
      </c>
      <c r="B6488" s="1" t="s">
        <v>52500</v>
      </c>
      <c r="C6488" s="1" t="s">
        <v>22174</v>
      </c>
      <c r="D6488" s="2">
        <v>159316</v>
      </c>
      <c r="E6488" s="1" t="s">
        <v>0</v>
      </c>
    </row>
    <row r="6489" spans="1:5" x14ac:dyDescent="0.25">
      <c r="A6489" s="1" t="s">
        <v>22175</v>
      </c>
      <c r="B6489" s="1" t="s">
        <v>52501</v>
      </c>
      <c r="C6489" s="1" t="s">
        <v>22176</v>
      </c>
      <c r="D6489" s="2">
        <v>159317</v>
      </c>
      <c r="E6489" s="1" t="s">
        <v>0</v>
      </c>
    </row>
    <row r="6490" spans="1:5" ht="409.5" x14ac:dyDescent="0.25">
      <c r="A6490" s="4" t="s">
        <v>22177</v>
      </c>
      <c r="B6490" s="1" t="s">
        <v>52502</v>
      </c>
      <c r="C6490" s="1" t="s">
        <v>22178</v>
      </c>
      <c r="D6490" s="2">
        <v>159318</v>
      </c>
      <c r="E6490" s="1" t="s">
        <v>0</v>
      </c>
    </row>
    <row r="6491" spans="1:5" x14ac:dyDescent="0.25">
      <c r="A6491" s="1" t="s">
        <v>22179</v>
      </c>
      <c r="B6491" s="1" t="s">
        <v>52503</v>
      </c>
      <c r="C6491" s="1" t="s">
        <v>22180</v>
      </c>
      <c r="D6491" s="2">
        <v>159319</v>
      </c>
      <c r="E6491" s="1" t="s">
        <v>0</v>
      </c>
    </row>
    <row r="6492" spans="1:5" x14ac:dyDescent="0.25">
      <c r="A6492" s="2">
        <v>1298</v>
      </c>
      <c r="B6492" s="2">
        <v>1298</v>
      </c>
      <c r="C6492" s="1" t="s">
        <v>0</v>
      </c>
      <c r="D6492" s="2">
        <v>159320</v>
      </c>
      <c r="E6492" s="1" t="s">
        <v>0</v>
      </c>
    </row>
    <row r="6493" spans="1:5" x14ac:dyDescent="0.25">
      <c r="A6493" s="1" t="s">
        <v>1205</v>
      </c>
      <c r="B6493" s="1" t="s">
        <v>6863</v>
      </c>
      <c r="C6493" s="1" t="s">
        <v>22181</v>
      </c>
      <c r="D6493" s="2">
        <v>159321</v>
      </c>
      <c r="E6493" s="1" t="s">
        <v>0</v>
      </c>
    </row>
    <row r="6494" spans="1:5" x14ac:dyDescent="0.25">
      <c r="A6494" s="1" t="s">
        <v>22182</v>
      </c>
      <c r="B6494" s="1" t="s">
        <v>6864</v>
      </c>
      <c r="C6494" s="1" t="s">
        <v>22183</v>
      </c>
      <c r="D6494" s="2">
        <v>159322</v>
      </c>
      <c r="E6494" s="1" t="s">
        <v>0</v>
      </c>
    </row>
    <row r="6495" spans="1:5" ht="409.5" x14ac:dyDescent="0.25">
      <c r="A6495" s="4" t="s">
        <v>22184</v>
      </c>
      <c r="B6495" s="1" t="s">
        <v>60578</v>
      </c>
      <c r="C6495" s="1" t="s">
        <v>22185</v>
      </c>
      <c r="D6495" s="2">
        <v>159323</v>
      </c>
      <c r="E6495" s="1" t="s">
        <v>0</v>
      </c>
    </row>
    <row r="6496" spans="1:5" x14ac:dyDescent="0.25">
      <c r="A6496" s="1" t="s">
        <v>22186</v>
      </c>
      <c r="B6496" s="1" t="s">
        <v>52504</v>
      </c>
      <c r="C6496" s="1" t="s">
        <v>22187</v>
      </c>
      <c r="D6496" s="2">
        <v>159324</v>
      </c>
      <c r="E6496" s="1" t="s">
        <v>0</v>
      </c>
    </row>
    <row r="6497" spans="1:5" x14ac:dyDescent="0.25">
      <c r="A6497" s="2">
        <v>1299</v>
      </c>
      <c r="B6497" s="2">
        <v>1299</v>
      </c>
      <c r="C6497" s="1" t="s">
        <v>0</v>
      </c>
      <c r="D6497" s="2">
        <v>159325</v>
      </c>
      <c r="E6497" s="1" t="s">
        <v>0</v>
      </c>
    </row>
    <row r="6498" spans="1:5" x14ac:dyDescent="0.25">
      <c r="A6498" s="1" t="s">
        <v>1206</v>
      </c>
      <c r="B6498" s="1" t="s">
        <v>6865</v>
      </c>
      <c r="C6498" s="1" t="s">
        <v>22188</v>
      </c>
      <c r="D6498" s="2">
        <v>159326</v>
      </c>
      <c r="E6498" s="1" t="s">
        <v>0</v>
      </c>
    </row>
    <row r="6499" spans="1:5" x14ac:dyDescent="0.25">
      <c r="A6499" s="1" t="s">
        <v>22189</v>
      </c>
      <c r="B6499" s="1" t="s">
        <v>13038</v>
      </c>
      <c r="C6499" s="1" t="s">
        <v>22190</v>
      </c>
      <c r="D6499" s="2">
        <v>159327</v>
      </c>
      <c r="E6499" s="1" t="s">
        <v>0</v>
      </c>
    </row>
    <row r="6500" spans="1:5" ht="409.5" x14ac:dyDescent="0.25">
      <c r="A6500" s="4" t="s">
        <v>22191</v>
      </c>
      <c r="B6500" s="1" t="s">
        <v>52505</v>
      </c>
      <c r="C6500" s="1" t="s">
        <v>22192</v>
      </c>
      <c r="D6500" s="2">
        <v>159328</v>
      </c>
      <c r="E6500" s="1" t="s">
        <v>0</v>
      </c>
    </row>
    <row r="6501" spans="1:5" x14ac:dyDescent="0.25">
      <c r="A6501" s="1" t="s">
        <v>22193</v>
      </c>
      <c r="B6501" s="1" t="s">
        <v>6866</v>
      </c>
      <c r="C6501" s="1" t="s">
        <v>22194</v>
      </c>
      <c r="D6501" s="2">
        <v>159329</v>
      </c>
      <c r="E6501" s="1" t="s">
        <v>0</v>
      </c>
    </row>
    <row r="6502" spans="1:5" x14ac:dyDescent="0.25">
      <c r="A6502" s="2">
        <v>1300</v>
      </c>
      <c r="B6502" s="2">
        <v>1300</v>
      </c>
      <c r="C6502" s="1" t="s">
        <v>0</v>
      </c>
      <c r="D6502" s="2">
        <v>159330</v>
      </c>
      <c r="E6502" s="1" t="s">
        <v>0</v>
      </c>
    </row>
    <row r="6503" spans="1:5" x14ac:dyDescent="0.25">
      <c r="A6503" s="1" t="s">
        <v>1207</v>
      </c>
      <c r="B6503" s="1" t="s">
        <v>52506</v>
      </c>
      <c r="C6503" s="1" t="s">
        <v>22195</v>
      </c>
      <c r="D6503" s="2">
        <v>159331</v>
      </c>
      <c r="E6503" s="1" t="s">
        <v>0</v>
      </c>
    </row>
    <row r="6504" spans="1:5" x14ac:dyDescent="0.25">
      <c r="A6504" s="1" t="s">
        <v>22196</v>
      </c>
      <c r="B6504" s="1" t="s">
        <v>52507</v>
      </c>
      <c r="C6504" s="1" t="s">
        <v>22197</v>
      </c>
      <c r="D6504" s="2">
        <v>159332</v>
      </c>
      <c r="E6504" s="1" t="s">
        <v>0</v>
      </c>
    </row>
    <row r="6505" spans="1:5" ht="409.5" x14ac:dyDescent="0.25">
      <c r="A6505" s="4" t="s">
        <v>22198</v>
      </c>
      <c r="B6505" s="1" t="s">
        <v>52508</v>
      </c>
      <c r="C6505" s="1" t="s">
        <v>22199</v>
      </c>
      <c r="D6505" s="2">
        <v>159333</v>
      </c>
      <c r="E6505" s="1" t="s">
        <v>0</v>
      </c>
    </row>
    <row r="6506" spans="1:5" x14ac:dyDescent="0.25">
      <c r="A6506" s="1" t="s">
        <v>22200</v>
      </c>
      <c r="B6506" s="1" t="s">
        <v>61004</v>
      </c>
      <c r="C6506" s="1" t="s">
        <v>22201</v>
      </c>
      <c r="D6506" s="2">
        <v>159334</v>
      </c>
      <c r="E6506" s="1" t="s">
        <v>0</v>
      </c>
    </row>
    <row r="6507" spans="1:5" x14ac:dyDescent="0.25">
      <c r="A6507" s="2">
        <v>1301</v>
      </c>
      <c r="B6507" s="2">
        <v>1301</v>
      </c>
      <c r="C6507" s="1" t="s">
        <v>0</v>
      </c>
      <c r="D6507" s="2">
        <v>159335</v>
      </c>
      <c r="E6507" s="1" t="s">
        <v>0</v>
      </c>
    </row>
    <row r="6508" spans="1:5" x14ac:dyDescent="0.25">
      <c r="A6508" s="1" t="s">
        <v>1208</v>
      </c>
      <c r="B6508" s="1" t="s">
        <v>6867</v>
      </c>
      <c r="C6508" s="1" t="s">
        <v>22202</v>
      </c>
      <c r="D6508" s="2">
        <v>159336</v>
      </c>
      <c r="E6508" s="1" t="s">
        <v>0</v>
      </c>
    </row>
    <row r="6509" spans="1:5" x14ac:dyDescent="0.25">
      <c r="A6509" s="1" t="s">
        <v>22203</v>
      </c>
      <c r="B6509" s="1" t="s">
        <v>6868</v>
      </c>
      <c r="C6509" s="1" t="s">
        <v>22204</v>
      </c>
      <c r="D6509" s="2">
        <v>159337</v>
      </c>
      <c r="E6509" s="1" t="s">
        <v>0</v>
      </c>
    </row>
    <row r="6510" spans="1:5" ht="409.5" x14ac:dyDescent="0.25">
      <c r="A6510" s="4" t="s">
        <v>22205</v>
      </c>
      <c r="B6510" s="1" t="s">
        <v>6869</v>
      </c>
      <c r="C6510" s="1" t="s">
        <v>22206</v>
      </c>
      <c r="D6510" s="2">
        <v>159338</v>
      </c>
      <c r="E6510" s="1" t="s">
        <v>0</v>
      </c>
    </row>
    <row r="6511" spans="1:5" x14ac:dyDescent="0.25">
      <c r="A6511" s="1" t="s">
        <v>22207</v>
      </c>
      <c r="B6511" s="1" t="s">
        <v>52509</v>
      </c>
      <c r="C6511" s="1" t="s">
        <v>22208</v>
      </c>
      <c r="D6511" s="2">
        <v>159339</v>
      </c>
      <c r="E6511" s="1" t="s">
        <v>0</v>
      </c>
    </row>
    <row r="6512" spans="1:5" x14ac:dyDescent="0.25">
      <c r="A6512" s="2">
        <v>1302</v>
      </c>
      <c r="B6512" s="2">
        <v>1302</v>
      </c>
      <c r="C6512" s="1" t="s">
        <v>0</v>
      </c>
      <c r="D6512" s="2">
        <v>159340</v>
      </c>
      <c r="E6512" s="1" t="s">
        <v>0</v>
      </c>
    </row>
    <row r="6513" spans="1:5" x14ac:dyDescent="0.25">
      <c r="A6513" s="1" t="s">
        <v>1209</v>
      </c>
      <c r="B6513" s="1" t="s">
        <v>6870</v>
      </c>
      <c r="C6513" s="1" t="s">
        <v>22209</v>
      </c>
      <c r="D6513" s="2">
        <v>159341</v>
      </c>
      <c r="E6513" s="1" t="s">
        <v>0</v>
      </c>
    </row>
    <row r="6514" spans="1:5" x14ac:dyDescent="0.25">
      <c r="A6514" s="1" t="s">
        <v>22210</v>
      </c>
      <c r="B6514" s="1" t="s">
        <v>57072</v>
      </c>
      <c r="C6514" s="1" t="s">
        <v>22211</v>
      </c>
      <c r="D6514" s="2">
        <v>159342</v>
      </c>
      <c r="E6514" s="1" t="s">
        <v>0</v>
      </c>
    </row>
    <row r="6515" spans="1:5" ht="409.5" x14ac:dyDescent="0.25">
      <c r="A6515" s="4" t="s">
        <v>64060</v>
      </c>
      <c r="B6515" s="1" t="s">
        <v>57073</v>
      </c>
      <c r="C6515" s="1" t="s">
        <v>22212</v>
      </c>
      <c r="D6515" s="2">
        <v>159343</v>
      </c>
      <c r="E6515" s="1" t="s">
        <v>0</v>
      </c>
    </row>
    <row r="6516" spans="1:5" x14ac:dyDescent="0.25">
      <c r="A6516" s="1" t="s">
        <v>22213</v>
      </c>
      <c r="B6516" s="1" t="s">
        <v>52510</v>
      </c>
      <c r="C6516" s="1" t="s">
        <v>22214</v>
      </c>
      <c r="D6516" s="2">
        <v>159344</v>
      </c>
      <c r="E6516" s="1" t="s">
        <v>0</v>
      </c>
    </row>
    <row r="6517" spans="1:5" x14ac:dyDescent="0.25">
      <c r="A6517" s="2">
        <v>1303</v>
      </c>
      <c r="B6517" s="2">
        <v>1303</v>
      </c>
      <c r="C6517" s="1" t="s">
        <v>0</v>
      </c>
      <c r="D6517" s="2">
        <v>159345</v>
      </c>
      <c r="E6517" s="1" t="s">
        <v>0</v>
      </c>
    </row>
    <row r="6518" spans="1:5" x14ac:dyDescent="0.25">
      <c r="A6518" s="1" t="s">
        <v>1210</v>
      </c>
      <c r="B6518" s="1" t="s">
        <v>6871</v>
      </c>
      <c r="C6518" s="1" t="s">
        <v>22215</v>
      </c>
      <c r="D6518" s="2">
        <v>159346</v>
      </c>
      <c r="E6518" s="1" t="s">
        <v>0</v>
      </c>
    </row>
    <row r="6519" spans="1:5" x14ac:dyDescent="0.25">
      <c r="A6519" s="1" t="s">
        <v>22216</v>
      </c>
      <c r="B6519" s="1" t="s">
        <v>52511</v>
      </c>
      <c r="C6519" s="1" t="s">
        <v>22217</v>
      </c>
      <c r="D6519" s="2">
        <v>159347</v>
      </c>
      <c r="E6519" s="1" t="s">
        <v>0</v>
      </c>
    </row>
    <row r="6520" spans="1:5" ht="409.5" x14ac:dyDescent="0.25">
      <c r="A6520" s="4" t="s">
        <v>22218</v>
      </c>
      <c r="B6520" s="1" t="s">
        <v>52512</v>
      </c>
      <c r="C6520" s="1" t="s">
        <v>22219</v>
      </c>
      <c r="D6520" s="2">
        <v>159348</v>
      </c>
      <c r="E6520" s="1" t="s">
        <v>0</v>
      </c>
    </row>
    <row r="6521" spans="1:5" x14ac:dyDescent="0.25">
      <c r="A6521" s="1" t="s">
        <v>22220</v>
      </c>
      <c r="B6521" s="1" t="s">
        <v>6872</v>
      </c>
      <c r="C6521" s="1" t="s">
        <v>22221</v>
      </c>
      <c r="D6521" s="2">
        <v>159349</v>
      </c>
      <c r="E6521" s="1" t="s">
        <v>0</v>
      </c>
    </row>
    <row r="6522" spans="1:5" x14ac:dyDescent="0.25">
      <c r="A6522" s="2">
        <v>1304</v>
      </c>
      <c r="B6522" s="2">
        <v>1304</v>
      </c>
      <c r="C6522" s="1" t="s">
        <v>0</v>
      </c>
      <c r="D6522" s="2">
        <v>159350</v>
      </c>
      <c r="E6522" s="1" t="s">
        <v>0</v>
      </c>
    </row>
    <row r="6523" spans="1:5" x14ac:dyDescent="0.25">
      <c r="A6523" s="1" t="s">
        <v>1211</v>
      </c>
      <c r="B6523" s="1" t="s">
        <v>6873</v>
      </c>
      <c r="C6523" s="1" t="s">
        <v>22222</v>
      </c>
      <c r="D6523" s="2">
        <v>159351</v>
      </c>
      <c r="E6523" s="1" t="s">
        <v>0</v>
      </c>
    </row>
    <row r="6524" spans="1:5" x14ac:dyDescent="0.25">
      <c r="A6524" s="1" t="s">
        <v>22223</v>
      </c>
      <c r="B6524" s="1" t="s">
        <v>6874</v>
      </c>
      <c r="C6524" s="1" t="s">
        <v>22224</v>
      </c>
      <c r="D6524" s="2">
        <v>159352</v>
      </c>
      <c r="E6524" s="1" t="s">
        <v>0</v>
      </c>
    </row>
    <row r="6525" spans="1:5" ht="409.5" x14ac:dyDescent="0.25">
      <c r="A6525" s="4" t="s">
        <v>64061</v>
      </c>
      <c r="B6525" s="1" t="s">
        <v>57769</v>
      </c>
      <c r="C6525" s="1" t="s">
        <v>22225</v>
      </c>
      <c r="D6525" s="2">
        <v>159353</v>
      </c>
      <c r="E6525" s="1" t="s">
        <v>0</v>
      </c>
    </row>
    <row r="6526" spans="1:5" x14ac:dyDescent="0.25">
      <c r="A6526" s="1" t="s">
        <v>22226</v>
      </c>
      <c r="B6526" s="1" t="s">
        <v>6875</v>
      </c>
      <c r="C6526" s="1" t="s">
        <v>22227</v>
      </c>
      <c r="D6526" s="2">
        <v>159354</v>
      </c>
      <c r="E6526" s="1" t="s">
        <v>0</v>
      </c>
    </row>
    <row r="6527" spans="1:5" x14ac:dyDescent="0.25">
      <c r="A6527" s="2">
        <v>1305</v>
      </c>
      <c r="B6527" s="2">
        <v>1305</v>
      </c>
      <c r="C6527" s="1" t="s">
        <v>0</v>
      </c>
      <c r="D6527" s="2">
        <v>159355</v>
      </c>
      <c r="E6527" s="1" t="s">
        <v>0</v>
      </c>
    </row>
    <row r="6528" spans="1:5" x14ac:dyDescent="0.25">
      <c r="A6528" s="1" t="s">
        <v>13039</v>
      </c>
      <c r="B6528" s="1" t="s">
        <v>13040</v>
      </c>
      <c r="C6528" s="1" t="s">
        <v>22228</v>
      </c>
      <c r="D6528" s="2">
        <v>159356</v>
      </c>
      <c r="E6528" s="1" t="s">
        <v>0</v>
      </c>
    </row>
    <row r="6529" spans="1:5" x14ac:dyDescent="0.25">
      <c r="A6529" s="1" t="s">
        <v>22229</v>
      </c>
      <c r="B6529" s="1" t="s">
        <v>52513</v>
      </c>
      <c r="C6529" s="1" t="s">
        <v>22230</v>
      </c>
      <c r="D6529" s="2">
        <v>159357</v>
      </c>
      <c r="E6529" s="1" t="s">
        <v>0</v>
      </c>
    </row>
    <row r="6530" spans="1:5" ht="409.5" x14ac:dyDescent="0.25">
      <c r="A6530" s="4" t="s">
        <v>22231</v>
      </c>
      <c r="B6530" s="1" t="s">
        <v>52514</v>
      </c>
      <c r="C6530" s="1" t="s">
        <v>22232</v>
      </c>
      <c r="D6530" s="2">
        <v>159358</v>
      </c>
      <c r="E6530" s="1" t="s">
        <v>0</v>
      </c>
    </row>
    <row r="6531" spans="1:5" x14ac:dyDescent="0.25">
      <c r="A6531" s="1" t="s">
        <v>22233</v>
      </c>
      <c r="B6531" s="1" t="s">
        <v>61005</v>
      </c>
      <c r="C6531" s="1" t="s">
        <v>22234</v>
      </c>
      <c r="D6531" s="2">
        <v>159359</v>
      </c>
      <c r="E6531" s="1" t="s">
        <v>0</v>
      </c>
    </row>
    <row r="6532" spans="1:5" x14ac:dyDescent="0.25">
      <c r="A6532" s="2">
        <v>1306</v>
      </c>
      <c r="B6532" s="2">
        <v>1306</v>
      </c>
      <c r="C6532" s="1" t="s">
        <v>0</v>
      </c>
      <c r="D6532" s="2">
        <v>159360</v>
      </c>
      <c r="E6532" s="1" t="s">
        <v>0</v>
      </c>
    </row>
    <row r="6533" spans="1:5" x14ac:dyDescent="0.25">
      <c r="A6533" s="1" t="s">
        <v>1212</v>
      </c>
      <c r="B6533" s="1" t="s">
        <v>6876</v>
      </c>
      <c r="C6533" s="1" t="s">
        <v>22235</v>
      </c>
      <c r="D6533" s="2">
        <v>159361</v>
      </c>
      <c r="E6533" s="1" t="s">
        <v>0</v>
      </c>
    </row>
    <row r="6534" spans="1:5" x14ac:dyDescent="0.25">
      <c r="A6534" s="1" t="s">
        <v>22236</v>
      </c>
      <c r="B6534" s="1" t="s">
        <v>61604</v>
      </c>
      <c r="C6534" s="1" t="s">
        <v>22237</v>
      </c>
      <c r="D6534" s="2">
        <v>159362</v>
      </c>
      <c r="E6534" s="1" t="s">
        <v>0</v>
      </c>
    </row>
    <row r="6535" spans="1:5" ht="409.5" x14ac:dyDescent="0.25">
      <c r="A6535" s="4" t="s">
        <v>64062</v>
      </c>
      <c r="B6535" s="1" t="s">
        <v>61605</v>
      </c>
      <c r="C6535" s="1" t="s">
        <v>22238</v>
      </c>
      <c r="D6535" s="2">
        <v>159363</v>
      </c>
      <c r="E6535" s="1" t="s">
        <v>0</v>
      </c>
    </row>
    <row r="6536" spans="1:5" x14ac:dyDescent="0.25">
      <c r="A6536" s="1" t="s">
        <v>22239</v>
      </c>
      <c r="B6536" s="1" t="s">
        <v>6877</v>
      </c>
      <c r="C6536" s="1" t="s">
        <v>22240</v>
      </c>
      <c r="D6536" s="2">
        <v>159364</v>
      </c>
      <c r="E6536" s="1" t="s">
        <v>0</v>
      </c>
    </row>
    <row r="6537" spans="1:5" x14ac:dyDescent="0.25">
      <c r="A6537" s="2">
        <v>1307</v>
      </c>
      <c r="B6537" s="2">
        <v>1307</v>
      </c>
      <c r="C6537" s="1" t="s">
        <v>0</v>
      </c>
      <c r="D6537" s="2">
        <v>159365</v>
      </c>
      <c r="E6537" s="1" t="s">
        <v>0</v>
      </c>
    </row>
    <row r="6538" spans="1:5" x14ac:dyDescent="0.25">
      <c r="A6538" s="1" t="s">
        <v>1213</v>
      </c>
      <c r="B6538" s="1" t="s">
        <v>1214</v>
      </c>
      <c r="C6538" s="1" t="s">
        <v>1215</v>
      </c>
      <c r="D6538" s="2">
        <v>159366</v>
      </c>
      <c r="E6538" s="1" t="s">
        <v>0</v>
      </c>
    </row>
    <row r="6539" spans="1:5" x14ac:dyDescent="0.25">
      <c r="A6539" s="1" t="s">
        <v>22241</v>
      </c>
      <c r="B6539" s="1" t="s">
        <v>52515</v>
      </c>
      <c r="C6539" s="1" t="s">
        <v>22242</v>
      </c>
      <c r="D6539" s="2">
        <v>159367</v>
      </c>
      <c r="E6539" s="1" t="s">
        <v>0</v>
      </c>
    </row>
    <row r="6540" spans="1:5" ht="409.5" x14ac:dyDescent="0.25">
      <c r="A6540" s="4" t="s">
        <v>22243</v>
      </c>
      <c r="B6540" s="1" t="s">
        <v>52516</v>
      </c>
      <c r="C6540" s="1" t="s">
        <v>22244</v>
      </c>
      <c r="D6540" s="2">
        <v>159368</v>
      </c>
      <c r="E6540" s="1" t="s">
        <v>0</v>
      </c>
    </row>
    <row r="6541" spans="1:5" x14ac:dyDescent="0.25">
      <c r="A6541" s="1" t="s">
        <v>22245</v>
      </c>
      <c r="B6541" s="1" t="s">
        <v>6878</v>
      </c>
      <c r="C6541" s="1" t="s">
        <v>22246</v>
      </c>
      <c r="D6541" s="2">
        <v>159369</v>
      </c>
      <c r="E6541" s="1" t="s">
        <v>0</v>
      </c>
    </row>
    <row r="6542" spans="1:5" x14ac:dyDescent="0.25">
      <c r="A6542" s="2">
        <v>1308</v>
      </c>
      <c r="B6542" s="2">
        <v>1308</v>
      </c>
      <c r="C6542" s="1" t="s">
        <v>0</v>
      </c>
      <c r="D6542" s="2">
        <v>159370</v>
      </c>
      <c r="E6542" s="1" t="s">
        <v>0</v>
      </c>
    </row>
    <row r="6543" spans="1:5" x14ac:dyDescent="0.25">
      <c r="A6543" s="1" t="s">
        <v>1216</v>
      </c>
      <c r="B6543" s="1" t="s">
        <v>6879</v>
      </c>
      <c r="C6543" s="1" t="s">
        <v>22247</v>
      </c>
      <c r="D6543" s="2">
        <v>159371</v>
      </c>
      <c r="E6543" s="1" t="s">
        <v>0</v>
      </c>
    </row>
    <row r="6544" spans="1:5" x14ac:dyDescent="0.25">
      <c r="A6544" s="1" t="s">
        <v>22248</v>
      </c>
      <c r="B6544" s="1" t="s">
        <v>6880</v>
      </c>
      <c r="C6544" s="1" t="s">
        <v>22249</v>
      </c>
      <c r="D6544" s="2">
        <v>159372</v>
      </c>
      <c r="E6544" s="1" t="s">
        <v>0</v>
      </c>
    </row>
    <row r="6545" spans="1:5" ht="409.5" x14ac:dyDescent="0.25">
      <c r="A6545" s="4" t="s">
        <v>22250</v>
      </c>
      <c r="B6545" s="1" t="s">
        <v>50554</v>
      </c>
      <c r="C6545" s="1" t="s">
        <v>22251</v>
      </c>
      <c r="D6545" s="2">
        <v>159373</v>
      </c>
      <c r="E6545" s="1" t="s">
        <v>0</v>
      </c>
    </row>
    <row r="6546" spans="1:5" x14ac:dyDescent="0.25">
      <c r="A6546" s="1" t="s">
        <v>22252</v>
      </c>
      <c r="B6546" s="1" t="s">
        <v>61006</v>
      </c>
      <c r="C6546" s="1" t="s">
        <v>22253</v>
      </c>
      <c r="D6546" s="2">
        <v>159374</v>
      </c>
      <c r="E6546" s="1" t="s">
        <v>0</v>
      </c>
    </row>
    <row r="6547" spans="1:5" x14ac:dyDescent="0.25">
      <c r="A6547" s="2">
        <v>1309</v>
      </c>
      <c r="B6547" s="2">
        <v>1309</v>
      </c>
      <c r="C6547" s="1" t="s">
        <v>0</v>
      </c>
      <c r="D6547" s="2">
        <v>159375</v>
      </c>
      <c r="E6547" s="1" t="s">
        <v>0</v>
      </c>
    </row>
    <row r="6548" spans="1:5" x14ac:dyDescent="0.25">
      <c r="A6548" s="1" t="s">
        <v>1217</v>
      </c>
      <c r="B6548" s="1" t="s">
        <v>57445</v>
      </c>
      <c r="C6548" s="1" t="s">
        <v>22254</v>
      </c>
      <c r="D6548" s="2">
        <v>159376</v>
      </c>
      <c r="E6548" s="1" t="s">
        <v>0</v>
      </c>
    </row>
    <row r="6549" spans="1:5" x14ac:dyDescent="0.25">
      <c r="A6549" s="1" t="s">
        <v>22255</v>
      </c>
      <c r="B6549" s="1" t="s">
        <v>57446</v>
      </c>
      <c r="C6549" s="1" t="s">
        <v>22256</v>
      </c>
      <c r="D6549" s="2">
        <v>159377</v>
      </c>
      <c r="E6549" s="1" t="s">
        <v>0</v>
      </c>
    </row>
    <row r="6550" spans="1:5" ht="409.5" x14ac:dyDescent="0.25">
      <c r="A6550" s="4" t="s">
        <v>22257</v>
      </c>
      <c r="B6550" s="1" t="s">
        <v>58265</v>
      </c>
      <c r="C6550" s="1" t="s">
        <v>22258</v>
      </c>
      <c r="D6550" s="2">
        <v>159378</v>
      </c>
      <c r="E6550" s="1" t="s">
        <v>0</v>
      </c>
    </row>
    <row r="6551" spans="1:5" x14ac:dyDescent="0.25">
      <c r="A6551" s="1" t="s">
        <v>22259</v>
      </c>
      <c r="B6551" s="1" t="s">
        <v>57447</v>
      </c>
      <c r="C6551" s="1" t="s">
        <v>22260</v>
      </c>
      <c r="D6551" s="2">
        <v>159379</v>
      </c>
      <c r="E6551" s="1" t="s">
        <v>0</v>
      </c>
    </row>
    <row r="6552" spans="1:5" x14ac:dyDescent="0.25">
      <c r="A6552" s="2">
        <v>1310</v>
      </c>
      <c r="B6552" s="2">
        <v>1310</v>
      </c>
      <c r="C6552" s="1" t="s">
        <v>0</v>
      </c>
      <c r="D6552" s="2">
        <v>159380</v>
      </c>
      <c r="E6552" s="1" t="s">
        <v>0</v>
      </c>
    </row>
    <row r="6553" spans="1:5" x14ac:dyDescent="0.25">
      <c r="A6553" s="1" t="s">
        <v>1218</v>
      </c>
      <c r="B6553" s="1" t="s">
        <v>50555</v>
      </c>
      <c r="C6553" s="1" t="s">
        <v>22261</v>
      </c>
      <c r="D6553" s="2">
        <v>159381</v>
      </c>
      <c r="E6553" s="1" t="s">
        <v>0</v>
      </c>
    </row>
    <row r="6554" spans="1:5" x14ac:dyDescent="0.25">
      <c r="A6554" s="1" t="s">
        <v>22262</v>
      </c>
      <c r="B6554" s="1" t="s">
        <v>61007</v>
      </c>
      <c r="C6554" s="1" t="s">
        <v>22263</v>
      </c>
      <c r="D6554" s="2">
        <v>159382</v>
      </c>
      <c r="E6554" s="1" t="s">
        <v>0</v>
      </c>
    </row>
    <row r="6555" spans="1:5" ht="409.5" x14ac:dyDescent="0.25">
      <c r="A6555" s="4" t="s">
        <v>22264</v>
      </c>
      <c r="B6555" s="1" t="s">
        <v>61008</v>
      </c>
      <c r="C6555" s="1" t="s">
        <v>22265</v>
      </c>
      <c r="D6555" s="2">
        <v>159383</v>
      </c>
      <c r="E6555" s="1" t="s">
        <v>0</v>
      </c>
    </row>
    <row r="6556" spans="1:5" x14ac:dyDescent="0.25">
      <c r="A6556" s="1" t="s">
        <v>22266</v>
      </c>
      <c r="B6556" s="1" t="s">
        <v>50556</v>
      </c>
      <c r="C6556" s="1" t="s">
        <v>22267</v>
      </c>
      <c r="D6556" s="2">
        <v>159384</v>
      </c>
      <c r="E6556" s="1" t="s">
        <v>0</v>
      </c>
    </row>
    <row r="6557" spans="1:5" x14ac:dyDescent="0.25">
      <c r="A6557" s="2">
        <v>1311</v>
      </c>
      <c r="B6557" s="2">
        <v>1311</v>
      </c>
      <c r="C6557" s="1" t="s">
        <v>0</v>
      </c>
      <c r="D6557" s="2">
        <v>159385</v>
      </c>
      <c r="E6557" s="1" t="s">
        <v>0</v>
      </c>
    </row>
    <row r="6558" spans="1:5" x14ac:dyDescent="0.25">
      <c r="A6558" s="1" t="s">
        <v>1219</v>
      </c>
      <c r="B6558" s="1" t="s">
        <v>59871</v>
      </c>
      <c r="C6558" s="1" t="s">
        <v>22268</v>
      </c>
      <c r="D6558" s="2">
        <v>159386</v>
      </c>
      <c r="E6558" s="1" t="s">
        <v>0</v>
      </c>
    </row>
    <row r="6559" spans="1:5" x14ac:dyDescent="0.25">
      <c r="A6559" s="1" t="s">
        <v>22269</v>
      </c>
      <c r="B6559" s="1" t="s">
        <v>6881</v>
      </c>
      <c r="C6559" s="1" t="s">
        <v>22270</v>
      </c>
      <c r="D6559" s="2">
        <v>159387</v>
      </c>
      <c r="E6559" s="1" t="s">
        <v>0</v>
      </c>
    </row>
    <row r="6560" spans="1:5" ht="409.5" x14ac:dyDescent="0.25">
      <c r="A6560" s="4" t="s">
        <v>22271</v>
      </c>
      <c r="B6560" s="1" t="s">
        <v>58266</v>
      </c>
      <c r="C6560" s="1" t="s">
        <v>22272</v>
      </c>
      <c r="D6560" s="2">
        <v>159388</v>
      </c>
      <c r="E6560" s="1" t="s">
        <v>0</v>
      </c>
    </row>
    <row r="6561" spans="1:5" x14ac:dyDescent="0.25">
      <c r="A6561" s="1" t="s">
        <v>22273</v>
      </c>
      <c r="B6561" s="1" t="s">
        <v>57448</v>
      </c>
      <c r="C6561" s="1" t="s">
        <v>22274</v>
      </c>
      <c r="D6561" s="2">
        <v>159389</v>
      </c>
      <c r="E6561" s="1" t="s">
        <v>0</v>
      </c>
    </row>
    <row r="6562" spans="1:5" x14ac:dyDescent="0.25">
      <c r="A6562" s="2">
        <v>1312</v>
      </c>
      <c r="B6562" s="2">
        <v>1312</v>
      </c>
      <c r="C6562" s="1" t="s">
        <v>0</v>
      </c>
      <c r="D6562" s="2">
        <v>159390</v>
      </c>
      <c r="E6562" s="1" t="s">
        <v>0</v>
      </c>
    </row>
    <row r="6563" spans="1:5" x14ac:dyDescent="0.25">
      <c r="A6563" s="1" t="s">
        <v>1220</v>
      </c>
      <c r="B6563" s="1" t="s">
        <v>6882</v>
      </c>
      <c r="C6563" s="1" t="s">
        <v>22275</v>
      </c>
      <c r="D6563" s="2">
        <v>159391</v>
      </c>
      <c r="E6563" s="1" t="s">
        <v>0</v>
      </c>
    </row>
    <row r="6564" spans="1:5" x14ac:dyDescent="0.25">
      <c r="A6564" s="1" t="s">
        <v>64063</v>
      </c>
      <c r="B6564" s="1" t="s">
        <v>64064</v>
      </c>
      <c r="C6564" s="1" t="s">
        <v>22276</v>
      </c>
      <c r="D6564" s="2">
        <v>159392</v>
      </c>
      <c r="E6564" s="1" t="s">
        <v>0</v>
      </c>
    </row>
    <row r="6565" spans="1:5" ht="409.5" x14ac:dyDescent="0.25">
      <c r="A6565" s="4" t="s">
        <v>64065</v>
      </c>
      <c r="B6565" s="1" t="s">
        <v>64066</v>
      </c>
      <c r="C6565" s="1" t="s">
        <v>22277</v>
      </c>
      <c r="D6565" s="2">
        <v>159393</v>
      </c>
      <c r="E6565" s="1" t="s">
        <v>0</v>
      </c>
    </row>
    <row r="6566" spans="1:5" x14ac:dyDescent="0.25">
      <c r="A6566" s="1" t="s">
        <v>22278</v>
      </c>
      <c r="B6566" s="1" t="s">
        <v>50557</v>
      </c>
      <c r="C6566" s="1" t="s">
        <v>22279</v>
      </c>
      <c r="D6566" s="2">
        <v>159394</v>
      </c>
      <c r="E6566" s="1" t="s">
        <v>0</v>
      </c>
    </row>
    <row r="6567" spans="1:5" x14ac:dyDescent="0.25">
      <c r="A6567" s="2">
        <v>1313</v>
      </c>
      <c r="B6567" s="2">
        <v>1313</v>
      </c>
      <c r="C6567" s="1" t="s">
        <v>0</v>
      </c>
      <c r="D6567" s="2">
        <v>159395</v>
      </c>
      <c r="E6567" s="1" t="s">
        <v>0</v>
      </c>
    </row>
    <row r="6568" spans="1:5" x14ac:dyDescent="0.25">
      <c r="A6568" s="1" t="s">
        <v>1221</v>
      </c>
      <c r="B6568" s="1" t="s">
        <v>50558</v>
      </c>
      <c r="C6568" s="1" t="s">
        <v>22280</v>
      </c>
      <c r="D6568" s="2">
        <v>159396</v>
      </c>
      <c r="E6568" s="1" t="s">
        <v>0</v>
      </c>
    </row>
    <row r="6569" spans="1:5" x14ac:dyDescent="0.25">
      <c r="A6569" s="1" t="s">
        <v>22281</v>
      </c>
      <c r="B6569" s="1" t="s">
        <v>57074</v>
      </c>
      <c r="C6569" s="1" t="s">
        <v>22282</v>
      </c>
      <c r="D6569" s="2">
        <v>159397</v>
      </c>
      <c r="E6569" s="1" t="s">
        <v>0</v>
      </c>
    </row>
    <row r="6570" spans="1:5" ht="409.5" x14ac:dyDescent="0.25">
      <c r="A6570" s="4" t="s">
        <v>22283</v>
      </c>
      <c r="B6570" s="1" t="s">
        <v>57075</v>
      </c>
      <c r="C6570" s="1" t="s">
        <v>22284</v>
      </c>
      <c r="D6570" s="2">
        <v>159398</v>
      </c>
      <c r="E6570" s="1" t="s">
        <v>0</v>
      </c>
    </row>
    <row r="6571" spans="1:5" x14ac:dyDescent="0.25">
      <c r="A6571" s="1" t="s">
        <v>22285</v>
      </c>
      <c r="B6571" s="1" t="s">
        <v>6883</v>
      </c>
      <c r="C6571" s="1" t="s">
        <v>22286</v>
      </c>
      <c r="D6571" s="2">
        <v>159399</v>
      </c>
      <c r="E6571" s="1" t="s">
        <v>0</v>
      </c>
    </row>
    <row r="6572" spans="1:5" x14ac:dyDescent="0.25">
      <c r="A6572" s="2">
        <v>1314</v>
      </c>
      <c r="B6572" s="2">
        <v>1314</v>
      </c>
      <c r="C6572" s="1" t="s">
        <v>0</v>
      </c>
      <c r="D6572" s="2">
        <v>159400</v>
      </c>
      <c r="E6572" s="1" t="s">
        <v>0</v>
      </c>
    </row>
    <row r="6573" spans="1:5" x14ac:dyDescent="0.25">
      <c r="A6573" s="1" t="s">
        <v>1222</v>
      </c>
      <c r="B6573" s="1" t="s">
        <v>6884</v>
      </c>
      <c r="C6573" s="1" t="s">
        <v>22287</v>
      </c>
      <c r="D6573" s="2">
        <v>159401</v>
      </c>
      <c r="E6573" s="1" t="s">
        <v>0</v>
      </c>
    </row>
    <row r="6574" spans="1:5" x14ac:dyDescent="0.25">
      <c r="A6574" s="1" t="s">
        <v>22288</v>
      </c>
      <c r="B6574" s="1" t="s">
        <v>50559</v>
      </c>
      <c r="C6574" s="1" t="s">
        <v>22289</v>
      </c>
      <c r="D6574" s="2">
        <v>159402</v>
      </c>
      <c r="E6574" s="1" t="s">
        <v>0</v>
      </c>
    </row>
    <row r="6575" spans="1:5" ht="409.5" x14ac:dyDescent="0.25">
      <c r="A6575" s="4" t="s">
        <v>22290</v>
      </c>
      <c r="B6575" s="1" t="s">
        <v>52517</v>
      </c>
      <c r="C6575" s="1" t="s">
        <v>22291</v>
      </c>
      <c r="D6575" s="2">
        <v>159403</v>
      </c>
      <c r="E6575" s="1" t="s">
        <v>0</v>
      </c>
    </row>
    <row r="6576" spans="1:5" x14ac:dyDescent="0.25">
      <c r="A6576" s="1" t="s">
        <v>22292</v>
      </c>
      <c r="B6576" s="1" t="s">
        <v>52518</v>
      </c>
      <c r="C6576" s="1" t="s">
        <v>22293</v>
      </c>
      <c r="D6576" s="2">
        <v>159404</v>
      </c>
      <c r="E6576" s="1" t="s">
        <v>0</v>
      </c>
    </row>
    <row r="6577" spans="1:5" x14ac:dyDescent="0.25">
      <c r="A6577" s="2">
        <v>1315</v>
      </c>
      <c r="B6577" s="2">
        <v>1315</v>
      </c>
      <c r="C6577" s="1" t="s">
        <v>0</v>
      </c>
      <c r="D6577" s="2">
        <v>159405</v>
      </c>
      <c r="E6577" s="1" t="s">
        <v>0</v>
      </c>
    </row>
    <row r="6578" spans="1:5" x14ac:dyDescent="0.25">
      <c r="A6578" s="1" t="s">
        <v>1223</v>
      </c>
      <c r="B6578" s="1" t="s">
        <v>6885</v>
      </c>
      <c r="C6578" s="1" t="s">
        <v>22294</v>
      </c>
      <c r="D6578" s="2">
        <v>159406</v>
      </c>
      <c r="E6578" s="1" t="s">
        <v>0</v>
      </c>
    </row>
    <row r="6579" spans="1:5" x14ac:dyDescent="0.25">
      <c r="A6579" s="1" t="s">
        <v>22295</v>
      </c>
      <c r="B6579" s="1" t="s">
        <v>52519</v>
      </c>
      <c r="C6579" s="1" t="s">
        <v>22296</v>
      </c>
      <c r="D6579" s="2">
        <v>159407</v>
      </c>
      <c r="E6579" s="1" t="s">
        <v>0</v>
      </c>
    </row>
    <row r="6580" spans="1:5" ht="409.5" x14ac:dyDescent="0.25">
      <c r="A6580" s="4" t="s">
        <v>22297</v>
      </c>
      <c r="B6580" s="1" t="s">
        <v>52520</v>
      </c>
      <c r="C6580" s="1" t="s">
        <v>22298</v>
      </c>
      <c r="D6580" s="2">
        <v>159408</v>
      </c>
      <c r="E6580" s="1" t="s">
        <v>0</v>
      </c>
    </row>
    <row r="6581" spans="1:5" x14ac:dyDescent="0.25">
      <c r="A6581" s="1" t="s">
        <v>19132</v>
      </c>
      <c r="B6581" s="1" t="s">
        <v>60955</v>
      </c>
      <c r="C6581" s="1" t="s">
        <v>19133</v>
      </c>
      <c r="D6581" s="2">
        <v>159409</v>
      </c>
      <c r="E6581" s="1" t="s">
        <v>0</v>
      </c>
    </row>
    <row r="6582" spans="1:5" x14ac:dyDescent="0.25">
      <c r="A6582" s="2">
        <v>1316</v>
      </c>
      <c r="B6582" s="2">
        <v>1316</v>
      </c>
      <c r="C6582" s="1" t="s">
        <v>0</v>
      </c>
      <c r="D6582" s="2">
        <v>159410</v>
      </c>
      <c r="E6582" s="1" t="s">
        <v>0</v>
      </c>
    </row>
    <row r="6583" spans="1:5" x14ac:dyDescent="0.25">
      <c r="A6583" s="1" t="s">
        <v>1224</v>
      </c>
      <c r="B6583" s="1" t="s">
        <v>58267</v>
      </c>
      <c r="C6583" s="1" t="s">
        <v>22299</v>
      </c>
      <c r="D6583" s="2">
        <v>159411</v>
      </c>
      <c r="E6583" s="1" t="s">
        <v>0</v>
      </c>
    </row>
    <row r="6584" spans="1:5" x14ac:dyDescent="0.25">
      <c r="A6584" s="1" t="s">
        <v>22300</v>
      </c>
      <c r="B6584" s="1" t="s">
        <v>58268</v>
      </c>
      <c r="C6584" s="1" t="s">
        <v>22301</v>
      </c>
      <c r="D6584" s="2">
        <v>159412</v>
      </c>
      <c r="E6584" s="1" t="s">
        <v>0</v>
      </c>
    </row>
    <row r="6585" spans="1:5" ht="409.5" x14ac:dyDescent="0.25">
      <c r="A6585" s="4" t="s">
        <v>22302</v>
      </c>
      <c r="B6585" s="1" t="s">
        <v>58269</v>
      </c>
      <c r="C6585" s="1" t="s">
        <v>22303</v>
      </c>
      <c r="D6585" s="2">
        <v>159413</v>
      </c>
      <c r="E6585" s="1" t="s">
        <v>0</v>
      </c>
    </row>
    <row r="6586" spans="1:5" x14ac:dyDescent="0.25">
      <c r="A6586" s="1" t="s">
        <v>22304</v>
      </c>
      <c r="B6586" s="1" t="s">
        <v>6886</v>
      </c>
      <c r="C6586" s="1" t="s">
        <v>22305</v>
      </c>
      <c r="D6586" s="2">
        <v>159414</v>
      </c>
      <c r="E6586" s="1" t="s">
        <v>0</v>
      </c>
    </row>
    <row r="6587" spans="1:5" x14ac:dyDescent="0.25">
      <c r="A6587" s="2">
        <v>1317</v>
      </c>
      <c r="B6587" s="2">
        <v>1317</v>
      </c>
      <c r="C6587" s="1" t="s">
        <v>0</v>
      </c>
      <c r="D6587" s="2">
        <v>159415</v>
      </c>
      <c r="E6587" s="1" t="s">
        <v>0</v>
      </c>
    </row>
    <row r="6588" spans="1:5" x14ac:dyDescent="0.25">
      <c r="A6588" s="1" t="s">
        <v>1225</v>
      </c>
      <c r="B6588" s="1" t="s">
        <v>6887</v>
      </c>
      <c r="C6588" s="1" t="s">
        <v>22306</v>
      </c>
      <c r="D6588" s="2">
        <v>159416</v>
      </c>
      <c r="E6588" s="1" t="s">
        <v>0</v>
      </c>
    </row>
    <row r="6589" spans="1:5" x14ac:dyDescent="0.25">
      <c r="A6589" s="1" t="s">
        <v>22307</v>
      </c>
      <c r="B6589" s="1" t="s">
        <v>63256</v>
      </c>
      <c r="C6589" s="1" t="s">
        <v>22308</v>
      </c>
      <c r="D6589" s="2">
        <v>159417</v>
      </c>
      <c r="E6589" s="1" t="s">
        <v>0</v>
      </c>
    </row>
    <row r="6590" spans="1:5" ht="409.5" x14ac:dyDescent="0.25">
      <c r="A6590" s="4" t="s">
        <v>64067</v>
      </c>
      <c r="B6590" s="1" t="s">
        <v>63257</v>
      </c>
      <c r="C6590" s="1" t="s">
        <v>22309</v>
      </c>
      <c r="D6590" s="2">
        <v>159418</v>
      </c>
      <c r="E6590" s="1" t="s">
        <v>0</v>
      </c>
    </row>
    <row r="6591" spans="1:5" x14ac:dyDescent="0.25">
      <c r="A6591" s="1" t="s">
        <v>22310</v>
      </c>
      <c r="B6591" s="1" t="s">
        <v>6888</v>
      </c>
      <c r="C6591" s="1" t="s">
        <v>22311</v>
      </c>
      <c r="D6591" s="2">
        <v>159419</v>
      </c>
      <c r="E6591" s="1" t="s">
        <v>0</v>
      </c>
    </row>
    <row r="6592" spans="1:5" x14ac:dyDescent="0.25">
      <c r="A6592" s="2">
        <v>1318</v>
      </c>
      <c r="B6592" s="2">
        <v>1318</v>
      </c>
      <c r="C6592" s="1" t="s">
        <v>0</v>
      </c>
      <c r="D6592" s="2">
        <v>159420</v>
      </c>
      <c r="E6592" s="1" t="s">
        <v>0</v>
      </c>
    </row>
    <row r="6593" spans="1:5" x14ac:dyDescent="0.25">
      <c r="A6593" s="1" t="s">
        <v>1226</v>
      </c>
      <c r="B6593" s="1" t="s">
        <v>6889</v>
      </c>
      <c r="C6593" s="1" t="s">
        <v>22312</v>
      </c>
      <c r="D6593" s="2">
        <v>159421</v>
      </c>
      <c r="E6593" s="1" t="s">
        <v>0</v>
      </c>
    </row>
    <row r="6594" spans="1:5" x14ac:dyDescent="0.25">
      <c r="A6594" s="1" t="s">
        <v>22313</v>
      </c>
      <c r="B6594" s="1" t="s">
        <v>63650</v>
      </c>
      <c r="C6594" s="1" t="s">
        <v>22314</v>
      </c>
      <c r="D6594" s="2">
        <v>159422</v>
      </c>
      <c r="E6594" s="1" t="s">
        <v>0</v>
      </c>
    </row>
    <row r="6595" spans="1:5" ht="409.5" x14ac:dyDescent="0.25">
      <c r="A6595" s="4" t="s">
        <v>22315</v>
      </c>
      <c r="B6595" s="1" t="s">
        <v>63651</v>
      </c>
      <c r="C6595" s="1" t="s">
        <v>22316</v>
      </c>
      <c r="D6595" s="2">
        <v>159423</v>
      </c>
      <c r="E6595" s="1" t="s">
        <v>0</v>
      </c>
    </row>
    <row r="6596" spans="1:5" x14ac:dyDescent="0.25">
      <c r="A6596" s="1" t="s">
        <v>22317</v>
      </c>
      <c r="B6596" s="1" t="s">
        <v>61009</v>
      </c>
      <c r="C6596" s="1" t="s">
        <v>22318</v>
      </c>
      <c r="D6596" s="2">
        <v>159424</v>
      </c>
      <c r="E6596" s="1" t="s">
        <v>0</v>
      </c>
    </row>
    <row r="6597" spans="1:5" x14ac:dyDescent="0.25">
      <c r="A6597" s="2">
        <v>1319</v>
      </c>
      <c r="B6597" s="2">
        <v>1319</v>
      </c>
      <c r="C6597" s="1" t="s">
        <v>0</v>
      </c>
      <c r="D6597" s="2">
        <v>159425</v>
      </c>
      <c r="E6597" s="1" t="s">
        <v>0</v>
      </c>
    </row>
    <row r="6598" spans="1:5" x14ac:dyDescent="0.25">
      <c r="A6598" s="1" t="s">
        <v>1227</v>
      </c>
      <c r="B6598" s="1" t="s">
        <v>6890</v>
      </c>
      <c r="C6598" s="1" t="s">
        <v>22319</v>
      </c>
      <c r="D6598" s="2">
        <v>159426</v>
      </c>
      <c r="E6598" s="1" t="s">
        <v>0</v>
      </c>
    </row>
    <row r="6599" spans="1:5" x14ac:dyDescent="0.25">
      <c r="A6599" s="1" t="s">
        <v>22320</v>
      </c>
      <c r="B6599" s="1" t="s">
        <v>63652</v>
      </c>
      <c r="C6599" s="1" t="s">
        <v>22321</v>
      </c>
      <c r="D6599" s="2">
        <v>159427</v>
      </c>
      <c r="E6599" s="1" t="s">
        <v>0</v>
      </c>
    </row>
    <row r="6600" spans="1:5" ht="409.5" x14ac:dyDescent="0.25">
      <c r="A6600" s="4" t="s">
        <v>22322</v>
      </c>
      <c r="B6600" s="1" t="s">
        <v>63653</v>
      </c>
      <c r="C6600" s="1" t="s">
        <v>22323</v>
      </c>
      <c r="D6600" s="2">
        <v>159428</v>
      </c>
      <c r="E6600" s="1" t="s">
        <v>0</v>
      </c>
    </row>
    <row r="6601" spans="1:5" x14ac:dyDescent="0.25">
      <c r="A6601" s="1" t="s">
        <v>22324</v>
      </c>
      <c r="B6601" s="1" t="s">
        <v>6891</v>
      </c>
      <c r="C6601" s="1" t="s">
        <v>22325</v>
      </c>
      <c r="D6601" s="2">
        <v>159429</v>
      </c>
      <c r="E6601" s="1" t="s">
        <v>0</v>
      </c>
    </row>
    <row r="6602" spans="1:5" x14ac:dyDescent="0.25">
      <c r="A6602" s="2">
        <v>1320</v>
      </c>
      <c r="B6602" s="2">
        <v>1320</v>
      </c>
      <c r="C6602" s="1" t="s">
        <v>0</v>
      </c>
      <c r="D6602" s="2">
        <v>159430</v>
      </c>
      <c r="E6602" s="1" t="s">
        <v>0</v>
      </c>
    </row>
    <row r="6603" spans="1:5" x14ac:dyDescent="0.25">
      <c r="A6603" s="1" t="s">
        <v>1228</v>
      </c>
      <c r="B6603" s="1" t="s">
        <v>6892</v>
      </c>
      <c r="C6603" s="1" t="s">
        <v>22326</v>
      </c>
      <c r="D6603" s="2">
        <v>159431</v>
      </c>
      <c r="E6603" s="1" t="s">
        <v>0</v>
      </c>
    </row>
    <row r="6604" spans="1:5" x14ac:dyDescent="0.25">
      <c r="A6604" s="1" t="s">
        <v>22327</v>
      </c>
      <c r="B6604" s="1" t="s">
        <v>58270</v>
      </c>
      <c r="C6604" s="1" t="s">
        <v>22328</v>
      </c>
      <c r="D6604" s="2">
        <v>159432</v>
      </c>
      <c r="E6604" s="1" t="s">
        <v>0</v>
      </c>
    </row>
    <row r="6605" spans="1:5" ht="409.5" x14ac:dyDescent="0.25">
      <c r="A6605" s="4" t="s">
        <v>22329</v>
      </c>
      <c r="B6605" s="1" t="s">
        <v>58271</v>
      </c>
      <c r="C6605" s="1" t="s">
        <v>22330</v>
      </c>
      <c r="D6605" s="2">
        <v>159433</v>
      </c>
      <c r="E6605" s="1" t="s">
        <v>0</v>
      </c>
    </row>
    <row r="6606" spans="1:5" x14ac:dyDescent="0.25">
      <c r="A6606" s="1" t="s">
        <v>22331</v>
      </c>
      <c r="B6606" s="1" t="s">
        <v>52521</v>
      </c>
      <c r="C6606" s="1" t="s">
        <v>22332</v>
      </c>
      <c r="D6606" s="2">
        <v>159434</v>
      </c>
      <c r="E6606" s="1" t="s">
        <v>0</v>
      </c>
    </row>
    <row r="6607" spans="1:5" x14ac:dyDescent="0.25">
      <c r="A6607" s="2">
        <v>1321</v>
      </c>
      <c r="B6607" s="2">
        <v>1321</v>
      </c>
      <c r="C6607" s="1" t="s">
        <v>0</v>
      </c>
      <c r="D6607" s="2">
        <v>159435</v>
      </c>
      <c r="E6607" s="1" t="s">
        <v>0</v>
      </c>
    </row>
    <row r="6608" spans="1:5" x14ac:dyDescent="0.25">
      <c r="A6608" s="1" t="s">
        <v>1229</v>
      </c>
      <c r="B6608" s="1" t="s">
        <v>52522</v>
      </c>
      <c r="C6608" s="1" t="s">
        <v>22333</v>
      </c>
      <c r="D6608" s="2">
        <v>159436</v>
      </c>
      <c r="E6608" s="1" t="s">
        <v>0</v>
      </c>
    </row>
    <row r="6609" spans="1:5" x14ac:dyDescent="0.25">
      <c r="A6609" s="1" t="s">
        <v>22334</v>
      </c>
      <c r="B6609" s="1" t="s">
        <v>52523</v>
      </c>
      <c r="C6609" s="1" t="s">
        <v>22335</v>
      </c>
      <c r="D6609" s="2">
        <v>159437</v>
      </c>
      <c r="E6609" s="1" t="s">
        <v>0</v>
      </c>
    </row>
    <row r="6610" spans="1:5" ht="409.5" x14ac:dyDescent="0.25">
      <c r="A6610" s="4" t="s">
        <v>64068</v>
      </c>
      <c r="B6610" s="1" t="s">
        <v>52524</v>
      </c>
      <c r="C6610" s="1" t="s">
        <v>22336</v>
      </c>
      <c r="D6610" s="2">
        <v>159438</v>
      </c>
      <c r="E6610" s="1" t="s">
        <v>0</v>
      </c>
    </row>
    <row r="6611" spans="1:5" x14ac:dyDescent="0.25">
      <c r="A6611" s="1" t="s">
        <v>22337</v>
      </c>
      <c r="B6611" s="1" t="s">
        <v>57164</v>
      </c>
      <c r="C6611" s="1" t="s">
        <v>22338</v>
      </c>
      <c r="D6611" s="2">
        <v>159439</v>
      </c>
      <c r="E6611" s="1" t="s">
        <v>0</v>
      </c>
    </row>
    <row r="6612" spans="1:5" x14ac:dyDescent="0.25">
      <c r="A6612" s="2">
        <v>1322</v>
      </c>
      <c r="B6612" s="2">
        <v>1322</v>
      </c>
      <c r="C6612" s="1" t="s">
        <v>0</v>
      </c>
      <c r="D6612" s="2">
        <v>159440</v>
      </c>
      <c r="E6612" s="1" t="s">
        <v>0</v>
      </c>
    </row>
    <row r="6613" spans="1:5" x14ac:dyDescent="0.25">
      <c r="A6613" s="1" t="s">
        <v>1230</v>
      </c>
      <c r="B6613" s="1" t="s">
        <v>6893</v>
      </c>
      <c r="C6613" s="1" t="s">
        <v>22339</v>
      </c>
      <c r="D6613" s="2">
        <v>159441</v>
      </c>
      <c r="E6613" s="1" t="s">
        <v>0</v>
      </c>
    </row>
    <row r="6614" spans="1:5" x14ac:dyDescent="0.25">
      <c r="A6614" s="1" t="s">
        <v>22340</v>
      </c>
      <c r="B6614" s="1" t="s">
        <v>6894</v>
      </c>
      <c r="C6614" s="1" t="s">
        <v>22341</v>
      </c>
      <c r="D6614" s="2">
        <v>159442</v>
      </c>
      <c r="E6614" s="1" t="s">
        <v>0</v>
      </c>
    </row>
    <row r="6615" spans="1:5" ht="409.5" x14ac:dyDescent="0.25">
      <c r="A6615" s="4" t="s">
        <v>22342</v>
      </c>
      <c r="B6615" s="1" t="s">
        <v>57770</v>
      </c>
      <c r="C6615" s="1" t="s">
        <v>22343</v>
      </c>
      <c r="D6615" s="2">
        <v>159443</v>
      </c>
      <c r="E6615" s="1" t="s">
        <v>0</v>
      </c>
    </row>
    <row r="6616" spans="1:5" x14ac:dyDescent="0.25">
      <c r="A6616" s="1" t="s">
        <v>22344</v>
      </c>
      <c r="B6616" s="1" t="s">
        <v>6895</v>
      </c>
      <c r="C6616" s="1" t="s">
        <v>22345</v>
      </c>
      <c r="D6616" s="2">
        <v>159444</v>
      </c>
      <c r="E6616" s="1" t="s">
        <v>0</v>
      </c>
    </row>
    <row r="6617" spans="1:5" x14ac:dyDescent="0.25">
      <c r="A6617" s="2">
        <v>1323</v>
      </c>
      <c r="B6617" s="2">
        <v>1323</v>
      </c>
      <c r="C6617" s="1" t="s">
        <v>0</v>
      </c>
      <c r="D6617" s="2">
        <v>159445</v>
      </c>
      <c r="E6617" s="1" t="s">
        <v>0</v>
      </c>
    </row>
    <row r="6618" spans="1:5" x14ac:dyDescent="0.25">
      <c r="A6618" s="1" t="s">
        <v>1231</v>
      </c>
      <c r="B6618" s="1" t="s">
        <v>6896</v>
      </c>
      <c r="C6618" s="1" t="s">
        <v>22346</v>
      </c>
      <c r="D6618" s="2">
        <v>159446</v>
      </c>
      <c r="E6618" s="1" t="s">
        <v>0</v>
      </c>
    </row>
    <row r="6619" spans="1:5" x14ac:dyDescent="0.25">
      <c r="A6619" s="1" t="s">
        <v>22347</v>
      </c>
      <c r="B6619" s="1" t="s">
        <v>58062</v>
      </c>
      <c r="C6619" s="1" t="s">
        <v>22348</v>
      </c>
      <c r="D6619" s="2">
        <v>159447</v>
      </c>
      <c r="E6619" s="1" t="s">
        <v>0</v>
      </c>
    </row>
    <row r="6620" spans="1:5" ht="409.5" x14ac:dyDescent="0.25">
      <c r="A6620" s="4" t="s">
        <v>22349</v>
      </c>
      <c r="B6620" s="1" t="s">
        <v>58063</v>
      </c>
      <c r="C6620" s="1" t="s">
        <v>22350</v>
      </c>
      <c r="D6620" s="2">
        <v>159448</v>
      </c>
      <c r="E6620" s="1" t="s">
        <v>0</v>
      </c>
    </row>
    <row r="6621" spans="1:5" x14ac:dyDescent="0.25">
      <c r="A6621" s="1" t="s">
        <v>22351</v>
      </c>
      <c r="B6621" s="1" t="s">
        <v>52525</v>
      </c>
      <c r="C6621" s="1" t="s">
        <v>22352</v>
      </c>
      <c r="D6621" s="2">
        <v>159449</v>
      </c>
      <c r="E6621" s="1" t="s">
        <v>0</v>
      </c>
    </row>
    <row r="6622" spans="1:5" x14ac:dyDescent="0.25">
      <c r="A6622" s="2">
        <v>1324</v>
      </c>
      <c r="B6622" s="2">
        <v>1324</v>
      </c>
      <c r="C6622" s="1" t="s">
        <v>0</v>
      </c>
      <c r="D6622" s="2">
        <v>159450</v>
      </c>
      <c r="E6622" s="1" t="s">
        <v>0</v>
      </c>
    </row>
    <row r="6623" spans="1:5" x14ac:dyDescent="0.25">
      <c r="A6623" s="1" t="s">
        <v>1232</v>
      </c>
      <c r="B6623" s="1" t="s">
        <v>59872</v>
      </c>
      <c r="C6623" s="1" t="s">
        <v>22353</v>
      </c>
      <c r="D6623" s="2">
        <v>159451</v>
      </c>
      <c r="E6623" s="1" t="s">
        <v>0</v>
      </c>
    </row>
    <row r="6624" spans="1:5" x14ac:dyDescent="0.25">
      <c r="A6624" s="1" t="s">
        <v>22354</v>
      </c>
      <c r="B6624" s="1" t="s">
        <v>6897</v>
      </c>
      <c r="C6624" s="1" t="s">
        <v>22355</v>
      </c>
      <c r="D6624" s="2">
        <v>159452</v>
      </c>
      <c r="E6624" s="1" t="s">
        <v>0</v>
      </c>
    </row>
    <row r="6625" spans="1:5" ht="409.5" x14ac:dyDescent="0.25">
      <c r="A6625" s="4" t="s">
        <v>22356</v>
      </c>
      <c r="B6625" s="1" t="s">
        <v>57449</v>
      </c>
      <c r="C6625" s="1" t="s">
        <v>22357</v>
      </c>
      <c r="D6625" s="2">
        <v>159453</v>
      </c>
      <c r="E6625" s="1" t="s">
        <v>0</v>
      </c>
    </row>
    <row r="6626" spans="1:5" x14ac:dyDescent="0.25">
      <c r="A6626" s="1" t="s">
        <v>22358</v>
      </c>
      <c r="B6626" s="1" t="s">
        <v>52526</v>
      </c>
      <c r="C6626" s="1" t="s">
        <v>22359</v>
      </c>
      <c r="D6626" s="2">
        <v>159454</v>
      </c>
      <c r="E6626" s="1" t="s">
        <v>0</v>
      </c>
    </row>
    <row r="6627" spans="1:5" x14ac:dyDescent="0.25">
      <c r="A6627" s="2">
        <v>1325</v>
      </c>
      <c r="B6627" s="2">
        <v>1325</v>
      </c>
      <c r="C6627" s="1" t="s">
        <v>0</v>
      </c>
      <c r="D6627" s="2">
        <v>159455</v>
      </c>
      <c r="E6627" s="1" t="s">
        <v>0</v>
      </c>
    </row>
    <row r="6628" spans="1:5" x14ac:dyDescent="0.25">
      <c r="A6628" s="1" t="s">
        <v>1233</v>
      </c>
      <c r="B6628" s="1" t="s">
        <v>57165</v>
      </c>
      <c r="C6628" s="1" t="s">
        <v>22360</v>
      </c>
      <c r="D6628" s="2">
        <v>159456</v>
      </c>
      <c r="E6628" s="1" t="s">
        <v>0</v>
      </c>
    </row>
    <row r="6629" spans="1:5" x14ac:dyDescent="0.25">
      <c r="A6629" s="1" t="s">
        <v>22361</v>
      </c>
      <c r="B6629" s="1" t="s">
        <v>60579</v>
      </c>
      <c r="C6629" s="1" t="s">
        <v>22362</v>
      </c>
      <c r="D6629" s="2">
        <v>159457</v>
      </c>
      <c r="E6629" s="1" t="s">
        <v>0</v>
      </c>
    </row>
    <row r="6630" spans="1:5" ht="409.5" x14ac:dyDescent="0.25">
      <c r="A6630" s="4" t="s">
        <v>22363</v>
      </c>
      <c r="B6630" s="1" t="s">
        <v>62226</v>
      </c>
      <c r="C6630" s="1" t="s">
        <v>22364</v>
      </c>
      <c r="D6630" s="2">
        <v>159458</v>
      </c>
      <c r="E6630" s="1" t="s">
        <v>0</v>
      </c>
    </row>
    <row r="6631" spans="1:5" x14ac:dyDescent="0.25">
      <c r="A6631" s="1" t="s">
        <v>22365</v>
      </c>
      <c r="B6631" s="1" t="s">
        <v>57166</v>
      </c>
      <c r="C6631" s="1" t="s">
        <v>22366</v>
      </c>
      <c r="D6631" s="2">
        <v>159459</v>
      </c>
      <c r="E6631" s="1" t="s">
        <v>0</v>
      </c>
    </row>
    <row r="6632" spans="1:5" x14ac:dyDescent="0.25">
      <c r="A6632" s="2">
        <v>1326</v>
      </c>
      <c r="B6632" s="2">
        <v>1326</v>
      </c>
      <c r="C6632" s="1" t="s">
        <v>0</v>
      </c>
      <c r="D6632" s="2">
        <v>159460</v>
      </c>
      <c r="E6632" s="1" t="s">
        <v>0</v>
      </c>
    </row>
    <row r="6633" spans="1:5" x14ac:dyDescent="0.25">
      <c r="A6633" s="1" t="s">
        <v>1234</v>
      </c>
      <c r="B6633" s="1" t="s">
        <v>61606</v>
      </c>
      <c r="C6633" s="1" t="s">
        <v>22367</v>
      </c>
      <c r="D6633" s="2">
        <v>159461</v>
      </c>
      <c r="E6633" s="1" t="s">
        <v>0</v>
      </c>
    </row>
    <row r="6634" spans="1:5" x14ac:dyDescent="0.25">
      <c r="A6634" s="1" t="s">
        <v>22368</v>
      </c>
      <c r="B6634" s="1" t="s">
        <v>61607</v>
      </c>
      <c r="C6634" s="1" t="s">
        <v>22369</v>
      </c>
      <c r="D6634" s="2">
        <v>159462</v>
      </c>
      <c r="E6634" s="1" t="s">
        <v>0</v>
      </c>
    </row>
    <row r="6635" spans="1:5" ht="409.5" x14ac:dyDescent="0.25">
      <c r="A6635" s="4" t="s">
        <v>22370</v>
      </c>
      <c r="B6635" s="1" t="s">
        <v>61608</v>
      </c>
      <c r="C6635" s="1" t="s">
        <v>22371</v>
      </c>
      <c r="D6635" s="2">
        <v>159463</v>
      </c>
      <c r="E6635" s="1" t="s">
        <v>0</v>
      </c>
    </row>
    <row r="6636" spans="1:5" x14ac:dyDescent="0.25">
      <c r="A6636" s="1" t="s">
        <v>22372</v>
      </c>
      <c r="B6636" s="1" t="s">
        <v>61609</v>
      </c>
      <c r="C6636" s="1" t="s">
        <v>22373</v>
      </c>
      <c r="D6636" s="2">
        <v>159464</v>
      </c>
      <c r="E6636" s="1" t="s">
        <v>0</v>
      </c>
    </row>
    <row r="6637" spans="1:5" x14ac:dyDescent="0.25">
      <c r="A6637" s="2">
        <v>1327</v>
      </c>
      <c r="B6637" s="2">
        <v>1327</v>
      </c>
      <c r="C6637" s="1" t="s">
        <v>0</v>
      </c>
      <c r="D6637" s="2">
        <v>159465</v>
      </c>
      <c r="E6637" s="1" t="s">
        <v>0</v>
      </c>
    </row>
    <row r="6638" spans="1:5" x14ac:dyDescent="0.25">
      <c r="A6638" s="1" t="s">
        <v>1235</v>
      </c>
      <c r="B6638" s="1" t="s">
        <v>6898</v>
      </c>
      <c r="C6638" s="1" t="s">
        <v>22374</v>
      </c>
      <c r="D6638" s="2">
        <v>159466</v>
      </c>
      <c r="E6638" s="1" t="s">
        <v>0</v>
      </c>
    </row>
    <row r="6639" spans="1:5" x14ac:dyDescent="0.25">
      <c r="A6639" s="1" t="s">
        <v>22375</v>
      </c>
      <c r="B6639" s="1" t="s">
        <v>52527</v>
      </c>
      <c r="C6639" s="1" t="s">
        <v>22376</v>
      </c>
      <c r="D6639" s="2">
        <v>159467</v>
      </c>
      <c r="E6639" s="1" t="s">
        <v>0</v>
      </c>
    </row>
    <row r="6640" spans="1:5" ht="409.5" x14ac:dyDescent="0.25">
      <c r="A6640" s="4" t="s">
        <v>22377</v>
      </c>
      <c r="B6640" s="1" t="s">
        <v>52528</v>
      </c>
      <c r="C6640" s="1" t="s">
        <v>22378</v>
      </c>
      <c r="D6640" s="2">
        <v>159468</v>
      </c>
      <c r="E6640" s="1" t="s">
        <v>0</v>
      </c>
    </row>
    <row r="6641" spans="1:5" x14ac:dyDescent="0.25">
      <c r="A6641" s="1" t="s">
        <v>22379</v>
      </c>
      <c r="B6641" s="1" t="s">
        <v>52529</v>
      </c>
      <c r="C6641" s="1" t="s">
        <v>22380</v>
      </c>
      <c r="D6641" s="2">
        <v>159469</v>
      </c>
      <c r="E6641" s="1" t="s">
        <v>0</v>
      </c>
    </row>
    <row r="6642" spans="1:5" x14ac:dyDescent="0.25">
      <c r="A6642" s="2">
        <v>1328</v>
      </c>
      <c r="B6642" s="2">
        <v>1328</v>
      </c>
      <c r="C6642" s="1" t="s">
        <v>0</v>
      </c>
      <c r="D6642" s="2">
        <v>159470</v>
      </c>
      <c r="E6642" s="1" t="s">
        <v>0</v>
      </c>
    </row>
    <row r="6643" spans="1:5" x14ac:dyDescent="0.25">
      <c r="A6643" s="1" t="s">
        <v>1236</v>
      </c>
      <c r="B6643" s="1" t="s">
        <v>6899</v>
      </c>
      <c r="C6643" s="1" t="s">
        <v>22381</v>
      </c>
      <c r="D6643" s="2">
        <v>159471</v>
      </c>
      <c r="E6643" s="1" t="s">
        <v>0</v>
      </c>
    </row>
    <row r="6644" spans="1:5" x14ac:dyDescent="0.25">
      <c r="A6644" s="1" t="s">
        <v>22382</v>
      </c>
      <c r="B6644" s="1" t="s">
        <v>52530</v>
      </c>
      <c r="C6644" s="1" t="s">
        <v>22383</v>
      </c>
      <c r="D6644" s="2">
        <v>159472</v>
      </c>
      <c r="E6644" s="1" t="s">
        <v>0</v>
      </c>
    </row>
    <row r="6645" spans="1:5" ht="409.5" x14ac:dyDescent="0.25">
      <c r="A6645" s="4" t="s">
        <v>22384</v>
      </c>
      <c r="B6645" s="1" t="s">
        <v>59873</v>
      </c>
      <c r="C6645" s="1" t="s">
        <v>22385</v>
      </c>
      <c r="D6645" s="2">
        <v>159473</v>
      </c>
      <c r="E6645" s="1" t="s">
        <v>0</v>
      </c>
    </row>
    <row r="6646" spans="1:5" x14ac:dyDescent="0.25">
      <c r="A6646" s="1" t="s">
        <v>22386</v>
      </c>
      <c r="B6646" s="1" t="s">
        <v>6900</v>
      </c>
      <c r="C6646" s="1" t="s">
        <v>22387</v>
      </c>
      <c r="D6646" s="2">
        <v>159474</v>
      </c>
      <c r="E6646" s="1" t="s">
        <v>0</v>
      </c>
    </row>
    <row r="6647" spans="1:5" x14ac:dyDescent="0.25">
      <c r="A6647" s="2">
        <v>1329</v>
      </c>
      <c r="B6647" s="2">
        <v>1329</v>
      </c>
      <c r="C6647" s="1" t="s">
        <v>0</v>
      </c>
      <c r="D6647" s="2">
        <v>159475</v>
      </c>
      <c r="E6647" s="1" t="s">
        <v>0</v>
      </c>
    </row>
    <row r="6648" spans="1:5" x14ac:dyDescent="0.25">
      <c r="A6648" s="1" t="s">
        <v>1237</v>
      </c>
      <c r="B6648" s="1" t="s">
        <v>6901</v>
      </c>
      <c r="C6648" s="1" t="s">
        <v>22388</v>
      </c>
      <c r="D6648" s="2">
        <v>159476</v>
      </c>
      <c r="E6648" s="1" t="s">
        <v>0</v>
      </c>
    </row>
    <row r="6649" spans="1:5" x14ac:dyDescent="0.25">
      <c r="A6649" s="1" t="s">
        <v>22389</v>
      </c>
      <c r="B6649" s="1" t="s">
        <v>6902</v>
      </c>
      <c r="C6649" s="1" t="s">
        <v>22390</v>
      </c>
      <c r="D6649" s="2">
        <v>159477</v>
      </c>
      <c r="E6649" s="1" t="s">
        <v>0</v>
      </c>
    </row>
    <row r="6650" spans="1:5" ht="409.5" x14ac:dyDescent="0.25">
      <c r="A6650" s="4" t="s">
        <v>22391</v>
      </c>
      <c r="B6650" s="1" t="s">
        <v>52531</v>
      </c>
      <c r="C6650" s="1" t="s">
        <v>22392</v>
      </c>
      <c r="D6650" s="2">
        <v>159478</v>
      </c>
      <c r="E6650" s="1" t="s">
        <v>0</v>
      </c>
    </row>
    <row r="6651" spans="1:5" x14ac:dyDescent="0.25">
      <c r="A6651" s="1" t="s">
        <v>22393</v>
      </c>
      <c r="B6651" s="1" t="s">
        <v>6903</v>
      </c>
      <c r="C6651" s="1" t="s">
        <v>22394</v>
      </c>
      <c r="D6651" s="2">
        <v>159479</v>
      </c>
      <c r="E6651" s="1" t="s">
        <v>0</v>
      </c>
    </row>
    <row r="6652" spans="1:5" x14ac:dyDescent="0.25">
      <c r="A6652" s="2">
        <v>1330</v>
      </c>
      <c r="B6652" s="2">
        <v>1330</v>
      </c>
      <c r="C6652" s="1" t="s">
        <v>0</v>
      </c>
      <c r="D6652" s="2">
        <v>159480</v>
      </c>
      <c r="E6652" s="1" t="s">
        <v>0</v>
      </c>
    </row>
    <row r="6653" spans="1:5" x14ac:dyDescent="0.25">
      <c r="A6653" s="1" t="s">
        <v>1238</v>
      </c>
      <c r="B6653" s="1" t="s">
        <v>6904</v>
      </c>
      <c r="C6653" s="1" t="s">
        <v>22395</v>
      </c>
      <c r="D6653" s="2">
        <v>159481</v>
      </c>
      <c r="E6653" s="1" t="s">
        <v>0</v>
      </c>
    </row>
    <row r="6654" spans="1:5" x14ac:dyDescent="0.25">
      <c r="A6654" s="1" t="s">
        <v>22396</v>
      </c>
      <c r="B6654" s="1" t="s">
        <v>6905</v>
      </c>
      <c r="C6654" s="1" t="s">
        <v>22397</v>
      </c>
      <c r="D6654" s="2">
        <v>159482</v>
      </c>
      <c r="E6654" s="1" t="s">
        <v>0</v>
      </c>
    </row>
    <row r="6655" spans="1:5" ht="409.5" x14ac:dyDescent="0.25">
      <c r="A6655" s="4" t="s">
        <v>22398</v>
      </c>
      <c r="B6655" s="1" t="s">
        <v>50560</v>
      </c>
      <c r="C6655" s="1" t="s">
        <v>22399</v>
      </c>
      <c r="D6655" s="2">
        <v>159483</v>
      </c>
      <c r="E6655" s="1" t="s">
        <v>0</v>
      </c>
    </row>
    <row r="6656" spans="1:5" x14ac:dyDescent="0.25">
      <c r="A6656" s="1" t="s">
        <v>22400</v>
      </c>
      <c r="B6656" s="1" t="s">
        <v>6906</v>
      </c>
      <c r="C6656" s="1" t="s">
        <v>22401</v>
      </c>
      <c r="D6656" s="2">
        <v>159484</v>
      </c>
      <c r="E6656" s="1" t="s">
        <v>0</v>
      </c>
    </row>
    <row r="6657" spans="1:5" x14ac:dyDescent="0.25">
      <c r="A6657" s="2">
        <v>1331</v>
      </c>
      <c r="B6657" s="2">
        <v>1331</v>
      </c>
      <c r="C6657" s="1" t="s">
        <v>0</v>
      </c>
      <c r="D6657" s="2">
        <v>159485</v>
      </c>
      <c r="E6657" s="1" t="s">
        <v>0</v>
      </c>
    </row>
    <row r="6658" spans="1:5" x14ac:dyDescent="0.25">
      <c r="A6658" s="1" t="s">
        <v>1239</v>
      </c>
      <c r="B6658" s="1" t="s">
        <v>52532</v>
      </c>
      <c r="C6658" s="1" t="s">
        <v>22402</v>
      </c>
      <c r="D6658" s="2">
        <v>159486</v>
      </c>
      <c r="E6658" s="1" t="s">
        <v>0</v>
      </c>
    </row>
    <row r="6659" spans="1:5" x14ac:dyDescent="0.25">
      <c r="A6659" s="1" t="s">
        <v>22403</v>
      </c>
      <c r="B6659" s="1" t="s">
        <v>52533</v>
      </c>
      <c r="C6659" s="1" t="s">
        <v>22404</v>
      </c>
      <c r="D6659" s="2">
        <v>159487</v>
      </c>
      <c r="E6659" s="1" t="s">
        <v>0</v>
      </c>
    </row>
    <row r="6660" spans="1:5" ht="409.5" x14ac:dyDescent="0.25">
      <c r="A6660" s="4" t="s">
        <v>22405</v>
      </c>
      <c r="B6660" s="1" t="s">
        <v>52534</v>
      </c>
      <c r="C6660" s="1" t="s">
        <v>22406</v>
      </c>
      <c r="D6660" s="2">
        <v>159488</v>
      </c>
      <c r="E6660" s="1" t="s">
        <v>0</v>
      </c>
    </row>
    <row r="6661" spans="1:5" x14ac:dyDescent="0.25">
      <c r="A6661" s="1" t="s">
        <v>13413</v>
      </c>
      <c r="B6661" s="1" t="s">
        <v>60845</v>
      </c>
      <c r="C6661" s="1" t="s">
        <v>13414</v>
      </c>
      <c r="D6661" s="2">
        <v>159489</v>
      </c>
      <c r="E6661" s="1" t="s">
        <v>0</v>
      </c>
    </row>
    <row r="6662" spans="1:5" x14ac:dyDescent="0.25">
      <c r="A6662" s="2">
        <v>1332</v>
      </c>
      <c r="B6662" s="2">
        <v>1332</v>
      </c>
      <c r="C6662" s="1" t="s">
        <v>0</v>
      </c>
      <c r="D6662" s="2">
        <v>159490</v>
      </c>
      <c r="E6662" s="1" t="s">
        <v>0</v>
      </c>
    </row>
    <row r="6663" spans="1:5" x14ac:dyDescent="0.25">
      <c r="A6663" s="1" t="s">
        <v>1240</v>
      </c>
      <c r="B6663" s="1" t="s">
        <v>6907</v>
      </c>
      <c r="C6663" s="1" t="s">
        <v>22407</v>
      </c>
      <c r="D6663" s="2">
        <v>159491</v>
      </c>
      <c r="E6663" s="1" t="s">
        <v>0</v>
      </c>
    </row>
    <row r="6664" spans="1:5" x14ac:dyDescent="0.25">
      <c r="A6664" s="1" t="s">
        <v>22408</v>
      </c>
      <c r="B6664" s="1" t="s">
        <v>6908</v>
      </c>
      <c r="C6664" s="1" t="s">
        <v>22409</v>
      </c>
      <c r="D6664" s="2">
        <v>159492</v>
      </c>
      <c r="E6664" s="1" t="s">
        <v>0</v>
      </c>
    </row>
    <row r="6665" spans="1:5" ht="409.5" x14ac:dyDescent="0.25">
      <c r="A6665" s="4" t="s">
        <v>22410</v>
      </c>
      <c r="B6665" s="1" t="s">
        <v>52535</v>
      </c>
      <c r="C6665" s="1" t="s">
        <v>22411</v>
      </c>
      <c r="D6665" s="2">
        <v>159493</v>
      </c>
      <c r="E6665" s="1" t="s">
        <v>0</v>
      </c>
    </row>
    <row r="6666" spans="1:5" x14ac:dyDescent="0.25">
      <c r="A6666" s="1" t="s">
        <v>22412</v>
      </c>
      <c r="B6666" s="1" t="s">
        <v>52536</v>
      </c>
      <c r="C6666" s="1" t="s">
        <v>22413</v>
      </c>
      <c r="D6666" s="2">
        <v>159494</v>
      </c>
      <c r="E6666" s="1" t="s">
        <v>0</v>
      </c>
    </row>
    <row r="6667" spans="1:5" x14ac:dyDescent="0.25">
      <c r="A6667" s="2">
        <v>1333</v>
      </c>
      <c r="B6667" s="2">
        <v>1333</v>
      </c>
      <c r="C6667" s="1" t="s">
        <v>0</v>
      </c>
      <c r="D6667" s="2">
        <v>159495</v>
      </c>
      <c r="E6667" s="1" t="s">
        <v>0</v>
      </c>
    </row>
    <row r="6668" spans="1:5" x14ac:dyDescent="0.25">
      <c r="A6668" s="1" t="s">
        <v>1241</v>
      </c>
      <c r="B6668" s="1" t="s">
        <v>50561</v>
      </c>
      <c r="C6668" s="1" t="s">
        <v>22414</v>
      </c>
      <c r="D6668" s="2">
        <v>159496</v>
      </c>
      <c r="E6668" s="1" t="s">
        <v>0</v>
      </c>
    </row>
    <row r="6669" spans="1:5" x14ac:dyDescent="0.25">
      <c r="A6669" s="1" t="s">
        <v>22415</v>
      </c>
      <c r="B6669" s="1" t="s">
        <v>52537</v>
      </c>
      <c r="C6669" s="1" t="s">
        <v>22416</v>
      </c>
      <c r="D6669" s="2">
        <v>159497</v>
      </c>
      <c r="E6669" s="1" t="s">
        <v>0</v>
      </c>
    </row>
    <row r="6670" spans="1:5" ht="409.5" x14ac:dyDescent="0.25">
      <c r="A6670" s="4" t="s">
        <v>22417</v>
      </c>
      <c r="B6670" s="1" t="s">
        <v>59581</v>
      </c>
      <c r="C6670" s="1" t="s">
        <v>22418</v>
      </c>
      <c r="D6670" s="2">
        <v>159498</v>
      </c>
      <c r="E6670" s="1" t="s">
        <v>0</v>
      </c>
    </row>
    <row r="6671" spans="1:5" x14ac:dyDescent="0.25">
      <c r="A6671" s="1" t="s">
        <v>22419</v>
      </c>
      <c r="B6671" s="1" t="s">
        <v>52538</v>
      </c>
      <c r="C6671" s="1" t="s">
        <v>22420</v>
      </c>
      <c r="D6671" s="2">
        <v>159499</v>
      </c>
      <c r="E6671" s="1" t="s">
        <v>0</v>
      </c>
    </row>
    <row r="6672" spans="1:5" x14ac:dyDescent="0.25">
      <c r="A6672" s="2">
        <v>1334</v>
      </c>
      <c r="B6672" s="2">
        <v>1334</v>
      </c>
      <c r="C6672" s="1" t="s">
        <v>0</v>
      </c>
      <c r="D6672" s="2">
        <v>159500</v>
      </c>
      <c r="E6672" s="1" t="s">
        <v>0</v>
      </c>
    </row>
    <row r="6673" spans="1:5" x14ac:dyDescent="0.25">
      <c r="A6673" s="1" t="s">
        <v>1242</v>
      </c>
      <c r="B6673" s="1" t="s">
        <v>50562</v>
      </c>
      <c r="C6673" s="1" t="s">
        <v>22421</v>
      </c>
      <c r="D6673" s="2">
        <v>159501</v>
      </c>
      <c r="E6673" s="1" t="s">
        <v>0</v>
      </c>
    </row>
    <row r="6674" spans="1:5" x14ac:dyDescent="0.25">
      <c r="A6674" s="1" t="s">
        <v>22422</v>
      </c>
      <c r="B6674" s="1" t="s">
        <v>50563</v>
      </c>
      <c r="C6674" s="1" t="s">
        <v>22423</v>
      </c>
      <c r="D6674" s="2">
        <v>159502</v>
      </c>
      <c r="E6674" s="1" t="s">
        <v>0</v>
      </c>
    </row>
    <row r="6675" spans="1:5" ht="409.5" x14ac:dyDescent="0.25">
      <c r="A6675" s="4" t="s">
        <v>22424</v>
      </c>
      <c r="B6675" s="1" t="s">
        <v>50564</v>
      </c>
      <c r="C6675" s="1" t="s">
        <v>22425</v>
      </c>
      <c r="D6675" s="2">
        <v>159503</v>
      </c>
      <c r="E6675" s="1" t="s">
        <v>0</v>
      </c>
    </row>
    <row r="6676" spans="1:5" x14ac:dyDescent="0.25">
      <c r="A6676" s="1" t="s">
        <v>22426</v>
      </c>
      <c r="B6676" s="1" t="s">
        <v>52539</v>
      </c>
      <c r="C6676" s="1" t="s">
        <v>22427</v>
      </c>
      <c r="D6676" s="2">
        <v>159504</v>
      </c>
      <c r="E6676" s="1" t="s">
        <v>0</v>
      </c>
    </row>
    <row r="6677" spans="1:5" x14ac:dyDescent="0.25">
      <c r="A6677" s="2">
        <v>1335</v>
      </c>
      <c r="B6677" s="2">
        <v>1335</v>
      </c>
      <c r="C6677" s="1" t="s">
        <v>0</v>
      </c>
      <c r="D6677" s="2">
        <v>159505</v>
      </c>
      <c r="E6677" s="1" t="s">
        <v>0</v>
      </c>
    </row>
    <row r="6678" spans="1:5" x14ac:dyDescent="0.25">
      <c r="A6678" s="1" t="s">
        <v>1243</v>
      </c>
      <c r="B6678" s="1" t="s">
        <v>52540</v>
      </c>
      <c r="C6678" s="1" t="s">
        <v>22428</v>
      </c>
      <c r="D6678" s="2">
        <v>159506</v>
      </c>
      <c r="E6678" s="1" t="s">
        <v>0</v>
      </c>
    </row>
    <row r="6679" spans="1:5" x14ac:dyDescent="0.25">
      <c r="A6679" s="1" t="s">
        <v>22429</v>
      </c>
      <c r="B6679" s="1" t="s">
        <v>6909</v>
      </c>
      <c r="C6679" s="1" t="s">
        <v>22430</v>
      </c>
      <c r="D6679" s="2">
        <v>159507</v>
      </c>
      <c r="E6679" s="1" t="s">
        <v>0</v>
      </c>
    </row>
    <row r="6680" spans="1:5" ht="409.5" x14ac:dyDescent="0.25">
      <c r="A6680" s="4" t="s">
        <v>22431</v>
      </c>
      <c r="B6680" s="1" t="s">
        <v>62227</v>
      </c>
      <c r="C6680" s="1" t="s">
        <v>22432</v>
      </c>
      <c r="D6680" s="2">
        <v>159508</v>
      </c>
      <c r="E6680" s="1" t="s">
        <v>0</v>
      </c>
    </row>
    <row r="6681" spans="1:5" x14ac:dyDescent="0.25">
      <c r="A6681" s="1" t="s">
        <v>22433</v>
      </c>
      <c r="B6681" s="1" t="s">
        <v>52541</v>
      </c>
      <c r="C6681" s="1" t="s">
        <v>22434</v>
      </c>
      <c r="D6681" s="2">
        <v>159509</v>
      </c>
      <c r="E6681" s="1" t="s">
        <v>0</v>
      </c>
    </row>
    <row r="6682" spans="1:5" x14ac:dyDescent="0.25">
      <c r="A6682" s="2">
        <v>1336</v>
      </c>
      <c r="B6682" s="2">
        <v>1336</v>
      </c>
      <c r="C6682" s="1" t="s">
        <v>0</v>
      </c>
      <c r="D6682" s="2">
        <v>159510</v>
      </c>
      <c r="E6682" s="1" t="s">
        <v>0</v>
      </c>
    </row>
    <row r="6683" spans="1:5" x14ac:dyDescent="0.25">
      <c r="A6683" s="1" t="s">
        <v>1244</v>
      </c>
      <c r="B6683" s="1" t="s">
        <v>6910</v>
      </c>
      <c r="C6683" s="1" t="s">
        <v>22435</v>
      </c>
      <c r="D6683" s="2">
        <v>159511</v>
      </c>
      <c r="E6683" s="1" t="s">
        <v>0</v>
      </c>
    </row>
    <row r="6684" spans="1:5" x14ac:dyDescent="0.25">
      <c r="A6684" s="1" t="s">
        <v>22436</v>
      </c>
      <c r="B6684" s="1" t="s">
        <v>6911</v>
      </c>
      <c r="C6684" s="1" t="s">
        <v>22437</v>
      </c>
      <c r="D6684" s="2">
        <v>159512</v>
      </c>
      <c r="E6684" s="1" t="s">
        <v>0</v>
      </c>
    </row>
    <row r="6685" spans="1:5" ht="409.5" x14ac:dyDescent="0.25">
      <c r="A6685" s="4" t="s">
        <v>22438</v>
      </c>
      <c r="B6685" s="1" t="s">
        <v>57771</v>
      </c>
      <c r="C6685" s="1" t="s">
        <v>22439</v>
      </c>
      <c r="D6685" s="2">
        <v>159513</v>
      </c>
      <c r="E6685" s="1" t="s">
        <v>0</v>
      </c>
    </row>
    <row r="6686" spans="1:5" x14ac:dyDescent="0.25">
      <c r="A6686" s="1" t="s">
        <v>22440</v>
      </c>
      <c r="B6686" s="1" t="s">
        <v>6912</v>
      </c>
      <c r="C6686" s="1" t="s">
        <v>22441</v>
      </c>
      <c r="D6686" s="2">
        <v>159514</v>
      </c>
      <c r="E6686" s="1" t="s">
        <v>0</v>
      </c>
    </row>
    <row r="6687" spans="1:5" x14ac:dyDescent="0.25">
      <c r="A6687" s="2">
        <v>1337</v>
      </c>
      <c r="B6687" s="2">
        <v>1337</v>
      </c>
      <c r="C6687" s="1" t="s">
        <v>0</v>
      </c>
      <c r="D6687" s="2">
        <v>159515</v>
      </c>
      <c r="E6687" s="1" t="s">
        <v>0</v>
      </c>
    </row>
    <row r="6688" spans="1:5" x14ac:dyDescent="0.25">
      <c r="A6688" s="1" t="s">
        <v>1245</v>
      </c>
      <c r="B6688" s="1" t="s">
        <v>6913</v>
      </c>
      <c r="C6688" s="1" t="s">
        <v>22442</v>
      </c>
      <c r="D6688" s="2">
        <v>159516</v>
      </c>
      <c r="E6688" s="1" t="s">
        <v>0</v>
      </c>
    </row>
    <row r="6689" spans="1:5" x14ac:dyDescent="0.25">
      <c r="A6689" s="1" t="s">
        <v>22443</v>
      </c>
      <c r="B6689" s="1" t="s">
        <v>6914</v>
      </c>
      <c r="C6689" s="1" t="s">
        <v>22444</v>
      </c>
      <c r="D6689" s="2">
        <v>159517</v>
      </c>
      <c r="E6689" s="1" t="s">
        <v>0</v>
      </c>
    </row>
    <row r="6690" spans="1:5" ht="409.5" x14ac:dyDescent="0.25">
      <c r="A6690" s="4" t="s">
        <v>22445</v>
      </c>
      <c r="B6690" s="1" t="s">
        <v>58272</v>
      </c>
      <c r="C6690" s="1" t="s">
        <v>22446</v>
      </c>
      <c r="D6690" s="2">
        <v>159518</v>
      </c>
      <c r="E6690" s="1" t="s">
        <v>0</v>
      </c>
    </row>
    <row r="6691" spans="1:5" x14ac:dyDescent="0.25">
      <c r="A6691" s="1" t="s">
        <v>22447</v>
      </c>
      <c r="B6691" s="1" t="s">
        <v>52542</v>
      </c>
      <c r="C6691" s="1" t="s">
        <v>22448</v>
      </c>
      <c r="D6691" s="2">
        <v>159519</v>
      </c>
      <c r="E6691" s="1" t="s">
        <v>0</v>
      </c>
    </row>
    <row r="6692" spans="1:5" x14ac:dyDescent="0.25">
      <c r="A6692" s="2">
        <v>1338</v>
      </c>
      <c r="B6692" s="2">
        <v>1338</v>
      </c>
      <c r="C6692" s="1" t="s">
        <v>0</v>
      </c>
      <c r="D6692" s="2">
        <v>159520</v>
      </c>
      <c r="E6692" s="1" t="s">
        <v>0</v>
      </c>
    </row>
    <row r="6693" spans="1:5" x14ac:dyDescent="0.25">
      <c r="A6693" s="1" t="s">
        <v>1246</v>
      </c>
      <c r="B6693" s="1" t="s">
        <v>6915</v>
      </c>
      <c r="C6693" s="1" t="s">
        <v>22449</v>
      </c>
      <c r="D6693" s="2">
        <v>159521</v>
      </c>
      <c r="E6693" s="1" t="s">
        <v>0</v>
      </c>
    </row>
    <row r="6694" spans="1:5" x14ac:dyDescent="0.25">
      <c r="A6694" s="1" t="s">
        <v>22450</v>
      </c>
      <c r="B6694" s="1" t="s">
        <v>6916</v>
      </c>
      <c r="C6694" s="1" t="s">
        <v>22451</v>
      </c>
      <c r="D6694" s="2">
        <v>159522</v>
      </c>
      <c r="E6694" s="1" t="s">
        <v>0</v>
      </c>
    </row>
    <row r="6695" spans="1:5" ht="409.5" x14ac:dyDescent="0.25">
      <c r="A6695" s="4" t="s">
        <v>22452</v>
      </c>
      <c r="B6695" s="1" t="s">
        <v>13041</v>
      </c>
      <c r="C6695" s="1" t="s">
        <v>22453</v>
      </c>
      <c r="D6695" s="2">
        <v>159523</v>
      </c>
      <c r="E6695" s="1" t="s">
        <v>0</v>
      </c>
    </row>
    <row r="6696" spans="1:5" x14ac:dyDescent="0.25">
      <c r="A6696" s="1" t="s">
        <v>22454</v>
      </c>
      <c r="B6696" s="1" t="s">
        <v>6917</v>
      </c>
      <c r="C6696" s="1" t="s">
        <v>22455</v>
      </c>
      <c r="D6696" s="2">
        <v>159524</v>
      </c>
      <c r="E6696" s="1" t="s">
        <v>0</v>
      </c>
    </row>
    <row r="6697" spans="1:5" x14ac:dyDescent="0.25">
      <c r="A6697" s="2">
        <v>1339</v>
      </c>
      <c r="B6697" s="2">
        <v>1339</v>
      </c>
      <c r="C6697" s="1" t="s">
        <v>0</v>
      </c>
      <c r="D6697" s="2">
        <v>159525</v>
      </c>
      <c r="E6697" s="1" t="s">
        <v>0</v>
      </c>
    </row>
    <row r="6698" spans="1:5" x14ac:dyDescent="0.25">
      <c r="A6698" s="1" t="s">
        <v>1247</v>
      </c>
      <c r="B6698" s="1" t="s">
        <v>6918</v>
      </c>
      <c r="C6698" s="1" t="s">
        <v>22456</v>
      </c>
      <c r="D6698" s="2">
        <v>159526</v>
      </c>
      <c r="E6698" s="1" t="s">
        <v>0</v>
      </c>
    </row>
    <row r="6699" spans="1:5" x14ac:dyDescent="0.25">
      <c r="A6699" s="1" t="s">
        <v>22457</v>
      </c>
      <c r="B6699" s="1" t="s">
        <v>57772</v>
      </c>
      <c r="C6699" s="1" t="s">
        <v>22458</v>
      </c>
      <c r="D6699" s="2">
        <v>159527</v>
      </c>
      <c r="E6699" s="1" t="s">
        <v>0</v>
      </c>
    </row>
    <row r="6700" spans="1:5" ht="409.5" x14ac:dyDescent="0.25">
      <c r="A6700" s="4" t="s">
        <v>22459</v>
      </c>
      <c r="B6700" s="1" t="s">
        <v>57773</v>
      </c>
      <c r="C6700" s="1" t="s">
        <v>22460</v>
      </c>
      <c r="D6700" s="2">
        <v>159528</v>
      </c>
      <c r="E6700" s="1" t="s">
        <v>0</v>
      </c>
    </row>
    <row r="6701" spans="1:5" x14ac:dyDescent="0.25">
      <c r="A6701" s="1" t="s">
        <v>22461</v>
      </c>
      <c r="B6701" s="1" t="s">
        <v>57076</v>
      </c>
      <c r="C6701" s="1" t="s">
        <v>22462</v>
      </c>
      <c r="D6701" s="2">
        <v>159529</v>
      </c>
      <c r="E6701" s="1" t="s">
        <v>0</v>
      </c>
    </row>
    <row r="6702" spans="1:5" x14ac:dyDescent="0.25">
      <c r="A6702" s="2">
        <v>1340</v>
      </c>
      <c r="B6702" s="2">
        <v>1340</v>
      </c>
      <c r="C6702" s="1" t="s">
        <v>0</v>
      </c>
      <c r="D6702" s="2">
        <v>159530</v>
      </c>
      <c r="E6702" s="1" t="s">
        <v>0</v>
      </c>
    </row>
    <row r="6703" spans="1:5" x14ac:dyDescent="0.25">
      <c r="A6703" s="1" t="s">
        <v>6919</v>
      </c>
      <c r="B6703" s="1" t="s">
        <v>6920</v>
      </c>
      <c r="C6703" s="1" t="s">
        <v>22463</v>
      </c>
      <c r="D6703" s="2">
        <v>159531</v>
      </c>
      <c r="E6703" s="1" t="s">
        <v>0</v>
      </c>
    </row>
    <row r="6704" spans="1:5" x14ac:dyDescent="0.25">
      <c r="A6704" s="1" t="s">
        <v>22464</v>
      </c>
      <c r="B6704" s="1" t="s">
        <v>6921</v>
      </c>
      <c r="C6704" s="1" t="s">
        <v>22465</v>
      </c>
      <c r="D6704" s="2">
        <v>159532</v>
      </c>
      <c r="E6704" s="1" t="s">
        <v>0</v>
      </c>
    </row>
    <row r="6705" spans="1:5" ht="409.5" x14ac:dyDescent="0.25">
      <c r="A6705" s="4" t="s">
        <v>22466</v>
      </c>
      <c r="B6705" s="1" t="s">
        <v>6922</v>
      </c>
      <c r="C6705" s="1" t="s">
        <v>22467</v>
      </c>
      <c r="D6705" s="2">
        <v>159533</v>
      </c>
      <c r="E6705" s="1" t="s">
        <v>0</v>
      </c>
    </row>
    <row r="6706" spans="1:5" x14ac:dyDescent="0.25">
      <c r="A6706" s="1" t="s">
        <v>22468</v>
      </c>
      <c r="B6706" s="1" t="s">
        <v>52543</v>
      </c>
      <c r="C6706" s="1" t="s">
        <v>22469</v>
      </c>
      <c r="D6706" s="2">
        <v>159534</v>
      </c>
      <c r="E6706" s="1" t="s">
        <v>0</v>
      </c>
    </row>
    <row r="6707" spans="1:5" x14ac:dyDescent="0.25">
      <c r="A6707" s="2">
        <v>1341</v>
      </c>
      <c r="B6707" s="2">
        <v>1341</v>
      </c>
      <c r="C6707" s="1" t="s">
        <v>0</v>
      </c>
      <c r="D6707" s="2">
        <v>159535</v>
      </c>
      <c r="E6707" s="1" t="s">
        <v>0</v>
      </c>
    </row>
    <row r="6708" spans="1:5" x14ac:dyDescent="0.25">
      <c r="A6708" s="1" t="s">
        <v>1248</v>
      </c>
      <c r="B6708" s="1" t="s">
        <v>6923</v>
      </c>
      <c r="C6708" s="1" t="s">
        <v>22470</v>
      </c>
      <c r="D6708" s="2">
        <v>159536</v>
      </c>
      <c r="E6708" s="1" t="s">
        <v>0</v>
      </c>
    </row>
    <row r="6709" spans="1:5" x14ac:dyDescent="0.25">
      <c r="A6709" s="1" t="s">
        <v>22471</v>
      </c>
      <c r="B6709" s="1" t="s">
        <v>52544</v>
      </c>
      <c r="C6709" s="1" t="s">
        <v>22472</v>
      </c>
      <c r="D6709" s="2">
        <v>159537</v>
      </c>
      <c r="E6709" s="1" t="s">
        <v>0</v>
      </c>
    </row>
    <row r="6710" spans="1:5" ht="409.5" x14ac:dyDescent="0.25">
      <c r="A6710" s="4" t="s">
        <v>22473</v>
      </c>
      <c r="B6710" s="1" t="s">
        <v>59874</v>
      </c>
      <c r="C6710" s="1" t="s">
        <v>22474</v>
      </c>
      <c r="D6710" s="2">
        <v>159538</v>
      </c>
      <c r="E6710" s="1" t="s">
        <v>0</v>
      </c>
    </row>
    <row r="6711" spans="1:5" x14ac:dyDescent="0.25">
      <c r="A6711" s="1" t="s">
        <v>22475</v>
      </c>
      <c r="B6711" s="1" t="s">
        <v>6924</v>
      </c>
      <c r="C6711" s="1" t="s">
        <v>22476</v>
      </c>
      <c r="D6711" s="2">
        <v>159539</v>
      </c>
      <c r="E6711" s="1" t="s">
        <v>0</v>
      </c>
    </row>
    <row r="6712" spans="1:5" x14ac:dyDescent="0.25">
      <c r="A6712" s="2">
        <v>1342</v>
      </c>
      <c r="B6712" s="2">
        <v>1342</v>
      </c>
      <c r="C6712" s="1" t="s">
        <v>0</v>
      </c>
      <c r="D6712" s="2">
        <v>159540</v>
      </c>
      <c r="E6712" s="1" t="s">
        <v>0</v>
      </c>
    </row>
    <row r="6713" spans="1:5" x14ac:dyDescent="0.25">
      <c r="A6713" s="1" t="s">
        <v>1249</v>
      </c>
      <c r="B6713" s="1" t="s">
        <v>52545</v>
      </c>
      <c r="C6713" s="1" t="s">
        <v>22477</v>
      </c>
      <c r="D6713" s="2">
        <v>159541</v>
      </c>
      <c r="E6713" s="1" t="s">
        <v>0</v>
      </c>
    </row>
    <row r="6714" spans="1:5" x14ac:dyDescent="0.25">
      <c r="A6714" s="1" t="s">
        <v>22478</v>
      </c>
      <c r="B6714" s="1" t="s">
        <v>52546</v>
      </c>
      <c r="C6714" s="1" t="s">
        <v>22479</v>
      </c>
      <c r="D6714" s="2">
        <v>159542</v>
      </c>
      <c r="E6714" s="1" t="s">
        <v>0</v>
      </c>
    </row>
    <row r="6715" spans="1:5" ht="409.5" x14ac:dyDescent="0.25">
      <c r="A6715" s="4" t="s">
        <v>22480</v>
      </c>
      <c r="B6715" s="1" t="s">
        <v>52547</v>
      </c>
      <c r="C6715" s="1" t="s">
        <v>22481</v>
      </c>
      <c r="D6715" s="2">
        <v>159543</v>
      </c>
      <c r="E6715" s="1" t="s">
        <v>0</v>
      </c>
    </row>
    <row r="6716" spans="1:5" x14ac:dyDescent="0.25">
      <c r="A6716" s="1" t="s">
        <v>22482</v>
      </c>
      <c r="B6716" s="1" t="s">
        <v>61010</v>
      </c>
      <c r="C6716" s="1" t="s">
        <v>22483</v>
      </c>
      <c r="D6716" s="2">
        <v>159544</v>
      </c>
      <c r="E6716" s="1" t="s">
        <v>0</v>
      </c>
    </row>
    <row r="6717" spans="1:5" x14ac:dyDescent="0.25">
      <c r="A6717" s="2">
        <v>1343</v>
      </c>
      <c r="B6717" s="2">
        <v>1343</v>
      </c>
      <c r="C6717" s="1" t="s">
        <v>0</v>
      </c>
      <c r="D6717" s="2">
        <v>159545</v>
      </c>
      <c r="E6717" s="1" t="s">
        <v>0</v>
      </c>
    </row>
    <row r="6718" spans="1:5" x14ac:dyDescent="0.25">
      <c r="A6718" s="1" t="s">
        <v>1250</v>
      </c>
      <c r="B6718" s="1" t="s">
        <v>52548</v>
      </c>
      <c r="C6718" s="1" t="s">
        <v>22484</v>
      </c>
      <c r="D6718" s="2">
        <v>159546</v>
      </c>
      <c r="E6718" s="1" t="s">
        <v>0</v>
      </c>
    </row>
    <row r="6719" spans="1:5" x14ac:dyDescent="0.25">
      <c r="A6719" s="1" t="s">
        <v>22485</v>
      </c>
      <c r="B6719" s="1" t="s">
        <v>52549</v>
      </c>
      <c r="C6719" s="1" t="s">
        <v>22486</v>
      </c>
      <c r="D6719" s="2">
        <v>159547</v>
      </c>
      <c r="E6719" s="1" t="s">
        <v>0</v>
      </c>
    </row>
    <row r="6720" spans="1:5" ht="409.5" x14ac:dyDescent="0.25">
      <c r="A6720" s="4" t="s">
        <v>22487</v>
      </c>
      <c r="B6720" s="1" t="s">
        <v>59875</v>
      </c>
      <c r="C6720" s="1" t="s">
        <v>22488</v>
      </c>
      <c r="D6720" s="2">
        <v>159548</v>
      </c>
      <c r="E6720" s="1" t="s">
        <v>0</v>
      </c>
    </row>
    <row r="6721" spans="1:5" x14ac:dyDescent="0.25">
      <c r="A6721" s="1" t="s">
        <v>22489</v>
      </c>
      <c r="B6721" s="1" t="s">
        <v>6925</v>
      </c>
      <c r="C6721" s="1" t="s">
        <v>22490</v>
      </c>
      <c r="D6721" s="2">
        <v>159549</v>
      </c>
      <c r="E6721" s="1" t="s">
        <v>0</v>
      </c>
    </row>
    <row r="6722" spans="1:5" x14ac:dyDescent="0.25">
      <c r="A6722" s="2">
        <v>1344</v>
      </c>
      <c r="B6722" s="2">
        <v>1344</v>
      </c>
      <c r="C6722" s="1" t="s">
        <v>0</v>
      </c>
      <c r="D6722" s="2">
        <v>159550</v>
      </c>
      <c r="E6722" s="1" t="s">
        <v>0</v>
      </c>
    </row>
    <row r="6723" spans="1:5" x14ac:dyDescent="0.25">
      <c r="A6723" s="1" t="s">
        <v>1251</v>
      </c>
      <c r="B6723" s="1" t="s">
        <v>6926</v>
      </c>
      <c r="C6723" s="1" t="s">
        <v>22491</v>
      </c>
      <c r="D6723" s="2">
        <v>159551</v>
      </c>
      <c r="E6723" s="1" t="s">
        <v>0</v>
      </c>
    </row>
    <row r="6724" spans="1:5" x14ac:dyDescent="0.25">
      <c r="A6724" s="1" t="s">
        <v>22492</v>
      </c>
      <c r="B6724" s="1" t="s">
        <v>57774</v>
      </c>
      <c r="C6724" s="1" t="s">
        <v>22493</v>
      </c>
      <c r="D6724" s="2">
        <v>159552</v>
      </c>
      <c r="E6724" s="1" t="s">
        <v>0</v>
      </c>
    </row>
    <row r="6725" spans="1:5" ht="409.5" x14ac:dyDescent="0.25">
      <c r="A6725" s="4" t="s">
        <v>22494</v>
      </c>
      <c r="B6725" s="1" t="s">
        <v>57775</v>
      </c>
      <c r="C6725" s="1" t="s">
        <v>22495</v>
      </c>
      <c r="D6725" s="2">
        <v>159553</v>
      </c>
      <c r="E6725" s="1" t="s">
        <v>0</v>
      </c>
    </row>
    <row r="6726" spans="1:5" x14ac:dyDescent="0.25">
      <c r="A6726" s="1" t="s">
        <v>22496</v>
      </c>
      <c r="B6726" s="1" t="s">
        <v>57167</v>
      </c>
      <c r="C6726" s="1" t="s">
        <v>22497</v>
      </c>
      <c r="D6726" s="2">
        <v>159554</v>
      </c>
      <c r="E6726" s="1" t="s">
        <v>0</v>
      </c>
    </row>
    <row r="6727" spans="1:5" x14ac:dyDescent="0.25">
      <c r="A6727" s="2">
        <v>1345</v>
      </c>
      <c r="B6727" s="2">
        <v>1345</v>
      </c>
      <c r="C6727" s="1" t="s">
        <v>0</v>
      </c>
      <c r="D6727" s="2">
        <v>159555</v>
      </c>
      <c r="E6727" s="1" t="s">
        <v>0</v>
      </c>
    </row>
    <row r="6728" spans="1:5" x14ac:dyDescent="0.25">
      <c r="A6728" s="1" t="s">
        <v>1252</v>
      </c>
      <c r="B6728" s="1" t="s">
        <v>56921</v>
      </c>
      <c r="C6728" s="1" t="s">
        <v>22498</v>
      </c>
      <c r="D6728" s="2">
        <v>159556</v>
      </c>
      <c r="E6728" s="1" t="s">
        <v>0</v>
      </c>
    </row>
    <row r="6729" spans="1:5" x14ac:dyDescent="0.25">
      <c r="A6729" s="1" t="s">
        <v>61772</v>
      </c>
      <c r="B6729" s="1" t="s">
        <v>58273</v>
      </c>
      <c r="C6729" s="1" t="s">
        <v>22499</v>
      </c>
      <c r="D6729" s="2">
        <v>159557</v>
      </c>
      <c r="E6729" s="1" t="s">
        <v>0</v>
      </c>
    </row>
    <row r="6730" spans="1:5" ht="409.5" x14ac:dyDescent="0.25">
      <c r="A6730" s="4" t="s">
        <v>61773</v>
      </c>
      <c r="B6730" s="1" t="s">
        <v>58274</v>
      </c>
      <c r="C6730" s="1" t="s">
        <v>22500</v>
      </c>
      <c r="D6730" s="2">
        <v>159558</v>
      </c>
      <c r="E6730" s="1" t="s">
        <v>0</v>
      </c>
    </row>
    <row r="6731" spans="1:5" x14ac:dyDescent="0.25">
      <c r="A6731" s="1" t="s">
        <v>22501</v>
      </c>
      <c r="B6731" s="1" t="s">
        <v>6927</v>
      </c>
      <c r="C6731" s="1" t="s">
        <v>22502</v>
      </c>
      <c r="D6731" s="2">
        <v>159559</v>
      </c>
      <c r="E6731" s="1" t="s">
        <v>0</v>
      </c>
    </row>
    <row r="6732" spans="1:5" x14ac:dyDescent="0.25">
      <c r="A6732" s="2">
        <v>1346</v>
      </c>
      <c r="B6732" s="2">
        <v>1346</v>
      </c>
      <c r="C6732" s="1" t="s">
        <v>0</v>
      </c>
      <c r="D6732" s="2">
        <v>159560</v>
      </c>
      <c r="E6732" s="1" t="s">
        <v>0</v>
      </c>
    </row>
    <row r="6733" spans="1:5" x14ac:dyDescent="0.25">
      <c r="A6733" s="1" t="s">
        <v>6928</v>
      </c>
      <c r="B6733" s="1" t="s">
        <v>6929</v>
      </c>
      <c r="C6733" s="1" t="s">
        <v>22503</v>
      </c>
      <c r="D6733" s="2">
        <v>159561</v>
      </c>
      <c r="E6733" s="1" t="s">
        <v>0</v>
      </c>
    </row>
    <row r="6734" spans="1:5" x14ac:dyDescent="0.25">
      <c r="A6734" s="1" t="s">
        <v>22504</v>
      </c>
      <c r="B6734" s="1" t="s">
        <v>6930</v>
      </c>
      <c r="C6734" s="1" t="s">
        <v>22505</v>
      </c>
      <c r="D6734" s="2">
        <v>159562</v>
      </c>
      <c r="E6734" s="1" t="s">
        <v>0</v>
      </c>
    </row>
    <row r="6735" spans="1:5" ht="409.5" x14ac:dyDescent="0.25">
      <c r="A6735" s="4" t="s">
        <v>22506</v>
      </c>
      <c r="B6735" s="1" t="s">
        <v>63258</v>
      </c>
      <c r="C6735" s="1" t="s">
        <v>22507</v>
      </c>
      <c r="D6735" s="2">
        <v>159563</v>
      </c>
      <c r="E6735" s="1" t="s">
        <v>0</v>
      </c>
    </row>
    <row r="6736" spans="1:5" x14ac:dyDescent="0.25">
      <c r="A6736" s="1" t="s">
        <v>22508</v>
      </c>
      <c r="B6736" s="1" t="s">
        <v>52550</v>
      </c>
      <c r="C6736" s="1" t="s">
        <v>22509</v>
      </c>
      <c r="D6736" s="2">
        <v>159564</v>
      </c>
      <c r="E6736" s="1" t="s">
        <v>0</v>
      </c>
    </row>
    <row r="6737" spans="1:5" x14ac:dyDescent="0.25">
      <c r="A6737" s="2">
        <v>1347</v>
      </c>
      <c r="B6737" s="2">
        <v>1347</v>
      </c>
      <c r="C6737" s="1" t="s">
        <v>0</v>
      </c>
      <c r="D6737" s="2">
        <v>159565</v>
      </c>
      <c r="E6737" s="1" t="s">
        <v>0</v>
      </c>
    </row>
    <row r="6738" spans="1:5" x14ac:dyDescent="0.25">
      <c r="A6738" s="1" t="s">
        <v>1253</v>
      </c>
      <c r="B6738" s="1" t="s">
        <v>6931</v>
      </c>
      <c r="C6738" s="1" t="s">
        <v>22510</v>
      </c>
      <c r="D6738" s="2">
        <v>159566</v>
      </c>
      <c r="E6738" s="1" t="s">
        <v>0</v>
      </c>
    </row>
    <row r="6739" spans="1:5" x14ac:dyDescent="0.25">
      <c r="A6739" s="1" t="s">
        <v>22511</v>
      </c>
      <c r="B6739" s="1" t="s">
        <v>60715</v>
      </c>
      <c r="C6739" s="1" t="s">
        <v>22512</v>
      </c>
      <c r="D6739" s="2">
        <v>159567</v>
      </c>
      <c r="E6739" s="1" t="s">
        <v>0</v>
      </c>
    </row>
    <row r="6740" spans="1:5" ht="409.5" x14ac:dyDescent="0.25">
      <c r="A6740" s="4" t="s">
        <v>22513</v>
      </c>
      <c r="B6740" s="1" t="s">
        <v>60716</v>
      </c>
      <c r="C6740" s="1" t="s">
        <v>22514</v>
      </c>
      <c r="D6740" s="2">
        <v>159568</v>
      </c>
      <c r="E6740" s="1" t="s">
        <v>0</v>
      </c>
    </row>
    <row r="6741" spans="1:5" x14ac:dyDescent="0.25">
      <c r="A6741" s="1" t="s">
        <v>22515</v>
      </c>
      <c r="B6741" s="1" t="s">
        <v>52551</v>
      </c>
      <c r="C6741" s="1" t="s">
        <v>22516</v>
      </c>
      <c r="D6741" s="2">
        <v>159569</v>
      </c>
      <c r="E6741" s="1" t="s">
        <v>0</v>
      </c>
    </row>
    <row r="6742" spans="1:5" x14ac:dyDescent="0.25">
      <c r="A6742" s="2">
        <v>1348</v>
      </c>
      <c r="B6742" s="2">
        <v>1348</v>
      </c>
      <c r="C6742" s="1" t="s">
        <v>0</v>
      </c>
      <c r="D6742" s="2">
        <v>159570</v>
      </c>
      <c r="E6742" s="1" t="s">
        <v>0</v>
      </c>
    </row>
    <row r="6743" spans="1:5" x14ac:dyDescent="0.25">
      <c r="A6743" s="1" t="s">
        <v>1254</v>
      </c>
      <c r="B6743" s="1" t="s">
        <v>60411</v>
      </c>
      <c r="C6743" s="1" t="s">
        <v>22517</v>
      </c>
      <c r="D6743" s="2">
        <v>159571</v>
      </c>
      <c r="E6743" s="1" t="s">
        <v>0</v>
      </c>
    </row>
    <row r="6744" spans="1:5" x14ac:dyDescent="0.25">
      <c r="A6744" s="1" t="s">
        <v>22518</v>
      </c>
      <c r="B6744" s="1" t="s">
        <v>62228</v>
      </c>
      <c r="C6744" s="1" t="s">
        <v>22519</v>
      </c>
      <c r="D6744" s="2">
        <v>159572</v>
      </c>
      <c r="E6744" s="1" t="s">
        <v>0</v>
      </c>
    </row>
    <row r="6745" spans="1:5" ht="409.5" x14ac:dyDescent="0.25">
      <c r="A6745" s="4" t="s">
        <v>22520</v>
      </c>
      <c r="B6745" s="1" t="s">
        <v>62229</v>
      </c>
      <c r="C6745" s="1" t="s">
        <v>22521</v>
      </c>
      <c r="D6745" s="2">
        <v>159573</v>
      </c>
      <c r="E6745" s="1" t="s">
        <v>0</v>
      </c>
    </row>
    <row r="6746" spans="1:5" x14ac:dyDescent="0.25">
      <c r="A6746" s="1" t="s">
        <v>22522</v>
      </c>
      <c r="B6746" s="1" t="s">
        <v>61011</v>
      </c>
      <c r="C6746" s="1" t="s">
        <v>22234</v>
      </c>
      <c r="D6746" s="2">
        <v>159574</v>
      </c>
      <c r="E6746" s="1" t="s">
        <v>0</v>
      </c>
    </row>
    <row r="6747" spans="1:5" x14ac:dyDescent="0.25">
      <c r="A6747" s="2">
        <v>1349</v>
      </c>
      <c r="B6747" s="2">
        <v>1349</v>
      </c>
      <c r="C6747" s="1" t="s">
        <v>0</v>
      </c>
      <c r="D6747" s="2">
        <v>159575</v>
      </c>
      <c r="E6747" s="1" t="s">
        <v>0</v>
      </c>
    </row>
    <row r="6748" spans="1:5" x14ac:dyDescent="0.25">
      <c r="A6748" s="1" t="s">
        <v>1255</v>
      </c>
      <c r="B6748" s="1" t="s">
        <v>6932</v>
      </c>
      <c r="C6748" s="1" t="s">
        <v>22523</v>
      </c>
      <c r="D6748" s="2">
        <v>159576</v>
      </c>
      <c r="E6748" s="1" t="s">
        <v>0</v>
      </c>
    </row>
    <row r="6749" spans="1:5" x14ac:dyDescent="0.25">
      <c r="A6749" s="1" t="s">
        <v>22524</v>
      </c>
      <c r="B6749" s="1" t="s">
        <v>6933</v>
      </c>
      <c r="C6749" s="1" t="s">
        <v>22525</v>
      </c>
      <c r="D6749" s="2">
        <v>159577</v>
      </c>
      <c r="E6749" s="1" t="s">
        <v>0</v>
      </c>
    </row>
    <row r="6750" spans="1:5" ht="409.5" x14ac:dyDescent="0.25">
      <c r="A6750" s="4" t="s">
        <v>22526</v>
      </c>
      <c r="B6750" s="1" t="s">
        <v>52552</v>
      </c>
      <c r="C6750" s="1" t="s">
        <v>22527</v>
      </c>
      <c r="D6750" s="2">
        <v>159578</v>
      </c>
      <c r="E6750" s="1" t="s">
        <v>0</v>
      </c>
    </row>
    <row r="6751" spans="1:5" x14ac:dyDescent="0.25">
      <c r="A6751" s="1" t="s">
        <v>22528</v>
      </c>
      <c r="B6751" s="1" t="s">
        <v>52553</v>
      </c>
      <c r="C6751" s="1" t="s">
        <v>22529</v>
      </c>
      <c r="D6751" s="2">
        <v>159579</v>
      </c>
      <c r="E6751" s="1" t="s">
        <v>0</v>
      </c>
    </row>
    <row r="6752" spans="1:5" x14ac:dyDescent="0.25">
      <c r="A6752" s="2">
        <v>1350</v>
      </c>
      <c r="B6752" s="2">
        <v>1350</v>
      </c>
      <c r="C6752" s="1" t="s">
        <v>0</v>
      </c>
      <c r="D6752" s="2">
        <v>159580</v>
      </c>
      <c r="E6752" s="1" t="s">
        <v>0</v>
      </c>
    </row>
    <row r="6753" spans="1:5" x14ac:dyDescent="0.25">
      <c r="A6753" s="1" t="s">
        <v>1256</v>
      </c>
      <c r="B6753" s="1" t="s">
        <v>52554</v>
      </c>
      <c r="C6753" s="1" t="s">
        <v>22530</v>
      </c>
      <c r="D6753" s="2">
        <v>159581</v>
      </c>
      <c r="E6753" s="1" t="s">
        <v>0</v>
      </c>
    </row>
    <row r="6754" spans="1:5" x14ac:dyDescent="0.25">
      <c r="A6754" s="1" t="s">
        <v>22531</v>
      </c>
      <c r="B6754" s="1" t="s">
        <v>52555</v>
      </c>
      <c r="C6754" s="1" t="s">
        <v>22532</v>
      </c>
      <c r="D6754" s="2">
        <v>159582</v>
      </c>
      <c r="E6754" s="1" t="s">
        <v>0</v>
      </c>
    </row>
    <row r="6755" spans="1:5" ht="409.5" x14ac:dyDescent="0.25">
      <c r="A6755" s="4" t="s">
        <v>22533</v>
      </c>
      <c r="B6755" s="1" t="s">
        <v>52556</v>
      </c>
      <c r="C6755" s="1" t="s">
        <v>22534</v>
      </c>
      <c r="D6755" s="2">
        <v>159583</v>
      </c>
      <c r="E6755" s="1" t="s">
        <v>0</v>
      </c>
    </row>
    <row r="6756" spans="1:5" x14ac:dyDescent="0.25">
      <c r="A6756" s="1" t="s">
        <v>22535</v>
      </c>
      <c r="B6756" s="1" t="s">
        <v>52557</v>
      </c>
      <c r="C6756" s="1" t="s">
        <v>22536</v>
      </c>
      <c r="D6756" s="2">
        <v>159584</v>
      </c>
      <c r="E6756" s="1" t="s">
        <v>0</v>
      </c>
    </row>
    <row r="6757" spans="1:5" x14ac:dyDescent="0.25">
      <c r="A6757" s="2">
        <v>1351</v>
      </c>
      <c r="B6757" s="2">
        <v>1351</v>
      </c>
      <c r="C6757" s="1" t="s">
        <v>0</v>
      </c>
      <c r="D6757" s="2">
        <v>159585</v>
      </c>
      <c r="E6757" s="1" t="s">
        <v>0</v>
      </c>
    </row>
    <row r="6758" spans="1:5" x14ac:dyDescent="0.25">
      <c r="A6758" s="1" t="s">
        <v>1257</v>
      </c>
      <c r="B6758" s="1" t="s">
        <v>6934</v>
      </c>
      <c r="C6758" s="1" t="s">
        <v>22537</v>
      </c>
      <c r="D6758" s="2">
        <v>159586</v>
      </c>
      <c r="E6758" s="1" t="s">
        <v>0</v>
      </c>
    </row>
    <row r="6759" spans="1:5" x14ac:dyDescent="0.25">
      <c r="A6759" s="1" t="s">
        <v>22538</v>
      </c>
      <c r="B6759" s="1" t="s">
        <v>52558</v>
      </c>
      <c r="C6759" s="1" t="s">
        <v>22539</v>
      </c>
      <c r="D6759" s="2">
        <v>159587</v>
      </c>
      <c r="E6759" s="1" t="s">
        <v>0</v>
      </c>
    </row>
    <row r="6760" spans="1:5" ht="409.5" x14ac:dyDescent="0.25">
      <c r="A6760" s="4" t="s">
        <v>22540</v>
      </c>
      <c r="B6760" s="1" t="s">
        <v>52559</v>
      </c>
      <c r="C6760" s="1" t="s">
        <v>22541</v>
      </c>
      <c r="D6760" s="2">
        <v>159588</v>
      </c>
      <c r="E6760" s="1" t="s">
        <v>0</v>
      </c>
    </row>
    <row r="6761" spans="1:5" x14ac:dyDescent="0.25">
      <c r="A6761" s="1" t="s">
        <v>22542</v>
      </c>
      <c r="B6761" s="1" t="s">
        <v>6935</v>
      </c>
      <c r="C6761" s="1" t="s">
        <v>22543</v>
      </c>
      <c r="D6761" s="2">
        <v>159589</v>
      </c>
      <c r="E6761" s="1" t="s">
        <v>0</v>
      </c>
    </row>
    <row r="6762" spans="1:5" x14ac:dyDescent="0.25">
      <c r="A6762" s="2">
        <v>1352</v>
      </c>
      <c r="B6762" s="2">
        <v>1352</v>
      </c>
      <c r="C6762" s="1" t="s">
        <v>0</v>
      </c>
      <c r="D6762" s="2">
        <v>159590</v>
      </c>
      <c r="E6762" s="1" t="s">
        <v>0</v>
      </c>
    </row>
    <row r="6763" spans="1:5" x14ac:dyDescent="0.25">
      <c r="A6763" s="1" t="s">
        <v>1258</v>
      </c>
      <c r="B6763" s="1" t="s">
        <v>59876</v>
      </c>
      <c r="C6763" s="1" t="s">
        <v>22544</v>
      </c>
      <c r="D6763" s="2">
        <v>159591</v>
      </c>
      <c r="E6763" s="1" t="s">
        <v>0</v>
      </c>
    </row>
    <row r="6764" spans="1:5" x14ac:dyDescent="0.25">
      <c r="A6764" s="1" t="s">
        <v>22545</v>
      </c>
      <c r="B6764" s="1" t="s">
        <v>6936</v>
      </c>
      <c r="C6764" s="1" t="s">
        <v>22546</v>
      </c>
      <c r="D6764" s="2">
        <v>159592</v>
      </c>
      <c r="E6764" s="1" t="s">
        <v>0</v>
      </c>
    </row>
    <row r="6765" spans="1:5" ht="409.5" x14ac:dyDescent="0.25">
      <c r="A6765" s="4" t="s">
        <v>22547</v>
      </c>
      <c r="B6765" s="1" t="s">
        <v>6937</v>
      </c>
      <c r="C6765" s="1" t="s">
        <v>22548</v>
      </c>
      <c r="D6765" s="2">
        <v>159593</v>
      </c>
      <c r="E6765" s="1" t="s">
        <v>0</v>
      </c>
    </row>
    <row r="6766" spans="1:5" x14ac:dyDescent="0.25">
      <c r="A6766" s="1" t="s">
        <v>22549</v>
      </c>
      <c r="B6766" s="1" t="s">
        <v>52560</v>
      </c>
      <c r="C6766" s="1" t="s">
        <v>22550</v>
      </c>
      <c r="D6766" s="2">
        <v>159594</v>
      </c>
      <c r="E6766" s="1" t="s">
        <v>0</v>
      </c>
    </row>
    <row r="6767" spans="1:5" x14ac:dyDescent="0.25">
      <c r="A6767" s="2">
        <v>1353</v>
      </c>
      <c r="B6767" s="2">
        <v>1353</v>
      </c>
      <c r="C6767" s="1" t="s">
        <v>0</v>
      </c>
      <c r="D6767" s="2">
        <v>159595</v>
      </c>
      <c r="E6767" s="1" t="s">
        <v>0</v>
      </c>
    </row>
    <row r="6768" spans="1:5" x14ac:dyDescent="0.25">
      <c r="A6768" s="1" t="s">
        <v>1259</v>
      </c>
      <c r="B6768" s="1" t="s">
        <v>6938</v>
      </c>
      <c r="C6768" s="1" t="s">
        <v>22551</v>
      </c>
      <c r="D6768" s="2">
        <v>159596</v>
      </c>
      <c r="E6768" s="1" t="s">
        <v>0</v>
      </c>
    </row>
    <row r="6769" spans="1:5" x14ac:dyDescent="0.25">
      <c r="A6769" s="1" t="s">
        <v>22552</v>
      </c>
      <c r="B6769" s="1" t="s">
        <v>63259</v>
      </c>
      <c r="C6769" s="1" t="s">
        <v>22553</v>
      </c>
      <c r="D6769" s="2">
        <v>159597</v>
      </c>
      <c r="E6769" s="1" t="s">
        <v>0</v>
      </c>
    </row>
    <row r="6770" spans="1:5" ht="409.5" x14ac:dyDescent="0.25">
      <c r="A6770" s="4" t="s">
        <v>22554</v>
      </c>
      <c r="B6770" s="1" t="s">
        <v>63260</v>
      </c>
      <c r="C6770" s="1" t="s">
        <v>22555</v>
      </c>
      <c r="D6770" s="2">
        <v>159598</v>
      </c>
      <c r="E6770" s="1" t="s">
        <v>0</v>
      </c>
    </row>
    <row r="6771" spans="1:5" x14ac:dyDescent="0.25">
      <c r="A6771" s="1" t="s">
        <v>22556</v>
      </c>
      <c r="B6771" s="1" t="s">
        <v>52561</v>
      </c>
      <c r="C6771" s="1" t="s">
        <v>22557</v>
      </c>
      <c r="D6771" s="2">
        <v>159599</v>
      </c>
      <c r="E6771" s="1" t="s">
        <v>0</v>
      </c>
    </row>
    <row r="6772" spans="1:5" x14ac:dyDescent="0.25">
      <c r="A6772" s="2">
        <v>1354</v>
      </c>
      <c r="B6772" s="2">
        <v>1354</v>
      </c>
      <c r="C6772" s="1" t="s">
        <v>0</v>
      </c>
      <c r="D6772" s="2">
        <v>159600</v>
      </c>
      <c r="E6772" s="1" t="s">
        <v>0</v>
      </c>
    </row>
    <row r="6773" spans="1:5" x14ac:dyDescent="0.25">
      <c r="A6773" s="1" t="s">
        <v>1260</v>
      </c>
      <c r="B6773" s="1" t="s">
        <v>6939</v>
      </c>
      <c r="C6773" s="1" t="s">
        <v>22558</v>
      </c>
      <c r="D6773" s="2">
        <v>159601</v>
      </c>
      <c r="E6773" s="1" t="s">
        <v>0</v>
      </c>
    </row>
    <row r="6774" spans="1:5" x14ac:dyDescent="0.25">
      <c r="A6774" s="1" t="s">
        <v>22559</v>
      </c>
      <c r="B6774" s="1" t="s">
        <v>6940</v>
      </c>
      <c r="C6774" s="1" t="s">
        <v>22560</v>
      </c>
      <c r="D6774" s="2">
        <v>159602</v>
      </c>
      <c r="E6774" s="1" t="s">
        <v>0</v>
      </c>
    </row>
    <row r="6775" spans="1:5" ht="409.5" x14ac:dyDescent="0.25">
      <c r="A6775" s="4" t="s">
        <v>22561</v>
      </c>
      <c r="B6775" s="1" t="s">
        <v>52562</v>
      </c>
      <c r="C6775" s="1" t="s">
        <v>22562</v>
      </c>
      <c r="D6775" s="2">
        <v>159603</v>
      </c>
      <c r="E6775" s="1" t="s">
        <v>0</v>
      </c>
    </row>
    <row r="6776" spans="1:5" x14ac:dyDescent="0.25">
      <c r="A6776" s="1" t="s">
        <v>13413</v>
      </c>
      <c r="B6776" s="1" t="s">
        <v>60845</v>
      </c>
      <c r="C6776" s="1" t="s">
        <v>13414</v>
      </c>
      <c r="D6776" s="2">
        <v>159604</v>
      </c>
      <c r="E6776" s="1" t="s">
        <v>0</v>
      </c>
    </row>
    <row r="6777" spans="1:5" x14ac:dyDescent="0.25">
      <c r="A6777" s="2">
        <v>1355</v>
      </c>
      <c r="B6777" s="2">
        <v>1355</v>
      </c>
      <c r="C6777" s="1" t="s">
        <v>0</v>
      </c>
      <c r="D6777" s="2">
        <v>159605</v>
      </c>
      <c r="E6777" s="1" t="s">
        <v>0</v>
      </c>
    </row>
    <row r="6778" spans="1:5" x14ac:dyDescent="0.25">
      <c r="A6778" s="1" t="s">
        <v>1261</v>
      </c>
      <c r="B6778" s="1" t="s">
        <v>6941</v>
      </c>
      <c r="C6778" s="1" t="s">
        <v>22563</v>
      </c>
      <c r="D6778" s="2">
        <v>159606</v>
      </c>
      <c r="E6778" s="1" t="s">
        <v>0</v>
      </c>
    </row>
    <row r="6779" spans="1:5" x14ac:dyDescent="0.25">
      <c r="A6779" s="1" t="s">
        <v>22564</v>
      </c>
      <c r="B6779" s="1" t="s">
        <v>63654</v>
      </c>
      <c r="C6779" s="1" t="s">
        <v>22565</v>
      </c>
      <c r="D6779" s="2">
        <v>159607</v>
      </c>
      <c r="E6779" s="1" t="s">
        <v>0</v>
      </c>
    </row>
    <row r="6780" spans="1:5" ht="409.5" x14ac:dyDescent="0.25">
      <c r="A6780" s="4" t="s">
        <v>22566</v>
      </c>
      <c r="B6780" s="1" t="s">
        <v>63655</v>
      </c>
      <c r="C6780" s="1" t="s">
        <v>22567</v>
      </c>
      <c r="D6780" s="2">
        <v>159608</v>
      </c>
      <c r="E6780" s="1" t="s">
        <v>0</v>
      </c>
    </row>
    <row r="6781" spans="1:5" x14ac:dyDescent="0.25">
      <c r="A6781" s="1" t="s">
        <v>22568</v>
      </c>
      <c r="B6781" s="1" t="s">
        <v>52563</v>
      </c>
      <c r="C6781" s="1" t="s">
        <v>22569</v>
      </c>
      <c r="D6781" s="2">
        <v>159609</v>
      </c>
      <c r="E6781" s="1" t="s">
        <v>0</v>
      </c>
    </row>
    <row r="6782" spans="1:5" x14ac:dyDescent="0.25">
      <c r="A6782" s="2">
        <v>1356</v>
      </c>
      <c r="B6782" s="2">
        <v>1356</v>
      </c>
      <c r="C6782" s="1" t="s">
        <v>0</v>
      </c>
      <c r="D6782" s="2">
        <v>159610</v>
      </c>
      <c r="E6782" s="1" t="s">
        <v>0</v>
      </c>
    </row>
    <row r="6783" spans="1:5" x14ac:dyDescent="0.25">
      <c r="A6783" s="1" t="s">
        <v>1262</v>
      </c>
      <c r="B6783" s="1" t="s">
        <v>6942</v>
      </c>
      <c r="C6783" s="1" t="s">
        <v>22570</v>
      </c>
      <c r="D6783" s="2">
        <v>159611</v>
      </c>
      <c r="E6783" s="1" t="s">
        <v>0</v>
      </c>
    </row>
    <row r="6784" spans="1:5" x14ac:dyDescent="0.25">
      <c r="A6784" s="1" t="s">
        <v>22571</v>
      </c>
      <c r="B6784" s="1" t="s">
        <v>63656</v>
      </c>
      <c r="C6784" s="1" t="s">
        <v>22572</v>
      </c>
      <c r="D6784" s="2">
        <v>159612</v>
      </c>
      <c r="E6784" s="1" t="s">
        <v>0</v>
      </c>
    </row>
    <row r="6785" spans="1:5" ht="409.5" x14ac:dyDescent="0.25">
      <c r="A6785" s="4" t="s">
        <v>22573</v>
      </c>
      <c r="B6785" s="1" t="s">
        <v>63657</v>
      </c>
      <c r="C6785" s="1" t="s">
        <v>22574</v>
      </c>
      <c r="D6785" s="2">
        <v>159613</v>
      </c>
      <c r="E6785" s="1" t="s">
        <v>0</v>
      </c>
    </row>
    <row r="6786" spans="1:5" x14ac:dyDescent="0.25">
      <c r="A6786" s="1" t="s">
        <v>22575</v>
      </c>
      <c r="B6786" s="1" t="s">
        <v>6943</v>
      </c>
      <c r="C6786" s="1" t="s">
        <v>22576</v>
      </c>
      <c r="D6786" s="2">
        <v>159614</v>
      </c>
      <c r="E6786" s="1" t="s">
        <v>0</v>
      </c>
    </row>
    <row r="6787" spans="1:5" x14ac:dyDescent="0.25">
      <c r="A6787" s="2">
        <v>1357</v>
      </c>
      <c r="B6787" s="2">
        <v>1357</v>
      </c>
      <c r="C6787" s="1" t="s">
        <v>0</v>
      </c>
      <c r="D6787" s="2">
        <v>159615</v>
      </c>
      <c r="E6787" s="1" t="s">
        <v>0</v>
      </c>
    </row>
    <row r="6788" spans="1:5" x14ac:dyDescent="0.25">
      <c r="A6788" s="1" t="s">
        <v>1263</v>
      </c>
      <c r="B6788" s="1" t="s">
        <v>6944</v>
      </c>
      <c r="C6788" s="1" t="s">
        <v>22577</v>
      </c>
      <c r="D6788" s="2">
        <v>159616</v>
      </c>
      <c r="E6788" s="1" t="s">
        <v>0</v>
      </c>
    </row>
    <row r="6789" spans="1:5" x14ac:dyDescent="0.25">
      <c r="A6789" s="1" t="s">
        <v>22578</v>
      </c>
      <c r="B6789" s="1" t="s">
        <v>52564</v>
      </c>
      <c r="C6789" s="1" t="s">
        <v>22579</v>
      </c>
      <c r="D6789" s="2">
        <v>159617</v>
      </c>
      <c r="E6789" s="1" t="s">
        <v>0</v>
      </c>
    </row>
    <row r="6790" spans="1:5" ht="409.5" x14ac:dyDescent="0.25">
      <c r="A6790" s="4" t="s">
        <v>22580</v>
      </c>
      <c r="B6790" s="1" t="s">
        <v>57776</v>
      </c>
      <c r="C6790" s="1" t="s">
        <v>22581</v>
      </c>
      <c r="D6790" s="2">
        <v>159618</v>
      </c>
      <c r="E6790" s="1" t="s">
        <v>0</v>
      </c>
    </row>
    <row r="6791" spans="1:5" x14ac:dyDescent="0.25">
      <c r="A6791" s="1" t="s">
        <v>22582</v>
      </c>
      <c r="B6791" s="1" t="s">
        <v>6945</v>
      </c>
      <c r="C6791" s="1" t="s">
        <v>22583</v>
      </c>
      <c r="D6791" s="2">
        <v>159619</v>
      </c>
      <c r="E6791" s="1" t="s">
        <v>0</v>
      </c>
    </row>
    <row r="6792" spans="1:5" x14ac:dyDescent="0.25">
      <c r="A6792" s="2">
        <v>1358</v>
      </c>
      <c r="B6792" s="2">
        <v>1358</v>
      </c>
      <c r="C6792" s="1" t="s">
        <v>0</v>
      </c>
      <c r="D6792" s="2">
        <v>159620</v>
      </c>
      <c r="E6792" s="1" t="s">
        <v>0</v>
      </c>
    </row>
    <row r="6793" spans="1:5" x14ac:dyDescent="0.25">
      <c r="A6793" s="1" t="s">
        <v>1264</v>
      </c>
      <c r="B6793" s="1" t="s">
        <v>6946</v>
      </c>
      <c r="C6793" s="1" t="s">
        <v>22584</v>
      </c>
      <c r="D6793" s="2">
        <v>159621</v>
      </c>
      <c r="E6793" s="1" t="s">
        <v>0</v>
      </c>
    </row>
    <row r="6794" spans="1:5" x14ac:dyDescent="0.25">
      <c r="A6794" s="1" t="s">
        <v>22585</v>
      </c>
      <c r="B6794" s="1" t="s">
        <v>52565</v>
      </c>
      <c r="C6794" s="1" t="s">
        <v>22586</v>
      </c>
      <c r="D6794" s="2">
        <v>159622</v>
      </c>
      <c r="E6794" s="1" t="s">
        <v>0</v>
      </c>
    </row>
    <row r="6795" spans="1:5" ht="409.5" x14ac:dyDescent="0.25">
      <c r="A6795" s="4" t="s">
        <v>22587</v>
      </c>
      <c r="B6795" s="1" t="s">
        <v>63261</v>
      </c>
      <c r="C6795" s="1" t="s">
        <v>22588</v>
      </c>
      <c r="D6795" s="2">
        <v>159623</v>
      </c>
      <c r="E6795" s="1" t="s">
        <v>0</v>
      </c>
    </row>
    <row r="6796" spans="1:5" x14ac:dyDescent="0.25">
      <c r="A6796" s="1" t="s">
        <v>22589</v>
      </c>
      <c r="B6796" s="1" t="s">
        <v>6947</v>
      </c>
      <c r="C6796" s="1" t="s">
        <v>22590</v>
      </c>
      <c r="D6796" s="2">
        <v>159624</v>
      </c>
      <c r="E6796" s="1" t="s">
        <v>0</v>
      </c>
    </row>
    <row r="6797" spans="1:5" x14ac:dyDescent="0.25">
      <c r="A6797" s="2">
        <v>1359</v>
      </c>
      <c r="B6797" s="2">
        <v>1359</v>
      </c>
      <c r="C6797" s="1" t="s">
        <v>0</v>
      </c>
      <c r="D6797" s="2">
        <v>159625</v>
      </c>
      <c r="E6797" s="1" t="s">
        <v>0</v>
      </c>
    </row>
    <row r="6798" spans="1:5" x14ac:dyDescent="0.25">
      <c r="A6798" s="1" t="s">
        <v>1265</v>
      </c>
      <c r="B6798" s="1" t="s">
        <v>6948</v>
      </c>
      <c r="C6798" s="1" t="s">
        <v>22591</v>
      </c>
      <c r="D6798" s="2">
        <v>159626</v>
      </c>
      <c r="E6798" s="1" t="s">
        <v>0</v>
      </c>
    </row>
    <row r="6799" spans="1:5" x14ac:dyDescent="0.25">
      <c r="A6799" s="1" t="s">
        <v>22592</v>
      </c>
      <c r="B6799" s="1" t="s">
        <v>6949</v>
      </c>
      <c r="C6799" s="1" t="s">
        <v>22593</v>
      </c>
      <c r="D6799" s="2">
        <v>159627</v>
      </c>
      <c r="E6799" s="1" t="s">
        <v>0</v>
      </c>
    </row>
    <row r="6800" spans="1:5" ht="409.5" x14ac:dyDescent="0.25">
      <c r="A6800" s="4" t="s">
        <v>22594</v>
      </c>
      <c r="B6800" s="1" t="s">
        <v>6950</v>
      </c>
      <c r="C6800" s="1" t="s">
        <v>22595</v>
      </c>
      <c r="D6800" s="2">
        <v>159628</v>
      </c>
      <c r="E6800" s="1" t="s">
        <v>0</v>
      </c>
    </row>
    <row r="6801" spans="1:5" x14ac:dyDescent="0.25">
      <c r="A6801" s="1" t="s">
        <v>22596</v>
      </c>
      <c r="B6801" s="1" t="s">
        <v>52566</v>
      </c>
      <c r="C6801" s="1" t="s">
        <v>22597</v>
      </c>
      <c r="D6801" s="2">
        <v>159629</v>
      </c>
      <c r="E6801" s="1" t="s">
        <v>0</v>
      </c>
    </row>
    <row r="6802" spans="1:5" x14ac:dyDescent="0.25">
      <c r="A6802" s="2">
        <v>1360</v>
      </c>
      <c r="B6802" s="2">
        <v>1360</v>
      </c>
      <c r="C6802" s="1" t="s">
        <v>0</v>
      </c>
      <c r="D6802" s="2">
        <v>159630</v>
      </c>
      <c r="E6802" s="1" t="s">
        <v>0</v>
      </c>
    </row>
    <row r="6803" spans="1:5" x14ac:dyDescent="0.25">
      <c r="A6803" s="1" t="s">
        <v>1266</v>
      </c>
      <c r="B6803" s="1" t="s">
        <v>59877</v>
      </c>
      <c r="C6803" s="1" t="s">
        <v>22598</v>
      </c>
      <c r="D6803" s="2">
        <v>159631</v>
      </c>
      <c r="E6803" s="1" t="s">
        <v>0</v>
      </c>
    </row>
    <row r="6804" spans="1:5" x14ac:dyDescent="0.25">
      <c r="A6804" s="1" t="s">
        <v>22599</v>
      </c>
      <c r="B6804" s="1" t="s">
        <v>57777</v>
      </c>
      <c r="C6804" s="1" t="s">
        <v>22600</v>
      </c>
      <c r="D6804" s="2">
        <v>159632</v>
      </c>
      <c r="E6804" s="1" t="s">
        <v>0</v>
      </c>
    </row>
    <row r="6805" spans="1:5" ht="409.5" x14ac:dyDescent="0.25">
      <c r="A6805" s="4" t="s">
        <v>22601</v>
      </c>
      <c r="B6805" s="1" t="s">
        <v>59878</v>
      </c>
      <c r="C6805" s="1" t="s">
        <v>22602</v>
      </c>
      <c r="D6805" s="2">
        <v>159633</v>
      </c>
      <c r="E6805" s="1" t="s">
        <v>0</v>
      </c>
    </row>
    <row r="6806" spans="1:5" x14ac:dyDescent="0.25">
      <c r="A6806" s="1" t="s">
        <v>22603</v>
      </c>
      <c r="B6806" s="1" t="s">
        <v>6951</v>
      </c>
      <c r="C6806" s="1" t="s">
        <v>22604</v>
      </c>
      <c r="D6806" s="2">
        <v>159634</v>
      </c>
      <c r="E6806" s="1" t="s">
        <v>0</v>
      </c>
    </row>
    <row r="6807" spans="1:5" x14ac:dyDescent="0.25">
      <c r="A6807" s="2">
        <v>1361</v>
      </c>
      <c r="B6807" s="2">
        <v>1361</v>
      </c>
      <c r="C6807" s="1" t="s">
        <v>0</v>
      </c>
      <c r="D6807" s="2">
        <v>159635</v>
      </c>
      <c r="E6807" s="1" t="s">
        <v>0</v>
      </c>
    </row>
    <row r="6808" spans="1:5" x14ac:dyDescent="0.25">
      <c r="A6808" s="1" t="s">
        <v>1267</v>
      </c>
      <c r="B6808" s="1" t="s">
        <v>6952</v>
      </c>
      <c r="C6808" s="1" t="s">
        <v>22605</v>
      </c>
      <c r="D6808" s="2">
        <v>159636</v>
      </c>
      <c r="E6808" s="1" t="s">
        <v>0</v>
      </c>
    </row>
    <row r="6809" spans="1:5" x14ac:dyDescent="0.25">
      <c r="A6809" s="1" t="s">
        <v>22606</v>
      </c>
      <c r="B6809" s="1" t="s">
        <v>52567</v>
      </c>
      <c r="C6809" s="1" t="s">
        <v>22607</v>
      </c>
      <c r="D6809" s="2">
        <v>159637</v>
      </c>
      <c r="E6809" s="1" t="s">
        <v>0</v>
      </c>
    </row>
    <row r="6810" spans="1:5" ht="409.5" x14ac:dyDescent="0.25">
      <c r="A6810" s="4" t="s">
        <v>22608</v>
      </c>
      <c r="B6810" s="1" t="s">
        <v>52568</v>
      </c>
      <c r="C6810" s="1" t="s">
        <v>22609</v>
      </c>
      <c r="D6810" s="2">
        <v>159638</v>
      </c>
      <c r="E6810" s="1" t="s">
        <v>0</v>
      </c>
    </row>
    <row r="6811" spans="1:5" x14ac:dyDescent="0.25">
      <c r="A6811" s="1" t="s">
        <v>22610</v>
      </c>
      <c r="B6811" s="1" t="s">
        <v>57168</v>
      </c>
      <c r="C6811" s="1" t="s">
        <v>22611</v>
      </c>
      <c r="D6811" s="2">
        <v>159639</v>
      </c>
      <c r="E6811" s="1" t="s">
        <v>0</v>
      </c>
    </row>
    <row r="6812" spans="1:5" x14ac:dyDescent="0.25">
      <c r="A6812" s="2">
        <v>1362</v>
      </c>
      <c r="B6812" s="2">
        <v>1362</v>
      </c>
      <c r="C6812" s="1" t="s">
        <v>0</v>
      </c>
      <c r="D6812" s="2">
        <v>159640</v>
      </c>
      <c r="E6812" s="1" t="s">
        <v>0</v>
      </c>
    </row>
    <row r="6813" spans="1:5" x14ac:dyDescent="0.25">
      <c r="A6813" s="1" t="s">
        <v>1268</v>
      </c>
      <c r="B6813" s="1" t="s">
        <v>52569</v>
      </c>
      <c r="C6813" s="1" t="s">
        <v>22612</v>
      </c>
      <c r="D6813" s="2">
        <v>159641</v>
      </c>
      <c r="E6813" s="1" t="s">
        <v>0</v>
      </c>
    </row>
    <row r="6814" spans="1:5" x14ac:dyDescent="0.25">
      <c r="A6814" s="1" t="s">
        <v>22613</v>
      </c>
      <c r="B6814" s="1" t="s">
        <v>52570</v>
      </c>
      <c r="C6814" s="1" t="s">
        <v>22614</v>
      </c>
      <c r="D6814" s="2">
        <v>159642</v>
      </c>
      <c r="E6814" s="1" t="s">
        <v>0</v>
      </c>
    </row>
    <row r="6815" spans="1:5" ht="409.5" x14ac:dyDescent="0.25">
      <c r="A6815" s="4" t="s">
        <v>22615</v>
      </c>
      <c r="B6815" s="1" t="s">
        <v>52571</v>
      </c>
      <c r="C6815" s="1" t="s">
        <v>22616</v>
      </c>
      <c r="D6815" s="2">
        <v>159643</v>
      </c>
      <c r="E6815" s="1" t="s">
        <v>0</v>
      </c>
    </row>
    <row r="6816" spans="1:5" x14ac:dyDescent="0.25">
      <c r="A6816" s="1" t="s">
        <v>13413</v>
      </c>
      <c r="B6816" s="1" t="s">
        <v>60845</v>
      </c>
      <c r="C6816" s="1" t="s">
        <v>13414</v>
      </c>
      <c r="D6816" s="2">
        <v>159644</v>
      </c>
      <c r="E6816" s="1" t="s">
        <v>0</v>
      </c>
    </row>
    <row r="6817" spans="1:5" x14ac:dyDescent="0.25">
      <c r="A6817" s="2">
        <v>1363</v>
      </c>
      <c r="B6817" s="2">
        <v>1363</v>
      </c>
      <c r="C6817" s="1" t="s">
        <v>0</v>
      </c>
      <c r="D6817" s="2">
        <v>159645</v>
      </c>
      <c r="E6817" s="1" t="s">
        <v>0</v>
      </c>
    </row>
    <row r="6818" spans="1:5" x14ac:dyDescent="0.25">
      <c r="A6818" s="1" t="s">
        <v>1269</v>
      </c>
      <c r="B6818" s="1" t="s">
        <v>6953</v>
      </c>
      <c r="C6818" s="1" t="s">
        <v>22617</v>
      </c>
      <c r="D6818" s="2">
        <v>159646</v>
      </c>
      <c r="E6818" s="1" t="s">
        <v>0</v>
      </c>
    </row>
    <row r="6819" spans="1:5" x14ac:dyDescent="0.25">
      <c r="A6819" s="1" t="s">
        <v>22618</v>
      </c>
      <c r="B6819" s="1" t="s">
        <v>58710</v>
      </c>
      <c r="C6819" s="1" t="s">
        <v>22619</v>
      </c>
      <c r="D6819" s="2">
        <v>159647</v>
      </c>
      <c r="E6819" s="1" t="s">
        <v>0</v>
      </c>
    </row>
    <row r="6820" spans="1:5" ht="409.5" x14ac:dyDescent="0.25">
      <c r="A6820" s="4" t="s">
        <v>22620</v>
      </c>
      <c r="B6820" s="1" t="s">
        <v>58711</v>
      </c>
      <c r="C6820" s="1" t="s">
        <v>22621</v>
      </c>
      <c r="D6820" s="2">
        <v>159648</v>
      </c>
      <c r="E6820" s="1" t="s">
        <v>0</v>
      </c>
    </row>
    <row r="6821" spans="1:5" x14ac:dyDescent="0.25">
      <c r="A6821" s="1" t="s">
        <v>22622</v>
      </c>
      <c r="B6821" s="1" t="s">
        <v>61012</v>
      </c>
      <c r="C6821" s="1" t="s">
        <v>22623</v>
      </c>
      <c r="D6821" s="2">
        <v>159649</v>
      </c>
      <c r="E6821" s="1" t="s">
        <v>0</v>
      </c>
    </row>
    <row r="6822" spans="1:5" x14ac:dyDescent="0.25">
      <c r="A6822" s="2">
        <v>1364</v>
      </c>
      <c r="B6822" s="2">
        <v>1364</v>
      </c>
      <c r="C6822" s="1" t="s">
        <v>0</v>
      </c>
      <c r="D6822" s="2">
        <v>159650</v>
      </c>
      <c r="E6822" s="1" t="s">
        <v>0</v>
      </c>
    </row>
    <row r="6823" spans="1:5" x14ac:dyDescent="0.25">
      <c r="A6823" s="1" t="s">
        <v>6954</v>
      </c>
      <c r="B6823" s="1" t="s">
        <v>50565</v>
      </c>
      <c r="C6823" s="1" t="s">
        <v>22624</v>
      </c>
      <c r="D6823" s="2">
        <v>159651</v>
      </c>
      <c r="E6823" s="1" t="s">
        <v>0</v>
      </c>
    </row>
    <row r="6824" spans="1:5" x14ac:dyDescent="0.25">
      <c r="A6824" s="1" t="s">
        <v>22625</v>
      </c>
      <c r="B6824" s="1" t="s">
        <v>6955</v>
      </c>
      <c r="C6824" s="1" t="s">
        <v>22626</v>
      </c>
      <c r="D6824" s="2">
        <v>159652</v>
      </c>
      <c r="E6824" s="1" t="s">
        <v>0</v>
      </c>
    </row>
    <row r="6825" spans="1:5" ht="409.5" x14ac:dyDescent="0.25">
      <c r="A6825" s="4" t="s">
        <v>22627</v>
      </c>
      <c r="B6825" s="1" t="s">
        <v>59879</v>
      </c>
      <c r="C6825" s="1" t="s">
        <v>22628</v>
      </c>
      <c r="D6825" s="2">
        <v>159653</v>
      </c>
      <c r="E6825" s="1" t="s">
        <v>0</v>
      </c>
    </row>
    <row r="6826" spans="1:5" x14ac:dyDescent="0.25">
      <c r="A6826" s="1" t="s">
        <v>22629</v>
      </c>
      <c r="B6826" s="1" t="s">
        <v>52572</v>
      </c>
      <c r="C6826" s="1" t="s">
        <v>22630</v>
      </c>
      <c r="D6826" s="2">
        <v>159654</v>
      </c>
      <c r="E6826" s="1" t="s">
        <v>0</v>
      </c>
    </row>
    <row r="6827" spans="1:5" x14ac:dyDescent="0.25">
      <c r="A6827" s="2">
        <v>1365</v>
      </c>
      <c r="B6827" s="2">
        <v>1365</v>
      </c>
      <c r="C6827" s="1" t="s">
        <v>0</v>
      </c>
      <c r="D6827" s="2">
        <v>159655</v>
      </c>
      <c r="E6827" s="1" t="s">
        <v>0</v>
      </c>
    </row>
    <row r="6828" spans="1:5" x14ac:dyDescent="0.25">
      <c r="A6828" s="1" t="s">
        <v>1270</v>
      </c>
      <c r="B6828" s="1" t="s">
        <v>6956</v>
      </c>
      <c r="C6828" s="1" t="s">
        <v>22631</v>
      </c>
      <c r="D6828" s="2">
        <v>159656</v>
      </c>
      <c r="E6828" s="1" t="s">
        <v>0</v>
      </c>
    </row>
    <row r="6829" spans="1:5" x14ac:dyDescent="0.25">
      <c r="A6829" s="1" t="s">
        <v>22632</v>
      </c>
      <c r="B6829" s="1" t="s">
        <v>52573</v>
      </c>
      <c r="C6829" s="1" t="s">
        <v>22633</v>
      </c>
      <c r="D6829" s="2">
        <v>159657</v>
      </c>
      <c r="E6829" s="1" t="s">
        <v>0</v>
      </c>
    </row>
    <row r="6830" spans="1:5" ht="409.5" x14ac:dyDescent="0.25">
      <c r="A6830" s="4" t="s">
        <v>22634</v>
      </c>
      <c r="B6830" s="1" t="s">
        <v>52574</v>
      </c>
      <c r="C6830" s="1" t="s">
        <v>22635</v>
      </c>
      <c r="D6830" s="2">
        <v>159658</v>
      </c>
      <c r="E6830" s="1" t="s">
        <v>0</v>
      </c>
    </row>
    <row r="6831" spans="1:5" x14ac:dyDescent="0.25">
      <c r="A6831" s="1" t="s">
        <v>22636</v>
      </c>
      <c r="B6831" s="1" t="s">
        <v>6957</v>
      </c>
      <c r="C6831" s="1" t="s">
        <v>22637</v>
      </c>
      <c r="D6831" s="2">
        <v>159659</v>
      </c>
      <c r="E6831" s="1" t="s">
        <v>0</v>
      </c>
    </row>
    <row r="6832" spans="1:5" x14ac:dyDescent="0.25">
      <c r="A6832" s="2">
        <v>1366</v>
      </c>
      <c r="B6832" s="2">
        <v>1366</v>
      </c>
      <c r="C6832" s="1" t="s">
        <v>0</v>
      </c>
      <c r="D6832" s="2">
        <v>159660</v>
      </c>
      <c r="E6832" s="1" t="s">
        <v>0</v>
      </c>
    </row>
    <row r="6833" spans="1:5" x14ac:dyDescent="0.25">
      <c r="A6833" s="1" t="s">
        <v>1271</v>
      </c>
      <c r="B6833" s="1" t="s">
        <v>6958</v>
      </c>
      <c r="C6833" s="1" t="s">
        <v>22638</v>
      </c>
      <c r="D6833" s="2">
        <v>159661</v>
      </c>
      <c r="E6833" s="1" t="s">
        <v>0</v>
      </c>
    </row>
    <row r="6834" spans="1:5" x14ac:dyDescent="0.25">
      <c r="A6834" s="1" t="s">
        <v>22639</v>
      </c>
      <c r="B6834" s="1" t="s">
        <v>6959</v>
      </c>
      <c r="C6834" s="1" t="s">
        <v>22640</v>
      </c>
      <c r="D6834" s="2">
        <v>159662</v>
      </c>
      <c r="E6834" s="1" t="s">
        <v>0</v>
      </c>
    </row>
    <row r="6835" spans="1:5" ht="409.5" x14ac:dyDescent="0.25">
      <c r="A6835" s="4" t="s">
        <v>22641</v>
      </c>
      <c r="B6835" s="1" t="s">
        <v>6960</v>
      </c>
      <c r="C6835" s="1" t="s">
        <v>22642</v>
      </c>
      <c r="D6835" s="2">
        <v>159663</v>
      </c>
      <c r="E6835" s="1" t="s">
        <v>0</v>
      </c>
    </row>
    <row r="6836" spans="1:5" x14ac:dyDescent="0.25">
      <c r="A6836" s="1" t="s">
        <v>22643</v>
      </c>
      <c r="B6836" s="1" t="s">
        <v>61013</v>
      </c>
      <c r="C6836" s="1" t="s">
        <v>22644</v>
      </c>
      <c r="D6836" s="2">
        <v>159664</v>
      </c>
      <c r="E6836" s="1" t="s">
        <v>0</v>
      </c>
    </row>
    <row r="6837" spans="1:5" x14ac:dyDescent="0.25">
      <c r="A6837" s="2">
        <v>1367</v>
      </c>
      <c r="B6837" s="2">
        <v>1367</v>
      </c>
      <c r="C6837" s="1" t="s">
        <v>0</v>
      </c>
      <c r="D6837" s="2">
        <v>159665</v>
      </c>
      <c r="E6837" s="1" t="s">
        <v>0</v>
      </c>
    </row>
    <row r="6838" spans="1:5" x14ac:dyDescent="0.25">
      <c r="A6838" s="1" t="s">
        <v>1272</v>
      </c>
      <c r="B6838" s="1" t="s">
        <v>6961</v>
      </c>
      <c r="C6838" s="1" t="s">
        <v>22645</v>
      </c>
      <c r="D6838" s="2">
        <v>159666</v>
      </c>
      <c r="E6838" s="1" t="s">
        <v>0</v>
      </c>
    </row>
    <row r="6839" spans="1:5" x14ac:dyDescent="0.25">
      <c r="A6839" s="1" t="s">
        <v>22646</v>
      </c>
      <c r="B6839" s="1" t="s">
        <v>57450</v>
      </c>
      <c r="C6839" s="1" t="s">
        <v>22647</v>
      </c>
      <c r="D6839" s="2">
        <v>159667</v>
      </c>
      <c r="E6839" s="1" t="s">
        <v>0</v>
      </c>
    </row>
    <row r="6840" spans="1:5" ht="409.5" x14ac:dyDescent="0.25">
      <c r="A6840" s="4" t="s">
        <v>22648</v>
      </c>
      <c r="B6840" s="1" t="s">
        <v>57451</v>
      </c>
      <c r="C6840" s="1" t="s">
        <v>22649</v>
      </c>
      <c r="D6840" s="2">
        <v>159668</v>
      </c>
      <c r="E6840" s="1" t="s">
        <v>0</v>
      </c>
    </row>
    <row r="6841" spans="1:5" x14ac:dyDescent="0.25">
      <c r="A6841" s="1" t="s">
        <v>22650</v>
      </c>
      <c r="B6841" s="1" t="s">
        <v>61014</v>
      </c>
      <c r="C6841" s="1" t="s">
        <v>22651</v>
      </c>
      <c r="D6841" s="2">
        <v>159669</v>
      </c>
      <c r="E6841" s="1" t="s">
        <v>0</v>
      </c>
    </row>
    <row r="6842" spans="1:5" x14ac:dyDescent="0.25">
      <c r="A6842" s="2">
        <v>1368</v>
      </c>
      <c r="B6842" s="2">
        <v>1368</v>
      </c>
      <c r="C6842" s="1" t="s">
        <v>0</v>
      </c>
      <c r="D6842" s="2">
        <v>159670</v>
      </c>
      <c r="E6842" s="1" t="s">
        <v>0</v>
      </c>
    </row>
    <row r="6843" spans="1:5" x14ac:dyDescent="0.25">
      <c r="A6843" s="1" t="s">
        <v>1273</v>
      </c>
      <c r="B6843" s="1" t="s">
        <v>6962</v>
      </c>
      <c r="C6843" s="1" t="s">
        <v>22652</v>
      </c>
      <c r="D6843" s="2">
        <v>159671</v>
      </c>
      <c r="E6843" s="1" t="s">
        <v>0</v>
      </c>
    </row>
    <row r="6844" spans="1:5" x14ac:dyDescent="0.25">
      <c r="A6844" s="1" t="s">
        <v>22653</v>
      </c>
      <c r="B6844" s="1" t="s">
        <v>52575</v>
      </c>
      <c r="C6844" s="1" t="s">
        <v>22654</v>
      </c>
      <c r="D6844" s="2">
        <v>159672</v>
      </c>
      <c r="E6844" s="1" t="s">
        <v>0</v>
      </c>
    </row>
    <row r="6845" spans="1:5" ht="409.5" x14ac:dyDescent="0.25">
      <c r="A6845" s="4" t="s">
        <v>22655</v>
      </c>
      <c r="B6845" s="1" t="s">
        <v>52576</v>
      </c>
      <c r="C6845" s="1" t="s">
        <v>22656</v>
      </c>
      <c r="D6845" s="2">
        <v>159673</v>
      </c>
      <c r="E6845" s="1" t="s">
        <v>0</v>
      </c>
    </row>
    <row r="6846" spans="1:5" x14ac:dyDescent="0.25">
      <c r="A6846" s="1" t="s">
        <v>22657</v>
      </c>
      <c r="B6846" s="1" t="s">
        <v>6963</v>
      </c>
      <c r="C6846" s="1" t="s">
        <v>22658</v>
      </c>
      <c r="D6846" s="2">
        <v>159674</v>
      </c>
      <c r="E6846" s="1" t="s">
        <v>0</v>
      </c>
    </row>
    <row r="6847" spans="1:5" x14ac:dyDescent="0.25">
      <c r="A6847" s="2">
        <v>1369</v>
      </c>
      <c r="B6847" s="2">
        <v>1369</v>
      </c>
      <c r="C6847" s="1" t="s">
        <v>0</v>
      </c>
      <c r="D6847" s="2">
        <v>159675</v>
      </c>
      <c r="E6847" s="1" t="s">
        <v>0</v>
      </c>
    </row>
    <row r="6848" spans="1:5" x14ac:dyDescent="0.25">
      <c r="A6848" s="1" t="s">
        <v>1274</v>
      </c>
      <c r="B6848" s="1" t="s">
        <v>6964</v>
      </c>
      <c r="C6848" s="1" t="s">
        <v>22659</v>
      </c>
      <c r="D6848" s="2">
        <v>159676</v>
      </c>
      <c r="E6848" s="1" t="s">
        <v>0</v>
      </c>
    </row>
    <row r="6849" spans="1:5" x14ac:dyDescent="0.25">
      <c r="A6849" s="1" t="s">
        <v>22660</v>
      </c>
      <c r="B6849" s="1" t="s">
        <v>58275</v>
      </c>
      <c r="C6849" s="1" t="s">
        <v>22661</v>
      </c>
      <c r="D6849" s="2">
        <v>159677</v>
      </c>
      <c r="E6849" s="1" t="s">
        <v>0</v>
      </c>
    </row>
    <row r="6850" spans="1:5" ht="409.5" x14ac:dyDescent="0.25">
      <c r="A6850" s="4" t="s">
        <v>22662</v>
      </c>
      <c r="B6850" s="1" t="s">
        <v>63262</v>
      </c>
      <c r="C6850" s="1" t="s">
        <v>22663</v>
      </c>
      <c r="D6850" s="2">
        <v>159678</v>
      </c>
      <c r="E6850" s="1" t="s">
        <v>0</v>
      </c>
    </row>
    <row r="6851" spans="1:5" x14ac:dyDescent="0.25">
      <c r="A6851" s="1" t="s">
        <v>22664</v>
      </c>
      <c r="B6851" s="1" t="s">
        <v>52577</v>
      </c>
      <c r="C6851" s="1" t="s">
        <v>22665</v>
      </c>
      <c r="D6851" s="2">
        <v>159679</v>
      </c>
      <c r="E6851" s="1" t="s">
        <v>0</v>
      </c>
    </row>
    <row r="6852" spans="1:5" x14ac:dyDescent="0.25">
      <c r="A6852" s="2">
        <v>1370</v>
      </c>
      <c r="B6852" s="2">
        <v>1370</v>
      </c>
      <c r="C6852" s="1" t="s">
        <v>0</v>
      </c>
      <c r="D6852" s="2">
        <v>159680</v>
      </c>
      <c r="E6852" s="1" t="s">
        <v>0</v>
      </c>
    </row>
    <row r="6853" spans="1:5" x14ac:dyDescent="0.25">
      <c r="A6853" s="1" t="s">
        <v>1275</v>
      </c>
      <c r="B6853" s="1" t="s">
        <v>6965</v>
      </c>
      <c r="C6853" s="1" t="s">
        <v>22666</v>
      </c>
      <c r="D6853" s="2">
        <v>159681</v>
      </c>
      <c r="E6853" s="1" t="s">
        <v>0</v>
      </c>
    </row>
    <row r="6854" spans="1:5" x14ac:dyDescent="0.25">
      <c r="A6854" s="1" t="s">
        <v>22667</v>
      </c>
      <c r="B6854" s="1" t="s">
        <v>22668</v>
      </c>
      <c r="C6854" s="1" t="s">
        <v>22669</v>
      </c>
      <c r="D6854" s="2">
        <v>159682</v>
      </c>
      <c r="E6854" s="1" t="s">
        <v>0</v>
      </c>
    </row>
    <row r="6855" spans="1:5" ht="409.5" x14ac:dyDescent="0.25">
      <c r="A6855" s="4" t="s">
        <v>22670</v>
      </c>
      <c r="B6855" s="1" t="s">
        <v>58276</v>
      </c>
      <c r="C6855" s="1" t="s">
        <v>22671</v>
      </c>
      <c r="D6855" s="2">
        <v>159683</v>
      </c>
      <c r="E6855" s="1" t="s">
        <v>0</v>
      </c>
    </row>
    <row r="6856" spans="1:5" x14ac:dyDescent="0.25">
      <c r="A6856" s="1" t="s">
        <v>22672</v>
      </c>
      <c r="B6856" s="1" t="s">
        <v>22673</v>
      </c>
      <c r="C6856" s="1" t="s">
        <v>22674</v>
      </c>
      <c r="D6856" s="2">
        <v>159684</v>
      </c>
      <c r="E6856" s="1" t="s">
        <v>0</v>
      </c>
    </row>
    <row r="6857" spans="1:5" x14ac:dyDescent="0.25">
      <c r="A6857" s="2">
        <v>1371</v>
      </c>
      <c r="B6857" s="2">
        <v>1371</v>
      </c>
      <c r="C6857" s="1" t="s">
        <v>0</v>
      </c>
      <c r="D6857" s="2">
        <v>159685</v>
      </c>
      <c r="E6857" s="1" t="s">
        <v>0</v>
      </c>
    </row>
    <row r="6858" spans="1:5" x14ac:dyDescent="0.25">
      <c r="A6858" s="1" t="s">
        <v>1276</v>
      </c>
      <c r="B6858" s="1" t="s">
        <v>6966</v>
      </c>
      <c r="C6858" s="1" t="s">
        <v>22675</v>
      </c>
      <c r="D6858" s="2">
        <v>159686</v>
      </c>
      <c r="E6858" s="1" t="s">
        <v>0</v>
      </c>
    </row>
    <row r="6859" spans="1:5" x14ac:dyDescent="0.25">
      <c r="A6859" s="1" t="s">
        <v>22676</v>
      </c>
      <c r="B6859" s="1" t="s">
        <v>52578</v>
      </c>
      <c r="C6859" s="1" t="s">
        <v>22677</v>
      </c>
      <c r="D6859" s="2">
        <v>159687</v>
      </c>
      <c r="E6859" s="1" t="s">
        <v>0</v>
      </c>
    </row>
    <row r="6860" spans="1:5" ht="409.5" x14ac:dyDescent="0.25">
      <c r="A6860" s="4" t="s">
        <v>22678</v>
      </c>
      <c r="B6860" s="1" t="s">
        <v>61015</v>
      </c>
      <c r="C6860" s="1" t="s">
        <v>22679</v>
      </c>
      <c r="D6860" s="2">
        <v>159688</v>
      </c>
      <c r="E6860" s="1" t="s">
        <v>0</v>
      </c>
    </row>
    <row r="6861" spans="1:5" x14ac:dyDescent="0.25">
      <c r="A6861" s="1" t="s">
        <v>22680</v>
      </c>
      <c r="B6861" s="1" t="s">
        <v>6967</v>
      </c>
      <c r="C6861" s="1" t="s">
        <v>22681</v>
      </c>
      <c r="D6861" s="2">
        <v>159689</v>
      </c>
      <c r="E6861" s="1" t="s">
        <v>0</v>
      </c>
    </row>
    <row r="6862" spans="1:5" x14ac:dyDescent="0.25">
      <c r="A6862" s="2">
        <v>1372</v>
      </c>
      <c r="B6862" s="2">
        <v>1372</v>
      </c>
      <c r="C6862" s="1" t="s">
        <v>0</v>
      </c>
      <c r="D6862" s="2">
        <v>159690</v>
      </c>
      <c r="E6862" s="1" t="s">
        <v>0</v>
      </c>
    </row>
    <row r="6863" spans="1:5" x14ac:dyDescent="0.25">
      <c r="A6863" s="1" t="s">
        <v>22682</v>
      </c>
      <c r="B6863" s="1" t="s">
        <v>6968</v>
      </c>
      <c r="C6863" s="1" t="s">
        <v>22683</v>
      </c>
      <c r="D6863" s="2">
        <v>159691</v>
      </c>
      <c r="E6863" s="1" t="s">
        <v>0</v>
      </c>
    </row>
    <row r="6864" spans="1:5" x14ac:dyDescent="0.25">
      <c r="A6864" s="1" t="s">
        <v>22684</v>
      </c>
      <c r="B6864" s="1" t="s">
        <v>13042</v>
      </c>
      <c r="C6864" s="1" t="s">
        <v>22685</v>
      </c>
      <c r="D6864" s="2">
        <v>159692</v>
      </c>
      <c r="E6864" s="1" t="s">
        <v>0</v>
      </c>
    </row>
    <row r="6865" spans="1:5" ht="409.5" x14ac:dyDescent="0.25">
      <c r="A6865" s="4" t="s">
        <v>22686</v>
      </c>
      <c r="B6865" s="1" t="s">
        <v>52579</v>
      </c>
      <c r="C6865" s="1" t="s">
        <v>22687</v>
      </c>
      <c r="D6865" s="2">
        <v>159693</v>
      </c>
      <c r="E6865" s="1" t="s">
        <v>0</v>
      </c>
    </row>
    <row r="6866" spans="1:5" x14ac:dyDescent="0.25">
      <c r="A6866" s="1" t="s">
        <v>22688</v>
      </c>
      <c r="B6866" s="1" t="s">
        <v>6969</v>
      </c>
      <c r="C6866" s="1" t="s">
        <v>22689</v>
      </c>
      <c r="D6866" s="2">
        <v>159694</v>
      </c>
      <c r="E6866" s="1" t="s">
        <v>0</v>
      </c>
    </row>
    <row r="6867" spans="1:5" x14ac:dyDescent="0.25">
      <c r="A6867" s="2">
        <v>1373</v>
      </c>
      <c r="B6867" s="2">
        <v>1373</v>
      </c>
      <c r="C6867" s="1" t="s">
        <v>0</v>
      </c>
      <c r="D6867" s="2">
        <v>159695</v>
      </c>
      <c r="E6867" s="1" t="s">
        <v>0</v>
      </c>
    </row>
    <row r="6868" spans="1:5" x14ac:dyDescent="0.25">
      <c r="A6868" s="1" t="s">
        <v>1277</v>
      </c>
      <c r="B6868" s="1" t="s">
        <v>6970</v>
      </c>
      <c r="C6868" s="1" t="s">
        <v>22690</v>
      </c>
      <c r="D6868" s="2">
        <v>159696</v>
      </c>
      <c r="E6868" s="1" t="s">
        <v>0</v>
      </c>
    </row>
    <row r="6869" spans="1:5" x14ac:dyDescent="0.25">
      <c r="A6869" s="1" t="s">
        <v>22691</v>
      </c>
      <c r="B6869" s="1" t="s">
        <v>52580</v>
      </c>
      <c r="C6869" s="1" t="s">
        <v>22692</v>
      </c>
      <c r="D6869" s="2">
        <v>159697</v>
      </c>
      <c r="E6869" s="1" t="s">
        <v>0</v>
      </c>
    </row>
    <row r="6870" spans="1:5" ht="409.5" x14ac:dyDescent="0.25">
      <c r="A6870" s="4" t="s">
        <v>22693</v>
      </c>
      <c r="B6870" s="1" t="s">
        <v>57778</v>
      </c>
      <c r="C6870" s="1" t="s">
        <v>22694</v>
      </c>
      <c r="D6870" s="2">
        <v>159698</v>
      </c>
      <c r="E6870" s="1" t="s">
        <v>0</v>
      </c>
    </row>
    <row r="6871" spans="1:5" x14ac:dyDescent="0.25">
      <c r="A6871" s="1" t="s">
        <v>22695</v>
      </c>
      <c r="B6871" s="1" t="s">
        <v>61016</v>
      </c>
      <c r="C6871" s="1" t="s">
        <v>22696</v>
      </c>
      <c r="D6871" s="2">
        <v>159699</v>
      </c>
      <c r="E6871" s="1" t="s">
        <v>0</v>
      </c>
    </row>
    <row r="6872" spans="1:5" x14ac:dyDescent="0.25">
      <c r="A6872" s="2">
        <v>1374</v>
      </c>
      <c r="B6872" s="2">
        <v>1374</v>
      </c>
      <c r="C6872" s="1" t="s">
        <v>0</v>
      </c>
      <c r="D6872" s="2">
        <v>159700</v>
      </c>
      <c r="E6872" s="1" t="s">
        <v>0</v>
      </c>
    </row>
    <row r="6873" spans="1:5" x14ac:dyDescent="0.25">
      <c r="A6873" s="1" t="s">
        <v>1278</v>
      </c>
      <c r="B6873" s="1" t="s">
        <v>6971</v>
      </c>
      <c r="C6873" s="1" t="s">
        <v>22697</v>
      </c>
      <c r="D6873" s="2">
        <v>159701</v>
      </c>
      <c r="E6873" s="1" t="s">
        <v>0</v>
      </c>
    </row>
    <row r="6874" spans="1:5" x14ac:dyDescent="0.25">
      <c r="A6874" s="1" t="s">
        <v>22698</v>
      </c>
      <c r="B6874" s="1" t="s">
        <v>62230</v>
      </c>
      <c r="C6874" s="1" t="s">
        <v>22699</v>
      </c>
      <c r="D6874" s="2">
        <v>159702</v>
      </c>
      <c r="E6874" s="1" t="s">
        <v>0</v>
      </c>
    </row>
    <row r="6875" spans="1:5" ht="409.5" x14ac:dyDescent="0.25">
      <c r="A6875" s="4" t="s">
        <v>22700</v>
      </c>
      <c r="B6875" s="1" t="s">
        <v>62231</v>
      </c>
      <c r="C6875" s="1" t="s">
        <v>22701</v>
      </c>
      <c r="D6875" s="2">
        <v>159703</v>
      </c>
      <c r="E6875" s="1" t="s">
        <v>0</v>
      </c>
    </row>
    <row r="6876" spans="1:5" x14ac:dyDescent="0.25">
      <c r="A6876" s="1" t="s">
        <v>22702</v>
      </c>
      <c r="B6876" s="1" t="s">
        <v>6972</v>
      </c>
      <c r="C6876" s="1" t="s">
        <v>22703</v>
      </c>
      <c r="D6876" s="2">
        <v>159704</v>
      </c>
      <c r="E6876" s="1" t="s">
        <v>0</v>
      </c>
    </row>
    <row r="6877" spans="1:5" x14ac:dyDescent="0.25">
      <c r="A6877" s="2">
        <v>1375</v>
      </c>
      <c r="B6877" s="2">
        <v>1375</v>
      </c>
      <c r="C6877" s="1" t="s">
        <v>0</v>
      </c>
      <c r="D6877" s="2">
        <v>159705</v>
      </c>
      <c r="E6877" s="1" t="s">
        <v>0</v>
      </c>
    </row>
    <row r="6878" spans="1:5" x14ac:dyDescent="0.25">
      <c r="A6878" s="1" t="s">
        <v>1279</v>
      </c>
      <c r="B6878" s="1" t="s">
        <v>6973</v>
      </c>
      <c r="C6878" s="1" t="s">
        <v>22704</v>
      </c>
      <c r="D6878" s="2">
        <v>159706</v>
      </c>
      <c r="E6878" s="1" t="s">
        <v>0</v>
      </c>
    </row>
    <row r="6879" spans="1:5" x14ac:dyDescent="0.25">
      <c r="A6879" s="1" t="s">
        <v>22705</v>
      </c>
      <c r="B6879" s="1" t="s">
        <v>6974</v>
      </c>
      <c r="C6879" s="1" t="s">
        <v>22706</v>
      </c>
      <c r="D6879" s="2">
        <v>159707</v>
      </c>
      <c r="E6879" s="1" t="s">
        <v>0</v>
      </c>
    </row>
    <row r="6880" spans="1:5" ht="409.5" x14ac:dyDescent="0.25">
      <c r="A6880" s="4" t="s">
        <v>22707</v>
      </c>
      <c r="B6880" s="1" t="s">
        <v>52581</v>
      </c>
      <c r="C6880" s="1" t="s">
        <v>22708</v>
      </c>
      <c r="D6880" s="2">
        <v>159708</v>
      </c>
      <c r="E6880" s="1" t="s">
        <v>0</v>
      </c>
    </row>
    <row r="6881" spans="1:5" x14ac:dyDescent="0.25">
      <c r="A6881" s="1" t="s">
        <v>22709</v>
      </c>
      <c r="B6881" s="1" t="s">
        <v>6975</v>
      </c>
      <c r="C6881" s="1" t="s">
        <v>22710</v>
      </c>
      <c r="D6881" s="2">
        <v>159709</v>
      </c>
      <c r="E6881" s="1" t="s">
        <v>0</v>
      </c>
    </row>
    <row r="6882" spans="1:5" x14ac:dyDescent="0.25">
      <c r="A6882" s="2">
        <v>1376</v>
      </c>
      <c r="B6882" s="2">
        <v>1376</v>
      </c>
      <c r="C6882" s="1" t="s">
        <v>0</v>
      </c>
      <c r="D6882" s="2">
        <v>159710</v>
      </c>
      <c r="E6882" s="1" t="s">
        <v>0</v>
      </c>
    </row>
    <row r="6883" spans="1:5" x14ac:dyDescent="0.25">
      <c r="A6883" s="1" t="s">
        <v>1280</v>
      </c>
      <c r="B6883" s="1" t="s">
        <v>6976</v>
      </c>
      <c r="C6883" s="1" t="s">
        <v>22711</v>
      </c>
      <c r="D6883" s="2">
        <v>159711</v>
      </c>
      <c r="E6883" s="1" t="s">
        <v>0</v>
      </c>
    </row>
    <row r="6884" spans="1:5" x14ac:dyDescent="0.25">
      <c r="A6884" s="1" t="s">
        <v>22712</v>
      </c>
      <c r="B6884" s="1" t="s">
        <v>52582</v>
      </c>
      <c r="C6884" s="1" t="s">
        <v>22713</v>
      </c>
      <c r="D6884" s="2">
        <v>159712</v>
      </c>
      <c r="E6884" s="1" t="s">
        <v>0</v>
      </c>
    </row>
    <row r="6885" spans="1:5" ht="409.5" x14ac:dyDescent="0.25">
      <c r="A6885" s="4" t="s">
        <v>22714</v>
      </c>
      <c r="B6885" s="1" t="s">
        <v>57779</v>
      </c>
      <c r="C6885" s="1" t="s">
        <v>22715</v>
      </c>
      <c r="D6885" s="2">
        <v>159713</v>
      </c>
      <c r="E6885" s="1" t="s">
        <v>0</v>
      </c>
    </row>
    <row r="6886" spans="1:5" x14ac:dyDescent="0.25">
      <c r="A6886" s="1" t="s">
        <v>22716</v>
      </c>
      <c r="B6886" s="1" t="s">
        <v>52583</v>
      </c>
      <c r="C6886" s="1" t="s">
        <v>22717</v>
      </c>
      <c r="D6886" s="2">
        <v>159714</v>
      </c>
      <c r="E6886" s="1" t="s">
        <v>0</v>
      </c>
    </row>
    <row r="6887" spans="1:5" x14ac:dyDescent="0.25">
      <c r="A6887" s="2">
        <v>1377</v>
      </c>
      <c r="B6887" s="2">
        <v>1377</v>
      </c>
      <c r="C6887" s="1" t="s">
        <v>0</v>
      </c>
      <c r="D6887" s="2">
        <v>159715</v>
      </c>
      <c r="E6887" s="1" t="s">
        <v>0</v>
      </c>
    </row>
    <row r="6888" spans="1:5" x14ac:dyDescent="0.25">
      <c r="A6888" s="1" t="s">
        <v>1281</v>
      </c>
      <c r="B6888" s="1" t="s">
        <v>59880</v>
      </c>
      <c r="C6888" s="1" t="s">
        <v>22718</v>
      </c>
      <c r="D6888" s="2">
        <v>159716</v>
      </c>
      <c r="E6888" s="1" t="s">
        <v>0</v>
      </c>
    </row>
    <row r="6889" spans="1:5" x14ac:dyDescent="0.25">
      <c r="A6889" s="1" t="s">
        <v>22719</v>
      </c>
      <c r="B6889" s="1" t="s">
        <v>59881</v>
      </c>
      <c r="C6889" s="1" t="s">
        <v>22720</v>
      </c>
      <c r="D6889" s="2">
        <v>159717</v>
      </c>
      <c r="E6889" s="1" t="s">
        <v>0</v>
      </c>
    </row>
    <row r="6890" spans="1:5" ht="409.5" x14ac:dyDescent="0.25">
      <c r="A6890" s="4" t="s">
        <v>64069</v>
      </c>
      <c r="B6890" s="1" t="s">
        <v>59882</v>
      </c>
      <c r="C6890" s="1" t="s">
        <v>22721</v>
      </c>
      <c r="D6890" s="2">
        <v>159718</v>
      </c>
      <c r="E6890" s="1" t="s">
        <v>0</v>
      </c>
    </row>
    <row r="6891" spans="1:5" x14ac:dyDescent="0.25">
      <c r="A6891" s="1" t="s">
        <v>22722</v>
      </c>
      <c r="B6891" s="1" t="s">
        <v>52584</v>
      </c>
      <c r="C6891" s="1" t="s">
        <v>22723</v>
      </c>
      <c r="D6891" s="2">
        <v>159719</v>
      </c>
      <c r="E6891" s="1" t="s">
        <v>0</v>
      </c>
    </row>
    <row r="6892" spans="1:5" x14ac:dyDescent="0.25">
      <c r="A6892" s="2">
        <v>1378</v>
      </c>
      <c r="B6892" s="2">
        <v>1378</v>
      </c>
      <c r="C6892" s="1" t="s">
        <v>0</v>
      </c>
      <c r="D6892" s="2">
        <v>159720</v>
      </c>
      <c r="E6892" s="1" t="s">
        <v>0</v>
      </c>
    </row>
    <row r="6893" spans="1:5" x14ac:dyDescent="0.25">
      <c r="A6893" s="1" t="s">
        <v>1282</v>
      </c>
      <c r="B6893" s="1" t="s">
        <v>58277</v>
      </c>
      <c r="C6893" s="1" t="s">
        <v>22724</v>
      </c>
      <c r="D6893" s="2">
        <v>159721</v>
      </c>
      <c r="E6893" s="1" t="s">
        <v>0</v>
      </c>
    </row>
    <row r="6894" spans="1:5" x14ac:dyDescent="0.25">
      <c r="A6894" s="1" t="s">
        <v>22725</v>
      </c>
      <c r="B6894" s="1" t="s">
        <v>52585</v>
      </c>
      <c r="C6894" s="1" t="s">
        <v>22726</v>
      </c>
      <c r="D6894" s="2">
        <v>159722</v>
      </c>
      <c r="E6894" s="1" t="s">
        <v>0</v>
      </c>
    </row>
    <row r="6895" spans="1:5" ht="409.5" x14ac:dyDescent="0.25">
      <c r="A6895" s="4" t="s">
        <v>22727</v>
      </c>
      <c r="B6895" s="1" t="s">
        <v>62232</v>
      </c>
      <c r="C6895" s="1" t="s">
        <v>22728</v>
      </c>
      <c r="D6895" s="2">
        <v>159723</v>
      </c>
      <c r="E6895" s="1" t="s">
        <v>0</v>
      </c>
    </row>
    <row r="6896" spans="1:5" x14ac:dyDescent="0.25">
      <c r="A6896" s="1" t="s">
        <v>22729</v>
      </c>
      <c r="B6896" s="1" t="s">
        <v>6977</v>
      </c>
      <c r="C6896" s="1" t="s">
        <v>22730</v>
      </c>
      <c r="D6896" s="2">
        <v>159724</v>
      </c>
      <c r="E6896" s="1" t="s">
        <v>0</v>
      </c>
    </row>
    <row r="6897" spans="1:5" x14ac:dyDescent="0.25">
      <c r="A6897" s="2">
        <v>1379</v>
      </c>
      <c r="B6897" s="2">
        <v>1379</v>
      </c>
      <c r="C6897" s="1" t="s">
        <v>0</v>
      </c>
      <c r="D6897" s="2">
        <v>159725</v>
      </c>
      <c r="E6897" s="1" t="s">
        <v>0</v>
      </c>
    </row>
    <row r="6898" spans="1:5" x14ac:dyDescent="0.25">
      <c r="A6898" s="1" t="s">
        <v>1283</v>
      </c>
      <c r="B6898" s="1" t="s">
        <v>6978</v>
      </c>
      <c r="C6898" s="1" t="s">
        <v>22731</v>
      </c>
      <c r="D6898" s="2">
        <v>159726</v>
      </c>
      <c r="E6898" s="1" t="s">
        <v>0</v>
      </c>
    </row>
    <row r="6899" spans="1:5" x14ac:dyDescent="0.25">
      <c r="A6899" s="1" t="s">
        <v>22732</v>
      </c>
      <c r="B6899" s="1" t="s">
        <v>6979</v>
      </c>
      <c r="C6899" s="1" t="s">
        <v>22733</v>
      </c>
      <c r="D6899" s="2">
        <v>159727</v>
      </c>
      <c r="E6899" s="1" t="s">
        <v>0</v>
      </c>
    </row>
    <row r="6900" spans="1:5" x14ac:dyDescent="0.25">
      <c r="A6900" s="1" t="s">
        <v>22734</v>
      </c>
      <c r="B6900" s="1" t="s">
        <v>6980</v>
      </c>
      <c r="C6900" s="1" t="s">
        <v>22735</v>
      </c>
      <c r="D6900" s="2">
        <v>159728</v>
      </c>
      <c r="E6900" s="1" t="s">
        <v>0</v>
      </c>
    </row>
    <row r="6901" spans="1:5" x14ac:dyDescent="0.25">
      <c r="A6901" s="1" t="s">
        <v>22736</v>
      </c>
      <c r="B6901" s="1" t="s">
        <v>52586</v>
      </c>
      <c r="C6901" s="1" t="s">
        <v>22737</v>
      </c>
      <c r="D6901" s="2">
        <v>159729</v>
      </c>
      <c r="E6901" s="1" t="s">
        <v>0</v>
      </c>
    </row>
    <row r="6902" spans="1:5" x14ac:dyDescent="0.25">
      <c r="A6902" s="2">
        <v>1380</v>
      </c>
      <c r="B6902" s="2">
        <v>1380</v>
      </c>
      <c r="C6902" s="1" t="s">
        <v>0</v>
      </c>
      <c r="D6902" s="2">
        <v>159730</v>
      </c>
      <c r="E6902" s="1" t="s">
        <v>0</v>
      </c>
    </row>
    <row r="6903" spans="1:5" x14ac:dyDescent="0.25">
      <c r="A6903" s="1" t="s">
        <v>1284</v>
      </c>
      <c r="B6903" s="1" t="s">
        <v>6981</v>
      </c>
      <c r="C6903" s="1" t="s">
        <v>22738</v>
      </c>
      <c r="D6903" s="2">
        <v>159731</v>
      </c>
      <c r="E6903" s="1" t="s">
        <v>0</v>
      </c>
    </row>
    <row r="6904" spans="1:5" x14ac:dyDescent="0.25">
      <c r="A6904" s="1" t="s">
        <v>22739</v>
      </c>
      <c r="B6904" s="1" t="s">
        <v>52587</v>
      </c>
      <c r="C6904" s="1" t="s">
        <v>22740</v>
      </c>
      <c r="D6904" s="2">
        <v>159732</v>
      </c>
      <c r="E6904" s="1" t="s">
        <v>0</v>
      </c>
    </row>
    <row r="6905" spans="1:5" ht="409.5" x14ac:dyDescent="0.25">
      <c r="A6905" s="4" t="s">
        <v>22741</v>
      </c>
      <c r="B6905" s="1" t="s">
        <v>52588</v>
      </c>
      <c r="C6905" s="1" t="s">
        <v>22742</v>
      </c>
      <c r="D6905" s="2">
        <v>159733</v>
      </c>
      <c r="E6905" s="1" t="s">
        <v>0</v>
      </c>
    </row>
    <row r="6906" spans="1:5" x14ac:dyDescent="0.25">
      <c r="A6906" s="1" t="s">
        <v>22743</v>
      </c>
      <c r="B6906" s="1" t="s">
        <v>52589</v>
      </c>
      <c r="C6906" s="1" t="s">
        <v>22744</v>
      </c>
      <c r="D6906" s="2">
        <v>159734</v>
      </c>
      <c r="E6906" s="1" t="s">
        <v>0</v>
      </c>
    </row>
    <row r="6907" spans="1:5" x14ac:dyDescent="0.25">
      <c r="A6907" s="2">
        <v>1381</v>
      </c>
      <c r="B6907" s="2">
        <v>1381</v>
      </c>
      <c r="C6907" s="1" t="s">
        <v>0</v>
      </c>
      <c r="D6907" s="2">
        <v>159735</v>
      </c>
      <c r="E6907" s="1" t="s">
        <v>0</v>
      </c>
    </row>
    <row r="6908" spans="1:5" x14ac:dyDescent="0.25">
      <c r="A6908" s="1" t="s">
        <v>1285</v>
      </c>
      <c r="B6908" s="1" t="s">
        <v>6982</v>
      </c>
      <c r="C6908" s="1" t="s">
        <v>22745</v>
      </c>
      <c r="D6908" s="2">
        <v>159736</v>
      </c>
      <c r="E6908" s="1" t="s">
        <v>0</v>
      </c>
    </row>
    <row r="6909" spans="1:5" x14ac:dyDescent="0.25">
      <c r="A6909" s="1" t="s">
        <v>22746</v>
      </c>
      <c r="B6909" s="1" t="s">
        <v>59582</v>
      </c>
      <c r="C6909" s="1" t="s">
        <v>22747</v>
      </c>
      <c r="D6909" s="2">
        <v>159737</v>
      </c>
      <c r="E6909" s="1" t="s">
        <v>0</v>
      </c>
    </row>
    <row r="6910" spans="1:5" ht="409.5" x14ac:dyDescent="0.25">
      <c r="A6910" s="4" t="s">
        <v>22748</v>
      </c>
      <c r="B6910" s="1" t="s">
        <v>59583</v>
      </c>
      <c r="C6910" s="1" t="s">
        <v>22749</v>
      </c>
      <c r="D6910" s="2">
        <v>159738</v>
      </c>
      <c r="E6910" s="1" t="s">
        <v>0</v>
      </c>
    </row>
    <row r="6911" spans="1:5" x14ac:dyDescent="0.25">
      <c r="A6911" s="1" t="s">
        <v>22750</v>
      </c>
      <c r="B6911" s="1" t="s">
        <v>61017</v>
      </c>
      <c r="C6911" s="1" t="s">
        <v>22751</v>
      </c>
      <c r="D6911" s="2">
        <v>159739</v>
      </c>
      <c r="E6911" s="1" t="s">
        <v>0</v>
      </c>
    </row>
    <row r="6912" spans="1:5" x14ac:dyDescent="0.25">
      <c r="A6912" s="2">
        <v>1382</v>
      </c>
      <c r="B6912" s="2">
        <v>1382</v>
      </c>
      <c r="C6912" s="1" t="s">
        <v>0</v>
      </c>
      <c r="D6912" s="2">
        <v>159740</v>
      </c>
      <c r="E6912" s="1" t="s">
        <v>0</v>
      </c>
    </row>
    <row r="6913" spans="1:5" x14ac:dyDescent="0.25">
      <c r="A6913" s="1" t="s">
        <v>1286</v>
      </c>
      <c r="B6913" s="1" t="s">
        <v>6983</v>
      </c>
      <c r="C6913" s="1" t="s">
        <v>22752</v>
      </c>
      <c r="D6913" s="2">
        <v>159741</v>
      </c>
      <c r="E6913" s="1" t="s">
        <v>0</v>
      </c>
    </row>
    <row r="6914" spans="1:5" x14ac:dyDescent="0.25">
      <c r="A6914" s="1" t="s">
        <v>22753</v>
      </c>
      <c r="B6914" s="1" t="s">
        <v>52590</v>
      </c>
      <c r="C6914" s="1" t="s">
        <v>22754</v>
      </c>
      <c r="D6914" s="2">
        <v>159742</v>
      </c>
      <c r="E6914" s="1" t="s">
        <v>0</v>
      </c>
    </row>
    <row r="6915" spans="1:5" ht="409.5" x14ac:dyDescent="0.25">
      <c r="A6915" s="4" t="s">
        <v>22755</v>
      </c>
      <c r="B6915" s="1" t="s">
        <v>63263</v>
      </c>
      <c r="C6915" s="1" t="s">
        <v>22756</v>
      </c>
      <c r="D6915" s="2">
        <v>159743</v>
      </c>
      <c r="E6915" s="1" t="s">
        <v>0</v>
      </c>
    </row>
    <row r="6916" spans="1:5" x14ac:dyDescent="0.25">
      <c r="A6916" s="1" t="s">
        <v>22757</v>
      </c>
      <c r="B6916" s="1" t="s">
        <v>6984</v>
      </c>
      <c r="C6916" s="1" t="s">
        <v>22758</v>
      </c>
      <c r="D6916" s="2">
        <v>159744</v>
      </c>
      <c r="E6916" s="1" t="s">
        <v>0</v>
      </c>
    </row>
    <row r="6917" spans="1:5" x14ac:dyDescent="0.25">
      <c r="A6917" s="2">
        <v>1383</v>
      </c>
      <c r="B6917" s="2">
        <v>1383</v>
      </c>
      <c r="C6917" s="1" t="s">
        <v>0</v>
      </c>
      <c r="D6917" s="2">
        <v>159745</v>
      </c>
      <c r="E6917" s="1" t="s">
        <v>0</v>
      </c>
    </row>
    <row r="6918" spans="1:5" x14ac:dyDescent="0.25">
      <c r="A6918" s="1" t="s">
        <v>22759</v>
      </c>
      <c r="B6918" s="1" t="s">
        <v>6985</v>
      </c>
      <c r="C6918" s="1" t="s">
        <v>22760</v>
      </c>
      <c r="D6918" s="2">
        <v>159746</v>
      </c>
      <c r="E6918" s="1" t="s">
        <v>0</v>
      </c>
    </row>
    <row r="6919" spans="1:5" x14ac:dyDescent="0.25">
      <c r="A6919" s="1" t="s">
        <v>22761</v>
      </c>
      <c r="B6919" s="1" t="s">
        <v>52591</v>
      </c>
      <c r="C6919" s="1" t="s">
        <v>22762</v>
      </c>
      <c r="D6919" s="2">
        <v>159747</v>
      </c>
      <c r="E6919" s="1" t="s">
        <v>0</v>
      </c>
    </row>
    <row r="6920" spans="1:5" ht="409.5" x14ac:dyDescent="0.25">
      <c r="A6920" s="4" t="s">
        <v>22763</v>
      </c>
      <c r="B6920" s="1" t="s">
        <v>52592</v>
      </c>
      <c r="C6920" s="1" t="s">
        <v>22764</v>
      </c>
      <c r="D6920" s="2">
        <v>159748</v>
      </c>
      <c r="E6920" s="1" t="s">
        <v>0</v>
      </c>
    </row>
    <row r="6921" spans="1:5" x14ac:dyDescent="0.25">
      <c r="A6921" s="1" t="s">
        <v>22765</v>
      </c>
      <c r="B6921" s="1" t="s">
        <v>52593</v>
      </c>
      <c r="C6921" s="1" t="s">
        <v>22766</v>
      </c>
      <c r="D6921" s="2">
        <v>159749</v>
      </c>
      <c r="E6921" s="1" t="s">
        <v>0</v>
      </c>
    </row>
    <row r="6922" spans="1:5" x14ac:dyDescent="0.25">
      <c r="A6922" s="2">
        <v>1384</v>
      </c>
      <c r="B6922" s="2">
        <v>1384</v>
      </c>
      <c r="C6922" s="1" t="s">
        <v>0</v>
      </c>
      <c r="D6922" s="2">
        <v>159750</v>
      </c>
      <c r="E6922" s="1" t="s">
        <v>0</v>
      </c>
    </row>
    <row r="6923" spans="1:5" x14ac:dyDescent="0.25">
      <c r="A6923" s="1" t="s">
        <v>1287</v>
      </c>
      <c r="B6923" s="1" t="s">
        <v>50566</v>
      </c>
      <c r="C6923" s="1" t="s">
        <v>22767</v>
      </c>
      <c r="D6923" s="2">
        <v>159751</v>
      </c>
      <c r="E6923" s="1" t="s">
        <v>0</v>
      </c>
    </row>
    <row r="6924" spans="1:5" x14ac:dyDescent="0.25">
      <c r="A6924" s="1" t="s">
        <v>22768</v>
      </c>
      <c r="B6924" s="1" t="s">
        <v>52594</v>
      </c>
      <c r="C6924" s="1" t="s">
        <v>22769</v>
      </c>
      <c r="D6924" s="2">
        <v>159752</v>
      </c>
      <c r="E6924" s="1" t="s">
        <v>0</v>
      </c>
    </row>
    <row r="6925" spans="1:5" ht="409.5" x14ac:dyDescent="0.25">
      <c r="A6925" s="4" t="s">
        <v>22770</v>
      </c>
      <c r="B6925" s="1" t="s">
        <v>61018</v>
      </c>
      <c r="C6925" s="1" t="s">
        <v>22771</v>
      </c>
      <c r="D6925" s="2">
        <v>159753</v>
      </c>
      <c r="E6925" s="1" t="s">
        <v>0</v>
      </c>
    </row>
    <row r="6926" spans="1:5" x14ac:dyDescent="0.25">
      <c r="A6926" s="1" t="s">
        <v>22772</v>
      </c>
      <c r="B6926" s="1" t="s">
        <v>52595</v>
      </c>
      <c r="C6926" s="1" t="s">
        <v>22773</v>
      </c>
      <c r="D6926" s="2">
        <v>159754</v>
      </c>
      <c r="E6926" s="1" t="s">
        <v>0</v>
      </c>
    </row>
    <row r="6927" spans="1:5" x14ac:dyDescent="0.25">
      <c r="A6927" s="2">
        <v>1385</v>
      </c>
      <c r="B6927" s="2">
        <v>1385</v>
      </c>
      <c r="C6927" s="1" t="s">
        <v>0</v>
      </c>
      <c r="D6927" s="2">
        <v>159755</v>
      </c>
      <c r="E6927" s="1" t="s">
        <v>0</v>
      </c>
    </row>
    <row r="6928" spans="1:5" x14ac:dyDescent="0.25">
      <c r="A6928" s="1" t="s">
        <v>13043</v>
      </c>
      <c r="B6928" s="1" t="s">
        <v>6986</v>
      </c>
      <c r="C6928" s="1" t="s">
        <v>22774</v>
      </c>
      <c r="D6928" s="2">
        <v>159756</v>
      </c>
      <c r="E6928" s="1" t="s">
        <v>0</v>
      </c>
    </row>
    <row r="6929" spans="1:5" x14ac:dyDescent="0.25">
      <c r="A6929" s="1" t="s">
        <v>22775</v>
      </c>
      <c r="B6929" s="1" t="s">
        <v>52596</v>
      </c>
      <c r="C6929" s="1" t="s">
        <v>22776</v>
      </c>
      <c r="D6929" s="2">
        <v>159757</v>
      </c>
      <c r="E6929" s="1" t="s">
        <v>0</v>
      </c>
    </row>
    <row r="6930" spans="1:5" ht="409.5" x14ac:dyDescent="0.25">
      <c r="A6930" s="4" t="s">
        <v>22777</v>
      </c>
      <c r="B6930" s="1" t="s">
        <v>63264</v>
      </c>
      <c r="C6930" s="1" t="s">
        <v>22778</v>
      </c>
      <c r="D6930" s="2">
        <v>159758</v>
      </c>
      <c r="E6930" s="1" t="s">
        <v>0</v>
      </c>
    </row>
    <row r="6931" spans="1:5" x14ac:dyDescent="0.25">
      <c r="A6931" s="1" t="s">
        <v>22779</v>
      </c>
      <c r="B6931" s="1" t="s">
        <v>6987</v>
      </c>
      <c r="C6931" s="1" t="s">
        <v>22780</v>
      </c>
      <c r="D6931" s="2">
        <v>159759</v>
      </c>
      <c r="E6931" s="1" t="s">
        <v>0</v>
      </c>
    </row>
    <row r="6932" spans="1:5" x14ac:dyDescent="0.25">
      <c r="A6932" s="2">
        <v>1386</v>
      </c>
      <c r="B6932" s="2">
        <v>1386</v>
      </c>
      <c r="C6932" s="1" t="s">
        <v>0</v>
      </c>
      <c r="D6932" s="2">
        <v>159760</v>
      </c>
      <c r="E6932" s="1" t="s">
        <v>0</v>
      </c>
    </row>
    <row r="6933" spans="1:5" x14ac:dyDescent="0.25">
      <c r="A6933" s="1" t="s">
        <v>1288</v>
      </c>
      <c r="B6933" s="1" t="s">
        <v>58994</v>
      </c>
      <c r="C6933" s="1" t="s">
        <v>22781</v>
      </c>
      <c r="D6933" s="2">
        <v>159761</v>
      </c>
      <c r="E6933" s="1" t="s">
        <v>0</v>
      </c>
    </row>
    <row r="6934" spans="1:5" x14ac:dyDescent="0.25">
      <c r="A6934" s="1" t="s">
        <v>22782</v>
      </c>
      <c r="B6934" s="1" t="s">
        <v>58995</v>
      </c>
      <c r="C6934" s="1" t="s">
        <v>22783</v>
      </c>
      <c r="D6934" s="2">
        <v>159762</v>
      </c>
      <c r="E6934" s="1" t="s">
        <v>0</v>
      </c>
    </row>
    <row r="6935" spans="1:5" ht="409.5" x14ac:dyDescent="0.25">
      <c r="A6935" s="4" t="s">
        <v>22784</v>
      </c>
      <c r="B6935" s="1" t="s">
        <v>58996</v>
      </c>
      <c r="C6935" s="1" t="s">
        <v>22785</v>
      </c>
      <c r="D6935" s="2">
        <v>159763</v>
      </c>
      <c r="E6935" s="1" t="s">
        <v>0</v>
      </c>
    </row>
    <row r="6936" spans="1:5" x14ac:dyDescent="0.25">
      <c r="A6936" s="1" t="s">
        <v>22786</v>
      </c>
      <c r="B6936" s="1" t="s">
        <v>6988</v>
      </c>
      <c r="C6936" s="1" t="s">
        <v>22787</v>
      </c>
      <c r="D6936" s="2">
        <v>159764</v>
      </c>
      <c r="E6936" s="1" t="s">
        <v>0</v>
      </c>
    </row>
    <row r="6937" spans="1:5" x14ac:dyDescent="0.25">
      <c r="A6937" s="2">
        <v>1387</v>
      </c>
      <c r="B6937" s="2">
        <v>1387</v>
      </c>
      <c r="C6937" s="1" t="s">
        <v>0</v>
      </c>
      <c r="D6937" s="2">
        <v>159765</v>
      </c>
      <c r="E6937" s="1" t="s">
        <v>0</v>
      </c>
    </row>
    <row r="6938" spans="1:5" x14ac:dyDescent="0.25">
      <c r="A6938" s="1" t="s">
        <v>1289</v>
      </c>
      <c r="B6938" s="1" t="s">
        <v>58712</v>
      </c>
      <c r="C6938" s="1" t="s">
        <v>22788</v>
      </c>
      <c r="D6938" s="2">
        <v>159766</v>
      </c>
      <c r="E6938" s="1" t="s">
        <v>0</v>
      </c>
    </row>
    <row r="6939" spans="1:5" x14ac:dyDescent="0.25">
      <c r="A6939" s="1" t="s">
        <v>22789</v>
      </c>
      <c r="B6939" s="1" t="s">
        <v>62233</v>
      </c>
      <c r="C6939" s="1" t="s">
        <v>22790</v>
      </c>
      <c r="D6939" s="2">
        <v>159767</v>
      </c>
      <c r="E6939" s="1" t="s">
        <v>0</v>
      </c>
    </row>
    <row r="6940" spans="1:5" ht="409.5" x14ac:dyDescent="0.25">
      <c r="A6940" s="4" t="s">
        <v>22791</v>
      </c>
      <c r="B6940" s="1" t="s">
        <v>62234</v>
      </c>
      <c r="C6940" s="1" t="s">
        <v>22792</v>
      </c>
      <c r="D6940" s="2">
        <v>159768</v>
      </c>
      <c r="E6940" s="1" t="s">
        <v>0</v>
      </c>
    </row>
    <row r="6941" spans="1:5" x14ac:dyDescent="0.25">
      <c r="A6941" s="1" t="s">
        <v>22793</v>
      </c>
      <c r="B6941" s="1" t="s">
        <v>58713</v>
      </c>
      <c r="C6941" s="1" t="s">
        <v>22794</v>
      </c>
      <c r="D6941" s="2">
        <v>159769</v>
      </c>
      <c r="E6941" s="1" t="s">
        <v>0</v>
      </c>
    </row>
    <row r="6942" spans="1:5" x14ac:dyDescent="0.25">
      <c r="A6942" s="2">
        <v>1388</v>
      </c>
      <c r="B6942" s="2">
        <v>1388</v>
      </c>
      <c r="C6942" s="1" t="s">
        <v>0</v>
      </c>
      <c r="D6942" s="2">
        <v>159770</v>
      </c>
      <c r="E6942" s="1" t="s">
        <v>0</v>
      </c>
    </row>
    <row r="6943" spans="1:5" x14ac:dyDescent="0.25">
      <c r="A6943" s="1" t="s">
        <v>6989</v>
      </c>
      <c r="B6943" s="1" t="s">
        <v>6990</v>
      </c>
      <c r="C6943" s="1" t="s">
        <v>22795</v>
      </c>
      <c r="D6943" s="2">
        <v>159771</v>
      </c>
      <c r="E6943" s="1" t="s">
        <v>0</v>
      </c>
    </row>
    <row r="6944" spans="1:5" x14ac:dyDescent="0.25">
      <c r="A6944" s="1" t="s">
        <v>22796</v>
      </c>
      <c r="B6944" s="1" t="s">
        <v>62235</v>
      </c>
      <c r="C6944" s="1" t="s">
        <v>22797</v>
      </c>
      <c r="D6944" s="2">
        <v>159772</v>
      </c>
      <c r="E6944" s="1" t="s">
        <v>0</v>
      </c>
    </row>
    <row r="6945" spans="1:5" ht="409.5" x14ac:dyDescent="0.25">
      <c r="A6945" s="4" t="s">
        <v>22798</v>
      </c>
      <c r="B6945" s="1" t="s">
        <v>62236</v>
      </c>
      <c r="C6945" s="1" t="s">
        <v>22799</v>
      </c>
      <c r="D6945" s="2">
        <v>159773</v>
      </c>
      <c r="E6945" s="1" t="s">
        <v>0</v>
      </c>
    </row>
    <row r="6946" spans="1:5" x14ac:dyDescent="0.25">
      <c r="A6946" s="1" t="s">
        <v>22800</v>
      </c>
      <c r="B6946" s="1" t="s">
        <v>52597</v>
      </c>
      <c r="C6946" s="1" t="s">
        <v>22801</v>
      </c>
      <c r="D6946" s="2">
        <v>159774</v>
      </c>
      <c r="E6946" s="1" t="s">
        <v>0</v>
      </c>
    </row>
    <row r="6947" spans="1:5" x14ac:dyDescent="0.25">
      <c r="A6947" s="2">
        <v>1389</v>
      </c>
      <c r="B6947" s="2">
        <v>1389</v>
      </c>
      <c r="C6947" s="1" t="s">
        <v>0</v>
      </c>
      <c r="D6947" s="2">
        <v>159775</v>
      </c>
      <c r="E6947" s="1" t="s">
        <v>0</v>
      </c>
    </row>
    <row r="6948" spans="1:5" x14ac:dyDescent="0.25">
      <c r="A6948" s="1" t="s">
        <v>1290</v>
      </c>
      <c r="B6948" s="1" t="s">
        <v>6991</v>
      </c>
      <c r="C6948" s="1" t="s">
        <v>22802</v>
      </c>
      <c r="D6948" s="2">
        <v>159776</v>
      </c>
      <c r="E6948" s="1" t="s">
        <v>0</v>
      </c>
    </row>
    <row r="6949" spans="1:5" x14ac:dyDescent="0.25">
      <c r="A6949" s="1" t="s">
        <v>22803</v>
      </c>
      <c r="B6949" s="1" t="s">
        <v>6992</v>
      </c>
      <c r="C6949" s="1" t="s">
        <v>22804</v>
      </c>
      <c r="D6949" s="2">
        <v>159777</v>
      </c>
      <c r="E6949" s="1" t="s">
        <v>0</v>
      </c>
    </row>
    <row r="6950" spans="1:5" ht="409.5" x14ac:dyDescent="0.25">
      <c r="A6950" s="4" t="s">
        <v>22805</v>
      </c>
      <c r="B6950" s="1" t="s">
        <v>52598</v>
      </c>
      <c r="C6950" s="1" t="s">
        <v>22806</v>
      </c>
      <c r="D6950" s="2">
        <v>159778</v>
      </c>
      <c r="E6950" s="1" t="s">
        <v>0</v>
      </c>
    </row>
    <row r="6951" spans="1:5" x14ac:dyDescent="0.25">
      <c r="A6951" s="1" t="s">
        <v>22807</v>
      </c>
      <c r="B6951" s="1" t="s">
        <v>6993</v>
      </c>
      <c r="C6951" s="1" t="s">
        <v>22808</v>
      </c>
      <c r="D6951" s="2">
        <v>159779</v>
      </c>
      <c r="E6951" s="1" t="s">
        <v>0</v>
      </c>
    </row>
    <row r="6952" spans="1:5" x14ac:dyDescent="0.25">
      <c r="A6952" s="2">
        <v>1390</v>
      </c>
      <c r="B6952" s="2">
        <v>1390</v>
      </c>
      <c r="C6952" s="1" t="s">
        <v>0</v>
      </c>
      <c r="D6952" s="2">
        <v>159780</v>
      </c>
      <c r="E6952" s="1" t="s">
        <v>0</v>
      </c>
    </row>
    <row r="6953" spans="1:5" x14ac:dyDescent="0.25">
      <c r="A6953" s="1" t="s">
        <v>13044</v>
      </c>
      <c r="B6953" s="1" t="s">
        <v>6994</v>
      </c>
      <c r="C6953" s="1" t="s">
        <v>22809</v>
      </c>
      <c r="D6953" s="2">
        <v>159781</v>
      </c>
      <c r="E6953" s="1" t="s">
        <v>0</v>
      </c>
    </row>
    <row r="6954" spans="1:5" x14ac:dyDescent="0.25">
      <c r="A6954" s="1" t="s">
        <v>22810</v>
      </c>
      <c r="B6954" s="1" t="s">
        <v>57780</v>
      </c>
      <c r="C6954" s="1" t="s">
        <v>22811</v>
      </c>
      <c r="D6954" s="2">
        <v>159782</v>
      </c>
      <c r="E6954" s="1" t="s">
        <v>0</v>
      </c>
    </row>
    <row r="6955" spans="1:5" ht="409.5" x14ac:dyDescent="0.25">
      <c r="A6955" s="4" t="s">
        <v>22812</v>
      </c>
      <c r="B6955" s="1" t="s">
        <v>57781</v>
      </c>
      <c r="C6955" s="1" t="s">
        <v>22813</v>
      </c>
      <c r="D6955" s="2">
        <v>159783</v>
      </c>
      <c r="E6955" s="1" t="s">
        <v>0</v>
      </c>
    </row>
    <row r="6956" spans="1:5" x14ac:dyDescent="0.25">
      <c r="A6956" s="1" t="s">
        <v>22814</v>
      </c>
      <c r="B6956" s="1" t="s">
        <v>6995</v>
      </c>
      <c r="C6956" s="1" t="s">
        <v>22815</v>
      </c>
      <c r="D6956" s="2">
        <v>159784</v>
      </c>
      <c r="E6956" s="1" t="s">
        <v>0</v>
      </c>
    </row>
    <row r="6957" spans="1:5" x14ac:dyDescent="0.25">
      <c r="A6957" s="2">
        <v>1391</v>
      </c>
      <c r="B6957" s="2">
        <v>1391</v>
      </c>
      <c r="C6957" s="1" t="s">
        <v>0</v>
      </c>
      <c r="D6957" s="2">
        <v>159785</v>
      </c>
      <c r="E6957" s="1" t="s">
        <v>0</v>
      </c>
    </row>
    <row r="6958" spans="1:5" x14ac:dyDescent="0.25">
      <c r="A6958" s="1" t="s">
        <v>1291</v>
      </c>
      <c r="B6958" s="1" t="s">
        <v>6996</v>
      </c>
      <c r="C6958" s="1" t="s">
        <v>22816</v>
      </c>
      <c r="D6958" s="2">
        <v>159786</v>
      </c>
      <c r="E6958" s="1" t="s">
        <v>0</v>
      </c>
    </row>
    <row r="6959" spans="1:5" x14ac:dyDescent="0.25">
      <c r="A6959" s="1" t="s">
        <v>22817</v>
      </c>
      <c r="B6959" s="1" t="s">
        <v>6997</v>
      </c>
      <c r="C6959" s="1" t="s">
        <v>22818</v>
      </c>
      <c r="D6959" s="2">
        <v>159787</v>
      </c>
      <c r="E6959" s="1" t="s">
        <v>0</v>
      </c>
    </row>
    <row r="6960" spans="1:5" ht="409.5" x14ac:dyDescent="0.25">
      <c r="A6960" s="4" t="s">
        <v>22819</v>
      </c>
      <c r="B6960" s="1" t="s">
        <v>62237</v>
      </c>
      <c r="C6960" s="1" t="s">
        <v>22820</v>
      </c>
      <c r="D6960" s="2">
        <v>159788</v>
      </c>
      <c r="E6960" s="1" t="s">
        <v>0</v>
      </c>
    </row>
    <row r="6961" spans="1:5" x14ac:dyDescent="0.25">
      <c r="A6961" s="1" t="s">
        <v>22821</v>
      </c>
      <c r="B6961" s="1" t="s">
        <v>52599</v>
      </c>
      <c r="C6961" s="1" t="s">
        <v>22822</v>
      </c>
      <c r="D6961" s="2">
        <v>159789</v>
      </c>
      <c r="E6961" s="1" t="s">
        <v>0</v>
      </c>
    </row>
    <row r="6962" spans="1:5" x14ac:dyDescent="0.25">
      <c r="A6962" s="2">
        <v>1392</v>
      </c>
      <c r="B6962" s="2">
        <v>1392</v>
      </c>
      <c r="C6962" s="1" t="s">
        <v>0</v>
      </c>
      <c r="D6962" s="2">
        <v>159790</v>
      </c>
      <c r="E6962" s="1" t="s">
        <v>0</v>
      </c>
    </row>
    <row r="6963" spans="1:5" x14ac:dyDescent="0.25">
      <c r="A6963" s="1" t="s">
        <v>1292</v>
      </c>
      <c r="B6963" s="1" t="s">
        <v>6998</v>
      </c>
      <c r="C6963" s="1" t="s">
        <v>22823</v>
      </c>
      <c r="D6963" s="2">
        <v>159791</v>
      </c>
      <c r="E6963" s="1" t="s">
        <v>0</v>
      </c>
    </row>
    <row r="6964" spans="1:5" x14ac:dyDescent="0.25">
      <c r="A6964" s="1" t="s">
        <v>22824</v>
      </c>
      <c r="B6964" s="1" t="s">
        <v>62238</v>
      </c>
      <c r="C6964" s="1" t="s">
        <v>22825</v>
      </c>
      <c r="D6964" s="2">
        <v>159792</v>
      </c>
      <c r="E6964" s="1" t="s">
        <v>0</v>
      </c>
    </row>
    <row r="6965" spans="1:5" ht="409.5" x14ac:dyDescent="0.25">
      <c r="A6965" s="4" t="s">
        <v>22826</v>
      </c>
      <c r="B6965" s="1" t="s">
        <v>62239</v>
      </c>
      <c r="C6965" s="1" t="s">
        <v>22827</v>
      </c>
      <c r="D6965" s="2">
        <v>159793</v>
      </c>
      <c r="E6965" s="1" t="s">
        <v>0</v>
      </c>
    </row>
    <row r="6966" spans="1:5" x14ac:dyDescent="0.25">
      <c r="A6966" s="1" t="s">
        <v>22828</v>
      </c>
      <c r="B6966" s="1" t="s">
        <v>6999</v>
      </c>
      <c r="C6966" s="1" t="s">
        <v>22829</v>
      </c>
      <c r="D6966" s="2">
        <v>159794</v>
      </c>
      <c r="E6966" s="1" t="s">
        <v>0</v>
      </c>
    </row>
    <row r="6967" spans="1:5" x14ac:dyDescent="0.25">
      <c r="A6967" s="2">
        <v>1393</v>
      </c>
      <c r="B6967" s="2">
        <v>1393</v>
      </c>
      <c r="C6967" s="1" t="s">
        <v>0</v>
      </c>
      <c r="D6967" s="2">
        <v>159795</v>
      </c>
      <c r="E6967" s="1" t="s">
        <v>0</v>
      </c>
    </row>
    <row r="6968" spans="1:5" x14ac:dyDescent="0.25">
      <c r="A6968" s="1" t="s">
        <v>7000</v>
      </c>
      <c r="B6968" s="1" t="s">
        <v>7001</v>
      </c>
      <c r="C6968" s="1" t="s">
        <v>22830</v>
      </c>
      <c r="D6968" s="2">
        <v>159796</v>
      </c>
      <c r="E6968" s="1" t="s">
        <v>0</v>
      </c>
    </row>
    <row r="6969" spans="1:5" x14ac:dyDescent="0.25">
      <c r="A6969" s="1" t="s">
        <v>22831</v>
      </c>
      <c r="B6969" s="1" t="s">
        <v>52600</v>
      </c>
      <c r="C6969" s="1" t="s">
        <v>22832</v>
      </c>
      <c r="D6969" s="2">
        <v>159797</v>
      </c>
      <c r="E6969" s="1" t="s">
        <v>0</v>
      </c>
    </row>
    <row r="6970" spans="1:5" ht="409.5" x14ac:dyDescent="0.25">
      <c r="A6970" s="4" t="s">
        <v>22833</v>
      </c>
      <c r="B6970" s="1" t="s">
        <v>57452</v>
      </c>
      <c r="C6970" s="1" t="s">
        <v>22834</v>
      </c>
      <c r="D6970" s="2">
        <v>159798</v>
      </c>
      <c r="E6970" s="1" t="s">
        <v>0</v>
      </c>
    </row>
    <row r="6971" spans="1:5" x14ac:dyDescent="0.25">
      <c r="A6971" s="1" t="s">
        <v>22835</v>
      </c>
      <c r="B6971" s="1" t="s">
        <v>22836</v>
      </c>
      <c r="C6971" s="1" t="s">
        <v>7002</v>
      </c>
      <c r="D6971" s="2">
        <v>159799</v>
      </c>
      <c r="E6971" s="1" t="s">
        <v>0</v>
      </c>
    </row>
    <row r="6972" spans="1:5" x14ac:dyDescent="0.25">
      <c r="A6972" s="2">
        <v>1394</v>
      </c>
      <c r="B6972" s="2">
        <v>1394</v>
      </c>
      <c r="C6972" s="1" t="s">
        <v>0</v>
      </c>
      <c r="D6972" s="2">
        <v>159800</v>
      </c>
      <c r="E6972" s="1" t="s">
        <v>0</v>
      </c>
    </row>
    <row r="6973" spans="1:5" x14ac:dyDescent="0.25">
      <c r="A6973" s="1" t="s">
        <v>1293</v>
      </c>
      <c r="B6973" s="1" t="s">
        <v>52601</v>
      </c>
      <c r="C6973" s="1" t="s">
        <v>22837</v>
      </c>
      <c r="D6973" s="2">
        <v>159801</v>
      </c>
      <c r="E6973" s="1" t="s">
        <v>0</v>
      </c>
    </row>
    <row r="6974" spans="1:5" x14ac:dyDescent="0.25">
      <c r="A6974" s="1" t="s">
        <v>22838</v>
      </c>
      <c r="B6974" s="1" t="s">
        <v>52602</v>
      </c>
      <c r="C6974" s="1" t="s">
        <v>22839</v>
      </c>
      <c r="D6974" s="2">
        <v>159802</v>
      </c>
      <c r="E6974" s="1" t="s">
        <v>0</v>
      </c>
    </row>
    <row r="6975" spans="1:5" ht="409.5" x14ac:dyDescent="0.25">
      <c r="A6975" s="4" t="s">
        <v>22840</v>
      </c>
      <c r="B6975" s="1" t="s">
        <v>52603</v>
      </c>
      <c r="C6975" s="1" t="s">
        <v>22841</v>
      </c>
      <c r="D6975" s="2">
        <v>159803</v>
      </c>
      <c r="E6975" s="1" t="s">
        <v>0</v>
      </c>
    </row>
    <row r="6976" spans="1:5" x14ac:dyDescent="0.25">
      <c r="A6976" s="1" t="s">
        <v>22842</v>
      </c>
      <c r="B6976" s="1" t="s">
        <v>7003</v>
      </c>
      <c r="C6976" s="1" t="s">
        <v>22843</v>
      </c>
      <c r="D6976" s="2">
        <v>159804</v>
      </c>
      <c r="E6976" s="1" t="s">
        <v>0</v>
      </c>
    </row>
    <row r="6977" spans="1:5" x14ac:dyDescent="0.25">
      <c r="A6977" s="2">
        <v>1395</v>
      </c>
      <c r="B6977" s="2">
        <v>1395</v>
      </c>
      <c r="C6977" s="1" t="s">
        <v>0</v>
      </c>
      <c r="D6977" s="2">
        <v>159805</v>
      </c>
      <c r="E6977" s="1" t="s">
        <v>0</v>
      </c>
    </row>
    <row r="6978" spans="1:5" x14ac:dyDescent="0.25">
      <c r="A6978" s="1" t="s">
        <v>1294</v>
      </c>
      <c r="B6978" s="1" t="s">
        <v>7004</v>
      </c>
      <c r="C6978" s="1" t="s">
        <v>22844</v>
      </c>
      <c r="D6978" s="2">
        <v>159806</v>
      </c>
      <c r="E6978" s="1" t="s">
        <v>0</v>
      </c>
    </row>
    <row r="6979" spans="1:5" x14ac:dyDescent="0.25">
      <c r="A6979" s="1" t="s">
        <v>22845</v>
      </c>
      <c r="B6979" s="1" t="s">
        <v>62240</v>
      </c>
      <c r="C6979" s="1" t="s">
        <v>22846</v>
      </c>
      <c r="D6979" s="2">
        <v>159807</v>
      </c>
      <c r="E6979" s="1" t="s">
        <v>0</v>
      </c>
    </row>
    <row r="6980" spans="1:5" ht="409.5" x14ac:dyDescent="0.25">
      <c r="A6980" s="4" t="s">
        <v>22847</v>
      </c>
      <c r="B6980" s="1" t="s">
        <v>62241</v>
      </c>
      <c r="C6980" s="1" t="s">
        <v>22848</v>
      </c>
      <c r="D6980" s="2">
        <v>159808</v>
      </c>
      <c r="E6980" s="1" t="s">
        <v>0</v>
      </c>
    </row>
    <row r="6981" spans="1:5" x14ac:dyDescent="0.25">
      <c r="A6981" s="1" t="s">
        <v>22849</v>
      </c>
      <c r="B6981" s="1" t="s">
        <v>7005</v>
      </c>
      <c r="C6981" s="1" t="s">
        <v>22850</v>
      </c>
      <c r="D6981" s="2">
        <v>159809</v>
      </c>
      <c r="E6981" s="1" t="s">
        <v>0</v>
      </c>
    </row>
    <row r="6982" spans="1:5" x14ac:dyDescent="0.25">
      <c r="A6982" s="2">
        <v>1396</v>
      </c>
      <c r="B6982" s="2">
        <v>1396</v>
      </c>
      <c r="C6982" s="1" t="s">
        <v>0</v>
      </c>
      <c r="D6982" s="2">
        <v>159810</v>
      </c>
      <c r="E6982" s="1" t="s">
        <v>0</v>
      </c>
    </row>
    <row r="6983" spans="1:5" x14ac:dyDescent="0.25">
      <c r="A6983" s="1" t="s">
        <v>1295</v>
      </c>
      <c r="B6983" s="1" t="s">
        <v>7006</v>
      </c>
      <c r="C6983" s="1" t="s">
        <v>22851</v>
      </c>
      <c r="D6983" s="2">
        <v>159811</v>
      </c>
      <c r="E6983" s="1" t="s">
        <v>0</v>
      </c>
    </row>
    <row r="6984" spans="1:5" x14ac:dyDescent="0.25">
      <c r="A6984" s="1" t="s">
        <v>22852</v>
      </c>
      <c r="B6984" s="1" t="s">
        <v>52604</v>
      </c>
      <c r="C6984" s="1" t="s">
        <v>22853</v>
      </c>
      <c r="D6984" s="2">
        <v>159812</v>
      </c>
      <c r="E6984" s="1" t="s">
        <v>0</v>
      </c>
    </row>
    <row r="6985" spans="1:5" ht="409.5" x14ac:dyDescent="0.25">
      <c r="A6985" s="4" t="s">
        <v>22854</v>
      </c>
      <c r="B6985" s="1" t="s">
        <v>52605</v>
      </c>
      <c r="C6985" s="1" t="s">
        <v>22855</v>
      </c>
      <c r="D6985" s="2">
        <v>159813</v>
      </c>
      <c r="E6985" s="1" t="s">
        <v>0</v>
      </c>
    </row>
    <row r="6986" spans="1:5" x14ac:dyDescent="0.25">
      <c r="A6986" s="1" t="s">
        <v>14855</v>
      </c>
      <c r="B6986" s="1" t="s">
        <v>60879</v>
      </c>
      <c r="C6986" s="1" t="s">
        <v>14856</v>
      </c>
      <c r="D6986" s="2">
        <v>159814</v>
      </c>
      <c r="E6986" s="1" t="s">
        <v>0</v>
      </c>
    </row>
    <row r="6987" spans="1:5" x14ac:dyDescent="0.25">
      <c r="A6987" s="2">
        <v>1397</v>
      </c>
      <c r="B6987" s="2">
        <v>1397</v>
      </c>
      <c r="C6987" s="1" t="s">
        <v>0</v>
      </c>
      <c r="D6987" s="2">
        <v>159815</v>
      </c>
      <c r="E6987" s="1" t="s">
        <v>0</v>
      </c>
    </row>
    <row r="6988" spans="1:5" x14ac:dyDescent="0.25">
      <c r="A6988" s="1" t="s">
        <v>1296</v>
      </c>
      <c r="B6988" s="1" t="s">
        <v>58278</v>
      </c>
      <c r="C6988" s="1" t="s">
        <v>22856</v>
      </c>
      <c r="D6988" s="2">
        <v>159816</v>
      </c>
      <c r="E6988" s="1" t="s">
        <v>0</v>
      </c>
    </row>
    <row r="6989" spans="1:5" x14ac:dyDescent="0.25">
      <c r="A6989" s="1" t="s">
        <v>22857</v>
      </c>
      <c r="B6989" s="1" t="s">
        <v>62242</v>
      </c>
      <c r="C6989" s="1" t="s">
        <v>22858</v>
      </c>
      <c r="D6989" s="2">
        <v>159817</v>
      </c>
      <c r="E6989" s="1" t="s">
        <v>0</v>
      </c>
    </row>
    <row r="6990" spans="1:5" ht="409.5" x14ac:dyDescent="0.25">
      <c r="A6990" s="4" t="s">
        <v>61774</v>
      </c>
      <c r="B6990" s="1" t="s">
        <v>62243</v>
      </c>
      <c r="C6990" s="1" t="s">
        <v>22859</v>
      </c>
      <c r="D6990" s="2">
        <v>159818</v>
      </c>
      <c r="E6990" s="1" t="s">
        <v>0</v>
      </c>
    </row>
    <row r="6991" spans="1:5" x14ac:dyDescent="0.25">
      <c r="A6991" s="1" t="s">
        <v>22860</v>
      </c>
      <c r="B6991" s="1" t="s">
        <v>57169</v>
      </c>
      <c r="C6991" s="1" t="s">
        <v>22861</v>
      </c>
      <c r="D6991" s="2">
        <v>159819</v>
      </c>
      <c r="E6991" s="1" t="s">
        <v>0</v>
      </c>
    </row>
    <row r="6992" spans="1:5" x14ac:dyDescent="0.25">
      <c r="A6992" s="2">
        <v>1398</v>
      </c>
      <c r="B6992" s="2">
        <v>1398</v>
      </c>
      <c r="C6992" s="1" t="s">
        <v>0</v>
      </c>
      <c r="D6992" s="2">
        <v>159820</v>
      </c>
      <c r="E6992" s="1" t="s">
        <v>0</v>
      </c>
    </row>
    <row r="6993" spans="1:5" x14ac:dyDescent="0.25">
      <c r="A6993" s="1" t="s">
        <v>1297</v>
      </c>
      <c r="B6993" s="1" t="s">
        <v>7007</v>
      </c>
      <c r="C6993" s="1" t="s">
        <v>22862</v>
      </c>
      <c r="D6993" s="2">
        <v>159821</v>
      </c>
      <c r="E6993" s="1" t="s">
        <v>0</v>
      </c>
    </row>
    <row r="6994" spans="1:5" x14ac:dyDescent="0.25">
      <c r="A6994" s="1" t="s">
        <v>22863</v>
      </c>
      <c r="B6994" s="1" t="s">
        <v>13045</v>
      </c>
      <c r="C6994" s="1" t="s">
        <v>22864</v>
      </c>
      <c r="D6994" s="2">
        <v>159822</v>
      </c>
      <c r="E6994" s="1" t="s">
        <v>0</v>
      </c>
    </row>
    <row r="6995" spans="1:5" ht="409.5" x14ac:dyDescent="0.25">
      <c r="A6995" s="4" t="s">
        <v>22865</v>
      </c>
      <c r="B6995" s="1" t="s">
        <v>13046</v>
      </c>
      <c r="C6995" s="1" t="s">
        <v>22866</v>
      </c>
      <c r="D6995" s="2">
        <v>159823</v>
      </c>
      <c r="E6995" s="1" t="s">
        <v>0</v>
      </c>
    </row>
    <row r="6996" spans="1:5" x14ac:dyDescent="0.25">
      <c r="A6996" s="1" t="s">
        <v>22867</v>
      </c>
      <c r="B6996" s="1" t="s">
        <v>52606</v>
      </c>
      <c r="C6996" s="1" t="s">
        <v>22868</v>
      </c>
      <c r="D6996" s="2">
        <v>159824</v>
      </c>
      <c r="E6996" s="1" t="s">
        <v>0</v>
      </c>
    </row>
    <row r="6997" spans="1:5" x14ac:dyDescent="0.25">
      <c r="A6997" s="2">
        <v>1399</v>
      </c>
      <c r="B6997" s="2">
        <v>1399</v>
      </c>
      <c r="C6997" s="1" t="s">
        <v>0</v>
      </c>
      <c r="D6997" s="2">
        <v>159825</v>
      </c>
      <c r="E6997" s="1" t="s">
        <v>0</v>
      </c>
    </row>
    <row r="6998" spans="1:5" x14ac:dyDescent="0.25">
      <c r="A6998" s="1" t="s">
        <v>1298</v>
      </c>
      <c r="B6998" s="1" t="s">
        <v>50567</v>
      </c>
      <c r="C6998" s="1" t="s">
        <v>22869</v>
      </c>
      <c r="D6998" s="2">
        <v>159826</v>
      </c>
      <c r="E6998" s="1" t="s">
        <v>0</v>
      </c>
    </row>
    <row r="6999" spans="1:5" x14ac:dyDescent="0.25">
      <c r="A6999" s="1" t="s">
        <v>22870</v>
      </c>
      <c r="B6999" s="1" t="s">
        <v>52607</v>
      </c>
      <c r="C6999" s="1" t="s">
        <v>22871</v>
      </c>
      <c r="D6999" s="2">
        <v>159827</v>
      </c>
      <c r="E6999" s="1" t="s">
        <v>0</v>
      </c>
    </row>
    <row r="7000" spans="1:5" ht="409.5" x14ac:dyDescent="0.25">
      <c r="A7000" s="4" t="s">
        <v>22872</v>
      </c>
      <c r="B7000" s="1" t="s">
        <v>61548</v>
      </c>
      <c r="C7000" s="1" t="s">
        <v>22873</v>
      </c>
      <c r="D7000" s="2">
        <v>159828</v>
      </c>
      <c r="E7000" s="1" t="s">
        <v>0</v>
      </c>
    </row>
    <row r="7001" spans="1:5" x14ac:dyDescent="0.25">
      <c r="A7001" s="1" t="s">
        <v>22874</v>
      </c>
      <c r="B7001" s="1" t="s">
        <v>7008</v>
      </c>
      <c r="C7001" s="1" t="s">
        <v>22875</v>
      </c>
      <c r="D7001" s="2">
        <v>159829</v>
      </c>
      <c r="E7001" s="1" t="s">
        <v>0</v>
      </c>
    </row>
    <row r="7002" spans="1:5" x14ac:dyDescent="0.25">
      <c r="A7002" s="2">
        <v>1400</v>
      </c>
      <c r="B7002" s="2">
        <v>1400</v>
      </c>
      <c r="C7002" s="1" t="s">
        <v>0</v>
      </c>
      <c r="D7002" s="2">
        <v>159830</v>
      </c>
      <c r="E7002" s="1" t="s">
        <v>0</v>
      </c>
    </row>
    <row r="7003" spans="1:5" x14ac:dyDescent="0.25">
      <c r="A7003" s="1" t="s">
        <v>1299</v>
      </c>
      <c r="B7003" s="1" t="s">
        <v>56922</v>
      </c>
      <c r="C7003" s="1" t="s">
        <v>22876</v>
      </c>
      <c r="D7003" s="2">
        <v>159831</v>
      </c>
      <c r="E7003" s="1" t="s">
        <v>0</v>
      </c>
    </row>
    <row r="7004" spans="1:5" x14ac:dyDescent="0.25">
      <c r="A7004" s="1" t="s">
        <v>22877</v>
      </c>
      <c r="B7004" s="1" t="s">
        <v>58714</v>
      </c>
      <c r="C7004" s="1" t="s">
        <v>22878</v>
      </c>
      <c r="D7004" s="2">
        <v>159832</v>
      </c>
      <c r="E7004" s="1" t="s">
        <v>0</v>
      </c>
    </row>
    <row r="7005" spans="1:5" ht="409.5" x14ac:dyDescent="0.25">
      <c r="A7005" s="4" t="s">
        <v>22879</v>
      </c>
      <c r="B7005" s="1" t="s">
        <v>58715</v>
      </c>
      <c r="C7005" s="1" t="s">
        <v>22880</v>
      </c>
      <c r="D7005" s="2">
        <v>159833</v>
      </c>
      <c r="E7005" s="1" t="s">
        <v>0</v>
      </c>
    </row>
    <row r="7006" spans="1:5" x14ac:dyDescent="0.25">
      <c r="A7006" s="1" t="s">
        <v>22881</v>
      </c>
      <c r="B7006" s="1" t="s">
        <v>58716</v>
      </c>
      <c r="C7006" s="1" t="s">
        <v>22882</v>
      </c>
      <c r="D7006" s="2">
        <v>159834</v>
      </c>
      <c r="E7006" s="1" t="s">
        <v>0</v>
      </c>
    </row>
    <row r="7007" spans="1:5" x14ac:dyDescent="0.25">
      <c r="A7007" s="2">
        <v>1401</v>
      </c>
      <c r="B7007" s="2">
        <v>1401</v>
      </c>
      <c r="C7007" s="1" t="s">
        <v>0</v>
      </c>
      <c r="D7007" s="2">
        <v>159835</v>
      </c>
      <c r="E7007" s="1" t="s">
        <v>0</v>
      </c>
    </row>
    <row r="7008" spans="1:5" x14ac:dyDescent="0.25">
      <c r="A7008" s="1" t="s">
        <v>1300</v>
      </c>
      <c r="B7008" s="1" t="s">
        <v>7009</v>
      </c>
      <c r="C7008" s="1" t="s">
        <v>22883</v>
      </c>
      <c r="D7008" s="2">
        <v>159836</v>
      </c>
      <c r="E7008" s="1" t="s">
        <v>0</v>
      </c>
    </row>
    <row r="7009" spans="1:5" x14ac:dyDescent="0.25">
      <c r="A7009" s="1" t="s">
        <v>22884</v>
      </c>
      <c r="B7009" s="1" t="s">
        <v>52608</v>
      </c>
      <c r="C7009" s="1" t="s">
        <v>22885</v>
      </c>
      <c r="D7009" s="2">
        <v>159837</v>
      </c>
      <c r="E7009" s="1" t="s">
        <v>0</v>
      </c>
    </row>
    <row r="7010" spans="1:5" ht="409.5" x14ac:dyDescent="0.25">
      <c r="A7010" s="4" t="s">
        <v>22886</v>
      </c>
      <c r="B7010" s="1" t="s">
        <v>52609</v>
      </c>
      <c r="C7010" s="1" t="s">
        <v>22887</v>
      </c>
      <c r="D7010" s="2">
        <v>159838</v>
      </c>
      <c r="E7010" s="1" t="s">
        <v>0</v>
      </c>
    </row>
    <row r="7011" spans="1:5" x14ac:dyDescent="0.25">
      <c r="A7011" s="1" t="s">
        <v>22888</v>
      </c>
      <c r="B7011" s="1" t="s">
        <v>52610</v>
      </c>
      <c r="C7011" s="1" t="s">
        <v>22889</v>
      </c>
      <c r="D7011" s="2">
        <v>159839</v>
      </c>
      <c r="E7011" s="1" t="s">
        <v>0</v>
      </c>
    </row>
    <row r="7012" spans="1:5" x14ac:dyDescent="0.25">
      <c r="A7012" s="2">
        <v>1402</v>
      </c>
      <c r="B7012" s="2">
        <v>1402</v>
      </c>
      <c r="C7012" s="1" t="s">
        <v>0</v>
      </c>
      <c r="D7012" s="2">
        <v>159840</v>
      </c>
      <c r="E7012" s="1" t="s">
        <v>0</v>
      </c>
    </row>
    <row r="7013" spans="1:5" x14ac:dyDescent="0.25">
      <c r="A7013" s="1" t="s">
        <v>1301</v>
      </c>
      <c r="B7013" s="1" t="s">
        <v>7010</v>
      </c>
      <c r="C7013" s="1" t="s">
        <v>22890</v>
      </c>
      <c r="D7013" s="2">
        <v>159841</v>
      </c>
      <c r="E7013" s="1" t="s">
        <v>0</v>
      </c>
    </row>
    <row r="7014" spans="1:5" x14ac:dyDescent="0.25">
      <c r="A7014" s="1" t="s">
        <v>22891</v>
      </c>
      <c r="B7014" s="1" t="s">
        <v>7011</v>
      </c>
      <c r="C7014" s="1" t="s">
        <v>22892</v>
      </c>
      <c r="D7014" s="2">
        <v>159842</v>
      </c>
      <c r="E7014" s="1" t="s">
        <v>0</v>
      </c>
    </row>
    <row r="7015" spans="1:5" ht="409.5" x14ac:dyDescent="0.25">
      <c r="A7015" s="4" t="s">
        <v>64070</v>
      </c>
      <c r="B7015" s="1" t="s">
        <v>52611</v>
      </c>
      <c r="C7015" s="1" t="s">
        <v>22893</v>
      </c>
      <c r="D7015" s="2">
        <v>159843</v>
      </c>
      <c r="E7015" s="1" t="s">
        <v>0</v>
      </c>
    </row>
    <row r="7016" spans="1:5" x14ac:dyDescent="0.25">
      <c r="A7016" s="1" t="s">
        <v>22894</v>
      </c>
      <c r="B7016" s="1" t="s">
        <v>7012</v>
      </c>
      <c r="C7016" s="1" t="s">
        <v>22895</v>
      </c>
      <c r="D7016" s="2">
        <v>159844</v>
      </c>
      <c r="E7016" s="1" t="s">
        <v>0</v>
      </c>
    </row>
    <row r="7017" spans="1:5" x14ac:dyDescent="0.25">
      <c r="A7017" s="2">
        <v>1403</v>
      </c>
      <c r="B7017" s="2">
        <v>1403</v>
      </c>
      <c r="C7017" s="1" t="s">
        <v>0</v>
      </c>
      <c r="D7017" s="2">
        <v>159845</v>
      </c>
      <c r="E7017" s="1" t="s">
        <v>0</v>
      </c>
    </row>
    <row r="7018" spans="1:5" x14ac:dyDescent="0.25">
      <c r="A7018" s="1" t="s">
        <v>1302</v>
      </c>
      <c r="B7018" s="1" t="s">
        <v>7013</v>
      </c>
      <c r="C7018" s="1" t="s">
        <v>22896</v>
      </c>
      <c r="D7018" s="2">
        <v>159846</v>
      </c>
      <c r="E7018" s="1" t="s">
        <v>0</v>
      </c>
    </row>
    <row r="7019" spans="1:5" x14ac:dyDescent="0.25">
      <c r="A7019" s="1" t="s">
        <v>22897</v>
      </c>
      <c r="B7019" s="1" t="s">
        <v>52612</v>
      </c>
      <c r="C7019" s="1" t="s">
        <v>22898</v>
      </c>
      <c r="D7019" s="2">
        <v>159847</v>
      </c>
      <c r="E7019" s="1" t="s">
        <v>0</v>
      </c>
    </row>
    <row r="7020" spans="1:5" ht="409.5" x14ac:dyDescent="0.25">
      <c r="A7020" s="4" t="s">
        <v>22899</v>
      </c>
      <c r="B7020" s="1" t="s">
        <v>57453</v>
      </c>
      <c r="C7020" s="1" t="s">
        <v>22900</v>
      </c>
      <c r="D7020" s="2">
        <v>159848</v>
      </c>
      <c r="E7020" s="1" t="s">
        <v>0</v>
      </c>
    </row>
    <row r="7021" spans="1:5" x14ac:dyDescent="0.25">
      <c r="A7021" s="1" t="s">
        <v>22901</v>
      </c>
      <c r="B7021" s="1" t="s">
        <v>52613</v>
      </c>
      <c r="C7021" s="1" t="s">
        <v>22902</v>
      </c>
      <c r="D7021" s="2">
        <v>159849</v>
      </c>
      <c r="E7021" s="1" t="s">
        <v>0</v>
      </c>
    </row>
    <row r="7022" spans="1:5" x14ac:dyDescent="0.25">
      <c r="A7022" s="2">
        <v>1404</v>
      </c>
      <c r="B7022" s="2">
        <v>1404</v>
      </c>
      <c r="C7022" s="1" t="s">
        <v>0</v>
      </c>
      <c r="D7022" s="2">
        <v>159850</v>
      </c>
      <c r="E7022" s="1" t="s">
        <v>0</v>
      </c>
    </row>
    <row r="7023" spans="1:5" x14ac:dyDescent="0.25">
      <c r="A7023" s="1" t="s">
        <v>1303</v>
      </c>
      <c r="B7023" s="1" t="s">
        <v>7014</v>
      </c>
      <c r="C7023" s="1" t="s">
        <v>22903</v>
      </c>
      <c r="D7023" s="2">
        <v>159851</v>
      </c>
      <c r="E7023" s="1" t="s">
        <v>0</v>
      </c>
    </row>
    <row r="7024" spans="1:5" x14ac:dyDescent="0.25">
      <c r="A7024" s="1" t="s">
        <v>22904</v>
      </c>
      <c r="B7024" s="1" t="s">
        <v>7015</v>
      </c>
      <c r="C7024" s="1" t="s">
        <v>22905</v>
      </c>
      <c r="D7024" s="2">
        <v>159852</v>
      </c>
      <c r="E7024" s="1" t="s">
        <v>0</v>
      </c>
    </row>
    <row r="7025" spans="1:5" ht="409.5" x14ac:dyDescent="0.25">
      <c r="A7025" s="4" t="s">
        <v>22906</v>
      </c>
      <c r="B7025" s="1" t="s">
        <v>50568</v>
      </c>
      <c r="C7025" s="1" t="s">
        <v>22907</v>
      </c>
      <c r="D7025" s="2">
        <v>159853</v>
      </c>
      <c r="E7025" s="1" t="s">
        <v>0</v>
      </c>
    </row>
    <row r="7026" spans="1:5" x14ac:dyDescent="0.25">
      <c r="A7026" s="1" t="s">
        <v>22908</v>
      </c>
      <c r="B7026" s="1" t="s">
        <v>7016</v>
      </c>
      <c r="C7026" s="1" t="s">
        <v>22909</v>
      </c>
      <c r="D7026" s="2">
        <v>159854</v>
      </c>
      <c r="E7026" s="1" t="s">
        <v>0</v>
      </c>
    </row>
    <row r="7027" spans="1:5" x14ac:dyDescent="0.25">
      <c r="A7027" s="2">
        <v>1405</v>
      </c>
      <c r="B7027" s="2">
        <v>1405</v>
      </c>
      <c r="C7027" s="1" t="s">
        <v>0</v>
      </c>
      <c r="D7027" s="2">
        <v>159855</v>
      </c>
      <c r="E7027" s="1" t="s">
        <v>0</v>
      </c>
    </row>
    <row r="7028" spans="1:5" x14ac:dyDescent="0.25">
      <c r="A7028" s="1" t="s">
        <v>22910</v>
      </c>
      <c r="B7028" s="1" t="s">
        <v>7017</v>
      </c>
      <c r="C7028" s="1" t="s">
        <v>22911</v>
      </c>
      <c r="D7028" s="2">
        <v>159856</v>
      </c>
      <c r="E7028" s="1" t="s">
        <v>0</v>
      </c>
    </row>
    <row r="7029" spans="1:5" x14ac:dyDescent="0.25">
      <c r="A7029" s="1" t="s">
        <v>22912</v>
      </c>
      <c r="B7029" s="1" t="s">
        <v>50569</v>
      </c>
      <c r="C7029" s="1" t="s">
        <v>22913</v>
      </c>
      <c r="D7029" s="2">
        <v>159857</v>
      </c>
      <c r="E7029" s="1" t="s">
        <v>0</v>
      </c>
    </row>
    <row r="7030" spans="1:5" ht="409.5" x14ac:dyDescent="0.25">
      <c r="A7030" s="4" t="s">
        <v>22914</v>
      </c>
      <c r="B7030" s="1" t="s">
        <v>63658</v>
      </c>
      <c r="C7030" s="1" t="s">
        <v>22915</v>
      </c>
      <c r="D7030" s="2">
        <v>159858</v>
      </c>
      <c r="E7030" s="1" t="s">
        <v>0</v>
      </c>
    </row>
    <row r="7031" spans="1:5" x14ac:dyDescent="0.25">
      <c r="A7031" s="1" t="s">
        <v>22916</v>
      </c>
      <c r="B7031" s="1" t="s">
        <v>52614</v>
      </c>
      <c r="C7031" s="1" t="s">
        <v>22917</v>
      </c>
      <c r="D7031" s="2">
        <v>159859</v>
      </c>
      <c r="E7031" s="1" t="s">
        <v>0</v>
      </c>
    </row>
    <row r="7032" spans="1:5" x14ac:dyDescent="0.25">
      <c r="A7032" s="2">
        <v>1406</v>
      </c>
      <c r="B7032" s="2">
        <v>1406</v>
      </c>
      <c r="C7032" s="1" t="s">
        <v>0</v>
      </c>
      <c r="D7032" s="2">
        <v>159860</v>
      </c>
      <c r="E7032" s="1" t="s">
        <v>0</v>
      </c>
    </row>
    <row r="7033" spans="1:5" x14ac:dyDescent="0.25">
      <c r="A7033" s="1" t="s">
        <v>7018</v>
      </c>
      <c r="B7033" s="1" t="s">
        <v>7019</v>
      </c>
      <c r="C7033" s="1" t="s">
        <v>22918</v>
      </c>
      <c r="D7033" s="2">
        <v>159861</v>
      </c>
      <c r="E7033" s="1" t="s">
        <v>0</v>
      </c>
    </row>
    <row r="7034" spans="1:5" x14ac:dyDescent="0.25">
      <c r="A7034" s="1" t="s">
        <v>22919</v>
      </c>
      <c r="B7034" s="1" t="s">
        <v>52615</v>
      </c>
      <c r="C7034" s="1" t="s">
        <v>22920</v>
      </c>
      <c r="D7034" s="2">
        <v>159862</v>
      </c>
      <c r="E7034" s="1" t="s">
        <v>0</v>
      </c>
    </row>
    <row r="7035" spans="1:5" ht="409.5" x14ac:dyDescent="0.25">
      <c r="A7035" s="4" t="s">
        <v>22921</v>
      </c>
      <c r="B7035" s="1" t="s">
        <v>57782</v>
      </c>
      <c r="C7035" s="1" t="s">
        <v>22922</v>
      </c>
      <c r="D7035" s="2">
        <v>159863</v>
      </c>
      <c r="E7035" s="1" t="s">
        <v>0</v>
      </c>
    </row>
    <row r="7036" spans="1:5" x14ac:dyDescent="0.25">
      <c r="A7036" s="1" t="s">
        <v>22923</v>
      </c>
      <c r="B7036" s="1" t="s">
        <v>7020</v>
      </c>
      <c r="C7036" s="1" t="s">
        <v>22924</v>
      </c>
      <c r="D7036" s="2">
        <v>159864</v>
      </c>
      <c r="E7036" s="1" t="s">
        <v>0</v>
      </c>
    </row>
    <row r="7037" spans="1:5" x14ac:dyDescent="0.25">
      <c r="A7037" s="2">
        <v>1407</v>
      </c>
      <c r="B7037" s="2">
        <v>1407</v>
      </c>
      <c r="C7037" s="1" t="s">
        <v>0</v>
      </c>
      <c r="D7037" s="2">
        <v>159865</v>
      </c>
      <c r="E7037" s="1" t="s">
        <v>0</v>
      </c>
    </row>
    <row r="7038" spans="1:5" x14ac:dyDescent="0.25">
      <c r="A7038" s="1" t="s">
        <v>1304</v>
      </c>
      <c r="B7038" s="1" t="s">
        <v>7021</v>
      </c>
      <c r="C7038" s="1" t="s">
        <v>22925</v>
      </c>
      <c r="D7038" s="2">
        <v>159866</v>
      </c>
      <c r="E7038" s="1" t="s">
        <v>0</v>
      </c>
    </row>
    <row r="7039" spans="1:5" x14ac:dyDescent="0.25">
      <c r="A7039" s="1" t="s">
        <v>22926</v>
      </c>
      <c r="B7039" s="1" t="s">
        <v>7022</v>
      </c>
      <c r="C7039" s="1" t="s">
        <v>22927</v>
      </c>
      <c r="D7039" s="2">
        <v>159867</v>
      </c>
      <c r="E7039" s="1" t="s">
        <v>0</v>
      </c>
    </row>
    <row r="7040" spans="1:5" ht="409.5" x14ac:dyDescent="0.25">
      <c r="A7040" s="4" t="s">
        <v>22928</v>
      </c>
      <c r="B7040" s="1" t="s">
        <v>62244</v>
      </c>
      <c r="C7040" s="1" t="s">
        <v>22929</v>
      </c>
      <c r="D7040" s="2">
        <v>159868</v>
      </c>
      <c r="E7040" s="1" t="s">
        <v>0</v>
      </c>
    </row>
    <row r="7041" spans="1:5" x14ac:dyDescent="0.25">
      <c r="A7041" s="1" t="s">
        <v>22930</v>
      </c>
      <c r="B7041" s="1" t="s">
        <v>52616</v>
      </c>
      <c r="C7041" s="1" t="s">
        <v>22931</v>
      </c>
      <c r="D7041" s="2">
        <v>159869</v>
      </c>
      <c r="E7041" s="1" t="s">
        <v>0</v>
      </c>
    </row>
    <row r="7042" spans="1:5" x14ac:dyDescent="0.25">
      <c r="A7042" s="2">
        <v>1408</v>
      </c>
      <c r="B7042" s="2">
        <v>1408</v>
      </c>
      <c r="C7042" s="1" t="s">
        <v>0</v>
      </c>
      <c r="D7042" s="2">
        <v>159870</v>
      </c>
      <c r="E7042" s="1" t="s">
        <v>0</v>
      </c>
    </row>
    <row r="7043" spans="1:5" x14ac:dyDescent="0.25">
      <c r="A7043" s="1" t="s">
        <v>1305</v>
      </c>
      <c r="B7043" s="1" t="s">
        <v>7023</v>
      </c>
      <c r="C7043" s="1" t="s">
        <v>22932</v>
      </c>
      <c r="D7043" s="2">
        <v>159871</v>
      </c>
      <c r="E7043" s="1" t="s">
        <v>0</v>
      </c>
    </row>
    <row r="7044" spans="1:5" x14ac:dyDescent="0.25">
      <c r="A7044" s="1" t="s">
        <v>22933</v>
      </c>
      <c r="B7044" s="1" t="s">
        <v>7024</v>
      </c>
      <c r="C7044" s="1" t="s">
        <v>22934</v>
      </c>
      <c r="D7044" s="2">
        <v>159872</v>
      </c>
      <c r="E7044" s="1" t="s">
        <v>0</v>
      </c>
    </row>
    <row r="7045" spans="1:5" ht="409.5" x14ac:dyDescent="0.25">
      <c r="A7045" s="4" t="s">
        <v>22935</v>
      </c>
      <c r="B7045" s="1" t="s">
        <v>7025</v>
      </c>
      <c r="C7045" s="1" t="s">
        <v>22936</v>
      </c>
      <c r="D7045" s="2">
        <v>159873</v>
      </c>
      <c r="E7045" s="1" t="s">
        <v>0</v>
      </c>
    </row>
    <row r="7046" spans="1:5" x14ac:dyDescent="0.25">
      <c r="A7046" s="1" t="s">
        <v>22937</v>
      </c>
      <c r="B7046" s="1" t="s">
        <v>7026</v>
      </c>
      <c r="C7046" s="1" t="s">
        <v>22938</v>
      </c>
      <c r="D7046" s="2">
        <v>159874</v>
      </c>
      <c r="E7046" s="1" t="s">
        <v>0</v>
      </c>
    </row>
    <row r="7047" spans="1:5" x14ac:dyDescent="0.25">
      <c r="A7047" s="2">
        <v>1409</v>
      </c>
      <c r="B7047" s="2">
        <v>1409</v>
      </c>
      <c r="C7047" s="1" t="s">
        <v>0</v>
      </c>
      <c r="D7047" s="2">
        <v>159875</v>
      </c>
      <c r="E7047" s="1" t="s">
        <v>0</v>
      </c>
    </row>
    <row r="7048" spans="1:5" x14ac:dyDescent="0.25">
      <c r="A7048" s="1" t="s">
        <v>1306</v>
      </c>
      <c r="B7048" s="1" t="s">
        <v>50570</v>
      </c>
      <c r="C7048" s="1" t="s">
        <v>22939</v>
      </c>
      <c r="D7048" s="2">
        <v>159876</v>
      </c>
      <c r="E7048" s="1" t="s">
        <v>0</v>
      </c>
    </row>
    <row r="7049" spans="1:5" x14ac:dyDescent="0.25">
      <c r="A7049" s="1" t="s">
        <v>22940</v>
      </c>
      <c r="B7049" s="1" t="s">
        <v>61610</v>
      </c>
      <c r="C7049" s="1" t="s">
        <v>22941</v>
      </c>
      <c r="D7049" s="2">
        <v>159877</v>
      </c>
      <c r="E7049" s="1" t="s">
        <v>0</v>
      </c>
    </row>
    <row r="7050" spans="1:5" ht="409.5" x14ac:dyDescent="0.25">
      <c r="A7050" s="4" t="s">
        <v>22942</v>
      </c>
      <c r="B7050" s="1" t="s">
        <v>61611</v>
      </c>
      <c r="C7050" s="1" t="s">
        <v>22943</v>
      </c>
      <c r="D7050" s="2">
        <v>159878</v>
      </c>
      <c r="E7050" s="1" t="s">
        <v>0</v>
      </c>
    </row>
    <row r="7051" spans="1:5" x14ac:dyDescent="0.25">
      <c r="A7051" s="1" t="s">
        <v>22944</v>
      </c>
      <c r="B7051" s="1" t="s">
        <v>50571</v>
      </c>
      <c r="C7051" s="1" t="s">
        <v>22945</v>
      </c>
      <c r="D7051" s="2">
        <v>159879</v>
      </c>
      <c r="E7051" s="1" t="s">
        <v>0</v>
      </c>
    </row>
    <row r="7052" spans="1:5" x14ac:dyDescent="0.25">
      <c r="A7052" s="2">
        <v>1410</v>
      </c>
      <c r="B7052" s="2">
        <v>1410</v>
      </c>
      <c r="C7052" s="1" t="s">
        <v>0</v>
      </c>
      <c r="D7052" s="2">
        <v>159880</v>
      </c>
      <c r="E7052" s="1" t="s">
        <v>0</v>
      </c>
    </row>
    <row r="7053" spans="1:5" x14ac:dyDescent="0.25">
      <c r="A7053" s="1" t="s">
        <v>1307</v>
      </c>
      <c r="B7053" s="1" t="s">
        <v>7027</v>
      </c>
      <c r="C7053" s="1" t="s">
        <v>22946</v>
      </c>
      <c r="D7053" s="2">
        <v>159881</v>
      </c>
      <c r="E7053" s="1" t="s">
        <v>0</v>
      </c>
    </row>
    <row r="7054" spans="1:5" x14ac:dyDescent="0.25">
      <c r="A7054" s="1" t="s">
        <v>22947</v>
      </c>
      <c r="B7054" s="1" t="s">
        <v>7028</v>
      </c>
      <c r="C7054" s="1" t="s">
        <v>22948</v>
      </c>
      <c r="D7054" s="2">
        <v>159882</v>
      </c>
      <c r="E7054" s="1" t="s">
        <v>0</v>
      </c>
    </row>
    <row r="7055" spans="1:5" ht="409.5" x14ac:dyDescent="0.25">
      <c r="A7055" s="4" t="s">
        <v>64071</v>
      </c>
      <c r="B7055" s="1" t="s">
        <v>52617</v>
      </c>
      <c r="C7055" s="1" t="s">
        <v>22949</v>
      </c>
      <c r="D7055" s="2">
        <v>159883</v>
      </c>
      <c r="E7055" s="1" t="s">
        <v>0</v>
      </c>
    </row>
    <row r="7056" spans="1:5" x14ac:dyDescent="0.25">
      <c r="A7056" s="1" t="s">
        <v>22950</v>
      </c>
      <c r="B7056" s="1" t="s">
        <v>7029</v>
      </c>
      <c r="C7056" s="1" t="s">
        <v>22951</v>
      </c>
      <c r="D7056" s="2">
        <v>159884</v>
      </c>
      <c r="E7056" s="1" t="s">
        <v>0</v>
      </c>
    </row>
    <row r="7057" spans="1:5" x14ac:dyDescent="0.25">
      <c r="A7057" s="2">
        <v>1411</v>
      </c>
      <c r="B7057" s="2">
        <v>1411</v>
      </c>
      <c r="C7057" s="1" t="s">
        <v>0</v>
      </c>
      <c r="D7057" s="2">
        <v>159885</v>
      </c>
      <c r="E7057" s="1" t="s">
        <v>0</v>
      </c>
    </row>
    <row r="7058" spans="1:5" x14ac:dyDescent="0.25">
      <c r="A7058" s="1" t="s">
        <v>1308</v>
      </c>
      <c r="B7058" s="1" t="s">
        <v>7030</v>
      </c>
      <c r="C7058" s="1" t="s">
        <v>22952</v>
      </c>
      <c r="D7058" s="2">
        <v>159886</v>
      </c>
      <c r="E7058" s="1" t="s">
        <v>0</v>
      </c>
    </row>
    <row r="7059" spans="1:5" x14ac:dyDescent="0.25">
      <c r="A7059" s="1" t="s">
        <v>22953</v>
      </c>
      <c r="B7059" s="1" t="s">
        <v>52618</v>
      </c>
      <c r="C7059" s="1" t="s">
        <v>22954</v>
      </c>
      <c r="D7059" s="2">
        <v>159887</v>
      </c>
      <c r="E7059" s="1" t="s">
        <v>0</v>
      </c>
    </row>
    <row r="7060" spans="1:5" ht="409.5" x14ac:dyDescent="0.25">
      <c r="A7060" s="4" t="s">
        <v>22955</v>
      </c>
      <c r="B7060" s="1" t="s">
        <v>61019</v>
      </c>
      <c r="C7060" s="1" t="s">
        <v>22956</v>
      </c>
      <c r="D7060" s="2">
        <v>159888</v>
      </c>
      <c r="E7060" s="1" t="s">
        <v>0</v>
      </c>
    </row>
    <row r="7061" spans="1:5" x14ac:dyDescent="0.25">
      <c r="A7061" s="1" t="s">
        <v>22957</v>
      </c>
      <c r="B7061" s="1" t="s">
        <v>52619</v>
      </c>
      <c r="C7061" s="1" t="s">
        <v>22958</v>
      </c>
      <c r="D7061" s="2">
        <v>159889</v>
      </c>
      <c r="E7061" s="1" t="s">
        <v>0</v>
      </c>
    </row>
    <row r="7062" spans="1:5" x14ac:dyDescent="0.25">
      <c r="A7062" s="2">
        <v>1412</v>
      </c>
      <c r="B7062" s="2">
        <v>1412</v>
      </c>
      <c r="C7062" s="1" t="s">
        <v>0</v>
      </c>
      <c r="D7062" s="2">
        <v>159890</v>
      </c>
      <c r="E7062" s="1" t="s">
        <v>0</v>
      </c>
    </row>
    <row r="7063" spans="1:5" x14ac:dyDescent="0.25">
      <c r="A7063" s="1" t="s">
        <v>1309</v>
      </c>
      <c r="B7063" s="1" t="s">
        <v>7031</v>
      </c>
      <c r="C7063" s="1" t="s">
        <v>22959</v>
      </c>
      <c r="D7063" s="2">
        <v>159891</v>
      </c>
      <c r="E7063" s="1" t="s">
        <v>0</v>
      </c>
    </row>
    <row r="7064" spans="1:5" x14ac:dyDescent="0.25">
      <c r="A7064" s="1" t="s">
        <v>22960</v>
      </c>
      <c r="B7064" s="1" t="s">
        <v>57454</v>
      </c>
      <c r="C7064" s="1" t="s">
        <v>22961</v>
      </c>
      <c r="D7064" s="2">
        <v>159892</v>
      </c>
      <c r="E7064" s="1" t="s">
        <v>0</v>
      </c>
    </row>
    <row r="7065" spans="1:5" ht="409.5" x14ac:dyDescent="0.25">
      <c r="A7065" s="4" t="s">
        <v>22962</v>
      </c>
      <c r="B7065" s="1" t="s">
        <v>57783</v>
      </c>
      <c r="C7065" s="1" t="s">
        <v>22963</v>
      </c>
      <c r="D7065" s="2">
        <v>159893</v>
      </c>
      <c r="E7065" s="1" t="s">
        <v>0</v>
      </c>
    </row>
    <row r="7066" spans="1:5" x14ac:dyDescent="0.25">
      <c r="A7066" s="1" t="s">
        <v>22964</v>
      </c>
      <c r="B7066" s="1" t="s">
        <v>52620</v>
      </c>
      <c r="C7066" s="1" t="s">
        <v>22965</v>
      </c>
      <c r="D7066" s="2">
        <v>159894</v>
      </c>
      <c r="E7066" s="1" t="s">
        <v>0</v>
      </c>
    </row>
    <row r="7067" spans="1:5" x14ac:dyDescent="0.25">
      <c r="A7067" s="2">
        <v>1413</v>
      </c>
      <c r="B7067" s="2">
        <v>1413</v>
      </c>
      <c r="C7067" s="1" t="s">
        <v>0</v>
      </c>
      <c r="D7067" s="2">
        <v>159895</v>
      </c>
      <c r="E7067" s="1" t="s">
        <v>0</v>
      </c>
    </row>
    <row r="7068" spans="1:5" x14ac:dyDescent="0.25">
      <c r="A7068" s="1" t="s">
        <v>7032</v>
      </c>
      <c r="B7068" s="1" t="s">
        <v>58279</v>
      </c>
      <c r="C7068" s="1" t="s">
        <v>22966</v>
      </c>
      <c r="D7068" s="2">
        <v>159896</v>
      </c>
      <c r="E7068" s="1" t="s">
        <v>0</v>
      </c>
    </row>
    <row r="7069" spans="1:5" x14ac:dyDescent="0.25">
      <c r="A7069" s="1" t="s">
        <v>22967</v>
      </c>
      <c r="B7069" s="1" t="s">
        <v>7033</v>
      </c>
      <c r="C7069" s="1" t="s">
        <v>22968</v>
      </c>
      <c r="D7069" s="2">
        <v>159897</v>
      </c>
      <c r="E7069" s="1" t="s">
        <v>0</v>
      </c>
    </row>
    <row r="7070" spans="1:5" ht="409.5" x14ac:dyDescent="0.25">
      <c r="A7070" s="4" t="s">
        <v>22969</v>
      </c>
      <c r="B7070" s="1" t="s">
        <v>62245</v>
      </c>
      <c r="C7070" s="1" t="s">
        <v>22970</v>
      </c>
      <c r="D7070" s="2">
        <v>159898</v>
      </c>
      <c r="E7070" s="1" t="s">
        <v>0</v>
      </c>
    </row>
    <row r="7071" spans="1:5" x14ac:dyDescent="0.25">
      <c r="A7071" s="1" t="s">
        <v>22971</v>
      </c>
      <c r="B7071" s="1" t="s">
        <v>58280</v>
      </c>
      <c r="C7071" s="1" t="s">
        <v>22972</v>
      </c>
      <c r="D7071" s="2">
        <v>159899</v>
      </c>
      <c r="E7071" s="1" t="s">
        <v>0</v>
      </c>
    </row>
    <row r="7072" spans="1:5" x14ac:dyDescent="0.25">
      <c r="A7072" s="2">
        <v>1414</v>
      </c>
      <c r="B7072" s="2">
        <v>1414</v>
      </c>
      <c r="C7072" s="1" t="s">
        <v>0</v>
      </c>
      <c r="D7072" s="2">
        <v>159900</v>
      </c>
      <c r="E7072" s="1" t="s">
        <v>0</v>
      </c>
    </row>
    <row r="7073" spans="1:5" x14ac:dyDescent="0.25">
      <c r="A7073" s="1" t="s">
        <v>22973</v>
      </c>
      <c r="B7073" s="1" t="s">
        <v>7034</v>
      </c>
      <c r="C7073" s="1" t="s">
        <v>22974</v>
      </c>
      <c r="D7073" s="2">
        <v>159901</v>
      </c>
      <c r="E7073" s="1" t="s">
        <v>0</v>
      </c>
    </row>
    <row r="7074" spans="1:5" x14ac:dyDescent="0.25">
      <c r="A7074" s="1" t="s">
        <v>22975</v>
      </c>
      <c r="B7074" s="1" t="s">
        <v>52621</v>
      </c>
      <c r="C7074" s="1" t="s">
        <v>22976</v>
      </c>
      <c r="D7074" s="2">
        <v>159902</v>
      </c>
      <c r="E7074" s="1" t="s">
        <v>0</v>
      </c>
    </row>
    <row r="7075" spans="1:5" ht="409.5" x14ac:dyDescent="0.25">
      <c r="A7075" s="4" t="s">
        <v>64072</v>
      </c>
      <c r="B7075" s="1" t="s">
        <v>56728</v>
      </c>
      <c r="C7075" s="1" t="s">
        <v>22977</v>
      </c>
      <c r="D7075" s="2">
        <v>159903</v>
      </c>
      <c r="E7075" s="1" t="s">
        <v>0</v>
      </c>
    </row>
    <row r="7076" spans="1:5" x14ac:dyDescent="0.25">
      <c r="A7076" s="1" t="s">
        <v>22978</v>
      </c>
      <c r="B7076" s="1" t="s">
        <v>61020</v>
      </c>
      <c r="C7076" s="1" t="s">
        <v>22979</v>
      </c>
      <c r="D7076" s="2">
        <v>159904</v>
      </c>
      <c r="E7076" s="1" t="s">
        <v>0</v>
      </c>
    </row>
    <row r="7077" spans="1:5" x14ac:dyDescent="0.25">
      <c r="A7077" s="2">
        <v>1415</v>
      </c>
      <c r="B7077" s="2">
        <v>1415</v>
      </c>
      <c r="C7077" s="1" t="s">
        <v>0</v>
      </c>
      <c r="D7077" s="2">
        <v>159905</v>
      </c>
      <c r="E7077" s="1" t="s">
        <v>0</v>
      </c>
    </row>
    <row r="7078" spans="1:5" x14ac:dyDescent="0.25">
      <c r="A7078" s="1" t="s">
        <v>1310</v>
      </c>
      <c r="B7078" s="1" t="s">
        <v>7035</v>
      </c>
      <c r="C7078" s="1" t="s">
        <v>22980</v>
      </c>
      <c r="D7078" s="2">
        <v>159906</v>
      </c>
      <c r="E7078" s="1" t="s">
        <v>0</v>
      </c>
    </row>
    <row r="7079" spans="1:5" x14ac:dyDescent="0.25">
      <c r="A7079" s="1" t="s">
        <v>22981</v>
      </c>
      <c r="B7079" s="1" t="s">
        <v>7036</v>
      </c>
      <c r="C7079" s="1" t="s">
        <v>22982</v>
      </c>
      <c r="D7079" s="2">
        <v>159907</v>
      </c>
      <c r="E7079" s="1" t="s">
        <v>0</v>
      </c>
    </row>
    <row r="7080" spans="1:5" ht="409.5" x14ac:dyDescent="0.25">
      <c r="A7080" s="4" t="s">
        <v>22983</v>
      </c>
      <c r="B7080" s="1" t="s">
        <v>61482</v>
      </c>
      <c r="C7080" s="1" t="s">
        <v>22984</v>
      </c>
      <c r="D7080" s="2">
        <v>159908</v>
      </c>
      <c r="E7080" s="1" t="s">
        <v>0</v>
      </c>
    </row>
    <row r="7081" spans="1:5" x14ac:dyDescent="0.25">
      <c r="A7081" s="1" t="s">
        <v>22985</v>
      </c>
      <c r="B7081" s="1" t="s">
        <v>52622</v>
      </c>
      <c r="C7081" s="1" t="s">
        <v>22986</v>
      </c>
      <c r="D7081" s="2">
        <v>159909</v>
      </c>
      <c r="E7081" s="1" t="s">
        <v>0</v>
      </c>
    </row>
    <row r="7082" spans="1:5" x14ac:dyDescent="0.25">
      <c r="A7082" s="2">
        <v>1416</v>
      </c>
      <c r="B7082" s="2">
        <v>1416</v>
      </c>
      <c r="C7082" s="1" t="s">
        <v>0</v>
      </c>
      <c r="D7082" s="2">
        <v>159910</v>
      </c>
      <c r="E7082" s="1" t="s">
        <v>0</v>
      </c>
    </row>
    <row r="7083" spans="1:5" x14ac:dyDescent="0.25">
      <c r="A7083" s="1" t="s">
        <v>1311</v>
      </c>
      <c r="B7083" s="1" t="s">
        <v>7037</v>
      </c>
      <c r="C7083" s="1" t="s">
        <v>22987</v>
      </c>
      <c r="D7083" s="2">
        <v>159911</v>
      </c>
      <c r="E7083" s="1" t="s">
        <v>0</v>
      </c>
    </row>
    <row r="7084" spans="1:5" x14ac:dyDescent="0.25">
      <c r="A7084" s="1" t="s">
        <v>22988</v>
      </c>
      <c r="B7084" s="1" t="s">
        <v>52623</v>
      </c>
      <c r="C7084" s="1" t="s">
        <v>22989</v>
      </c>
      <c r="D7084" s="2">
        <v>159912</v>
      </c>
      <c r="E7084" s="1" t="s">
        <v>0</v>
      </c>
    </row>
    <row r="7085" spans="1:5" ht="409.5" x14ac:dyDescent="0.25">
      <c r="A7085" s="4" t="s">
        <v>22990</v>
      </c>
      <c r="B7085" s="1" t="s">
        <v>52624</v>
      </c>
      <c r="C7085" s="1" t="s">
        <v>22991</v>
      </c>
      <c r="D7085" s="2">
        <v>159913</v>
      </c>
      <c r="E7085" s="1" t="s">
        <v>0</v>
      </c>
    </row>
    <row r="7086" spans="1:5" x14ac:dyDescent="0.25">
      <c r="A7086" s="1" t="s">
        <v>22992</v>
      </c>
      <c r="B7086" s="1" t="s">
        <v>7038</v>
      </c>
      <c r="C7086" s="1" t="s">
        <v>22993</v>
      </c>
      <c r="D7086" s="2">
        <v>159914</v>
      </c>
      <c r="E7086" s="1" t="s">
        <v>0</v>
      </c>
    </row>
    <row r="7087" spans="1:5" x14ac:dyDescent="0.25">
      <c r="A7087" s="2">
        <v>1417</v>
      </c>
      <c r="B7087" s="2">
        <v>1417</v>
      </c>
      <c r="C7087" s="1" t="s">
        <v>0</v>
      </c>
      <c r="D7087" s="2">
        <v>159915</v>
      </c>
      <c r="E7087" s="1" t="s">
        <v>0</v>
      </c>
    </row>
    <row r="7088" spans="1:5" x14ac:dyDescent="0.25">
      <c r="A7088" s="1" t="s">
        <v>1312</v>
      </c>
      <c r="B7088" s="1" t="s">
        <v>7039</v>
      </c>
      <c r="C7088" s="1" t="s">
        <v>22994</v>
      </c>
      <c r="D7088" s="2">
        <v>159916</v>
      </c>
      <c r="E7088" s="1" t="s">
        <v>0</v>
      </c>
    </row>
    <row r="7089" spans="1:5" x14ac:dyDescent="0.25">
      <c r="A7089" s="1" t="s">
        <v>22995</v>
      </c>
      <c r="B7089" s="1" t="s">
        <v>52625</v>
      </c>
      <c r="C7089" s="1" t="s">
        <v>22996</v>
      </c>
      <c r="D7089" s="2">
        <v>159917</v>
      </c>
      <c r="E7089" s="1" t="s">
        <v>0</v>
      </c>
    </row>
    <row r="7090" spans="1:5" ht="409.5" x14ac:dyDescent="0.25">
      <c r="A7090" s="4" t="s">
        <v>22997</v>
      </c>
      <c r="B7090" s="1" t="s">
        <v>52626</v>
      </c>
      <c r="C7090" s="1" t="s">
        <v>22998</v>
      </c>
      <c r="D7090" s="2">
        <v>159918</v>
      </c>
      <c r="E7090" s="1" t="s">
        <v>0</v>
      </c>
    </row>
    <row r="7091" spans="1:5" x14ac:dyDescent="0.25">
      <c r="A7091" s="1" t="s">
        <v>22999</v>
      </c>
      <c r="B7091" s="1" t="s">
        <v>7040</v>
      </c>
      <c r="C7091" s="1" t="s">
        <v>23000</v>
      </c>
      <c r="D7091" s="2">
        <v>159919</v>
      </c>
      <c r="E7091" s="1" t="s">
        <v>0</v>
      </c>
    </row>
    <row r="7092" spans="1:5" x14ac:dyDescent="0.25">
      <c r="A7092" s="2">
        <v>1418</v>
      </c>
      <c r="B7092" s="2">
        <v>1418</v>
      </c>
      <c r="C7092" s="1" t="s">
        <v>0</v>
      </c>
      <c r="D7092" s="2">
        <v>159920</v>
      </c>
      <c r="E7092" s="1" t="s">
        <v>0</v>
      </c>
    </row>
    <row r="7093" spans="1:5" x14ac:dyDescent="0.25">
      <c r="A7093" s="1" t="s">
        <v>1313</v>
      </c>
      <c r="B7093" s="1" t="s">
        <v>60580</v>
      </c>
      <c r="C7093" s="1" t="s">
        <v>23001</v>
      </c>
      <c r="D7093" s="2">
        <v>159921</v>
      </c>
      <c r="E7093" s="1" t="s">
        <v>0</v>
      </c>
    </row>
    <row r="7094" spans="1:5" x14ac:dyDescent="0.25">
      <c r="A7094" s="1" t="s">
        <v>23002</v>
      </c>
      <c r="B7094" s="1" t="s">
        <v>63265</v>
      </c>
      <c r="C7094" s="1" t="s">
        <v>23003</v>
      </c>
      <c r="D7094" s="2">
        <v>159922</v>
      </c>
      <c r="E7094" s="1" t="s">
        <v>0</v>
      </c>
    </row>
    <row r="7095" spans="1:5" ht="409.5" x14ac:dyDescent="0.25">
      <c r="A7095" s="4" t="s">
        <v>23004</v>
      </c>
      <c r="B7095" s="1" t="s">
        <v>63266</v>
      </c>
      <c r="C7095" s="1" t="s">
        <v>23005</v>
      </c>
      <c r="D7095" s="2">
        <v>159923</v>
      </c>
      <c r="E7095" s="1" t="s">
        <v>0</v>
      </c>
    </row>
    <row r="7096" spans="1:5" x14ac:dyDescent="0.25">
      <c r="A7096" s="1" t="s">
        <v>23006</v>
      </c>
      <c r="B7096" s="1" t="s">
        <v>60581</v>
      </c>
      <c r="C7096" s="1" t="s">
        <v>23007</v>
      </c>
      <c r="D7096" s="2">
        <v>159924</v>
      </c>
      <c r="E7096" s="1" t="s">
        <v>0</v>
      </c>
    </row>
    <row r="7097" spans="1:5" x14ac:dyDescent="0.25">
      <c r="A7097" s="2">
        <v>1419</v>
      </c>
      <c r="B7097" s="2">
        <v>1419</v>
      </c>
      <c r="C7097" s="1" t="s">
        <v>0</v>
      </c>
      <c r="D7097" s="2">
        <v>159925</v>
      </c>
      <c r="E7097" s="1" t="s">
        <v>0</v>
      </c>
    </row>
    <row r="7098" spans="1:5" x14ac:dyDescent="0.25">
      <c r="A7098" s="1" t="s">
        <v>1314</v>
      </c>
      <c r="B7098" s="1" t="s">
        <v>52627</v>
      </c>
      <c r="C7098" s="1" t="s">
        <v>23008</v>
      </c>
      <c r="D7098" s="2">
        <v>159926</v>
      </c>
      <c r="E7098" s="1" t="s">
        <v>0</v>
      </c>
    </row>
    <row r="7099" spans="1:5" x14ac:dyDescent="0.25">
      <c r="A7099" s="1" t="s">
        <v>23009</v>
      </c>
      <c r="B7099" s="1" t="s">
        <v>52628</v>
      </c>
      <c r="C7099" s="1" t="s">
        <v>23010</v>
      </c>
      <c r="D7099" s="2">
        <v>159927</v>
      </c>
      <c r="E7099" s="1" t="s">
        <v>0</v>
      </c>
    </row>
    <row r="7100" spans="1:5" ht="409.5" x14ac:dyDescent="0.25">
      <c r="A7100" s="4" t="s">
        <v>23011</v>
      </c>
      <c r="B7100" s="1" t="s">
        <v>57784</v>
      </c>
      <c r="C7100" s="1" t="s">
        <v>23012</v>
      </c>
      <c r="D7100" s="2">
        <v>159928</v>
      </c>
      <c r="E7100" s="1" t="s">
        <v>0</v>
      </c>
    </row>
    <row r="7101" spans="1:5" x14ac:dyDescent="0.25">
      <c r="A7101" s="1" t="s">
        <v>23013</v>
      </c>
      <c r="B7101" s="1" t="s">
        <v>52629</v>
      </c>
      <c r="C7101" s="1" t="s">
        <v>23014</v>
      </c>
      <c r="D7101" s="2">
        <v>159929</v>
      </c>
      <c r="E7101" s="1" t="s">
        <v>0</v>
      </c>
    </row>
    <row r="7102" spans="1:5" x14ac:dyDescent="0.25">
      <c r="A7102" s="2">
        <v>1420</v>
      </c>
      <c r="B7102" s="2">
        <v>1420</v>
      </c>
      <c r="C7102" s="1" t="s">
        <v>0</v>
      </c>
      <c r="D7102" s="2">
        <v>159930</v>
      </c>
      <c r="E7102" s="1" t="s">
        <v>0</v>
      </c>
    </row>
    <row r="7103" spans="1:5" x14ac:dyDescent="0.25">
      <c r="A7103" s="1" t="s">
        <v>1315</v>
      </c>
      <c r="B7103" s="1" t="s">
        <v>7041</v>
      </c>
      <c r="C7103" s="1" t="s">
        <v>23015</v>
      </c>
      <c r="D7103" s="2">
        <v>159931</v>
      </c>
      <c r="E7103" s="1" t="s">
        <v>0</v>
      </c>
    </row>
    <row r="7104" spans="1:5" x14ac:dyDescent="0.25">
      <c r="A7104" s="1" t="s">
        <v>23016</v>
      </c>
      <c r="B7104" s="1" t="s">
        <v>62246</v>
      </c>
      <c r="C7104" s="1" t="s">
        <v>23017</v>
      </c>
      <c r="D7104" s="2">
        <v>159932</v>
      </c>
      <c r="E7104" s="1" t="s">
        <v>0</v>
      </c>
    </row>
    <row r="7105" spans="1:5" ht="409.5" x14ac:dyDescent="0.25">
      <c r="A7105" s="4" t="s">
        <v>23018</v>
      </c>
      <c r="B7105" s="1" t="s">
        <v>62247</v>
      </c>
      <c r="C7105" s="1" t="s">
        <v>23019</v>
      </c>
      <c r="D7105" s="2">
        <v>159933</v>
      </c>
      <c r="E7105" s="1" t="s">
        <v>0</v>
      </c>
    </row>
    <row r="7106" spans="1:5" x14ac:dyDescent="0.25">
      <c r="A7106" s="1" t="s">
        <v>23020</v>
      </c>
      <c r="B7106" s="1" t="s">
        <v>7042</v>
      </c>
      <c r="C7106" s="1" t="s">
        <v>23021</v>
      </c>
      <c r="D7106" s="2">
        <v>159934</v>
      </c>
      <c r="E7106" s="1" t="s">
        <v>0</v>
      </c>
    </row>
    <row r="7107" spans="1:5" x14ac:dyDescent="0.25">
      <c r="A7107" s="2">
        <v>1421</v>
      </c>
      <c r="B7107" s="2">
        <v>1421</v>
      </c>
      <c r="C7107" s="1" t="s">
        <v>0</v>
      </c>
      <c r="D7107" s="2">
        <v>159935</v>
      </c>
      <c r="E7107" s="1" t="s">
        <v>0</v>
      </c>
    </row>
    <row r="7108" spans="1:5" x14ac:dyDescent="0.25">
      <c r="A7108" s="1" t="s">
        <v>7043</v>
      </c>
      <c r="B7108" s="1" t="s">
        <v>59883</v>
      </c>
      <c r="C7108" s="1" t="s">
        <v>23022</v>
      </c>
      <c r="D7108" s="2">
        <v>159936</v>
      </c>
      <c r="E7108" s="1" t="s">
        <v>0</v>
      </c>
    </row>
    <row r="7109" spans="1:5" x14ac:dyDescent="0.25">
      <c r="A7109" s="1" t="s">
        <v>23023</v>
      </c>
      <c r="B7109" s="1" t="s">
        <v>59884</v>
      </c>
      <c r="C7109" s="1" t="s">
        <v>23024</v>
      </c>
      <c r="D7109" s="2">
        <v>159937</v>
      </c>
      <c r="E7109" s="1" t="s">
        <v>0</v>
      </c>
    </row>
    <row r="7110" spans="1:5" ht="409.5" x14ac:dyDescent="0.25">
      <c r="A7110" s="4" t="s">
        <v>23025</v>
      </c>
      <c r="B7110" s="1" t="s">
        <v>59885</v>
      </c>
      <c r="C7110" s="1" t="s">
        <v>23026</v>
      </c>
      <c r="D7110" s="2">
        <v>159938</v>
      </c>
      <c r="E7110" s="1" t="s">
        <v>0</v>
      </c>
    </row>
    <row r="7111" spans="1:5" x14ac:dyDescent="0.25">
      <c r="A7111" s="1" t="s">
        <v>23027</v>
      </c>
      <c r="B7111" s="1" t="s">
        <v>59886</v>
      </c>
      <c r="C7111" s="1" t="s">
        <v>23028</v>
      </c>
      <c r="D7111" s="2">
        <v>159939</v>
      </c>
      <c r="E7111" s="1" t="s">
        <v>0</v>
      </c>
    </row>
    <row r="7112" spans="1:5" x14ac:dyDescent="0.25">
      <c r="A7112" s="2">
        <v>1422</v>
      </c>
      <c r="B7112" s="2">
        <v>1422</v>
      </c>
      <c r="C7112" s="1" t="s">
        <v>0</v>
      </c>
      <c r="D7112" s="2">
        <v>159940</v>
      </c>
      <c r="E7112" s="1" t="s">
        <v>0</v>
      </c>
    </row>
    <row r="7113" spans="1:5" x14ac:dyDescent="0.25">
      <c r="A7113" s="1" t="s">
        <v>1316</v>
      </c>
      <c r="B7113" s="1" t="s">
        <v>7044</v>
      </c>
      <c r="C7113" s="1" t="s">
        <v>23029</v>
      </c>
      <c r="D7113" s="2">
        <v>159941</v>
      </c>
      <c r="E7113" s="1" t="s">
        <v>0</v>
      </c>
    </row>
    <row r="7114" spans="1:5" x14ac:dyDescent="0.25">
      <c r="A7114" s="1" t="s">
        <v>23030</v>
      </c>
      <c r="B7114" s="1" t="s">
        <v>13047</v>
      </c>
      <c r="C7114" s="1" t="s">
        <v>23031</v>
      </c>
      <c r="D7114" s="2">
        <v>159942</v>
      </c>
      <c r="E7114" s="1" t="s">
        <v>0</v>
      </c>
    </row>
    <row r="7115" spans="1:5" ht="409.5" x14ac:dyDescent="0.25">
      <c r="A7115" s="4" t="s">
        <v>23032</v>
      </c>
      <c r="B7115" s="1" t="s">
        <v>13048</v>
      </c>
      <c r="C7115" s="1" t="s">
        <v>23033</v>
      </c>
      <c r="D7115" s="2">
        <v>159943</v>
      </c>
      <c r="E7115" s="1" t="s">
        <v>0</v>
      </c>
    </row>
    <row r="7116" spans="1:5" x14ac:dyDescent="0.25">
      <c r="A7116" s="1" t="s">
        <v>23034</v>
      </c>
      <c r="B7116" s="1" t="s">
        <v>7045</v>
      </c>
      <c r="C7116" s="1" t="s">
        <v>23035</v>
      </c>
      <c r="D7116" s="2">
        <v>159944</v>
      </c>
      <c r="E7116" s="1" t="s">
        <v>0</v>
      </c>
    </row>
    <row r="7117" spans="1:5" x14ac:dyDescent="0.25">
      <c r="A7117" s="2">
        <v>1423</v>
      </c>
      <c r="B7117" s="2">
        <v>1423</v>
      </c>
      <c r="C7117" s="1" t="s">
        <v>0</v>
      </c>
      <c r="D7117" s="2">
        <v>159945</v>
      </c>
      <c r="E7117" s="1" t="s">
        <v>0</v>
      </c>
    </row>
    <row r="7118" spans="1:5" x14ac:dyDescent="0.25">
      <c r="A7118" s="1" t="s">
        <v>1317</v>
      </c>
      <c r="B7118" s="1" t="s">
        <v>7046</v>
      </c>
      <c r="C7118" s="1" t="s">
        <v>23036</v>
      </c>
      <c r="D7118" s="2">
        <v>159946</v>
      </c>
      <c r="E7118" s="1" t="s">
        <v>0</v>
      </c>
    </row>
    <row r="7119" spans="1:5" x14ac:dyDescent="0.25">
      <c r="A7119" s="1" t="s">
        <v>23037</v>
      </c>
      <c r="B7119" s="1" t="s">
        <v>60582</v>
      </c>
      <c r="C7119" s="1" t="s">
        <v>23038</v>
      </c>
      <c r="D7119" s="2">
        <v>159947</v>
      </c>
      <c r="E7119" s="1" t="s">
        <v>0</v>
      </c>
    </row>
    <row r="7120" spans="1:5" ht="409.5" x14ac:dyDescent="0.25">
      <c r="A7120" s="4" t="s">
        <v>23039</v>
      </c>
      <c r="B7120" s="1" t="s">
        <v>60583</v>
      </c>
      <c r="C7120" s="1" t="s">
        <v>23040</v>
      </c>
      <c r="D7120" s="2">
        <v>159948</v>
      </c>
      <c r="E7120" s="1" t="s">
        <v>0</v>
      </c>
    </row>
    <row r="7121" spans="1:5" x14ac:dyDescent="0.25">
      <c r="A7121" s="1" t="s">
        <v>23041</v>
      </c>
      <c r="B7121" s="1" t="s">
        <v>60584</v>
      </c>
      <c r="C7121" s="1" t="s">
        <v>23042</v>
      </c>
      <c r="D7121" s="2">
        <v>159949</v>
      </c>
      <c r="E7121" s="1" t="s">
        <v>0</v>
      </c>
    </row>
    <row r="7122" spans="1:5" x14ac:dyDescent="0.25">
      <c r="A7122" s="2">
        <v>1424</v>
      </c>
      <c r="B7122" s="2">
        <v>1424</v>
      </c>
      <c r="C7122" s="1" t="s">
        <v>0</v>
      </c>
      <c r="D7122" s="2">
        <v>159950</v>
      </c>
      <c r="E7122" s="1" t="s">
        <v>0</v>
      </c>
    </row>
    <row r="7123" spans="1:5" x14ac:dyDescent="0.25">
      <c r="A7123" s="1" t="s">
        <v>13049</v>
      </c>
      <c r="B7123" s="1" t="s">
        <v>7047</v>
      </c>
      <c r="C7123" s="1" t="s">
        <v>23043</v>
      </c>
      <c r="D7123" s="2">
        <v>159951</v>
      </c>
      <c r="E7123" s="1" t="s">
        <v>0</v>
      </c>
    </row>
    <row r="7124" spans="1:5" x14ac:dyDescent="0.25">
      <c r="A7124" s="1" t="s">
        <v>23044</v>
      </c>
      <c r="B7124" s="1" t="s">
        <v>52630</v>
      </c>
      <c r="C7124" s="1" t="s">
        <v>23045</v>
      </c>
      <c r="D7124" s="2">
        <v>159952</v>
      </c>
      <c r="E7124" s="1" t="s">
        <v>0</v>
      </c>
    </row>
    <row r="7125" spans="1:5" ht="409.5" x14ac:dyDescent="0.25">
      <c r="A7125" s="4" t="s">
        <v>23046</v>
      </c>
      <c r="B7125" s="1" t="s">
        <v>58717</v>
      </c>
      <c r="C7125" s="1" t="s">
        <v>23047</v>
      </c>
      <c r="D7125" s="2">
        <v>159953</v>
      </c>
      <c r="E7125" s="1" t="s">
        <v>0</v>
      </c>
    </row>
    <row r="7126" spans="1:5" x14ac:dyDescent="0.25">
      <c r="A7126" s="1" t="s">
        <v>18619</v>
      </c>
      <c r="B7126" s="1" t="s">
        <v>60942</v>
      </c>
      <c r="C7126" s="1" t="s">
        <v>18620</v>
      </c>
      <c r="D7126" s="2">
        <v>159954</v>
      </c>
      <c r="E7126" s="1" t="s">
        <v>0</v>
      </c>
    </row>
    <row r="7127" spans="1:5" x14ac:dyDescent="0.25">
      <c r="A7127" s="2">
        <v>1425</v>
      </c>
      <c r="B7127" s="2">
        <v>1425</v>
      </c>
      <c r="C7127" s="1" t="s">
        <v>0</v>
      </c>
      <c r="D7127" s="2">
        <v>159955</v>
      </c>
      <c r="E7127" s="1" t="s">
        <v>0</v>
      </c>
    </row>
    <row r="7128" spans="1:5" x14ac:dyDescent="0.25">
      <c r="A7128" s="1" t="s">
        <v>13050</v>
      </c>
      <c r="B7128" s="1" t="s">
        <v>13051</v>
      </c>
      <c r="C7128" s="1" t="s">
        <v>23048</v>
      </c>
      <c r="D7128" s="2">
        <v>159956</v>
      </c>
      <c r="E7128" s="1" t="s">
        <v>0</v>
      </c>
    </row>
    <row r="7129" spans="1:5" x14ac:dyDescent="0.25">
      <c r="A7129" s="1" t="s">
        <v>23049</v>
      </c>
      <c r="B7129" s="1" t="s">
        <v>52631</v>
      </c>
      <c r="C7129" s="1" t="s">
        <v>23050</v>
      </c>
      <c r="D7129" s="2">
        <v>159957</v>
      </c>
      <c r="E7129" s="1" t="s">
        <v>0</v>
      </c>
    </row>
    <row r="7130" spans="1:5" ht="409.5" x14ac:dyDescent="0.25">
      <c r="A7130" s="4" t="s">
        <v>23051</v>
      </c>
      <c r="B7130" s="1" t="s">
        <v>52632</v>
      </c>
      <c r="C7130" s="1" t="s">
        <v>23052</v>
      </c>
      <c r="D7130" s="2">
        <v>159958</v>
      </c>
      <c r="E7130" s="1" t="s">
        <v>0</v>
      </c>
    </row>
    <row r="7131" spans="1:5" x14ac:dyDescent="0.25">
      <c r="A7131" s="1" t="s">
        <v>23053</v>
      </c>
      <c r="B7131" s="1" t="s">
        <v>52633</v>
      </c>
      <c r="C7131" s="1" t="s">
        <v>23054</v>
      </c>
      <c r="D7131" s="2">
        <v>159959</v>
      </c>
      <c r="E7131" s="1" t="s">
        <v>0</v>
      </c>
    </row>
    <row r="7132" spans="1:5" x14ac:dyDescent="0.25">
      <c r="A7132" s="2">
        <v>1426</v>
      </c>
      <c r="B7132" s="2">
        <v>1426</v>
      </c>
      <c r="C7132" s="1" t="s">
        <v>0</v>
      </c>
      <c r="D7132" s="2">
        <v>159960</v>
      </c>
      <c r="E7132" s="1" t="s">
        <v>0</v>
      </c>
    </row>
    <row r="7133" spans="1:5" x14ac:dyDescent="0.25">
      <c r="A7133" s="1" t="s">
        <v>1318</v>
      </c>
      <c r="B7133" s="1" t="s">
        <v>7048</v>
      </c>
      <c r="C7133" s="1" t="s">
        <v>23055</v>
      </c>
      <c r="D7133" s="2">
        <v>159961</v>
      </c>
      <c r="E7133" s="1" t="s">
        <v>0</v>
      </c>
    </row>
    <row r="7134" spans="1:5" x14ac:dyDescent="0.25">
      <c r="A7134" s="1" t="s">
        <v>23056</v>
      </c>
      <c r="B7134" s="1" t="s">
        <v>58281</v>
      </c>
      <c r="C7134" s="1" t="s">
        <v>23057</v>
      </c>
      <c r="D7134" s="2">
        <v>159962</v>
      </c>
      <c r="E7134" s="1" t="s">
        <v>0</v>
      </c>
    </row>
    <row r="7135" spans="1:5" ht="409.5" x14ac:dyDescent="0.25">
      <c r="A7135" s="4" t="s">
        <v>23058</v>
      </c>
      <c r="B7135" s="1" t="s">
        <v>58282</v>
      </c>
      <c r="C7135" s="1" t="s">
        <v>23059</v>
      </c>
      <c r="D7135" s="2">
        <v>159963</v>
      </c>
      <c r="E7135" s="1" t="s">
        <v>0</v>
      </c>
    </row>
    <row r="7136" spans="1:5" x14ac:dyDescent="0.25">
      <c r="A7136" s="1" t="s">
        <v>23060</v>
      </c>
      <c r="B7136" s="1" t="s">
        <v>52634</v>
      </c>
      <c r="C7136" s="1" t="s">
        <v>23061</v>
      </c>
      <c r="D7136" s="2">
        <v>159964</v>
      </c>
      <c r="E7136" s="1" t="s">
        <v>0</v>
      </c>
    </row>
    <row r="7137" spans="1:5" x14ac:dyDescent="0.25">
      <c r="A7137" s="2">
        <v>1427</v>
      </c>
      <c r="B7137" s="2">
        <v>1427</v>
      </c>
      <c r="C7137" s="1" t="s">
        <v>0</v>
      </c>
      <c r="D7137" s="2">
        <v>159965</v>
      </c>
      <c r="E7137" s="1" t="s">
        <v>0</v>
      </c>
    </row>
    <row r="7138" spans="1:5" x14ac:dyDescent="0.25">
      <c r="A7138" s="1" t="s">
        <v>1319</v>
      </c>
      <c r="B7138" s="1" t="s">
        <v>7049</v>
      </c>
      <c r="C7138" s="1" t="s">
        <v>23062</v>
      </c>
      <c r="D7138" s="2">
        <v>159966</v>
      </c>
      <c r="E7138" s="1" t="s">
        <v>0</v>
      </c>
    </row>
    <row r="7139" spans="1:5" x14ac:dyDescent="0.25">
      <c r="A7139" s="1" t="s">
        <v>64073</v>
      </c>
      <c r="B7139" s="1" t="s">
        <v>57013</v>
      </c>
      <c r="C7139" s="1" t="s">
        <v>23063</v>
      </c>
      <c r="D7139" s="2">
        <v>159967</v>
      </c>
      <c r="E7139" s="1" t="s">
        <v>0</v>
      </c>
    </row>
    <row r="7140" spans="1:5" ht="409.5" x14ac:dyDescent="0.25">
      <c r="A7140" s="4" t="s">
        <v>64074</v>
      </c>
      <c r="B7140" s="1" t="s">
        <v>57014</v>
      </c>
      <c r="C7140" s="1" t="s">
        <v>23064</v>
      </c>
      <c r="D7140" s="2">
        <v>159968</v>
      </c>
      <c r="E7140" s="1" t="s">
        <v>0</v>
      </c>
    </row>
    <row r="7141" spans="1:5" x14ac:dyDescent="0.25">
      <c r="A7141" s="1" t="s">
        <v>23065</v>
      </c>
      <c r="B7141" s="1" t="s">
        <v>7050</v>
      </c>
      <c r="C7141" s="1" t="s">
        <v>23066</v>
      </c>
      <c r="D7141" s="2">
        <v>159969</v>
      </c>
      <c r="E7141" s="1" t="s">
        <v>0</v>
      </c>
    </row>
    <row r="7142" spans="1:5" x14ac:dyDescent="0.25">
      <c r="A7142" s="2">
        <v>1428</v>
      </c>
      <c r="B7142" s="2">
        <v>1428</v>
      </c>
      <c r="C7142" s="1" t="s">
        <v>0</v>
      </c>
      <c r="D7142" s="2">
        <v>159970</v>
      </c>
      <c r="E7142" s="1" t="s">
        <v>0</v>
      </c>
    </row>
    <row r="7143" spans="1:5" x14ac:dyDescent="0.25">
      <c r="A7143" s="1" t="s">
        <v>64075</v>
      </c>
      <c r="B7143" s="1" t="s">
        <v>64076</v>
      </c>
      <c r="C7143" s="1" t="s">
        <v>64077</v>
      </c>
      <c r="D7143" s="2">
        <v>159971</v>
      </c>
      <c r="E7143" s="1" t="s">
        <v>0</v>
      </c>
    </row>
    <row r="7144" spans="1:5" x14ac:dyDescent="0.25">
      <c r="A7144" s="1" t="s">
        <v>61775</v>
      </c>
      <c r="B7144" s="1" t="s">
        <v>62248</v>
      </c>
      <c r="C7144" s="1" t="s">
        <v>23067</v>
      </c>
      <c r="D7144" s="2">
        <v>159972</v>
      </c>
      <c r="E7144" s="1" t="s">
        <v>0</v>
      </c>
    </row>
    <row r="7145" spans="1:5" ht="409.5" x14ac:dyDescent="0.25">
      <c r="A7145" s="4" t="s">
        <v>61776</v>
      </c>
      <c r="B7145" s="1" t="s">
        <v>62249</v>
      </c>
      <c r="C7145" s="1" t="s">
        <v>23068</v>
      </c>
      <c r="D7145" s="2">
        <v>159973</v>
      </c>
      <c r="E7145" s="1" t="s">
        <v>0</v>
      </c>
    </row>
    <row r="7146" spans="1:5" x14ac:dyDescent="0.25">
      <c r="A7146" s="1" t="s">
        <v>23069</v>
      </c>
      <c r="B7146" s="1" t="s">
        <v>61612</v>
      </c>
      <c r="C7146" s="1" t="s">
        <v>23070</v>
      </c>
      <c r="D7146" s="2">
        <v>159974</v>
      </c>
      <c r="E7146" s="1" t="s">
        <v>0</v>
      </c>
    </row>
    <row r="7147" spans="1:5" x14ac:dyDescent="0.25">
      <c r="A7147" s="2">
        <v>1429</v>
      </c>
      <c r="B7147" s="2">
        <v>1429</v>
      </c>
      <c r="C7147" s="1" t="s">
        <v>0</v>
      </c>
      <c r="D7147" s="2">
        <v>159975</v>
      </c>
      <c r="E7147" s="1" t="s">
        <v>0</v>
      </c>
    </row>
    <row r="7148" spans="1:5" x14ac:dyDescent="0.25">
      <c r="A7148" s="1" t="s">
        <v>1320</v>
      </c>
      <c r="B7148" s="1" t="s">
        <v>7051</v>
      </c>
      <c r="C7148" s="1" t="s">
        <v>23071</v>
      </c>
      <c r="D7148" s="2">
        <v>159976</v>
      </c>
      <c r="E7148" s="1" t="s">
        <v>0</v>
      </c>
    </row>
    <row r="7149" spans="1:5" x14ac:dyDescent="0.25">
      <c r="A7149" s="1" t="s">
        <v>23072</v>
      </c>
      <c r="B7149" s="1" t="s">
        <v>58283</v>
      </c>
      <c r="C7149" s="1" t="s">
        <v>23073</v>
      </c>
      <c r="D7149" s="2">
        <v>159977</v>
      </c>
      <c r="E7149" s="1" t="s">
        <v>0</v>
      </c>
    </row>
    <row r="7150" spans="1:5" ht="409.5" x14ac:dyDescent="0.25">
      <c r="A7150" s="4" t="s">
        <v>23074</v>
      </c>
      <c r="B7150" s="1" t="s">
        <v>58284</v>
      </c>
      <c r="C7150" s="1" t="s">
        <v>23075</v>
      </c>
      <c r="D7150" s="2">
        <v>159978</v>
      </c>
      <c r="E7150" s="1" t="s">
        <v>0</v>
      </c>
    </row>
    <row r="7151" spans="1:5" x14ac:dyDescent="0.25">
      <c r="A7151" s="1" t="s">
        <v>23076</v>
      </c>
      <c r="B7151" s="1" t="s">
        <v>7052</v>
      </c>
      <c r="C7151" s="1" t="s">
        <v>23077</v>
      </c>
      <c r="D7151" s="2">
        <v>159979</v>
      </c>
      <c r="E7151" s="1" t="s">
        <v>0</v>
      </c>
    </row>
    <row r="7152" spans="1:5" x14ac:dyDescent="0.25">
      <c r="A7152" s="2">
        <v>1430</v>
      </c>
      <c r="B7152" s="2">
        <v>1430</v>
      </c>
      <c r="C7152" s="1" t="s">
        <v>0</v>
      </c>
      <c r="D7152" s="2">
        <v>159980</v>
      </c>
      <c r="E7152" s="1" t="s">
        <v>0</v>
      </c>
    </row>
    <row r="7153" spans="1:5" x14ac:dyDescent="0.25">
      <c r="A7153" s="1" t="s">
        <v>1321</v>
      </c>
      <c r="B7153" s="1" t="s">
        <v>7053</v>
      </c>
      <c r="C7153" s="1" t="s">
        <v>23078</v>
      </c>
      <c r="D7153" s="2">
        <v>159981</v>
      </c>
      <c r="E7153" s="1" t="s">
        <v>0</v>
      </c>
    </row>
    <row r="7154" spans="1:5" x14ac:dyDescent="0.25">
      <c r="A7154" s="1" t="s">
        <v>23079</v>
      </c>
      <c r="B7154" s="1" t="s">
        <v>7054</v>
      </c>
      <c r="C7154" s="1" t="s">
        <v>23080</v>
      </c>
      <c r="D7154" s="2">
        <v>159982</v>
      </c>
      <c r="E7154" s="1" t="s">
        <v>0</v>
      </c>
    </row>
    <row r="7155" spans="1:5" ht="409.5" x14ac:dyDescent="0.25">
      <c r="A7155" s="4" t="s">
        <v>23081</v>
      </c>
      <c r="B7155" s="1" t="s">
        <v>7055</v>
      </c>
      <c r="C7155" s="1" t="s">
        <v>23082</v>
      </c>
      <c r="D7155" s="2">
        <v>159983</v>
      </c>
      <c r="E7155" s="1" t="s">
        <v>0</v>
      </c>
    </row>
    <row r="7156" spans="1:5" x14ac:dyDescent="0.25">
      <c r="A7156" s="1" t="s">
        <v>23083</v>
      </c>
      <c r="B7156" s="1" t="s">
        <v>52635</v>
      </c>
      <c r="C7156" s="1" t="s">
        <v>23084</v>
      </c>
      <c r="D7156" s="2">
        <v>159984</v>
      </c>
      <c r="E7156" s="1" t="s">
        <v>0</v>
      </c>
    </row>
    <row r="7157" spans="1:5" x14ac:dyDescent="0.25">
      <c r="A7157" s="2">
        <v>1431</v>
      </c>
      <c r="B7157" s="2">
        <v>1431</v>
      </c>
      <c r="C7157" s="1" t="s">
        <v>0</v>
      </c>
      <c r="D7157" s="2">
        <v>159985</v>
      </c>
      <c r="E7157" s="1" t="s">
        <v>0</v>
      </c>
    </row>
    <row r="7158" spans="1:5" x14ac:dyDescent="0.25">
      <c r="A7158" s="1" t="s">
        <v>13052</v>
      </c>
      <c r="B7158" s="1" t="s">
        <v>7056</v>
      </c>
      <c r="C7158" s="1" t="s">
        <v>23085</v>
      </c>
      <c r="D7158" s="2">
        <v>159986</v>
      </c>
      <c r="E7158" s="1" t="s">
        <v>0</v>
      </c>
    </row>
    <row r="7159" spans="1:5" x14ac:dyDescent="0.25">
      <c r="A7159" s="1" t="s">
        <v>23086</v>
      </c>
      <c r="B7159" s="1" t="s">
        <v>13053</v>
      </c>
      <c r="C7159" s="1" t="s">
        <v>23087</v>
      </c>
      <c r="D7159" s="2">
        <v>159987</v>
      </c>
      <c r="E7159" s="1" t="s">
        <v>0</v>
      </c>
    </row>
    <row r="7160" spans="1:5" ht="409.5" x14ac:dyDescent="0.25">
      <c r="A7160" s="4" t="s">
        <v>23088</v>
      </c>
      <c r="B7160" s="1" t="s">
        <v>23089</v>
      </c>
      <c r="C7160" s="1" t="s">
        <v>23090</v>
      </c>
      <c r="D7160" s="2">
        <v>159988</v>
      </c>
      <c r="E7160" s="1" t="s">
        <v>0</v>
      </c>
    </row>
    <row r="7161" spans="1:5" x14ac:dyDescent="0.25">
      <c r="A7161" s="1" t="s">
        <v>23091</v>
      </c>
      <c r="B7161" s="1" t="s">
        <v>52636</v>
      </c>
      <c r="C7161" s="1" t="s">
        <v>23092</v>
      </c>
      <c r="D7161" s="2">
        <v>159989</v>
      </c>
      <c r="E7161" s="1" t="s">
        <v>0</v>
      </c>
    </row>
    <row r="7162" spans="1:5" x14ac:dyDescent="0.25">
      <c r="A7162" s="2">
        <v>1432</v>
      </c>
      <c r="B7162" s="2">
        <v>1432</v>
      </c>
      <c r="C7162" s="1" t="s">
        <v>0</v>
      </c>
      <c r="D7162" s="2">
        <v>159990</v>
      </c>
      <c r="E7162" s="1" t="s">
        <v>0</v>
      </c>
    </row>
    <row r="7163" spans="1:5" x14ac:dyDescent="0.25">
      <c r="A7163" s="1" t="s">
        <v>1322</v>
      </c>
      <c r="B7163" s="1" t="s">
        <v>58718</v>
      </c>
      <c r="C7163" s="1" t="s">
        <v>23093</v>
      </c>
      <c r="D7163" s="2">
        <v>159991</v>
      </c>
      <c r="E7163" s="1" t="s">
        <v>0</v>
      </c>
    </row>
    <row r="7164" spans="1:5" x14ac:dyDescent="0.25">
      <c r="A7164" s="1" t="s">
        <v>23094</v>
      </c>
      <c r="B7164" s="1" t="s">
        <v>62250</v>
      </c>
      <c r="C7164" s="1" t="s">
        <v>23095</v>
      </c>
      <c r="D7164" s="2">
        <v>159992</v>
      </c>
      <c r="E7164" s="1" t="s">
        <v>0</v>
      </c>
    </row>
    <row r="7165" spans="1:5" ht="409.5" x14ac:dyDescent="0.25">
      <c r="A7165" s="4" t="s">
        <v>23096</v>
      </c>
      <c r="B7165" s="1" t="s">
        <v>62251</v>
      </c>
      <c r="C7165" s="1" t="s">
        <v>23097</v>
      </c>
      <c r="D7165" s="2">
        <v>159993</v>
      </c>
      <c r="E7165" s="1" t="s">
        <v>0</v>
      </c>
    </row>
    <row r="7166" spans="1:5" x14ac:dyDescent="0.25">
      <c r="A7166" s="1" t="s">
        <v>23098</v>
      </c>
      <c r="B7166" s="1" t="s">
        <v>58719</v>
      </c>
      <c r="C7166" s="1" t="s">
        <v>23099</v>
      </c>
      <c r="D7166" s="2">
        <v>159994</v>
      </c>
      <c r="E7166" s="1" t="s">
        <v>0</v>
      </c>
    </row>
    <row r="7167" spans="1:5" x14ac:dyDescent="0.25">
      <c r="A7167" s="2">
        <v>1433</v>
      </c>
      <c r="B7167" s="2">
        <v>1433</v>
      </c>
      <c r="C7167" s="1" t="s">
        <v>0</v>
      </c>
      <c r="D7167" s="2">
        <v>159995</v>
      </c>
      <c r="E7167" s="1" t="s">
        <v>0</v>
      </c>
    </row>
    <row r="7168" spans="1:5" x14ac:dyDescent="0.25">
      <c r="A7168" s="1" t="s">
        <v>1323</v>
      </c>
      <c r="B7168" s="1" t="s">
        <v>7057</v>
      </c>
      <c r="C7168" s="1" t="s">
        <v>23100</v>
      </c>
      <c r="D7168" s="2">
        <v>159996</v>
      </c>
      <c r="E7168" s="1" t="s">
        <v>0</v>
      </c>
    </row>
    <row r="7169" spans="1:5" x14ac:dyDescent="0.25">
      <c r="A7169" s="1" t="s">
        <v>23101</v>
      </c>
      <c r="B7169" s="1" t="s">
        <v>62252</v>
      </c>
      <c r="C7169" s="1" t="s">
        <v>23102</v>
      </c>
      <c r="D7169" s="2">
        <v>159997</v>
      </c>
      <c r="E7169" s="1" t="s">
        <v>0</v>
      </c>
    </row>
    <row r="7170" spans="1:5" ht="409.5" x14ac:dyDescent="0.25">
      <c r="A7170" s="4" t="s">
        <v>64078</v>
      </c>
      <c r="B7170" s="1" t="s">
        <v>62253</v>
      </c>
      <c r="C7170" s="1" t="s">
        <v>23103</v>
      </c>
      <c r="D7170" s="2">
        <v>159998</v>
      </c>
      <c r="E7170" s="1" t="s">
        <v>0</v>
      </c>
    </row>
    <row r="7171" spans="1:5" x14ac:dyDescent="0.25">
      <c r="A7171" s="1" t="s">
        <v>23104</v>
      </c>
      <c r="B7171" s="1" t="s">
        <v>61021</v>
      </c>
      <c r="C7171" s="1" t="s">
        <v>23105</v>
      </c>
      <c r="D7171" s="2">
        <v>159999</v>
      </c>
      <c r="E7171" s="1" t="s">
        <v>0</v>
      </c>
    </row>
    <row r="7172" spans="1:5" x14ac:dyDescent="0.25">
      <c r="A7172" s="2">
        <v>1434</v>
      </c>
      <c r="B7172" s="2">
        <v>1434</v>
      </c>
      <c r="C7172" s="1" t="s">
        <v>0</v>
      </c>
      <c r="D7172" s="2">
        <v>160000</v>
      </c>
      <c r="E7172" s="1" t="s">
        <v>0</v>
      </c>
    </row>
    <row r="7173" spans="1:5" x14ac:dyDescent="0.25">
      <c r="A7173" s="1" t="s">
        <v>1324</v>
      </c>
      <c r="B7173" s="1" t="s">
        <v>7058</v>
      </c>
      <c r="C7173" s="1" t="s">
        <v>23106</v>
      </c>
      <c r="D7173" s="2">
        <v>160001</v>
      </c>
      <c r="E7173" s="1" t="s">
        <v>0</v>
      </c>
    </row>
    <row r="7174" spans="1:5" x14ac:dyDescent="0.25">
      <c r="A7174" s="1" t="s">
        <v>23107</v>
      </c>
      <c r="B7174" s="1" t="s">
        <v>60717</v>
      </c>
      <c r="C7174" s="1" t="s">
        <v>23108</v>
      </c>
      <c r="D7174" s="2">
        <v>160002</v>
      </c>
      <c r="E7174" s="1" t="s">
        <v>0</v>
      </c>
    </row>
    <row r="7175" spans="1:5" ht="409.5" x14ac:dyDescent="0.25">
      <c r="A7175" s="4" t="s">
        <v>23109</v>
      </c>
      <c r="B7175" s="1" t="s">
        <v>60718</v>
      </c>
      <c r="C7175" s="1" t="s">
        <v>23110</v>
      </c>
      <c r="D7175" s="2">
        <v>160003</v>
      </c>
      <c r="E7175" s="1" t="s">
        <v>0</v>
      </c>
    </row>
    <row r="7176" spans="1:5" x14ac:dyDescent="0.25">
      <c r="A7176" s="1" t="s">
        <v>23111</v>
      </c>
      <c r="B7176" s="1" t="s">
        <v>7059</v>
      </c>
      <c r="C7176" s="1" t="s">
        <v>23111</v>
      </c>
      <c r="D7176" s="2">
        <v>160004</v>
      </c>
      <c r="E7176" s="1" t="s">
        <v>0</v>
      </c>
    </row>
    <row r="7177" spans="1:5" x14ac:dyDescent="0.25">
      <c r="A7177" s="2">
        <v>1435</v>
      </c>
      <c r="B7177" s="2">
        <v>1435</v>
      </c>
      <c r="C7177" s="1" t="s">
        <v>0</v>
      </c>
      <c r="D7177" s="2">
        <v>160005</v>
      </c>
      <c r="E7177" s="1" t="s">
        <v>0</v>
      </c>
    </row>
    <row r="7178" spans="1:5" x14ac:dyDescent="0.25">
      <c r="A7178" s="1" t="s">
        <v>1325</v>
      </c>
      <c r="B7178" s="1" t="s">
        <v>7060</v>
      </c>
      <c r="C7178" s="1" t="s">
        <v>23112</v>
      </c>
      <c r="D7178" s="2">
        <v>160006</v>
      </c>
      <c r="E7178" s="1" t="s">
        <v>0</v>
      </c>
    </row>
    <row r="7179" spans="1:5" x14ac:dyDescent="0.25">
      <c r="A7179" s="1" t="s">
        <v>23113</v>
      </c>
      <c r="B7179" s="1" t="s">
        <v>7061</v>
      </c>
      <c r="C7179" s="1" t="s">
        <v>23114</v>
      </c>
      <c r="D7179" s="2">
        <v>160007</v>
      </c>
      <c r="E7179" s="1" t="s">
        <v>0</v>
      </c>
    </row>
    <row r="7180" spans="1:5" ht="409.5" x14ac:dyDescent="0.25">
      <c r="A7180" s="4" t="s">
        <v>23115</v>
      </c>
      <c r="B7180" s="1" t="s">
        <v>60817</v>
      </c>
      <c r="C7180" s="1" t="s">
        <v>23116</v>
      </c>
      <c r="D7180" s="2">
        <v>160008</v>
      </c>
      <c r="E7180" s="1" t="s">
        <v>0</v>
      </c>
    </row>
    <row r="7181" spans="1:5" x14ac:dyDescent="0.25">
      <c r="A7181" s="1" t="s">
        <v>23117</v>
      </c>
      <c r="B7181" s="1" t="s">
        <v>52637</v>
      </c>
      <c r="C7181" s="1" t="s">
        <v>23118</v>
      </c>
      <c r="D7181" s="2">
        <v>160009</v>
      </c>
      <c r="E7181" s="1" t="s">
        <v>0</v>
      </c>
    </row>
    <row r="7182" spans="1:5" x14ac:dyDescent="0.25">
      <c r="A7182" s="2">
        <v>1436</v>
      </c>
      <c r="B7182" s="2">
        <v>1436</v>
      </c>
      <c r="C7182" s="1" t="s">
        <v>0</v>
      </c>
      <c r="D7182" s="2">
        <v>160010</v>
      </c>
      <c r="E7182" s="1" t="s">
        <v>0</v>
      </c>
    </row>
    <row r="7183" spans="1:5" x14ac:dyDescent="0.25">
      <c r="A7183" s="1" t="s">
        <v>7062</v>
      </c>
      <c r="B7183" s="1" t="s">
        <v>7063</v>
      </c>
      <c r="C7183" s="1" t="s">
        <v>23119</v>
      </c>
      <c r="D7183" s="2">
        <v>160011</v>
      </c>
      <c r="E7183" s="1" t="s">
        <v>0</v>
      </c>
    </row>
    <row r="7184" spans="1:5" x14ac:dyDescent="0.25">
      <c r="A7184" s="1" t="s">
        <v>23120</v>
      </c>
      <c r="B7184" s="1" t="s">
        <v>50572</v>
      </c>
      <c r="C7184" s="1" t="s">
        <v>23121</v>
      </c>
      <c r="D7184" s="2">
        <v>160012</v>
      </c>
      <c r="E7184" s="1" t="s">
        <v>0</v>
      </c>
    </row>
    <row r="7185" spans="1:5" x14ac:dyDescent="0.25">
      <c r="A7185" s="1" t="s">
        <v>23122</v>
      </c>
      <c r="B7185" s="1" t="s">
        <v>50573</v>
      </c>
      <c r="C7185" s="1" t="s">
        <v>23123</v>
      </c>
      <c r="D7185" s="2">
        <v>160013</v>
      </c>
      <c r="E7185" s="1" t="s">
        <v>0</v>
      </c>
    </row>
    <row r="7186" spans="1:5" x14ac:dyDescent="0.25">
      <c r="A7186" s="1" t="s">
        <v>23124</v>
      </c>
      <c r="B7186" s="1" t="s">
        <v>52638</v>
      </c>
      <c r="C7186" s="1" t="s">
        <v>23125</v>
      </c>
      <c r="D7186" s="2">
        <v>160014</v>
      </c>
      <c r="E7186" s="1" t="s">
        <v>0</v>
      </c>
    </row>
    <row r="7187" spans="1:5" x14ac:dyDescent="0.25">
      <c r="A7187" s="2">
        <v>1437</v>
      </c>
      <c r="B7187" s="2">
        <v>1437</v>
      </c>
      <c r="C7187" s="1" t="s">
        <v>0</v>
      </c>
      <c r="D7187" s="2">
        <v>160015</v>
      </c>
      <c r="E7187" s="1" t="s">
        <v>0</v>
      </c>
    </row>
    <row r="7188" spans="1:5" x14ac:dyDescent="0.25">
      <c r="A7188" s="1" t="s">
        <v>1326</v>
      </c>
      <c r="B7188" s="1" t="s">
        <v>7064</v>
      </c>
      <c r="C7188" s="1" t="s">
        <v>23126</v>
      </c>
      <c r="D7188" s="2">
        <v>160016</v>
      </c>
      <c r="E7188" s="1" t="s">
        <v>0</v>
      </c>
    </row>
    <row r="7189" spans="1:5" x14ac:dyDescent="0.25">
      <c r="A7189" s="1" t="s">
        <v>23127</v>
      </c>
      <c r="B7189" s="1" t="s">
        <v>52639</v>
      </c>
      <c r="C7189" s="1" t="s">
        <v>23128</v>
      </c>
      <c r="D7189" s="2">
        <v>160017</v>
      </c>
      <c r="E7189" s="1" t="s">
        <v>0</v>
      </c>
    </row>
    <row r="7190" spans="1:5" ht="409.5" x14ac:dyDescent="0.25">
      <c r="A7190" s="4" t="s">
        <v>23129</v>
      </c>
      <c r="B7190" s="1" t="s">
        <v>52640</v>
      </c>
      <c r="C7190" s="1" t="s">
        <v>23130</v>
      </c>
      <c r="D7190" s="2">
        <v>160018</v>
      </c>
      <c r="E7190" s="1" t="s">
        <v>0</v>
      </c>
    </row>
    <row r="7191" spans="1:5" x14ac:dyDescent="0.25">
      <c r="A7191" s="1" t="s">
        <v>23131</v>
      </c>
      <c r="B7191" s="1" t="s">
        <v>7065</v>
      </c>
      <c r="C7191" s="1" t="s">
        <v>23132</v>
      </c>
      <c r="D7191" s="2">
        <v>160019</v>
      </c>
      <c r="E7191" s="1" t="s">
        <v>0</v>
      </c>
    </row>
    <row r="7192" spans="1:5" x14ac:dyDescent="0.25">
      <c r="A7192" s="2">
        <v>1438</v>
      </c>
      <c r="B7192" s="2">
        <v>1438</v>
      </c>
      <c r="C7192" s="1" t="s">
        <v>0</v>
      </c>
      <c r="D7192" s="2">
        <v>160020</v>
      </c>
      <c r="E7192" s="1" t="s">
        <v>0</v>
      </c>
    </row>
    <row r="7193" spans="1:5" x14ac:dyDescent="0.25">
      <c r="A7193" s="1" t="s">
        <v>1327</v>
      </c>
      <c r="B7193" s="1" t="s">
        <v>52641</v>
      </c>
      <c r="C7193" s="1" t="s">
        <v>23133</v>
      </c>
      <c r="D7193" s="2">
        <v>160021</v>
      </c>
      <c r="E7193" s="1" t="s">
        <v>0</v>
      </c>
    </row>
    <row r="7194" spans="1:5" x14ac:dyDescent="0.25">
      <c r="A7194" s="1" t="s">
        <v>23134</v>
      </c>
      <c r="B7194" s="1" t="s">
        <v>52642</v>
      </c>
      <c r="C7194" s="1" t="s">
        <v>23135</v>
      </c>
      <c r="D7194" s="2">
        <v>160022</v>
      </c>
      <c r="E7194" s="1" t="s">
        <v>0</v>
      </c>
    </row>
    <row r="7195" spans="1:5" ht="409.5" x14ac:dyDescent="0.25">
      <c r="A7195" s="4" t="s">
        <v>23136</v>
      </c>
      <c r="B7195" s="1" t="s">
        <v>52643</v>
      </c>
      <c r="C7195" s="1" t="s">
        <v>23137</v>
      </c>
      <c r="D7195" s="2">
        <v>160023</v>
      </c>
      <c r="E7195" s="1" t="s">
        <v>0</v>
      </c>
    </row>
    <row r="7196" spans="1:5" x14ac:dyDescent="0.25">
      <c r="A7196" s="1" t="s">
        <v>23138</v>
      </c>
      <c r="B7196" s="1" t="s">
        <v>61022</v>
      </c>
      <c r="C7196" s="1" t="s">
        <v>23139</v>
      </c>
      <c r="D7196" s="2">
        <v>160024</v>
      </c>
      <c r="E7196" s="1" t="s">
        <v>0</v>
      </c>
    </row>
    <row r="7197" spans="1:5" x14ac:dyDescent="0.25">
      <c r="A7197" s="2">
        <v>1439</v>
      </c>
      <c r="B7197" s="2">
        <v>1439</v>
      </c>
      <c r="C7197" s="1" t="s">
        <v>0</v>
      </c>
      <c r="D7197" s="2">
        <v>160025</v>
      </c>
      <c r="E7197" s="1" t="s">
        <v>0</v>
      </c>
    </row>
    <row r="7198" spans="1:5" x14ac:dyDescent="0.25">
      <c r="A7198" s="1" t="s">
        <v>1328</v>
      </c>
      <c r="B7198" s="1" t="s">
        <v>7066</v>
      </c>
      <c r="C7198" s="1" t="s">
        <v>23140</v>
      </c>
      <c r="D7198" s="2">
        <v>160026</v>
      </c>
      <c r="E7198" s="1" t="s">
        <v>0</v>
      </c>
    </row>
    <row r="7199" spans="1:5" x14ac:dyDescent="0.25">
      <c r="A7199" s="1" t="s">
        <v>23141</v>
      </c>
      <c r="B7199" s="1" t="s">
        <v>56729</v>
      </c>
      <c r="C7199" s="1" t="s">
        <v>23142</v>
      </c>
      <c r="D7199" s="2">
        <v>160027</v>
      </c>
      <c r="E7199" s="1" t="s">
        <v>0</v>
      </c>
    </row>
    <row r="7200" spans="1:5" ht="409.5" x14ac:dyDescent="0.25">
      <c r="A7200" s="4" t="s">
        <v>23143</v>
      </c>
      <c r="B7200" s="1" t="s">
        <v>63267</v>
      </c>
      <c r="C7200" s="1" t="s">
        <v>23144</v>
      </c>
      <c r="D7200" s="2">
        <v>160028</v>
      </c>
      <c r="E7200" s="1" t="s">
        <v>0</v>
      </c>
    </row>
    <row r="7201" spans="1:5" x14ac:dyDescent="0.25">
      <c r="A7201" s="1" t="s">
        <v>23145</v>
      </c>
      <c r="B7201" s="1" t="s">
        <v>7067</v>
      </c>
      <c r="C7201" s="1" t="s">
        <v>23146</v>
      </c>
      <c r="D7201" s="2">
        <v>160029</v>
      </c>
      <c r="E7201" s="1" t="s">
        <v>0</v>
      </c>
    </row>
    <row r="7202" spans="1:5" x14ac:dyDescent="0.25">
      <c r="A7202" s="2">
        <v>1440</v>
      </c>
      <c r="B7202" s="2">
        <v>1440</v>
      </c>
      <c r="C7202" s="1" t="s">
        <v>0</v>
      </c>
      <c r="D7202" s="2">
        <v>160030</v>
      </c>
      <c r="E7202" s="1" t="s">
        <v>0</v>
      </c>
    </row>
    <row r="7203" spans="1:5" x14ac:dyDescent="0.25">
      <c r="A7203" s="1" t="s">
        <v>1329</v>
      </c>
      <c r="B7203" s="1" t="s">
        <v>7068</v>
      </c>
      <c r="C7203" s="1" t="s">
        <v>23147</v>
      </c>
      <c r="D7203" s="2">
        <v>160031</v>
      </c>
      <c r="E7203" s="1" t="s">
        <v>0</v>
      </c>
    </row>
    <row r="7204" spans="1:5" x14ac:dyDescent="0.25">
      <c r="A7204" s="1" t="s">
        <v>23148</v>
      </c>
      <c r="B7204" s="1" t="s">
        <v>52644</v>
      </c>
      <c r="C7204" s="1" t="s">
        <v>23149</v>
      </c>
      <c r="D7204" s="2">
        <v>160032</v>
      </c>
      <c r="E7204" s="1" t="s">
        <v>0</v>
      </c>
    </row>
    <row r="7205" spans="1:5" ht="409.5" x14ac:dyDescent="0.25">
      <c r="A7205" s="4" t="s">
        <v>23150</v>
      </c>
      <c r="B7205" s="1" t="s">
        <v>63268</v>
      </c>
      <c r="C7205" s="1" t="s">
        <v>23151</v>
      </c>
      <c r="D7205" s="2">
        <v>160033</v>
      </c>
      <c r="E7205" s="1" t="s">
        <v>0</v>
      </c>
    </row>
    <row r="7206" spans="1:5" x14ac:dyDescent="0.25">
      <c r="A7206" s="1" t="s">
        <v>23152</v>
      </c>
      <c r="B7206" s="1" t="s">
        <v>7069</v>
      </c>
      <c r="C7206" s="1" t="s">
        <v>23153</v>
      </c>
      <c r="D7206" s="2">
        <v>160034</v>
      </c>
      <c r="E7206" s="1" t="s">
        <v>0</v>
      </c>
    </row>
    <row r="7207" spans="1:5" x14ac:dyDescent="0.25">
      <c r="A7207" s="2">
        <v>1441</v>
      </c>
      <c r="B7207" s="2">
        <v>1441</v>
      </c>
      <c r="C7207" s="1" t="s">
        <v>0</v>
      </c>
      <c r="D7207" s="2">
        <v>160035</v>
      </c>
      <c r="E7207" s="1" t="s">
        <v>0</v>
      </c>
    </row>
    <row r="7208" spans="1:5" x14ac:dyDescent="0.25">
      <c r="A7208" s="1" t="s">
        <v>1330</v>
      </c>
      <c r="B7208" s="1" t="s">
        <v>7070</v>
      </c>
      <c r="C7208" s="1" t="s">
        <v>23154</v>
      </c>
      <c r="D7208" s="2">
        <v>160036</v>
      </c>
      <c r="E7208" s="1" t="s">
        <v>0</v>
      </c>
    </row>
    <row r="7209" spans="1:5" x14ac:dyDescent="0.25">
      <c r="A7209" s="1" t="s">
        <v>61777</v>
      </c>
      <c r="B7209" s="1" t="s">
        <v>7071</v>
      </c>
      <c r="C7209" s="1" t="s">
        <v>23155</v>
      </c>
      <c r="D7209" s="2">
        <v>160037</v>
      </c>
      <c r="E7209" s="1" t="s">
        <v>0</v>
      </c>
    </row>
    <row r="7210" spans="1:5" ht="409.5" x14ac:dyDescent="0.25">
      <c r="A7210" s="4" t="s">
        <v>61778</v>
      </c>
      <c r="B7210" s="1" t="s">
        <v>56923</v>
      </c>
      <c r="C7210" s="1" t="s">
        <v>23156</v>
      </c>
      <c r="D7210" s="2">
        <v>160038</v>
      </c>
      <c r="E7210" s="1" t="s">
        <v>0</v>
      </c>
    </row>
    <row r="7211" spans="1:5" x14ac:dyDescent="0.25">
      <c r="A7211" s="1" t="s">
        <v>23157</v>
      </c>
      <c r="B7211" s="1" t="s">
        <v>52645</v>
      </c>
      <c r="C7211" s="1" t="s">
        <v>23158</v>
      </c>
      <c r="D7211" s="2">
        <v>160039</v>
      </c>
      <c r="E7211" s="1" t="s">
        <v>0</v>
      </c>
    </row>
    <row r="7212" spans="1:5" x14ac:dyDescent="0.25">
      <c r="A7212" s="2">
        <v>1442</v>
      </c>
      <c r="B7212" s="2">
        <v>1442</v>
      </c>
      <c r="C7212" s="1" t="s">
        <v>0</v>
      </c>
      <c r="D7212" s="2">
        <v>160040</v>
      </c>
      <c r="E7212" s="1" t="s">
        <v>0</v>
      </c>
    </row>
    <row r="7213" spans="1:5" x14ac:dyDescent="0.25">
      <c r="A7213" s="1" t="s">
        <v>1331</v>
      </c>
      <c r="B7213" s="1" t="s">
        <v>59887</v>
      </c>
      <c r="C7213" s="1" t="s">
        <v>23159</v>
      </c>
      <c r="D7213" s="2">
        <v>160041</v>
      </c>
      <c r="E7213" s="1" t="s">
        <v>0</v>
      </c>
    </row>
    <row r="7214" spans="1:5" x14ac:dyDescent="0.25">
      <c r="A7214" s="1" t="s">
        <v>23160</v>
      </c>
      <c r="B7214" s="1" t="s">
        <v>59888</v>
      </c>
      <c r="C7214" s="1" t="s">
        <v>23161</v>
      </c>
      <c r="D7214" s="2">
        <v>160042</v>
      </c>
      <c r="E7214" s="1" t="s">
        <v>0</v>
      </c>
    </row>
    <row r="7215" spans="1:5" ht="409.5" x14ac:dyDescent="0.25">
      <c r="A7215" s="4" t="s">
        <v>23162</v>
      </c>
      <c r="B7215" s="1" t="s">
        <v>62254</v>
      </c>
      <c r="C7215" s="1" t="s">
        <v>23163</v>
      </c>
      <c r="D7215" s="2">
        <v>160043</v>
      </c>
      <c r="E7215" s="1" t="s">
        <v>0</v>
      </c>
    </row>
    <row r="7216" spans="1:5" x14ac:dyDescent="0.25">
      <c r="A7216" s="1" t="s">
        <v>23164</v>
      </c>
      <c r="B7216" s="1" t="s">
        <v>7072</v>
      </c>
      <c r="C7216" s="1" t="s">
        <v>23165</v>
      </c>
      <c r="D7216" s="2">
        <v>160044</v>
      </c>
      <c r="E7216" s="1" t="s">
        <v>0</v>
      </c>
    </row>
    <row r="7217" spans="1:5" x14ac:dyDescent="0.25">
      <c r="A7217" s="2">
        <v>1443</v>
      </c>
      <c r="B7217" s="2">
        <v>1443</v>
      </c>
      <c r="C7217" s="1" t="s">
        <v>0</v>
      </c>
      <c r="D7217" s="2">
        <v>160045</v>
      </c>
      <c r="E7217" s="1" t="s">
        <v>0</v>
      </c>
    </row>
    <row r="7218" spans="1:5" x14ac:dyDescent="0.25">
      <c r="A7218" s="1" t="s">
        <v>1332</v>
      </c>
      <c r="B7218" s="1" t="s">
        <v>7073</v>
      </c>
      <c r="C7218" s="1" t="s">
        <v>23166</v>
      </c>
      <c r="D7218" s="2">
        <v>160046</v>
      </c>
      <c r="E7218" s="1" t="s">
        <v>0</v>
      </c>
    </row>
    <row r="7219" spans="1:5" x14ac:dyDescent="0.25">
      <c r="A7219" s="1" t="s">
        <v>23167</v>
      </c>
      <c r="B7219" s="1" t="s">
        <v>7074</v>
      </c>
      <c r="C7219" s="1" t="s">
        <v>23168</v>
      </c>
      <c r="D7219" s="2">
        <v>160047</v>
      </c>
      <c r="E7219" s="1" t="s">
        <v>0</v>
      </c>
    </row>
    <row r="7220" spans="1:5" ht="409.5" x14ac:dyDescent="0.25">
      <c r="A7220" s="4" t="s">
        <v>23169</v>
      </c>
      <c r="B7220" s="1" t="s">
        <v>56730</v>
      </c>
      <c r="C7220" s="1" t="s">
        <v>23170</v>
      </c>
      <c r="D7220" s="2">
        <v>160048</v>
      </c>
      <c r="E7220" s="1" t="s">
        <v>0</v>
      </c>
    </row>
    <row r="7221" spans="1:5" x14ac:dyDescent="0.25">
      <c r="A7221" s="1" t="s">
        <v>23171</v>
      </c>
      <c r="B7221" s="1" t="s">
        <v>7075</v>
      </c>
      <c r="C7221" s="1" t="s">
        <v>23172</v>
      </c>
      <c r="D7221" s="2">
        <v>160049</v>
      </c>
      <c r="E7221" s="1" t="s">
        <v>0</v>
      </c>
    </row>
    <row r="7222" spans="1:5" x14ac:dyDescent="0.25">
      <c r="A7222" s="2">
        <v>1444</v>
      </c>
      <c r="B7222" s="2">
        <v>1444</v>
      </c>
      <c r="C7222" s="1" t="s">
        <v>0</v>
      </c>
      <c r="D7222" s="2">
        <v>160050</v>
      </c>
      <c r="E7222" s="1" t="s">
        <v>0</v>
      </c>
    </row>
    <row r="7223" spans="1:5" x14ac:dyDescent="0.25">
      <c r="A7223" s="1" t="s">
        <v>1333</v>
      </c>
      <c r="B7223" s="1" t="s">
        <v>7076</v>
      </c>
      <c r="C7223" s="1" t="s">
        <v>23173</v>
      </c>
      <c r="D7223" s="2">
        <v>160051</v>
      </c>
      <c r="E7223" s="1" t="s">
        <v>0</v>
      </c>
    </row>
    <row r="7224" spans="1:5" x14ac:dyDescent="0.25">
      <c r="A7224" s="1" t="s">
        <v>23174</v>
      </c>
      <c r="B7224" s="1" t="s">
        <v>56731</v>
      </c>
      <c r="C7224" s="1" t="s">
        <v>23175</v>
      </c>
      <c r="D7224" s="2">
        <v>160052</v>
      </c>
      <c r="E7224" s="1" t="s">
        <v>0</v>
      </c>
    </row>
    <row r="7225" spans="1:5" ht="409.5" x14ac:dyDescent="0.25">
      <c r="A7225" s="4" t="s">
        <v>23176</v>
      </c>
      <c r="B7225" s="1" t="s">
        <v>63659</v>
      </c>
      <c r="C7225" s="1" t="s">
        <v>23177</v>
      </c>
      <c r="D7225" s="2">
        <v>160053</v>
      </c>
      <c r="E7225" s="1" t="s">
        <v>0</v>
      </c>
    </row>
    <row r="7226" spans="1:5" x14ac:dyDescent="0.25">
      <c r="A7226" s="1" t="s">
        <v>23178</v>
      </c>
      <c r="B7226" s="1" t="s">
        <v>50574</v>
      </c>
      <c r="C7226" s="1" t="s">
        <v>23179</v>
      </c>
      <c r="D7226" s="2">
        <v>160054</v>
      </c>
      <c r="E7226" s="1" t="s">
        <v>0</v>
      </c>
    </row>
    <row r="7227" spans="1:5" x14ac:dyDescent="0.25">
      <c r="A7227" s="2">
        <v>1445</v>
      </c>
      <c r="B7227" s="2">
        <v>1445</v>
      </c>
      <c r="C7227" s="1" t="s">
        <v>0</v>
      </c>
      <c r="D7227" s="2">
        <v>160055</v>
      </c>
      <c r="E7227" s="1" t="s">
        <v>0</v>
      </c>
    </row>
    <row r="7228" spans="1:5" x14ac:dyDescent="0.25">
      <c r="A7228" s="1" t="s">
        <v>1334</v>
      </c>
      <c r="B7228" s="1" t="s">
        <v>1335</v>
      </c>
      <c r="C7228" s="1" t="s">
        <v>23180</v>
      </c>
      <c r="D7228" s="2">
        <v>160056</v>
      </c>
      <c r="E7228" s="1" t="s">
        <v>0</v>
      </c>
    </row>
    <row r="7229" spans="1:5" x14ac:dyDescent="0.25">
      <c r="A7229" s="1" t="s">
        <v>23181</v>
      </c>
      <c r="B7229" s="1" t="s">
        <v>62255</v>
      </c>
      <c r="C7229" s="1" t="s">
        <v>23182</v>
      </c>
      <c r="D7229" s="2">
        <v>160057</v>
      </c>
      <c r="E7229" s="1" t="s">
        <v>0</v>
      </c>
    </row>
    <row r="7230" spans="1:5" ht="409.5" x14ac:dyDescent="0.25">
      <c r="A7230" s="4" t="s">
        <v>23183</v>
      </c>
      <c r="B7230" s="1" t="s">
        <v>62256</v>
      </c>
      <c r="C7230" s="1" t="s">
        <v>23184</v>
      </c>
      <c r="D7230" s="2">
        <v>160058</v>
      </c>
      <c r="E7230" s="1" t="s">
        <v>0</v>
      </c>
    </row>
    <row r="7231" spans="1:5" x14ac:dyDescent="0.25">
      <c r="A7231" s="1" t="s">
        <v>23185</v>
      </c>
      <c r="B7231" s="1" t="s">
        <v>58285</v>
      </c>
      <c r="C7231" s="1" t="s">
        <v>23186</v>
      </c>
      <c r="D7231" s="2">
        <v>160059</v>
      </c>
      <c r="E7231" s="1" t="s">
        <v>0</v>
      </c>
    </row>
    <row r="7232" spans="1:5" x14ac:dyDescent="0.25">
      <c r="A7232" s="2">
        <v>1446</v>
      </c>
      <c r="B7232" s="2">
        <v>1446</v>
      </c>
      <c r="C7232" s="1" t="s">
        <v>0</v>
      </c>
      <c r="D7232" s="2">
        <v>160060</v>
      </c>
      <c r="E7232" s="1" t="s">
        <v>0</v>
      </c>
    </row>
    <row r="7233" spans="1:5" x14ac:dyDescent="0.25">
      <c r="A7233" s="1" t="s">
        <v>1336</v>
      </c>
      <c r="B7233" s="1" t="s">
        <v>7077</v>
      </c>
      <c r="C7233" s="1" t="s">
        <v>23187</v>
      </c>
      <c r="D7233" s="2">
        <v>160061</v>
      </c>
      <c r="E7233" s="1" t="s">
        <v>0</v>
      </c>
    </row>
    <row r="7234" spans="1:5" x14ac:dyDescent="0.25">
      <c r="A7234" s="1" t="s">
        <v>23188</v>
      </c>
      <c r="B7234" s="1" t="s">
        <v>62257</v>
      </c>
      <c r="C7234" s="1" t="s">
        <v>23189</v>
      </c>
      <c r="D7234" s="2">
        <v>160062</v>
      </c>
      <c r="E7234" s="1" t="s">
        <v>0</v>
      </c>
    </row>
    <row r="7235" spans="1:5" ht="409.5" x14ac:dyDescent="0.25">
      <c r="A7235" s="4" t="s">
        <v>23190</v>
      </c>
      <c r="B7235" s="1" t="s">
        <v>62258</v>
      </c>
      <c r="C7235" s="1" t="s">
        <v>23191</v>
      </c>
      <c r="D7235" s="2">
        <v>160063</v>
      </c>
      <c r="E7235" s="1" t="s">
        <v>0</v>
      </c>
    </row>
    <row r="7236" spans="1:5" x14ac:dyDescent="0.25">
      <c r="A7236" s="1" t="s">
        <v>23192</v>
      </c>
      <c r="B7236" s="1" t="s">
        <v>7078</v>
      </c>
      <c r="C7236" s="1" t="s">
        <v>23193</v>
      </c>
      <c r="D7236" s="2">
        <v>160064</v>
      </c>
      <c r="E7236" s="1" t="s">
        <v>0</v>
      </c>
    </row>
    <row r="7237" spans="1:5" x14ac:dyDescent="0.25">
      <c r="A7237" s="2">
        <v>1447</v>
      </c>
      <c r="B7237" s="2">
        <v>1447</v>
      </c>
      <c r="C7237" s="1" t="s">
        <v>0</v>
      </c>
      <c r="D7237" s="2">
        <v>160065</v>
      </c>
      <c r="E7237" s="1" t="s">
        <v>0</v>
      </c>
    </row>
    <row r="7238" spans="1:5" x14ac:dyDescent="0.25">
      <c r="A7238" s="1" t="s">
        <v>1337</v>
      </c>
      <c r="B7238" s="1" t="s">
        <v>7079</v>
      </c>
      <c r="C7238" s="1" t="s">
        <v>23194</v>
      </c>
      <c r="D7238" s="2">
        <v>160066</v>
      </c>
      <c r="E7238" s="1" t="s">
        <v>0</v>
      </c>
    </row>
    <row r="7239" spans="1:5" x14ac:dyDescent="0.25">
      <c r="A7239" s="1" t="s">
        <v>23195</v>
      </c>
      <c r="B7239" s="1" t="s">
        <v>7080</v>
      </c>
      <c r="C7239" s="1" t="s">
        <v>23196</v>
      </c>
      <c r="D7239" s="2">
        <v>160067</v>
      </c>
      <c r="E7239" s="1" t="s">
        <v>0</v>
      </c>
    </row>
    <row r="7240" spans="1:5" ht="409.5" x14ac:dyDescent="0.25">
      <c r="A7240" s="4" t="s">
        <v>23197</v>
      </c>
      <c r="B7240" s="1" t="s">
        <v>52646</v>
      </c>
      <c r="C7240" s="1" t="s">
        <v>23198</v>
      </c>
      <c r="D7240" s="2">
        <v>160068</v>
      </c>
      <c r="E7240" s="1" t="s">
        <v>0</v>
      </c>
    </row>
    <row r="7241" spans="1:5" x14ac:dyDescent="0.25">
      <c r="A7241" s="1" t="s">
        <v>23199</v>
      </c>
      <c r="B7241" s="1" t="s">
        <v>52647</v>
      </c>
      <c r="C7241" s="1" t="s">
        <v>23200</v>
      </c>
      <c r="D7241" s="2">
        <v>160069</v>
      </c>
      <c r="E7241" s="1" t="s">
        <v>0</v>
      </c>
    </row>
    <row r="7242" spans="1:5" x14ac:dyDescent="0.25">
      <c r="A7242" s="2">
        <v>1448</v>
      </c>
      <c r="B7242" s="2">
        <v>1448</v>
      </c>
      <c r="C7242" s="1" t="s">
        <v>0</v>
      </c>
      <c r="D7242" s="2">
        <v>160070</v>
      </c>
      <c r="E7242" s="1" t="s">
        <v>0</v>
      </c>
    </row>
    <row r="7243" spans="1:5" x14ac:dyDescent="0.25">
      <c r="A7243" s="1" t="s">
        <v>1338</v>
      </c>
      <c r="B7243" s="1" t="s">
        <v>52648</v>
      </c>
      <c r="C7243" s="1" t="s">
        <v>23201</v>
      </c>
      <c r="D7243" s="2">
        <v>160071</v>
      </c>
      <c r="E7243" s="1" t="s">
        <v>0</v>
      </c>
    </row>
    <row r="7244" spans="1:5" x14ac:dyDescent="0.25">
      <c r="A7244" s="1" t="s">
        <v>23202</v>
      </c>
      <c r="B7244" s="1" t="s">
        <v>52649</v>
      </c>
      <c r="C7244" s="1" t="s">
        <v>23203</v>
      </c>
      <c r="D7244" s="2">
        <v>160072</v>
      </c>
      <c r="E7244" s="1" t="s">
        <v>0</v>
      </c>
    </row>
    <row r="7245" spans="1:5" ht="409.5" x14ac:dyDescent="0.25">
      <c r="A7245" s="4" t="s">
        <v>23204</v>
      </c>
      <c r="B7245" s="1" t="s">
        <v>58064</v>
      </c>
      <c r="C7245" s="1" t="s">
        <v>23205</v>
      </c>
      <c r="D7245" s="2">
        <v>160073</v>
      </c>
      <c r="E7245" s="1" t="s">
        <v>0</v>
      </c>
    </row>
    <row r="7246" spans="1:5" x14ac:dyDescent="0.25">
      <c r="A7246" s="1" t="s">
        <v>23206</v>
      </c>
      <c r="B7246" s="1" t="s">
        <v>52650</v>
      </c>
      <c r="C7246" s="1" t="s">
        <v>23207</v>
      </c>
      <c r="D7246" s="2">
        <v>160074</v>
      </c>
      <c r="E7246" s="1" t="s">
        <v>0</v>
      </c>
    </row>
    <row r="7247" spans="1:5" x14ac:dyDescent="0.25">
      <c r="A7247" s="2">
        <v>1449</v>
      </c>
      <c r="B7247" s="2">
        <v>1449</v>
      </c>
      <c r="C7247" s="1" t="s">
        <v>0</v>
      </c>
      <c r="D7247" s="2">
        <v>160075</v>
      </c>
      <c r="E7247" s="1" t="s">
        <v>0</v>
      </c>
    </row>
    <row r="7248" spans="1:5" x14ac:dyDescent="0.25">
      <c r="A7248" s="1" t="s">
        <v>1339</v>
      </c>
      <c r="B7248" s="1" t="s">
        <v>7081</v>
      </c>
      <c r="C7248" s="1" t="s">
        <v>23208</v>
      </c>
      <c r="D7248" s="2">
        <v>160076</v>
      </c>
      <c r="E7248" s="1" t="s">
        <v>0</v>
      </c>
    </row>
    <row r="7249" spans="1:5" x14ac:dyDescent="0.25">
      <c r="A7249" s="1" t="s">
        <v>23209</v>
      </c>
      <c r="B7249" s="1" t="s">
        <v>7082</v>
      </c>
      <c r="C7249" s="1" t="s">
        <v>23210</v>
      </c>
      <c r="D7249" s="2">
        <v>160077</v>
      </c>
      <c r="E7249" s="1" t="s">
        <v>0</v>
      </c>
    </row>
    <row r="7250" spans="1:5" ht="409.5" x14ac:dyDescent="0.25">
      <c r="A7250" s="4" t="s">
        <v>23211</v>
      </c>
      <c r="B7250" s="1" t="s">
        <v>23212</v>
      </c>
      <c r="C7250" s="1" t="s">
        <v>23213</v>
      </c>
      <c r="D7250" s="2">
        <v>160078</v>
      </c>
      <c r="E7250" s="1" t="s">
        <v>0</v>
      </c>
    </row>
    <row r="7251" spans="1:5" x14ac:dyDescent="0.25">
      <c r="A7251" s="1" t="s">
        <v>23214</v>
      </c>
      <c r="B7251" s="1" t="s">
        <v>52651</v>
      </c>
      <c r="C7251" s="1" t="s">
        <v>23215</v>
      </c>
      <c r="D7251" s="2">
        <v>160079</v>
      </c>
      <c r="E7251" s="1" t="s">
        <v>0</v>
      </c>
    </row>
    <row r="7252" spans="1:5" x14ac:dyDescent="0.25">
      <c r="A7252" s="2">
        <v>1450</v>
      </c>
      <c r="B7252" s="2">
        <v>1450</v>
      </c>
      <c r="C7252" s="1" t="s">
        <v>0</v>
      </c>
      <c r="D7252" s="2">
        <v>160080</v>
      </c>
      <c r="E7252" s="1" t="s">
        <v>0</v>
      </c>
    </row>
    <row r="7253" spans="1:5" x14ac:dyDescent="0.25">
      <c r="A7253" s="1" t="s">
        <v>1340</v>
      </c>
      <c r="B7253" s="1" t="s">
        <v>7083</v>
      </c>
      <c r="C7253" s="1" t="s">
        <v>23216</v>
      </c>
      <c r="D7253" s="2">
        <v>160081</v>
      </c>
      <c r="E7253" s="1" t="s">
        <v>0</v>
      </c>
    </row>
    <row r="7254" spans="1:5" x14ac:dyDescent="0.25">
      <c r="A7254" s="1" t="s">
        <v>23217</v>
      </c>
      <c r="B7254" s="1" t="s">
        <v>7084</v>
      </c>
      <c r="C7254" s="1" t="s">
        <v>23218</v>
      </c>
      <c r="D7254" s="2">
        <v>160082</v>
      </c>
      <c r="E7254" s="1" t="s">
        <v>0</v>
      </c>
    </row>
    <row r="7255" spans="1:5" ht="409.5" x14ac:dyDescent="0.25">
      <c r="A7255" s="4" t="s">
        <v>23219</v>
      </c>
      <c r="B7255" s="1" t="s">
        <v>7085</v>
      </c>
      <c r="C7255" s="1" t="s">
        <v>23220</v>
      </c>
      <c r="D7255" s="2">
        <v>160083</v>
      </c>
      <c r="E7255" s="1" t="s">
        <v>0</v>
      </c>
    </row>
    <row r="7256" spans="1:5" x14ac:dyDescent="0.25">
      <c r="A7256" s="1" t="s">
        <v>23221</v>
      </c>
      <c r="B7256" s="1" t="s">
        <v>52652</v>
      </c>
      <c r="C7256" s="1" t="s">
        <v>23222</v>
      </c>
      <c r="D7256" s="2">
        <v>160084</v>
      </c>
      <c r="E7256" s="1" t="s">
        <v>0</v>
      </c>
    </row>
    <row r="7257" spans="1:5" x14ac:dyDescent="0.25">
      <c r="A7257" s="2">
        <v>1451</v>
      </c>
      <c r="B7257" s="2">
        <v>1451</v>
      </c>
      <c r="C7257" s="1" t="s">
        <v>0</v>
      </c>
      <c r="D7257" s="2">
        <v>160085</v>
      </c>
      <c r="E7257" s="1" t="s">
        <v>0</v>
      </c>
    </row>
    <row r="7258" spans="1:5" x14ac:dyDescent="0.25">
      <c r="A7258" s="1" t="s">
        <v>1341</v>
      </c>
      <c r="B7258" s="1" t="s">
        <v>52653</v>
      </c>
      <c r="C7258" s="1" t="s">
        <v>23223</v>
      </c>
      <c r="D7258" s="2">
        <v>160086</v>
      </c>
      <c r="E7258" s="1" t="s">
        <v>0</v>
      </c>
    </row>
    <row r="7259" spans="1:5" x14ac:dyDescent="0.25">
      <c r="A7259" s="1" t="s">
        <v>23224</v>
      </c>
      <c r="B7259" s="1" t="s">
        <v>52654</v>
      </c>
      <c r="C7259" s="1" t="s">
        <v>23225</v>
      </c>
      <c r="D7259" s="2">
        <v>160087</v>
      </c>
      <c r="E7259" s="1" t="s">
        <v>0</v>
      </c>
    </row>
    <row r="7260" spans="1:5" ht="409.5" x14ac:dyDescent="0.25">
      <c r="A7260" s="4" t="s">
        <v>23226</v>
      </c>
      <c r="B7260" s="1" t="s">
        <v>52655</v>
      </c>
      <c r="C7260" s="1" t="s">
        <v>23227</v>
      </c>
      <c r="D7260" s="2">
        <v>160088</v>
      </c>
      <c r="E7260" s="1" t="s">
        <v>0</v>
      </c>
    </row>
    <row r="7261" spans="1:5" x14ac:dyDescent="0.25">
      <c r="A7261" s="1" t="s">
        <v>23228</v>
      </c>
      <c r="B7261" s="1" t="s">
        <v>52656</v>
      </c>
      <c r="C7261" s="1" t="s">
        <v>23229</v>
      </c>
      <c r="D7261" s="2">
        <v>160089</v>
      </c>
      <c r="E7261" s="1" t="s">
        <v>0</v>
      </c>
    </row>
    <row r="7262" spans="1:5" x14ac:dyDescent="0.25">
      <c r="A7262" s="2">
        <v>1452</v>
      </c>
      <c r="B7262" s="2">
        <v>1452</v>
      </c>
      <c r="C7262" s="1" t="s">
        <v>0</v>
      </c>
      <c r="D7262" s="2">
        <v>160090</v>
      </c>
      <c r="E7262" s="1" t="s">
        <v>0</v>
      </c>
    </row>
    <row r="7263" spans="1:5" x14ac:dyDescent="0.25">
      <c r="A7263" s="1" t="s">
        <v>1342</v>
      </c>
      <c r="B7263" s="1" t="s">
        <v>7086</v>
      </c>
      <c r="C7263" s="1" t="s">
        <v>23230</v>
      </c>
      <c r="D7263" s="2">
        <v>160091</v>
      </c>
      <c r="E7263" s="1" t="s">
        <v>0</v>
      </c>
    </row>
    <row r="7264" spans="1:5" x14ac:dyDescent="0.25">
      <c r="A7264" s="1" t="s">
        <v>23231</v>
      </c>
      <c r="B7264" s="1" t="s">
        <v>52657</v>
      </c>
      <c r="C7264" s="1" t="s">
        <v>23232</v>
      </c>
      <c r="D7264" s="2">
        <v>160092</v>
      </c>
      <c r="E7264" s="1" t="s">
        <v>0</v>
      </c>
    </row>
    <row r="7265" spans="1:5" ht="409.5" x14ac:dyDescent="0.25">
      <c r="A7265" s="4" t="s">
        <v>23233</v>
      </c>
      <c r="B7265" s="1" t="s">
        <v>59584</v>
      </c>
      <c r="C7265" s="1" t="s">
        <v>23234</v>
      </c>
      <c r="D7265" s="2">
        <v>160093</v>
      </c>
      <c r="E7265" s="1" t="s">
        <v>0</v>
      </c>
    </row>
    <row r="7266" spans="1:5" x14ac:dyDescent="0.25">
      <c r="A7266" s="1" t="s">
        <v>23235</v>
      </c>
      <c r="B7266" s="1" t="s">
        <v>52658</v>
      </c>
      <c r="C7266" s="1" t="s">
        <v>23236</v>
      </c>
      <c r="D7266" s="2">
        <v>160094</v>
      </c>
      <c r="E7266" s="1" t="s">
        <v>0</v>
      </c>
    </row>
    <row r="7267" spans="1:5" x14ac:dyDescent="0.25">
      <c r="A7267" s="2">
        <v>1453</v>
      </c>
      <c r="B7267" s="2">
        <v>1453</v>
      </c>
      <c r="C7267" s="1" t="s">
        <v>0</v>
      </c>
      <c r="D7267" s="2">
        <v>160095</v>
      </c>
      <c r="E7267" s="1" t="s">
        <v>0</v>
      </c>
    </row>
    <row r="7268" spans="1:5" x14ac:dyDescent="0.25">
      <c r="A7268" s="1" t="s">
        <v>1343</v>
      </c>
      <c r="B7268" s="1" t="s">
        <v>7087</v>
      </c>
      <c r="C7268" s="1" t="s">
        <v>23237</v>
      </c>
      <c r="D7268" s="2">
        <v>160096</v>
      </c>
      <c r="E7268" s="1" t="s">
        <v>0</v>
      </c>
    </row>
    <row r="7269" spans="1:5" x14ac:dyDescent="0.25">
      <c r="A7269" s="1" t="s">
        <v>23238</v>
      </c>
      <c r="B7269" s="1" t="s">
        <v>7088</v>
      </c>
      <c r="C7269" s="1" t="s">
        <v>23239</v>
      </c>
      <c r="D7269" s="2">
        <v>160097</v>
      </c>
      <c r="E7269" s="1" t="s">
        <v>0</v>
      </c>
    </row>
    <row r="7270" spans="1:5" ht="409.5" x14ac:dyDescent="0.25">
      <c r="A7270" s="4" t="s">
        <v>23240</v>
      </c>
      <c r="B7270" s="1" t="s">
        <v>63269</v>
      </c>
      <c r="C7270" s="1" t="s">
        <v>23241</v>
      </c>
      <c r="D7270" s="2">
        <v>160098</v>
      </c>
      <c r="E7270" s="1" t="s">
        <v>0</v>
      </c>
    </row>
    <row r="7271" spans="1:5" x14ac:dyDescent="0.25">
      <c r="A7271" s="1" t="s">
        <v>23242</v>
      </c>
      <c r="B7271" s="1" t="s">
        <v>52659</v>
      </c>
      <c r="C7271" s="1" t="s">
        <v>23243</v>
      </c>
      <c r="D7271" s="2">
        <v>160099</v>
      </c>
      <c r="E7271" s="1" t="s">
        <v>0</v>
      </c>
    </row>
    <row r="7272" spans="1:5" x14ac:dyDescent="0.25">
      <c r="A7272" s="2">
        <v>1454</v>
      </c>
      <c r="B7272" s="2">
        <v>1454</v>
      </c>
      <c r="C7272" s="1" t="s">
        <v>0</v>
      </c>
      <c r="D7272" s="2">
        <v>160100</v>
      </c>
      <c r="E7272" s="1" t="s">
        <v>0</v>
      </c>
    </row>
    <row r="7273" spans="1:5" x14ac:dyDescent="0.25">
      <c r="A7273" s="1" t="s">
        <v>1344</v>
      </c>
      <c r="B7273" s="1" t="s">
        <v>7089</v>
      </c>
      <c r="C7273" s="1" t="s">
        <v>23244</v>
      </c>
      <c r="D7273" s="2">
        <v>160101</v>
      </c>
      <c r="E7273" s="1" t="s">
        <v>0</v>
      </c>
    </row>
    <row r="7274" spans="1:5" x14ac:dyDescent="0.25">
      <c r="A7274" s="1" t="s">
        <v>23245</v>
      </c>
      <c r="B7274" s="1" t="s">
        <v>63660</v>
      </c>
      <c r="C7274" s="1" t="s">
        <v>23246</v>
      </c>
      <c r="D7274" s="2">
        <v>160102</v>
      </c>
      <c r="E7274" s="1" t="s">
        <v>0</v>
      </c>
    </row>
    <row r="7275" spans="1:5" ht="409.5" x14ac:dyDescent="0.25">
      <c r="A7275" s="4" t="s">
        <v>23247</v>
      </c>
      <c r="B7275" s="1" t="s">
        <v>63661</v>
      </c>
      <c r="C7275" s="1" t="s">
        <v>23248</v>
      </c>
      <c r="D7275" s="2">
        <v>160103</v>
      </c>
      <c r="E7275" s="1" t="s">
        <v>0</v>
      </c>
    </row>
    <row r="7276" spans="1:5" x14ac:dyDescent="0.25">
      <c r="A7276" s="1" t="s">
        <v>23249</v>
      </c>
      <c r="B7276" s="1" t="s">
        <v>7090</v>
      </c>
      <c r="C7276" s="1" t="s">
        <v>23250</v>
      </c>
      <c r="D7276" s="2">
        <v>160104</v>
      </c>
      <c r="E7276" s="1" t="s">
        <v>0</v>
      </c>
    </row>
    <row r="7277" spans="1:5" x14ac:dyDescent="0.25">
      <c r="A7277" s="2">
        <v>1455</v>
      </c>
      <c r="B7277" s="2">
        <v>1455</v>
      </c>
      <c r="C7277" s="1" t="s">
        <v>0</v>
      </c>
      <c r="D7277" s="2">
        <v>160105</v>
      </c>
      <c r="E7277" s="1" t="s">
        <v>0</v>
      </c>
    </row>
    <row r="7278" spans="1:5" x14ac:dyDescent="0.25">
      <c r="A7278" s="1" t="s">
        <v>1345</v>
      </c>
      <c r="B7278" s="1" t="s">
        <v>57785</v>
      </c>
      <c r="C7278" s="1" t="s">
        <v>23251</v>
      </c>
      <c r="D7278" s="2">
        <v>160106</v>
      </c>
      <c r="E7278" s="1" t="s">
        <v>0</v>
      </c>
    </row>
    <row r="7279" spans="1:5" x14ac:dyDescent="0.25">
      <c r="A7279" s="1" t="s">
        <v>23252</v>
      </c>
      <c r="B7279" s="1" t="s">
        <v>57786</v>
      </c>
      <c r="C7279" s="1" t="s">
        <v>23253</v>
      </c>
      <c r="D7279" s="2">
        <v>160107</v>
      </c>
      <c r="E7279" s="1" t="s">
        <v>0</v>
      </c>
    </row>
    <row r="7280" spans="1:5" ht="409.5" x14ac:dyDescent="0.25">
      <c r="A7280" s="4" t="s">
        <v>23254</v>
      </c>
      <c r="B7280" s="1" t="s">
        <v>57787</v>
      </c>
      <c r="C7280" s="1" t="s">
        <v>23255</v>
      </c>
      <c r="D7280" s="2">
        <v>160108</v>
      </c>
      <c r="E7280" s="1" t="s">
        <v>0</v>
      </c>
    </row>
    <row r="7281" spans="1:5" x14ac:dyDescent="0.25">
      <c r="A7281" s="1" t="s">
        <v>23256</v>
      </c>
      <c r="B7281" s="1" t="s">
        <v>52660</v>
      </c>
      <c r="C7281" s="1" t="s">
        <v>23257</v>
      </c>
      <c r="D7281" s="2">
        <v>160109</v>
      </c>
      <c r="E7281" s="1" t="s">
        <v>0</v>
      </c>
    </row>
    <row r="7282" spans="1:5" x14ac:dyDescent="0.25">
      <c r="A7282" s="2">
        <v>1456</v>
      </c>
      <c r="B7282" s="2">
        <v>1456</v>
      </c>
      <c r="C7282" s="1" t="s">
        <v>0</v>
      </c>
      <c r="D7282" s="2">
        <v>160110</v>
      </c>
      <c r="E7282" s="1" t="s">
        <v>0</v>
      </c>
    </row>
    <row r="7283" spans="1:5" x14ac:dyDescent="0.25">
      <c r="A7283" s="1" t="s">
        <v>1346</v>
      </c>
      <c r="B7283" s="1" t="s">
        <v>7091</v>
      </c>
      <c r="C7283" s="1" t="s">
        <v>23258</v>
      </c>
      <c r="D7283" s="2">
        <v>160111</v>
      </c>
      <c r="E7283" s="1" t="s">
        <v>0</v>
      </c>
    </row>
    <row r="7284" spans="1:5" x14ac:dyDescent="0.25">
      <c r="A7284" s="1" t="s">
        <v>23259</v>
      </c>
      <c r="B7284" s="1" t="s">
        <v>7092</v>
      </c>
      <c r="C7284" s="1" t="s">
        <v>23260</v>
      </c>
      <c r="D7284" s="2">
        <v>160112</v>
      </c>
      <c r="E7284" s="1" t="s">
        <v>0</v>
      </c>
    </row>
    <row r="7285" spans="1:5" ht="409.5" x14ac:dyDescent="0.25">
      <c r="A7285" s="4" t="s">
        <v>64079</v>
      </c>
      <c r="B7285" s="1" t="s">
        <v>59585</v>
      </c>
      <c r="C7285" s="1" t="s">
        <v>23261</v>
      </c>
      <c r="D7285" s="2">
        <v>160113</v>
      </c>
      <c r="E7285" s="1" t="s">
        <v>0</v>
      </c>
    </row>
    <row r="7286" spans="1:5" x14ac:dyDescent="0.25">
      <c r="A7286" s="1" t="s">
        <v>23262</v>
      </c>
      <c r="B7286" s="1" t="s">
        <v>52661</v>
      </c>
      <c r="C7286" s="1" t="s">
        <v>23263</v>
      </c>
      <c r="D7286" s="2">
        <v>160114</v>
      </c>
      <c r="E7286" s="1" t="s">
        <v>0</v>
      </c>
    </row>
    <row r="7287" spans="1:5" x14ac:dyDescent="0.25">
      <c r="A7287" s="2">
        <v>1457</v>
      </c>
      <c r="B7287" s="2">
        <v>1457</v>
      </c>
      <c r="C7287" s="1" t="s">
        <v>0</v>
      </c>
      <c r="D7287" s="2">
        <v>160115</v>
      </c>
      <c r="E7287" s="1" t="s">
        <v>0</v>
      </c>
    </row>
    <row r="7288" spans="1:5" x14ac:dyDescent="0.25">
      <c r="A7288" s="1" t="s">
        <v>1347</v>
      </c>
      <c r="B7288" s="1" t="s">
        <v>57788</v>
      </c>
      <c r="C7288" s="1" t="s">
        <v>23264</v>
      </c>
      <c r="D7288" s="2">
        <v>160116</v>
      </c>
      <c r="E7288" s="1" t="s">
        <v>0</v>
      </c>
    </row>
    <row r="7289" spans="1:5" x14ac:dyDescent="0.25">
      <c r="A7289" s="1" t="s">
        <v>23265</v>
      </c>
      <c r="B7289" s="1" t="s">
        <v>57789</v>
      </c>
      <c r="C7289" s="1" t="s">
        <v>23266</v>
      </c>
      <c r="D7289" s="2">
        <v>160117</v>
      </c>
      <c r="E7289" s="1" t="s">
        <v>0</v>
      </c>
    </row>
    <row r="7290" spans="1:5" ht="409.5" x14ac:dyDescent="0.25">
      <c r="A7290" s="4" t="s">
        <v>23267</v>
      </c>
      <c r="B7290" s="1" t="s">
        <v>57790</v>
      </c>
      <c r="C7290" s="1" t="s">
        <v>23268</v>
      </c>
      <c r="D7290" s="2">
        <v>160118</v>
      </c>
      <c r="E7290" s="1" t="s">
        <v>0</v>
      </c>
    </row>
    <row r="7291" spans="1:5" x14ac:dyDescent="0.25">
      <c r="A7291" s="1" t="s">
        <v>23269</v>
      </c>
      <c r="B7291" s="1" t="s">
        <v>52662</v>
      </c>
      <c r="C7291" s="1" t="s">
        <v>23270</v>
      </c>
      <c r="D7291" s="2">
        <v>160119</v>
      </c>
      <c r="E7291" s="1" t="s">
        <v>0</v>
      </c>
    </row>
    <row r="7292" spans="1:5" x14ac:dyDescent="0.25">
      <c r="A7292" s="2">
        <v>1458</v>
      </c>
      <c r="B7292" s="2">
        <v>1458</v>
      </c>
      <c r="C7292" s="1" t="s">
        <v>0</v>
      </c>
      <c r="D7292" s="2">
        <v>160120</v>
      </c>
      <c r="E7292" s="1" t="s">
        <v>0</v>
      </c>
    </row>
    <row r="7293" spans="1:5" x14ac:dyDescent="0.25">
      <c r="A7293" s="1" t="s">
        <v>1348</v>
      </c>
      <c r="B7293" s="1" t="s">
        <v>7093</v>
      </c>
      <c r="C7293" s="1" t="s">
        <v>23271</v>
      </c>
      <c r="D7293" s="2">
        <v>160121</v>
      </c>
      <c r="E7293" s="1" t="s">
        <v>0</v>
      </c>
    </row>
    <row r="7294" spans="1:5" x14ac:dyDescent="0.25">
      <c r="A7294" s="1" t="s">
        <v>23272</v>
      </c>
      <c r="B7294" s="1" t="s">
        <v>52663</v>
      </c>
      <c r="C7294" s="1" t="s">
        <v>23273</v>
      </c>
      <c r="D7294" s="2">
        <v>160122</v>
      </c>
      <c r="E7294" s="1" t="s">
        <v>0</v>
      </c>
    </row>
    <row r="7295" spans="1:5" ht="409.5" x14ac:dyDescent="0.25">
      <c r="A7295" s="4" t="s">
        <v>23274</v>
      </c>
      <c r="B7295" s="1" t="s">
        <v>59586</v>
      </c>
      <c r="C7295" s="1" t="s">
        <v>23275</v>
      </c>
      <c r="D7295" s="2">
        <v>160123</v>
      </c>
      <c r="E7295" s="1" t="s">
        <v>0</v>
      </c>
    </row>
    <row r="7296" spans="1:5" x14ac:dyDescent="0.25">
      <c r="A7296" s="1" t="s">
        <v>23276</v>
      </c>
      <c r="B7296" s="1" t="s">
        <v>52664</v>
      </c>
      <c r="C7296" s="1" t="s">
        <v>23277</v>
      </c>
      <c r="D7296" s="2">
        <v>160124</v>
      </c>
      <c r="E7296" s="1" t="s">
        <v>0</v>
      </c>
    </row>
    <row r="7297" spans="1:5" x14ac:dyDescent="0.25">
      <c r="A7297" s="2">
        <v>1459</v>
      </c>
      <c r="B7297" s="2">
        <v>1459</v>
      </c>
      <c r="C7297" s="1" t="s">
        <v>0</v>
      </c>
      <c r="D7297" s="2">
        <v>160125</v>
      </c>
      <c r="E7297" s="1" t="s">
        <v>0</v>
      </c>
    </row>
    <row r="7298" spans="1:5" x14ac:dyDescent="0.25">
      <c r="A7298" s="1" t="s">
        <v>1349</v>
      </c>
      <c r="B7298" s="1" t="s">
        <v>7094</v>
      </c>
      <c r="C7298" s="1" t="s">
        <v>23278</v>
      </c>
      <c r="D7298" s="2">
        <v>160126</v>
      </c>
      <c r="E7298" s="1" t="s">
        <v>0</v>
      </c>
    </row>
    <row r="7299" spans="1:5" x14ac:dyDescent="0.25">
      <c r="A7299" s="1" t="s">
        <v>23279</v>
      </c>
      <c r="B7299" s="1" t="s">
        <v>7095</v>
      </c>
      <c r="C7299" s="1" t="s">
        <v>23280</v>
      </c>
      <c r="D7299" s="2">
        <v>160127</v>
      </c>
      <c r="E7299" s="1" t="s">
        <v>0</v>
      </c>
    </row>
    <row r="7300" spans="1:5" ht="409.5" x14ac:dyDescent="0.25">
      <c r="A7300" s="4" t="s">
        <v>23281</v>
      </c>
      <c r="B7300" s="1" t="s">
        <v>57791</v>
      </c>
      <c r="C7300" s="1" t="s">
        <v>23282</v>
      </c>
      <c r="D7300" s="2">
        <v>160128</v>
      </c>
      <c r="E7300" s="1" t="s">
        <v>0</v>
      </c>
    </row>
    <row r="7301" spans="1:5" x14ac:dyDescent="0.25">
      <c r="A7301" s="1" t="s">
        <v>23283</v>
      </c>
      <c r="B7301" s="1" t="s">
        <v>52665</v>
      </c>
      <c r="C7301" s="1" t="s">
        <v>23284</v>
      </c>
      <c r="D7301" s="2">
        <v>160129</v>
      </c>
      <c r="E7301" s="1" t="s">
        <v>0</v>
      </c>
    </row>
    <row r="7302" spans="1:5" x14ac:dyDescent="0.25">
      <c r="A7302" s="2">
        <v>1460</v>
      </c>
      <c r="B7302" s="2">
        <v>1460</v>
      </c>
      <c r="C7302" s="1" t="s">
        <v>0</v>
      </c>
      <c r="D7302" s="2">
        <v>160130</v>
      </c>
      <c r="E7302" s="1" t="s">
        <v>0</v>
      </c>
    </row>
    <row r="7303" spans="1:5" x14ac:dyDescent="0.25">
      <c r="A7303" s="1" t="s">
        <v>1350</v>
      </c>
      <c r="B7303" s="1" t="s">
        <v>7096</v>
      </c>
      <c r="C7303" s="1" t="s">
        <v>23285</v>
      </c>
      <c r="D7303" s="2">
        <v>160131</v>
      </c>
      <c r="E7303" s="1" t="s">
        <v>0</v>
      </c>
    </row>
    <row r="7304" spans="1:5" x14ac:dyDescent="0.25">
      <c r="A7304" s="1" t="s">
        <v>23286</v>
      </c>
      <c r="B7304" s="1" t="s">
        <v>7097</v>
      </c>
      <c r="C7304" s="1" t="s">
        <v>23287</v>
      </c>
      <c r="D7304" s="2">
        <v>160132</v>
      </c>
      <c r="E7304" s="1" t="s">
        <v>0</v>
      </c>
    </row>
    <row r="7305" spans="1:5" ht="409.5" x14ac:dyDescent="0.25">
      <c r="A7305" s="4" t="s">
        <v>23288</v>
      </c>
      <c r="B7305" s="1" t="s">
        <v>58286</v>
      </c>
      <c r="C7305" s="1" t="s">
        <v>23289</v>
      </c>
      <c r="D7305" s="2">
        <v>160133</v>
      </c>
      <c r="E7305" s="1" t="s">
        <v>0</v>
      </c>
    </row>
    <row r="7306" spans="1:5" x14ac:dyDescent="0.25">
      <c r="A7306" s="1" t="s">
        <v>23290</v>
      </c>
      <c r="B7306" s="1" t="s">
        <v>57170</v>
      </c>
      <c r="C7306" s="1" t="s">
        <v>23291</v>
      </c>
      <c r="D7306" s="2">
        <v>160134</v>
      </c>
      <c r="E7306" s="1" t="s">
        <v>0</v>
      </c>
    </row>
    <row r="7307" spans="1:5" x14ac:dyDescent="0.25">
      <c r="A7307" s="2">
        <v>1461</v>
      </c>
      <c r="B7307" s="2">
        <v>1461</v>
      </c>
      <c r="C7307" s="1" t="s">
        <v>0</v>
      </c>
      <c r="D7307" s="2">
        <v>160135</v>
      </c>
      <c r="E7307" s="1" t="s">
        <v>0</v>
      </c>
    </row>
    <row r="7308" spans="1:5" x14ac:dyDescent="0.25">
      <c r="A7308" s="1" t="s">
        <v>1351</v>
      </c>
      <c r="B7308" s="1" t="s">
        <v>59889</v>
      </c>
      <c r="C7308" s="1" t="s">
        <v>23292</v>
      </c>
      <c r="D7308" s="2">
        <v>160136</v>
      </c>
      <c r="E7308" s="1" t="s">
        <v>0</v>
      </c>
    </row>
    <row r="7309" spans="1:5" x14ac:dyDescent="0.25">
      <c r="A7309" s="1" t="s">
        <v>23293</v>
      </c>
      <c r="B7309" s="1" t="s">
        <v>62259</v>
      </c>
      <c r="C7309" s="1" t="s">
        <v>23294</v>
      </c>
      <c r="D7309" s="2">
        <v>160137</v>
      </c>
      <c r="E7309" s="1" t="s">
        <v>0</v>
      </c>
    </row>
    <row r="7310" spans="1:5" ht="409.5" x14ac:dyDescent="0.25">
      <c r="A7310" s="4" t="s">
        <v>23295</v>
      </c>
      <c r="B7310" s="1" t="s">
        <v>62260</v>
      </c>
      <c r="C7310" s="1" t="s">
        <v>23296</v>
      </c>
      <c r="D7310" s="2">
        <v>160138</v>
      </c>
      <c r="E7310" s="1" t="s">
        <v>0</v>
      </c>
    </row>
    <row r="7311" spans="1:5" x14ac:dyDescent="0.25">
      <c r="A7311" s="1" t="s">
        <v>23297</v>
      </c>
      <c r="B7311" s="1" t="s">
        <v>7098</v>
      </c>
      <c r="C7311" s="1" t="s">
        <v>23298</v>
      </c>
      <c r="D7311" s="2">
        <v>160139</v>
      </c>
      <c r="E7311" s="1" t="s">
        <v>0</v>
      </c>
    </row>
    <row r="7312" spans="1:5" x14ac:dyDescent="0.25">
      <c r="A7312" s="2">
        <v>1462</v>
      </c>
      <c r="B7312" s="2">
        <v>1462</v>
      </c>
      <c r="C7312" s="1" t="s">
        <v>0</v>
      </c>
      <c r="D7312" s="2">
        <v>160140</v>
      </c>
      <c r="E7312" s="1" t="s">
        <v>0</v>
      </c>
    </row>
    <row r="7313" spans="1:5" x14ac:dyDescent="0.25">
      <c r="A7313" s="1" t="s">
        <v>1352</v>
      </c>
      <c r="B7313" s="1" t="s">
        <v>7099</v>
      </c>
      <c r="C7313" s="1" t="s">
        <v>23299</v>
      </c>
      <c r="D7313" s="2">
        <v>160141</v>
      </c>
      <c r="E7313" s="1" t="s">
        <v>0</v>
      </c>
    </row>
    <row r="7314" spans="1:5" x14ac:dyDescent="0.25">
      <c r="A7314" s="1" t="s">
        <v>23300</v>
      </c>
      <c r="B7314" s="1" t="s">
        <v>60719</v>
      </c>
      <c r="C7314" s="1" t="s">
        <v>23301</v>
      </c>
      <c r="D7314" s="2">
        <v>160142</v>
      </c>
      <c r="E7314" s="1" t="s">
        <v>0</v>
      </c>
    </row>
    <row r="7315" spans="1:5" ht="409.5" x14ac:dyDescent="0.25">
      <c r="A7315" s="4" t="s">
        <v>23302</v>
      </c>
      <c r="B7315" s="1" t="s">
        <v>60720</v>
      </c>
      <c r="C7315" s="1" t="s">
        <v>23303</v>
      </c>
      <c r="D7315" s="2">
        <v>160143</v>
      </c>
      <c r="E7315" s="1" t="s">
        <v>0</v>
      </c>
    </row>
    <row r="7316" spans="1:5" x14ac:dyDescent="0.25">
      <c r="A7316" s="1" t="s">
        <v>23304</v>
      </c>
      <c r="B7316" s="1" t="s">
        <v>52666</v>
      </c>
      <c r="C7316" s="1" t="s">
        <v>23305</v>
      </c>
      <c r="D7316" s="2">
        <v>160144</v>
      </c>
      <c r="E7316" s="1" t="s">
        <v>0</v>
      </c>
    </row>
    <row r="7317" spans="1:5" x14ac:dyDescent="0.25">
      <c r="A7317" s="2">
        <v>1463</v>
      </c>
      <c r="B7317" s="2">
        <v>1463</v>
      </c>
      <c r="C7317" s="1" t="s">
        <v>0</v>
      </c>
      <c r="D7317" s="2">
        <v>160145</v>
      </c>
      <c r="E7317" s="1" t="s">
        <v>0</v>
      </c>
    </row>
    <row r="7318" spans="1:5" x14ac:dyDescent="0.25">
      <c r="A7318" s="1" t="s">
        <v>1353</v>
      </c>
      <c r="B7318" s="1" t="s">
        <v>50575</v>
      </c>
      <c r="C7318" s="1" t="s">
        <v>23306</v>
      </c>
      <c r="D7318" s="2">
        <v>160146</v>
      </c>
      <c r="E7318" s="1" t="s">
        <v>0</v>
      </c>
    </row>
    <row r="7319" spans="1:5" x14ac:dyDescent="0.25">
      <c r="A7319" s="1" t="s">
        <v>23307</v>
      </c>
      <c r="B7319" s="1" t="s">
        <v>7100</v>
      </c>
      <c r="C7319" s="1" t="s">
        <v>23308</v>
      </c>
      <c r="D7319" s="2">
        <v>160147</v>
      </c>
      <c r="E7319" s="1" t="s">
        <v>0</v>
      </c>
    </row>
    <row r="7320" spans="1:5" ht="409.5" x14ac:dyDescent="0.25">
      <c r="A7320" s="4" t="s">
        <v>23309</v>
      </c>
      <c r="B7320" s="1" t="s">
        <v>59890</v>
      </c>
      <c r="C7320" s="1" t="s">
        <v>23310</v>
      </c>
      <c r="D7320" s="2">
        <v>160148</v>
      </c>
      <c r="E7320" s="1" t="s">
        <v>0</v>
      </c>
    </row>
    <row r="7321" spans="1:5" x14ac:dyDescent="0.25">
      <c r="A7321" s="1" t="s">
        <v>23311</v>
      </c>
      <c r="B7321" s="1" t="s">
        <v>52667</v>
      </c>
      <c r="C7321" s="1" t="s">
        <v>23312</v>
      </c>
      <c r="D7321" s="2">
        <v>160149</v>
      </c>
      <c r="E7321" s="1" t="s">
        <v>0</v>
      </c>
    </row>
    <row r="7322" spans="1:5" x14ac:dyDescent="0.25">
      <c r="A7322" s="2">
        <v>1464</v>
      </c>
      <c r="B7322" s="2">
        <v>1464</v>
      </c>
      <c r="C7322" s="1" t="s">
        <v>0</v>
      </c>
      <c r="D7322" s="2">
        <v>160150</v>
      </c>
      <c r="E7322" s="1" t="s">
        <v>0</v>
      </c>
    </row>
    <row r="7323" spans="1:5" x14ac:dyDescent="0.25">
      <c r="A7323" s="1" t="s">
        <v>1354</v>
      </c>
      <c r="B7323" s="1" t="s">
        <v>7101</v>
      </c>
      <c r="C7323" s="1" t="s">
        <v>23313</v>
      </c>
      <c r="D7323" s="2">
        <v>160151</v>
      </c>
      <c r="E7323" s="1" t="s">
        <v>0</v>
      </c>
    </row>
    <row r="7324" spans="1:5" x14ac:dyDescent="0.25">
      <c r="A7324" s="1" t="s">
        <v>23314</v>
      </c>
      <c r="B7324" s="1" t="s">
        <v>7102</v>
      </c>
      <c r="C7324" s="1" t="s">
        <v>23315</v>
      </c>
      <c r="D7324" s="2">
        <v>160152</v>
      </c>
      <c r="E7324" s="1" t="s">
        <v>0</v>
      </c>
    </row>
    <row r="7325" spans="1:5" ht="409.5" x14ac:dyDescent="0.25">
      <c r="A7325" s="4" t="s">
        <v>23316</v>
      </c>
      <c r="B7325" s="1" t="s">
        <v>52668</v>
      </c>
      <c r="C7325" s="1" t="s">
        <v>23317</v>
      </c>
      <c r="D7325" s="2">
        <v>160153</v>
      </c>
      <c r="E7325" s="1" t="s">
        <v>0</v>
      </c>
    </row>
    <row r="7326" spans="1:5" x14ac:dyDescent="0.25">
      <c r="A7326" s="1" t="s">
        <v>23318</v>
      </c>
      <c r="B7326" s="1" t="s">
        <v>7103</v>
      </c>
      <c r="C7326" s="1" t="s">
        <v>23319</v>
      </c>
      <c r="D7326" s="2">
        <v>160154</v>
      </c>
      <c r="E7326" s="1" t="s">
        <v>0</v>
      </c>
    </row>
    <row r="7327" spans="1:5" x14ac:dyDescent="0.25">
      <c r="A7327" s="2">
        <v>1465</v>
      </c>
      <c r="B7327" s="2">
        <v>1465</v>
      </c>
      <c r="C7327" s="1" t="s">
        <v>0</v>
      </c>
      <c r="D7327" s="2">
        <v>160155</v>
      </c>
      <c r="E7327" s="1" t="s">
        <v>0</v>
      </c>
    </row>
    <row r="7328" spans="1:5" x14ac:dyDescent="0.25">
      <c r="A7328" s="1" t="s">
        <v>1355</v>
      </c>
      <c r="B7328" s="1" t="s">
        <v>7104</v>
      </c>
      <c r="C7328" s="1" t="s">
        <v>23320</v>
      </c>
      <c r="D7328" s="2">
        <v>160156</v>
      </c>
      <c r="E7328" s="1" t="s">
        <v>0</v>
      </c>
    </row>
    <row r="7329" spans="1:5" x14ac:dyDescent="0.25">
      <c r="A7329" s="1" t="s">
        <v>23321</v>
      </c>
      <c r="B7329" s="1" t="s">
        <v>7105</v>
      </c>
      <c r="C7329" s="1" t="s">
        <v>23322</v>
      </c>
      <c r="D7329" s="2">
        <v>160157</v>
      </c>
      <c r="E7329" s="1" t="s">
        <v>0</v>
      </c>
    </row>
    <row r="7330" spans="1:5" ht="409.5" x14ac:dyDescent="0.25">
      <c r="A7330" s="4" t="s">
        <v>23323</v>
      </c>
      <c r="B7330" s="1" t="s">
        <v>52669</v>
      </c>
      <c r="C7330" s="1" t="s">
        <v>23324</v>
      </c>
      <c r="D7330" s="2">
        <v>160158</v>
      </c>
      <c r="E7330" s="1" t="s">
        <v>0</v>
      </c>
    </row>
    <row r="7331" spans="1:5" x14ac:dyDescent="0.25">
      <c r="A7331" s="1" t="s">
        <v>23325</v>
      </c>
      <c r="B7331" s="1" t="s">
        <v>7106</v>
      </c>
      <c r="C7331" s="1" t="s">
        <v>23326</v>
      </c>
      <c r="D7331" s="2">
        <v>160159</v>
      </c>
      <c r="E7331" s="1" t="s">
        <v>0</v>
      </c>
    </row>
    <row r="7332" spans="1:5" x14ac:dyDescent="0.25">
      <c r="A7332" s="2">
        <v>1466</v>
      </c>
      <c r="B7332" s="2">
        <v>1466</v>
      </c>
      <c r="C7332" s="1" t="s">
        <v>0</v>
      </c>
      <c r="D7332" s="2">
        <v>160160</v>
      </c>
      <c r="E7332" s="1" t="s">
        <v>0</v>
      </c>
    </row>
    <row r="7333" spans="1:5" x14ac:dyDescent="0.25">
      <c r="A7333" s="1" t="s">
        <v>1356</v>
      </c>
      <c r="B7333" s="1" t="s">
        <v>7107</v>
      </c>
      <c r="C7333" s="1" t="s">
        <v>23327</v>
      </c>
      <c r="D7333" s="2">
        <v>160161</v>
      </c>
      <c r="E7333" s="1" t="s">
        <v>0</v>
      </c>
    </row>
    <row r="7334" spans="1:5" x14ac:dyDescent="0.25">
      <c r="A7334" s="1" t="s">
        <v>23328</v>
      </c>
      <c r="B7334" s="1" t="s">
        <v>52670</v>
      </c>
      <c r="C7334" s="1" t="s">
        <v>23329</v>
      </c>
      <c r="D7334" s="2">
        <v>160162</v>
      </c>
      <c r="E7334" s="1" t="s">
        <v>0</v>
      </c>
    </row>
    <row r="7335" spans="1:5" ht="409.5" x14ac:dyDescent="0.25">
      <c r="A7335" s="4" t="s">
        <v>64080</v>
      </c>
      <c r="B7335" s="1" t="s">
        <v>52671</v>
      </c>
      <c r="C7335" s="1" t="s">
        <v>23330</v>
      </c>
      <c r="D7335" s="2">
        <v>160163</v>
      </c>
      <c r="E7335" s="1" t="s">
        <v>0</v>
      </c>
    </row>
    <row r="7336" spans="1:5" x14ac:dyDescent="0.25">
      <c r="A7336" s="1" t="s">
        <v>23331</v>
      </c>
      <c r="B7336" s="1" t="s">
        <v>7108</v>
      </c>
      <c r="C7336" s="1" t="s">
        <v>23332</v>
      </c>
      <c r="D7336" s="2">
        <v>160164</v>
      </c>
      <c r="E7336" s="1" t="s">
        <v>0</v>
      </c>
    </row>
    <row r="7337" spans="1:5" x14ac:dyDescent="0.25">
      <c r="A7337" s="2">
        <v>1467</v>
      </c>
      <c r="B7337" s="2">
        <v>1467</v>
      </c>
      <c r="C7337" s="1" t="s">
        <v>0</v>
      </c>
      <c r="D7337" s="2">
        <v>160165</v>
      </c>
      <c r="E7337" s="1" t="s">
        <v>0</v>
      </c>
    </row>
    <row r="7338" spans="1:5" x14ac:dyDescent="0.25">
      <c r="A7338" s="1" t="s">
        <v>1357</v>
      </c>
      <c r="B7338" s="1" t="s">
        <v>7109</v>
      </c>
      <c r="C7338" s="1" t="s">
        <v>23333</v>
      </c>
      <c r="D7338" s="2">
        <v>160166</v>
      </c>
      <c r="E7338" s="1" t="s">
        <v>0</v>
      </c>
    </row>
    <row r="7339" spans="1:5" x14ac:dyDescent="0.25">
      <c r="A7339" s="1" t="s">
        <v>23334</v>
      </c>
      <c r="B7339" s="1" t="s">
        <v>52672</v>
      </c>
      <c r="C7339" s="1" t="s">
        <v>23335</v>
      </c>
      <c r="D7339" s="2">
        <v>160167</v>
      </c>
      <c r="E7339" s="1" t="s">
        <v>0</v>
      </c>
    </row>
    <row r="7340" spans="1:5" ht="409.5" x14ac:dyDescent="0.25">
      <c r="A7340" s="4" t="s">
        <v>23336</v>
      </c>
      <c r="B7340" s="1" t="s">
        <v>52673</v>
      </c>
      <c r="C7340" s="1" t="s">
        <v>23337</v>
      </c>
      <c r="D7340" s="2">
        <v>160168</v>
      </c>
      <c r="E7340" s="1" t="s">
        <v>0</v>
      </c>
    </row>
    <row r="7341" spans="1:5" x14ac:dyDescent="0.25">
      <c r="A7341" s="1" t="s">
        <v>23338</v>
      </c>
      <c r="B7341" s="1" t="s">
        <v>7110</v>
      </c>
      <c r="C7341" s="1" t="s">
        <v>23339</v>
      </c>
      <c r="D7341" s="2">
        <v>160169</v>
      </c>
      <c r="E7341" s="1" t="s">
        <v>0</v>
      </c>
    </row>
    <row r="7342" spans="1:5" x14ac:dyDescent="0.25">
      <c r="A7342" s="2">
        <v>1468</v>
      </c>
      <c r="B7342" s="2">
        <v>1468</v>
      </c>
      <c r="C7342" s="1" t="s">
        <v>0</v>
      </c>
      <c r="D7342" s="2">
        <v>160170</v>
      </c>
      <c r="E7342" s="1" t="s">
        <v>0</v>
      </c>
    </row>
    <row r="7343" spans="1:5" x14ac:dyDescent="0.25">
      <c r="A7343" s="1" t="s">
        <v>1358</v>
      </c>
      <c r="B7343" s="1" t="s">
        <v>58997</v>
      </c>
      <c r="C7343" s="1" t="s">
        <v>23340</v>
      </c>
      <c r="D7343" s="2">
        <v>160171</v>
      </c>
      <c r="E7343" s="1" t="s">
        <v>0</v>
      </c>
    </row>
    <row r="7344" spans="1:5" x14ac:dyDescent="0.25">
      <c r="A7344" s="1" t="s">
        <v>23341</v>
      </c>
      <c r="B7344" s="1" t="s">
        <v>58998</v>
      </c>
      <c r="C7344" s="1" t="s">
        <v>23342</v>
      </c>
      <c r="D7344" s="2">
        <v>160172</v>
      </c>
      <c r="E7344" s="1" t="s">
        <v>0</v>
      </c>
    </row>
    <row r="7345" spans="1:5" ht="409.5" x14ac:dyDescent="0.25">
      <c r="A7345" s="4" t="s">
        <v>23343</v>
      </c>
      <c r="B7345" s="1" t="s">
        <v>63270</v>
      </c>
      <c r="C7345" s="1" t="s">
        <v>23344</v>
      </c>
      <c r="D7345" s="2">
        <v>160173</v>
      </c>
      <c r="E7345" s="1" t="s">
        <v>0</v>
      </c>
    </row>
    <row r="7346" spans="1:5" x14ac:dyDescent="0.25">
      <c r="A7346" s="1" t="s">
        <v>23345</v>
      </c>
      <c r="B7346" s="1" t="s">
        <v>58999</v>
      </c>
      <c r="C7346" s="1" t="s">
        <v>23346</v>
      </c>
      <c r="D7346" s="2">
        <v>160174</v>
      </c>
      <c r="E7346" s="1" t="s">
        <v>0</v>
      </c>
    </row>
    <row r="7347" spans="1:5" x14ac:dyDescent="0.25">
      <c r="A7347" s="2">
        <v>1469</v>
      </c>
      <c r="B7347" s="2">
        <v>1469</v>
      </c>
      <c r="C7347" s="1" t="s">
        <v>0</v>
      </c>
      <c r="D7347" s="2">
        <v>160175</v>
      </c>
      <c r="E7347" s="1" t="s">
        <v>0</v>
      </c>
    </row>
    <row r="7348" spans="1:5" x14ac:dyDescent="0.25">
      <c r="A7348" s="1" t="s">
        <v>1359</v>
      </c>
      <c r="B7348" s="1" t="s">
        <v>7111</v>
      </c>
      <c r="C7348" s="1" t="s">
        <v>23347</v>
      </c>
      <c r="D7348" s="2">
        <v>160176</v>
      </c>
      <c r="E7348" s="1" t="s">
        <v>0</v>
      </c>
    </row>
    <row r="7349" spans="1:5" x14ac:dyDescent="0.25">
      <c r="A7349" s="1" t="s">
        <v>23348</v>
      </c>
      <c r="B7349" s="1" t="s">
        <v>57015</v>
      </c>
      <c r="C7349" s="1" t="s">
        <v>23349</v>
      </c>
      <c r="D7349" s="2">
        <v>160177</v>
      </c>
      <c r="E7349" s="1" t="s">
        <v>0</v>
      </c>
    </row>
    <row r="7350" spans="1:5" ht="409.5" x14ac:dyDescent="0.25">
      <c r="A7350" s="4" t="s">
        <v>23350</v>
      </c>
      <c r="B7350" s="1" t="s">
        <v>57016</v>
      </c>
      <c r="C7350" s="1" t="s">
        <v>23351</v>
      </c>
      <c r="D7350" s="2">
        <v>160178</v>
      </c>
      <c r="E7350" s="1" t="s">
        <v>0</v>
      </c>
    </row>
    <row r="7351" spans="1:5" x14ac:dyDescent="0.25">
      <c r="A7351" s="1" t="s">
        <v>23352</v>
      </c>
      <c r="B7351" s="1" t="s">
        <v>52674</v>
      </c>
      <c r="C7351" s="1" t="s">
        <v>23353</v>
      </c>
      <c r="D7351" s="2">
        <v>160179</v>
      </c>
      <c r="E7351" s="1" t="s">
        <v>0</v>
      </c>
    </row>
    <row r="7352" spans="1:5" x14ac:dyDescent="0.25">
      <c r="A7352" s="2">
        <v>1470</v>
      </c>
      <c r="B7352" s="2">
        <v>1470</v>
      </c>
      <c r="C7352" s="1" t="s">
        <v>0</v>
      </c>
      <c r="D7352" s="2">
        <v>160180</v>
      </c>
      <c r="E7352" s="1" t="s">
        <v>0</v>
      </c>
    </row>
    <row r="7353" spans="1:5" x14ac:dyDescent="0.25">
      <c r="A7353" s="1" t="s">
        <v>7112</v>
      </c>
      <c r="B7353" s="1" t="s">
        <v>7113</v>
      </c>
      <c r="C7353" s="1" t="s">
        <v>23354</v>
      </c>
      <c r="D7353" s="2">
        <v>160181</v>
      </c>
      <c r="E7353" s="1" t="s">
        <v>0</v>
      </c>
    </row>
    <row r="7354" spans="1:5" x14ac:dyDescent="0.25">
      <c r="A7354" s="1" t="s">
        <v>23355</v>
      </c>
      <c r="B7354" s="1" t="s">
        <v>7114</v>
      </c>
      <c r="C7354" s="1" t="s">
        <v>23356</v>
      </c>
      <c r="D7354" s="2">
        <v>160182</v>
      </c>
      <c r="E7354" s="1" t="s">
        <v>0</v>
      </c>
    </row>
    <row r="7355" spans="1:5" ht="409.5" x14ac:dyDescent="0.25">
      <c r="A7355" s="4" t="s">
        <v>23357</v>
      </c>
      <c r="B7355" s="1" t="s">
        <v>7115</v>
      </c>
      <c r="C7355" s="1" t="s">
        <v>23358</v>
      </c>
      <c r="D7355" s="2">
        <v>160183</v>
      </c>
      <c r="E7355" s="1" t="s">
        <v>0</v>
      </c>
    </row>
    <row r="7356" spans="1:5" x14ac:dyDescent="0.25">
      <c r="A7356" s="1" t="s">
        <v>23359</v>
      </c>
      <c r="B7356" s="1" t="s">
        <v>52675</v>
      </c>
      <c r="C7356" s="1" t="s">
        <v>23360</v>
      </c>
      <c r="D7356" s="2">
        <v>160184</v>
      </c>
      <c r="E7356" s="1" t="s">
        <v>0</v>
      </c>
    </row>
    <row r="7357" spans="1:5" x14ac:dyDescent="0.25">
      <c r="A7357" s="2">
        <v>1471</v>
      </c>
      <c r="B7357" s="2">
        <v>1471</v>
      </c>
      <c r="C7357" s="1" t="s">
        <v>0</v>
      </c>
      <c r="D7357" s="2">
        <v>160185</v>
      </c>
      <c r="E7357" s="1" t="s">
        <v>0</v>
      </c>
    </row>
    <row r="7358" spans="1:5" x14ac:dyDescent="0.25">
      <c r="A7358" s="1" t="s">
        <v>1360</v>
      </c>
      <c r="B7358" s="1" t="s">
        <v>7116</v>
      </c>
      <c r="C7358" s="1" t="s">
        <v>23361</v>
      </c>
      <c r="D7358" s="2">
        <v>160186</v>
      </c>
      <c r="E7358" s="1" t="s">
        <v>0</v>
      </c>
    </row>
    <row r="7359" spans="1:5" x14ac:dyDescent="0.25">
      <c r="A7359" s="1" t="s">
        <v>23362</v>
      </c>
      <c r="B7359" s="1" t="s">
        <v>59891</v>
      </c>
      <c r="C7359" s="1" t="s">
        <v>23363</v>
      </c>
      <c r="D7359" s="2">
        <v>160187</v>
      </c>
      <c r="E7359" s="1" t="s">
        <v>0</v>
      </c>
    </row>
    <row r="7360" spans="1:5" ht="409.5" x14ac:dyDescent="0.25">
      <c r="A7360" s="4" t="s">
        <v>23364</v>
      </c>
      <c r="B7360" s="1" t="s">
        <v>63271</v>
      </c>
      <c r="C7360" s="1" t="s">
        <v>23365</v>
      </c>
      <c r="D7360" s="2">
        <v>160188</v>
      </c>
      <c r="E7360" s="1" t="s">
        <v>0</v>
      </c>
    </row>
    <row r="7361" spans="1:5" x14ac:dyDescent="0.25">
      <c r="A7361" s="1" t="s">
        <v>23366</v>
      </c>
      <c r="B7361" s="1" t="s">
        <v>52676</v>
      </c>
      <c r="C7361" s="1" t="s">
        <v>23367</v>
      </c>
      <c r="D7361" s="2">
        <v>160189</v>
      </c>
      <c r="E7361" s="1" t="s">
        <v>0</v>
      </c>
    </row>
    <row r="7362" spans="1:5" x14ac:dyDescent="0.25">
      <c r="A7362" s="2">
        <v>1472</v>
      </c>
      <c r="B7362" s="2">
        <v>1472</v>
      </c>
      <c r="C7362" s="1" t="s">
        <v>0</v>
      </c>
      <c r="D7362" s="2">
        <v>160190</v>
      </c>
      <c r="E7362" s="1" t="s">
        <v>0</v>
      </c>
    </row>
    <row r="7363" spans="1:5" x14ac:dyDescent="0.25">
      <c r="A7363" s="1" t="s">
        <v>1361</v>
      </c>
      <c r="B7363" s="1" t="s">
        <v>7117</v>
      </c>
      <c r="C7363" s="1" t="s">
        <v>23368</v>
      </c>
      <c r="D7363" s="2">
        <v>160191</v>
      </c>
      <c r="E7363" s="1" t="s">
        <v>0</v>
      </c>
    </row>
    <row r="7364" spans="1:5" x14ac:dyDescent="0.25">
      <c r="A7364" s="1" t="s">
        <v>23369</v>
      </c>
      <c r="B7364" s="1" t="s">
        <v>7118</v>
      </c>
      <c r="C7364" s="1" t="s">
        <v>23370</v>
      </c>
      <c r="D7364" s="2">
        <v>160192</v>
      </c>
      <c r="E7364" s="1" t="s">
        <v>0</v>
      </c>
    </row>
    <row r="7365" spans="1:5" ht="409.5" x14ac:dyDescent="0.25">
      <c r="A7365" s="4" t="s">
        <v>23371</v>
      </c>
      <c r="B7365" s="1" t="s">
        <v>7119</v>
      </c>
      <c r="C7365" s="1" t="s">
        <v>23372</v>
      </c>
      <c r="D7365" s="2">
        <v>160193</v>
      </c>
      <c r="E7365" s="1" t="s">
        <v>0</v>
      </c>
    </row>
    <row r="7366" spans="1:5" x14ac:dyDescent="0.25">
      <c r="A7366" s="1" t="s">
        <v>23373</v>
      </c>
      <c r="B7366" s="1" t="s">
        <v>52677</v>
      </c>
      <c r="C7366" s="1" t="s">
        <v>23374</v>
      </c>
      <c r="D7366" s="2">
        <v>160194</v>
      </c>
      <c r="E7366" s="1" t="s">
        <v>0</v>
      </c>
    </row>
    <row r="7367" spans="1:5" x14ac:dyDescent="0.25">
      <c r="A7367" s="2">
        <v>1473</v>
      </c>
      <c r="B7367" s="2">
        <v>1473</v>
      </c>
      <c r="C7367" s="1" t="s">
        <v>0</v>
      </c>
      <c r="D7367" s="2">
        <v>160195</v>
      </c>
      <c r="E7367" s="1" t="s">
        <v>0</v>
      </c>
    </row>
    <row r="7368" spans="1:5" x14ac:dyDescent="0.25">
      <c r="A7368" s="1" t="s">
        <v>1362</v>
      </c>
      <c r="B7368" s="1" t="s">
        <v>50576</v>
      </c>
      <c r="C7368" s="1" t="s">
        <v>23375</v>
      </c>
      <c r="D7368" s="2">
        <v>160196</v>
      </c>
      <c r="E7368" s="1" t="s">
        <v>0</v>
      </c>
    </row>
    <row r="7369" spans="1:5" x14ac:dyDescent="0.25">
      <c r="A7369" s="1" t="s">
        <v>23376</v>
      </c>
      <c r="B7369" s="1" t="s">
        <v>7120</v>
      </c>
      <c r="C7369" s="1" t="s">
        <v>23377</v>
      </c>
      <c r="D7369" s="2">
        <v>160197</v>
      </c>
      <c r="E7369" s="1" t="s">
        <v>0</v>
      </c>
    </row>
    <row r="7370" spans="1:5" ht="409.5" x14ac:dyDescent="0.25">
      <c r="A7370" s="4" t="s">
        <v>23378</v>
      </c>
      <c r="B7370" s="1" t="s">
        <v>59892</v>
      </c>
      <c r="C7370" s="1" t="s">
        <v>23379</v>
      </c>
      <c r="D7370" s="2">
        <v>160198</v>
      </c>
      <c r="E7370" s="1" t="s">
        <v>0</v>
      </c>
    </row>
    <row r="7371" spans="1:5" x14ac:dyDescent="0.25">
      <c r="A7371" s="1" t="s">
        <v>23380</v>
      </c>
      <c r="B7371" s="1" t="s">
        <v>52678</v>
      </c>
      <c r="C7371" s="1" t="s">
        <v>23381</v>
      </c>
      <c r="D7371" s="2">
        <v>160199</v>
      </c>
      <c r="E7371" s="1" t="s">
        <v>0</v>
      </c>
    </row>
    <row r="7372" spans="1:5" x14ac:dyDescent="0.25">
      <c r="A7372" s="2">
        <v>1474</v>
      </c>
      <c r="B7372" s="2">
        <v>1474</v>
      </c>
      <c r="C7372" s="1" t="s">
        <v>0</v>
      </c>
      <c r="D7372" s="2">
        <v>160200</v>
      </c>
      <c r="E7372" s="1" t="s">
        <v>0</v>
      </c>
    </row>
    <row r="7373" spans="1:5" x14ac:dyDescent="0.25">
      <c r="A7373" s="1" t="s">
        <v>1363</v>
      </c>
      <c r="B7373" s="1" t="s">
        <v>7121</v>
      </c>
      <c r="C7373" s="1" t="s">
        <v>23382</v>
      </c>
      <c r="D7373" s="2">
        <v>160201</v>
      </c>
      <c r="E7373" s="1" t="s">
        <v>0</v>
      </c>
    </row>
    <row r="7374" spans="1:5" x14ac:dyDescent="0.25">
      <c r="A7374" s="1" t="s">
        <v>23383</v>
      </c>
      <c r="B7374" s="1" t="s">
        <v>52679</v>
      </c>
      <c r="C7374" s="1" t="s">
        <v>23384</v>
      </c>
      <c r="D7374" s="2">
        <v>160202</v>
      </c>
      <c r="E7374" s="1" t="s">
        <v>0</v>
      </c>
    </row>
    <row r="7375" spans="1:5" ht="409.5" x14ac:dyDescent="0.25">
      <c r="A7375" s="4" t="s">
        <v>23385</v>
      </c>
      <c r="B7375" s="1" t="s">
        <v>52680</v>
      </c>
      <c r="C7375" s="1" t="s">
        <v>23386</v>
      </c>
      <c r="D7375" s="2">
        <v>160203</v>
      </c>
      <c r="E7375" s="1" t="s">
        <v>0</v>
      </c>
    </row>
    <row r="7376" spans="1:5" x14ac:dyDescent="0.25">
      <c r="A7376" s="1" t="s">
        <v>23387</v>
      </c>
      <c r="B7376" s="1" t="s">
        <v>61023</v>
      </c>
      <c r="C7376" s="1" t="s">
        <v>23388</v>
      </c>
      <c r="D7376" s="2">
        <v>160204</v>
      </c>
      <c r="E7376" s="1" t="s">
        <v>0</v>
      </c>
    </row>
    <row r="7377" spans="1:5" x14ac:dyDescent="0.25">
      <c r="A7377" s="2">
        <v>1475</v>
      </c>
      <c r="B7377" s="2">
        <v>1475</v>
      </c>
      <c r="C7377" s="1" t="s">
        <v>0</v>
      </c>
      <c r="D7377" s="2">
        <v>160205</v>
      </c>
      <c r="E7377" s="1" t="s">
        <v>0</v>
      </c>
    </row>
    <row r="7378" spans="1:5" x14ac:dyDescent="0.25">
      <c r="A7378" s="1" t="s">
        <v>1364</v>
      </c>
      <c r="B7378" s="1" t="s">
        <v>7122</v>
      </c>
      <c r="C7378" s="1" t="s">
        <v>23389</v>
      </c>
      <c r="D7378" s="2">
        <v>160206</v>
      </c>
      <c r="E7378" s="1" t="s">
        <v>0</v>
      </c>
    </row>
    <row r="7379" spans="1:5" x14ac:dyDescent="0.25">
      <c r="A7379" s="1" t="s">
        <v>23390</v>
      </c>
      <c r="B7379" s="1" t="s">
        <v>61613</v>
      </c>
      <c r="C7379" s="1" t="s">
        <v>23391</v>
      </c>
      <c r="D7379" s="2">
        <v>160207</v>
      </c>
      <c r="E7379" s="1" t="s">
        <v>0</v>
      </c>
    </row>
    <row r="7380" spans="1:5" ht="409.5" x14ac:dyDescent="0.25">
      <c r="A7380" s="4" t="s">
        <v>23392</v>
      </c>
      <c r="B7380" s="1" t="s">
        <v>62261</v>
      </c>
      <c r="C7380" s="1" t="s">
        <v>23393</v>
      </c>
      <c r="D7380" s="2">
        <v>160208</v>
      </c>
      <c r="E7380" s="1" t="s">
        <v>0</v>
      </c>
    </row>
    <row r="7381" spans="1:5" x14ac:dyDescent="0.25">
      <c r="A7381" s="1" t="s">
        <v>23394</v>
      </c>
      <c r="B7381" s="1" t="s">
        <v>7123</v>
      </c>
      <c r="C7381" s="1" t="s">
        <v>23395</v>
      </c>
      <c r="D7381" s="2">
        <v>160209</v>
      </c>
      <c r="E7381" s="1" t="s">
        <v>0</v>
      </c>
    </row>
    <row r="7382" spans="1:5" x14ac:dyDescent="0.25">
      <c r="A7382" s="2">
        <v>1476</v>
      </c>
      <c r="B7382" s="2">
        <v>1476</v>
      </c>
      <c r="C7382" s="1" t="s">
        <v>0</v>
      </c>
      <c r="D7382" s="2">
        <v>160210</v>
      </c>
      <c r="E7382" s="1" t="s">
        <v>0</v>
      </c>
    </row>
    <row r="7383" spans="1:5" x14ac:dyDescent="0.25">
      <c r="A7383" s="1" t="s">
        <v>1365</v>
      </c>
      <c r="B7383" s="1" t="s">
        <v>7124</v>
      </c>
      <c r="C7383" s="1" t="s">
        <v>23396</v>
      </c>
      <c r="D7383" s="2">
        <v>160211</v>
      </c>
      <c r="E7383" s="1" t="s">
        <v>0</v>
      </c>
    </row>
    <row r="7384" spans="1:5" x14ac:dyDescent="0.25">
      <c r="A7384" s="1" t="s">
        <v>23397</v>
      </c>
      <c r="B7384" s="1" t="s">
        <v>52681</v>
      </c>
      <c r="C7384" s="1" t="s">
        <v>23398</v>
      </c>
      <c r="D7384" s="2">
        <v>160212</v>
      </c>
      <c r="E7384" s="1" t="s">
        <v>0</v>
      </c>
    </row>
    <row r="7385" spans="1:5" ht="409.5" x14ac:dyDescent="0.25">
      <c r="A7385" s="4" t="s">
        <v>23399</v>
      </c>
      <c r="B7385" s="1" t="s">
        <v>56732</v>
      </c>
      <c r="C7385" s="1" t="s">
        <v>23400</v>
      </c>
      <c r="D7385" s="2">
        <v>160213</v>
      </c>
      <c r="E7385" s="1" t="s">
        <v>0</v>
      </c>
    </row>
    <row r="7386" spans="1:5" x14ac:dyDescent="0.25">
      <c r="A7386" s="1" t="s">
        <v>23401</v>
      </c>
      <c r="B7386" s="1" t="s">
        <v>52682</v>
      </c>
      <c r="C7386" s="1" t="s">
        <v>23402</v>
      </c>
      <c r="D7386" s="2">
        <v>160214</v>
      </c>
      <c r="E7386" s="1" t="s">
        <v>0</v>
      </c>
    </row>
    <row r="7387" spans="1:5" x14ac:dyDescent="0.25">
      <c r="A7387" s="2">
        <v>1477</v>
      </c>
      <c r="B7387" s="2">
        <v>1477</v>
      </c>
      <c r="C7387" s="1" t="s">
        <v>0</v>
      </c>
      <c r="D7387" s="2">
        <v>160215</v>
      </c>
      <c r="E7387" s="1" t="s">
        <v>0</v>
      </c>
    </row>
    <row r="7388" spans="1:5" x14ac:dyDescent="0.25">
      <c r="A7388" s="1" t="s">
        <v>1366</v>
      </c>
      <c r="B7388" s="1" t="s">
        <v>7125</v>
      </c>
      <c r="C7388" s="1" t="s">
        <v>23403</v>
      </c>
      <c r="D7388" s="2">
        <v>160216</v>
      </c>
      <c r="E7388" s="1" t="s">
        <v>0</v>
      </c>
    </row>
    <row r="7389" spans="1:5" x14ac:dyDescent="0.25">
      <c r="A7389" s="1" t="s">
        <v>23404</v>
      </c>
      <c r="B7389" s="1" t="s">
        <v>7126</v>
      </c>
      <c r="C7389" s="1" t="s">
        <v>23405</v>
      </c>
      <c r="D7389" s="2">
        <v>160217</v>
      </c>
      <c r="E7389" s="1" t="s">
        <v>0</v>
      </c>
    </row>
    <row r="7390" spans="1:5" ht="409.5" x14ac:dyDescent="0.25">
      <c r="A7390" s="4" t="s">
        <v>23406</v>
      </c>
      <c r="B7390" s="1" t="s">
        <v>62262</v>
      </c>
      <c r="C7390" s="1" t="s">
        <v>23407</v>
      </c>
      <c r="D7390" s="2">
        <v>160218</v>
      </c>
      <c r="E7390" s="1" t="s">
        <v>0</v>
      </c>
    </row>
    <row r="7391" spans="1:5" x14ac:dyDescent="0.25">
      <c r="A7391" s="1" t="s">
        <v>23408</v>
      </c>
      <c r="B7391" s="1" t="s">
        <v>52683</v>
      </c>
      <c r="C7391" s="1" t="s">
        <v>23409</v>
      </c>
      <c r="D7391" s="2">
        <v>160219</v>
      </c>
      <c r="E7391" s="1" t="s">
        <v>0</v>
      </c>
    </row>
    <row r="7392" spans="1:5" x14ac:dyDescent="0.25">
      <c r="A7392" s="2">
        <v>1478</v>
      </c>
      <c r="B7392" s="2">
        <v>1478</v>
      </c>
      <c r="C7392" s="1" t="s">
        <v>0</v>
      </c>
      <c r="D7392" s="2">
        <v>160220</v>
      </c>
      <c r="E7392" s="1" t="s">
        <v>0</v>
      </c>
    </row>
    <row r="7393" spans="1:5" x14ac:dyDescent="0.25">
      <c r="A7393" s="1" t="s">
        <v>1367</v>
      </c>
      <c r="B7393" s="1" t="s">
        <v>7127</v>
      </c>
      <c r="C7393" s="1" t="s">
        <v>23410</v>
      </c>
      <c r="D7393" s="2">
        <v>160221</v>
      </c>
      <c r="E7393" s="1" t="s">
        <v>0</v>
      </c>
    </row>
    <row r="7394" spans="1:5" x14ac:dyDescent="0.25">
      <c r="A7394" s="1" t="s">
        <v>23411</v>
      </c>
      <c r="B7394" s="1" t="s">
        <v>52684</v>
      </c>
      <c r="C7394" s="1" t="s">
        <v>23412</v>
      </c>
      <c r="D7394" s="2">
        <v>160222</v>
      </c>
      <c r="E7394" s="1" t="s">
        <v>0</v>
      </c>
    </row>
    <row r="7395" spans="1:5" ht="409.5" x14ac:dyDescent="0.25">
      <c r="A7395" s="4" t="s">
        <v>23413</v>
      </c>
      <c r="B7395" s="1" t="s">
        <v>52685</v>
      </c>
      <c r="C7395" s="1" t="s">
        <v>23414</v>
      </c>
      <c r="D7395" s="2">
        <v>160223</v>
      </c>
      <c r="E7395" s="1" t="s">
        <v>0</v>
      </c>
    </row>
    <row r="7396" spans="1:5" x14ac:dyDescent="0.25">
      <c r="A7396" s="1" t="s">
        <v>23415</v>
      </c>
      <c r="B7396" s="1" t="s">
        <v>7128</v>
      </c>
      <c r="C7396" s="1" t="s">
        <v>23416</v>
      </c>
      <c r="D7396" s="2">
        <v>160224</v>
      </c>
      <c r="E7396" s="1" t="s">
        <v>0</v>
      </c>
    </row>
    <row r="7397" spans="1:5" x14ac:dyDescent="0.25">
      <c r="A7397" s="2">
        <v>1479</v>
      </c>
      <c r="B7397" s="2">
        <v>1479</v>
      </c>
      <c r="C7397" s="1" t="s">
        <v>0</v>
      </c>
      <c r="D7397" s="2">
        <v>160225</v>
      </c>
      <c r="E7397" s="1" t="s">
        <v>0</v>
      </c>
    </row>
    <row r="7398" spans="1:5" x14ac:dyDescent="0.25">
      <c r="A7398" s="1" t="s">
        <v>1368</v>
      </c>
      <c r="B7398" s="1" t="s">
        <v>52686</v>
      </c>
      <c r="C7398" s="1" t="s">
        <v>23417</v>
      </c>
      <c r="D7398" s="2">
        <v>160226</v>
      </c>
      <c r="E7398" s="1" t="s">
        <v>0</v>
      </c>
    </row>
    <row r="7399" spans="1:5" x14ac:dyDescent="0.25">
      <c r="A7399" s="1" t="s">
        <v>23418</v>
      </c>
      <c r="B7399" s="1" t="s">
        <v>52687</v>
      </c>
      <c r="C7399" s="1" t="s">
        <v>23419</v>
      </c>
      <c r="D7399" s="2">
        <v>160227</v>
      </c>
      <c r="E7399" s="1" t="s">
        <v>0</v>
      </c>
    </row>
    <row r="7400" spans="1:5" ht="409.5" x14ac:dyDescent="0.25">
      <c r="A7400" s="4" t="s">
        <v>64081</v>
      </c>
      <c r="B7400" s="1" t="s">
        <v>64082</v>
      </c>
      <c r="C7400" s="1" t="s">
        <v>23420</v>
      </c>
      <c r="D7400" s="2">
        <v>160228</v>
      </c>
      <c r="E7400" s="1" t="s">
        <v>0</v>
      </c>
    </row>
    <row r="7401" spans="1:5" x14ac:dyDescent="0.25">
      <c r="A7401" s="1" t="s">
        <v>23421</v>
      </c>
      <c r="B7401" s="1" t="s">
        <v>7129</v>
      </c>
      <c r="C7401" s="1" t="s">
        <v>23422</v>
      </c>
      <c r="D7401" s="2">
        <v>160229</v>
      </c>
      <c r="E7401" s="1" t="s">
        <v>0</v>
      </c>
    </row>
    <row r="7402" spans="1:5" x14ac:dyDescent="0.25">
      <c r="A7402" s="2">
        <v>1480</v>
      </c>
      <c r="B7402" s="2">
        <v>1480</v>
      </c>
      <c r="C7402" s="1" t="s">
        <v>0</v>
      </c>
      <c r="D7402" s="2">
        <v>160230</v>
      </c>
      <c r="E7402" s="1" t="s">
        <v>0</v>
      </c>
    </row>
    <row r="7403" spans="1:5" x14ac:dyDescent="0.25">
      <c r="A7403" s="1" t="s">
        <v>1369</v>
      </c>
      <c r="B7403" s="1" t="s">
        <v>59893</v>
      </c>
      <c r="C7403" s="1" t="s">
        <v>23423</v>
      </c>
      <c r="D7403" s="2">
        <v>160231</v>
      </c>
      <c r="E7403" s="1" t="s">
        <v>0</v>
      </c>
    </row>
    <row r="7404" spans="1:5" x14ac:dyDescent="0.25">
      <c r="A7404" s="1" t="s">
        <v>23424</v>
      </c>
      <c r="B7404" s="1" t="s">
        <v>62263</v>
      </c>
      <c r="C7404" s="1" t="s">
        <v>23425</v>
      </c>
      <c r="D7404" s="2">
        <v>160232</v>
      </c>
      <c r="E7404" s="1" t="s">
        <v>0</v>
      </c>
    </row>
    <row r="7405" spans="1:5" ht="409.5" x14ac:dyDescent="0.25">
      <c r="A7405" s="4" t="s">
        <v>23426</v>
      </c>
      <c r="B7405" s="1" t="s">
        <v>62264</v>
      </c>
      <c r="C7405" s="1" t="s">
        <v>23427</v>
      </c>
      <c r="D7405" s="2">
        <v>160233</v>
      </c>
      <c r="E7405" s="1" t="s">
        <v>0</v>
      </c>
    </row>
    <row r="7406" spans="1:5" x14ac:dyDescent="0.25">
      <c r="A7406" s="1" t="s">
        <v>23428</v>
      </c>
      <c r="B7406" s="1" t="s">
        <v>7130</v>
      </c>
      <c r="C7406" s="1" t="s">
        <v>23429</v>
      </c>
      <c r="D7406" s="2">
        <v>160234</v>
      </c>
      <c r="E7406" s="1" t="s">
        <v>0</v>
      </c>
    </row>
    <row r="7407" spans="1:5" x14ac:dyDescent="0.25">
      <c r="A7407" s="2">
        <v>1481</v>
      </c>
      <c r="B7407" s="2">
        <v>1481</v>
      </c>
      <c r="C7407" s="1" t="s">
        <v>0</v>
      </c>
      <c r="D7407" s="2">
        <v>160235</v>
      </c>
      <c r="E7407" s="1" t="s">
        <v>0</v>
      </c>
    </row>
    <row r="7408" spans="1:5" x14ac:dyDescent="0.25">
      <c r="A7408" s="1" t="s">
        <v>23430</v>
      </c>
      <c r="B7408" s="1" t="s">
        <v>7131</v>
      </c>
      <c r="C7408" s="1" t="s">
        <v>23431</v>
      </c>
      <c r="D7408" s="2">
        <v>160236</v>
      </c>
      <c r="E7408" s="1" t="s">
        <v>0</v>
      </c>
    </row>
    <row r="7409" spans="1:5" x14ac:dyDescent="0.25">
      <c r="A7409" s="1" t="s">
        <v>23432</v>
      </c>
      <c r="B7409" s="1" t="s">
        <v>52688</v>
      </c>
      <c r="C7409" s="1" t="s">
        <v>23433</v>
      </c>
      <c r="D7409" s="2">
        <v>160237</v>
      </c>
      <c r="E7409" s="1" t="s">
        <v>0</v>
      </c>
    </row>
    <row r="7410" spans="1:5" ht="409.5" x14ac:dyDescent="0.25">
      <c r="A7410" s="4" t="s">
        <v>23434</v>
      </c>
      <c r="B7410" s="1" t="s">
        <v>52689</v>
      </c>
      <c r="C7410" s="1" t="s">
        <v>23435</v>
      </c>
      <c r="D7410" s="2">
        <v>160238</v>
      </c>
      <c r="E7410" s="1" t="s">
        <v>0</v>
      </c>
    </row>
    <row r="7411" spans="1:5" x14ac:dyDescent="0.25">
      <c r="A7411" s="1" t="s">
        <v>23436</v>
      </c>
      <c r="B7411" s="1" t="s">
        <v>52690</v>
      </c>
      <c r="C7411" s="1" t="s">
        <v>23437</v>
      </c>
      <c r="D7411" s="2">
        <v>160239</v>
      </c>
      <c r="E7411" s="1" t="s">
        <v>0</v>
      </c>
    </row>
    <row r="7412" spans="1:5" x14ac:dyDescent="0.25">
      <c r="A7412" s="2">
        <v>1482</v>
      </c>
      <c r="B7412" s="2">
        <v>1482</v>
      </c>
      <c r="C7412" s="1" t="s">
        <v>0</v>
      </c>
      <c r="D7412" s="2">
        <v>160240</v>
      </c>
      <c r="E7412" s="1" t="s">
        <v>0</v>
      </c>
    </row>
    <row r="7413" spans="1:5" x14ac:dyDescent="0.25">
      <c r="A7413" s="1" t="s">
        <v>1370</v>
      </c>
      <c r="B7413" s="1" t="s">
        <v>7132</v>
      </c>
      <c r="C7413" s="1" t="s">
        <v>23438</v>
      </c>
      <c r="D7413" s="2">
        <v>160241</v>
      </c>
      <c r="E7413" s="1" t="s">
        <v>0</v>
      </c>
    </row>
    <row r="7414" spans="1:5" x14ac:dyDescent="0.25">
      <c r="A7414" s="1" t="s">
        <v>23439</v>
      </c>
      <c r="B7414" s="1" t="s">
        <v>57017</v>
      </c>
      <c r="C7414" s="1" t="s">
        <v>23440</v>
      </c>
      <c r="D7414" s="2">
        <v>160242</v>
      </c>
      <c r="E7414" s="1" t="s">
        <v>0</v>
      </c>
    </row>
    <row r="7415" spans="1:5" ht="409.5" x14ac:dyDescent="0.25">
      <c r="A7415" s="4" t="s">
        <v>23441</v>
      </c>
      <c r="B7415" s="1" t="s">
        <v>57018</v>
      </c>
      <c r="C7415" s="1" t="s">
        <v>23442</v>
      </c>
      <c r="D7415" s="2">
        <v>160243</v>
      </c>
      <c r="E7415" s="1" t="s">
        <v>0</v>
      </c>
    </row>
    <row r="7416" spans="1:5" x14ac:dyDescent="0.25">
      <c r="A7416" s="1" t="s">
        <v>23443</v>
      </c>
      <c r="B7416" s="1" t="s">
        <v>7133</v>
      </c>
      <c r="C7416" s="1" t="s">
        <v>23444</v>
      </c>
      <c r="D7416" s="2">
        <v>160244</v>
      </c>
      <c r="E7416" s="1" t="s">
        <v>0</v>
      </c>
    </row>
    <row r="7417" spans="1:5" x14ac:dyDescent="0.25">
      <c r="A7417" s="2">
        <v>1483</v>
      </c>
      <c r="B7417" s="2">
        <v>1483</v>
      </c>
      <c r="C7417" s="1" t="s">
        <v>0</v>
      </c>
      <c r="D7417" s="2">
        <v>160245</v>
      </c>
      <c r="E7417" s="1" t="s">
        <v>0</v>
      </c>
    </row>
    <row r="7418" spans="1:5" x14ac:dyDescent="0.25">
      <c r="A7418" s="1" t="s">
        <v>1371</v>
      </c>
      <c r="B7418" s="1" t="s">
        <v>7134</v>
      </c>
      <c r="C7418" s="1" t="s">
        <v>23445</v>
      </c>
      <c r="D7418" s="2">
        <v>160246</v>
      </c>
      <c r="E7418" s="1" t="s">
        <v>0</v>
      </c>
    </row>
    <row r="7419" spans="1:5" x14ac:dyDescent="0.25">
      <c r="A7419" s="1" t="s">
        <v>23446</v>
      </c>
      <c r="B7419" s="1" t="s">
        <v>58287</v>
      </c>
      <c r="C7419" s="1" t="s">
        <v>23447</v>
      </c>
      <c r="D7419" s="2">
        <v>160247</v>
      </c>
      <c r="E7419" s="1" t="s">
        <v>0</v>
      </c>
    </row>
    <row r="7420" spans="1:5" ht="409.5" x14ac:dyDescent="0.25">
      <c r="A7420" s="4" t="s">
        <v>23448</v>
      </c>
      <c r="B7420" s="1" t="s">
        <v>58288</v>
      </c>
      <c r="C7420" s="1" t="s">
        <v>23449</v>
      </c>
      <c r="D7420" s="2">
        <v>160248</v>
      </c>
      <c r="E7420" s="1" t="s">
        <v>0</v>
      </c>
    </row>
    <row r="7421" spans="1:5" x14ac:dyDescent="0.25">
      <c r="A7421" s="1" t="s">
        <v>15303</v>
      </c>
      <c r="B7421" s="1" t="s">
        <v>60888</v>
      </c>
      <c r="C7421" s="1" t="s">
        <v>15304</v>
      </c>
      <c r="D7421" s="2">
        <v>160249</v>
      </c>
      <c r="E7421" s="1" t="s">
        <v>0</v>
      </c>
    </row>
    <row r="7422" spans="1:5" x14ac:dyDescent="0.25">
      <c r="A7422" s="2">
        <v>1484</v>
      </c>
      <c r="B7422" s="2">
        <v>1484</v>
      </c>
      <c r="C7422" s="1" t="s">
        <v>0</v>
      </c>
      <c r="D7422" s="2">
        <v>160250</v>
      </c>
      <c r="E7422" s="1" t="s">
        <v>0</v>
      </c>
    </row>
    <row r="7423" spans="1:5" x14ac:dyDescent="0.25">
      <c r="A7423" s="1" t="s">
        <v>1372</v>
      </c>
      <c r="B7423" s="1" t="s">
        <v>7135</v>
      </c>
      <c r="C7423" s="1" t="s">
        <v>23450</v>
      </c>
      <c r="D7423" s="2">
        <v>160251</v>
      </c>
      <c r="E7423" s="1" t="s">
        <v>0</v>
      </c>
    </row>
    <row r="7424" spans="1:5" x14ac:dyDescent="0.25">
      <c r="A7424" s="1" t="s">
        <v>61779</v>
      </c>
      <c r="B7424" s="1" t="s">
        <v>61614</v>
      </c>
      <c r="C7424" s="1" t="s">
        <v>23451</v>
      </c>
      <c r="D7424" s="2">
        <v>160252</v>
      </c>
      <c r="E7424" s="1" t="s">
        <v>0</v>
      </c>
    </row>
    <row r="7425" spans="1:5" ht="409.5" x14ac:dyDescent="0.25">
      <c r="A7425" s="4" t="s">
        <v>64083</v>
      </c>
      <c r="B7425" s="1" t="s">
        <v>61615</v>
      </c>
      <c r="C7425" s="1" t="s">
        <v>23452</v>
      </c>
      <c r="D7425" s="2">
        <v>160253</v>
      </c>
      <c r="E7425" s="1" t="s">
        <v>0</v>
      </c>
    </row>
    <row r="7426" spans="1:5" x14ac:dyDescent="0.25">
      <c r="A7426" s="1" t="s">
        <v>23453</v>
      </c>
      <c r="B7426" s="1" t="s">
        <v>61616</v>
      </c>
      <c r="C7426" s="1" t="s">
        <v>23454</v>
      </c>
      <c r="D7426" s="2">
        <v>160254</v>
      </c>
      <c r="E7426" s="1" t="s">
        <v>0</v>
      </c>
    </row>
    <row r="7427" spans="1:5" x14ac:dyDescent="0.25">
      <c r="A7427" s="2">
        <v>1485</v>
      </c>
      <c r="B7427" s="2">
        <v>1485</v>
      </c>
      <c r="C7427" s="1" t="s">
        <v>0</v>
      </c>
      <c r="D7427" s="2">
        <v>160255</v>
      </c>
      <c r="E7427" s="1" t="s">
        <v>0</v>
      </c>
    </row>
    <row r="7428" spans="1:5" x14ac:dyDescent="0.25">
      <c r="A7428" s="1" t="s">
        <v>1373</v>
      </c>
      <c r="B7428" s="1" t="s">
        <v>7136</v>
      </c>
      <c r="C7428" s="1" t="s">
        <v>23455</v>
      </c>
      <c r="D7428" s="2">
        <v>160256</v>
      </c>
      <c r="E7428" s="1" t="s">
        <v>0</v>
      </c>
    </row>
    <row r="7429" spans="1:5" x14ac:dyDescent="0.25">
      <c r="A7429" s="1" t="s">
        <v>23456</v>
      </c>
      <c r="B7429" s="1" t="s">
        <v>52691</v>
      </c>
      <c r="C7429" s="1" t="s">
        <v>23457</v>
      </c>
      <c r="D7429" s="2">
        <v>160257</v>
      </c>
      <c r="E7429" s="1" t="s">
        <v>0</v>
      </c>
    </row>
    <row r="7430" spans="1:5" ht="409.5" x14ac:dyDescent="0.25">
      <c r="A7430" s="4" t="s">
        <v>23458</v>
      </c>
      <c r="B7430" s="1" t="s">
        <v>57792</v>
      </c>
      <c r="C7430" s="1" t="s">
        <v>23459</v>
      </c>
      <c r="D7430" s="2">
        <v>160258</v>
      </c>
      <c r="E7430" s="1" t="s">
        <v>0</v>
      </c>
    </row>
    <row r="7431" spans="1:5" x14ac:dyDescent="0.25">
      <c r="A7431" s="1" t="s">
        <v>23460</v>
      </c>
      <c r="B7431" s="1" t="s">
        <v>52692</v>
      </c>
      <c r="C7431" s="1" t="s">
        <v>23461</v>
      </c>
      <c r="D7431" s="2">
        <v>160259</v>
      </c>
      <c r="E7431" s="1" t="s">
        <v>0</v>
      </c>
    </row>
    <row r="7432" spans="1:5" x14ac:dyDescent="0.25">
      <c r="A7432" s="2">
        <v>1486</v>
      </c>
      <c r="B7432" s="2">
        <v>1486</v>
      </c>
      <c r="C7432" s="1" t="s">
        <v>0</v>
      </c>
      <c r="D7432" s="2">
        <v>160260</v>
      </c>
      <c r="E7432" s="1" t="s">
        <v>0</v>
      </c>
    </row>
    <row r="7433" spans="1:5" x14ac:dyDescent="0.25">
      <c r="A7433" s="1" t="s">
        <v>1374</v>
      </c>
      <c r="B7433" s="1" t="s">
        <v>7137</v>
      </c>
      <c r="C7433" s="1" t="s">
        <v>23462</v>
      </c>
      <c r="D7433" s="2">
        <v>160261</v>
      </c>
      <c r="E7433" s="1" t="s">
        <v>0</v>
      </c>
    </row>
    <row r="7434" spans="1:5" x14ac:dyDescent="0.25">
      <c r="A7434" s="1" t="s">
        <v>23463</v>
      </c>
      <c r="B7434" s="1" t="s">
        <v>52693</v>
      </c>
      <c r="C7434" s="1" t="s">
        <v>23464</v>
      </c>
      <c r="D7434" s="2">
        <v>160262</v>
      </c>
      <c r="E7434" s="1" t="s">
        <v>0</v>
      </c>
    </row>
    <row r="7435" spans="1:5" ht="409.5" x14ac:dyDescent="0.25">
      <c r="A7435" s="4" t="s">
        <v>23465</v>
      </c>
      <c r="B7435" s="1" t="s">
        <v>52694</v>
      </c>
      <c r="C7435" s="1" t="s">
        <v>23466</v>
      </c>
      <c r="D7435" s="2">
        <v>160263</v>
      </c>
      <c r="E7435" s="1" t="s">
        <v>0</v>
      </c>
    </row>
    <row r="7436" spans="1:5" x14ac:dyDescent="0.25">
      <c r="A7436" s="1" t="s">
        <v>23467</v>
      </c>
      <c r="B7436" s="1" t="s">
        <v>1375</v>
      </c>
      <c r="C7436" s="1" t="s">
        <v>23468</v>
      </c>
      <c r="D7436" s="2">
        <v>160264</v>
      </c>
      <c r="E7436" s="1" t="s">
        <v>0</v>
      </c>
    </row>
    <row r="7437" spans="1:5" x14ac:dyDescent="0.25">
      <c r="A7437" s="2">
        <v>1487</v>
      </c>
      <c r="B7437" s="2">
        <v>1487</v>
      </c>
      <c r="C7437" s="1" t="s">
        <v>0</v>
      </c>
      <c r="D7437" s="2">
        <v>160265</v>
      </c>
      <c r="E7437" s="1" t="s">
        <v>0</v>
      </c>
    </row>
    <row r="7438" spans="1:5" x14ac:dyDescent="0.25">
      <c r="A7438" s="1" t="s">
        <v>1376</v>
      </c>
      <c r="B7438" s="1" t="s">
        <v>7138</v>
      </c>
      <c r="C7438" s="1" t="s">
        <v>23469</v>
      </c>
      <c r="D7438" s="2">
        <v>160266</v>
      </c>
      <c r="E7438" s="1" t="s">
        <v>0</v>
      </c>
    </row>
    <row r="7439" spans="1:5" x14ac:dyDescent="0.25">
      <c r="A7439" s="1" t="s">
        <v>23470</v>
      </c>
      <c r="B7439" s="1" t="s">
        <v>52695</v>
      </c>
      <c r="C7439" s="1" t="s">
        <v>23471</v>
      </c>
      <c r="D7439" s="2">
        <v>160267</v>
      </c>
      <c r="E7439" s="1" t="s">
        <v>0</v>
      </c>
    </row>
    <row r="7440" spans="1:5" ht="409.5" x14ac:dyDescent="0.25">
      <c r="A7440" s="4" t="s">
        <v>23472</v>
      </c>
      <c r="B7440" s="1" t="s">
        <v>57455</v>
      </c>
      <c r="C7440" s="1" t="s">
        <v>23473</v>
      </c>
      <c r="D7440" s="2">
        <v>160268</v>
      </c>
      <c r="E7440" s="1" t="s">
        <v>0</v>
      </c>
    </row>
    <row r="7441" spans="1:5" x14ac:dyDescent="0.25">
      <c r="A7441" s="1" t="s">
        <v>23474</v>
      </c>
      <c r="B7441" s="1" t="s">
        <v>52696</v>
      </c>
      <c r="C7441" s="1" t="s">
        <v>20328</v>
      </c>
      <c r="D7441" s="2">
        <v>160269</v>
      </c>
      <c r="E7441" s="1" t="s">
        <v>0</v>
      </c>
    </row>
    <row r="7442" spans="1:5" x14ac:dyDescent="0.25">
      <c r="A7442" s="2">
        <v>1488</v>
      </c>
      <c r="B7442" s="2">
        <v>1488</v>
      </c>
      <c r="C7442" s="1" t="s">
        <v>0</v>
      </c>
      <c r="D7442" s="2">
        <v>160270</v>
      </c>
      <c r="E7442" s="1" t="s">
        <v>0</v>
      </c>
    </row>
    <row r="7443" spans="1:5" x14ac:dyDescent="0.25">
      <c r="A7443" s="1" t="s">
        <v>1377</v>
      </c>
      <c r="B7443" s="1" t="s">
        <v>7139</v>
      </c>
      <c r="C7443" s="1" t="s">
        <v>23475</v>
      </c>
      <c r="D7443" s="2">
        <v>160271</v>
      </c>
      <c r="E7443" s="1" t="s">
        <v>0</v>
      </c>
    </row>
    <row r="7444" spans="1:5" x14ac:dyDescent="0.25">
      <c r="A7444" s="1" t="s">
        <v>23476</v>
      </c>
      <c r="B7444" s="1" t="s">
        <v>52697</v>
      </c>
      <c r="C7444" s="1" t="s">
        <v>23477</v>
      </c>
      <c r="D7444" s="2">
        <v>160272</v>
      </c>
      <c r="E7444" s="1" t="s">
        <v>0</v>
      </c>
    </row>
    <row r="7445" spans="1:5" ht="409.5" x14ac:dyDescent="0.25">
      <c r="A7445" s="4" t="s">
        <v>23478</v>
      </c>
      <c r="B7445" s="1" t="s">
        <v>52698</v>
      </c>
      <c r="C7445" s="1" t="s">
        <v>23479</v>
      </c>
      <c r="D7445" s="2">
        <v>160273</v>
      </c>
      <c r="E7445" s="1" t="s">
        <v>0</v>
      </c>
    </row>
    <row r="7446" spans="1:5" x14ac:dyDescent="0.25">
      <c r="A7446" s="1" t="s">
        <v>23480</v>
      </c>
      <c r="B7446" s="1" t="s">
        <v>7140</v>
      </c>
      <c r="C7446" s="1" t="s">
        <v>23481</v>
      </c>
      <c r="D7446" s="2">
        <v>160274</v>
      </c>
      <c r="E7446" s="1" t="s">
        <v>0</v>
      </c>
    </row>
    <row r="7447" spans="1:5" x14ac:dyDescent="0.25">
      <c r="A7447" s="2">
        <v>1489</v>
      </c>
      <c r="B7447" s="2">
        <v>1489</v>
      </c>
      <c r="C7447" s="1" t="s">
        <v>0</v>
      </c>
      <c r="D7447" s="2">
        <v>160275</v>
      </c>
      <c r="E7447" s="1" t="s">
        <v>0</v>
      </c>
    </row>
    <row r="7448" spans="1:5" x14ac:dyDescent="0.25">
      <c r="A7448" s="1" t="s">
        <v>1378</v>
      </c>
      <c r="B7448" s="1" t="s">
        <v>7141</v>
      </c>
      <c r="C7448" s="1" t="s">
        <v>23482</v>
      </c>
      <c r="D7448" s="2">
        <v>160276</v>
      </c>
      <c r="E7448" s="1" t="s">
        <v>0</v>
      </c>
    </row>
    <row r="7449" spans="1:5" x14ac:dyDescent="0.25">
      <c r="A7449" s="1" t="s">
        <v>23483</v>
      </c>
      <c r="B7449" s="1" t="s">
        <v>57019</v>
      </c>
      <c r="C7449" s="1" t="s">
        <v>23484</v>
      </c>
      <c r="D7449" s="2">
        <v>160277</v>
      </c>
      <c r="E7449" s="1" t="s">
        <v>0</v>
      </c>
    </row>
    <row r="7450" spans="1:5" ht="409.5" x14ac:dyDescent="0.25">
      <c r="A7450" s="4" t="s">
        <v>23485</v>
      </c>
      <c r="B7450" s="1" t="s">
        <v>57020</v>
      </c>
      <c r="C7450" s="1" t="s">
        <v>23486</v>
      </c>
      <c r="D7450" s="2">
        <v>160278</v>
      </c>
      <c r="E7450" s="1" t="s">
        <v>0</v>
      </c>
    </row>
    <row r="7451" spans="1:5" x14ac:dyDescent="0.25">
      <c r="A7451" s="1" t="s">
        <v>23487</v>
      </c>
      <c r="B7451" s="1" t="s">
        <v>50577</v>
      </c>
      <c r="C7451" s="1" t="s">
        <v>23488</v>
      </c>
      <c r="D7451" s="2">
        <v>160279</v>
      </c>
      <c r="E7451" s="1" t="s">
        <v>0</v>
      </c>
    </row>
    <row r="7452" spans="1:5" x14ac:dyDescent="0.25">
      <c r="A7452" s="2">
        <v>1490</v>
      </c>
      <c r="B7452" s="2">
        <v>1490</v>
      </c>
      <c r="C7452" s="1" t="s">
        <v>0</v>
      </c>
      <c r="D7452" s="2">
        <v>160280</v>
      </c>
      <c r="E7452" s="1" t="s">
        <v>0</v>
      </c>
    </row>
    <row r="7453" spans="1:5" x14ac:dyDescent="0.25">
      <c r="A7453" s="1" t="s">
        <v>1379</v>
      </c>
      <c r="B7453" s="1" t="s">
        <v>7142</v>
      </c>
      <c r="C7453" s="1" t="s">
        <v>23489</v>
      </c>
      <c r="D7453" s="2">
        <v>160281</v>
      </c>
      <c r="E7453" s="1" t="s">
        <v>0</v>
      </c>
    </row>
    <row r="7454" spans="1:5" x14ac:dyDescent="0.25">
      <c r="A7454" s="1" t="s">
        <v>23490</v>
      </c>
      <c r="B7454" s="1" t="s">
        <v>62265</v>
      </c>
      <c r="C7454" s="1" t="s">
        <v>23491</v>
      </c>
      <c r="D7454" s="2">
        <v>160282</v>
      </c>
      <c r="E7454" s="1" t="s">
        <v>0</v>
      </c>
    </row>
    <row r="7455" spans="1:5" ht="409.5" x14ac:dyDescent="0.25">
      <c r="A7455" s="4" t="s">
        <v>23492</v>
      </c>
      <c r="B7455" s="1" t="s">
        <v>62266</v>
      </c>
      <c r="C7455" s="1" t="s">
        <v>23493</v>
      </c>
      <c r="D7455" s="2">
        <v>160283</v>
      </c>
      <c r="E7455" s="1" t="s">
        <v>0</v>
      </c>
    </row>
    <row r="7456" spans="1:5" x14ac:dyDescent="0.25">
      <c r="A7456" s="1" t="s">
        <v>23494</v>
      </c>
      <c r="B7456" s="1" t="s">
        <v>7143</v>
      </c>
      <c r="C7456" s="1" t="s">
        <v>23495</v>
      </c>
      <c r="D7456" s="2">
        <v>160284</v>
      </c>
      <c r="E7456" s="1" t="s">
        <v>0</v>
      </c>
    </row>
    <row r="7457" spans="1:5" x14ac:dyDescent="0.25">
      <c r="A7457" s="2">
        <v>1491</v>
      </c>
      <c r="B7457" s="2">
        <v>1491</v>
      </c>
      <c r="C7457" s="1" t="s">
        <v>0</v>
      </c>
      <c r="D7457" s="2">
        <v>160285</v>
      </c>
      <c r="E7457" s="1" t="s">
        <v>0</v>
      </c>
    </row>
    <row r="7458" spans="1:5" x14ac:dyDescent="0.25">
      <c r="A7458" s="1" t="s">
        <v>7144</v>
      </c>
      <c r="B7458" s="1" t="s">
        <v>7145</v>
      </c>
      <c r="C7458" s="1" t="s">
        <v>23496</v>
      </c>
      <c r="D7458" s="2">
        <v>160286</v>
      </c>
      <c r="E7458" s="1" t="s">
        <v>0</v>
      </c>
    </row>
    <row r="7459" spans="1:5" x14ac:dyDescent="0.25">
      <c r="A7459" s="1" t="s">
        <v>23497</v>
      </c>
      <c r="B7459" s="1" t="s">
        <v>52699</v>
      </c>
      <c r="C7459" s="1" t="s">
        <v>23498</v>
      </c>
      <c r="D7459" s="2">
        <v>160287</v>
      </c>
      <c r="E7459" s="1" t="s">
        <v>0</v>
      </c>
    </row>
    <row r="7460" spans="1:5" ht="409.5" x14ac:dyDescent="0.25">
      <c r="A7460" s="4" t="s">
        <v>23499</v>
      </c>
      <c r="B7460" s="1" t="s">
        <v>52700</v>
      </c>
      <c r="C7460" s="1" t="s">
        <v>23500</v>
      </c>
      <c r="D7460" s="2">
        <v>160288</v>
      </c>
      <c r="E7460" s="1" t="s">
        <v>0</v>
      </c>
    </row>
    <row r="7461" spans="1:5" x14ac:dyDescent="0.25">
      <c r="A7461" s="1" t="s">
        <v>23501</v>
      </c>
      <c r="B7461" s="1" t="s">
        <v>52701</v>
      </c>
      <c r="C7461" s="1" t="s">
        <v>23502</v>
      </c>
      <c r="D7461" s="2">
        <v>160289</v>
      </c>
      <c r="E7461" s="1" t="s">
        <v>0</v>
      </c>
    </row>
    <row r="7462" spans="1:5" x14ac:dyDescent="0.25">
      <c r="A7462" s="2">
        <v>1492</v>
      </c>
      <c r="B7462" s="2">
        <v>1492</v>
      </c>
      <c r="C7462" s="1" t="s">
        <v>0</v>
      </c>
      <c r="D7462" s="2">
        <v>160290</v>
      </c>
      <c r="E7462" s="1" t="s">
        <v>0</v>
      </c>
    </row>
    <row r="7463" spans="1:5" x14ac:dyDescent="0.25">
      <c r="A7463" s="1" t="s">
        <v>1380</v>
      </c>
      <c r="B7463" s="1" t="s">
        <v>59894</v>
      </c>
      <c r="C7463" s="1" t="s">
        <v>23503</v>
      </c>
      <c r="D7463" s="2">
        <v>160291</v>
      </c>
      <c r="E7463" s="1" t="s">
        <v>0</v>
      </c>
    </row>
    <row r="7464" spans="1:5" x14ac:dyDescent="0.25">
      <c r="A7464" s="1" t="s">
        <v>23504</v>
      </c>
      <c r="B7464" s="1" t="s">
        <v>7146</v>
      </c>
      <c r="C7464" s="1" t="s">
        <v>23505</v>
      </c>
      <c r="D7464" s="2">
        <v>160292</v>
      </c>
      <c r="E7464" s="1" t="s">
        <v>0</v>
      </c>
    </row>
    <row r="7465" spans="1:5" ht="409.5" x14ac:dyDescent="0.25">
      <c r="A7465" s="4" t="s">
        <v>23506</v>
      </c>
      <c r="B7465" s="1" t="s">
        <v>59895</v>
      </c>
      <c r="C7465" s="1" t="s">
        <v>23507</v>
      </c>
      <c r="D7465" s="2">
        <v>160293</v>
      </c>
      <c r="E7465" s="1" t="s">
        <v>0</v>
      </c>
    </row>
    <row r="7466" spans="1:5" x14ac:dyDescent="0.25">
      <c r="A7466" s="1" t="s">
        <v>23508</v>
      </c>
      <c r="B7466" s="1" t="s">
        <v>59896</v>
      </c>
      <c r="C7466" s="1" t="s">
        <v>23509</v>
      </c>
      <c r="D7466" s="2">
        <v>160294</v>
      </c>
      <c r="E7466" s="1" t="s">
        <v>0</v>
      </c>
    </row>
    <row r="7467" spans="1:5" x14ac:dyDescent="0.25">
      <c r="A7467" s="2">
        <v>1493</v>
      </c>
      <c r="B7467" s="2">
        <v>1493</v>
      </c>
      <c r="C7467" s="1" t="s">
        <v>0</v>
      </c>
      <c r="D7467" s="2">
        <v>160295</v>
      </c>
      <c r="E7467" s="1" t="s">
        <v>0</v>
      </c>
    </row>
    <row r="7468" spans="1:5" x14ac:dyDescent="0.25">
      <c r="A7468" s="1" t="s">
        <v>1381</v>
      </c>
      <c r="B7468" s="1" t="s">
        <v>50578</v>
      </c>
      <c r="C7468" s="1" t="s">
        <v>23510</v>
      </c>
      <c r="D7468" s="2">
        <v>160296</v>
      </c>
      <c r="E7468" s="1" t="s">
        <v>0</v>
      </c>
    </row>
    <row r="7469" spans="1:5" x14ac:dyDescent="0.25">
      <c r="A7469" s="1" t="s">
        <v>23511</v>
      </c>
      <c r="B7469" s="1" t="s">
        <v>61024</v>
      </c>
      <c r="C7469" s="1" t="s">
        <v>23512</v>
      </c>
      <c r="D7469" s="2">
        <v>160297</v>
      </c>
      <c r="E7469" s="1" t="s">
        <v>0</v>
      </c>
    </row>
    <row r="7470" spans="1:5" ht="409.5" x14ac:dyDescent="0.25">
      <c r="A7470" s="4" t="s">
        <v>23513</v>
      </c>
      <c r="B7470" s="1" t="s">
        <v>61025</v>
      </c>
      <c r="C7470" s="1" t="s">
        <v>23514</v>
      </c>
      <c r="D7470" s="2">
        <v>160298</v>
      </c>
      <c r="E7470" s="1" t="s">
        <v>0</v>
      </c>
    </row>
    <row r="7471" spans="1:5" x14ac:dyDescent="0.25">
      <c r="A7471" s="1" t="s">
        <v>23515</v>
      </c>
      <c r="B7471" s="1" t="s">
        <v>61026</v>
      </c>
      <c r="C7471" s="1" t="s">
        <v>23516</v>
      </c>
      <c r="D7471" s="2">
        <v>160299</v>
      </c>
      <c r="E7471" s="1" t="s">
        <v>0</v>
      </c>
    </row>
    <row r="7472" spans="1:5" x14ac:dyDescent="0.25">
      <c r="A7472" s="2">
        <v>1494</v>
      </c>
      <c r="B7472" s="2">
        <v>1494</v>
      </c>
      <c r="C7472" s="1" t="s">
        <v>0</v>
      </c>
      <c r="D7472" s="2">
        <v>160300</v>
      </c>
      <c r="E7472" s="1" t="s">
        <v>0</v>
      </c>
    </row>
    <row r="7473" spans="1:5" x14ac:dyDescent="0.25">
      <c r="A7473" s="1" t="s">
        <v>1382</v>
      </c>
      <c r="B7473" s="1" t="s">
        <v>7147</v>
      </c>
      <c r="C7473" s="1" t="s">
        <v>23517</v>
      </c>
      <c r="D7473" s="2">
        <v>160301</v>
      </c>
      <c r="E7473" s="1" t="s">
        <v>0</v>
      </c>
    </row>
    <row r="7474" spans="1:5" x14ac:dyDescent="0.25">
      <c r="A7474" s="1" t="s">
        <v>61780</v>
      </c>
      <c r="B7474" s="1" t="s">
        <v>62267</v>
      </c>
      <c r="C7474" s="1" t="s">
        <v>23518</v>
      </c>
      <c r="D7474" s="2">
        <v>160302</v>
      </c>
      <c r="E7474" s="1" t="s">
        <v>0</v>
      </c>
    </row>
    <row r="7475" spans="1:5" ht="409.5" x14ac:dyDescent="0.25">
      <c r="A7475" s="4" t="s">
        <v>61781</v>
      </c>
      <c r="B7475" s="1" t="s">
        <v>62268</v>
      </c>
      <c r="C7475" s="1" t="s">
        <v>23519</v>
      </c>
      <c r="D7475" s="2">
        <v>160303</v>
      </c>
      <c r="E7475" s="1" t="s">
        <v>0</v>
      </c>
    </row>
    <row r="7476" spans="1:5" x14ac:dyDescent="0.25">
      <c r="A7476" s="1" t="s">
        <v>23520</v>
      </c>
      <c r="B7476" s="1" t="s">
        <v>7148</v>
      </c>
      <c r="C7476" s="1" t="s">
        <v>23521</v>
      </c>
      <c r="D7476" s="2">
        <v>160304</v>
      </c>
      <c r="E7476" s="1" t="s">
        <v>0</v>
      </c>
    </row>
    <row r="7477" spans="1:5" x14ac:dyDescent="0.25">
      <c r="A7477" s="2">
        <v>1495</v>
      </c>
      <c r="B7477" s="2">
        <v>1495</v>
      </c>
      <c r="C7477" s="1" t="s">
        <v>0</v>
      </c>
      <c r="D7477" s="2">
        <v>160305</v>
      </c>
      <c r="E7477" s="1" t="s">
        <v>0</v>
      </c>
    </row>
    <row r="7478" spans="1:5" x14ac:dyDescent="0.25">
      <c r="A7478" s="1" t="s">
        <v>1383</v>
      </c>
      <c r="B7478" s="1" t="s">
        <v>7149</v>
      </c>
      <c r="C7478" s="1" t="s">
        <v>23522</v>
      </c>
      <c r="D7478" s="2">
        <v>160306</v>
      </c>
      <c r="E7478" s="1" t="s">
        <v>0</v>
      </c>
    </row>
    <row r="7479" spans="1:5" x14ac:dyDescent="0.25">
      <c r="A7479" s="1" t="s">
        <v>23523</v>
      </c>
      <c r="B7479" s="1" t="s">
        <v>7150</v>
      </c>
      <c r="C7479" s="1" t="s">
        <v>23524</v>
      </c>
      <c r="D7479" s="2">
        <v>160307</v>
      </c>
      <c r="E7479" s="1" t="s">
        <v>0</v>
      </c>
    </row>
    <row r="7480" spans="1:5" ht="409.5" x14ac:dyDescent="0.25">
      <c r="A7480" s="4" t="s">
        <v>23525</v>
      </c>
      <c r="B7480" s="1" t="s">
        <v>52702</v>
      </c>
      <c r="C7480" s="1" t="s">
        <v>23526</v>
      </c>
      <c r="D7480" s="2">
        <v>160308</v>
      </c>
      <c r="E7480" s="1" t="s">
        <v>0</v>
      </c>
    </row>
    <row r="7481" spans="1:5" x14ac:dyDescent="0.25">
      <c r="A7481" s="1" t="s">
        <v>23527</v>
      </c>
      <c r="B7481" s="1" t="s">
        <v>7151</v>
      </c>
      <c r="C7481" s="1" t="s">
        <v>23528</v>
      </c>
      <c r="D7481" s="2">
        <v>160309</v>
      </c>
      <c r="E7481" s="1" t="s">
        <v>0</v>
      </c>
    </row>
    <row r="7482" spans="1:5" x14ac:dyDescent="0.25">
      <c r="A7482" s="2">
        <v>1496</v>
      </c>
      <c r="B7482" s="2">
        <v>1496</v>
      </c>
      <c r="C7482" s="1" t="s">
        <v>0</v>
      </c>
      <c r="D7482" s="2">
        <v>160310</v>
      </c>
      <c r="E7482" s="1" t="s">
        <v>0</v>
      </c>
    </row>
    <row r="7483" spans="1:5" x14ac:dyDescent="0.25">
      <c r="A7483" s="1" t="s">
        <v>1384</v>
      </c>
      <c r="B7483" s="1" t="s">
        <v>7152</v>
      </c>
      <c r="C7483" s="1" t="s">
        <v>23529</v>
      </c>
      <c r="D7483" s="2">
        <v>160311</v>
      </c>
      <c r="E7483" s="1" t="s">
        <v>0</v>
      </c>
    </row>
    <row r="7484" spans="1:5" x14ac:dyDescent="0.25">
      <c r="A7484" s="1" t="s">
        <v>23530</v>
      </c>
      <c r="B7484" s="1" t="s">
        <v>61617</v>
      </c>
      <c r="C7484" s="1" t="s">
        <v>23531</v>
      </c>
      <c r="D7484" s="2">
        <v>160312</v>
      </c>
      <c r="E7484" s="1" t="s">
        <v>0</v>
      </c>
    </row>
    <row r="7485" spans="1:5" ht="409.5" x14ac:dyDescent="0.25">
      <c r="A7485" s="4" t="s">
        <v>23532</v>
      </c>
      <c r="B7485" s="1" t="s">
        <v>61618</v>
      </c>
      <c r="C7485" s="1" t="s">
        <v>23533</v>
      </c>
      <c r="D7485" s="2">
        <v>160313</v>
      </c>
      <c r="E7485" s="1" t="s">
        <v>0</v>
      </c>
    </row>
    <row r="7486" spans="1:5" x14ac:dyDescent="0.25">
      <c r="A7486" s="1" t="s">
        <v>23534</v>
      </c>
      <c r="B7486" s="1" t="s">
        <v>7153</v>
      </c>
      <c r="C7486" s="1" t="s">
        <v>23535</v>
      </c>
      <c r="D7486" s="2">
        <v>160314</v>
      </c>
      <c r="E7486" s="1" t="s">
        <v>0</v>
      </c>
    </row>
    <row r="7487" spans="1:5" x14ac:dyDescent="0.25">
      <c r="A7487" s="2">
        <v>1497</v>
      </c>
      <c r="B7487" s="2">
        <v>1497</v>
      </c>
      <c r="C7487" s="1" t="s">
        <v>0</v>
      </c>
      <c r="D7487" s="2">
        <v>160315</v>
      </c>
      <c r="E7487" s="1" t="s">
        <v>0</v>
      </c>
    </row>
    <row r="7488" spans="1:5" x14ac:dyDescent="0.25">
      <c r="A7488" s="1" t="s">
        <v>1385</v>
      </c>
      <c r="B7488" s="1" t="s">
        <v>52703</v>
      </c>
      <c r="C7488" s="1" t="s">
        <v>23536</v>
      </c>
      <c r="D7488" s="2">
        <v>160316</v>
      </c>
      <c r="E7488" s="1" t="s">
        <v>0</v>
      </c>
    </row>
    <row r="7489" spans="1:5" x14ac:dyDescent="0.25">
      <c r="A7489" s="1" t="s">
        <v>23537</v>
      </c>
      <c r="B7489" s="1" t="s">
        <v>52704</v>
      </c>
      <c r="C7489" s="1" t="s">
        <v>23538</v>
      </c>
      <c r="D7489" s="2">
        <v>160317</v>
      </c>
      <c r="E7489" s="1" t="s">
        <v>0</v>
      </c>
    </row>
    <row r="7490" spans="1:5" ht="409.5" x14ac:dyDescent="0.25">
      <c r="A7490" s="4" t="s">
        <v>23539</v>
      </c>
      <c r="B7490" s="1" t="s">
        <v>61027</v>
      </c>
      <c r="C7490" s="1" t="s">
        <v>23540</v>
      </c>
      <c r="D7490" s="2">
        <v>160318</v>
      </c>
      <c r="E7490" s="1" t="s">
        <v>0</v>
      </c>
    </row>
    <row r="7491" spans="1:5" x14ac:dyDescent="0.25">
      <c r="A7491" s="1" t="s">
        <v>23541</v>
      </c>
      <c r="B7491" s="1" t="s">
        <v>52705</v>
      </c>
      <c r="C7491" s="1" t="s">
        <v>23542</v>
      </c>
      <c r="D7491" s="2">
        <v>160319</v>
      </c>
      <c r="E7491" s="1" t="s">
        <v>0</v>
      </c>
    </row>
    <row r="7492" spans="1:5" x14ac:dyDescent="0.25">
      <c r="A7492" s="2">
        <v>1498</v>
      </c>
      <c r="B7492" s="2">
        <v>1498</v>
      </c>
      <c r="C7492" s="1" t="s">
        <v>0</v>
      </c>
      <c r="D7492" s="2">
        <v>160320</v>
      </c>
      <c r="E7492" s="1" t="s">
        <v>0</v>
      </c>
    </row>
    <row r="7493" spans="1:5" x14ac:dyDescent="0.25">
      <c r="A7493" s="1" t="s">
        <v>1386</v>
      </c>
      <c r="B7493" s="1" t="s">
        <v>7154</v>
      </c>
      <c r="C7493" s="1" t="s">
        <v>23543</v>
      </c>
      <c r="D7493" s="2">
        <v>160321</v>
      </c>
      <c r="E7493" s="1" t="s">
        <v>0</v>
      </c>
    </row>
    <row r="7494" spans="1:5" x14ac:dyDescent="0.25">
      <c r="A7494" s="1" t="s">
        <v>23544</v>
      </c>
      <c r="B7494" s="1" t="s">
        <v>7155</v>
      </c>
      <c r="C7494" s="1" t="s">
        <v>23545</v>
      </c>
      <c r="D7494" s="2">
        <v>160322</v>
      </c>
      <c r="E7494" s="1" t="s">
        <v>0</v>
      </c>
    </row>
    <row r="7495" spans="1:5" ht="409.5" x14ac:dyDescent="0.25">
      <c r="A7495" s="4" t="s">
        <v>23546</v>
      </c>
      <c r="B7495" s="1" t="s">
        <v>52706</v>
      </c>
      <c r="C7495" s="1" t="s">
        <v>23547</v>
      </c>
      <c r="D7495" s="2">
        <v>160323</v>
      </c>
      <c r="E7495" s="1" t="s">
        <v>0</v>
      </c>
    </row>
    <row r="7496" spans="1:5" x14ac:dyDescent="0.25">
      <c r="A7496" s="1" t="s">
        <v>23548</v>
      </c>
      <c r="B7496" s="1" t="s">
        <v>57171</v>
      </c>
      <c r="C7496" s="1" t="s">
        <v>23549</v>
      </c>
      <c r="D7496" s="2">
        <v>160324</v>
      </c>
      <c r="E7496" s="1" t="s">
        <v>0</v>
      </c>
    </row>
    <row r="7497" spans="1:5" x14ac:dyDescent="0.25">
      <c r="A7497" s="2">
        <v>1499</v>
      </c>
      <c r="B7497" s="2">
        <v>1499</v>
      </c>
      <c r="C7497" s="1" t="s">
        <v>0</v>
      </c>
      <c r="D7497" s="2">
        <v>160325</v>
      </c>
      <c r="E7497" s="1" t="s">
        <v>0</v>
      </c>
    </row>
    <row r="7498" spans="1:5" x14ac:dyDescent="0.25">
      <c r="A7498" s="1" t="s">
        <v>1387</v>
      </c>
      <c r="B7498" s="1" t="s">
        <v>50579</v>
      </c>
      <c r="C7498" s="1" t="s">
        <v>23550</v>
      </c>
      <c r="D7498" s="2">
        <v>160326</v>
      </c>
      <c r="E7498" s="1" t="s">
        <v>0</v>
      </c>
    </row>
    <row r="7499" spans="1:5" x14ac:dyDescent="0.25">
      <c r="A7499" s="1" t="s">
        <v>23551</v>
      </c>
      <c r="B7499" s="1" t="s">
        <v>52707</v>
      </c>
      <c r="C7499" s="1" t="s">
        <v>23552</v>
      </c>
      <c r="D7499" s="2">
        <v>160327</v>
      </c>
      <c r="E7499" s="1" t="s">
        <v>0</v>
      </c>
    </row>
    <row r="7500" spans="1:5" ht="409.5" x14ac:dyDescent="0.25">
      <c r="A7500" s="4" t="s">
        <v>23553</v>
      </c>
      <c r="B7500" s="1" t="s">
        <v>52708</v>
      </c>
      <c r="C7500" s="1" t="s">
        <v>23554</v>
      </c>
      <c r="D7500" s="2">
        <v>160328</v>
      </c>
      <c r="E7500" s="1" t="s">
        <v>0</v>
      </c>
    </row>
    <row r="7501" spans="1:5" x14ac:dyDescent="0.25">
      <c r="A7501" s="1" t="s">
        <v>23555</v>
      </c>
      <c r="B7501" s="1" t="s">
        <v>50580</v>
      </c>
      <c r="C7501" s="1" t="s">
        <v>23556</v>
      </c>
      <c r="D7501" s="2">
        <v>160329</v>
      </c>
      <c r="E7501" s="1" t="s">
        <v>0</v>
      </c>
    </row>
    <row r="7502" spans="1:5" x14ac:dyDescent="0.25">
      <c r="A7502" s="2">
        <v>1500</v>
      </c>
      <c r="B7502" s="2">
        <v>1500</v>
      </c>
      <c r="C7502" s="1" t="s">
        <v>0</v>
      </c>
      <c r="D7502" s="2">
        <v>160330</v>
      </c>
      <c r="E7502" s="1" t="s">
        <v>0</v>
      </c>
    </row>
    <row r="7503" spans="1:5" x14ac:dyDescent="0.25">
      <c r="A7503" s="1" t="s">
        <v>1388</v>
      </c>
      <c r="B7503" s="1" t="s">
        <v>50581</v>
      </c>
      <c r="C7503" s="1" t="s">
        <v>23557</v>
      </c>
      <c r="D7503" s="2">
        <v>160331</v>
      </c>
      <c r="E7503" s="1" t="s">
        <v>0</v>
      </c>
    </row>
    <row r="7504" spans="1:5" x14ac:dyDescent="0.25">
      <c r="A7504" s="1" t="s">
        <v>23558</v>
      </c>
      <c r="B7504" s="1" t="s">
        <v>52709</v>
      </c>
      <c r="C7504" s="1" t="s">
        <v>23559</v>
      </c>
      <c r="D7504" s="2">
        <v>160332</v>
      </c>
      <c r="E7504" s="1" t="s">
        <v>0</v>
      </c>
    </row>
    <row r="7505" spans="1:5" ht="409.5" x14ac:dyDescent="0.25">
      <c r="A7505" s="4" t="s">
        <v>23560</v>
      </c>
      <c r="B7505" s="1" t="s">
        <v>52710</v>
      </c>
      <c r="C7505" s="1" t="s">
        <v>23561</v>
      </c>
      <c r="D7505" s="2">
        <v>160333</v>
      </c>
      <c r="E7505" s="1" t="s">
        <v>0</v>
      </c>
    </row>
    <row r="7506" spans="1:5" x14ac:dyDescent="0.25">
      <c r="A7506" s="1" t="s">
        <v>23562</v>
      </c>
      <c r="B7506" s="1" t="s">
        <v>7156</v>
      </c>
      <c r="C7506" s="1" t="s">
        <v>23563</v>
      </c>
      <c r="D7506" s="2">
        <v>160334</v>
      </c>
      <c r="E7506" s="1" t="s">
        <v>0</v>
      </c>
    </row>
    <row r="7507" spans="1:5" x14ac:dyDescent="0.25">
      <c r="A7507" s="2">
        <v>1501</v>
      </c>
      <c r="B7507" s="2">
        <v>1501</v>
      </c>
      <c r="C7507" s="1" t="s">
        <v>0</v>
      </c>
      <c r="D7507" s="2">
        <v>160335</v>
      </c>
      <c r="E7507" s="1" t="s">
        <v>0</v>
      </c>
    </row>
    <row r="7508" spans="1:5" x14ac:dyDescent="0.25">
      <c r="A7508" s="1" t="s">
        <v>1389</v>
      </c>
      <c r="B7508" s="1" t="s">
        <v>56924</v>
      </c>
      <c r="C7508" s="1" t="s">
        <v>23564</v>
      </c>
      <c r="D7508" s="2">
        <v>160336</v>
      </c>
      <c r="E7508" s="1" t="s">
        <v>0</v>
      </c>
    </row>
    <row r="7509" spans="1:5" x14ac:dyDescent="0.25">
      <c r="A7509" s="1" t="s">
        <v>23565</v>
      </c>
      <c r="B7509" s="1" t="s">
        <v>56925</v>
      </c>
      <c r="C7509" s="1" t="s">
        <v>23566</v>
      </c>
      <c r="D7509" s="2">
        <v>160337</v>
      </c>
      <c r="E7509" s="1" t="s">
        <v>0</v>
      </c>
    </row>
    <row r="7510" spans="1:5" ht="409.5" x14ac:dyDescent="0.25">
      <c r="A7510" s="4" t="s">
        <v>23567</v>
      </c>
      <c r="B7510" s="1" t="s">
        <v>56926</v>
      </c>
      <c r="C7510" s="1" t="s">
        <v>23568</v>
      </c>
      <c r="D7510" s="2">
        <v>160338</v>
      </c>
      <c r="E7510" s="1" t="s">
        <v>0</v>
      </c>
    </row>
    <row r="7511" spans="1:5" x14ac:dyDescent="0.25">
      <c r="A7511" s="1" t="s">
        <v>23569</v>
      </c>
      <c r="B7511" s="1" t="s">
        <v>56927</v>
      </c>
      <c r="C7511" s="1" t="s">
        <v>23570</v>
      </c>
      <c r="D7511" s="2">
        <v>160339</v>
      </c>
      <c r="E7511" s="1" t="s">
        <v>0</v>
      </c>
    </row>
    <row r="7512" spans="1:5" x14ac:dyDescent="0.25">
      <c r="A7512" s="2">
        <v>1502</v>
      </c>
      <c r="B7512" s="2">
        <v>1502</v>
      </c>
      <c r="C7512" s="1" t="s">
        <v>0</v>
      </c>
      <c r="D7512" s="2">
        <v>160340</v>
      </c>
      <c r="E7512" s="1" t="s">
        <v>0</v>
      </c>
    </row>
    <row r="7513" spans="1:5" x14ac:dyDescent="0.25">
      <c r="A7513" s="1" t="s">
        <v>1390</v>
      </c>
      <c r="B7513" s="1" t="s">
        <v>7157</v>
      </c>
      <c r="C7513" s="1" t="s">
        <v>23571</v>
      </c>
      <c r="D7513" s="2">
        <v>160341</v>
      </c>
      <c r="E7513" s="1" t="s">
        <v>0</v>
      </c>
    </row>
    <row r="7514" spans="1:5" x14ac:dyDescent="0.25">
      <c r="A7514" s="1" t="s">
        <v>23572</v>
      </c>
      <c r="B7514" s="1" t="s">
        <v>7158</v>
      </c>
      <c r="C7514" s="1" t="s">
        <v>23573</v>
      </c>
      <c r="D7514" s="2">
        <v>160342</v>
      </c>
      <c r="E7514" s="1" t="s">
        <v>0</v>
      </c>
    </row>
    <row r="7515" spans="1:5" ht="409.5" x14ac:dyDescent="0.25">
      <c r="A7515" s="4" t="s">
        <v>23574</v>
      </c>
      <c r="B7515" s="1" t="s">
        <v>7159</v>
      </c>
      <c r="C7515" s="1" t="s">
        <v>23575</v>
      </c>
      <c r="D7515" s="2">
        <v>160343</v>
      </c>
      <c r="E7515" s="1" t="s">
        <v>0</v>
      </c>
    </row>
    <row r="7516" spans="1:5" x14ac:dyDescent="0.25">
      <c r="A7516" s="1" t="s">
        <v>23576</v>
      </c>
      <c r="B7516" s="1" t="s">
        <v>61028</v>
      </c>
      <c r="C7516" s="1" t="s">
        <v>23577</v>
      </c>
      <c r="D7516" s="2">
        <v>160344</v>
      </c>
      <c r="E7516" s="1" t="s">
        <v>0</v>
      </c>
    </row>
    <row r="7517" spans="1:5" x14ac:dyDescent="0.25">
      <c r="A7517" s="2">
        <v>1503</v>
      </c>
      <c r="B7517" s="2">
        <v>1503</v>
      </c>
      <c r="C7517" s="1" t="s">
        <v>0</v>
      </c>
      <c r="D7517" s="2">
        <v>160345</v>
      </c>
      <c r="E7517" s="1" t="s">
        <v>0</v>
      </c>
    </row>
    <row r="7518" spans="1:5" x14ac:dyDescent="0.25">
      <c r="A7518" s="1" t="s">
        <v>1391</v>
      </c>
      <c r="B7518" s="1" t="s">
        <v>7160</v>
      </c>
      <c r="C7518" s="1" t="s">
        <v>23578</v>
      </c>
      <c r="D7518" s="2">
        <v>160346</v>
      </c>
      <c r="E7518" s="1" t="s">
        <v>0</v>
      </c>
    </row>
    <row r="7519" spans="1:5" x14ac:dyDescent="0.25">
      <c r="A7519" s="1" t="s">
        <v>23579</v>
      </c>
      <c r="B7519" s="1" t="s">
        <v>56733</v>
      </c>
      <c r="C7519" s="1" t="s">
        <v>23580</v>
      </c>
      <c r="D7519" s="2">
        <v>160347</v>
      </c>
      <c r="E7519" s="1" t="s">
        <v>0</v>
      </c>
    </row>
    <row r="7520" spans="1:5" ht="409.5" x14ac:dyDescent="0.25">
      <c r="A7520" s="4" t="s">
        <v>23581</v>
      </c>
      <c r="B7520" s="1" t="s">
        <v>56734</v>
      </c>
      <c r="C7520" s="1" t="s">
        <v>23582</v>
      </c>
      <c r="D7520" s="2">
        <v>160348</v>
      </c>
      <c r="E7520" s="1" t="s">
        <v>0</v>
      </c>
    </row>
    <row r="7521" spans="1:5" x14ac:dyDescent="0.25">
      <c r="A7521" s="1" t="s">
        <v>23583</v>
      </c>
      <c r="B7521" s="1" t="s">
        <v>7161</v>
      </c>
      <c r="C7521" s="1" t="s">
        <v>23584</v>
      </c>
      <c r="D7521" s="2">
        <v>160349</v>
      </c>
      <c r="E7521" s="1" t="s">
        <v>0</v>
      </c>
    </row>
    <row r="7522" spans="1:5" x14ac:dyDescent="0.25">
      <c r="A7522" s="2">
        <v>1504</v>
      </c>
      <c r="B7522" s="2">
        <v>1504</v>
      </c>
      <c r="C7522" s="1" t="s">
        <v>0</v>
      </c>
      <c r="D7522" s="2">
        <v>160350</v>
      </c>
      <c r="E7522" s="1" t="s">
        <v>0</v>
      </c>
    </row>
    <row r="7523" spans="1:5" x14ac:dyDescent="0.25">
      <c r="A7523" s="1" t="s">
        <v>1392</v>
      </c>
      <c r="B7523" s="1" t="s">
        <v>7162</v>
      </c>
      <c r="C7523" s="1" t="s">
        <v>23585</v>
      </c>
      <c r="D7523" s="2">
        <v>160351</v>
      </c>
      <c r="E7523" s="1" t="s">
        <v>0</v>
      </c>
    </row>
    <row r="7524" spans="1:5" x14ac:dyDescent="0.25">
      <c r="A7524" s="1" t="s">
        <v>23586</v>
      </c>
      <c r="B7524" s="1" t="s">
        <v>52711</v>
      </c>
      <c r="C7524" s="1" t="s">
        <v>23587</v>
      </c>
      <c r="D7524" s="2">
        <v>160352</v>
      </c>
      <c r="E7524" s="1" t="s">
        <v>0</v>
      </c>
    </row>
    <row r="7525" spans="1:5" ht="409.5" x14ac:dyDescent="0.25">
      <c r="A7525" s="4" t="s">
        <v>23588</v>
      </c>
      <c r="B7525" s="1" t="s">
        <v>52712</v>
      </c>
      <c r="C7525" s="1" t="s">
        <v>23589</v>
      </c>
      <c r="D7525" s="2">
        <v>160353</v>
      </c>
      <c r="E7525" s="1" t="s">
        <v>0</v>
      </c>
    </row>
    <row r="7526" spans="1:5" x14ac:dyDescent="0.25">
      <c r="A7526" s="1" t="s">
        <v>23590</v>
      </c>
      <c r="B7526" s="1" t="s">
        <v>52713</v>
      </c>
      <c r="C7526" s="1" t="s">
        <v>23591</v>
      </c>
      <c r="D7526" s="2">
        <v>160354</v>
      </c>
      <c r="E7526" s="1" t="s">
        <v>0</v>
      </c>
    </row>
    <row r="7527" spans="1:5" x14ac:dyDescent="0.25">
      <c r="A7527" s="2">
        <v>1505</v>
      </c>
      <c r="B7527" s="2">
        <v>1505</v>
      </c>
      <c r="C7527" s="1" t="s">
        <v>0</v>
      </c>
      <c r="D7527" s="2">
        <v>160355</v>
      </c>
      <c r="E7527" s="1" t="s">
        <v>0</v>
      </c>
    </row>
    <row r="7528" spans="1:5" x14ac:dyDescent="0.25">
      <c r="A7528" s="1" t="s">
        <v>1393</v>
      </c>
      <c r="B7528" s="1" t="s">
        <v>7163</v>
      </c>
      <c r="C7528" s="1" t="s">
        <v>23592</v>
      </c>
      <c r="D7528" s="2">
        <v>160356</v>
      </c>
      <c r="E7528" s="1" t="s">
        <v>0</v>
      </c>
    </row>
    <row r="7529" spans="1:5" x14ac:dyDescent="0.25">
      <c r="A7529" s="1" t="s">
        <v>23593</v>
      </c>
      <c r="B7529" s="1" t="s">
        <v>52714</v>
      </c>
      <c r="C7529" s="1" t="s">
        <v>23594</v>
      </c>
      <c r="D7529" s="2">
        <v>160357</v>
      </c>
      <c r="E7529" s="1" t="s">
        <v>0</v>
      </c>
    </row>
    <row r="7530" spans="1:5" ht="409.5" x14ac:dyDescent="0.25">
      <c r="A7530" s="4" t="s">
        <v>23595</v>
      </c>
      <c r="B7530" s="1" t="s">
        <v>52715</v>
      </c>
      <c r="C7530" s="1" t="s">
        <v>23596</v>
      </c>
      <c r="D7530" s="2">
        <v>160358</v>
      </c>
      <c r="E7530" s="1" t="s">
        <v>0</v>
      </c>
    </row>
    <row r="7531" spans="1:5" x14ac:dyDescent="0.25">
      <c r="A7531" s="1" t="s">
        <v>23597</v>
      </c>
      <c r="B7531" s="1" t="s">
        <v>61029</v>
      </c>
      <c r="C7531" s="1" t="s">
        <v>23598</v>
      </c>
      <c r="D7531" s="2">
        <v>160359</v>
      </c>
      <c r="E7531" s="1" t="s">
        <v>0</v>
      </c>
    </row>
    <row r="7532" spans="1:5" x14ac:dyDescent="0.25">
      <c r="A7532" s="2">
        <v>1506</v>
      </c>
      <c r="B7532" s="2">
        <v>1506</v>
      </c>
      <c r="C7532" s="1" t="s">
        <v>0</v>
      </c>
      <c r="D7532" s="2">
        <v>160360</v>
      </c>
      <c r="E7532" s="1" t="s">
        <v>0</v>
      </c>
    </row>
    <row r="7533" spans="1:5" x14ac:dyDescent="0.25">
      <c r="A7533" s="1" t="s">
        <v>7164</v>
      </c>
      <c r="B7533" s="1" t="s">
        <v>7165</v>
      </c>
      <c r="C7533" s="1" t="s">
        <v>23599</v>
      </c>
      <c r="D7533" s="2">
        <v>160361</v>
      </c>
      <c r="E7533" s="1" t="s">
        <v>0</v>
      </c>
    </row>
    <row r="7534" spans="1:5" x14ac:dyDescent="0.25">
      <c r="A7534" s="1" t="s">
        <v>23600</v>
      </c>
      <c r="B7534" s="1" t="s">
        <v>52716</v>
      </c>
      <c r="C7534" s="1" t="s">
        <v>23601</v>
      </c>
      <c r="D7534" s="2">
        <v>160362</v>
      </c>
      <c r="E7534" s="1" t="s">
        <v>0</v>
      </c>
    </row>
    <row r="7535" spans="1:5" ht="409.5" x14ac:dyDescent="0.25">
      <c r="A7535" s="4" t="s">
        <v>23602</v>
      </c>
      <c r="B7535" s="1" t="s">
        <v>52717</v>
      </c>
      <c r="C7535" s="1" t="s">
        <v>23603</v>
      </c>
      <c r="D7535" s="2">
        <v>160363</v>
      </c>
      <c r="E7535" s="1" t="s">
        <v>0</v>
      </c>
    </row>
    <row r="7536" spans="1:5" x14ac:dyDescent="0.25">
      <c r="A7536" s="1" t="s">
        <v>23604</v>
      </c>
      <c r="B7536" s="1" t="s">
        <v>52718</v>
      </c>
      <c r="C7536" s="1" t="s">
        <v>23605</v>
      </c>
      <c r="D7536" s="2">
        <v>160364</v>
      </c>
      <c r="E7536" s="1" t="s">
        <v>0</v>
      </c>
    </row>
    <row r="7537" spans="1:5" x14ac:dyDescent="0.25">
      <c r="A7537" s="2">
        <v>1507</v>
      </c>
      <c r="B7537" s="2">
        <v>1507</v>
      </c>
      <c r="C7537" s="1" t="s">
        <v>0</v>
      </c>
      <c r="D7537" s="2">
        <v>160365</v>
      </c>
      <c r="E7537" s="1" t="s">
        <v>0</v>
      </c>
    </row>
    <row r="7538" spans="1:5" x14ac:dyDescent="0.25">
      <c r="A7538" s="1" t="s">
        <v>1394</v>
      </c>
      <c r="B7538" s="1" t="s">
        <v>7166</v>
      </c>
      <c r="C7538" s="1" t="s">
        <v>23606</v>
      </c>
      <c r="D7538" s="2">
        <v>160366</v>
      </c>
      <c r="E7538" s="1" t="s">
        <v>0</v>
      </c>
    </row>
    <row r="7539" spans="1:5" x14ac:dyDescent="0.25">
      <c r="A7539" s="1" t="s">
        <v>23607</v>
      </c>
      <c r="B7539" s="1" t="s">
        <v>52719</v>
      </c>
      <c r="C7539" s="1" t="s">
        <v>23608</v>
      </c>
      <c r="D7539" s="2">
        <v>160367</v>
      </c>
      <c r="E7539" s="1" t="s">
        <v>0</v>
      </c>
    </row>
    <row r="7540" spans="1:5" ht="409.5" x14ac:dyDescent="0.25">
      <c r="A7540" s="4" t="s">
        <v>23609</v>
      </c>
      <c r="B7540" s="1" t="s">
        <v>59897</v>
      </c>
      <c r="C7540" s="1" t="s">
        <v>23610</v>
      </c>
      <c r="D7540" s="2">
        <v>160368</v>
      </c>
      <c r="E7540" s="1" t="s">
        <v>0</v>
      </c>
    </row>
    <row r="7541" spans="1:5" x14ac:dyDescent="0.25">
      <c r="A7541" s="1" t="s">
        <v>23611</v>
      </c>
      <c r="B7541" s="1" t="s">
        <v>52720</v>
      </c>
      <c r="C7541" s="1" t="s">
        <v>23612</v>
      </c>
      <c r="D7541" s="2">
        <v>160369</v>
      </c>
      <c r="E7541" s="1" t="s">
        <v>0</v>
      </c>
    </row>
    <row r="7542" spans="1:5" x14ac:dyDescent="0.25">
      <c r="A7542" s="2">
        <v>1508</v>
      </c>
      <c r="B7542" s="2">
        <v>1508</v>
      </c>
      <c r="C7542" s="1" t="s">
        <v>0</v>
      </c>
      <c r="D7542" s="2">
        <v>160370</v>
      </c>
      <c r="E7542" s="1" t="s">
        <v>0</v>
      </c>
    </row>
    <row r="7543" spans="1:5" x14ac:dyDescent="0.25">
      <c r="A7543" s="1" t="s">
        <v>1395</v>
      </c>
      <c r="B7543" s="1" t="s">
        <v>7167</v>
      </c>
      <c r="C7543" s="1" t="s">
        <v>23613</v>
      </c>
      <c r="D7543" s="2">
        <v>160371</v>
      </c>
      <c r="E7543" s="1" t="s">
        <v>0</v>
      </c>
    </row>
    <row r="7544" spans="1:5" x14ac:dyDescent="0.25">
      <c r="A7544" s="1" t="s">
        <v>23614</v>
      </c>
      <c r="B7544" s="1" t="s">
        <v>52721</v>
      </c>
      <c r="C7544" s="1" t="s">
        <v>23615</v>
      </c>
      <c r="D7544" s="2">
        <v>160372</v>
      </c>
      <c r="E7544" s="1" t="s">
        <v>0</v>
      </c>
    </row>
    <row r="7545" spans="1:5" ht="409.5" x14ac:dyDescent="0.25">
      <c r="A7545" s="4" t="s">
        <v>23616</v>
      </c>
      <c r="B7545" s="1" t="s">
        <v>60493</v>
      </c>
      <c r="C7545" s="1" t="s">
        <v>23617</v>
      </c>
      <c r="D7545" s="2">
        <v>160373</v>
      </c>
      <c r="E7545" s="1" t="s">
        <v>0</v>
      </c>
    </row>
    <row r="7546" spans="1:5" x14ac:dyDescent="0.25">
      <c r="A7546" s="1" t="s">
        <v>23618</v>
      </c>
      <c r="B7546" s="1" t="s">
        <v>7168</v>
      </c>
      <c r="C7546" s="1" t="s">
        <v>23619</v>
      </c>
      <c r="D7546" s="2">
        <v>160374</v>
      </c>
      <c r="E7546" s="1" t="s">
        <v>0</v>
      </c>
    </row>
    <row r="7547" spans="1:5" x14ac:dyDescent="0.25">
      <c r="A7547" s="2">
        <v>1509</v>
      </c>
      <c r="B7547" s="2">
        <v>1509</v>
      </c>
      <c r="C7547" s="1" t="s">
        <v>0</v>
      </c>
      <c r="D7547" s="2">
        <v>160375</v>
      </c>
      <c r="E7547" s="1" t="s">
        <v>0</v>
      </c>
    </row>
    <row r="7548" spans="1:5" x14ac:dyDescent="0.25">
      <c r="A7548" s="1" t="s">
        <v>1396</v>
      </c>
      <c r="B7548" s="1" t="s">
        <v>7169</v>
      </c>
      <c r="C7548" s="1" t="s">
        <v>23620</v>
      </c>
      <c r="D7548" s="2">
        <v>160376</v>
      </c>
      <c r="E7548" s="1" t="s">
        <v>0</v>
      </c>
    </row>
    <row r="7549" spans="1:5" x14ac:dyDescent="0.25">
      <c r="A7549" s="1" t="s">
        <v>23621</v>
      </c>
      <c r="B7549" s="1" t="s">
        <v>52722</v>
      </c>
      <c r="C7549" s="1" t="s">
        <v>23622</v>
      </c>
      <c r="D7549" s="2">
        <v>160377</v>
      </c>
      <c r="E7549" s="1" t="s">
        <v>0</v>
      </c>
    </row>
    <row r="7550" spans="1:5" ht="409.5" x14ac:dyDescent="0.25">
      <c r="A7550" s="4" t="s">
        <v>23623</v>
      </c>
      <c r="B7550" s="1" t="s">
        <v>52723</v>
      </c>
      <c r="C7550" s="1" t="s">
        <v>23624</v>
      </c>
      <c r="D7550" s="2">
        <v>160378</v>
      </c>
      <c r="E7550" s="1" t="s">
        <v>0</v>
      </c>
    </row>
    <row r="7551" spans="1:5" x14ac:dyDescent="0.25">
      <c r="A7551" s="1" t="s">
        <v>23625</v>
      </c>
      <c r="B7551" s="1" t="s">
        <v>52724</v>
      </c>
      <c r="C7551" s="1" t="s">
        <v>23626</v>
      </c>
      <c r="D7551" s="2">
        <v>160379</v>
      </c>
      <c r="E7551" s="1" t="s">
        <v>0</v>
      </c>
    </row>
    <row r="7552" spans="1:5" x14ac:dyDescent="0.25">
      <c r="A7552" s="2">
        <v>1510</v>
      </c>
      <c r="B7552" s="2">
        <v>1510</v>
      </c>
      <c r="C7552" s="1" t="s">
        <v>0</v>
      </c>
      <c r="D7552" s="2">
        <v>160380</v>
      </c>
      <c r="E7552" s="1" t="s">
        <v>0</v>
      </c>
    </row>
    <row r="7553" spans="1:5" x14ac:dyDescent="0.25">
      <c r="A7553" s="1" t="s">
        <v>1397</v>
      </c>
      <c r="B7553" s="1" t="s">
        <v>7170</v>
      </c>
      <c r="C7553" s="1" t="s">
        <v>23627</v>
      </c>
      <c r="D7553" s="2">
        <v>160381</v>
      </c>
      <c r="E7553" s="1" t="s">
        <v>0</v>
      </c>
    </row>
    <row r="7554" spans="1:5" x14ac:dyDescent="0.25">
      <c r="A7554" s="1" t="s">
        <v>23628</v>
      </c>
      <c r="B7554" s="1" t="s">
        <v>7171</v>
      </c>
      <c r="C7554" s="1" t="s">
        <v>23629</v>
      </c>
      <c r="D7554" s="2">
        <v>160382</v>
      </c>
      <c r="E7554" s="1" t="s">
        <v>0</v>
      </c>
    </row>
    <row r="7555" spans="1:5" ht="409.5" x14ac:dyDescent="0.25">
      <c r="A7555" s="4" t="s">
        <v>61782</v>
      </c>
      <c r="B7555" s="1" t="s">
        <v>58289</v>
      </c>
      <c r="C7555" s="1" t="s">
        <v>23630</v>
      </c>
      <c r="D7555" s="2">
        <v>160383</v>
      </c>
      <c r="E7555" s="1" t="s">
        <v>0</v>
      </c>
    </row>
    <row r="7556" spans="1:5" x14ac:dyDescent="0.25">
      <c r="A7556" s="1" t="s">
        <v>23631</v>
      </c>
      <c r="B7556" s="1" t="s">
        <v>52725</v>
      </c>
      <c r="C7556" s="1" t="s">
        <v>23632</v>
      </c>
      <c r="D7556" s="2">
        <v>160384</v>
      </c>
      <c r="E7556" s="1" t="s">
        <v>0</v>
      </c>
    </row>
    <row r="7557" spans="1:5" x14ac:dyDescent="0.25">
      <c r="A7557" s="2">
        <v>1511</v>
      </c>
      <c r="B7557" s="2">
        <v>1511</v>
      </c>
      <c r="C7557" s="1" t="s">
        <v>0</v>
      </c>
      <c r="D7557" s="2">
        <v>160385</v>
      </c>
      <c r="E7557" s="1" t="s">
        <v>0</v>
      </c>
    </row>
    <row r="7558" spans="1:5" x14ac:dyDescent="0.25">
      <c r="A7558" s="1" t="s">
        <v>1398</v>
      </c>
      <c r="B7558" s="1" t="s">
        <v>7172</v>
      </c>
      <c r="C7558" s="1" t="s">
        <v>23633</v>
      </c>
      <c r="D7558" s="2">
        <v>160386</v>
      </c>
      <c r="E7558" s="1" t="s">
        <v>0</v>
      </c>
    </row>
    <row r="7559" spans="1:5" x14ac:dyDescent="0.25">
      <c r="A7559" s="1" t="s">
        <v>23634</v>
      </c>
      <c r="B7559" s="1" t="s">
        <v>52726</v>
      </c>
      <c r="C7559" s="1" t="s">
        <v>23635</v>
      </c>
      <c r="D7559" s="2">
        <v>160387</v>
      </c>
      <c r="E7559" s="1" t="s">
        <v>0</v>
      </c>
    </row>
    <row r="7560" spans="1:5" ht="409.5" x14ac:dyDescent="0.25">
      <c r="A7560" s="4" t="s">
        <v>23636</v>
      </c>
      <c r="B7560" s="1" t="s">
        <v>59898</v>
      </c>
      <c r="C7560" s="1" t="s">
        <v>23637</v>
      </c>
      <c r="D7560" s="2">
        <v>160388</v>
      </c>
      <c r="E7560" s="1" t="s">
        <v>0</v>
      </c>
    </row>
    <row r="7561" spans="1:5" x14ac:dyDescent="0.25">
      <c r="A7561" s="1" t="s">
        <v>23638</v>
      </c>
      <c r="B7561" s="1" t="s">
        <v>59899</v>
      </c>
      <c r="C7561" s="1" t="s">
        <v>23639</v>
      </c>
      <c r="D7561" s="2">
        <v>160389</v>
      </c>
      <c r="E7561" s="1" t="s">
        <v>0</v>
      </c>
    </row>
    <row r="7562" spans="1:5" x14ac:dyDescent="0.25">
      <c r="A7562" s="2">
        <v>1512</v>
      </c>
      <c r="B7562" s="2">
        <v>1512</v>
      </c>
      <c r="C7562" s="1" t="s">
        <v>0</v>
      </c>
      <c r="D7562" s="2">
        <v>160390</v>
      </c>
      <c r="E7562" s="1" t="s">
        <v>0</v>
      </c>
    </row>
    <row r="7563" spans="1:5" x14ac:dyDescent="0.25">
      <c r="A7563" s="1" t="s">
        <v>1399</v>
      </c>
      <c r="B7563" s="1" t="s">
        <v>7173</v>
      </c>
      <c r="C7563" s="1" t="s">
        <v>23640</v>
      </c>
      <c r="D7563" s="2">
        <v>160391</v>
      </c>
      <c r="E7563" s="1" t="s">
        <v>0</v>
      </c>
    </row>
    <row r="7564" spans="1:5" x14ac:dyDescent="0.25">
      <c r="A7564" s="1" t="s">
        <v>23641</v>
      </c>
      <c r="B7564" s="1" t="s">
        <v>57793</v>
      </c>
      <c r="C7564" s="1" t="s">
        <v>23642</v>
      </c>
      <c r="D7564" s="2">
        <v>160392</v>
      </c>
      <c r="E7564" s="1" t="s">
        <v>0</v>
      </c>
    </row>
    <row r="7565" spans="1:5" ht="409.5" x14ac:dyDescent="0.25">
      <c r="A7565" s="4" t="s">
        <v>23643</v>
      </c>
      <c r="B7565" s="1" t="s">
        <v>57794</v>
      </c>
      <c r="C7565" s="1" t="s">
        <v>23644</v>
      </c>
      <c r="D7565" s="2">
        <v>160393</v>
      </c>
      <c r="E7565" s="1" t="s">
        <v>0</v>
      </c>
    </row>
    <row r="7566" spans="1:5" x14ac:dyDescent="0.25">
      <c r="A7566" s="1" t="s">
        <v>23645</v>
      </c>
      <c r="B7566" s="1" t="s">
        <v>7174</v>
      </c>
      <c r="C7566" s="1" t="s">
        <v>23646</v>
      </c>
      <c r="D7566" s="2">
        <v>160394</v>
      </c>
      <c r="E7566" s="1" t="s">
        <v>0</v>
      </c>
    </row>
    <row r="7567" spans="1:5" x14ac:dyDescent="0.25">
      <c r="A7567" s="2">
        <v>1513</v>
      </c>
      <c r="B7567" s="2">
        <v>1513</v>
      </c>
      <c r="C7567" s="1" t="s">
        <v>0</v>
      </c>
      <c r="D7567" s="2">
        <v>160395</v>
      </c>
      <c r="E7567" s="1" t="s">
        <v>0</v>
      </c>
    </row>
    <row r="7568" spans="1:5" x14ac:dyDescent="0.25">
      <c r="A7568" s="1" t="s">
        <v>1400</v>
      </c>
      <c r="B7568" s="1" t="s">
        <v>7175</v>
      </c>
      <c r="C7568" s="1" t="s">
        <v>23647</v>
      </c>
      <c r="D7568" s="2">
        <v>160396</v>
      </c>
      <c r="E7568" s="1" t="s">
        <v>0</v>
      </c>
    </row>
    <row r="7569" spans="1:5" x14ac:dyDescent="0.25">
      <c r="A7569" s="1" t="s">
        <v>23648</v>
      </c>
      <c r="B7569" s="1" t="s">
        <v>62269</v>
      </c>
      <c r="C7569" s="1" t="s">
        <v>23649</v>
      </c>
      <c r="D7569" s="2">
        <v>160397</v>
      </c>
      <c r="E7569" s="1" t="s">
        <v>0</v>
      </c>
    </row>
    <row r="7570" spans="1:5" ht="409.5" x14ac:dyDescent="0.25">
      <c r="A7570" s="4" t="s">
        <v>23650</v>
      </c>
      <c r="B7570" s="1" t="s">
        <v>62270</v>
      </c>
      <c r="C7570" s="1" t="s">
        <v>23651</v>
      </c>
      <c r="D7570" s="2">
        <v>160398</v>
      </c>
      <c r="E7570" s="1" t="s">
        <v>0</v>
      </c>
    </row>
    <row r="7571" spans="1:5" x14ac:dyDescent="0.25">
      <c r="A7571" s="1" t="s">
        <v>23652</v>
      </c>
      <c r="B7571" s="1" t="s">
        <v>52727</v>
      </c>
      <c r="C7571" s="1" t="s">
        <v>23653</v>
      </c>
      <c r="D7571" s="2">
        <v>160399</v>
      </c>
      <c r="E7571" s="1" t="s">
        <v>0</v>
      </c>
    </row>
    <row r="7572" spans="1:5" x14ac:dyDescent="0.25">
      <c r="A7572" s="2">
        <v>1514</v>
      </c>
      <c r="B7572" s="2">
        <v>1514</v>
      </c>
      <c r="C7572" s="1" t="s">
        <v>0</v>
      </c>
      <c r="D7572" s="2">
        <v>160400</v>
      </c>
      <c r="E7572" s="1" t="s">
        <v>0</v>
      </c>
    </row>
    <row r="7573" spans="1:5" x14ac:dyDescent="0.25">
      <c r="A7573" s="1" t="s">
        <v>1401</v>
      </c>
      <c r="B7573" s="1" t="s">
        <v>52728</v>
      </c>
      <c r="C7573" s="1" t="s">
        <v>23654</v>
      </c>
      <c r="D7573" s="2">
        <v>160401</v>
      </c>
      <c r="E7573" s="1" t="s">
        <v>0</v>
      </c>
    </row>
    <row r="7574" spans="1:5" x14ac:dyDescent="0.25">
      <c r="A7574" s="1" t="s">
        <v>23655</v>
      </c>
      <c r="B7574" s="1" t="s">
        <v>61030</v>
      </c>
      <c r="C7574" s="1" t="s">
        <v>23656</v>
      </c>
      <c r="D7574" s="2">
        <v>160402</v>
      </c>
      <c r="E7574" s="1" t="s">
        <v>0</v>
      </c>
    </row>
    <row r="7575" spans="1:5" ht="409.5" x14ac:dyDescent="0.25">
      <c r="A7575" s="4" t="s">
        <v>23657</v>
      </c>
      <c r="B7575" s="1" t="s">
        <v>61031</v>
      </c>
      <c r="C7575" s="1" t="s">
        <v>23658</v>
      </c>
      <c r="D7575" s="2">
        <v>160403</v>
      </c>
      <c r="E7575" s="1" t="s">
        <v>0</v>
      </c>
    </row>
    <row r="7576" spans="1:5" x14ac:dyDescent="0.25">
      <c r="A7576" s="1" t="s">
        <v>23659</v>
      </c>
      <c r="B7576" s="1" t="s">
        <v>61032</v>
      </c>
      <c r="C7576" s="1" t="s">
        <v>23660</v>
      </c>
      <c r="D7576" s="2">
        <v>160404</v>
      </c>
      <c r="E7576" s="1" t="s">
        <v>0</v>
      </c>
    </row>
    <row r="7577" spans="1:5" x14ac:dyDescent="0.25">
      <c r="A7577" s="2">
        <v>1515</v>
      </c>
      <c r="B7577" s="2">
        <v>1515</v>
      </c>
      <c r="C7577" s="1" t="s">
        <v>0</v>
      </c>
      <c r="D7577" s="2">
        <v>160405</v>
      </c>
      <c r="E7577" s="1" t="s">
        <v>0</v>
      </c>
    </row>
    <row r="7578" spans="1:5" x14ac:dyDescent="0.25">
      <c r="A7578" s="1" t="s">
        <v>1402</v>
      </c>
      <c r="B7578" s="1" t="s">
        <v>7176</v>
      </c>
      <c r="C7578" s="1" t="s">
        <v>23661</v>
      </c>
      <c r="D7578" s="2">
        <v>160406</v>
      </c>
      <c r="E7578" s="1" t="s">
        <v>0</v>
      </c>
    </row>
    <row r="7579" spans="1:5" x14ac:dyDescent="0.25">
      <c r="A7579" s="1" t="s">
        <v>23662</v>
      </c>
      <c r="B7579" s="1" t="s">
        <v>58290</v>
      </c>
      <c r="C7579" s="1" t="s">
        <v>23663</v>
      </c>
      <c r="D7579" s="2">
        <v>160407</v>
      </c>
      <c r="E7579" s="1" t="s">
        <v>0</v>
      </c>
    </row>
    <row r="7580" spans="1:5" ht="409.5" x14ac:dyDescent="0.25">
      <c r="A7580" s="4" t="s">
        <v>23664</v>
      </c>
      <c r="B7580" s="1" t="s">
        <v>58291</v>
      </c>
      <c r="C7580" s="1" t="s">
        <v>23665</v>
      </c>
      <c r="D7580" s="2">
        <v>160408</v>
      </c>
      <c r="E7580" s="1" t="s">
        <v>0</v>
      </c>
    </row>
    <row r="7581" spans="1:5" x14ac:dyDescent="0.25">
      <c r="A7581" s="1" t="s">
        <v>23666</v>
      </c>
      <c r="B7581" s="1" t="s">
        <v>7177</v>
      </c>
      <c r="C7581" s="1" t="s">
        <v>23667</v>
      </c>
      <c r="D7581" s="2">
        <v>160409</v>
      </c>
      <c r="E7581" s="1" t="s">
        <v>0</v>
      </c>
    </row>
    <row r="7582" spans="1:5" x14ac:dyDescent="0.25">
      <c r="A7582" s="2">
        <v>1516</v>
      </c>
      <c r="B7582" s="2">
        <v>1516</v>
      </c>
      <c r="C7582" s="1" t="s">
        <v>0</v>
      </c>
      <c r="D7582" s="2">
        <v>160410</v>
      </c>
      <c r="E7582" s="1" t="s">
        <v>0</v>
      </c>
    </row>
    <row r="7583" spans="1:5" x14ac:dyDescent="0.25">
      <c r="A7583" s="1" t="s">
        <v>1403</v>
      </c>
      <c r="B7583" s="1" t="s">
        <v>7178</v>
      </c>
      <c r="C7583" s="1" t="s">
        <v>23668</v>
      </c>
      <c r="D7583" s="2">
        <v>160411</v>
      </c>
      <c r="E7583" s="1" t="s">
        <v>0</v>
      </c>
    </row>
    <row r="7584" spans="1:5" x14ac:dyDescent="0.25">
      <c r="A7584" s="1" t="s">
        <v>23669</v>
      </c>
      <c r="B7584" s="1" t="s">
        <v>7179</v>
      </c>
      <c r="C7584" s="1" t="s">
        <v>23670</v>
      </c>
      <c r="D7584" s="2">
        <v>160412</v>
      </c>
      <c r="E7584" s="1" t="s">
        <v>0</v>
      </c>
    </row>
    <row r="7585" spans="1:5" ht="409.5" x14ac:dyDescent="0.25">
      <c r="A7585" s="4" t="s">
        <v>23671</v>
      </c>
      <c r="B7585" s="1" t="s">
        <v>7180</v>
      </c>
      <c r="C7585" s="1" t="s">
        <v>23672</v>
      </c>
      <c r="D7585" s="2">
        <v>160413</v>
      </c>
      <c r="E7585" s="1" t="s">
        <v>0</v>
      </c>
    </row>
    <row r="7586" spans="1:5" x14ac:dyDescent="0.25">
      <c r="A7586" s="1" t="s">
        <v>23673</v>
      </c>
      <c r="B7586" s="1" t="s">
        <v>7181</v>
      </c>
      <c r="C7586" s="1" t="s">
        <v>23674</v>
      </c>
      <c r="D7586" s="2">
        <v>160414</v>
      </c>
      <c r="E7586" s="1" t="s">
        <v>0</v>
      </c>
    </row>
    <row r="7587" spans="1:5" x14ac:dyDescent="0.25">
      <c r="A7587" s="2">
        <v>1517</v>
      </c>
      <c r="B7587" s="2">
        <v>1517</v>
      </c>
      <c r="C7587" s="1" t="s">
        <v>0</v>
      </c>
      <c r="D7587" s="2">
        <v>160415</v>
      </c>
      <c r="E7587" s="1" t="s">
        <v>0</v>
      </c>
    </row>
    <row r="7588" spans="1:5" x14ac:dyDescent="0.25">
      <c r="A7588" s="1" t="s">
        <v>1404</v>
      </c>
      <c r="B7588" s="1" t="s">
        <v>7182</v>
      </c>
      <c r="C7588" s="1" t="s">
        <v>23675</v>
      </c>
      <c r="D7588" s="2">
        <v>160416</v>
      </c>
      <c r="E7588" s="1" t="s">
        <v>0</v>
      </c>
    </row>
    <row r="7589" spans="1:5" x14ac:dyDescent="0.25">
      <c r="A7589" s="1" t="s">
        <v>64084</v>
      </c>
      <c r="B7589" s="1" t="s">
        <v>63272</v>
      </c>
      <c r="C7589" s="1" t="s">
        <v>23676</v>
      </c>
      <c r="D7589" s="2">
        <v>160417</v>
      </c>
      <c r="E7589" s="1" t="s">
        <v>0</v>
      </c>
    </row>
    <row r="7590" spans="1:5" ht="409.5" x14ac:dyDescent="0.25">
      <c r="A7590" s="4" t="s">
        <v>64085</v>
      </c>
      <c r="B7590" s="1" t="s">
        <v>63273</v>
      </c>
      <c r="C7590" s="1" t="s">
        <v>23677</v>
      </c>
      <c r="D7590" s="2">
        <v>160418</v>
      </c>
      <c r="E7590" s="1" t="s">
        <v>0</v>
      </c>
    </row>
    <row r="7591" spans="1:5" x14ac:dyDescent="0.25">
      <c r="A7591" s="1" t="s">
        <v>23678</v>
      </c>
      <c r="B7591" s="1" t="s">
        <v>7183</v>
      </c>
      <c r="C7591" s="1" t="s">
        <v>23679</v>
      </c>
      <c r="D7591" s="2">
        <v>160419</v>
      </c>
      <c r="E7591" s="1" t="s">
        <v>0</v>
      </c>
    </row>
    <row r="7592" spans="1:5" x14ac:dyDescent="0.25">
      <c r="A7592" s="2">
        <v>1518</v>
      </c>
      <c r="B7592" s="2">
        <v>1518</v>
      </c>
      <c r="C7592" s="1" t="s">
        <v>0</v>
      </c>
      <c r="D7592" s="2">
        <v>160420</v>
      </c>
      <c r="E7592" s="1" t="s">
        <v>0</v>
      </c>
    </row>
    <row r="7593" spans="1:5" x14ac:dyDescent="0.25">
      <c r="A7593" s="1" t="s">
        <v>1405</v>
      </c>
      <c r="B7593" s="1" t="s">
        <v>50582</v>
      </c>
      <c r="C7593" s="1" t="s">
        <v>23680</v>
      </c>
      <c r="D7593" s="2">
        <v>160421</v>
      </c>
      <c r="E7593" s="1" t="s">
        <v>0</v>
      </c>
    </row>
    <row r="7594" spans="1:5" x14ac:dyDescent="0.25">
      <c r="A7594" s="1" t="s">
        <v>23681</v>
      </c>
      <c r="B7594" s="1" t="s">
        <v>50583</v>
      </c>
      <c r="C7594" s="1" t="s">
        <v>23682</v>
      </c>
      <c r="D7594" s="2">
        <v>160422</v>
      </c>
      <c r="E7594" s="1" t="s">
        <v>0</v>
      </c>
    </row>
    <row r="7595" spans="1:5" ht="409.5" x14ac:dyDescent="0.25">
      <c r="A7595" s="4" t="s">
        <v>23683</v>
      </c>
      <c r="B7595" s="1" t="s">
        <v>50584</v>
      </c>
      <c r="C7595" s="1" t="s">
        <v>23684</v>
      </c>
      <c r="D7595" s="2">
        <v>160423</v>
      </c>
      <c r="E7595" s="1" t="s">
        <v>0</v>
      </c>
    </row>
    <row r="7596" spans="1:5" x14ac:dyDescent="0.25">
      <c r="A7596" s="1" t="s">
        <v>23685</v>
      </c>
      <c r="B7596" s="1" t="s">
        <v>61033</v>
      </c>
      <c r="C7596" s="1" t="s">
        <v>23686</v>
      </c>
      <c r="D7596" s="2">
        <v>160424</v>
      </c>
      <c r="E7596" s="1" t="s">
        <v>0</v>
      </c>
    </row>
    <row r="7597" spans="1:5" x14ac:dyDescent="0.25">
      <c r="A7597" s="2">
        <v>1519</v>
      </c>
      <c r="B7597" s="2">
        <v>1519</v>
      </c>
      <c r="C7597" s="1" t="s">
        <v>0</v>
      </c>
      <c r="D7597" s="2">
        <v>160425</v>
      </c>
      <c r="E7597" s="1" t="s">
        <v>0</v>
      </c>
    </row>
    <row r="7598" spans="1:5" x14ac:dyDescent="0.25">
      <c r="A7598" s="1" t="s">
        <v>1406</v>
      </c>
      <c r="B7598" s="1" t="s">
        <v>7184</v>
      </c>
      <c r="C7598" s="1" t="s">
        <v>23687</v>
      </c>
      <c r="D7598" s="2">
        <v>160426</v>
      </c>
      <c r="E7598" s="1" t="s">
        <v>0</v>
      </c>
    </row>
    <row r="7599" spans="1:5" x14ac:dyDescent="0.25">
      <c r="A7599" s="1" t="s">
        <v>23688</v>
      </c>
      <c r="B7599" s="1" t="s">
        <v>58907</v>
      </c>
      <c r="C7599" s="1" t="s">
        <v>23689</v>
      </c>
      <c r="D7599" s="2">
        <v>160427</v>
      </c>
      <c r="E7599" s="1" t="s">
        <v>0</v>
      </c>
    </row>
    <row r="7600" spans="1:5" ht="409.5" x14ac:dyDescent="0.25">
      <c r="A7600" s="4" t="s">
        <v>23690</v>
      </c>
      <c r="B7600" s="1" t="s">
        <v>58908</v>
      </c>
      <c r="C7600" s="1" t="s">
        <v>23691</v>
      </c>
      <c r="D7600" s="2">
        <v>160428</v>
      </c>
      <c r="E7600" s="1" t="s">
        <v>0</v>
      </c>
    </row>
    <row r="7601" spans="1:5" x14ac:dyDescent="0.25">
      <c r="A7601" s="1" t="s">
        <v>23692</v>
      </c>
      <c r="B7601" s="1" t="s">
        <v>7185</v>
      </c>
      <c r="C7601" s="1" t="s">
        <v>23693</v>
      </c>
      <c r="D7601" s="2">
        <v>160429</v>
      </c>
      <c r="E7601" s="1" t="s">
        <v>0</v>
      </c>
    </row>
    <row r="7602" spans="1:5" x14ac:dyDescent="0.25">
      <c r="A7602" s="2">
        <v>1520</v>
      </c>
      <c r="B7602" s="2">
        <v>1520</v>
      </c>
      <c r="C7602" s="1" t="s">
        <v>0</v>
      </c>
      <c r="D7602" s="2">
        <v>160430</v>
      </c>
      <c r="E7602" s="1" t="s">
        <v>0</v>
      </c>
    </row>
    <row r="7603" spans="1:5" x14ac:dyDescent="0.25">
      <c r="A7603" s="1" t="s">
        <v>1407</v>
      </c>
      <c r="B7603" s="1" t="s">
        <v>52729</v>
      </c>
      <c r="C7603" s="1" t="s">
        <v>23694</v>
      </c>
      <c r="D7603" s="2">
        <v>160431</v>
      </c>
      <c r="E7603" s="1" t="s">
        <v>0</v>
      </c>
    </row>
    <row r="7604" spans="1:5" x14ac:dyDescent="0.25">
      <c r="A7604" s="1" t="s">
        <v>23695</v>
      </c>
      <c r="B7604" s="1" t="s">
        <v>61034</v>
      </c>
      <c r="C7604" s="1" t="s">
        <v>23696</v>
      </c>
      <c r="D7604" s="2">
        <v>160432</v>
      </c>
      <c r="E7604" s="1" t="s">
        <v>0</v>
      </c>
    </row>
    <row r="7605" spans="1:5" ht="409.5" x14ac:dyDescent="0.25">
      <c r="A7605" s="4" t="s">
        <v>23697</v>
      </c>
      <c r="B7605" s="1" t="s">
        <v>61035</v>
      </c>
      <c r="C7605" s="1" t="s">
        <v>23698</v>
      </c>
      <c r="D7605" s="2">
        <v>160433</v>
      </c>
      <c r="E7605" s="1" t="s">
        <v>0</v>
      </c>
    </row>
    <row r="7606" spans="1:5" x14ac:dyDescent="0.25">
      <c r="A7606" s="1" t="s">
        <v>23699</v>
      </c>
      <c r="B7606" s="1" t="s">
        <v>57172</v>
      </c>
      <c r="C7606" s="1" t="s">
        <v>23700</v>
      </c>
      <c r="D7606" s="2">
        <v>160434</v>
      </c>
      <c r="E7606" s="1" t="s">
        <v>0</v>
      </c>
    </row>
    <row r="7607" spans="1:5" x14ac:dyDescent="0.25">
      <c r="A7607" s="2">
        <v>1521</v>
      </c>
      <c r="B7607" s="2">
        <v>1521</v>
      </c>
      <c r="C7607" s="1" t="s">
        <v>0</v>
      </c>
      <c r="D7607" s="2">
        <v>160435</v>
      </c>
      <c r="E7607" s="1" t="s">
        <v>0</v>
      </c>
    </row>
    <row r="7608" spans="1:5" x14ac:dyDescent="0.25">
      <c r="A7608" s="1" t="s">
        <v>1408</v>
      </c>
      <c r="B7608" s="1" t="s">
        <v>7186</v>
      </c>
      <c r="C7608" s="1" t="s">
        <v>23701</v>
      </c>
      <c r="D7608" s="2">
        <v>160436</v>
      </c>
      <c r="E7608" s="1" t="s">
        <v>0</v>
      </c>
    </row>
    <row r="7609" spans="1:5" x14ac:dyDescent="0.25">
      <c r="A7609" s="1" t="s">
        <v>23702</v>
      </c>
      <c r="B7609" s="1" t="s">
        <v>52730</v>
      </c>
      <c r="C7609" s="1" t="s">
        <v>23703</v>
      </c>
      <c r="D7609" s="2">
        <v>160437</v>
      </c>
      <c r="E7609" s="1" t="s">
        <v>0</v>
      </c>
    </row>
    <row r="7610" spans="1:5" ht="409.5" x14ac:dyDescent="0.25">
      <c r="A7610" s="4" t="s">
        <v>23704</v>
      </c>
      <c r="B7610" s="1" t="s">
        <v>60412</v>
      </c>
      <c r="C7610" s="1" t="s">
        <v>23705</v>
      </c>
      <c r="D7610" s="2">
        <v>160438</v>
      </c>
      <c r="E7610" s="1" t="s">
        <v>0</v>
      </c>
    </row>
    <row r="7611" spans="1:5" x14ac:dyDescent="0.25">
      <c r="A7611" s="1" t="s">
        <v>23706</v>
      </c>
      <c r="B7611" s="1" t="s">
        <v>52731</v>
      </c>
      <c r="C7611" s="1" t="s">
        <v>23707</v>
      </c>
      <c r="D7611" s="2">
        <v>160439</v>
      </c>
      <c r="E7611" s="1" t="s">
        <v>0</v>
      </c>
    </row>
    <row r="7612" spans="1:5" x14ac:dyDescent="0.25">
      <c r="A7612" s="2">
        <v>1522</v>
      </c>
      <c r="B7612" s="2">
        <v>1522</v>
      </c>
      <c r="C7612" s="1" t="s">
        <v>0</v>
      </c>
      <c r="D7612" s="2">
        <v>160440</v>
      </c>
      <c r="E7612" s="1" t="s">
        <v>0</v>
      </c>
    </row>
    <row r="7613" spans="1:5" x14ac:dyDescent="0.25">
      <c r="A7613" s="1" t="s">
        <v>1409</v>
      </c>
      <c r="B7613" s="1" t="s">
        <v>52732</v>
      </c>
      <c r="C7613" s="1" t="s">
        <v>23708</v>
      </c>
      <c r="D7613" s="2">
        <v>160441</v>
      </c>
      <c r="E7613" s="1" t="s">
        <v>0</v>
      </c>
    </row>
    <row r="7614" spans="1:5" x14ac:dyDescent="0.25">
      <c r="A7614" s="1" t="s">
        <v>23709</v>
      </c>
      <c r="B7614" s="1" t="s">
        <v>52733</v>
      </c>
      <c r="C7614" s="1" t="s">
        <v>23710</v>
      </c>
      <c r="D7614" s="2">
        <v>160442</v>
      </c>
      <c r="E7614" s="1" t="s">
        <v>0</v>
      </c>
    </row>
    <row r="7615" spans="1:5" ht="409.5" x14ac:dyDescent="0.25">
      <c r="A7615" s="4" t="s">
        <v>23711</v>
      </c>
      <c r="B7615" s="1" t="s">
        <v>58720</v>
      </c>
      <c r="C7615" s="1" t="s">
        <v>23712</v>
      </c>
      <c r="D7615" s="2">
        <v>160443</v>
      </c>
      <c r="E7615" s="1" t="s">
        <v>0</v>
      </c>
    </row>
    <row r="7616" spans="1:5" x14ac:dyDescent="0.25">
      <c r="A7616" s="1" t="s">
        <v>23713</v>
      </c>
      <c r="B7616" s="1" t="s">
        <v>7187</v>
      </c>
      <c r="C7616" s="1" t="s">
        <v>23714</v>
      </c>
      <c r="D7616" s="2">
        <v>160444</v>
      </c>
      <c r="E7616" s="1" t="s">
        <v>0</v>
      </c>
    </row>
    <row r="7617" spans="1:5" x14ac:dyDescent="0.25">
      <c r="A7617" s="2">
        <v>1523</v>
      </c>
      <c r="B7617" s="2">
        <v>1523</v>
      </c>
      <c r="C7617" s="1" t="s">
        <v>0</v>
      </c>
      <c r="D7617" s="2">
        <v>160445</v>
      </c>
      <c r="E7617" s="1" t="s">
        <v>0</v>
      </c>
    </row>
    <row r="7618" spans="1:5" x14ac:dyDescent="0.25">
      <c r="A7618" s="1" t="s">
        <v>1410</v>
      </c>
      <c r="B7618" s="1" t="s">
        <v>7188</v>
      </c>
      <c r="C7618" s="1" t="s">
        <v>23715</v>
      </c>
      <c r="D7618" s="2">
        <v>160446</v>
      </c>
      <c r="E7618" s="1" t="s">
        <v>0</v>
      </c>
    </row>
    <row r="7619" spans="1:5" x14ac:dyDescent="0.25">
      <c r="A7619" s="1" t="s">
        <v>23716</v>
      </c>
      <c r="B7619" s="1" t="s">
        <v>60413</v>
      </c>
      <c r="C7619" s="1" t="s">
        <v>23717</v>
      </c>
      <c r="D7619" s="2">
        <v>160447</v>
      </c>
      <c r="E7619" s="1" t="s">
        <v>0</v>
      </c>
    </row>
    <row r="7620" spans="1:5" ht="409.5" x14ac:dyDescent="0.25">
      <c r="A7620" s="4" t="s">
        <v>23718</v>
      </c>
      <c r="B7620" s="1" t="s">
        <v>60414</v>
      </c>
      <c r="C7620" s="1" t="s">
        <v>23719</v>
      </c>
      <c r="D7620" s="2">
        <v>160448</v>
      </c>
      <c r="E7620" s="1" t="s">
        <v>0</v>
      </c>
    </row>
    <row r="7621" spans="1:5" x14ac:dyDescent="0.25">
      <c r="A7621" s="1" t="s">
        <v>23720</v>
      </c>
      <c r="B7621" s="1" t="s">
        <v>52734</v>
      </c>
      <c r="C7621" s="1" t="s">
        <v>23721</v>
      </c>
      <c r="D7621" s="2">
        <v>160449</v>
      </c>
      <c r="E7621" s="1" t="s">
        <v>0</v>
      </c>
    </row>
    <row r="7622" spans="1:5" x14ac:dyDescent="0.25">
      <c r="A7622" s="2">
        <v>1524</v>
      </c>
      <c r="B7622" s="2">
        <v>1524</v>
      </c>
      <c r="C7622" s="1" t="s">
        <v>0</v>
      </c>
      <c r="D7622" s="2">
        <v>160450</v>
      </c>
      <c r="E7622" s="1" t="s">
        <v>0</v>
      </c>
    </row>
    <row r="7623" spans="1:5" x14ac:dyDescent="0.25">
      <c r="A7623" s="1" t="s">
        <v>1411</v>
      </c>
      <c r="B7623" s="1" t="s">
        <v>50585</v>
      </c>
      <c r="C7623" s="1" t="s">
        <v>23722</v>
      </c>
      <c r="D7623" s="2">
        <v>160451</v>
      </c>
      <c r="E7623" s="1" t="s">
        <v>0</v>
      </c>
    </row>
    <row r="7624" spans="1:5" x14ac:dyDescent="0.25">
      <c r="A7624" s="1" t="s">
        <v>23723</v>
      </c>
      <c r="B7624" s="1" t="s">
        <v>52735</v>
      </c>
      <c r="C7624" s="1" t="s">
        <v>23724</v>
      </c>
      <c r="D7624" s="2">
        <v>160452</v>
      </c>
      <c r="E7624" s="1" t="s">
        <v>0</v>
      </c>
    </row>
    <row r="7625" spans="1:5" ht="409.5" x14ac:dyDescent="0.25">
      <c r="A7625" s="4" t="s">
        <v>23725</v>
      </c>
      <c r="B7625" s="1" t="s">
        <v>62271</v>
      </c>
      <c r="C7625" s="1" t="s">
        <v>23726</v>
      </c>
      <c r="D7625" s="2">
        <v>160453</v>
      </c>
      <c r="E7625" s="1" t="s">
        <v>0</v>
      </c>
    </row>
    <row r="7626" spans="1:5" x14ac:dyDescent="0.25">
      <c r="A7626" s="1" t="s">
        <v>23727</v>
      </c>
      <c r="B7626" s="1" t="s">
        <v>7189</v>
      </c>
      <c r="C7626" s="1" t="s">
        <v>23728</v>
      </c>
      <c r="D7626" s="2">
        <v>160454</v>
      </c>
      <c r="E7626" s="1" t="s">
        <v>0</v>
      </c>
    </row>
    <row r="7627" spans="1:5" x14ac:dyDescent="0.25">
      <c r="A7627" s="2">
        <v>1525</v>
      </c>
      <c r="B7627" s="2">
        <v>1525</v>
      </c>
      <c r="C7627" s="1" t="s">
        <v>0</v>
      </c>
      <c r="D7627" s="2">
        <v>160455</v>
      </c>
      <c r="E7627" s="1" t="s">
        <v>0</v>
      </c>
    </row>
    <row r="7628" spans="1:5" x14ac:dyDescent="0.25">
      <c r="A7628" s="1" t="s">
        <v>1412</v>
      </c>
      <c r="B7628" s="1" t="s">
        <v>7190</v>
      </c>
      <c r="C7628" s="1" t="s">
        <v>23729</v>
      </c>
      <c r="D7628" s="2">
        <v>160456</v>
      </c>
      <c r="E7628" s="1" t="s">
        <v>0</v>
      </c>
    </row>
    <row r="7629" spans="1:5" x14ac:dyDescent="0.25">
      <c r="A7629" s="1" t="s">
        <v>23730</v>
      </c>
      <c r="B7629" s="1" t="s">
        <v>7191</v>
      </c>
      <c r="C7629" s="1" t="s">
        <v>23731</v>
      </c>
      <c r="D7629" s="2">
        <v>160457</v>
      </c>
      <c r="E7629" s="1" t="s">
        <v>0</v>
      </c>
    </row>
    <row r="7630" spans="1:5" ht="409.5" x14ac:dyDescent="0.25">
      <c r="A7630" s="4" t="s">
        <v>23732</v>
      </c>
      <c r="B7630" s="1" t="s">
        <v>7192</v>
      </c>
      <c r="C7630" s="1" t="s">
        <v>23733</v>
      </c>
      <c r="D7630" s="2">
        <v>160458</v>
      </c>
      <c r="E7630" s="1" t="s">
        <v>0</v>
      </c>
    </row>
    <row r="7631" spans="1:5" x14ac:dyDescent="0.25">
      <c r="A7631" s="1" t="s">
        <v>23734</v>
      </c>
      <c r="B7631" s="1" t="s">
        <v>52736</v>
      </c>
      <c r="C7631" s="1" t="s">
        <v>23735</v>
      </c>
      <c r="D7631" s="2">
        <v>160459</v>
      </c>
      <c r="E7631" s="1" t="s">
        <v>0</v>
      </c>
    </row>
    <row r="7632" spans="1:5" x14ac:dyDescent="0.25">
      <c r="A7632" s="2">
        <v>1526</v>
      </c>
      <c r="B7632" s="2">
        <v>1526</v>
      </c>
      <c r="C7632" s="1" t="s">
        <v>0</v>
      </c>
      <c r="D7632" s="2">
        <v>160460</v>
      </c>
      <c r="E7632" s="1" t="s">
        <v>0</v>
      </c>
    </row>
    <row r="7633" spans="1:5" x14ac:dyDescent="0.25">
      <c r="A7633" s="1" t="s">
        <v>1413</v>
      </c>
      <c r="B7633" s="1" t="s">
        <v>57456</v>
      </c>
      <c r="C7633" s="1" t="s">
        <v>23736</v>
      </c>
      <c r="D7633" s="2">
        <v>160461</v>
      </c>
      <c r="E7633" s="1" t="s">
        <v>0</v>
      </c>
    </row>
    <row r="7634" spans="1:5" x14ac:dyDescent="0.25">
      <c r="A7634" s="1" t="s">
        <v>23737</v>
      </c>
      <c r="B7634" s="1" t="s">
        <v>57457</v>
      </c>
      <c r="C7634" s="1" t="s">
        <v>23738</v>
      </c>
      <c r="D7634" s="2">
        <v>160462</v>
      </c>
      <c r="E7634" s="1" t="s">
        <v>0</v>
      </c>
    </row>
    <row r="7635" spans="1:5" ht="409.5" x14ac:dyDescent="0.25">
      <c r="A7635" s="4" t="s">
        <v>23739</v>
      </c>
      <c r="B7635" s="1" t="s">
        <v>57458</v>
      </c>
      <c r="C7635" s="1" t="s">
        <v>23740</v>
      </c>
      <c r="D7635" s="2">
        <v>160463</v>
      </c>
      <c r="E7635" s="1" t="s">
        <v>0</v>
      </c>
    </row>
    <row r="7636" spans="1:5" x14ac:dyDescent="0.25">
      <c r="A7636" s="1" t="s">
        <v>23741</v>
      </c>
      <c r="B7636" s="1" t="s">
        <v>57459</v>
      </c>
      <c r="C7636" s="1" t="s">
        <v>23742</v>
      </c>
      <c r="D7636" s="2">
        <v>160464</v>
      </c>
      <c r="E7636" s="1" t="s">
        <v>0</v>
      </c>
    </row>
    <row r="7637" spans="1:5" x14ac:dyDescent="0.25">
      <c r="A7637" s="2">
        <v>1527</v>
      </c>
      <c r="B7637" s="2">
        <v>1527</v>
      </c>
      <c r="C7637" s="1" t="s">
        <v>0</v>
      </c>
      <c r="D7637" s="2">
        <v>160465</v>
      </c>
      <c r="E7637" s="1" t="s">
        <v>0</v>
      </c>
    </row>
    <row r="7638" spans="1:5" x14ac:dyDescent="0.25">
      <c r="A7638" s="1" t="s">
        <v>1414</v>
      </c>
      <c r="B7638" s="1" t="s">
        <v>7193</v>
      </c>
      <c r="C7638" s="1" t="s">
        <v>23743</v>
      </c>
      <c r="D7638" s="2">
        <v>160466</v>
      </c>
      <c r="E7638" s="1" t="s">
        <v>0</v>
      </c>
    </row>
    <row r="7639" spans="1:5" x14ac:dyDescent="0.25">
      <c r="A7639" s="1" t="s">
        <v>23744</v>
      </c>
      <c r="B7639" s="1" t="s">
        <v>52737</v>
      </c>
      <c r="C7639" s="1" t="s">
        <v>23745</v>
      </c>
      <c r="D7639" s="2">
        <v>160467</v>
      </c>
      <c r="E7639" s="1" t="s">
        <v>0</v>
      </c>
    </row>
    <row r="7640" spans="1:5" ht="409.5" x14ac:dyDescent="0.25">
      <c r="A7640" s="4" t="s">
        <v>23746</v>
      </c>
      <c r="B7640" s="1" t="s">
        <v>60494</v>
      </c>
      <c r="C7640" s="1" t="s">
        <v>23747</v>
      </c>
      <c r="D7640" s="2">
        <v>160468</v>
      </c>
      <c r="E7640" s="1" t="s">
        <v>0</v>
      </c>
    </row>
    <row r="7641" spans="1:5" x14ac:dyDescent="0.25">
      <c r="A7641" s="1" t="s">
        <v>23748</v>
      </c>
      <c r="B7641" s="1" t="s">
        <v>52738</v>
      </c>
      <c r="C7641" s="1" t="s">
        <v>23749</v>
      </c>
      <c r="D7641" s="2">
        <v>160469</v>
      </c>
      <c r="E7641" s="1" t="s">
        <v>0</v>
      </c>
    </row>
    <row r="7642" spans="1:5" x14ac:dyDescent="0.25">
      <c r="A7642" s="2">
        <v>1528</v>
      </c>
      <c r="B7642" s="2">
        <v>1528</v>
      </c>
      <c r="C7642" s="1" t="s">
        <v>0</v>
      </c>
      <c r="D7642" s="2">
        <v>160470</v>
      </c>
      <c r="E7642" s="1" t="s">
        <v>0</v>
      </c>
    </row>
    <row r="7643" spans="1:5" x14ac:dyDescent="0.25">
      <c r="A7643" s="1" t="s">
        <v>1415</v>
      </c>
      <c r="B7643" s="1" t="s">
        <v>7194</v>
      </c>
      <c r="C7643" s="1" t="s">
        <v>23750</v>
      </c>
      <c r="D7643" s="2">
        <v>160471</v>
      </c>
      <c r="E7643" s="1" t="s">
        <v>0</v>
      </c>
    </row>
    <row r="7644" spans="1:5" x14ac:dyDescent="0.25">
      <c r="A7644" s="1" t="s">
        <v>23751</v>
      </c>
      <c r="B7644" s="1" t="s">
        <v>7195</v>
      </c>
      <c r="C7644" s="1" t="s">
        <v>23752</v>
      </c>
      <c r="D7644" s="2">
        <v>160472</v>
      </c>
      <c r="E7644" s="1" t="s">
        <v>0</v>
      </c>
    </row>
    <row r="7645" spans="1:5" ht="409.5" x14ac:dyDescent="0.25">
      <c r="A7645" s="4" t="s">
        <v>23753</v>
      </c>
      <c r="B7645" s="1" t="s">
        <v>57460</v>
      </c>
      <c r="C7645" s="1" t="s">
        <v>23754</v>
      </c>
      <c r="D7645" s="2">
        <v>160473</v>
      </c>
      <c r="E7645" s="1" t="s">
        <v>0</v>
      </c>
    </row>
    <row r="7646" spans="1:5" x14ac:dyDescent="0.25">
      <c r="A7646" s="1" t="s">
        <v>23755</v>
      </c>
      <c r="B7646" s="1" t="s">
        <v>52739</v>
      </c>
      <c r="C7646" s="1" t="s">
        <v>23756</v>
      </c>
      <c r="D7646" s="2">
        <v>160474</v>
      </c>
      <c r="E7646" s="1" t="s">
        <v>0</v>
      </c>
    </row>
    <row r="7647" spans="1:5" x14ac:dyDescent="0.25">
      <c r="A7647" s="2">
        <v>1529</v>
      </c>
      <c r="B7647" s="2">
        <v>1529</v>
      </c>
      <c r="C7647" s="1" t="s">
        <v>0</v>
      </c>
      <c r="D7647" s="2">
        <v>160475</v>
      </c>
      <c r="E7647" s="1" t="s">
        <v>0</v>
      </c>
    </row>
    <row r="7648" spans="1:5" x14ac:dyDescent="0.25">
      <c r="A7648" s="1" t="s">
        <v>1416</v>
      </c>
      <c r="B7648" s="1" t="s">
        <v>7196</v>
      </c>
      <c r="C7648" s="1" t="s">
        <v>23757</v>
      </c>
      <c r="D7648" s="2">
        <v>160476</v>
      </c>
      <c r="E7648" s="1" t="s">
        <v>0</v>
      </c>
    </row>
    <row r="7649" spans="1:5" x14ac:dyDescent="0.25">
      <c r="A7649" s="1" t="s">
        <v>23758</v>
      </c>
      <c r="B7649" s="1" t="s">
        <v>52740</v>
      </c>
      <c r="C7649" s="1" t="s">
        <v>23759</v>
      </c>
      <c r="D7649" s="2">
        <v>160477</v>
      </c>
      <c r="E7649" s="1" t="s">
        <v>0</v>
      </c>
    </row>
    <row r="7650" spans="1:5" ht="409.5" x14ac:dyDescent="0.25">
      <c r="A7650" s="4" t="s">
        <v>23760</v>
      </c>
      <c r="B7650" s="1" t="s">
        <v>52741</v>
      </c>
      <c r="C7650" s="1" t="s">
        <v>23761</v>
      </c>
      <c r="D7650" s="2">
        <v>160478</v>
      </c>
      <c r="E7650" s="1" t="s">
        <v>0</v>
      </c>
    </row>
    <row r="7651" spans="1:5" x14ac:dyDescent="0.25">
      <c r="A7651" s="1" t="s">
        <v>23762</v>
      </c>
      <c r="B7651" s="1" t="s">
        <v>7197</v>
      </c>
      <c r="C7651" s="1" t="s">
        <v>23763</v>
      </c>
      <c r="D7651" s="2">
        <v>160479</v>
      </c>
      <c r="E7651" s="1" t="s">
        <v>0</v>
      </c>
    </row>
    <row r="7652" spans="1:5" x14ac:dyDescent="0.25">
      <c r="A7652" s="2">
        <v>1530</v>
      </c>
      <c r="B7652" s="2">
        <v>1530</v>
      </c>
      <c r="C7652" s="1" t="s">
        <v>0</v>
      </c>
      <c r="D7652" s="2">
        <v>160480</v>
      </c>
      <c r="E7652" s="1" t="s">
        <v>0</v>
      </c>
    </row>
    <row r="7653" spans="1:5" x14ac:dyDescent="0.25">
      <c r="A7653" s="1" t="s">
        <v>1417</v>
      </c>
      <c r="B7653" s="1" t="s">
        <v>7198</v>
      </c>
      <c r="C7653" s="1" t="s">
        <v>23764</v>
      </c>
      <c r="D7653" s="2">
        <v>160481</v>
      </c>
      <c r="E7653" s="1" t="s">
        <v>0</v>
      </c>
    </row>
    <row r="7654" spans="1:5" x14ac:dyDescent="0.25">
      <c r="A7654" s="1" t="s">
        <v>23765</v>
      </c>
      <c r="B7654" s="1" t="s">
        <v>56735</v>
      </c>
      <c r="C7654" s="1" t="s">
        <v>23766</v>
      </c>
      <c r="D7654" s="2">
        <v>160482</v>
      </c>
      <c r="E7654" s="1" t="s">
        <v>0</v>
      </c>
    </row>
    <row r="7655" spans="1:5" ht="409.5" x14ac:dyDescent="0.25">
      <c r="A7655" s="4" t="s">
        <v>23767</v>
      </c>
      <c r="B7655" s="1" t="s">
        <v>63274</v>
      </c>
      <c r="C7655" s="1" t="s">
        <v>23768</v>
      </c>
      <c r="D7655" s="2">
        <v>160483</v>
      </c>
      <c r="E7655" s="1" t="s">
        <v>0</v>
      </c>
    </row>
    <row r="7656" spans="1:5" x14ac:dyDescent="0.25">
      <c r="A7656" s="1" t="s">
        <v>23769</v>
      </c>
      <c r="B7656" s="1" t="s">
        <v>7199</v>
      </c>
      <c r="C7656" s="1" t="s">
        <v>23770</v>
      </c>
      <c r="D7656" s="2">
        <v>160484</v>
      </c>
      <c r="E7656" s="1" t="s">
        <v>0</v>
      </c>
    </row>
    <row r="7657" spans="1:5" x14ac:dyDescent="0.25">
      <c r="A7657" s="2">
        <v>1531</v>
      </c>
      <c r="B7657" s="2">
        <v>1531</v>
      </c>
      <c r="C7657" s="1" t="s">
        <v>0</v>
      </c>
      <c r="D7657" s="2">
        <v>160485</v>
      </c>
      <c r="E7657" s="1" t="s">
        <v>0</v>
      </c>
    </row>
    <row r="7658" spans="1:5" x14ac:dyDescent="0.25">
      <c r="A7658" s="1" t="s">
        <v>1418</v>
      </c>
      <c r="B7658" s="1" t="s">
        <v>7200</v>
      </c>
      <c r="C7658" s="1" t="s">
        <v>23771</v>
      </c>
      <c r="D7658" s="2">
        <v>160486</v>
      </c>
      <c r="E7658" s="1" t="s">
        <v>0</v>
      </c>
    </row>
    <row r="7659" spans="1:5" x14ac:dyDescent="0.25">
      <c r="A7659" s="1" t="s">
        <v>23772</v>
      </c>
      <c r="B7659" s="1" t="s">
        <v>57461</v>
      </c>
      <c r="C7659" s="1" t="s">
        <v>23773</v>
      </c>
      <c r="D7659" s="2">
        <v>160487</v>
      </c>
      <c r="E7659" s="1" t="s">
        <v>0</v>
      </c>
    </row>
    <row r="7660" spans="1:5" ht="409.5" x14ac:dyDescent="0.25">
      <c r="A7660" s="4" t="s">
        <v>23774</v>
      </c>
      <c r="B7660" s="1" t="s">
        <v>57462</v>
      </c>
      <c r="C7660" s="1" t="s">
        <v>23775</v>
      </c>
      <c r="D7660" s="2">
        <v>160488</v>
      </c>
      <c r="E7660" s="1" t="s">
        <v>0</v>
      </c>
    </row>
    <row r="7661" spans="1:5" x14ac:dyDescent="0.25">
      <c r="A7661" s="1" t="s">
        <v>23776</v>
      </c>
      <c r="B7661" s="1" t="s">
        <v>52742</v>
      </c>
      <c r="C7661" s="1" t="s">
        <v>23777</v>
      </c>
      <c r="D7661" s="2">
        <v>160489</v>
      </c>
      <c r="E7661" s="1" t="s">
        <v>0</v>
      </c>
    </row>
    <row r="7662" spans="1:5" x14ac:dyDescent="0.25">
      <c r="A7662" s="2">
        <v>1532</v>
      </c>
      <c r="B7662" s="2">
        <v>1532</v>
      </c>
      <c r="C7662" s="1" t="s">
        <v>0</v>
      </c>
      <c r="D7662" s="2">
        <v>160490</v>
      </c>
      <c r="E7662" s="1" t="s">
        <v>0</v>
      </c>
    </row>
    <row r="7663" spans="1:5" x14ac:dyDescent="0.25">
      <c r="A7663" s="1" t="s">
        <v>1419</v>
      </c>
      <c r="B7663" s="1" t="s">
        <v>7201</v>
      </c>
      <c r="C7663" s="1" t="s">
        <v>23778</v>
      </c>
      <c r="D7663" s="2">
        <v>160491</v>
      </c>
      <c r="E7663" s="1" t="s">
        <v>0</v>
      </c>
    </row>
    <row r="7664" spans="1:5" x14ac:dyDescent="0.25">
      <c r="A7664" s="1" t="s">
        <v>23779</v>
      </c>
      <c r="B7664" s="1" t="s">
        <v>52743</v>
      </c>
      <c r="C7664" s="1" t="s">
        <v>23780</v>
      </c>
      <c r="D7664" s="2">
        <v>160492</v>
      </c>
      <c r="E7664" s="1" t="s">
        <v>0</v>
      </c>
    </row>
    <row r="7665" spans="1:5" ht="409.5" x14ac:dyDescent="0.25">
      <c r="A7665" s="4" t="s">
        <v>64086</v>
      </c>
      <c r="B7665" s="1" t="s">
        <v>52744</v>
      </c>
      <c r="C7665" s="1" t="s">
        <v>23781</v>
      </c>
      <c r="D7665" s="2">
        <v>160493</v>
      </c>
      <c r="E7665" s="1" t="s">
        <v>0</v>
      </c>
    </row>
    <row r="7666" spans="1:5" x14ac:dyDescent="0.25">
      <c r="A7666" s="1" t="s">
        <v>23782</v>
      </c>
      <c r="B7666" s="1" t="s">
        <v>52745</v>
      </c>
      <c r="C7666" s="1" t="s">
        <v>23783</v>
      </c>
      <c r="D7666" s="2">
        <v>160494</v>
      </c>
      <c r="E7666" s="1" t="s">
        <v>0</v>
      </c>
    </row>
    <row r="7667" spans="1:5" x14ac:dyDescent="0.25">
      <c r="A7667" s="2">
        <v>1533</v>
      </c>
      <c r="B7667" s="2">
        <v>1533</v>
      </c>
      <c r="C7667" s="1" t="s">
        <v>0</v>
      </c>
      <c r="D7667" s="2">
        <v>160495</v>
      </c>
      <c r="E7667" s="1" t="s">
        <v>0</v>
      </c>
    </row>
    <row r="7668" spans="1:5" x14ac:dyDescent="0.25">
      <c r="A7668" s="1" t="s">
        <v>1420</v>
      </c>
      <c r="B7668" s="1" t="s">
        <v>7202</v>
      </c>
      <c r="C7668" s="1" t="s">
        <v>23784</v>
      </c>
      <c r="D7668" s="2">
        <v>160496</v>
      </c>
      <c r="E7668" s="1" t="s">
        <v>0</v>
      </c>
    </row>
    <row r="7669" spans="1:5" x14ac:dyDescent="0.25">
      <c r="A7669" s="1" t="s">
        <v>23785</v>
      </c>
      <c r="B7669" s="1" t="s">
        <v>62272</v>
      </c>
      <c r="C7669" s="1" t="s">
        <v>23786</v>
      </c>
      <c r="D7669" s="2">
        <v>160497</v>
      </c>
      <c r="E7669" s="1" t="s">
        <v>0</v>
      </c>
    </row>
    <row r="7670" spans="1:5" ht="409.5" x14ac:dyDescent="0.25">
      <c r="A7670" s="4" t="s">
        <v>23787</v>
      </c>
      <c r="B7670" s="1" t="s">
        <v>62273</v>
      </c>
      <c r="C7670" s="1" t="s">
        <v>23788</v>
      </c>
      <c r="D7670" s="2">
        <v>160498</v>
      </c>
      <c r="E7670" s="1" t="s">
        <v>0</v>
      </c>
    </row>
    <row r="7671" spans="1:5" x14ac:dyDescent="0.25">
      <c r="A7671" s="1" t="s">
        <v>23789</v>
      </c>
      <c r="B7671" s="1" t="s">
        <v>52746</v>
      </c>
      <c r="C7671" s="1" t="s">
        <v>23790</v>
      </c>
      <c r="D7671" s="2">
        <v>160499</v>
      </c>
      <c r="E7671" s="1" t="s">
        <v>0</v>
      </c>
    </row>
    <row r="7672" spans="1:5" x14ac:dyDescent="0.25">
      <c r="A7672" s="2">
        <v>1534</v>
      </c>
      <c r="B7672" s="2">
        <v>1534</v>
      </c>
      <c r="C7672" s="1" t="s">
        <v>0</v>
      </c>
      <c r="D7672" s="2">
        <v>160500</v>
      </c>
      <c r="E7672" s="1" t="s">
        <v>0</v>
      </c>
    </row>
    <row r="7673" spans="1:5" x14ac:dyDescent="0.25">
      <c r="A7673" s="1" t="s">
        <v>1421</v>
      </c>
      <c r="B7673" s="1" t="s">
        <v>7203</v>
      </c>
      <c r="C7673" s="1" t="s">
        <v>23791</v>
      </c>
      <c r="D7673" s="2">
        <v>160501</v>
      </c>
      <c r="E7673" s="1" t="s">
        <v>0</v>
      </c>
    </row>
    <row r="7674" spans="1:5" x14ac:dyDescent="0.25">
      <c r="A7674" s="1" t="s">
        <v>23792</v>
      </c>
      <c r="B7674" s="1" t="s">
        <v>63275</v>
      </c>
      <c r="C7674" s="1" t="s">
        <v>23793</v>
      </c>
      <c r="D7674" s="2">
        <v>160502</v>
      </c>
      <c r="E7674" s="1" t="s">
        <v>0</v>
      </c>
    </row>
    <row r="7675" spans="1:5" ht="409.5" x14ac:dyDescent="0.25">
      <c r="A7675" s="4" t="s">
        <v>64087</v>
      </c>
      <c r="B7675" s="1" t="s">
        <v>63276</v>
      </c>
      <c r="C7675" s="1" t="s">
        <v>23794</v>
      </c>
      <c r="D7675" s="2">
        <v>160503</v>
      </c>
      <c r="E7675" s="1" t="s">
        <v>0</v>
      </c>
    </row>
    <row r="7676" spans="1:5" x14ac:dyDescent="0.25">
      <c r="A7676" s="1" t="s">
        <v>23795</v>
      </c>
      <c r="B7676" s="1" t="s">
        <v>7204</v>
      </c>
      <c r="C7676" s="1" t="s">
        <v>23796</v>
      </c>
      <c r="D7676" s="2">
        <v>160504</v>
      </c>
      <c r="E7676" s="1" t="s">
        <v>0</v>
      </c>
    </row>
    <row r="7677" spans="1:5" x14ac:dyDescent="0.25">
      <c r="A7677" s="2">
        <v>1535</v>
      </c>
      <c r="B7677" s="2">
        <v>1535</v>
      </c>
      <c r="C7677" s="1" t="s">
        <v>0</v>
      </c>
      <c r="D7677" s="2">
        <v>160505</v>
      </c>
      <c r="E7677" s="1" t="s">
        <v>0</v>
      </c>
    </row>
    <row r="7678" spans="1:5" x14ac:dyDescent="0.25">
      <c r="A7678" s="1" t="s">
        <v>7205</v>
      </c>
      <c r="B7678" s="1" t="s">
        <v>7206</v>
      </c>
      <c r="C7678" s="1" t="s">
        <v>23797</v>
      </c>
      <c r="D7678" s="2">
        <v>160506</v>
      </c>
      <c r="E7678" s="1" t="s">
        <v>0</v>
      </c>
    </row>
    <row r="7679" spans="1:5" x14ac:dyDescent="0.25">
      <c r="A7679" s="1" t="s">
        <v>23798</v>
      </c>
      <c r="B7679" s="1" t="s">
        <v>58292</v>
      </c>
      <c r="C7679" s="1" t="s">
        <v>23799</v>
      </c>
      <c r="D7679" s="2">
        <v>160507</v>
      </c>
      <c r="E7679" s="1" t="s">
        <v>0</v>
      </c>
    </row>
    <row r="7680" spans="1:5" ht="409.5" x14ac:dyDescent="0.25">
      <c r="A7680" s="4" t="s">
        <v>23800</v>
      </c>
      <c r="B7680" s="1" t="s">
        <v>58293</v>
      </c>
      <c r="C7680" s="1" t="s">
        <v>23801</v>
      </c>
      <c r="D7680" s="2">
        <v>160508</v>
      </c>
      <c r="E7680" s="1" t="s">
        <v>0</v>
      </c>
    </row>
    <row r="7681" spans="1:5" x14ac:dyDescent="0.25">
      <c r="A7681" s="1" t="s">
        <v>23802</v>
      </c>
      <c r="B7681" s="1" t="s">
        <v>52747</v>
      </c>
      <c r="C7681" s="1" t="s">
        <v>23803</v>
      </c>
      <c r="D7681" s="2">
        <v>160509</v>
      </c>
      <c r="E7681" s="1" t="s">
        <v>0</v>
      </c>
    </row>
    <row r="7682" spans="1:5" x14ac:dyDescent="0.25">
      <c r="A7682" s="2">
        <v>1536</v>
      </c>
      <c r="B7682" s="2">
        <v>1536</v>
      </c>
      <c r="C7682" s="1" t="s">
        <v>0</v>
      </c>
      <c r="D7682" s="2">
        <v>160510</v>
      </c>
      <c r="E7682" s="1" t="s">
        <v>0</v>
      </c>
    </row>
    <row r="7683" spans="1:5" x14ac:dyDescent="0.25">
      <c r="A7683" s="1" t="s">
        <v>1422</v>
      </c>
      <c r="B7683" s="1" t="s">
        <v>7207</v>
      </c>
      <c r="C7683" s="1" t="s">
        <v>23804</v>
      </c>
      <c r="D7683" s="2">
        <v>160511</v>
      </c>
      <c r="E7683" s="1" t="s">
        <v>0</v>
      </c>
    </row>
    <row r="7684" spans="1:5" x14ac:dyDescent="0.25">
      <c r="A7684" s="1" t="s">
        <v>23805</v>
      </c>
      <c r="B7684" s="1" t="s">
        <v>7208</v>
      </c>
      <c r="C7684" s="1" t="s">
        <v>23806</v>
      </c>
      <c r="D7684" s="2">
        <v>160512</v>
      </c>
      <c r="E7684" s="1" t="s">
        <v>0</v>
      </c>
    </row>
    <row r="7685" spans="1:5" ht="409.5" x14ac:dyDescent="0.25">
      <c r="A7685" s="4" t="s">
        <v>23807</v>
      </c>
      <c r="B7685" s="1" t="s">
        <v>52748</v>
      </c>
      <c r="C7685" s="1" t="s">
        <v>23808</v>
      </c>
      <c r="D7685" s="2">
        <v>160513</v>
      </c>
      <c r="E7685" s="1" t="s">
        <v>0</v>
      </c>
    </row>
    <row r="7686" spans="1:5" x14ac:dyDescent="0.25">
      <c r="A7686" s="1" t="s">
        <v>23809</v>
      </c>
      <c r="B7686" s="1" t="s">
        <v>7209</v>
      </c>
      <c r="C7686" s="1" t="s">
        <v>23810</v>
      </c>
      <c r="D7686" s="2">
        <v>160514</v>
      </c>
      <c r="E7686" s="1" t="s">
        <v>0</v>
      </c>
    </row>
    <row r="7687" spans="1:5" x14ac:dyDescent="0.25">
      <c r="A7687" s="2">
        <v>1537</v>
      </c>
      <c r="B7687" s="2">
        <v>1537</v>
      </c>
      <c r="C7687" s="1" t="s">
        <v>0</v>
      </c>
      <c r="D7687" s="2">
        <v>160515</v>
      </c>
      <c r="E7687" s="1" t="s">
        <v>0</v>
      </c>
    </row>
    <row r="7688" spans="1:5" x14ac:dyDescent="0.25">
      <c r="A7688" s="1" t="s">
        <v>1423</v>
      </c>
      <c r="B7688" s="1" t="s">
        <v>7210</v>
      </c>
      <c r="C7688" s="1" t="s">
        <v>23811</v>
      </c>
      <c r="D7688" s="2">
        <v>160516</v>
      </c>
      <c r="E7688" s="1" t="s">
        <v>0</v>
      </c>
    </row>
    <row r="7689" spans="1:5" x14ac:dyDescent="0.25">
      <c r="A7689" s="1" t="s">
        <v>23812</v>
      </c>
      <c r="B7689" s="1" t="s">
        <v>62274</v>
      </c>
      <c r="C7689" s="1" t="s">
        <v>23813</v>
      </c>
      <c r="D7689" s="2">
        <v>160517</v>
      </c>
      <c r="E7689" s="1" t="s">
        <v>0</v>
      </c>
    </row>
    <row r="7690" spans="1:5" ht="409.5" x14ac:dyDescent="0.25">
      <c r="A7690" s="4" t="s">
        <v>23814</v>
      </c>
      <c r="B7690" s="1" t="s">
        <v>62275</v>
      </c>
      <c r="C7690" s="1" t="s">
        <v>23815</v>
      </c>
      <c r="D7690" s="2">
        <v>160518</v>
      </c>
      <c r="E7690" s="1" t="s">
        <v>0</v>
      </c>
    </row>
    <row r="7691" spans="1:5" x14ac:dyDescent="0.25">
      <c r="A7691" s="1" t="s">
        <v>23816</v>
      </c>
      <c r="B7691" s="1" t="s">
        <v>59900</v>
      </c>
      <c r="C7691" s="1" t="s">
        <v>23817</v>
      </c>
      <c r="D7691" s="2">
        <v>160519</v>
      </c>
      <c r="E7691" s="1" t="s">
        <v>0</v>
      </c>
    </row>
    <row r="7692" spans="1:5" x14ac:dyDescent="0.25">
      <c r="A7692" s="2">
        <v>1538</v>
      </c>
      <c r="B7692" s="2">
        <v>1538</v>
      </c>
      <c r="C7692" s="1" t="s">
        <v>0</v>
      </c>
      <c r="D7692" s="2">
        <v>160520</v>
      </c>
      <c r="E7692" s="1" t="s">
        <v>0</v>
      </c>
    </row>
    <row r="7693" spans="1:5" x14ac:dyDescent="0.25">
      <c r="A7693" s="1" t="s">
        <v>1424</v>
      </c>
      <c r="B7693" s="1" t="s">
        <v>7211</v>
      </c>
      <c r="C7693" s="1" t="s">
        <v>23818</v>
      </c>
      <c r="D7693" s="2">
        <v>160521</v>
      </c>
      <c r="E7693" s="1" t="s">
        <v>0</v>
      </c>
    </row>
    <row r="7694" spans="1:5" x14ac:dyDescent="0.25">
      <c r="A7694" s="1" t="s">
        <v>23819</v>
      </c>
      <c r="B7694" s="1" t="s">
        <v>50586</v>
      </c>
      <c r="C7694" s="1" t="s">
        <v>23820</v>
      </c>
      <c r="D7694" s="2">
        <v>160522</v>
      </c>
      <c r="E7694" s="1" t="s">
        <v>0</v>
      </c>
    </row>
    <row r="7695" spans="1:5" ht="409.5" x14ac:dyDescent="0.25">
      <c r="A7695" s="4" t="s">
        <v>23821</v>
      </c>
      <c r="B7695" s="1" t="s">
        <v>52749</v>
      </c>
      <c r="C7695" s="1" t="s">
        <v>23822</v>
      </c>
      <c r="D7695" s="2">
        <v>160523</v>
      </c>
      <c r="E7695" s="1" t="s">
        <v>0</v>
      </c>
    </row>
    <row r="7696" spans="1:5" x14ac:dyDescent="0.25">
      <c r="A7696" s="1" t="s">
        <v>23823</v>
      </c>
      <c r="B7696" s="1" t="s">
        <v>7212</v>
      </c>
      <c r="C7696" s="1" t="s">
        <v>23824</v>
      </c>
      <c r="D7696" s="2">
        <v>160524</v>
      </c>
      <c r="E7696" s="1" t="s">
        <v>0</v>
      </c>
    </row>
    <row r="7697" spans="1:5" x14ac:dyDescent="0.25">
      <c r="A7697" s="2">
        <v>1539</v>
      </c>
      <c r="B7697" s="2">
        <v>1539</v>
      </c>
      <c r="C7697" s="1" t="s">
        <v>0</v>
      </c>
      <c r="D7697" s="2">
        <v>160525</v>
      </c>
      <c r="E7697" s="1" t="s">
        <v>0</v>
      </c>
    </row>
    <row r="7698" spans="1:5" x14ac:dyDescent="0.25">
      <c r="A7698" s="1" t="s">
        <v>1425</v>
      </c>
      <c r="B7698" s="1" t="s">
        <v>50587</v>
      </c>
      <c r="C7698" s="1" t="s">
        <v>23825</v>
      </c>
      <c r="D7698" s="2">
        <v>160526</v>
      </c>
      <c r="E7698" s="1" t="s">
        <v>0</v>
      </c>
    </row>
    <row r="7699" spans="1:5" x14ac:dyDescent="0.25">
      <c r="A7699" s="1" t="s">
        <v>23826</v>
      </c>
      <c r="B7699" s="1" t="s">
        <v>52750</v>
      </c>
      <c r="C7699" s="1" t="s">
        <v>23827</v>
      </c>
      <c r="D7699" s="2">
        <v>160527</v>
      </c>
      <c r="E7699" s="1" t="s">
        <v>0</v>
      </c>
    </row>
    <row r="7700" spans="1:5" ht="409.5" x14ac:dyDescent="0.25">
      <c r="A7700" s="4" t="s">
        <v>64088</v>
      </c>
      <c r="B7700" s="1" t="s">
        <v>52751</v>
      </c>
      <c r="C7700" s="1" t="s">
        <v>23828</v>
      </c>
      <c r="D7700" s="2">
        <v>160528</v>
      </c>
      <c r="E7700" s="1" t="s">
        <v>0</v>
      </c>
    </row>
    <row r="7701" spans="1:5" x14ac:dyDescent="0.25">
      <c r="A7701" s="1" t="s">
        <v>23829</v>
      </c>
      <c r="B7701" s="1" t="s">
        <v>7213</v>
      </c>
      <c r="C7701" s="1" t="s">
        <v>23830</v>
      </c>
      <c r="D7701" s="2">
        <v>160529</v>
      </c>
      <c r="E7701" s="1" t="s">
        <v>0</v>
      </c>
    </row>
    <row r="7702" spans="1:5" x14ac:dyDescent="0.25">
      <c r="A7702" s="2">
        <v>1540</v>
      </c>
      <c r="B7702" s="2">
        <v>1540</v>
      </c>
      <c r="C7702" s="1" t="s">
        <v>0</v>
      </c>
      <c r="D7702" s="2">
        <v>160530</v>
      </c>
      <c r="E7702" s="1" t="s">
        <v>0</v>
      </c>
    </row>
    <row r="7703" spans="1:5" x14ac:dyDescent="0.25">
      <c r="A7703" s="1" t="s">
        <v>1426</v>
      </c>
      <c r="B7703" s="1" t="s">
        <v>7214</v>
      </c>
      <c r="C7703" s="1" t="s">
        <v>23831</v>
      </c>
      <c r="D7703" s="2">
        <v>160531</v>
      </c>
      <c r="E7703" s="1" t="s">
        <v>0</v>
      </c>
    </row>
    <row r="7704" spans="1:5" x14ac:dyDescent="0.25">
      <c r="A7704" s="1" t="s">
        <v>23832</v>
      </c>
      <c r="B7704" s="1" t="s">
        <v>52752</v>
      </c>
      <c r="C7704" s="1" t="s">
        <v>23833</v>
      </c>
      <c r="D7704" s="2">
        <v>160532</v>
      </c>
      <c r="E7704" s="1" t="s">
        <v>0</v>
      </c>
    </row>
    <row r="7705" spans="1:5" ht="409.5" x14ac:dyDescent="0.25">
      <c r="A7705" s="4" t="s">
        <v>23834</v>
      </c>
      <c r="B7705" s="1" t="s">
        <v>57173</v>
      </c>
      <c r="C7705" s="1" t="s">
        <v>23835</v>
      </c>
      <c r="D7705" s="2">
        <v>160533</v>
      </c>
      <c r="E7705" s="1" t="s">
        <v>0</v>
      </c>
    </row>
    <row r="7706" spans="1:5" x14ac:dyDescent="0.25">
      <c r="A7706" s="1" t="s">
        <v>23836</v>
      </c>
      <c r="B7706" s="1" t="s">
        <v>7215</v>
      </c>
      <c r="C7706" s="1" t="s">
        <v>23837</v>
      </c>
      <c r="D7706" s="2">
        <v>160534</v>
      </c>
      <c r="E7706" s="1" t="s">
        <v>0</v>
      </c>
    </row>
    <row r="7707" spans="1:5" x14ac:dyDescent="0.25">
      <c r="A7707" s="2">
        <v>1541</v>
      </c>
      <c r="B7707" s="2">
        <v>1541</v>
      </c>
      <c r="C7707" s="1" t="s">
        <v>0</v>
      </c>
      <c r="D7707" s="2">
        <v>160535</v>
      </c>
      <c r="E7707" s="1" t="s">
        <v>0</v>
      </c>
    </row>
    <row r="7708" spans="1:5" x14ac:dyDescent="0.25">
      <c r="A7708" s="1" t="s">
        <v>1427</v>
      </c>
      <c r="B7708" s="1" t="s">
        <v>7216</v>
      </c>
      <c r="C7708" s="1" t="s">
        <v>23838</v>
      </c>
      <c r="D7708" s="2">
        <v>160536</v>
      </c>
      <c r="E7708" s="1" t="s">
        <v>0</v>
      </c>
    </row>
    <row r="7709" spans="1:5" x14ac:dyDescent="0.25">
      <c r="A7709" s="1" t="s">
        <v>23839</v>
      </c>
      <c r="B7709" s="1" t="s">
        <v>52753</v>
      </c>
      <c r="C7709" s="1" t="s">
        <v>23840</v>
      </c>
      <c r="D7709" s="2">
        <v>160537</v>
      </c>
      <c r="E7709" s="1" t="s">
        <v>0</v>
      </c>
    </row>
    <row r="7710" spans="1:5" ht="409.5" x14ac:dyDescent="0.25">
      <c r="A7710" s="4" t="s">
        <v>23841</v>
      </c>
      <c r="B7710" s="1" t="s">
        <v>63277</v>
      </c>
      <c r="C7710" s="1" t="s">
        <v>23842</v>
      </c>
      <c r="D7710" s="2">
        <v>160538</v>
      </c>
      <c r="E7710" s="1" t="s">
        <v>0</v>
      </c>
    </row>
    <row r="7711" spans="1:5" x14ac:dyDescent="0.25">
      <c r="A7711" s="1" t="s">
        <v>23843</v>
      </c>
      <c r="B7711" s="1" t="s">
        <v>52754</v>
      </c>
      <c r="C7711" s="1" t="s">
        <v>23844</v>
      </c>
      <c r="D7711" s="2">
        <v>160539</v>
      </c>
      <c r="E7711" s="1" t="s">
        <v>0</v>
      </c>
    </row>
    <row r="7712" spans="1:5" x14ac:dyDescent="0.25">
      <c r="A7712" s="2">
        <v>1542</v>
      </c>
      <c r="B7712" s="2">
        <v>1542</v>
      </c>
      <c r="C7712" s="1" t="s">
        <v>0</v>
      </c>
      <c r="D7712" s="2">
        <v>160540</v>
      </c>
      <c r="E7712" s="1" t="s">
        <v>0</v>
      </c>
    </row>
    <row r="7713" spans="1:5" x14ac:dyDescent="0.25">
      <c r="A7713" s="1" t="s">
        <v>1428</v>
      </c>
      <c r="B7713" s="1" t="s">
        <v>7217</v>
      </c>
      <c r="C7713" s="1" t="s">
        <v>23845</v>
      </c>
      <c r="D7713" s="2">
        <v>160541</v>
      </c>
      <c r="E7713" s="1" t="s">
        <v>0</v>
      </c>
    </row>
    <row r="7714" spans="1:5" x14ac:dyDescent="0.25">
      <c r="A7714" s="1" t="s">
        <v>23846</v>
      </c>
      <c r="B7714" s="1" t="s">
        <v>13054</v>
      </c>
      <c r="C7714" s="1" t="s">
        <v>23847</v>
      </c>
      <c r="D7714" s="2">
        <v>160542</v>
      </c>
      <c r="E7714" s="1" t="s">
        <v>0</v>
      </c>
    </row>
    <row r="7715" spans="1:5" ht="409.5" x14ac:dyDescent="0.25">
      <c r="A7715" s="4" t="s">
        <v>23848</v>
      </c>
      <c r="B7715" s="1" t="s">
        <v>13055</v>
      </c>
      <c r="C7715" s="1" t="s">
        <v>23849</v>
      </c>
      <c r="D7715" s="2">
        <v>160543</v>
      </c>
      <c r="E7715" s="1" t="s">
        <v>0</v>
      </c>
    </row>
    <row r="7716" spans="1:5" x14ac:dyDescent="0.25">
      <c r="A7716" s="1" t="s">
        <v>23850</v>
      </c>
      <c r="B7716" s="1" t="s">
        <v>52755</v>
      </c>
      <c r="C7716" s="1" t="s">
        <v>23851</v>
      </c>
      <c r="D7716" s="2">
        <v>160544</v>
      </c>
      <c r="E7716" s="1" t="s">
        <v>0</v>
      </c>
    </row>
    <row r="7717" spans="1:5" x14ac:dyDescent="0.25">
      <c r="A7717" s="2">
        <v>1543</v>
      </c>
      <c r="B7717" s="2">
        <v>1543</v>
      </c>
      <c r="C7717" s="1" t="s">
        <v>0</v>
      </c>
      <c r="D7717" s="2">
        <v>160545</v>
      </c>
      <c r="E7717" s="1" t="s">
        <v>0</v>
      </c>
    </row>
    <row r="7718" spans="1:5" x14ac:dyDescent="0.25">
      <c r="A7718" s="1" t="s">
        <v>1429</v>
      </c>
      <c r="B7718" s="1" t="s">
        <v>7218</v>
      </c>
      <c r="C7718" s="1" t="s">
        <v>23852</v>
      </c>
      <c r="D7718" s="2">
        <v>160546</v>
      </c>
      <c r="E7718" s="1" t="s">
        <v>0</v>
      </c>
    </row>
    <row r="7719" spans="1:5" x14ac:dyDescent="0.25">
      <c r="A7719" s="1" t="s">
        <v>23853</v>
      </c>
      <c r="B7719" s="1" t="s">
        <v>63662</v>
      </c>
      <c r="C7719" s="1" t="s">
        <v>23854</v>
      </c>
      <c r="D7719" s="2">
        <v>160547</v>
      </c>
      <c r="E7719" s="1" t="s">
        <v>0</v>
      </c>
    </row>
    <row r="7720" spans="1:5" ht="409.5" x14ac:dyDescent="0.25">
      <c r="A7720" s="4" t="s">
        <v>23855</v>
      </c>
      <c r="B7720" s="1" t="s">
        <v>63663</v>
      </c>
      <c r="C7720" s="1" t="s">
        <v>23856</v>
      </c>
      <c r="D7720" s="2">
        <v>160548</v>
      </c>
      <c r="E7720" s="1" t="s">
        <v>0</v>
      </c>
    </row>
    <row r="7721" spans="1:5" x14ac:dyDescent="0.25">
      <c r="A7721" s="1" t="s">
        <v>23857</v>
      </c>
      <c r="B7721" s="1" t="s">
        <v>52756</v>
      </c>
      <c r="C7721" s="1" t="s">
        <v>23858</v>
      </c>
      <c r="D7721" s="2">
        <v>160549</v>
      </c>
      <c r="E7721" s="1" t="s">
        <v>0</v>
      </c>
    </row>
    <row r="7722" spans="1:5" x14ac:dyDescent="0.25">
      <c r="A7722" s="2">
        <v>1544</v>
      </c>
      <c r="B7722" s="2">
        <v>1544</v>
      </c>
      <c r="C7722" s="1" t="s">
        <v>0</v>
      </c>
      <c r="D7722" s="2">
        <v>160550</v>
      </c>
      <c r="E7722" s="1" t="s">
        <v>0</v>
      </c>
    </row>
    <row r="7723" spans="1:5" x14ac:dyDescent="0.25">
      <c r="A7723" s="1" t="s">
        <v>1430</v>
      </c>
      <c r="B7723" s="1" t="s">
        <v>7219</v>
      </c>
      <c r="C7723" s="1" t="s">
        <v>23859</v>
      </c>
      <c r="D7723" s="2">
        <v>160551</v>
      </c>
      <c r="E7723" s="1" t="s">
        <v>0</v>
      </c>
    </row>
    <row r="7724" spans="1:5" x14ac:dyDescent="0.25">
      <c r="A7724" s="1" t="s">
        <v>23860</v>
      </c>
      <c r="B7724" s="1" t="s">
        <v>52757</v>
      </c>
      <c r="C7724" s="1" t="s">
        <v>23861</v>
      </c>
      <c r="D7724" s="2">
        <v>160552</v>
      </c>
      <c r="E7724" s="1" t="s">
        <v>0</v>
      </c>
    </row>
    <row r="7725" spans="1:5" ht="409.5" x14ac:dyDescent="0.25">
      <c r="A7725" s="4" t="s">
        <v>23862</v>
      </c>
      <c r="B7725" s="1" t="s">
        <v>52758</v>
      </c>
      <c r="C7725" s="1" t="s">
        <v>23863</v>
      </c>
      <c r="D7725" s="2">
        <v>160553</v>
      </c>
      <c r="E7725" s="1" t="s">
        <v>0</v>
      </c>
    </row>
    <row r="7726" spans="1:5" x14ac:dyDescent="0.25">
      <c r="A7726" s="1" t="s">
        <v>23864</v>
      </c>
      <c r="B7726" s="1" t="s">
        <v>52759</v>
      </c>
      <c r="C7726" s="1" t="s">
        <v>23865</v>
      </c>
      <c r="D7726" s="2">
        <v>160554</v>
      </c>
      <c r="E7726" s="1" t="s">
        <v>0</v>
      </c>
    </row>
    <row r="7727" spans="1:5" x14ac:dyDescent="0.25">
      <c r="A7727" s="2">
        <v>1545</v>
      </c>
      <c r="B7727" s="2">
        <v>1545</v>
      </c>
      <c r="C7727" s="1" t="s">
        <v>0</v>
      </c>
      <c r="D7727" s="2">
        <v>160555</v>
      </c>
      <c r="E7727" s="1" t="s">
        <v>0</v>
      </c>
    </row>
    <row r="7728" spans="1:5" x14ac:dyDescent="0.25">
      <c r="A7728" s="1" t="s">
        <v>7220</v>
      </c>
      <c r="B7728" s="1" t="s">
        <v>7221</v>
      </c>
      <c r="C7728" s="1" t="s">
        <v>23866</v>
      </c>
      <c r="D7728" s="2">
        <v>160556</v>
      </c>
      <c r="E7728" s="1" t="s">
        <v>0</v>
      </c>
    </row>
    <row r="7729" spans="1:5" x14ac:dyDescent="0.25">
      <c r="A7729" s="1" t="s">
        <v>23867</v>
      </c>
      <c r="B7729" s="1" t="s">
        <v>52760</v>
      </c>
      <c r="C7729" s="1" t="s">
        <v>23868</v>
      </c>
      <c r="D7729" s="2">
        <v>160557</v>
      </c>
      <c r="E7729" s="1" t="s">
        <v>0</v>
      </c>
    </row>
    <row r="7730" spans="1:5" ht="409.5" x14ac:dyDescent="0.25">
      <c r="A7730" s="4" t="s">
        <v>23869</v>
      </c>
      <c r="B7730" s="1" t="s">
        <v>52761</v>
      </c>
      <c r="C7730" s="1" t="s">
        <v>23870</v>
      </c>
      <c r="D7730" s="2">
        <v>160558</v>
      </c>
      <c r="E7730" s="1" t="s">
        <v>0</v>
      </c>
    </row>
    <row r="7731" spans="1:5" x14ac:dyDescent="0.25">
      <c r="A7731" s="1" t="s">
        <v>23871</v>
      </c>
      <c r="B7731" s="1" t="s">
        <v>52762</v>
      </c>
      <c r="C7731" s="1" t="s">
        <v>23872</v>
      </c>
      <c r="D7731" s="2">
        <v>160559</v>
      </c>
      <c r="E7731" s="1" t="s">
        <v>0</v>
      </c>
    </row>
    <row r="7732" spans="1:5" x14ac:dyDescent="0.25">
      <c r="A7732" s="2">
        <v>1546</v>
      </c>
      <c r="B7732" s="2">
        <v>1546</v>
      </c>
      <c r="C7732" s="1" t="s">
        <v>0</v>
      </c>
      <c r="D7732" s="2">
        <v>160560</v>
      </c>
      <c r="E7732" s="1" t="s">
        <v>0</v>
      </c>
    </row>
    <row r="7733" spans="1:5" x14ac:dyDescent="0.25">
      <c r="A7733" s="1" t="s">
        <v>1431</v>
      </c>
      <c r="B7733" s="1" t="s">
        <v>7222</v>
      </c>
      <c r="C7733" s="1" t="s">
        <v>23873</v>
      </c>
      <c r="D7733" s="2">
        <v>160561</v>
      </c>
      <c r="E7733" s="1" t="s">
        <v>0</v>
      </c>
    </row>
    <row r="7734" spans="1:5" x14ac:dyDescent="0.25">
      <c r="A7734" s="1" t="s">
        <v>23874</v>
      </c>
      <c r="B7734" s="1" t="s">
        <v>7223</v>
      </c>
      <c r="C7734" s="1" t="s">
        <v>23875</v>
      </c>
      <c r="D7734" s="2">
        <v>160562</v>
      </c>
      <c r="E7734" s="1" t="s">
        <v>0</v>
      </c>
    </row>
    <row r="7735" spans="1:5" ht="409.5" x14ac:dyDescent="0.25">
      <c r="A7735" s="4" t="s">
        <v>23876</v>
      </c>
      <c r="B7735" s="1" t="s">
        <v>7224</v>
      </c>
      <c r="C7735" s="1" t="s">
        <v>23877</v>
      </c>
      <c r="D7735" s="2">
        <v>160563</v>
      </c>
      <c r="E7735" s="1" t="s">
        <v>0</v>
      </c>
    </row>
    <row r="7736" spans="1:5" x14ac:dyDescent="0.25">
      <c r="A7736" s="1" t="s">
        <v>23878</v>
      </c>
      <c r="B7736" s="1" t="s">
        <v>7225</v>
      </c>
      <c r="C7736" s="1" t="s">
        <v>23879</v>
      </c>
      <c r="D7736" s="2">
        <v>160564</v>
      </c>
      <c r="E7736" s="1" t="s">
        <v>0</v>
      </c>
    </row>
    <row r="7737" spans="1:5" x14ac:dyDescent="0.25">
      <c r="A7737" s="2">
        <v>1547</v>
      </c>
      <c r="B7737" s="2">
        <v>1547</v>
      </c>
      <c r="C7737" s="1" t="s">
        <v>0</v>
      </c>
      <c r="D7737" s="2">
        <v>160565</v>
      </c>
      <c r="E7737" s="1" t="s">
        <v>0</v>
      </c>
    </row>
    <row r="7738" spans="1:5" x14ac:dyDescent="0.25">
      <c r="A7738" s="1" t="s">
        <v>1432</v>
      </c>
      <c r="B7738" s="1" t="s">
        <v>7226</v>
      </c>
      <c r="C7738" s="1" t="s">
        <v>23880</v>
      </c>
      <c r="D7738" s="2">
        <v>160566</v>
      </c>
      <c r="E7738" s="1" t="s">
        <v>0</v>
      </c>
    </row>
    <row r="7739" spans="1:5" x14ac:dyDescent="0.25">
      <c r="A7739" s="1" t="s">
        <v>23881</v>
      </c>
      <c r="B7739" s="1" t="s">
        <v>7227</v>
      </c>
      <c r="C7739" s="1" t="s">
        <v>23882</v>
      </c>
      <c r="D7739" s="2">
        <v>160567</v>
      </c>
      <c r="E7739" s="1" t="s">
        <v>0</v>
      </c>
    </row>
    <row r="7740" spans="1:5" ht="409.5" x14ac:dyDescent="0.25">
      <c r="A7740" s="4" t="s">
        <v>23883</v>
      </c>
      <c r="B7740" s="1" t="s">
        <v>7228</v>
      </c>
      <c r="C7740" s="1" t="s">
        <v>23884</v>
      </c>
      <c r="D7740" s="2">
        <v>160568</v>
      </c>
      <c r="E7740" s="1" t="s">
        <v>0</v>
      </c>
    </row>
    <row r="7741" spans="1:5" x14ac:dyDescent="0.25">
      <c r="A7741" s="1" t="s">
        <v>23885</v>
      </c>
      <c r="B7741" s="1" t="s">
        <v>61036</v>
      </c>
      <c r="C7741" s="1" t="s">
        <v>23886</v>
      </c>
      <c r="D7741" s="2">
        <v>160569</v>
      </c>
      <c r="E7741" s="1" t="s">
        <v>0</v>
      </c>
    </row>
    <row r="7742" spans="1:5" x14ac:dyDescent="0.25">
      <c r="A7742" s="2">
        <v>1548</v>
      </c>
      <c r="B7742" s="2">
        <v>1548</v>
      </c>
      <c r="C7742" s="1" t="s">
        <v>0</v>
      </c>
      <c r="D7742" s="2">
        <v>160570</v>
      </c>
      <c r="E7742" s="1" t="s">
        <v>0</v>
      </c>
    </row>
    <row r="7743" spans="1:5" x14ac:dyDescent="0.25">
      <c r="A7743" s="1" t="s">
        <v>1433</v>
      </c>
      <c r="B7743" s="1" t="s">
        <v>7229</v>
      </c>
      <c r="C7743" s="1" t="s">
        <v>23887</v>
      </c>
      <c r="D7743" s="2">
        <v>160571</v>
      </c>
      <c r="E7743" s="1" t="s">
        <v>0</v>
      </c>
    </row>
    <row r="7744" spans="1:5" x14ac:dyDescent="0.25">
      <c r="A7744" s="1" t="s">
        <v>23888</v>
      </c>
      <c r="B7744" s="1" t="s">
        <v>7230</v>
      </c>
      <c r="C7744" s="1" t="s">
        <v>23889</v>
      </c>
      <c r="D7744" s="2">
        <v>160572</v>
      </c>
      <c r="E7744" s="1" t="s">
        <v>0</v>
      </c>
    </row>
    <row r="7745" spans="1:5" ht="409.5" x14ac:dyDescent="0.25">
      <c r="A7745" s="4" t="s">
        <v>23890</v>
      </c>
      <c r="B7745" s="1" t="s">
        <v>7231</v>
      </c>
      <c r="C7745" s="1" t="s">
        <v>23891</v>
      </c>
      <c r="D7745" s="2">
        <v>160573</v>
      </c>
      <c r="E7745" s="1" t="s">
        <v>0</v>
      </c>
    </row>
    <row r="7746" spans="1:5" x14ac:dyDescent="0.25">
      <c r="A7746" s="1" t="s">
        <v>23892</v>
      </c>
      <c r="B7746" s="1" t="s">
        <v>52763</v>
      </c>
      <c r="C7746" s="1" t="s">
        <v>23893</v>
      </c>
      <c r="D7746" s="2">
        <v>160574</v>
      </c>
      <c r="E7746" s="1" t="s">
        <v>0</v>
      </c>
    </row>
    <row r="7747" spans="1:5" x14ac:dyDescent="0.25">
      <c r="A7747" s="2">
        <v>1549</v>
      </c>
      <c r="B7747" s="2">
        <v>1549</v>
      </c>
      <c r="C7747" s="1" t="s">
        <v>0</v>
      </c>
      <c r="D7747" s="2">
        <v>160575</v>
      </c>
      <c r="E7747" s="1" t="s">
        <v>0</v>
      </c>
    </row>
    <row r="7748" spans="1:5" x14ac:dyDescent="0.25">
      <c r="A7748" s="1" t="s">
        <v>1434</v>
      </c>
      <c r="B7748" s="1" t="s">
        <v>7232</v>
      </c>
      <c r="C7748" s="1" t="s">
        <v>23894</v>
      </c>
      <c r="D7748" s="2">
        <v>160576</v>
      </c>
      <c r="E7748" s="1" t="s">
        <v>0</v>
      </c>
    </row>
    <row r="7749" spans="1:5" x14ac:dyDescent="0.25">
      <c r="A7749" s="1" t="s">
        <v>23895</v>
      </c>
      <c r="B7749" s="1" t="s">
        <v>58909</v>
      </c>
      <c r="C7749" s="1" t="s">
        <v>23896</v>
      </c>
      <c r="D7749" s="2">
        <v>160577</v>
      </c>
      <c r="E7749" s="1" t="s">
        <v>0</v>
      </c>
    </row>
    <row r="7750" spans="1:5" ht="409.5" x14ac:dyDescent="0.25">
      <c r="A7750" s="4" t="s">
        <v>64089</v>
      </c>
      <c r="B7750" s="1" t="s">
        <v>58910</v>
      </c>
      <c r="C7750" s="1" t="s">
        <v>23897</v>
      </c>
      <c r="D7750" s="2">
        <v>160578</v>
      </c>
      <c r="E7750" s="1" t="s">
        <v>0</v>
      </c>
    </row>
    <row r="7751" spans="1:5" x14ac:dyDescent="0.25">
      <c r="A7751" s="1" t="s">
        <v>23898</v>
      </c>
      <c r="B7751" s="1" t="s">
        <v>7233</v>
      </c>
      <c r="C7751" s="1" t="s">
        <v>23899</v>
      </c>
      <c r="D7751" s="2">
        <v>160579</v>
      </c>
      <c r="E7751" s="1" t="s">
        <v>0</v>
      </c>
    </row>
    <row r="7752" spans="1:5" x14ac:dyDescent="0.25">
      <c r="A7752" s="2">
        <v>1550</v>
      </c>
      <c r="B7752" s="2">
        <v>1550</v>
      </c>
      <c r="C7752" s="1" t="s">
        <v>0</v>
      </c>
      <c r="D7752" s="2">
        <v>160580</v>
      </c>
      <c r="E7752" s="1" t="s">
        <v>0</v>
      </c>
    </row>
    <row r="7753" spans="1:5" x14ac:dyDescent="0.25">
      <c r="A7753" s="1" t="s">
        <v>1435</v>
      </c>
      <c r="B7753" s="1" t="s">
        <v>52764</v>
      </c>
      <c r="C7753" s="1" t="s">
        <v>23900</v>
      </c>
      <c r="D7753" s="2">
        <v>160581</v>
      </c>
      <c r="E7753" s="1" t="s">
        <v>0</v>
      </c>
    </row>
    <row r="7754" spans="1:5" x14ac:dyDescent="0.25">
      <c r="A7754" s="1" t="s">
        <v>23901</v>
      </c>
      <c r="B7754" s="1" t="s">
        <v>61037</v>
      </c>
      <c r="C7754" s="1" t="s">
        <v>23902</v>
      </c>
      <c r="D7754" s="2">
        <v>160582</v>
      </c>
      <c r="E7754" s="1" t="s">
        <v>0</v>
      </c>
    </row>
    <row r="7755" spans="1:5" ht="409.5" x14ac:dyDescent="0.25">
      <c r="A7755" s="4" t="s">
        <v>23903</v>
      </c>
      <c r="B7755" s="1" t="s">
        <v>61038</v>
      </c>
      <c r="C7755" s="1" t="s">
        <v>23904</v>
      </c>
      <c r="D7755" s="2">
        <v>160583</v>
      </c>
      <c r="E7755" s="1" t="s">
        <v>0</v>
      </c>
    </row>
    <row r="7756" spans="1:5" x14ac:dyDescent="0.25">
      <c r="A7756" s="1" t="s">
        <v>23905</v>
      </c>
      <c r="B7756" s="1" t="s">
        <v>61039</v>
      </c>
      <c r="C7756" s="1" t="s">
        <v>23906</v>
      </c>
      <c r="D7756" s="2">
        <v>160584</v>
      </c>
      <c r="E7756" s="1" t="s">
        <v>0</v>
      </c>
    </row>
    <row r="7757" spans="1:5" x14ac:dyDescent="0.25">
      <c r="A7757" s="2">
        <v>1551</v>
      </c>
      <c r="B7757" s="2">
        <v>1551</v>
      </c>
      <c r="C7757" s="1" t="s">
        <v>0</v>
      </c>
      <c r="D7757" s="2">
        <v>160585</v>
      </c>
      <c r="E7757" s="1" t="s">
        <v>0</v>
      </c>
    </row>
    <row r="7758" spans="1:5" x14ac:dyDescent="0.25">
      <c r="A7758" s="1" t="s">
        <v>1436</v>
      </c>
      <c r="B7758" s="1" t="s">
        <v>7234</v>
      </c>
      <c r="C7758" s="1" t="s">
        <v>23907</v>
      </c>
      <c r="D7758" s="2">
        <v>160586</v>
      </c>
      <c r="E7758" s="1" t="s">
        <v>0</v>
      </c>
    </row>
    <row r="7759" spans="1:5" x14ac:dyDescent="0.25">
      <c r="A7759" s="1" t="s">
        <v>23908</v>
      </c>
      <c r="B7759" s="1" t="s">
        <v>7235</v>
      </c>
      <c r="C7759" s="1" t="s">
        <v>23909</v>
      </c>
      <c r="D7759" s="2">
        <v>160587</v>
      </c>
      <c r="E7759" s="1" t="s">
        <v>0</v>
      </c>
    </row>
    <row r="7760" spans="1:5" ht="409.5" x14ac:dyDescent="0.25">
      <c r="A7760" s="4" t="s">
        <v>23910</v>
      </c>
      <c r="B7760" s="1" t="s">
        <v>61040</v>
      </c>
      <c r="C7760" s="1" t="s">
        <v>23911</v>
      </c>
      <c r="D7760" s="2">
        <v>160588</v>
      </c>
      <c r="E7760" s="1" t="s">
        <v>0</v>
      </c>
    </row>
    <row r="7761" spans="1:5" x14ac:dyDescent="0.25">
      <c r="A7761" s="1" t="s">
        <v>23912</v>
      </c>
      <c r="B7761" s="1" t="s">
        <v>52765</v>
      </c>
      <c r="C7761" s="1" t="s">
        <v>23913</v>
      </c>
      <c r="D7761" s="2">
        <v>160589</v>
      </c>
      <c r="E7761" s="1" t="s">
        <v>0</v>
      </c>
    </row>
    <row r="7762" spans="1:5" x14ac:dyDescent="0.25">
      <c r="A7762" s="2">
        <v>1552</v>
      </c>
      <c r="B7762" s="2">
        <v>1552</v>
      </c>
      <c r="C7762" s="1" t="s">
        <v>0</v>
      </c>
      <c r="D7762" s="2">
        <v>160590</v>
      </c>
      <c r="E7762" s="1" t="s">
        <v>0</v>
      </c>
    </row>
    <row r="7763" spans="1:5" x14ac:dyDescent="0.25">
      <c r="A7763" s="1" t="s">
        <v>7236</v>
      </c>
      <c r="B7763" s="1" t="s">
        <v>59901</v>
      </c>
      <c r="C7763" s="1" t="s">
        <v>23914</v>
      </c>
      <c r="D7763" s="2">
        <v>160591</v>
      </c>
      <c r="E7763" s="1" t="s">
        <v>0</v>
      </c>
    </row>
    <row r="7764" spans="1:5" x14ac:dyDescent="0.25">
      <c r="A7764" s="1" t="s">
        <v>23915</v>
      </c>
      <c r="B7764" s="1" t="s">
        <v>59902</v>
      </c>
      <c r="C7764" s="1" t="s">
        <v>23916</v>
      </c>
      <c r="D7764" s="2">
        <v>160592</v>
      </c>
      <c r="E7764" s="1" t="s">
        <v>0</v>
      </c>
    </row>
    <row r="7765" spans="1:5" ht="409.5" x14ac:dyDescent="0.25">
      <c r="A7765" s="4" t="s">
        <v>23917</v>
      </c>
      <c r="B7765" s="1" t="s">
        <v>59903</v>
      </c>
      <c r="C7765" s="1" t="s">
        <v>23918</v>
      </c>
      <c r="D7765" s="2">
        <v>160593</v>
      </c>
      <c r="E7765" s="1" t="s">
        <v>0</v>
      </c>
    </row>
    <row r="7766" spans="1:5" x14ac:dyDescent="0.25">
      <c r="A7766" s="1" t="s">
        <v>23919</v>
      </c>
      <c r="B7766" s="1" t="s">
        <v>59904</v>
      </c>
      <c r="C7766" s="1" t="s">
        <v>23920</v>
      </c>
      <c r="D7766" s="2">
        <v>160594</v>
      </c>
      <c r="E7766" s="1" t="s">
        <v>0</v>
      </c>
    </row>
    <row r="7767" spans="1:5" x14ac:dyDescent="0.25">
      <c r="A7767" s="2">
        <v>1553</v>
      </c>
      <c r="B7767" s="2">
        <v>1553</v>
      </c>
      <c r="C7767" s="1" t="s">
        <v>0</v>
      </c>
      <c r="D7767" s="2">
        <v>160595</v>
      </c>
      <c r="E7767" s="1" t="s">
        <v>0</v>
      </c>
    </row>
    <row r="7768" spans="1:5" x14ac:dyDescent="0.25">
      <c r="A7768" s="1" t="s">
        <v>1437</v>
      </c>
      <c r="B7768" s="1" t="s">
        <v>7237</v>
      </c>
      <c r="C7768" s="1" t="s">
        <v>23921</v>
      </c>
      <c r="D7768" s="2">
        <v>160596</v>
      </c>
      <c r="E7768" s="1" t="s">
        <v>0</v>
      </c>
    </row>
    <row r="7769" spans="1:5" x14ac:dyDescent="0.25">
      <c r="A7769" s="1" t="s">
        <v>23922</v>
      </c>
      <c r="B7769" s="1" t="s">
        <v>52766</v>
      </c>
      <c r="C7769" s="1" t="s">
        <v>23923</v>
      </c>
      <c r="D7769" s="2">
        <v>160597</v>
      </c>
      <c r="E7769" s="1" t="s">
        <v>0</v>
      </c>
    </row>
    <row r="7770" spans="1:5" ht="409.5" x14ac:dyDescent="0.25">
      <c r="A7770" s="4" t="s">
        <v>64090</v>
      </c>
      <c r="B7770" s="1" t="s">
        <v>52767</v>
      </c>
      <c r="C7770" s="1" t="s">
        <v>23924</v>
      </c>
      <c r="D7770" s="2">
        <v>160598</v>
      </c>
      <c r="E7770" s="1" t="s">
        <v>0</v>
      </c>
    </row>
    <row r="7771" spans="1:5" x14ac:dyDescent="0.25">
      <c r="A7771" s="1" t="s">
        <v>23925</v>
      </c>
      <c r="B7771" s="1" t="s">
        <v>7238</v>
      </c>
      <c r="C7771" s="1" t="s">
        <v>23926</v>
      </c>
      <c r="D7771" s="2">
        <v>160599</v>
      </c>
      <c r="E7771" s="1" t="s">
        <v>0</v>
      </c>
    </row>
    <row r="7772" spans="1:5" x14ac:dyDescent="0.25">
      <c r="A7772" s="2">
        <v>1554</v>
      </c>
      <c r="B7772" s="2">
        <v>1554</v>
      </c>
      <c r="C7772" s="1" t="s">
        <v>0</v>
      </c>
      <c r="D7772" s="2">
        <v>160600</v>
      </c>
      <c r="E7772" s="1" t="s">
        <v>0</v>
      </c>
    </row>
    <row r="7773" spans="1:5" x14ac:dyDescent="0.25">
      <c r="A7773" s="1" t="s">
        <v>1438</v>
      </c>
      <c r="B7773" s="1" t="s">
        <v>7239</v>
      </c>
      <c r="C7773" s="1" t="s">
        <v>23927</v>
      </c>
      <c r="D7773" s="2">
        <v>160601</v>
      </c>
      <c r="E7773" s="1" t="s">
        <v>0</v>
      </c>
    </row>
    <row r="7774" spans="1:5" x14ac:dyDescent="0.25">
      <c r="A7774" s="1" t="s">
        <v>23928</v>
      </c>
      <c r="B7774" s="1" t="s">
        <v>62276</v>
      </c>
      <c r="C7774" s="1" t="s">
        <v>23929</v>
      </c>
      <c r="D7774" s="2">
        <v>160602</v>
      </c>
      <c r="E7774" s="1" t="s">
        <v>0</v>
      </c>
    </row>
    <row r="7775" spans="1:5" ht="409.5" x14ac:dyDescent="0.25">
      <c r="A7775" s="4" t="s">
        <v>23930</v>
      </c>
      <c r="B7775" s="1" t="s">
        <v>62277</v>
      </c>
      <c r="C7775" s="1" t="s">
        <v>23931</v>
      </c>
      <c r="D7775" s="2">
        <v>160603</v>
      </c>
      <c r="E7775" s="1" t="s">
        <v>0</v>
      </c>
    </row>
    <row r="7776" spans="1:5" x14ac:dyDescent="0.25">
      <c r="A7776" s="1" t="s">
        <v>15303</v>
      </c>
      <c r="B7776" s="1" t="s">
        <v>60888</v>
      </c>
      <c r="C7776" s="1" t="s">
        <v>15304</v>
      </c>
      <c r="D7776" s="2">
        <v>160604</v>
      </c>
      <c r="E7776" s="1" t="s">
        <v>0</v>
      </c>
    </row>
    <row r="7777" spans="1:5" x14ac:dyDescent="0.25">
      <c r="A7777" s="2">
        <v>1555</v>
      </c>
      <c r="B7777" s="2">
        <v>1555</v>
      </c>
      <c r="C7777" s="1" t="s">
        <v>0</v>
      </c>
      <c r="D7777" s="2">
        <v>160605</v>
      </c>
      <c r="E7777" s="1" t="s">
        <v>0</v>
      </c>
    </row>
    <row r="7778" spans="1:5" x14ac:dyDescent="0.25">
      <c r="A7778" s="1" t="s">
        <v>7240</v>
      </c>
      <c r="B7778" s="1" t="s">
        <v>7241</v>
      </c>
      <c r="C7778" s="1" t="s">
        <v>23932</v>
      </c>
      <c r="D7778" s="2">
        <v>160606</v>
      </c>
      <c r="E7778" s="1" t="s">
        <v>0</v>
      </c>
    </row>
    <row r="7779" spans="1:5" x14ac:dyDescent="0.25">
      <c r="A7779" s="1" t="s">
        <v>23933</v>
      </c>
      <c r="B7779" s="1" t="s">
        <v>13056</v>
      </c>
      <c r="C7779" s="1" t="s">
        <v>23934</v>
      </c>
      <c r="D7779" s="2">
        <v>160607</v>
      </c>
      <c r="E7779" s="1" t="s">
        <v>0</v>
      </c>
    </row>
    <row r="7780" spans="1:5" ht="409.5" x14ac:dyDescent="0.25">
      <c r="A7780" s="4" t="s">
        <v>23935</v>
      </c>
      <c r="B7780" s="1" t="s">
        <v>13057</v>
      </c>
      <c r="C7780" s="1" t="s">
        <v>23936</v>
      </c>
      <c r="D7780" s="2">
        <v>160608</v>
      </c>
      <c r="E7780" s="1" t="s">
        <v>0</v>
      </c>
    </row>
    <row r="7781" spans="1:5" x14ac:dyDescent="0.25">
      <c r="A7781" s="1" t="s">
        <v>23937</v>
      </c>
      <c r="B7781" s="1" t="s">
        <v>7242</v>
      </c>
      <c r="C7781" s="1" t="s">
        <v>23938</v>
      </c>
      <c r="D7781" s="2">
        <v>160609</v>
      </c>
      <c r="E7781" s="1" t="s">
        <v>0</v>
      </c>
    </row>
    <row r="7782" spans="1:5" x14ac:dyDescent="0.25">
      <c r="A7782" s="2">
        <v>1556</v>
      </c>
      <c r="B7782" s="2">
        <v>1556</v>
      </c>
      <c r="C7782" s="1" t="s">
        <v>0</v>
      </c>
      <c r="D7782" s="2">
        <v>160610</v>
      </c>
      <c r="E7782" s="1" t="s">
        <v>0</v>
      </c>
    </row>
    <row r="7783" spans="1:5" x14ac:dyDescent="0.25">
      <c r="A7783" s="1" t="s">
        <v>1439</v>
      </c>
      <c r="B7783" s="1" t="s">
        <v>7243</v>
      </c>
      <c r="C7783" s="1" t="s">
        <v>23939</v>
      </c>
      <c r="D7783" s="2">
        <v>160611</v>
      </c>
      <c r="E7783" s="1" t="s">
        <v>0</v>
      </c>
    </row>
    <row r="7784" spans="1:5" x14ac:dyDescent="0.25">
      <c r="A7784" s="1" t="s">
        <v>23940</v>
      </c>
      <c r="B7784" s="1" t="s">
        <v>56736</v>
      </c>
      <c r="C7784" s="1" t="s">
        <v>23941</v>
      </c>
      <c r="D7784" s="2">
        <v>160612</v>
      </c>
      <c r="E7784" s="1" t="s">
        <v>0</v>
      </c>
    </row>
    <row r="7785" spans="1:5" ht="409.5" x14ac:dyDescent="0.25">
      <c r="A7785" s="4" t="s">
        <v>23942</v>
      </c>
      <c r="B7785" s="1" t="s">
        <v>56737</v>
      </c>
      <c r="C7785" s="1" t="s">
        <v>23943</v>
      </c>
      <c r="D7785" s="2">
        <v>160613</v>
      </c>
      <c r="E7785" s="1" t="s">
        <v>0</v>
      </c>
    </row>
    <row r="7786" spans="1:5" x14ac:dyDescent="0.25">
      <c r="A7786" s="1" t="s">
        <v>23944</v>
      </c>
      <c r="B7786" s="1" t="s">
        <v>52768</v>
      </c>
      <c r="C7786" s="1" t="s">
        <v>23945</v>
      </c>
      <c r="D7786" s="2">
        <v>160614</v>
      </c>
      <c r="E7786" s="1" t="s">
        <v>0</v>
      </c>
    </row>
    <row r="7787" spans="1:5" x14ac:dyDescent="0.25">
      <c r="A7787" s="2">
        <v>1557</v>
      </c>
      <c r="B7787" s="2">
        <v>1557</v>
      </c>
      <c r="C7787" s="1" t="s">
        <v>0</v>
      </c>
      <c r="D7787" s="2">
        <v>160615</v>
      </c>
      <c r="E7787" s="1" t="s">
        <v>0</v>
      </c>
    </row>
    <row r="7788" spans="1:5" x14ac:dyDescent="0.25">
      <c r="A7788" s="1" t="s">
        <v>1440</v>
      </c>
      <c r="B7788" s="1" t="s">
        <v>7244</v>
      </c>
      <c r="C7788" s="1" t="s">
        <v>23946</v>
      </c>
      <c r="D7788" s="2">
        <v>160616</v>
      </c>
      <c r="E7788" s="1" t="s">
        <v>0</v>
      </c>
    </row>
    <row r="7789" spans="1:5" x14ac:dyDescent="0.25">
      <c r="A7789" s="1" t="s">
        <v>23947</v>
      </c>
      <c r="B7789" s="1" t="s">
        <v>52769</v>
      </c>
      <c r="C7789" s="1" t="s">
        <v>23948</v>
      </c>
      <c r="D7789" s="2">
        <v>160617</v>
      </c>
      <c r="E7789" s="1" t="s">
        <v>0</v>
      </c>
    </row>
    <row r="7790" spans="1:5" ht="409.5" x14ac:dyDescent="0.25">
      <c r="A7790" s="4" t="s">
        <v>23949</v>
      </c>
      <c r="B7790" s="1" t="s">
        <v>52770</v>
      </c>
      <c r="C7790" s="1" t="s">
        <v>23950</v>
      </c>
      <c r="D7790" s="2">
        <v>160618</v>
      </c>
      <c r="E7790" s="1" t="s">
        <v>0</v>
      </c>
    </row>
    <row r="7791" spans="1:5" x14ac:dyDescent="0.25">
      <c r="A7791" s="1" t="s">
        <v>23951</v>
      </c>
      <c r="B7791" s="1" t="s">
        <v>52771</v>
      </c>
      <c r="C7791" s="1" t="s">
        <v>23952</v>
      </c>
      <c r="D7791" s="2">
        <v>160619</v>
      </c>
      <c r="E7791" s="1" t="s">
        <v>0</v>
      </c>
    </row>
    <row r="7792" spans="1:5" x14ac:dyDescent="0.25">
      <c r="A7792" s="2">
        <v>1558</v>
      </c>
      <c r="B7792" s="2">
        <v>1558</v>
      </c>
      <c r="C7792" s="1" t="s">
        <v>0</v>
      </c>
      <c r="D7792" s="2">
        <v>160620</v>
      </c>
      <c r="E7792" s="1" t="s">
        <v>0</v>
      </c>
    </row>
    <row r="7793" spans="1:5" x14ac:dyDescent="0.25">
      <c r="A7793" s="1" t="s">
        <v>1441</v>
      </c>
      <c r="B7793" s="1" t="s">
        <v>57463</v>
      </c>
      <c r="C7793" s="1" t="s">
        <v>23953</v>
      </c>
      <c r="D7793" s="2">
        <v>160621</v>
      </c>
      <c r="E7793" s="1" t="s">
        <v>0</v>
      </c>
    </row>
    <row r="7794" spans="1:5" x14ac:dyDescent="0.25">
      <c r="A7794" s="1" t="s">
        <v>23954</v>
      </c>
      <c r="B7794" s="1" t="s">
        <v>52772</v>
      </c>
      <c r="C7794" s="1" t="s">
        <v>23955</v>
      </c>
      <c r="D7794" s="2">
        <v>160622</v>
      </c>
      <c r="E7794" s="1" t="s">
        <v>0</v>
      </c>
    </row>
    <row r="7795" spans="1:5" ht="409.5" x14ac:dyDescent="0.25">
      <c r="A7795" s="4" t="s">
        <v>23956</v>
      </c>
      <c r="B7795" s="1" t="s">
        <v>58294</v>
      </c>
      <c r="C7795" s="1" t="s">
        <v>23957</v>
      </c>
      <c r="D7795" s="2">
        <v>160623</v>
      </c>
      <c r="E7795" s="1" t="s">
        <v>0</v>
      </c>
    </row>
    <row r="7796" spans="1:5" x14ac:dyDescent="0.25">
      <c r="A7796" s="1" t="s">
        <v>23958</v>
      </c>
      <c r="B7796" s="1" t="s">
        <v>61041</v>
      </c>
      <c r="C7796" s="1" t="s">
        <v>18409</v>
      </c>
      <c r="D7796" s="2">
        <v>160624</v>
      </c>
      <c r="E7796" s="1" t="s">
        <v>0</v>
      </c>
    </row>
    <row r="7797" spans="1:5" x14ac:dyDescent="0.25">
      <c r="A7797" s="2">
        <v>1559</v>
      </c>
      <c r="B7797" s="2">
        <v>1559</v>
      </c>
      <c r="C7797" s="1" t="s">
        <v>0</v>
      </c>
      <c r="D7797" s="2">
        <v>160625</v>
      </c>
      <c r="E7797" s="1" t="s">
        <v>0</v>
      </c>
    </row>
    <row r="7798" spans="1:5" x14ac:dyDescent="0.25">
      <c r="A7798" s="1" t="s">
        <v>1442</v>
      </c>
      <c r="B7798" s="1" t="s">
        <v>7245</v>
      </c>
      <c r="C7798" s="1" t="s">
        <v>23959</v>
      </c>
      <c r="D7798" s="2">
        <v>160626</v>
      </c>
      <c r="E7798" s="1" t="s">
        <v>0</v>
      </c>
    </row>
    <row r="7799" spans="1:5" x14ac:dyDescent="0.25">
      <c r="A7799" s="1" t="s">
        <v>23960</v>
      </c>
      <c r="B7799" s="1" t="s">
        <v>52773</v>
      </c>
      <c r="C7799" s="1" t="s">
        <v>23961</v>
      </c>
      <c r="D7799" s="2">
        <v>160627</v>
      </c>
      <c r="E7799" s="1" t="s">
        <v>0</v>
      </c>
    </row>
    <row r="7800" spans="1:5" ht="409.5" x14ac:dyDescent="0.25">
      <c r="A7800" s="4" t="s">
        <v>23962</v>
      </c>
      <c r="B7800" s="1" t="s">
        <v>52774</v>
      </c>
      <c r="C7800" s="1" t="s">
        <v>23963</v>
      </c>
      <c r="D7800" s="2">
        <v>160628</v>
      </c>
      <c r="E7800" s="1" t="s">
        <v>0</v>
      </c>
    </row>
    <row r="7801" spans="1:5" x14ac:dyDescent="0.25">
      <c r="A7801" s="1" t="s">
        <v>23964</v>
      </c>
      <c r="B7801" s="1" t="s">
        <v>52775</v>
      </c>
      <c r="C7801" s="1" t="s">
        <v>23965</v>
      </c>
      <c r="D7801" s="2">
        <v>160629</v>
      </c>
      <c r="E7801" s="1" t="s">
        <v>0</v>
      </c>
    </row>
    <row r="7802" spans="1:5" x14ac:dyDescent="0.25">
      <c r="A7802" s="2">
        <v>1560</v>
      </c>
      <c r="B7802" s="2">
        <v>1560</v>
      </c>
      <c r="C7802" s="1" t="s">
        <v>0</v>
      </c>
      <c r="D7802" s="2">
        <v>160630</v>
      </c>
      <c r="E7802" s="1" t="s">
        <v>0</v>
      </c>
    </row>
    <row r="7803" spans="1:5" x14ac:dyDescent="0.25">
      <c r="A7803" s="1" t="s">
        <v>1443</v>
      </c>
      <c r="B7803" s="1" t="s">
        <v>7246</v>
      </c>
      <c r="C7803" s="1" t="s">
        <v>23966</v>
      </c>
      <c r="D7803" s="2">
        <v>160631</v>
      </c>
      <c r="E7803" s="1" t="s">
        <v>0</v>
      </c>
    </row>
    <row r="7804" spans="1:5" x14ac:dyDescent="0.25">
      <c r="A7804" s="1" t="s">
        <v>23967</v>
      </c>
      <c r="B7804" s="1" t="s">
        <v>7247</v>
      </c>
      <c r="C7804" s="1" t="s">
        <v>23968</v>
      </c>
      <c r="D7804" s="2">
        <v>160632</v>
      </c>
      <c r="E7804" s="1" t="s">
        <v>0</v>
      </c>
    </row>
    <row r="7805" spans="1:5" ht="409.5" x14ac:dyDescent="0.25">
      <c r="A7805" s="4" t="s">
        <v>23969</v>
      </c>
      <c r="B7805" s="1" t="s">
        <v>7248</v>
      </c>
      <c r="C7805" s="1" t="s">
        <v>23970</v>
      </c>
      <c r="D7805" s="2">
        <v>160633</v>
      </c>
      <c r="E7805" s="1" t="s">
        <v>0</v>
      </c>
    </row>
    <row r="7806" spans="1:5" x14ac:dyDescent="0.25">
      <c r="A7806" s="1" t="s">
        <v>23971</v>
      </c>
      <c r="B7806" s="1" t="s">
        <v>52776</v>
      </c>
      <c r="C7806" s="1" t="s">
        <v>23972</v>
      </c>
      <c r="D7806" s="2">
        <v>160634</v>
      </c>
      <c r="E7806" s="1" t="s">
        <v>0</v>
      </c>
    </row>
    <row r="7807" spans="1:5" x14ac:dyDescent="0.25">
      <c r="A7807" s="2">
        <v>1561</v>
      </c>
      <c r="B7807" s="2">
        <v>1561</v>
      </c>
      <c r="C7807" s="1" t="s">
        <v>0</v>
      </c>
      <c r="D7807" s="2">
        <v>160635</v>
      </c>
      <c r="E7807" s="1" t="s">
        <v>0</v>
      </c>
    </row>
    <row r="7808" spans="1:5" x14ac:dyDescent="0.25">
      <c r="A7808" s="1" t="s">
        <v>1444</v>
      </c>
      <c r="B7808" s="1" t="s">
        <v>7249</v>
      </c>
      <c r="C7808" s="1" t="s">
        <v>23973</v>
      </c>
      <c r="D7808" s="2">
        <v>160636</v>
      </c>
      <c r="E7808" s="1" t="s">
        <v>0</v>
      </c>
    </row>
    <row r="7809" spans="1:5" x14ac:dyDescent="0.25">
      <c r="A7809" s="1" t="s">
        <v>23974</v>
      </c>
      <c r="B7809" s="1" t="s">
        <v>57795</v>
      </c>
      <c r="C7809" s="1" t="s">
        <v>23975</v>
      </c>
      <c r="D7809" s="2">
        <v>160637</v>
      </c>
      <c r="E7809" s="1" t="s">
        <v>0</v>
      </c>
    </row>
    <row r="7810" spans="1:5" ht="409.5" x14ac:dyDescent="0.25">
      <c r="A7810" s="4" t="s">
        <v>23976</v>
      </c>
      <c r="B7810" s="1" t="s">
        <v>57796</v>
      </c>
      <c r="C7810" s="1" t="s">
        <v>23977</v>
      </c>
      <c r="D7810" s="2">
        <v>160638</v>
      </c>
      <c r="E7810" s="1" t="s">
        <v>0</v>
      </c>
    </row>
    <row r="7811" spans="1:5" x14ac:dyDescent="0.25">
      <c r="A7811" s="1" t="s">
        <v>23978</v>
      </c>
      <c r="B7811" s="1" t="s">
        <v>52777</v>
      </c>
      <c r="C7811" s="1" t="s">
        <v>23979</v>
      </c>
      <c r="D7811" s="2">
        <v>160639</v>
      </c>
      <c r="E7811" s="1" t="s">
        <v>0</v>
      </c>
    </row>
    <row r="7812" spans="1:5" x14ac:dyDescent="0.25">
      <c r="A7812" s="2">
        <v>1562</v>
      </c>
      <c r="B7812" s="2">
        <v>1562</v>
      </c>
      <c r="C7812" s="1" t="s">
        <v>0</v>
      </c>
      <c r="D7812" s="2">
        <v>160640</v>
      </c>
      <c r="E7812" s="1" t="s">
        <v>0</v>
      </c>
    </row>
    <row r="7813" spans="1:5" x14ac:dyDescent="0.25">
      <c r="A7813" s="1" t="s">
        <v>1445</v>
      </c>
      <c r="B7813" s="1" t="s">
        <v>7250</v>
      </c>
      <c r="C7813" s="1" t="s">
        <v>23980</v>
      </c>
      <c r="D7813" s="2">
        <v>160641</v>
      </c>
      <c r="E7813" s="1" t="s">
        <v>0</v>
      </c>
    </row>
    <row r="7814" spans="1:5" x14ac:dyDescent="0.25">
      <c r="A7814" s="1" t="s">
        <v>23981</v>
      </c>
      <c r="B7814" s="1" t="s">
        <v>52778</v>
      </c>
      <c r="C7814" s="1" t="s">
        <v>23982</v>
      </c>
      <c r="D7814" s="2">
        <v>160642</v>
      </c>
      <c r="E7814" s="1" t="s">
        <v>0</v>
      </c>
    </row>
    <row r="7815" spans="1:5" ht="409.5" x14ac:dyDescent="0.25">
      <c r="A7815" s="4" t="s">
        <v>23983</v>
      </c>
      <c r="B7815" s="1" t="s">
        <v>61042</v>
      </c>
      <c r="C7815" s="1" t="s">
        <v>23984</v>
      </c>
      <c r="D7815" s="2">
        <v>160643</v>
      </c>
      <c r="E7815" s="1" t="s">
        <v>0</v>
      </c>
    </row>
    <row r="7816" spans="1:5" x14ac:dyDescent="0.25">
      <c r="A7816" s="1" t="s">
        <v>23985</v>
      </c>
      <c r="B7816" s="1" t="s">
        <v>52779</v>
      </c>
      <c r="C7816" s="1" t="s">
        <v>23986</v>
      </c>
      <c r="D7816" s="2">
        <v>160644</v>
      </c>
      <c r="E7816" s="1" t="s">
        <v>0</v>
      </c>
    </row>
    <row r="7817" spans="1:5" x14ac:dyDescent="0.25">
      <c r="A7817" s="2">
        <v>1563</v>
      </c>
      <c r="B7817" s="2">
        <v>1563</v>
      </c>
      <c r="C7817" s="1" t="s">
        <v>0</v>
      </c>
      <c r="D7817" s="2">
        <v>160645</v>
      </c>
      <c r="E7817" s="1" t="s">
        <v>0</v>
      </c>
    </row>
    <row r="7818" spans="1:5" x14ac:dyDescent="0.25">
      <c r="A7818" s="1" t="s">
        <v>1446</v>
      </c>
      <c r="B7818" s="1" t="s">
        <v>7251</v>
      </c>
      <c r="C7818" s="1" t="s">
        <v>23987</v>
      </c>
      <c r="D7818" s="2">
        <v>160646</v>
      </c>
      <c r="E7818" s="1" t="s">
        <v>0</v>
      </c>
    </row>
    <row r="7819" spans="1:5" x14ac:dyDescent="0.25">
      <c r="A7819" s="1" t="s">
        <v>23988</v>
      </c>
      <c r="B7819" s="1" t="s">
        <v>52780</v>
      </c>
      <c r="C7819" s="1" t="s">
        <v>23989</v>
      </c>
      <c r="D7819" s="2">
        <v>160647</v>
      </c>
      <c r="E7819" s="1" t="s">
        <v>0</v>
      </c>
    </row>
    <row r="7820" spans="1:5" ht="409.5" x14ac:dyDescent="0.25">
      <c r="A7820" s="4" t="s">
        <v>23990</v>
      </c>
      <c r="B7820" s="1" t="s">
        <v>52781</v>
      </c>
      <c r="C7820" s="1" t="s">
        <v>23991</v>
      </c>
      <c r="D7820" s="2">
        <v>160648</v>
      </c>
      <c r="E7820" s="1" t="s">
        <v>0</v>
      </c>
    </row>
    <row r="7821" spans="1:5" x14ac:dyDescent="0.25">
      <c r="A7821" s="1" t="s">
        <v>23992</v>
      </c>
      <c r="B7821" s="1" t="s">
        <v>7252</v>
      </c>
      <c r="C7821" s="1" t="s">
        <v>23993</v>
      </c>
      <c r="D7821" s="2">
        <v>160649</v>
      </c>
      <c r="E7821" s="1" t="s">
        <v>0</v>
      </c>
    </row>
    <row r="7822" spans="1:5" x14ac:dyDescent="0.25">
      <c r="A7822" s="2">
        <v>1564</v>
      </c>
      <c r="B7822" s="2">
        <v>1564</v>
      </c>
      <c r="C7822" s="1" t="s">
        <v>0</v>
      </c>
      <c r="D7822" s="2">
        <v>160650</v>
      </c>
      <c r="E7822" s="1" t="s">
        <v>0</v>
      </c>
    </row>
    <row r="7823" spans="1:5" x14ac:dyDescent="0.25">
      <c r="A7823" s="1" t="s">
        <v>1447</v>
      </c>
      <c r="B7823" s="1" t="s">
        <v>50588</v>
      </c>
      <c r="C7823" s="1" t="s">
        <v>23994</v>
      </c>
      <c r="D7823" s="2">
        <v>160651</v>
      </c>
      <c r="E7823" s="1" t="s">
        <v>0</v>
      </c>
    </row>
    <row r="7824" spans="1:5" x14ac:dyDescent="0.25">
      <c r="A7824" s="1" t="s">
        <v>23995</v>
      </c>
      <c r="B7824" s="1" t="s">
        <v>52782</v>
      </c>
      <c r="C7824" s="1" t="s">
        <v>23996</v>
      </c>
      <c r="D7824" s="2">
        <v>160652</v>
      </c>
      <c r="E7824" s="1" t="s">
        <v>0</v>
      </c>
    </row>
    <row r="7825" spans="1:5" ht="409.5" x14ac:dyDescent="0.25">
      <c r="A7825" s="4" t="s">
        <v>23997</v>
      </c>
      <c r="B7825" s="1" t="s">
        <v>52783</v>
      </c>
      <c r="C7825" s="1" t="s">
        <v>23998</v>
      </c>
      <c r="D7825" s="2">
        <v>160653</v>
      </c>
      <c r="E7825" s="1" t="s">
        <v>0</v>
      </c>
    </row>
    <row r="7826" spans="1:5" x14ac:dyDescent="0.25">
      <c r="A7826" s="1" t="s">
        <v>23999</v>
      </c>
      <c r="B7826" s="1" t="s">
        <v>7253</v>
      </c>
      <c r="C7826" s="1" t="s">
        <v>24000</v>
      </c>
      <c r="D7826" s="2">
        <v>160654</v>
      </c>
      <c r="E7826" s="1" t="s">
        <v>0</v>
      </c>
    </row>
    <row r="7827" spans="1:5" x14ac:dyDescent="0.25">
      <c r="A7827" s="2">
        <v>1565</v>
      </c>
      <c r="B7827" s="2">
        <v>1565</v>
      </c>
      <c r="C7827" s="1" t="s">
        <v>0</v>
      </c>
      <c r="D7827" s="2">
        <v>160655</v>
      </c>
      <c r="E7827" s="1" t="s">
        <v>0</v>
      </c>
    </row>
    <row r="7828" spans="1:5" x14ac:dyDescent="0.25">
      <c r="A7828" s="1" t="s">
        <v>1448</v>
      </c>
      <c r="B7828" s="1" t="s">
        <v>50589</v>
      </c>
      <c r="C7828" s="1" t="s">
        <v>24001</v>
      </c>
      <c r="D7828" s="2">
        <v>160656</v>
      </c>
      <c r="E7828" s="1" t="s">
        <v>0</v>
      </c>
    </row>
    <row r="7829" spans="1:5" x14ac:dyDescent="0.25">
      <c r="A7829" s="1" t="s">
        <v>24002</v>
      </c>
      <c r="B7829" s="1" t="s">
        <v>7254</v>
      </c>
      <c r="C7829" s="1" t="s">
        <v>24003</v>
      </c>
      <c r="D7829" s="2">
        <v>160657</v>
      </c>
      <c r="E7829" s="1" t="s">
        <v>0</v>
      </c>
    </row>
    <row r="7830" spans="1:5" ht="409.5" x14ac:dyDescent="0.25">
      <c r="A7830" s="4" t="s">
        <v>24004</v>
      </c>
      <c r="B7830" s="1" t="s">
        <v>59905</v>
      </c>
      <c r="C7830" s="1" t="s">
        <v>24005</v>
      </c>
      <c r="D7830" s="2">
        <v>160658</v>
      </c>
      <c r="E7830" s="1" t="s">
        <v>0</v>
      </c>
    </row>
    <row r="7831" spans="1:5" x14ac:dyDescent="0.25">
      <c r="A7831" s="1" t="s">
        <v>24006</v>
      </c>
      <c r="B7831" s="1" t="s">
        <v>52784</v>
      </c>
      <c r="C7831" s="1" t="s">
        <v>24007</v>
      </c>
      <c r="D7831" s="2">
        <v>160659</v>
      </c>
      <c r="E7831" s="1" t="s">
        <v>0</v>
      </c>
    </row>
    <row r="7832" spans="1:5" x14ac:dyDescent="0.25">
      <c r="A7832" s="2">
        <v>1566</v>
      </c>
      <c r="B7832" s="2">
        <v>1566</v>
      </c>
      <c r="C7832" s="1" t="s">
        <v>0</v>
      </c>
      <c r="D7832" s="2">
        <v>160660</v>
      </c>
      <c r="E7832" s="1" t="s">
        <v>0</v>
      </c>
    </row>
    <row r="7833" spans="1:5" x14ac:dyDescent="0.25">
      <c r="A7833" s="1" t="s">
        <v>1449</v>
      </c>
      <c r="B7833" s="1" t="s">
        <v>7255</v>
      </c>
      <c r="C7833" s="1" t="s">
        <v>24008</v>
      </c>
      <c r="D7833" s="2">
        <v>160661</v>
      </c>
      <c r="E7833" s="1" t="s">
        <v>0</v>
      </c>
    </row>
    <row r="7834" spans="1:5" x14ac:dyDescent="0.25">
      <c r="A7834" s="1" t="s">
        <v>24009</v>
      </c>
      <c r="B7834" s="1" t="s">
        <v>59000</v>
      </c>
      <c r="C7834" s="1" t="s">
        <v>24010</v>
      </c>
      <c r="D7834" s="2">
        <v>160662</v>
      </c>
      <c r="E7834" s="1" t="s">
        <v>0</v>
      </c>
    </row>
    <row r="7835" spans="1:5" ht="409.5" x14ac:dyDescent="0.25">
      <c r="A7835" s="4" t="s">
        <v>64091</v>
      </c>
      <c r="B7835" s="1" t="s">
        <v>59001</v>
      </c>
      <c r="C7835" s="1" t="s">
        <v>24011</v>
      </c>
      <c r="D7835" s="2">
        <v>160663</v>
      </c>
      <c r="E7835" s="1" t="s">
        <v>0</v>
      </c>
    </row>
    <row r="7836" spans="1:5" x14ac:dyDescent="0.25">
      <c r="A7836" s="1" t="s">
        <v>24012</v>
      </c>
      <c r="B7836" s="1" t="s">
        <v>52785</v>
      </c>
      <c r="C7836" s="1" t="s">
        <v>24013</v>
      </c>
      <c r="D7836" s="2">
        <v>160664</v>
      </c>
      <c r="E7836" s="1" t="s">
        <v>0</v>
      </c>
    </row>
    <row r="7837" spans="1:5" x14ac:dyDescent="0.25">
      <c r="A7837" s="2">
        <v>1567</v>
      </c>
      <c r="B7837" s="2">
        <v>1567</v>
      </c>
      <c r="C7837" s="1" t="s">
        <v>0</v>
      </c>
      <c r="D7837" s="2">
        <v>160665</v>
      </c>
      <c r="E7837" s="1" t="s">
        <v>0</v>
      </c>
    </row>
    <row r="7838" spans="1:5" x14ac:dyDescent="0.25">
      <c r="A7838" s="1" t="s">
        <v>7256</v>
      </c>
      <c r="B7838" s="1" t="s">
        <v>7257</v>
      </c>
      <c r="C7838" s="1" t="s">
        <v>24014</v>
      </c>
      <c r="D7838" s="2">
        <v>160666</v>
      </c>
      <c r="E7838" s="1" t="s">
        <v>0</v>
      </c>
    </row>
    <row r="7839" spans="1:5" x14ac:dyDescent="0.25">
      <c r="A7839" s="1" t="s">
        <v>24015</v>
      </c>
      <c r="B7839" s="1" t="s">
        <v>7258</v>
      </c>
      <c r="C7839" s="1" t="s">
        <v>24016</v>
      </c>
      <c r="D7839" s="2">
        <v>160667</v>
      </c>
      <c r="E7839" s="1" t="s">
        <v>0</v>
      </c>
    </row>
    <row r="7840" spans="1:5" ht="409.5" x14ac:dyDescent="0.25">
      <c r="A7840" s="4" t="s">
        <v>24017</v>
      </c>
      <c r="B7840" s="1" t="s">
        <v>50590</v>
      </c>
      <c r="C7840" s="1" t="s">
        <v>24018</v>
      </c>
      <c r="D7840" s="2">
        <v>160668</v>
      </c>
      <c r="E7840" s="1" t="s">
        <v>0</v>
      </c>
    </row>
    <row r="7841" spans="1:5" x14ac:dyDescent="0.25">
      <c r="A7841" s="1" t="s">
        <v>24019</v>
      </c>
      <c r="B7841" s="1" t="s">
        <v>52786</v>
      </c>
      <c r="C7841" s="1" t="s">
        <v>24020</v>
      </c>
      <c r="D7841" s="2">
        <v>160669</v>
      </c>
      <c r="E7841" s="1" t="s">
        <v>0</v>
      </c>
    </row>
    <row r="7842" spans="1:5" x14ac:dyDescent="0.25">
      <c r="A7842" s="2">
        <v>1568</v>
      </c>
      <c r="B7842" s="2">
        <v>1568</v>
      </c>
      <c r="C7842" s="1" t="s">
        <v>0</v>
      </c>
      <c r="D7842" s="2">
        <v>160670</v>
      </c>
      <c r="E7842" s="1" t="s">
        <v>0</v>
      </c>
    </row>
    <row r="7843" spans="1:5" x14ac:dyDescent="0.25">
      <c r="A7843" s="1" t="s">
        <v>1450</v>
      </c>
      <c r="B7843" s="1" t="s">
        <v>7259</v>
      </c>
      <c r="C7843" s="1" t="s">
        <v>24021</v>
      </c>
      <c r="D7843" s="2">
        <v>160671</v>
      </c>
      <c r="E7843" s="1" t="s">
        <v>0</v>
      </c>
    </row>
    <row r="7844" spans="1:5" x14ac:dyDescent="0.25">
      <c r="A7844" s="1" t="s">
        <v>24022</v>
      </c>
      <c r="B7844" s="1" t="s">
        <v>7260</v>
      </c>
      <c r="C7844" s="1" t="s">
        <v>24023</v>
      </c>
      <c r="D7844" s="2">
        <v>160672</v>
      </c>
      <c r="E7844" s="1" t="s">
        <v>0</v>
      </c>
    </row>
    <row r="7845" spans="1:5" ht="409.5" x14ac:dyDescent="0.25">
      <c r="A7845" s="4" t="s">
        <v>24024</v>
      </c>
      <c r="B7845" s="1" t="s">
        <v>7261</v>
      </c>
      <c r="C7845" s="1" t="s">
        <v>24025</v>
      </c>
      <c r="D7845" s="2">
        <v>160673</v>
      </c>
      <c r="E7845" s="1" t="s">
        <v>0</v>
      </c>
    </row>
    <row r="7846" spans="1:5" x14ac:dyDescent="0.25">
      <c r="A7846" s="1" t="s">
        <v>24026</v>
      </c>
      <c r="B7846" s="1" t="s">
        <v>7262</v>
      </c>
      <c r="C7846" s="1" t="s">
        <v>24027</v>
      </c>
      <c r="D7846" s="2">
        <v>160674</v>
      </c>
      <c r="E7846" s="1" t="s">
        <v>0</v>
      </c>
    </row>
    <row r="7847" spans="1:5" x14ac:dyDescent="0.25">
      <c r="A7847" s="2">
        <v>1569</v>
      </c>
      <c r="B7847" s="2">
        <v>1569</v>
      </c>
      <c r="C7847" s="1" t="s">
        <v>0</v>
      </c>
      <c r="D7847" s="2">
        <v>160675</v>
      </c>
      <c r="E7847" s="1" t="s">
        <v>0</v>
      </c>
    </row>
    <row r="7848" spans="1:5" x14ac:dyDescent="0.25">
      <c r="A7848" s="1" t="s">
        <v>1451</v>
      </c>
      <c r="B7848" s="1" t="s">
        <v>52787</v>
      </c>
      <c r="C7848" s="1" t="s">
        <v>24028</v>
      </c>
      <c r="D7848" s="2">
        <v>160676</v>
      </c>
      <c r="E7848" s="1" t="s">
        <v>0</v>
      </c>
    </row>
    <row r="7849" spans="1:5" x14ac:dyDescent="0.25">
      <c r="A7849" s="1" t="s">
        <v>24029</v>
      </c>
      <c r="B7849" s="1" t="s">
        <v>58065</v>
      </c>
      <c r="C7849" s="1" t="s">
        <v>24030</v>
      </c>
      <c r="D7849" s="2">
        <v>160677</v>
      </c>
      <c r="E7849" s="1" t="s">
        <v>0</v>
      </c>
    </row>
    <row r="7850" spans="1:5" ht="409.5" x14ac:dyDescent="0.25">
      <c r="A7850" s="4" t="s">
        <v>24031</v>
      </c>
      <c r="B7850" s="1" t="s">
        <v>58066</v>
      </c>
      <c r="C7850" s="1" t="s">
        <v>24032</v>
      </c>
      <c r="D7850" s="2">
        <v>160678</v>
      </c>
      <c r="E7850" s="1" t="s">
        <v>0</v>
      </c>
    </row>
    <row r="7851" spans="1:5" x14ac:dyDescent="0.25">
      <c r="A7851" s="1" t="s">
        <v>24033</v>
      </c>
      <c r="B7851" s="1" t="s">
        <v>7263</v>
      </c>
      <c r="C7851" s="1" t="s">
        <v>24034</v>
      </c>
      <c r="D7851" s="2">
        <v>160679</v>
      </c>
      <c r="E7851" s="1" t="s">
        <v>0</v>
      </c>
    </row>
    <row r="7852" spans="1:5" x14ac:dyDescent="0.25">
      <c r="A7852" s="2">
        <v>1570</v>
      </c>
      <c r="B7852" s="2">
        <v>1570</v>
      </c>
      <c r="C7852" s="1" t="s">
        <v>0</v>
      </c>
      <c r="D7852" s="2">
        <v>160680</v>
      </c>
      <c r="E7852" s="1" t="s">
        <v>0</v>
      </c>
    </row>
    <row r="7853" spans="1:5" x14ac:dyDescent="0.25">
      <c r="A7853" s="1" t="s">
        <v>1452</v>
      </c>
      <c r="B7853" s="1" t="s">
        <v>7264</v>
      </c>
      <c r="C7853" s="1" t="s">
        <v>24035</v>
      </c>
      <c r="D7853" s="2">
        <v>160681</v>
      </c>
      <c r="E7853" s="1" t="s">
        <v>0</v>
      </c>
    </row>
    <row r="7854" spans="1:5" x14ac:dyDescent="0.25">
      <c r="A7854" s="1" t="s">
        <v>24036</v>
      </c>
      <c r="B7854" s="1" t="s">
        <v>61619</v>
      </c>
      <c r="C7854" s="1" t="s">
        <v>24037</v>
      </c>
      <c r="D7854" s="2">
        <v>160682</v>
      </c>
      <c r="E7854" s="1" t="s">
        <v>0</v>
      </c>
    </row>
    <row r="7855" spans="1:5" ht="409.5" x14ac:dyDescent="0.25">
      <c r="A7855" s="4" t="s">
        <v>24038</v>
      </c>
      <c r="B7855" s="1" t="s">
        <v>61620</v>
      </c>
      <c r="C7855" s="1" t="s">
        <v>24039</v>
      </c>
      <c r="D7855" s="2">
        <v>160683</v>
      </c>
      <c r="E7855" s="1" t="s">
        <v>0</v>
      </c>
    </row>
    <row r="7856" spans="1:5" x14ac:dyDescent="0.25">
      <c r="A7856" s="1" t="s">
        <v>24040</v>
      </c>
      <c r="B7856" s="1" t="s">
        <v>61621</v>
      </c>
      <c r="C7856" s="1" t="s">
        <v>24041</v>
      </c>
      <c r="D7856" s="2">
        <v>160684</v>
      </c>
      <c r="E7856" s="1" t="s">
        <v>0</v>
      </c>
    </row>
    <row r="7857" spans="1:5" x14ac:dyDescent="0.25">
      <c r="A7857" s="2">
        <v>1571</v>
      </c>
      <c r="B7857" s="2">
        <v>1571</v>
      </c>
      <c r="C7857" s="1" t="s">
        <v>0</v>
      </c>
      <c r="D7857" s="2">
        <v>160685</v>
      </c>
      <c r="E7857" s="1" t="s">
        <v>0</v>
      </c>
    </row>
    <row r="7858" spans="1:5" x14ac:dyDescent="0.25">
      <c r="A7858" s="1" t="s">
        <v>1453</v>
      </c>
      <c r="B7858" s="1" t="s">
        <v>7265</v>
      </c>
      <c r="C7858" s="1" t="s">
        <v>24042</v>
      </c>
      <c r="D7858" s="2">
        <v>160686</v>
      </c>
      <c r="E7858" s="1" t="s">
        <v>0</v>
      </c>
    </row>
    <row r="7859" spans="1:5" x14ac:dyDescent="0.25">
      <c r="A7859" s="1" t="s">
        <v>24043</v>
      </c>
      <c r="B7859" s="1" t="s">
        <v>63664</v>
      </c>
      <c r="C7859" s="1" t="s">
        <v>24044</v>
      </c>
      <c r="D7859" s="2">
        <v>160687</v>
      </c>
      <c r="E7859" s="1" t="s">
        <v>0</v>
      </c>
    </row>
    <row r="7860" spans="1:5" ht="409.5" x14ac:dyDescent="0.25">
      <c r="A7860" s="4" t="s">
        <v>24045</v>
      </c>
      <c r="B7860" s="1" t="s">
        <v>63665</v>
      </c>
      <c r="C7860" s="1" t="s">
        <v>24046</v>
      </c>
      <c r="D7860" s="2">
        <v>160688</v>
      </c>
      <c r="E7860" s="1" t="s">
        <v>0</v>
      </c>
    </row>
    <row r="7861" spans="1:5" x14ac:dyDescent="0.25">
      <c r="A7861" s="1" t="s">
        <v>24047</v>
      </c>
      <c r="B7861" s="1" t="s">
        <v>57174</v>
      </c>
      <c r="C7861" s="1" t="s">
        <v>24048</v>
      </c>
      <c r="D7861" s="2">
        <v>160689</v>
      </c>
      <c r="E7861" s="1" t="s">
        <v>0</v>
      </c>
    </row>
    <row r="7862" spans="1:5" x14ac:dyDescent="0.25">
      <c r="A7862" s="2">
        <v>1572</v>
      </c>
      <c r="B7862" s="2">
        <v>1572</v>
      </c>
      <c r="C7862" s="1" t="s">
        <v>0</v>
      </c>
      <c r="D7862" s="2">
        <v>160690</v>
      </c>
      <c r="E7862" s="1" t="s">
        <v>0</v>
      </c>
    </row>
    <row r="7863" spans="1:5" x14ac:dyDescent="0.25">
      <c r="A7863" s="1" t="s">
        <v>1454</v>
      </c>
      <c r="B7863" s="1" t="s">
        <v>7266</v>
      </c>
      <c r="C7863" s="1" t="s">
        <v>24049</v>
      </c>
      <c r="D7863" s="2">
        <v>160691</v>
      </c>
      <c r="E7863" s="1" t="s">
        <v>0</v>
      </c>
    </row>
    <row r="7864" spans="1:5" x14ac:dyDescent="0.25">
      <c r="A7864" s="1" t="s">
        <v>24050</v>
      </c>
      <c r="B7864" s="1" t="s">
        <v>7267</v>
      </c>
      <c r="C7864" s="1" t="s">
        <v>24051</v>
      </c>
      <c r="D7864" s="2">
        <v>160692</v>
      </c>
      <c r="E7864" s="1" t="s">
        <v>0</v>
      </c>
    </row>
    <row r="7865" spans="1:5" ht="409.5" x14ac:dyDescent="0.25">
      <c r="A7865" s="4" t="s">
        <v>24052</v>
      </c>
      <c r="B7865" s="1" t="s">
        <v>59587</v>
      </c>
      <c r="C7865" s="1" t="s">
        <v>24053</v>
      </c>
      <c r="D7865" s="2">
        <v>160693</v>
      </c>
      <c r="E7865" s="1" t="s">
        <v>0</v>
      </c>
    </row>
    <row r="7866" spans="1:5" x14ac:dyDescent="0.25">
      <c r="A7866" s="1" t="s">
        <v>24054</v>
      </c>
      <c r="B7866" s="1" t="s">
        <v>52788</v>
      </c>
      <c r="C7866" s="1" t="s">
        <v>24055</v>
      </c>
      <c r="D7866" s="2">
        <v>160694</v>
      </c>
      <c r="E7866" s="1" t="s">
        <v>0</v>
      </c>
    </row>
    <row r="7867" spans="1:5" x14ac:dyDescent="0.25">
      <c r="A7867" s="2">
        <v>1573</v>
      </c>
      <c r="B7867" s="2">
        <v>1573</v>
      </c>
      <c r="C7867" s="1" t="s">
        <v>0</v>
      </c>
      <c r="D7867" s="2">
        <v>160695</v>
      </c>
      <c r="E7867" s="1" t="s">
        <v>0</v>
      </c>
    </row>
    <row r="7868" spans="1:5" x14ac:dyDescent="0.25">
      <c r="A7868" s="1" t="s">
        <v>1455</v>
      </c>
      <c r="B7868" s="1" t="s">
        <v>52789</v>
      </c>
      <c r="C7868" s="1" t="s">
        <v>24056</v>
      </c>
      <c r="D7868" s="2">
        <v>160696</v>
      </c>
      <c r="E7868" s="1" t="s">
        <v>0</v>
      </c>
    </row>
    <row r="7869" spans="1:5" x14ac:dyDescent="0.25">
      <c r="A7869" s="1" t="s">
        <v>24057</v>
      </c>
      <c r="B7869" s="1" t="s">
        <v>57797</v>
      </c>
      <c r="C7869" s="1" t="s">
        <v>24058</v>
      </c>
      <c r="D7869" s="2">
        <v>160697</v>
      </c>
      <c r="E7869" s="1" t="s">
        <v>0</v>
      </c>
    </row>
    <row r="7870" spans="1:5" ht="409.5" x14ac:dyDescent="0.25">
      <c r="A7870" s="4" t="s">
        <v>64092</v>
      </c>
      <c r="B7870" s="1" t="s">
        <v>57798</v>
      </c>
      <c r="C7870" s="1" t="s">
        <v>24059</v>
      </c>
      <c r="D7870" s="2">
        <v>160698</v>
      </c>
      <c r="E7870" s="1" t="s">
        <v>0</v>
      </c>
    </row>
    <row r="7871" spans="1:5" x14ac:dyDescent="0.25">
      <c r="A7871" s="1" t="s">
        <v>15303</v>
      </c>
      <c r="B7871" s="1" t="s">
        <v>60888</v>
      </c>
      <c r="C7871" s="1" t="s">
        <v>15304</v>
      </c>
      <c r="D7871" s="2">
        <v>160699</v>
      </c>
      <c r="E7871" s="1" t="s">
        <v>0</v>
      </c>
    </row>
    <row r="7872" spans="1:5" x14ac:dyDescent="0.25">
      <c r="A7872" s="2">
        <v>1574</v>
      </c>
      <c r="B7872" s="2">
        <v>1574</v>
      </c>
      <c r="C7872" s="1" t="s">
        <v>0</v>
      </c>
      <c r="D7872" s="2">
        <v>160700</v>
      </c>
      <c r="E7872" s="1" t="s">
        <v>0</v>
      </c>
    </row>
    <row r="7873" spans="1:5" x14ac:dyDescent="0.25">
      <c r="A7873" s="1" t="s">
        <v>13058</v>
      </c>
      <c r="B7873" s="1" t="s">
        <v>52790</v>
      </c>
      <c r="C7873" s="1" t="s">
        <v>24060</v>
      </c>
      <c r="D7873" s="2">
        <v>160701</v>
      </c>
      <c r="E7873" s="1" t="s">
        <v>0</v>
      </c>
    </row>
    <row r="7874" spans="1:5" x14ac:dyDescent="0.25">
      <c r="A7874" s="1" t="s">
        <v>24061</v>
      </c>
      <c r="B7874" s="1" t="s">
        <v>52791</v>
      </c>
      <c r="C7874" s="1" t="s">
        <v>24062</v>
      </c>
      <c r="D7874" s="2">
        <v>160702</v>
      </c>
      <c r="E7874" s="1" t="s">
        <v>0</v>
      </c>
    </row>
    <row r="7875" spans="1:5" ht="409.5" x14ac:dyDescent="0.25">
      <c r="A7875" s="4" t="s">
        <v>24063</v>
      </c>
      <c r="B7875" s="1" t="s">
        <v>52792</v>
      </c>
      <c r="C7875" s="1" t="s">
        <v>24064</v>
      </c>
      <c r="D7875" s="2">
        <v>160703</v>
      </c>
      <c r="E7875" s="1" t="s">
        <v>0</v>
      </c>
    </row>
    <row r="7876" spans="1:5" x14ac:dyDescent="0.25">
      <c r="A7876" s="1" t="s">
        <v>24065</v>
      </c>
      <c r="B7876" s="1" t="s">
        <v>7268</v>
      </c>
      <c r="C7876" s="1" t="s">
        <v>24066</v>
      </c>
      <c r="D7876" s="2">
        <v>160704</v>
      </c>
      <c r="E7876" s="1" t="s">
        <v>0</v>
      </c>
    </row>
    <row r="7877" spans="1:5" x14ac:dyDescent="0.25">
      <c r="A7877" s="2">
        <v>1575</v>
      </c>
      <c r="B7877" s="2">
        <v>1575</v>
      </c>
      <c r="C7877" s="1" t="s">
        <v>0</v>
      </c>
      <c r="D7877" s="2">
        <v>160705</v>
      </c>
      <c r="E7877" s="1" t="s">
        <v>0</v>
      </c>
    </row>
    <row r="7878" spans="1:5" x14ac:dyDescent="0.25">
      <c r="A7878" s="1" t="s">
        <v>1456</v>
      </c>
      <c r="B7878" s="1" t="s">
        <v>7269</v>
      </c>
      <c r="C7878" s="1" t="s">
        <v>24067</v>
      </c>
      <c r="D7878" s="2">
        <v>160706</v>
      </c>
      <c r="E7878" s="1" t="s">
        <v>0</v>
      </c>
    </row>
    <row r="7879" spans="1:5" x14ac:dyDescent="0.25">
      <c r="A7879" s="1" t="s">
        <v>24068</v>
      </c>
      <c r="B7879" s="1" t="s">
        <v>7270</v>
      </c>
      <c r="C7879" s="1" t="s">
        <v>24069</v>
      </c>
      <c r="D7879" s="2">
        <v>160707</v>
      </c>
      <c r="E7879" s="1" t="s">
        <v>0</v>
      </c>
    </row>
    <row r="7880" spans="1:5" ht="409.5" x14ac:dyDescent="0.25">
      <c r="A7880" s="4" t="s">
        <v>24070</v>
      </c>
      <c r="B7880" s="1" t="s">
        <v>7271</v>
      </c>
      <c r="C7880" s="1" t="s">
        <v>24071</v>
      </c>
      <c r="D7880" s="2">
        <v>160708</v>
      </c>
      <c r="E7880" s="1" t="s">
        <v>0</v>
      </c>
    </row>
    <row r="7881" spans="1:5" x14ac:dyDescent="0.25">
      <c r="A7881" s="1" t="s">
        <v>15303</v>
      </c>
      <c r="B7881" s="1" t="s">
        <v>60888</v>
      </c>
      <c r="C7881" s="1" t="s">
        <v>15304</v>
      </c>
      <c r="D7881" s="2">
        <v>160709</v>
      </c>
      <c r="E7881" s="1" t="s">
        <v>0</v>
      </c>
    </row>
    <row r="7882" spans="1:5" x14ac:dyDescent="0.25">
      <c r="A7882" s="2">
        <v>1576</v>
      </c>
      <c r="B7882" s="2">
        <v>1576</v>
      </c>
      <c r="C7882" s="1" t="s">
        <v>0</v>
      </c>
      <c r="D7882" s="2">
        <v>160710</v>
      </c>
      <c r="E7882" s="1" t="s">
        <v>0</v>
      </c>
    </row>
    <row r="7883" spans="1:5" x14ac:dyDescent="0.25">
      <c r="A7883" s="1" t="s">
        <v>1457</v>
      </c>
      <c r="B7883" s="1" t="s">
        <v>7272</v>
      </c>
      <c r="C7883" s="1" t="s">
        <v>24072</v>
      </c>
      <c r="D7883" s="2">
        <v>160711</v>
      </c>
      <c r="E7883" s="1" t="s">
        <v>0</v>
      </c>
    </row>
    <row r="7884" spans="1:5" x14ac:dyDescent="0.25">
      <c r="A7884" s="1" t="s">
        <v>24073</v>
      </c>
      <c r="B7884" s="1" t="s">
        <v>62278</v>
      </c>
      <c r="C7884" s="1" t="s">
        <v>24074</v>
      </c>
      <c r="D7884" s="2">
        <v>160712</v>
      </c>
      <c r="E7884" s="1" t="s">
        <v>0</v>
      </c>
    </row>
    <row r="7885" spans="1:5" ht="409.5" x14ac:dyDescent="0.25">
      <c r="A7885" s="4" t="s">
        <v>24075</v>
      </c>
      <c r="B7885" s="1" t="s">
        <v>62279</v>
      </c>
      <c r="C7885" s="1" t="s">
        <v>24076</v>
      </c>
      <c r="D7885" s="2">
        <v>160713</v>
      </c>
      <c r="E7885" s="1" t="s">
        <v>0</v>
      </c>
    </row>
    <row r="7886" spans="1:5" x14ac:dyDescent="0.25">
      <c r="A7886" s="1" t="s">
        <v>24077</v>
      </c>
      <c r="B7886" s="1" t="s">
        <v>58721</v>
      </c>
      <c r="C7886" s="1" t="s">
        <v>24078</v>
      </c>
      <c r="D7886" s="2">
        <v>160714</v>
      </c>
      <c r="E7886" s="1" t="s">
        <v>0</v>
      </c>
    </row>
    <row r="7887" spans="1:5" x14ac:dyDescent="0.25">
      <c r="A7887" s="2">
        <v>1577</v>
      </c>
      <c r="B7887" s="2">
        <v>1577</v>
      </c>
      <c r="C7887" s="1" t="s">
        <v>0</v>
      </c>
      <c r="D7887" s="2">
        <v>160715</v>
      </c>
      <c r="E7887" s="1" t="s">
        <v>0</v>
      </c>
    </row>
    <row r="7888" spans="1:5" x14ac:dyDescent="0.25">
      <c r="A7888" s="1" t="s">
        <v>1458</v>
      </c>
      <c r="B7888" s="1" t="s">
        <v>7273</v>
      </c>
      <c r="C7888" s="1" t="s">
        <v>24079</v>
      </c>
      <c r="D7888" s="2">
        <v>160716</v>
      </c>
      <c r="E7888" s="1" t="s">
        <v>0</v>
      </c>
    </row>
    <row r="7889" spans="1:5" x14ac:dyDescent="0.25">
      <c r="A7889" s="1" t="s">
        <v>24080</v>
      </c>
      <c r="B7889" s="1" t="s">
        <v>61483</v>
      </c>
      <c r="C7889" s="1" t="s">
        <v>24081</v>
      </c>
      <c r="D7889" s="2">
        <v>160717</v>
      </c>
      <c r="E7889" s="1" t="s">
        <v>0</v>
      </c>
    </row>
    <row r="7890" spans="1:5" ht="409.5" x14ac:dyDescent="0.25">
      <c r="A7890" s="4" t="s">
        <v>24082</v>
      </c>
      <c r="B7890" s="1" t="s">
        <v>63278</v>
      </c>
      <c r="C7890" s="1" t="s">
        <v>24083</v>
      </c>
      <c r="D7890" s="2">
        <v>160718</v>
      </c>
      <c r="E7890" s="1" t="s">
        <v>0</v>
      </c>
    </row>
    <row r="7891" spans="1:5" x14ac:dyDescent="0.25">
      <c r="A7891" s="1" t="s">
        <v>24084</v>
      </c>
      <c r="B7891" s="1" t="s">
        <v>52793</v>
      </c>
      <c r="C7891" s="1" t="s">
        <v>24085</v>
      </c>
      <c r="D7891" s="2">
        <v>160719</v>
      </c>
      <c r="E7891" s="1" t="s">
        <v>0</v>
      </c>
    </row>
    <row r="7892" spans="1:5" x14ac:dyDescent="0.25">
      <c r="A7892" s="2">
        <v>1578</v>
      </c>
      <c r="B7892" s="2">
        <v>1578</v>
      </c>
      <c r="C7892" s="1" t="s">
        <v>0</v>
      </c>
      <c r="D7892" s="2">
        <v>160720</v>
      </c>
      <c r="E7892" s="1" t="s">
        <v>0</v>
      </c>
    </row>
    <row r="7893" spans="1:5" x14ac:dyDescent="0.25">
      <c r="A7893" s="1" t="s">
        <v>1459</v>
      </c>
      <c r="B7893" s="1" t="s">
        <v>50591</v>
      </c>
      <c r="C7893" s="1" t="s">
        <v>24086</v>
      </c>
      <c r="D7893" s="2">
        <v>160721</v>
      </c>
      <c r="E7893" s="1" t="s">
        <v>0</v>
      </c>
    </row>
    <row r="7894" spans="1:5" x14ac:dyDescent="0.25">
      <c r="A7894" s="1" t="s">
        <v>24087</v>
      </c>
      <c r="B7894" s="1" t="s">
        <v>52794</v>
      </c>
      <c r="C7894" s="1" t="s">
        <v>24088</v>
      </c>
      <c r="D7894" s="2">
        <v>160722</v>
      </c>
      <c r="E7894" s="1" t="s">
        <v>0</v>
      </c>
    </row>
    <row r="7895" spans="1:5" ht="409.5" x14ac:dyDescent="0.25">
      <c r="A7895" s="4" t="s">
        <v>64093</v>
      </c>
      <c r="B7895" s="1" t="s">
        <v>52795</v>
      </c>
      <c r="C7895" s="1" t="s">
        <v>24089</v>
      </c>
      <c r="D7895" s="2">
        <v>160723</v>
      </c>
      <c r="E7895" s="1" t="s">
        <v>0</v>
      </c>
    </row>
    <row r="7896" spans="1:5" x14ac:dyDescent="0.25">
      <c r="A7896" s="1" t="s">
        <v>24090</v>
      </c>
      <c r="B7896" s="1" t="s">
        <v>7274</v>
      </c>
      <c r="C7896" s="1" t="s">
        <v>24091</v>
      </c>
      <c r="D7896" s="2">
        <v>160724</v>
      </c>
      <c r="E7896" s="1" t="s">
        <v>0</v>
      </c>
    </row>
    <row r="7897" spans="1:5" x14ac:dyDescent="0.25">
      <c r="A7897" s="2">
        <v>1579</v>
      </c>
      <c r="B7897" s="2">
        <v>1579</v>
      </c>
      <c r="C7897" s="1" t="s">
        <v>0</v>
      </c>
      <c r="D7897" s="2">
        <v>160725</v>
      </c>
      <c r="E7897" s="1" t="s">
        <v>0</v>
      </c>
    </row>
    <row r="7898" spans="1:5" x14ac:dyDescent="0.25">
      <c r="A7898" s="1" t="s">
        <v>1460</v>
      </c>
      <c r="B7898" s="1" t="s">
        <v>58722</v>
      </c>
      <c r="C7898" s="1" t="s">
        <v>24092</v>
      </c>
      <c r="D7898" s="2">
        <v>160726</v>
      </c>
      <c r="E7898" s="1" t="s">
        <v>0</v>
      </c>
    </row>
    <row r="7899" spans="1:5" x14ac:dyDescent="0.25">
      <c r="A7899" s="1" t="s">
        <v>24093</v>
      </c>
      <c r="B7899" s="1" t="s">
        <v>62280</v>
      </c>
      <c r="C7899" s="1" t="s">
        <v>24094</v>
      </c>
      <c r="D7899" s="2">
        <v>160727</v>
      </c>
      <c r="E7899" s="1" t="s">
        <v>0</v>
      </c>
    </row>
    <row r="7900" spans="1:5" ht="409.5" x14ac:dyDescent="0.25">
      <c r="A7900" s="4" t="s">
        <v>24095</v>
      </c>
      <c r="B7900" s="1" t="s">
        <v>62281</v>
      </c>
      <c r="C7900" s="1" t="s">
        <v>24096</v>
      </c>
      <c r="D7900" s="2">
        <v>160728</v>
      </c>
      <c r="E7900" s="1" t="s">
        <v>0</v>
      </c>
    </row>
    <row r="7901" spans="1:5" x14ac:dyDescent="0.25">
      <c r="A7901" s="1" t="s">
        <v>24097</v>
      </c>
      <c r="B7901" s="1" t="s">
        <v>62282</v>
      </c>
      <c r="C7901" s="1" t="s">
        <v>24098</v>
      </c>
      <c r="D7901" s="2">
        <v>160729</v>
      </c>
      <c r="E7901" s="1" t="s">
        <v>0</v>
      </c>
    </row>
    <row r="7902" spans="1:5" x14ac:dyDescent="0.25">
      <c r="A7902" s="2">
        <v>1580</v>
      </c>
      <c r="B7902" s="2">
        <v>1580</v>
      </c>
      <c r="C7902" s="1" t="s">
        <v>0</v>
      </c>
      <c r="D7902" s="2">
        <v>160730</v>
      </c>
      <c r="E7902" s="1" t="s">
        <v>0</v>
      </c>
    </row>
    <row r="7903" spans="1:5" x14ac:dyDescent="0.25">
      <c r="A7903" s="1" t="s">
        <v>1461</v>
      </c>
      <c r="B7903" s="1" t="s">
        <v>7275</v>
      </c>
      <c r="C7903" s="1" t="s">
        <v>24099</v>
      </c>
      <c r="D7903" s="2">
        <v>160731</v>
      </c>
      <c r="E7903" s="1" t="s">
        <v>0</v>
      </c>
    </row>
    <row r="7904" spans="1:5" x14ac:dyDescent="0.25">
      <c r="A7904" s="1" t="s">
        <v>24100</v>
      </c>
      <c r="B7904" s="1" t="s">
        <v>52796</v>
      </c>
      <c r="C7904" s="1" t="s">
        <v>24101</v>
      </c>
      <c r="D7904" s="2">
        <v>160732</v>
      </c>
      <c r="E7904" s="1" t="s">
        <v>0</v>
      </c>
    </row>
    <row r="7905" spans="1:5" ht="409.5" x14ac:dyDescent="0.25">
      <c r="A7905" s="4" t="s">
        <v>24102</v>
      </c>
      <c r="B7905" s="1" t="s">
        <v>58067</v>
      </c>
      <c r="C7905" s="1" t="s">
        <v>24103</v>
      </c>
      <c r="D7905" s="2">
        <v>160733</v>
      </c>
      <c r="E7905" s="1" t="s">
        <v>0</v>
      </c>
    </row>
    <row r="7906" spans="1:5" x14ac:dyDescent="0.25">
      <c r="A7906" s="1" t="s">
        <v>24104</v>
      </c>
      <c r="B7906" s="1" t="s">
        <v>52797</v>
      </c>
      <c r="C7906" s="1" t="s">
        <v>24105</v>
      </c>
      <c r="D7906" s="2">
        <v>160734</v>
      </c>
      <c r="E7906" s="1" t="s">
        <v>0</v>
      </c>
    </row>
    <row r="7907" spans="1:5" x14ac:dyDescent="0.25">
      <c r="A7907" s="2">
        <v>1581</v>
      </c>
      <c r="B7907" s="2">
        <v>1581</v>
      </c>
      <c r="C7907" s="1" t="s">
        <v>0</v>
      </c>
      <c r="D7907" s="2">
        <v>160735</v>
      </c>
      <c r="E7907" s="1" t="s">
        <v>0</v>
      </c>
    </row>
    <row r="7908" spans="1:5" x14ac:dyDescent="0.25">
      <c r="A7908" s="1" t="s">
        <v>1462</v>
      </c>
      <c r="B7908" s="1" t="s">
        <v>7276</v>
      </c>
      <c r="C7908" s="1" t="s">
        <v>24106</v>
      </c>
      <c r="D7908" s="2">
        <v>160736</v>
      </c>
      <c r="E7908" s="1" t="s">
        <v>0</v>
      </c>
    </row>
    <row r="7909" spans="1:5" x14ac:dyDescent="0.25">
      <c r="A7909" s="1" t="s">
        <v>24107</v>
      </c>
      <c r="B7909" s="1" t="s">
        <v>50592</v>
      </c>
      <c r="C7909" s="1" t="s">
        <v>24108</v>
      </c>
      <c r="D7909" s="2">
        <v>160737</v>
      </c>
      <c r="E7909" s="1" t="s">
        <v>0</v>
      </c>
    </row>
    <row r="7910" spans="1:5" ht="409.5" x14ac:dyDescent="0.25">
      <c r="A7910" s="4" t="s">
        <v>24109</v>
      </c>
      <c r="B7910" s="1" t="s">
        <v>58068</v>
      </c>
      <c r="C7910" s="1" t="s">
        <v>24110</v>
      </c>
      <c r="D7910" s="2">
        <v>160738</v>
      </c>
      <c r="E7910" s="1" t="s">
        <v>0</v>
      </c>
    </row>
    <row r="7911" spans="1:5" x14ac:dyDescent="0.25">
      <c r="A7911" s="1" t="s">
        <v>24111</v>
      </c>
      <c r="B7911" s="1" t="s">
        <v>57175</v>
      </c>
      <c r="C7911" s="1" t="s">
        <v>24112</v>
      </c>
      <c r="D7911" s="2">
        <v>160739</v>
      </c>
      <c r="E7911" s="1" t="s">
        <v>0</v>
      </c>
    </row>
    <row r="7912" spans="1:5" x14ac:dyDescent="0.25">
      <c r="A7912" s="2">
        <v>1582</v>
      </c>
      <c r="B7912" s="2">
        <v>1582</v>
      </c>
      <c r="C7912" s="1" t="s">
        <v>0</v>
      </c>
      <c r="D7912" s="2">
        <v>160740</v>
      </c>
      <c r="E7912" s="1" t="s">
        <v>0</v>
      </c>
    </row>
    <row r="7913" spans="1:5" x14ac:dyDescent="0.25">
      <c r="A7913" s="1" t="s">
        <v>7277</v>
      </c>
      <c r="B7913" s="1" t="s">
        <v>7278</v>
      </c>
      <c r="C7913" s="1" t="s">
        <v>24113</v>
      </c>
      <c r="D7913" s="2">
        <v>160741</v>
      </c>
      <c r="E7913" s="1" t="s">
        <v>0</v>
      </c>
    </row>
    <row r="7914" spans="1:5" x14ac:dyDescent="0.25">
      <c r="A7914" s="1" t="s">
        <v>24114</v>
      </c>
      <c r="B7914" s="1" t="s">
        <v>60721</v>
      </c>
      <c r="C7914" s="1" t="s">
        <v>24115</v>
      </c>
      <c r="D7914" s="2">
        <v>160742</v>
      </c>
      <c r="E7914" s="1" t="s">
        <v>0</v>
      </c>
    </row>
    <row r="7915" spans="1:5" ht="409.5" x14ac:dyDescent="0.25">
      <c r="A7915" s="4" t="s">
        <v>24116</v>
      </c>
      <c r="B7915" s="1" t="s">
        <v>60722</v>
      </c>
      <c r="C7915" s="1" t="s">
        <v>24117</v>
      </c>
      <c r="D7915" s="2">
        <v>160743</v>
      </c>
      <c r="E7915" s="1" t="s">
        <v>0</v>
      </c>
    </row>
    <row r="7916" spans="1:5" x14ac:dyDescent="0.25">
      <c r="A7916" s="1" t="s">
        <v>24118</v>
      </c>
      <c r="B7916" s="1" t="s">
        <v>52798</v>
      </c>
      <c r="C7916" s="1" t="s">
        <v>24119</v>
      </c>
      <c r="D7916" s="2">
        <v>160744</v>
      </c>
      <c r="E7916" s="1" t="s">
        <v>0</v>
      </c>
    </row>
    <row r="7917" spans="1:5" x14ac:dyDescent="0.25">
      <c r="A7917" s="2">
        <v>1583</v>
      </c>
      <c r="B7917" s="2">
        <v>1583</v>
      </c>
      <c r="C7917" s="1" t="s">
        <v>0</v>
      </c>
      <c r="D7917" s="2">
        <v>160745</v>
      </c>
      <c r="E7917" s="1" t="s">
        <v>0</v>
      </c>
    </row>
    <row r="7918" spans="1:5" x14ac:dyDescent="0.25">
      <c r="A7918" s="1" t="s">
        <v>1463</v>
      </c>
      <c r="B7918" s="1" t="s">
        <v>7279</v>
      </c>
      <c r="C7918" s="1" t="s">
        <v>24120</v>
      </c>
      <c r="D7918" s="2">
        <v>160746</v>
      </c>
      <c r="E7918" s="1" t="s">
        <v>0</v>
      </c>
    </row>
    <row r="7919" spans="1:5" x14ac:dyDescent="0.25">
      <c r="A7919" s="1" t="s">
        <v>24121</v>
      </c>
      <c r="B7919" s="1" t="s">
        <v>7280</v>
      </c>
      <c r="C7919" s="1" t="s">
        <v>24122</v>
      </c>
      <c r="D7919" s="2">
        <v>160747</v>
      </c>
      <c r="E7919" s="1" t="s">
        <v>0</v>
      </c>
    </row>
    <row r="7920" spans="1:5" ht="409.5" x14ac:dyDescent="0.25">
      <c r="A7920" s="4" t="s">
        <v>24123</v>
      </c>
      <c r="B7920" s="1" t="s">
        <v>63279</v>
      </c>
      <c r="C7920" s="1" t="s">
        <v>24124</v>
      </c>
      <c r="D7920" s="2">
        <v>160748</v>
      </c>
      <c r="E7920" s="1" t="s">
        <v>0</v>
      </c>
    </row>
    <row r="7921" spans="1:5" x14ac:dyDescent="0.25">
      <c r="A7921" s="1" t="s">
        <v>16086</v>
      </c>
      <c r="B7921" s="1" t="s">
        <v>60897</v>
      </c>
      <c r="C7921" s="1" t="s">
        <v>16087</v>
      </c>
      <c r="D7921" s="2">
        <v>160749</v>
      </c>
      <c r="E7921" s="1" t="s">
        <v>0</v>
      </c>
    </row>
    <row r="7922" spans="1:5" x14ac:dyDescent="0.25">
      <c r="A7922" s="2">
        <v>1584</v>
      </c>
      <c r="B7922" s="2">
        <v>1584</v>
      </c>
      <c r="C7922" s="1" t="s">
        <v>0</v>
      </c>
      <c r="D7922" s="2">
        <v>160750</v>
      </c>
      <c r="E7922" s="1" t="s">
        <v>0</v>
      </c>
    </row>
    <row r="7923" spans="1:5" x14ac:dyDescent="0.25">
      <c r="A7923" s="1" t="s">
        <v>1464</v>
      </c>
      <c r="B7923" s="1" t="s">
        <v>7281</v>
      </c>
      <c r="C7923" s="1" t="s">
        <v>24125</v>
      </c>
      <c r="D7923" s="2">
        <v>160751</v>
      </c>
      <c r="E7923" s="1" t="s">
        <v>0</v>
      </c>
    </row>
    <row r="7924" spans="1:5" x14ac:dyDescent="0.25">
      <c r="A7924" s="1" t="s">
        <v>24126</v>
      </c>
      <c r="B7924" s="1" t="s">
        <v>52799</v>
      </c>
      <c r="C7924" s="1" t="s">
        <v>24127</v>
      </c>
      <c r="D7924" s="2">
        <v>160752</v>
      </c>
      <c r="E7924" s="1" t="s">
        <v>0</v>
      </c>
    </row>
    <row r="7925" spans="1:5" ht="409.5" x14ac:dyDescent="0.25">
      <c r="A7925" s="4" t="s">
        <v>24128</v>
      </c>
      <c r="B7925" s="1" t="s">
        <v>52800</v>
      </c>
      <c r="C7925" s="1" t="s">
        <v>24129</v>
      </c>
      <c r="D7925" s="2">
        <v>160753</v>
      </c>
      <c r="E7925" s="1" t="s">
        <v>0</v>
      </c>
    </row>
    <row r="7926" spans="1:5" x14ac:dyDescent="0.25">
      <c r="A7926" s="1" t="s">
        <v>24130</v>
      </c>
      <c r="B7926" s="1" t="s">
        <v>52801</v>
      </c>
      <c r="C7926" s="1" t="s">
        <v>24131</v>
      </c>
      <c r="D7926" s="2">
        <v>160754</v>
      </c>
      <c r="E7926" s="1" t="s">
        <v>0</v>
      </c>
    </row>
    <row r="7927" spans="1:5" x14ac:dyDescent="0.25">
      <c r="A7927" s="2">
        <v>1585</v>
      </c>
      <c r="B7927" s="2">
        <v>1585</v>
      </c>
      <c r="C7927" s="1" t="s">
        <v>0</v>
      </c>
      <c r="D7927" s="2">
        <v>160755</v>
      </c>
      <c r="E7927" s="1" t="s">
        <v>0</v>
      </c>
    </row>
    <row r="7928" spans="1:5" x14ac:dyDescent="0.25">
      <c r="A7928" s="1" t="s">
        <v>1465</v>
      </c>
      <c r="B7928" s="1" t="s">
        <v>7282</v>
      </c>
      <c r="C7928" s="1" t="s">
        <v>24132</v>
      </c>
      <c r="D7928" s="2">
        <v>160756</v>
      </c>
      <c r="E7928" s="1" t="s">
        <v>0</v>
      </c>
    </row>
    <row r="7929" spans="1:5" x14ac:dyDescent="0.25">
      <c r="A7929" s="1" t="s">
        <v>24133</v>
      </c>
      <c r="B7929" s="1" t="s">
        <v>52802</v>
      </c>
      <c r="C7929" s="1" t="s">
        <v>24134</v>
      </c>
      <c r="D7929" s="2">
        <v>160757</v>
      </c>
      <c r="E7929" s="1" t="s">
        <v>0</v>
      </c>
    </row>
    <row r="7930" spans="1:5" ht="409.5" x14ac:dyDescent="0.25">
      <c r="A7930" s="4" t="s">
        <v>64094</v>
      </c>
      <c r="B7930" s="1" t="s">
        <v>52803</v>
      </c>
      <c r="C7930" s="1" t="s">
        <v>24135</v>
      </c>
      <c r="D7930" s="2">
        <v>160758</v>
      </c>
      <c r="E7930" s="1" t="s">
        <v>0</v>
      </c>
    </row>
    <row r="7931" spans="1:5" x14ac:dyDescent="0.25">
      <c r="A7931" s="1" t="s">
        <v>24136</v>
      </c>
      <c r="B7931" s="1" t="s">
        <v>7283</v>
      </c>
      <c r="C7931" s="1" t="s">
        <v>24137</v>
      </c>
      <c r="D7931" s="2">
        <v>160759</v>
      </c>
      <c r="E7931" s="1" t="s">
        <v>0</v>
      </c>
    </row>
    <row r="7932" spans="1:5" x14ac:dyDescent="0.25">
      <c r="A7932" s="2">
        <v>1586</v>
      </c>
      <c r="B7932" s="2">
        <v>1586</v>
      </c>
      <c r="C7932" s="1" t="s">
        <v>0</v>
      </c>
      <c r="D7932" s="2">
        <v>160760</v>
      </c>
      <c r="E7932" s="1" t="s">
        <v>0</v>
      </c>
    </row>
    <row r="7933" spans="1:5" x14ac:dyDescent="0.25">
      <c r="A7933" s="1" t="s">
        <v>1466</v>
      </c>
      <c r="B7933" s="1" t="s">
        <v>7284</v>
      </c>
      <c r="C7933" s="1" t="s">
        <v>24138</v>
      </c>
      <c r="D7933" s="2">
        <v>160761</v>
      </c>
      <c r="E7933" s="1" t="s">
        <v>0</v>
      </c>
    </row>
    <row r="7934" spans="1:5" x14ac:dyDescent="0.25">
      <c r="A7934" s="1" t="s">
        <v>24139</v>
      </c>
      <c r="B7934" s="1" t="s">
        <v>59002</v>
      </c>
      <c r="C7934" s="1" t="s">
        <v>24140</v>
      </c>
      <c r="D7934" s="2">
        <v>160762</v>
      </c>
      <c r="E7934" s="1" t="s">
        <v>0</v>
      </c>
    </row>
    <row r="7935" spans="1:5" ht="409.5" x14ac:dyDescent="0.25">
      <c r="A7935" s="4" t="s">
        <v>64095</v>
      </c>
      <c r="B7935" s="1" t="s">
        <v>63280</v>
      </c>
      <c r="C7935" s="1" t="s">
        <v>24141</v>
      </c>
      <c r="D7935" s="2">
        <v>160763</v>
      </c>
      <c r="E7935" s="1" t="s">
        <v>0</v>
      </c>
    </row>
    <row r="7936" spans="1:5" x14ac:dyDescent="0.25">
      <c r="A7936" s="1" t="s">
        <v>24142</v>
      </c>
      <c r="B7936" s="1" t="s">
        <v>7285</v>
      </c>
      <c r="C7936" s="1" t="s">
        <v>24143</v>
      </c>
      <c r="D7936" s="2">
        <v>160764</v>
      </c>
      <c r="E7936" s="1" t="s">
        <v>0</v>
      </c>
    </row>
    <row r="7937" spans="1:5" x14ac:dyDescent="0.25">
      <c r="A7937" s="2">
        <v>1587</v>
      </c>
      <c r="B7937" s="2">
        <v>1587</v>
      </c>
      <c r="C7937" s="1" t="s">
        <v>0</v>
      </c>
      <c r="D7937" s="2">
        <v>160765</v>
      </c>
      <c r="E7937" s="1" t="s">
        <v>0</v>
      </c>
    </row>
    <row r="7938" spans="1:5" x14ac:dyDescent="0.25">
      <c r="A7938" s="1" t="s">
        <v>1467</v>
      </c>
      <c r="B7938" s="1" t="s">
        <v>59588</v>
      </c>
      <c r="C7938" s="1" t="s">
        <v>24144</v>
      </c>
      <c r="D7938" s="2">
        <v>160766</v>
      </c>
      <c r="E7938" s="1" t="s">
        <v>0</v>
      </c>
    </row>
    <row r="7939" spans="1:5" x14ac:dyDescent="0.25">
      <c r="A7939" s="1" t="s">
        <v>24145</v>
      </c>
      <c r="B7939" s="1" t="s">
        <v>59589</v>
      </c>
      <c r="C7939" s="1" t="s">
        <v>24146</v>
      </c>
      <c r="D7939" s="2">
        <v>160767</v>
      </c>
      <c r="E7939" s="1" t="s">
        <v>0</v>
      </c>
    </row>
    <row r="7940" spans="1:5" ht="409.5" x14ac:dyDescent="0.25">
      <c r="A7940" s="4" t="s">
        <v>24147</v>
      </c>
      <c r="B7940" s="1" t="s">
        <v>60415</v>
      </c>
      <c r="C7940" s="1" t="s">
        <v>24148</v>
      </c>
      <c r="D7940" s="2">
        <v>160768</v>
      </c>
      <c r="E7940" s="1" t="s">
        <v>0</v>
      </c>
    </row>
    <row r="7941" spans="1:5" x14ac:dyDescent="0.25">
      <c r="A7941" s="1" t="s">
        <v>24149</v>
      </c>
      <c r="B7941" s="1" t="s">
        <v>59590</v>
      </c>
      <c r="C7941" s="1" t="s">
        <v>24150</v>
      </c>
      <c r="D7941" s="2">
        <v>160769</v>
      </c>
      <c r="E7941" s="1" t="s">
        <v>0</v>
      </c>
    </row>
    <row r="7942" spans="1:5" x14ac:dyDescent="0.25">
      <c r="A7942" s="2">
        <v>1588</v>
      </c>
      <c r="B7942" s="2">
        <v>1588</v>
      </c>
      <c r="C7942" s="1" t="s">
        <v>0</v>
      </c>
      <c r="D7942" s="2">
        <v>160770</v>
      </c>
      <c r="E7942" s="1" t="s">
        <v>0</v>
      </c>
    </row>
    <row r="7943" spans="1:5" x14ac:dyDescent="0.25">
      <c r="A7943" s="1" t="s">
        <v>24151</v>
      </c>
      <c r="B7943" s="1" t="s">
        <v>7286</v>
      </c>
      <c r="C7943" s="1" t="s">
        <v>24152</v>
      </c>
      <c r="D7943" s="2">
        <v>160771</v>
      </c>
      <c r="E7943" s="1" t="s">
        <v>0</v>
      </c>
    </row>
    <row r="7944" spans="1:5" x14ac:dyDescent="0.25">
      <c r="A7944" s="1" t="s">
        <v>24153</v>
      </c>
      <c r="B7944" s="1" t="s">
        <v>52804</v>
      </c>
      <c r="C7944" s="1" t="s">
        <v>24154</v>
      </c>
      <c r="D7944" s="2">
        <v>160772</v>
      </c>
      <c r="E7944" s="1" t="s">
        <v>0</v>
      </c>
    </row>
    <row r="7945" spans="1:5" ht="409.5" x14ac:dyDescent="0.25">
      <c r="A7945" s="4" t="s">
        <v>24155</v>
      </c>
      <c r="B7945" s="1" t="s">
        <v>52805</v>
      </c>
      <c r="C7945" s="1" t="s">
        <v>24156</v>
      </c>
      <c r="D7945" s="2">
        <v>160773</v>
      </c>
      <c r="E7945" s="1" t="s">
        <v>0</v>
      </c>
    </row>
    <row r="7946" spans="1:5" x14ac:dyDescent="0.25">
      <c r="A7946" s="1" t="s">
        <v>24157</v>
      </c>
      <c r="B7946" s="1" t="s">
        <v>52806</v>
      </c>
      <c r="C7946" s="1" t="s">
        <v>24158</v>
      </c>
      <c r="D7946" s="2">
        <v>160774</v>
      </c>
      <c r="E7946" s="1" t="s">
        <v>0</v>
      </c>
    </row>
    <row r="7947" spans="1:5" x14ac:dyDescent="0.25">
      <c r="A7947" s="2">
        <v>1589</v>
      </c>
      <c r="B7947" s="2">
        <v>1589</v>
      </c>
      <c r="C7947" s="1" t="s">
        <v>0</v>
      </c>
      <c r="D7947" s="2">
        <v>160775</v>
      </c>
      <c r="E7947" s="1" t="s">
        <v>0</v>
      </c>
    </row>
    <row r="7948" spans="1:5" x14ac:dyDescent="0.25">
      <c r="A7948" s="1" t="s">
        <v>1468</v>
      </c>
      <c r="B7948" s="1" t="s">
        <v>7287</v>
      </c>
      <c r="C7948" s="1" t="s">
        <v>24159</v>
      </c>
      <c r="D7948" s="2">
        <v>160776</v>
      </c>
      <c r="E7948" s="1" t="s">
        <v>0</v>
      </c>
    </row>
    <row r="7949" spans="1:5" x14ac:dyDescent="0.25">
      <c r="A7949" s="1" t="s">
        <v>24160</v>
      </c>
      <c r="B7949" s="1" t="s">
        <v>50593</v>
      </c>
      <c r="C7949" s="1" t="s">
        <v>24161</v>
      </c>
      <c r="D7949" s="2">
        <v>160777</v>
      </c>
      <c r="E7949" s="1" t="s">
        <v>0</v>
      </c>
    </row>
    <row r="7950" spans="1:5" ht="409.5" x14ac:dyDescent="0.25">
      <c r="A7950" s="4" t="s">
        <v>64096</v>
      </c>
      <c r="B7950" s="1" t="s">
        <v>50594</v>
      </c>
      <c r="C7950" s="1" t="s">
        <v>24162</v>
      </c>
      <c r="D7950" s="2">
        <v>160778</v>
      </c>
      <c r="E7950" s="1" t="s">
        <v>0</v>
      </c>
    </row>
    <row r="7951" spans="1:5" x14ac:dyDescent="0.25">
      <c r="A7951" s="1" t="s">
        <v>13810</v>
      </c>
      <c r="B7951" s="1" t="s">
        <v>51183</v>
      </c>
      <c r="C7951" s="1" t="s">
        <v>13811</v>
      </c>
      <c r="D7951" s="2">
        <v>160779</v>
      </c>
      <c r="E7951" s="1" t="s">
        <v>0</v>
      </c>
    </row>
    <row r="7952" spans="1:5" x14ac:dyDescent="0.25">
      <c r="A7952" s="2">
        <v>1590</v>
      </c>
      <c r="B7952" s="2">
        <v>1590</v>
      </c>
      <c r="C7952" s="1" t="s">
        <v>0</v>
      </c>
      <c r="D7952" s="2">
        <v>160780</v>
      </c>
      <c r="E7952" s="1" t="s">
        <v>0</v>
      </c>
    </row>
    <row r="7953" spans="1:5" x14ac:dyDescent="0.25">
      <c r="A7953" s="1" t="s">
        <v>7288</v>
      </c>
      <c r="B7953" s="1" t="s">
        <v>58295</v>
      </c>
      <c r="C7953" s="1" t="s">
        <v>24163</v>
      </c>
      <c r="D7953" s="2">
        <v>160781</v>
      </c>
      <c r="E7953" s="1" t="s">
        <v>0</v>
      </c>
    </row>
    <row r="7954" spans="1:5" x14ac:dyDescent="0.25">
      <c r="A7954" s="1" t="s">
        <v>24164</v>
      </c>
      <c r="B7954" s="1" t="s">
        <v>58296</v>
      </c>
      <c r="C7954" s="1" t="s">
        <v>24165</v>
      </c>
      <c r="D7954" s="2">
        <v>160782</v>
      </c>
      <c r="E7954" s="1" t="s">
        <v>0</v>
      </c>
    </row>
    <row r="7955" spans="1:5" ht="409.5" x14ac:dyDescent="0.25">
      <c r="A7955" s="4" t="s">
        <v>64097</v>
      </c>
      <c r="B7955" s="1" t="s">
        <v>62283</v>
      </c>
      <c r="C7955" s="1" t="s">
        <v>24166</v>
      </c>
      <c r="D7955" s="2">
        <v>160783</v>
      </c>
      <c r="E7955" s="1" t="s">
        <v>0</v>
      </c>
    </row>
    <row r="7956" spans="1:5" x14ac:dyDescent="0.25">
      <c r="A7956" s="1" t="s">
        <v>24167</v>
      </c>
      <c r="B7956" s="1" t="s">
        <v>58297</v>
      </c>
      <c r="C7956" s="1" t="s">
        <v>24168</v>
      </c>
      <c r="D7956" s="2">
        <v>160784</v>
      </c>
      <c r="E7956" s="1" t="s">
        <v>0</v>
      </c>
    </row>
    <row r="7957" spans="1:5" x14ac:dyDescent="0.25">
      <c r="A7957" s="2">
        <v>1591</v>
      </c>
      <c r="B7957" s="2">
        <v>1591</v>
      </c>
      <c r="C7957" s="1" t="s">
        <v>0</v>
      </c>
      <c r="D7957" s="2">
        <v>160785</v>
      </c>
      <c r="E7957" s="1" t="s">
        <v>0</v>
      </c>
    </row>
    <row r="7958" spans="1:5" x14ac:dyDescent="0.25">
      <c r="A7958" s="1" t="s">
        <v>1469</v>
      </c>
      <c r="B7958" s="1" t="s">
        <v>50595</v>
      </c>
      <c r="C7958" s="1" t="s">
        <v>24169</v>
      </c>
      <c r="D7958" s="2">
        <v>160786</v>
      </c>
      <c r="E7958" s="1" t="s">
        <v>0</v>
      </c>
    </row>
    <row r="7959" spans="1:5" x14ac:dyDescent="0.25">
      <c r="A7959" s="1" t="s">
        <v>24170</v>
      </c>
      <c r="B7959" s="1" t="s">
        <v>56928</v>
      </c>
      <c r="C7959" s="1" t="s">
        <v>24171</v>
      </c>
      <c r="D7959" s="2">
        <v>160787</v>
      </c>
      <c r="E7959" s="1" t="s">
        <v>0</v>
      </c>
    </row>
    <row r="7960" spans="1:5" ht="409.5" x14ac:dyDescent="0.25">
      <c r="A7960" s="4" t="s">
        <v>24172</v>
      </c>
      <c r="B7960" s="1" t="s">
        <v>60585</v>
      </c>
      <c r="C7960" s="1" t="s">
        <v>24173</v>
      </c>
      <c r="D7960" s="2">
        <v>160788</v>
      </c>
      <c r="E7960" s="1" t="s">
        <v>0</v>
      </c>
    </row>
    <row r="7961" spans="1:5" x14ac:dyDescent="0.25">
      <c r="A7961" s="1" t="s">
        <v>24174</v>
      </c>
      <c r="B7961" s="1" t="s">
        <v>52807</v>
      </c>
      <c r="C7961" s="1" t="s">
        <v>24175</v>
      </c>
      <c r="D7961" s="2">
        <v>160789</v>
      </c>
      <c r="E7961" s="1" t="s">
        <v>0</v>
      </c>
    </row>
    <row r="7962" spans="1:5" x14ac:dyDescent="0.25">
      <c r="A7962" s="2">
        <v>1592</v>
      </c>
      <c r="B7962" s="2">
        <v>1592</v>
      </c>
      <c r="C7962" s="1" t="s">
        <v>0</v>
      </c>
      <c r="D7962" s="2">
        <v>160790</v>
      </c>
      <c r="E7962" s="1" t="s">
        <v>0</v>
      </c>
    </row>
    <row r="7963" spans="1:5" x14ac:dyDescent="0.25">
      <c r="A7963" s="1" t="s">
        <v>7289</v>
      </c>
      <c r="B7963" s="1" t="s">
        <v>7290</v>
      </c>
      <c r="C7963" s="1" t="s">
        <v>24176</v>
      </c>
      <c r="D7963" s="2">
        <v>160791</v>
      </c>
      <c r="E7963" s="1" t="s">
        <v>0</v>
      </c>
    </row>
    <row r="7964" spans="1:5" x14ac:dyDescent="0.25">
      <c r="A7964" s="1" t="s">
        <v>24177</v>
      </c>
      <c r="B7964" s="1" t="s">
        <v>58298</v>
      </c>
      <c r="C7964" s="1" t="s">
        <v>24178</v>
      </c>
      <c r="D7964" s="2">
        <v>160792</v>
      </c>
      <c r="E7964" s="1" t="s">
        <v>0</v>
      </c>
    </row>
    <row r="7965" spans="1:5" ht="409.5" x14ac:dyDescent="0.25">
      <c r="A7965" s="4" t="s">
        <v>24179</v>
      </c>
      <c r="B7965" s="1" t="s">
        <v>62284</v>
      </c>
      <c r="C7965" s="1" t="s">
        <v>24180</v>
      </c>
      <c r="D7965" s="2">
        <v>160793</v>
      </c>
      <c r="E7965" s="1" t="s">
        <v>0</v>
      </c>
    </row>
    <row r="7966" spans="1:5" x14ac:dyDescent="0.25">
      <c r="A7966" s="1" t="s">
        <v>24181</v>
      </c>
      <c r="B7966" s="1" t="s">
        <v>1470</v>
      </c>
      <c r="C7966" s="1" t="s">
        <v>24182</v>
      </c>
      <c r="D7966" s="2">
        <v>160794</v>
      </c>
      <c r="E7966" s="1" t="s">
        <v>0</v>
      </c>
    </row>
    <row r="7967" spans="1:5" x14ac:dyDescent="0.25">
      <c r="A7967" s="2">
        <v>1593</v>
      </c>
      <c r="B7967" s="2">
        <v>1593</v>
      </c>
      <c r="C7967" s="1" t="s">
        <v>0</v>
      </c>
      <c r="D7967" s="2">
        <v>160795</v>
      </c>
      <c r="E7967" s="1" t="s">
        <v>0</v>
      </c>
    </row>
    <row r="7968" spans="1:5" x14ac:dyDescent="0.25">
      <c r="A7968" s="1" t="s">
        <v>1471</v>
      </c>
      <c r="B7968" s="1" t="s">
        <v>7291</v>
      </c>
      <c r="C7968" s="1" t="s">
        <v>24183</v>
      </c>
      <c r="D7968" s="2">
        <v>160796</v>
      </c>
      <c r="E7968" s="1" t="s">
        <v>0</v>
      </c>
    </row>
    <row r="7969" spans="1:5" x14ac:dyDescent="0.25">
      <c r="A7969" s="1" t="s">
        <v>24184</v>
      </c>
      <c r="B7969" s="1" t="s">
        <v>62285</v>
      </c>
      <c r="C7969" s="1" t="s">
        <v>24185</v>
      </c>
      <c r="D7969" s="2">
        <v>160797</v>
      </c>
      <c r="E7969" s="1" t="s">
        <v>0</v>
      </c>
    </row>
    <row r="7970" spans="1:5" ht="409.5" x14ac:dyDescent="0.25">
      <c r="A7970" s="4" t="s">
        <v>24186</v>
      </c>
      <c r="B7970" s="1" t="s">
        <v>62286</v>
      </c>
      <c r="C7970" s="1" t="s">
        <v>24187</v>
      </c>
      <c r="D7970" s="2">
        <v>160798</v>
      </c>
      <c r="E7970" s="1" t="s">
        <v>0</v>
      </c>
    </row>
    <row r="7971" spans="1:5" x14ac:dyDescent="0.25">
      <c r="A7971" s="1" t="s">
        <v>24188</v>
      </c>
      <c r="B7971" s="1" t="s">
        <v>52808</v>
      </c>
      <c r="C7971" s="1" t="s">
        <v>24189</v>
      </c>
      <c r="D7971" s="2">
        <v>160799</v>
      </c>
      <c r="E7971" s="1" t="s">
        <v>0</v>
      </c>
    </row>
    <row r="7972" spans="1:5" x14ac:dyDescent="0.25">
      <c r="A7972" s="2">
        <v>1594</v>
      </c>
      <c r="B7972" s="2">
        <v>1594</v>
      </c>
      <c r="C7972" s="1" t="s">
        <v>0</v>
      </c>
      <c r="D7972" s="2">
        <v>160800</v>
      </c>
      <c r="E7972" s="1" t="s">
        <v>0</v>
      </c>
    </row>
    <row r="7973" spans="1:5" x14ac:dyDescent="0.25">
      <c r="A7973" s="1" t="s">
        <v>1472</v>
      </c>
      <c r="B7973" s="1" t="s">
        <v>50596</v>
      </c>
      <c r="C7973" s="1" t="s">
        <v>24190</v>
      </c>
      <c r="D7973" s="2">
        <v>160801</v>
      </c>
      <c r="E7973" s="1" t="s">
        <v>0</v>
      </c>
    </row>
    <row r="7974" spans="1:5" x14ac:dyDescent="0.25">
      <c r="A7974" s="1" t="s">
        <v>24191</v>
      </c>
      <c r="B7974" s="1" t="s">
        <v>52809</v>
      </c>
      <c r="C7974" s="1" t="s">
        <v>24192</v>
      </c>
      <c r="D7974" s="2">
        <v>160802</v>
      </c>
      <c r="E7974" s="1" t="s">
        <v>0</v>
      </c>
    </row>
    <row r="7975" spans="1:5" ht="409.5" x14ac:dyDescent="0.25">
      <c r="A7975" s="4" t="s">
        <v>24193</v>
      </c>
      <c r="B7975" s="1" t="s">
        <v>52810</v>
      </c>
      <c r="C7975" s="1" t="s">
        <v>24194</v>
      </c>
      <c r="D7975" s="2">
        <v>160803</v>
      </c>
      <c r="E7975" s="1" t="s">
        <v>0</v>
      </c>
    </row>
    <row r="7976" spans="1:5" x14ac:dyDescent="0.25">
      <c r="A7976" s="1" t="s">
        <v>24195</v>
      </c>
      <c r="B7976" s="1" t="s">
        <v>52811</v>
      </c>
      <c r="C7976" s="1" t="s">
        <v>24196</v>
      </c>
      <c r="D7976" s="2">
        <v>160804</v>
      </c>
      <c r="E7976" s="1" t="s">
        <v>0</v>
      </c>
    </row>
    <row r="7977" spans="1:5" x14ac:dyDescent="0.25">
      <c r="A7977" s="2">
        <v>1595</v>
      </c>
      <c r="B7977" s="2">
        <v>1595</v>
      </c>
      <c r="C7977" s="1" t="s">
        <v>0</v>
      </c>
      <c r="D7977" s="2">
        <v>160805</v>
      </c>
      <c r="E7977" s="1" t="s">
        <v>0</v>
      </c>
    </row>
    <row r="7978" spans="1:5" x14ac:dyDescent="0.25">
      <c r="A7978" s="1" t="s">
        <v>1473</v>
      </c>
      <c r="B7978" s="1" t="s">
        <v>52812</v>
      </c>
      <c r="C7978" s="1" t="s">
        <v>24197</v>
      </c>
      <c r="D7978" s="2">
        <v>160806</v>
      </c>
      <c r="E7978" s="1" t="s">
        <v>0</v>
      </c>
    </row>
    <row r="7979" spans="1:5" x14ac:dyDescent="0.25">
      <c r="A7979" s="1" t="s">
        <v>24198</v>
      </c>
      <c r="B7979" s="1" t="s">
        <v>52813</v>
      </c>
      <c r="C7979" s="1" t="s">
        <v>24199</v>
      </c>
      <c r="D7979" s="2">
        <v>160807</v>
      </c>
      <c r="E7979" s="1" t="s">
        <v>0</v>
      </c>
    </row>
    <row r="7980" spans="1:5" ht="409.5" x14ac:dyDescent="0.25">
      <c r="A7980" s="4" t="s">
        <v>24200</v>
      </c>
      <c r="B7980" s="1" t="s">
        <v>52814</v>
      </c>
      <c r="C7980" s="1" t="s">
        <v>24201</v>
      </c>
      <c r="D7980" s="2">
        <v>160808</v>
      </c>
      <c r="E7980" s="1" t="s">
        <v>0</v>
      </c>
    </row>
    <row r="7981" spans="1:5" x14ac:dyDescent="0.25">
      <c r="A7981" s="1" t="s">
        <v>24202</v>
      </c>
      <c r="B7981" s="1" t="s">
        <v>52815</v>
      </c>
      <c r="C7981" s="1" t="s">
        <v>24203</v>
      </c>
      <c r="D7981" s="2">
        <v>160809</v>
      </c>
      <c r="E7981" s="1" t="s">
        <v>0</v>
      </c>
    </row>
    <row r="7982" spans="1:5" x14ac:dyDescent="0.25">
      <c r="A7982" s="2">
        <v>1596</v>
      </c>
      <c r="B7982" s="2">
        <v>1596</v>
      </c>
      <c r="C7982" s="1" t="s">
        <v>0</v>
      </c>
      <c r="D7982" s="2">
        <v>160810</v>
      </c>
      <c r="E7982" s="1" t="s">
        <v>0</v>
      </c>
    </row>
    <row r="7983" spans="1:5" x14ac:dyDescent="0.25">
      <c r="A7983" s="1" t="s">
        <v>1474</v>
      </c>
      <c r="B7983" s="1" t="s">
        <v>7292</v>
      </c>
      <c r="C7983" s="1" t="s">
        <v>24204</v>
      </c>
      <c r="D7983" s="2">
        <v>160811</v>
      </c>
      <c r="E7983" s="1" t="s">
        <v>0</v>
      </c>
    </row>
    <row r="7984" spans="1:5" x14ac:dyDescent="0.25">
      <c r="A7984" s="1" t="s">
        <v>1475</v>
      </c>
      <c r="B7984" s="1" t="s">
        <v>52816</v>
      </c>
      <c r="C7984" s="1" t="s">
        <v>24205</v>
      </c>
      <c r="D7984" s="2">
        <v>160812</v>
      </c>
      <c r="E7984" s="1" t="s">
        <v>0</v>
      </c>
    </row>
    <row r="7985" spans="1:5" ht="409.5" x14ac:dyDescent="0.25">
      <c r="A7985" s="4" t="s">
        <v>24206</v>
      </c>
      <c r="B7985" s="1" t="s">
        <v>61549</v>
      </c>
      <c r="C7985" s="1" t="s">
        <v>24207</v>
      </c>
      <c r="D7985" s="2">
        <v>160813</v>
      </c>
      <c r="E7985" s="1" t="s">
        <v>0</v>
      </c>
    </row>
    <row r="7986" spans="1:5" x14ac:dyDescent="0.25">
      <c r="A7986" s="1" t="s">
        <v>14572</v>
      </c>
      <c r="B7986" s="1" t="s">
        <v>60869</v>
      </c>
      <c r="C7986" s="1" t="s">
        <v>14573</v>
      </c>
      <c r="D7986" s="2">
        <v>160814</v>
      </c>
      <c r="E7986" s="1" t="s">
        <v>0</v>
      </c>
    </row>
    <row r="7987" spans="1:5" x14ac:dyDescent="0.25">
      <c r="A7987" s="2">
        <v>1597</v>
      </c>
      <c r="B7987" s="2">
        <v>1597</v>
      </c>
      <c r="C7987" s="1" t="s">
        <v>0</v>
      </c>
      <c r="D7987" s="2">
        <v>160815</v>
      </c>
      <c r="E7987" s="1" t="s">
        <v>0</v>
      </c>
    </row>
    <row r="7988" spans="1:5" x14ac:dyDescent="0.25">
      <c r="A7988" s="1" t="s">
        <v>1476</v>
      </c>
      <c r="B7988" s="1" t="s">
        <v>7293</v>
      </c>
      <c r="C7988" s="1" t="s">
        <v>24208</v>
      </c>
      <c r="D7988" s="2">
        <v>160816</v>
      </c>
      <c r="E7988" s="1" t="s">
        <v>0</v>
      </c>
    </row>
    <row r="7989" spans="1:5" x14ac:dyDescent="0.25">
      <c r="A7989" s="1" t="s">
        <v>24209</v>
      </c>
      <c r="B7989" s="1" t="s">
        <v>52817</v>
      </c>
      <c r="C7989" s="1" t="s">
        <v>24210</v>
      </c>
      <c r="D7989" s="2">
        <v>160817</v>
      </c>
      <c r="E7989" s="1" t="s">
        <v>0</v>
      </c>
    </row>
    <row r="7990" spans="1:5" ht="409.5" x14ac:dyDescent="0.25">
      <c r="A7990" s="4" t="s">
        <v>24211</v>
      </c>
      <c r="B7990" s="1" t="s">
        <v>59906</v>
      </c>
      <c r="C7990" s="1" t="s">
        <v>24212</v>
      </c>
      <c r="D7990" s="2">
        <v>160818</v>
      </c>
      <c r="E7990" s="1" t="s">
        <v>0</v>
      </c>
    </row>
    <row r="7991" spans="1:5" x14ac:dyDescent="0.25">
      <c r="A7991" s="1" t="s">
        <v>24213</v>
      </c>
      <c r="B7991" s="1" t="s">
        <v>7294</v>
      </c>
      <c r="C7991" s="1" t="s">
        <v>24214</v>
      </c>
      <c r="D7991" s="2">
        <v>160819</v>
      </c>
      <c r="E7991" s="1" t="s">
        <v>0</v>
      </c>
    </row>
    <row r="7992" spans="1:5" x14ac:dyDescent="0.25">
      <c r="A7992" s="2">
        <v>1598</v>
      </c>
      <c r="B7992" s="2">
        <v>1598</v>
      </c>
      <c r="C7992" s="1" t="s">
        <v>0</v>
      </c>
      <c r="D7992" s="2">
        <v>160820</v>
      </c>
      <c r="E7992" s="1" t="s">
        <v>0</v>
      </c>
    </row>
    <row r="7993" spans="1:5" x14ac:dyDescent="0.25">
      <c r="A7993" s="1" t="s">
        <v>1477</v>
      </c>
      <c r="B7993" s="1" t="s">
        <v>7295</v>
      </c>
      <c r="C7993" s="1" t="s">
        <v>24215</v>
      </c>
      <c r="D7993" s="2">
        <v>160821</v>
      </c>
      <c r="E7993" s="1" t="s">
        <v>0</v>
      </c>
    </row>
    <row r="7994" spans="1:5" x14ac:dyDescent="0.25">
      <c r="A7994" s="1" t="s">
        <v>24216</v>
      </c>
      <c r="B7994" s="1" t="s">
        <v>7296</v>
      </c>
      <c r="C7994" s="1" t="s">
        <v>24217</v>
      </c>
      <c r="D7994" s="2">
        <v>160822</v>
      </c>
      <c r="E7994" s="1" t="s">
        <v>0</v>
      </c>
    </row>
    <row r="7995" spans="1:5" ht="409.5" x14ac:dyDescent="0.25">
      <c r="A7995" s="4" t="s">
        <v>24218</v>
      </c>
      <c r="B7995" s="1" t="s">
        <v>62287</v>
      </c>
      <c r="C7995" s="1" t="s">
        <v>24219</v>
      </c>
      <c r="D7995" s="2">
        <v>160823</v>
      </c>
      <c r="E7995" s="1" t="s">
        <v>0</v>
      </c>
    </row>
    <row r="7996" spans="1:5" x14ac:dyDescent="0.25">
      <c r="A7996" s="1" t="s">
        <v>24220</v>
      </c>
      <c r="B7996" s="1" t="s">
        <v>52818</v>
      </c>
      <c r="C7996" s="1" t="s">
        <v>24221</v>
      </c>
      <c r="D7996" s="2">
        <v>160824</v>
      </c>
      <c r="E7996" s="1" t="s">
        <v>0</v>
      </c>
    </row>
    <row r="7997" spans="1:5" x14ac:dyDescent="0.25">
      <c r="A7997" s="2">
        <v>1599</v>
      </c>
      <c r="B7997" s="2">
        <v>1599</v>
      </c>
      <c r="C7997" s="1" t="s">
        <v>0</v>
      </c>
      <c r="D7997" s="2">
        <v>160825</v>
      </c>
      <c r="E7997" s="1" t="s">
        <v>0</v>
      </c>
    </row>
    <row r="7998" spans="1:5" x14ac:dyDescent="0.25">
      <c r="A7998" s="1" t="s">
        <v>1478</v>
      </c>
      <c r="B7998" s="1" t="s">
        <v>7297</v>
      </c>
      <c r="C7998" s="1" t="s">
        <v>24222</v>
      </c>
      <c r="D7998" s="2">
        <v>160826</v>
      </c>
      <c r="E7998" s="1" t="s">
        <v>0</v>
      </c>
    </row>
    <row r="7999" spans="1:5" x14ac:dyDescent="0.25">
      <c r="A7999" s="1" t="s">
        <v>24223</v>
      </c>
      <c r="B7999" s="1" t="s">
        <v>7298</v>
      </c>
      <c r="C7999" s="1" t="s">
        <v>24224</v>
      </c>
      <c r="D7999" s="2">
        <v>160827</v>
      </c>
      <c r="E7999" s="1" t="s">
        <v>0</v>
      </c>
    </row>
    <row r="8000" spans="1:5" ht="409.5" x14ac:dyDescent="0.25">
      <c r="A8000" s="4" t="s">
        <v>24225</v>
      </c>
      <c r="B8000" s="1" t="s">
        <v>24226</v>
      </c>
      <c r="C8000" s="1" t="s">
        <v>24227</v>
      </c>
      <c r="D8000" s="2">
        <v>160828</v>
      </c>
      <c r="E8000" s="1" t="s">
        <v>0</v>
      </c>
    </row>
    <row r="8001" spans="1:5" x14ac:dyDescent="0.25">
      <c r="A8001" s="1" t="s">
        <v>24228</v>
      </c>
      <c r="B8001" s="1" t="s">
        <v>57176</v>
      </c>
      <c r="C8001" s="1" t="s">
        <v>24229</v>
      </c>
      <c r="D8001" s="2">
        <v>160829</v>
      </c>
      <c r="E8001" s="1" t="s">
        <v>0</v>
      </c>
    </row>
    <row r="8002" spans="1:5" x14ac:dyDescent="0.25">
      <c r="A8002" s="2">
        <v>1600</v>
      </c>
      <c r="B8002" s="2">
        <v>1600</v>
      </c>
      <c r="C8002" s="1" t="s">
        <v>0</v>
      </c>
      <c r="D8002" s="2">
        <v>160830</v>
      </c>
      <c r="E8002" s="1" t="s">
        <v>0</v>
      </c>
    </row>
    <row r="8003" spans="1:5" x14ac:dyDescent="0.25">
      <c r="A8003" s="1" t="s">
        <v>1479</v>
      </c>
      <c r="B8003" s="1" t="s">
        <v>52819</v>
      </c>
      <c r="C8003" s="1" t="s">
        <v>24230</v>
      </c>
      <c r="D8003" s="2">
        <v>160831</v>
      </c>
      <c r="E8003" s="1" t="s">
        <v>0</v>
      </c>
    </row>
    <row r="8004" spans="1:5" x14ac:dyDescent="0.25">
      <c r="A8004" s="1" t="s">
        <v>24231</v>
      </c>
      <c r="B8004" s="1" t="s">
        <v>7299</v>
      </c>
      <c r="C8004" s="1" t="s">
        <v>24232</v>
      </c>
      <c r="D8004" s="2">
        <v>160832</v>
      </c>
      <c r="E8004" s="1" t="s">
        <v>0</v>
      </c>
    </row>
    <row r="8005" spans="1:5" ht="409.5" x14ac:dyDescent="0.25">
      <c r="A8005" s="4" t="s">
        <v>24233</v>
      </c>
      <c r="B8005" s="1" t="s">
        <v>7300</v>
      </c>
      <c r="C8005" s="1" t="s">
        <v>24234</v>
      </c>
      <c r="D8005" s="2">
        <v>160833</v>
      </c>
      <c r="E8005" s="1" t="s">
        <v>0</v>
      </c>
    </row>
    <row r="8006" spans="1:5" x14ac:dyDescent="0.25">
      <c r="A8006" s="1" t="s">
        <v>24235</v>
      </c>
      <c r="B8006" s="1" t="s">
        <v>7301</v>
      </c>
      <c r="C8006" s="1" t="s">
        <v>1480</v>
      </c>
      <c r="D8006" s="2">
        <v>160834</v>
      </c>
      <c r="E8006" s="1" t="s">
        <v>0</v>
      </c>
    </row>
    <row r="8007" spans="1:5" x14ac:dyDescent="0.25">
      <c r="A8007" s="2">
        <v>1601</v>
      </c>
      <c r="B8007" s="2">
        <v>1601</v>
      </c>
      <c r="C8007" s="1" t="s">
        <v>0</v>
      </c>
      <c r="D8007" s="2">
        <v>160835</v>
      </c>
      <c r="E8007" s="1" t="s">
        <v>0</v>
      </c>
    </row>
    <row r="8008" spans="1:5" x14ac:dyDescent="0.25">
      <c r="A8008" s="1" t="s">
        <v>1481</v>
      </c>
      <c r="B8008" s="1" t="s">
        <v>7302</v>
      </c>
      <c r="C8008" s="1" t="s">
        <v>24236</v>
      </c>
      <c r="D8008" s="2">
        <v>160836</v>
      </c>
      <c r="E8008" s="1" t="s">
        <v>0</v>
      </c>
    </row>
    <row r="8009" spans="1:5" x14ac:dyDescent="0.25">
      <c r="A8009" s="1" t="s">
        <v>24237</v>
      </c>
      <c r="B8009" s="1" t="s">
        <v>52820</v>
      </c>
      <c r="C8009" s="1" t="s">
        <v>24238</v>
      </c>
      <c r="D8009" s="2">
        <v>160837</v>
      </c>
      <c r="E8009" s="1" t="s">
        <v>0</v>
      </c>
    </row>
    <row r="8010" spans="1:5" ht="409.5" x14ac:dyDescent="0.25">
      <c r="A8010" s="4" t="s">
        <v>24239</v>
      </c>
      <c r="B8010" s="1" t="s">
        <v>52821</v>
      </c>
      <c r="C8010" s="1" t="s">
        <v>24240</v>
      </c>
      <c r="D8010" s="2">
        <v>160838</v>
      </c>
      <c r="E8010" s="1" t="s">
        <v>0</v>
      </c>
    </row>
    <row r="8011" spans="1:5" x14ac:dyDescent="0.25">
      <c r="A8011" s="1" t="s">
        <v>24241</v>
      </c>
      <c r="B8011" s="1" t="s">
        <v>52822</v>
      </c>
      <c r="C8011" s="1" t="s">
        <v>24242</v>
      </c>
      <c r="D8011" s="2">
        <v>160839</v>
      </c>
      <c r="E8011" s="1" t="s">
        <v>0</v>
      </c>
    </row>
    <row r="8012" spans="1:5" x14ac:dyDescent="0.25">
      <c r="A8012" s="2">
        <v>1602</v>
      </c>
      <c r="B8012" s="2">
        <v>1602</v>
      </c>
      <c r="C8012" s="1" t="s">
        <v>0</v>
      </c>
      <c r="D8012" s="2">
        <v>160840</v>
      </c>
      <c r="E8012" s="1" t="s">
        <v>0</v>
      </c>
    </row>
    <row r="8013" spans="1:5" x14ac:dyDescent="0.25">
      <c r="A8013" s="1" t="s">
        <v>1482</v>
      </c>
      <c r="B8013" s="1" t="s">
        <v>7303</v>
      </c>
      <c r="C8013" s="1" t="s">
        <v>24243</v>
      </c>
      <c r="D8013" s="2">
        <v>160841</v>
      </c>
      <c r="E8013" s="1" t="s">
        <v>0</v>
      </c>
    </row>
    <row r="8014" spans="1:5" x14ac:dyDescent="0.25">
      <c r="A8014" s="1" t="s">
        <v>24244</v>
      </c>
      <c r="B8014" s="1" t="s">
        <v>52823</v>
      </c>
      <c r="C8014" s="1" t="s">
        <v>24245</v>
      </c>
      <c r="D8014" s="2">
        <v>160842</v>
      </c>
      <c r="E8014" s="1" t="s">
        <v>0</v>
      </c>
    </row>
    <row r="8015" spans="1:5" ht="409.5" x14ac:dyDescent="0.25">
      <c r="A8015" s="4" t="s">
        <v>24246</v>
      </c>
      <c r="B8015" s="1" t="s">
        <v>52824</v>
      </c>
      <c r="C8015" s="1" t="s">
        <v>24247</v>
      </c>
      <c r="D8015" s="2">
        <v>160843</v>
      </c>
      <c r="E8015" s="1" t="s">
        <v>0</v>
      </c>
    </row>
    <row r="8016" spans="1:5" x14ac:dyDescent="0.25">
      <c r="A8016" s="1" t="s">
        <v>24248</v>
      </c>
      <c r="B8016" s="1" t="s">
        <v>52825</v>
      </c>
      <c r="C8016" s="1" t="s">
        <v>24249</v>
      </c>
      <c r="D8016" s="2">
        <v>160844</v>
      </c>
      <c r="E8016" s="1" t="s">
        <v>0</v>
      </c>
    </row>
    <row r="8017" spans="1:5" x14ac:dyDescent="0.25">
      <c r="A8017" s="2">
        <v>1603</v>
      </c>
      <c r="B8017" s="2">
        <v>1603</v>
      </c>
      <c r="C8017" s="1" t="s">
        <v>0</v>
      </c>
      <c r="D8017" s="2">
        <v>160845</v>
      </c>
      <c r="E8017" s="1" t="s">
        <v>0</v>
      </c>
    </row>
    <row r="8018" spans="1:5" x14ac:dyDescent="0.25">
      <c r="A8018" s="1" t="s">
        <v>1483</v>
      </c>
      <c r="B8018" s="1" t="s">
        <v>7304</v>
      </c>
      <c r="C8018" s="1" t="s">
        <v>24250</v>
      </c>
      <c r="D8018" s="2">
        <v>160846</v>
      </c>
      <c r="E8018" s="1" t="s">
        <v>0</v>
      </c>
    </row>
    <row r="8019" spans="1:5" x14ac:dyDescent="0.25">
      <c r="A8019" s="1" t="s">
        <v>24251</v>
      </c>
      <c r="B8019" s="1" t="s">
        <v>7305</v>
      </c>
      <c r="C8019" s="1" t="s">
        <v>24252</v>
      </c>
      <c r="D8019" s="2">
        <v>160847</v>
      </c>
      <c r="E8019" s="1" t="s">
        <v>0</v>
      </c>
    </row>
    <row r="8020" spans="1:5" ht="409.5" x14ac:dyDescent="0.25">
      <c r="A8020" s="4" t="s">
        <v>24253</v>
      </c>
      <c r="B8020" s="1" t="s">
        <v>52826</v>
      </c>
      <c r="C8020" s="1" t="s">
        <v>24254</v>
      </c>
      <c r="D8020" s="2">
        <v>160848</v>
      </c>
      <c r="E8020" s="1" t="s">
        <v>0</v>
      </c>
    </row>
    <row r="8021" spans="1:5" x14ac:dyDescent="0.25">
      <c r="A8021" s="1" t="s">
        <v>24255</v>
      </c>
      <c r="B8021" s="1" t="s">
        <v>52827</v>
      </c>
      <c r="C8021" s="1" t="s">
        <v>24256</v>
      </c>
      <c r="D8021" s="2">
        <v>160849</v>
      </c>
      <c r="E8021" s="1" t="s">
        <v>0</v>
      </c>
    </row>
    <row r="8022" spans="1:5" x14ac:dyDescent="0.25">
      <c r="A8022" s="2">
        <v>1604</v>
      </c>
      <c r="B8022" s="2">
        <v>1604</v>
      </c>
      <c r="C8022" s="1" t="s">
        <v>0</v>
      </c>
      <c r="D8022" s="2">
        <v>160850</v>
      </c>
      <c r="E8022" s="1" t="s">
        <v>0</v>
      </c>
    </row>
    <row r="8023" spans="1:5" x14ac:dyDescent="0.25">
      <c r="A8023" s="1" t="s">
        <v>1484</v>
      </c>
      <c r="B8023" s="1" t="s">
        <v>7306</v>
      </c>
      <c r="C8023" s="1" t="s">
        <v>24257</v>
      </c>
      <c r="D8023" s="2">
        <v>160851</v>
      </c>
      <c r="E8023" s="1" t="s">
        <v>0</v>
      </c>
    </row>
    <row r="8024" spans="1:5" x14ac:dyDescent="0.25">
      <c r="A8024" s="1" t="s">
        <v>24258</v>
      </c>
      <c r="B8024" s="1" t="s">
        <v>57021</v>
      </c>
      <c r="C8024" s="1" t="s">
        <v>24259</v>
      </c>
      <c r="D8024" s="2">
        <v>160852</v>
      </c>
      <c r="E8024" s="1" t="s">
        <v>0</v>
      </c>
    </row>
    <row r="8025" spans="1:5" ht="409.5" x14ac:dyDescent="0.25">
      <c r="A8025" s="4" t="s">
        <v>24260</v>
      </c>
      <c r="B8025" s="1" t="s">
        <v>57022</v>
      </c>
      <c r="C8025" s="1" t="s">
        <v>24261</v>
      </c>
      <c r="D8025" s="2">
        <v>160853</v>
      </c>
      <c r="E8025" s="1" t="s">
        <v>0</v>
      </c>
    </row>
    <row r="8026" spans="1:5" x14ac:dyDescent="0.25">
      <c r="A8026" s="1" t="s">
        <v>24262</v>
      </c>
      <c r="B8026" s="1" t="s">
        <v>57177</v>
      </c>
      <c r="C8026" s="1" t="s">
        <v>24263</v>
      </c>
      <c r="D8026" s="2">
        <v>160854</v>
      </c>
      <c r="E8026" s="1" t="s">
        <v>0</v>
      </c>
    </row>
    <row r="8027" spans="1:5" x14ac:dyDescent="0.25">
      <c r="A8027" s="2">
        <v>1605</v>
      </c>
      <c r="B8027" s="2">
        <v>1605</v>
      </c>
      <c r="C8027" s="1" t="s">
        <v>0</v>
      </c>
      <c r="D8027" s="2">
        <v>160855</v>
      </c>
      <c r="E8027" s="1" t="s">
        <v>0</v>
      </c>
    </row>
    <row r="8028" spans="1:5" x14ac:dyDescent="0.25">
      <c r="A8028" s="1" t="s">
        <v>1485</v>
      </c>
      <c r="B8028" s="1" t="s">
        <v>7307</v>
      </c>
      <c r="C8028" s="1" t="s">
        <v>24264</v>
      </c>
      <c r="D8028" s="2">
        <v>160856</v>
      </c>
      <c r="E8028" s="1" t="s">
        <v>0</v>
      </c>
    </row>
    <row r="8029" spans="1:5" x14ac:dyDescent="0.25">
      <c r="A8029" s="1" t="s">
        <v>24265</v>
      </c>
      <c r="B8029" s="1" t="s">
        <v>52828</v>
      </c>
      <c r="C8029" s="1" t="s">
        <v>24266</v>
      </c>
      <c r="D8029" s="2">
        <v>160857</v>
      </c>
      <c r="E8029" s="1" t="s">
        <v>0</v>
      </c>
    </row>
    <row r="8030" spans="1:5" ht="409.5" x14ac:dyDescent="0.25">
      <c r="A8030" s="4" t="s">
        <v>24267</v>
      </c>
      <c r="B8030" s="1" t="s">
        <v>52829</v>
      </c>
      <c r="C8030" s="1" t="s">
        <v>24268</v>
      </c>
      <c r="D8030" s="2">
        <v>160858</v>
      </c>
      <c r="E8030" s="1" t="s">
        <v>0</v>
      </c>
    </row>
    <row r="8031" spans="1:5" x14ac:dyDescent="0.25">
      <c r="A8031" s="1" t="s">
        <v>24269</v>
      </c>
      <c r="B8031" s="1" t="s">
        <v>52830</v>
      </c>
      <c r="C8031" s="1" t="s">
        <v>24270</v>
      </c>
      <c r="D8031" s="2">
        <v>160859</v>
      </c>
      <c r="E8031" s="1" t="s">
        <v>0</v>
      </c>
    </row>
    <row r="8032" spans="1:5" x14ac:dyDescent="0.25">
      <c r="A8032" s="2">
        <v>1606</v>
      </c>
      <c r="B8032" s="2">
        <v>1606</v>
      </c>
      <c r="C8032" s="1" t="s">
        <v>0</v>
      </c>
      <c r="D8032" s="2">
        <v>160860</v>
      </c>
      <c r="E8032" s="1" t="s">
        <v>0</v>
      </c>
    </row>
    <row r="8033" spans="1:5" x14ac:dyDescent="0.25">
      <c r="A8033" s="1" t="s">
        <v>1486</v>
      </c>
      <c r="B8033" s="1" t="s">
        <v>7308</v>
      </c>
      <c r="C8033" s="1" t="s">
        <v>24271</v>
      </c>
      <c r="D8033" s="2">
        <v>160861</v>
      </c>
      <c r="E8033" s="1" t="s">
        <v>0</v>
      </c>
    </row>
    <row r="8034" spans="1:5" x14ac:dyDescent="0.25">
      <c r="A8034" s="1" t="s">
        <v>24272</v>
      </c>
      <c r="B8034" s="1" t="s">
        <v>7309</v>
      </c>
      <c r="C8034" s="1" t="s">
        <v>24273</v>
      </c>
      <c r="D8034" s="2">
        <v>160862</v>
      </c>
      <c r="E8034" s="1" t="s">
        <v>0</v>
      </c>
    </row>
    <row r="8035" spans="1:5" ht="409.5" x14ac:dyDescent="0.25">
      <c r="A8035" s="4" t="s">
        <v>24274</v>
      </c>
      <c r="B8035" s="1" t="s">
        <v>7310</v>
      </c>
      <c r="C8035" s="1" t="s">
        <v>24275</v>
      </c>
      <c r="D8035" s="2">
        <v>160863</v>
      </c>
      <c r="E8035" s="1" t="s">
        <v>0</v>
      </c>
    </row>
    <row r="8036" spans="1:5" x14ac:dyDescent="0.25">
      <c r="A8036" s="1" t="s">
        <v>24276</v>
      </c>
      <c r="B8036" s="1" t="s">
        <v>52831</v>
      </c>
      <c r="C8036" s="1" t="s">
        <v>24277</v>
      </c>
      <c r="D8036" s="2">
        <v>160864</v>
      </c>
      <c r="E8036" s="1" t="s">
        <v>0</v>
      </c>
    </row>
    <row r="8037" spans="1:5" x14ac:dyDescent="0.25">
      <c r="A8037" s="2">
        <v>1607</v>
      </c>
      <c r="B8037" s="2">
        <v>1607</v>
      </c>
      <c r="C8037" s="1" t="s">
        <v>0</v>
      </c>
      <c r="D8037" s="2">
        <v>160865</v>
      </c>
      <c r="E8037" s="1" t="s">
        <v>0</v>
      </c>
    </row>
    <row r="8038" spans="1:5" x14ac:dyDescent="0.25">
      <c r="A8038" s="1" t="s">
        <v>1487</v>
      </c>
      <c r="B8038" s="1" t="s">
        <v>52832</v>
      </c>
      <c r="C8038" s="1" t="s">
        <v>24278</v>
      </c>
      <c r="D8038" s="2">
        <v>160866</v>
      </c>
      <c r="E8038" s="1" t="s">
        <v>0</v>
      </c>
    </row>
    <row r="8039" spans="1:5" x14ac:dyDescent="0.25">
      <c r="A8039" s="1" t="s">
        <v>24279</v>
      </c>
      <c r="B8039" s="1" t="s">
        <v>52833</v>
      </c>
      <c r="C8039" s="1" t="s">
        <v>24280</v>
      </c>
      <c r="D8039" s="2">
        <v>160867</v>
      </c>
      <c r="E8039" s="1" t="s">
        <v>0</v>
      </c>
    </row>
    <row r="8040" spans="1:5" ht="409.5" x14ac:dyDescent="0.25">
      <c r="A8040" s="4" t="s">
        <v>24281</v>
      </c>
      <c r="B8040" s="1" t="s">
        <v>57464</v>
      </c>
      <c r="C8040" s="1" t="s">
        <v>24282</v>
      </c>
      <c r="D8040" s="2">
        <v>160868</v>
      </c>
      <c r="E8040" s="1" t="s">
        <v>0</v>
      </c>
    </row>
    <row r="8041" spans="1:5" x14ac:dyDescent="0.25">
      <c r="A8041" s="1" t="s">
        <v>24283</v>
      </c>
      <c r="B8041" s="1" t="s">
        <v>7311</v>
      </c>
      <c r="C8041" s="1" t="s">
        <v>24284</v>
      </c>
      <c r="D8041" s="2">
        <v>160869</v>
      </c>
      <c r="E8041" s="1" t="s">
        <v>0</v>
      </c>
    </row>
    <row r="8042" spans="1:5" x14ac:dyDescent="0.25">
      <c r="A8042" s="2">
        <v>1608</v>
      </c>
      <c r="B8042" s="2">
        <v>1608</v>
      </c>
      <c r="C8042" s="1" t="s">
        <v>0</v>
      </c>
      <c r="D8042" s="2">
        <v>160870</v>
      </c>
      <c r="E8042" s="1" t="s">
        <v>0</v>
      </c>
    </row>
    <row r="8043" spans="1:5" x14ac:dyDescent="0.25">
      <c r="A8043" s="1" t="s">
        <v>1488</v>
      </c>
      <c r="B8043" s="1" t="s">
        <v>7312</v>
      </c>
      <c r="C8043" s="1" t="s">
        <v>24285</v>
      </c>
      <c r="D8043" s="2">
        <v>160871</v>
      </c>
      <c r="E8043" s="1" t="s">
        <v>0</v>
      </c>
    </row>
    <row r="8044" spans="1:5" x14ac:dyDescent="0.25">
      <c r="A8044" s="1" t="s">
        <v>24286</v>
      </c>
      <c r="B8044" s="1" t="s">
        <v>52834</v>
      </c>
      <c r="C8044" s="1" t="s">
        <v>24287</v>
      </c>
      <c r="D8044" s="2">
        <v>160872</v>
      </c>
      <c r="E8044" s="1" t="s">
        <v>0</v>
      </c>
    </row>
    <row r="8045" spans="1:5" ht="409.5" x14ac:dyDescent="0.25">
      <c r="A8045" s="4" t="s">
        <v>24288</v>
      </c>
      <c r="B8045" s="1" t="s">
        <v>52835</v>
      </c>
      <c r="C8045" s="1" t="s">
        <v>24289</v>
      </c>
      <c r="D8045" s="2">
        <v>160873</v>
      </c>
      <c r="E8045" s="1" t="s">
        <v>0</v>
      </c>
    </row>
    <row r="8046" spans="1:5" x14ac:dyDescent="0.25">
      <c r="A8046" s="1" t="s">
        <v>24290</v>
      </c>
      <c r="B8046" s="1" t="s">
        <v>7313</v>
      </c>
      <c r="C8046" s="1" t="s">
        <v>24291</v>
      </c>
      <c r="D8046" s="2">
        <v>160874</v>
      </c>
      <c r="E8046" s="1" t="s">
        <v>0</v>
      </c>
    </row>
    <row r="8047" spans="1:5" x14ac:dyDescent="0.25">
      <c r="A8047" s="2">
        <v>1609</v>
      </c>
      <c r="B8047" s="2">
        <v>1609</v>
      </c>
      <c r="C8047" s="1" t="s">
        <v>0</v>
      </c>
      <c r="D8047" s="2">
        <v>160875</v>
      </c>
      <c r="E8047" s="1" t="s">
        <v>0</v>
      </c>
    </row>
    <row r="8048" spans="1:5" x14ac:dyDescent="0.25">
      <c r="A8048" s="1" t="s">
        <v>1489</v>
      </c>
      <c r="B8048" s="1" t="s">
        <v>7314</v>
      </c>
      <c r="C8048" s="1" t="s">
        <v>24292</v>
      </c>
      <c r="D8048" s="2">
        <v>160876</v>
      </c>
      <c r="E8048" s="1" t="s">
        <v>0</v>
      </c>
    </row>
    <row r="8049" spans="1:5" x14ac:dyDescent="0.25">
      <c r="A8049" s="1" t="s">
        <v>24293</v>
      </c>
      <c r="B8049" s="1" t="s">
        <v>52836</v>
      </c>
      <c r="C8049" s="1" t="s">
        <v>24294</v>
      </c>
      <c r="D8049" s="2">
        <v>160877</v>
      </c>
      <c r="E8049" s="1" t="s">
        <v>0</v>
      </c>
    </row>
    <row r="8050" spans="1:5" ht="409.5" x14ac:dyDescent="0.25">
      <c r="A8050" s="4" t="s">
        <v>24295</v>
      </c>
      <c r="B8050" s="1" t="s">
        <v>52837</v>
      </c>
      <c r="C8050" s="1" t="s">
        <v>24296</v>
      </c>
      <c r="D8050" s="2">
        <v>160878</v>
      </c>
      <c r="E8050" s="1" t="s">
        <v>0</v>
      </c>
    </row>
    <row r="8051" spans="1:5" x14ac:dyDescent="0.25">
      <c r="A8051" s="1" t="s">
        <v>24297</v>
      </c>
      <c r="B8051" s="1" t="s">
        <v>7315</v>
      </c>
      <c r="C8051" s="1" t="s">
        <v>24298</v>
      </c>
      <c r="D8051" s="2">
        <v>160879</v>
      </c>
      <c r="E8051" s="1" t="s">
        <v>0</v>
      </c>
    </row>
    <row r="8052" spans="1:5" x14ac:dyDescent="0.25">
      <c r="A8052" s="2">
        <v>1610</v>
      </c>
      <c r="B8052" s="2">
        <v>1610</v>
      </c>
      <c r="C8052" s="1" t="s">
        <v>0</v>
      </c>
      <c r="D8052" s="2">
        <v>160880</v>
      </c>
      <c r="E8052" s="1" t="s">
        <v>0</v>
      </c>
    </row>
    <row r="8053" spans="1:5" x14ac:dyDescent="0.25">
      <c r="A8053" s="1" t="s">
        <v>1490</v>
      </c>
      <c r="B8053" s="1" t="s">
        <v>7316</v>
      </c>
      <c r="C8053" s="1" t="s">
        <v>24299</v>
      </c>
      <c r="D8053" s="2">
        <v>160881</v>
      </c>
      <c r="E8053" s="1" t="s">
        <v>0</v>
      </c>
    </row>
    <row r="8054" spans="1:5" x14ac:dyDescent="0.25">
      <c r="A8054" s="1" t="s">
        <v>24300</v>
      </c>
      <c r="B8054" s="1" t="s">
        <v>7317</v>
      </c>
      <c r="C8054" s="1" t="s">
        <v>24301</v>
      </c>
      <c r="D8054" s="2">
        <v>160882</v>
      </c>
      <c r="E8054" s="1" t="s">
        <v>0</v>
      </c>
    </row>
    <row r="8055" spans="1:5" ht="409.5" x14ac:dyDescent="0.25">
      <c r="A8055" s="4" t="s">
        <v>64098</v>
      </c>
      <c r="B8055" s="1" t="s">
        <v>64099</v>
      </c>
      <c r="C8055" s="1" t="s">
        <v>24302</v>
      </c>
      <c r="D8055" s="2">
        <v>160883</v>
      </c>
      <c r="E8055" s="1" t="s">
        <v>0</v>
      </c>
    </row>
    <row r="8056" spans="1:5" x14ac:dyDescent="0.25">
      <c r="A8056" s="1" t="s">
        <v>24303</v>
      </c>
      <c r="B8056" s="1" t="s">
        <v>52838</v>
      </c>
      <c r="C8056" s="1" t="s">
        <v>24304</v>
      </c>
      <c r="D8056" s="2">
        <v>160884</v>
      </c>
      <c r="E8056" s="1" t="s">
        <v>0</v>
      </c>
    </row>
    <row r="8057" spans="1:5" x14ac:dyDescent="0.25">
      <c r="A8057" s="2">
        <v>1611</v>
      </c>
      <c r="B8057" s="2">
        <v>1611</v>
      </c>
      <c r="C8057" s="1" t="s">
        <v>0</v>
      </c>
      <c r="D8057" s="2">
        <v>160885</v>
      </c>
      <c r="E8057" s="1" t="s">
        <v>0</v>
      </c>
    </row>
    <row r="8058" spans="1:5" x14ac:dyDescent="0.25">
      <c r="A8058" s="1" t="s">
        <v>1491</v>
      </c>
      <c r="B8058" s="1" t="s">
        <v>59907</v>
      </c>
      <c r="C8058" s="1" t="s">
        <v>24305</v>
      </c>
      <c r="D8058" s="2">
        <v>160886</v>
      </c>
      <c r="E8058" s="1" t="s">
        <v>0</v>
      </c>
    </row>
    <row r="8059" spans="1:5" x14ac:dyDescent="0.25">
      <c r="A8059" s="1" t="s">
        <v>24306</v>
      </c>
      <c r="B8059" s="1" t="s">
        <v>57465</v>
      </c>
      <c r="C8059" s="1" t="s">
        <v>24307</v>
      </c>
      <c r="D8059" s="2">
        <v>160887</v>
      </c>
      <c r="E8059" s="1" t="s">
        <v>0</v>
      </c>
    </row>
    <row r="8060" spans="1:5" ht="409.5" x14ac:dyDescent="0.25">
      <c r="A8060" s="4" t="s">
        <v>24308</v>
      </c>
      <c r="B8060" s="1" t="s">
        <v>57466</v>
      </c>
      <c r="C8060" s="1" t="s">
        <v>24309</v>
      </c>
      <c r="D8060" s="2">
        <v>160888</v>
      </c>
      <c r="E8060" s="1" t="s">
        <v>0</v>
      </c>
    </row>
    <row r="8061" spans="1:5" x14ac:dyDescent="0.25">
      <c r="A8061" s="1" t="s">
        <v>24310</v>
      </c>
      <c r="B8061" s="1" t="s">
        <v>52839</v>
      </c>
      <c r="C8061" s="1" t="s">
        <v>24311</v>
      </c>
      <c r="D8061" s="2">
        <v>160889</v>
      </c>
      <c r="E8061" s="1" t="s">
        <v>0</v>
      </c>
    </row>
    <row r="8062" spans="1:5" x14ac:dyDescent="0.25">
      <c r="A8062" s="2">
        <v>1612</v>
      </c>
      <c r="B8062" s="2">
        <v>1612</v>
      </c>
      <c r="C8062" s="1" t="s">
        <v>0</v>
      </c>
      <c r="D8062" s="2">
        <v>160890</v>
      </c>
      <c r="E8062" s="1" t="s">
        <v>0</v>
      </c>
    </row>
    <row r="8063" spans="1:5" x14ac:dyDescent="0.25">
      <c r="A8063" s="1" t="s">
        <v>1492</v>
      </c>
      <c r="B8063" s="1" t="s">
        <v>7318</v>
      </c>
      <c r="C8063" s="1" t="s">
        <v>24312</v>
      </c>
      <c r="D8063" s="2">
        <v>160891</v>
      </c>
      <c r="E8063" s="1" t="s">
        <v>0</v>
      </c>
    </row>
    <row r="8064" spans="1:5" x14ac:dyDescent="0.25">
      <c r="A8064" s="1" t="s">
        <v>24313</v>
      </c>
      <c r="B8064" s="1" t="s">
        <v>58299</v>
      </c>
      <c r="C8064" s="1" t="s">
        <v>24314</v>
      </c>
      <c r="D8064" s="2">
        <v>160892</v>
      </c>
      <c r="E8064" s="1" t="s">
        <v>0</v>
      </c>
    </row>
    <row r="8065" spans="1:5" ht="409.5" x14ac:dyDescent="0.25">
      <c r="A8065" s="4" t="s">
        <v>24315</v>
      </c>
      <c r="B8065" s="1" t="s">
        <v>58300</v>
      </c>
      <c r="C8065" s="1" t="s">
        <v>24316</v>
      </c>
      <c r="D8065" s="2">
        <v>160893</v>
      </c>
      <c r="E8065" s="1" t="s">
        <v>0</v>
      </c>
    </row>
    <row r="8066" spans="1:5" x14ac:dyDescent="0.25">
      <c r="A8066" s="1" t="s">
        <v>24317</v>
      </c>
      <c r="B8066" s="1" t="s">
        <v>52840</v>
      </c>
      <c r="C8066" s="1" t="s">
        <v>24318</v>
      </c>
      <c r="D8066" s="2">
        <v>160894</v>
      </c>
      <c r="E8066" s="1" t="s">
        <v>0</v>
      </c>
    </row>
    <row r="8067" spans="1:5" x14ac:dyDescent="0.25">
      <c r="A8067" s="2">
        <v>1613</v>
      </c>
      <c r="B8067" s="2">
        <v>1613</v>
      </c>
      <c r="C8067" s="1" t="s">
        <v>0</v>
      </c>
      <c r="D8067" s="2">
        <v>160895</v>
      </c>
      <c r="E8067" s="1" t="s">
        <v>0</v>
      </c>
    </row>
    <row r="8068" spans="1:5" x14ac:dyDescent="0.25">
      <c r="A8068" s="1" t="s">
        <v>1493</v>
      </c>
      <c r="B8068" s="1" t="s">
        <v>7319</v>
      </c>
      <c r="C8068" s="1" t="s">
        <v>7320</v>
      </c>
      <c r="D8068" s="2">
        <v>160896</v>
      </c>
      <c r="E8068" s="1" t="s">
        <v>0</v>
      </c>
    </row>
    <row r="8069" spans="1:5" x14ac:dyDescent="0.25">
      <c r="A8069" s="1" t="s">
        <v>24319</v>
      </c>
      <c r="B8069" s="1" t="s">
        <v>52841</v>
      </c>
      <c r="C8069" s="1" t="s">
        <v>24320</v>
      </c>
      <c r="D8069" s="2">
        <v>160897</v>
      </c>
      <c r="E8069" s="1" t="s">
        <v>0</v>
      </c>
    </row>
    <row r="8070" spans="1:5" ht="409.5" x14ac:dyDescent="0.25">
      <c r="A8070" s="4" t="s">
        <v>24321</v>
      </c>
      <c r="B8070" s="1" t="s">
        <v>63281</v>
      </c>
      <c r="C8070" s="1" t="s">
        <v>24322</v>
      </c>
      <c r="D8070" s="2">
        <v>160898</v>
      </c>
      <c r="E8070" s="1" t="s">
        <v>0</v>
      </c>
    </row>
    <row r="8071" spans="1:5" x14ac:dyDescent="0.25">
      <c r="A8071" s="1" t="s">
        <v>24323</v>
      </c>
      <c r="B8071" s="1" t="s">
        <v>7321</v>
      </c>
      <c r="C8071" s="1" t="s">
        <v>24324</v>
      </c>
      <c r="D8071" s="2">
        <v>160899</v>
      </c>
      <c r="E8071" s="1" t="s">
        <v>0</v>
      </c>
    </row>
    <row r="8072" spans="1:5" x14ac:dyDescent="0.25">
      <c r="A8072" s="2">
        <v>1614</v>
      </c>
      <c r="B8072" s="2">
        <v>1614</v>
      </c>
      <c r="C8072" s="1" t="s">
        <v>0</v>
      </c>
      <c r="D8072" s="2">
        <v>160900</v>
      </c>
      <c r="E8072" s="1" t="s">
        <v>0</v>
      </c>
    </row>
    <row r="8073" spans="1:5" x14ac:dyDescent="0.25">
      <c r="A8073" s="1" t="s">
        <v>1494</v>
      </c>
      <c r="B8073" s="1" t="s">
        <v>7322</v>
      </c>
      <c r="C8073" s="1" t="s">
        <v>24325</v>
      </c>
      <c r="D8073" s="2">
        <v>160901</v>
      </c>
      <c r="E8073" s="1" t="s">
        <v>0</v>
      </c>
    </row>
    <row r="8074" spans="1:5" x14ac:dyDescent="0.25">
      <c r="A8074" s="1" t="s">
        <v>24326</v>
      </c>
      <c r="B8074" s="1" t="s">
        <v>52842</v>
      </c>
      <c r="C8074" s="1" t="s">
        <v>24327</v>
      </c>
      <c r="D8074" s="2">
        <v>160902</v>
      </c>
      <c r="E8074" s="1" t="s">
        <v>0</v>
      </c>
    </row>
    <row r="8075" spans="1:5" ht="409.5" x14ac:dyDescent="0.25">
      <c r="A8075" s="4" t="s">
        <v>24328</v>
      </c>
      <c r="B8075" s="1" t="s">
        <v>60586</v>
      </c>
      <c r="C8075" s="1" t="s">
        <v>24329</v>
      </c>
      <c r="D8075" s="2">
        <v>160903</v>
      </c>
      <c r="E8075" s="1" t="s">
        <v>0</v>
      </c>
    </row>
    <row r="8076" spans="1:5" x14ac:dyDescent="0.25">
      <c r="A8076" s="1" t="s">
        <v>24330</v>
      </c>
      <c r="B8076" s="1" t="s">
        <v>7323</v>
      </c>
      <c r="C8076" s="1" t="s">
        <v>24331</v>
      </c>
      <c r="D8076" s="2">
        <v>160904</v>
      </c>
      <c r="E8076" s="1" t="s">
        <v>0</v>
      </c>
    </row>
    <row r="8077" spans="1:5" x14ac:dyDescent="0.25">
      <c r="A8077" s="2">
        <v>1615</v>
      </c>
      <c r="B8077" s="2">
        <v>1615</v>
      </c>
      <c r="C8077" s="1" t="s">
        <v>0</v>
      </c>
      <c r="D8077" s="2">
        <v>160905</v>
      </c>
      <c r="E8077" s="1" t="s">
        <v>0</v>
      </c>
    </row>
    <row r="8078" spans="1:5" x14ac:dyDescent="0.25">
      <c r="A8078" s="1" t="s">
        <v>1495</v>
      </c>
      <c r="B8078" s="1" t="s">
        <v>52843</v>
      </c>
      <c r="C8078" s="1" t="s">
        <v>24332</v>
      </c>
      <c r="D8078" s="2">
        <v>160906</v>
      </c>
      <c r="E8078" s="1" t="s">
        <v>0</v>
      </c>
    </row>
    <row r="8079" spans="1:5" x14ac:dyDescent="0.25">
      <c r="A8079" s="1" t="s">
        <v>24333</v>
      </c>
      <c r="B8079" s="1" t="s">
        <v>52844</v>
      </c>
      <c r="C8079" s="1" t="s">
        <v>24334</v>
      </c>
      <c r="D8079" s="2">
        <v>160907</v>
      </c>
      <c r="E8079" s="1" t="s">
        <v>0</v>
      </c>
    </row>
    <row r="8080" spans="1:5" ht="409.5" x14ac:dyDescent="0.25">
      <c r="A8080" s="4" t="s">
        <v>24335</v>
      </c>
      <c r="B8080" s="1" t="s">
        <v>52845</v>
      </c>
      <c r="C8080" s="1" t="s">
        <v>24336</v>
      </c>
      <c r="D8080" s="2">
        <v>160908</v>
      </c>
      <c r="E8080" s="1" t="s">
        <v>0</v>
      </c>
    </row>
    <row r="8081" spans="1:5" x14ac:dyDescent="0.25">
      <c r="A8081" s="1" t="s">
        <v>24337</v>
      </c>
      <c r="B8081" s="1" t="s">
        <v>7324</v>
      </c>
      <c r="C8081" s="1" t="s">
        <v>24338</v>
      </c>
      <c r="D8081" s="2">
        <v>160909</v>
      </c>
      <c r="E8081" s="1" t="s">
        <v>0</v>
      </c>
    </row>
    <row r="8082" spans="1:5" x14ac:dyDescent="0.25">
      <c r="A8082" s="2">
        <v>1616</v>
      </c>
      <c r="B8082" s="2">
        <v>1616</v>
      </c>
      <c r="C8082" s="1" t="s">
        <v>0</v>
      </c>
      <c r="D8082" s="2">
        <v>160910</v>
      </c>
      <c r="E8082" s="1" t="s">
        <v>0</v>
      </c>
    </row>
    <row r="8083" spans="1:5" x14ac:dyDescent="0.25">
      <c r="A8083" s="1" t="s">
        <v>1496</v>
      </c>
      <c r="B8083" s="1" t="s">
        <v>52846</v>
      </c>
      <c r="C8083" s="1" t="s">
        <v>24339</v>
      </c>
      <c r="D8083" s="2">
        <v>160911</v>
      </c>
      <c r="E8083" s="1" t="s">
        <v>0</v>
      </c>
    </row>
    <row r="8084" spans="1:5" x14ac:dyDescent="0.25">
      <c r="A8084" s="1" t="s">
        <v>24340</v>
      </c>
      <c r="B8084" s="1" t="s">
        <v>52847</v>
      </c>
      <c r="C8084" s="1" t="s">
        <v>24341</v>
      </c>
      <c r="D8084" s="2">
        <v>160912</v>
      </c>
      <c r="E8084" s="1" t="s">
        <v>0</v>
      </c>
    </row>
    <row r="8085" spans="1:5" ht="409.5" x14ac:dyDescent="0.25">
      <c r="A8085" s="4" t="s">
        <v>24342</v>
      </c>
      <c r="B8085" s="1" t="s">
        <v>57799</v>
      </c>
      <c r="C8085" s="1" t="s">
        <v>24343</v>
      </c>
      <c r="D8085" s="2">
        <v>160913</v>
      </c>
      <c r="E8085" s="1" t="s">
        <v>0</v>
      </c>
    </row>
    <row r="8086" spans="1:5" x14ac:dyDescent="0.25">
      <c r="A8086" s="1" t="s">
        <v>24344</v>
      </c>
      <c r="B8086" s="1" t="s">
        <v>57178</v>
      </c>
      <c r="C8086" s="1" t="s">
        <v>24345</v>
      </c>
      <c r="D8086" s="2">
        <v>160914</v>
      </c>
      <c r="E8086" s="1" t="s">
        <v>0</v>
      </c>
    </row>
    <row r="8087" spans="1:5" x14ac:dyDescent="0.25">
      <c r="A8087" s="2">
        <v>1617</v>
      </c>
      <c r="B8087" s="2">
        <v>1617</v>
      </c>
      <c r="C8087" s="1" t="s">
        <v>0</v>
      </c>
      <c r="D8087" s="2">
        <v>160915</v>
      </c>
      <c r="E8087" s="1" t="s">
        <v>0</v>
      </c>
    </row>
    <row r="8088" spans="1:5" x14ac:dyDescent="0.25">
      <c r="A8088" s="1" t="s">
        <v>1497</v>
      </c>
      <c r="B8088" s="1" t="s">
        <v>52848</v>
      </c>
      <c r="C8088" s="1" t="s">
        <v>24346</v>
      </c>
      <c r="D8088" s="2">
        <v>160916</v>
      </c>
      <c r="E8088" s="1" t="s">
        <v>0</v>
      </c>
    </row>
    <row r="8089" spans="1:5" x14ac:dyDescent="0.25">
      <c r="A8089" s="1" t="s">
        <v>24347</v>
      </c>
      <c r="B8089" s="1" t="s">
        <v>52849</v>
      </c>
      <c r="C8089" s="1" t="s">
        <v>24348</v>
      </c>
      <c r="D8089" s="2">
        <v>160917</v>
      </c>
      <c r="E8089" s="1" t="s">
        <v>0</v>
      </c>
    </row>
    <row r="8090" spans="1:5" ht="409.5" x14ac:dyDescent="0.25">
      <c r="A8090" s="4" t="s">
        <v>24349</v>
      </c>
      <c r="B8090" s="1" t="s">
        <v>61043</v>
      </c>
      <c r="C8090" s="1" t="s">
        <v>24350</v>
      </c>
      <c r="D8090" s="2">
        <v>160918</v>
      </c>
      <c r="E8090" s="1" t="s">
        <v>0</v>
      </c>
    </row>
    <row r="8091" spans="1:5" x14ac:dyDescent="0.25">
      <c r="A8091" s="1" t="s">
        <v>19132</v>
      </c>
      <c r="B8091" s="1" t="s">
        <v>60955</v>
      </c>
      <c r="C8091" s="1" t="s">
        <v>19133</v>
      </c>
      <c r="D8091" s="2">
        <v>160919</v>
      </c>
      <c r="E8091" s="1" t="s">
        <v>0</v>
      </c>
    </row>
    <row r="8092" spans="1:5" x14ac:dyDescent="0.25">
      <c r="A8092" s="2">
        <v>1618</v>
      </c>
      <c r="B8092" s="2">
        <v>1618</v>
      </c>
      <c r="C8092" s="1" t="s">
        <v>0</v>
      </c>
      <c r="D8092" s="2">
        <v>160920</v>
      </c>
      <c r="E8092" s="1" t="s">
        <v>0</v>
      </c>
    </row>
    <row r="8093" spans="1:5" x14ac:dyDescent="0.25">
      <c r="A8093" s="1" t="s">
        <v>1498</v>
      </c>
      <c r="B8093" s="1" t="s">
        <v>59908</v>
      </c>
      <c r="C8093" s="1" t="s">
        <v>24351</v>
      </c>
      <c r="D8093" s="2">
        <v>160921</v>
      </c>
      <c r="E8093" s="1" t="s">
        <v>0</v>
      </c>
    </row>
    <row r="8094" spans="1:5" x14ac:dyDescent="0.25">
      <c r="A8094" s="1" t="s">
        <v>24352</v>
      </c>
      <c r="B8094" s="1" t="s">
        <v>62288</v>
      </c>
      <c r="C8094" s="1" t="s">
        <v>24353</v>
      </c>
      <c r="D8094" s="2">
        <v>160922</v>
      </c>
      <c r="E8094" s="1" t="s">
        <v>0</v>
      </c>
    </row>
    <row r="8095" spans="1:5" ht="409.5" x14ac:dyDescent="0.25">
      <c r="A8095" s="4" t="s">
        <v>24354</v>
      </c>
      <c r="B8095" s="1" t="s">
        <v>62289</v>
      </c>
      <c r="C8095" s="1" t="s">
        <v>24355</v>
      </c>
      <c r="D8095" s="2">
        <v>160923</v>
      </c>
      <c r="E8095" s="1" t="s">
        <v>0</v>
      </c>
    </row>
    <row r="8096" spans="1:5" x14ac:dyDescent="0.25">
      <c r="A8096" s="1" t="s">
        <v>24356</v>
      </c>
      <c r="B8096" s="1" t="s">
        <v>58723</v>
      </c>
      <c r="C8096" s="1" t="s">
        <v>24357</v>
      </c>
      <c r="D8096" s="2">
        <v>160924</v>
      </c>
      <c r="E8096" s="1" t="s">
        <v>0</v>
      </c>
    </row>
    <row r="8097" spans="1:5" x14ac:dyDescent="0.25">
      <c r="A8097" s="2">
        <v>1619</v>
      </c>
      <c r="B8097" s="2">
        <v>1619</v>
      </c>
      <c r="C8097" s="1" t="s">
        <v>0</v>
      </c>
      <c r="D8097" s="2">
        <v>160925</v>
      </c>
      <c r="E8097" s="1" t="s">
        <v>0</v>
      </c>
    </row>
    <row r="8098" spans="1:5" x14ac:dyDescent="0.25">
      <c r="A8098" s="1" t="s">
        <v>1499</v>
      </c>
      <c r="B8098" s="1" t="s">
        <v>7325</v>
      </c>
      <c r="C8098" s="1" t="s">
        <v>24358</v>
      </c>
      <c r="D8098" s="2">
        <v>160926</v>
      </c>
      <c r="E8098" s="1" t="s">
        <v>0</v>
      </c>
    </row>
    <row r="8099" spans="1:5" x14ac:dyDescent="0.25">
      <c r="A8099" s="1" t="s">
        <v>24359</v>
      </c>
      <c r="B8099" s="1" t="s">
        <v>62290</v>
      </c>
      <c r="C8099" s="1" t="s">
        <v>24360</v>
      </c>
      <c r="D8099" s="2">
        <v>160927</v>
      </c>
      <c r="E8099" s="1" t="s">
        <v>0</v>
      </c>
    </row>
    <row r="8100" spans="1:5" ht="409.5" x14ac:dyDescent="0.25">
      <c r="A8100" s="4" t="s">
        <v>24361</v>
      </c>
      <c r="B8100" s="1" t="s">
        <v>62291</v>
      </c>
      <c r="C8100" s="1" t="s">
        <v>24362</v>
      </c>
      <c r="D8100" s="2">
        <v>160928</v>
      </c>
      <c r="E8100" s="1" t="s">
        <v>0</v>
      </c>
    </row>
    <row r="8101" spans="1:5" x14ac:dyDescent="0.25">
      <c r="A8101" s="1" t="s">
        <v>24363</v>
      </c>
      <c r="B8101" s="1" t="s">
        <v>52850</v>
      </c>
      <c r="C8101" s="1" t="s">
        <v>24364</v>
      </c>
      <c r="D8101" s="2">
        <v>160929</v>
      </c>
      <c r="E8101" s="1" t="s">
        <v>0</v>
      </c>
    </row>
    <row r="8102" spans="1:5" x14ac:dyDescent="0.25">
      <c r="A8102" s="2">
        <v>1620</v>
      </c>
      <c r="B8102" s="2">
        <v>1620</v>
      </c>
      <c r="C8102" s="1" t="s">
        <v>0</v>
      </c>
      <c r="D8102" s="2">
        <v>160930</v>
      </c>
      <c r="E8102" s="1" t="s">
        <v>0</v>
      </c>
    </row>
    <row r="8103" spans="1:5" x14ac:dyDescent="0.25">
      <c r="A8103" s="1" t="s">
        <v>1500</v>
      </c>
      <c r="B8103" s="1" t="s">
        <v>7326</v>
      </c>
      <c r="C8103" s="1" t="s">
        <v>24365</v>
      </c>
      <c r="D8103" s="2">
        <v>160931</v>
      </c>
      <c r="E8103" s="1" t="s">
        <v>0</v>
      </c>
    </row>
    <row r="8104" spans="1:5" x14ac:dyDescent="0.25">
      <c r="A8104" s="1" t="s">
        <v>24366</v>
      </c>
      <c r="B8104" s="1" t="s">
        <v>7327</v>
      </c>
      <c r="C8104" s="1" t="s">
        <v>24367</v>
      </c>
      <c r="D8104" s="2">
        <v>160932</v>
      </c>
      <c r="E8104" s="1" t="s">
        <v>0</v>
      </c>
    </row>
    <row r="8105" spans="1:5" ht="409.5" x14ac:dyDescent="0.25">
      <c r="A8105" s="4" t="s">
        <v>61783</v>
      </c>
      <c r="B8105" s="1" t="s">
        <v>7328</v>
      </c>
      <c r="C8105" s="1" t="s">
        <v>24368</v>
      </c>
      <c r="D8105" s="2">
        <v>160933</v>
      </c>
      <c r="E8105" s="1" t="s">
        <v>0</v>
      </c>
    </row>
    <row r="8106" spans="1:5" x14ac:dyDescent="0.25">
      <c r="A8106" s="1" t="s">
        <v>24369</v>
      </c>
      <c r="B8106" s="1" t="s">
        <v>7329</v>
      </c>
      <c r="C8106" s="1" t="s">
        <v>24370</v>
      </c>
      <c r="D8106" s="2">
        <v>160934</v>
      </c>
      <c r="E8106" s="1" t="s">
        <v>0</v>
      </c>
    </row>
    <row r="8107" spans="1:5" x14ac:dyDescent="0.25">
      <c r="A8107" s="2">
        <v>1621</v>
      </c>
      <c r="B8107" s="2">
        <v>1621</v>
      </c>
      <c r="C8107" s="1" t="s">
        <v>0</v>
      </c>
      <c r="D8107" s="2">
        <v>160935</v>
      </c>
      <c r="E8107" s="1" t="s">
        <v>0</v>
      </c>
    </row>
    <row r="8108" spans="1:5" x14ac:dyDescent="0.25">
      <c r="A8108" s="1" t="s">
        <v>1501</v>
      </c>
      <c r="B8108" s="1" t="s">
        <v>7330</v>
      </c>
      <c r="C8108" s="1" t="s">
        <v>24371</v>
      </c>
      <c r="D8108" s="2">
        <v>160936</v>
      </c>
      <c r="E8108" s="1" t="s">
        <v>0</v>
      </c>
    </row>
    <row r="8109" spans="1:5" x14ac:dyDescent="0.25">
      <c r="A8109" s="1" t="s">
        <v>24372</v>
      </c>
      <c r="B8109" s="1" t="s">
        <v>52851</v>
      </c>
      <c r="C8109" s="1" t="s">
        <v>24373</v>
      </c>
      <c r="D8109" s="2">
        <v>160937</v>
      </c>
      <c r="E8109" s="1" t="s">
        <v>0</v>
      </c>
    </row>
    <row r="8110" spans="1:5" ht="409.5" x14ac:dyDescent="0.25">
      <c r="A8110" s="4" t="s">
        <v>64100</v>
      </c>
      <c r="B8110" s="1" t="s">
        <v>58724</v>
      </c>
      <c r="C8110" s="1" t="s">
        <v>24374</v>
      </c>
      <c r="D8110" s="2">
        <v>160938</v>
      </c>
      <c r="E8110" s="1" t="s">
        <v>0</v>
      </c>
    </row>
    <row r="8111" spans="1:5" x14ac:dyDescent="0.25">
      <c r="A8111" s="1" t="s">
        <v>24375</v>
      </c>
      <c r="B8111" s="1" t="s">
        <v>52852</v>
      </c>
      <c r="C8111" s="1" t="s">
        <v>24376</v>
      </c>
      <c r="D8111" s="2">
        <v>160939</v>
      </c>
      <c r="E8111" s="1" t="s">
        <v>0</v>
      </c>
    </row>
    <row r="8112" spans="1:5" x14ac:dyDescent="0.25">
      <c r="A8112" s="2">
        <v>1622</v>
      </c>
      <c r="B8112" s="2">
        <v>1622</v>
      </c>
      <c r="C8112" s="1" t="s">
        <v>0</v>
      </c>
      <c r="D8112" s="2">
        <v>160940</v>
      </c>
      <c r="E8112" s="1" t="s">
        <v>0</v>
      </c>
    </row>
    <row r="8113" spans="1:5" x14ac:dyDescent="0.25">
      <c r="A8113" s="1" t="s">
        <v>1502</v>
      </c>
      <c r="B8113" s="1" t="s">
        <v>7331</v>
      </c>
      <c r="C8113" s="1" t="s">
        <v>24377</v>
      </c>
      <c r="D8113" s="2">
        <v>160941</v>
      </c>
      <c r="E8113" s="1" t="s">
        <v>0</v>
      </c>
    </row>
    <row r="8114" spans="1:5" x14ac:dyDescent="0.25">
      <c r="A8114" s="1" t="s">
        <v>24378</v>
      </c>
      <c r="B8114" s="1" t="s">
        <v>52853</v>
      </c>
      <c r="C8114" s="1" t="s">
        <v>24379</v>
      </c>
      <c r="D8114" s="2">
        <v>160942</v>
      </c>
      <c r="E8114" s="1" t="s">
        <v>0</v>
      </c>
    </row>
    <row r="8115" spans="1:5" ht="409.5" x14ac:dyDescent="0.25">
      <c r="A8115" s="4" t="s">
        <v>24380</v>
      </c>
      <c r="B8115" s="1" t="s">
        <v>52854</v>
      </c>
      <c r="C8115" s="1" t="s">
        <v>24381</v>
      </c>
      <c r="D8115" s="2">
        <v>160943</v>
      </c>
      <c r="E8115" s="1" t="s">
        <v>0</v>
      </c>
    </row>
    <row r="8116" spans="1:5" x14ac:dyDescent="0.25">
      <c r="A8116" s="1" t="s">
        <v>24382</v>
      </c>
      <c r="B8116" s="1" t="s">
        <v>7332</v>
      </c>
      <c r="C8116" s="1" t="s">
        <v>24383</v>
      </c>
      <c r="D8116" s="2">
        <v>160944</v>
      </c>
      <c r="E8116" s="1" t="s">
        <v>0</v>
      </c>
    </row>
    <row r="8117" spans="1:5" x14ac:dyDescent="0.25">
      <c r="A8117" s="2">
        <v>1623</v>
      </c>
      <c r="B8117" s="2">
        <v>1623</v>
      </c>
      <c r="C8117" s="1" t="s">
        <v>0</v>
      </c>
      <c r="D8117" s="2">
        <v>160945</v>
      </c>
      <c r="E8117" s="1" t="s">
        <v>0</v>
      </c>
    </row>
    <row r="8118" spans="1:5" x14ac:dyDescent="0.25">
      <c r="A8118" s="1" t="s">
        <v>1503</v>
      </c>
      <c r="B8118" s="1" t="s">
        <v>7333</v>
      </c>
      <c r="C8118" s="1" t="s">
        <v>24384</v>
      </c>
      <c r="D8118" s="2">
        <v>160946</v>
      </c>
      <c r="E8118" s="1" t="s">
        <v>0</v>
      </c>
    </row>
    <row r="8119" spans="1:5" x14ac:dyDescent="0.25">
      <c r="A8119" s="1" t="s">
        <v>24385</v>
      </c>
      <c r="B8119" s="1" t="s">
        <v>52855</v>
      </c>
      <c r="C8119" s="1" t="s">
        <v>24386</v>
      </c>
      <c r="D8119" s="2">
        <v>160947</v>
      </c>
      <c r="E8119" s="1" t="s">
        <v>0</v>
      </c>
    </row>
    <row r="8120" spans="1:5" ht="409.5" x14ac:dyDescent="0.25">
      <c r="A8120" s="4" t="s">
        <v>24387</v>
      </c>
      <c r="B8120" s="1" t="s">
        <v>52856</v>
      </c>
      <c r="C8120" s="1" t="s">
        <v>24388</v>
      </c>
      <c r="D8120" s="2">
        <v>160948</v>
      </c>
      <c r="E8120" s="1" t="s">
        <v>0</v>
      </c>
    </row>
    <row r="8121" spans="1:5" x14ac:dyDescent="0.25">
      <c r="A8121" s="1" t="s">
        <v>24389</v>
      </c>
      <c r="B8121" s="1" t="s">
        <v>52857</v>
      </c>
      <c r="C8121" s="1" t="s">
        <v>24390</v>
      </c>
      <c r="D8121" s="2">
        <v>160949</v>
      </c>
      <c r="E8121" s="1" t="s">
        <v>0</v>
      </c>
    </row>
    <row r="8122" spans="1:5" x14ac:dyDescent="0.25">
      <c r="A8122" s="2">
        <v>1624</v>
      </c>
      <c r="B8122" s="2">
        <v>1624</v>
      </c>
      <c r="C8122" s="1" t="s">
        <v>0</v>
      </c>
      <c r="D8122" s="2">
        <v>160950</v>
      </c>
      <c r="E8122" s="1" t="s">
        <v>0</v>
      </c>
    </row>
    <row r="8123" spans="1:5" x14ac:dyDescent="0.25">
      <c r="A8123" s="1" t="s">
        <v>1504</v>
      </c>
      <c r="B8123" s="1" t="s">
        <v>7334</v>
      </c>
      <c r="C8123" s="1" t="s">
        <v>24391</v>
      </c>
      <c r="D8123" s="2">
        <v>160951</v>
      </c>
      <c r="E8123" s="1" t="s">
        <v>0</v>
      </c>
    </row>
    <row r="8124" spans="1:5" x14ac:dyDescent="0.25">
      <c r="A8124" s="1" t="s">
        <v>24392</v>
      </c>
      <c r="B8124" s="1" t="s">
        <v>61044</v>
      </c>
      <c r="C8124" s="1" t="s">
        <v>24393</v>
      </c>
      <c r="D8124" s="2">
        <v>160952</v>
      </c>
      <c r="E8124" s="1" t="s">
        <v>0</v>
      </c>
    </row>
    <row r="8125" spans="1:5" ht="409.5" x14ac:dyDescent="0.25">
      <c r="A8125" s="4" t="s">
        <v>24394</v>
      </c>
      <c r="B8125" s="1" t="s">
        <v>61045</v>
      </c>
      <c r="C8125" s="1" t="s">
        <v>24395</v>
      </c>
      <c r="D8125" s="2">
        <v>160953</v>
      </c>
      <c r="E8125" s="1" t="s">
        <v>0</v>
      </c>
    </row>
    <row r="8126" spans="1:5" x14ac:dyDescent="0.25">
      <c r="A8126" s="1" t="s">
        <v>24396</v>
      </c>
      <c r="B8126" s="1" t="s">
        <v>61046</v>
      </c>
      <c r="C8126" s="1" t="s">
        <v>24397</v>
      </c>
      <c r="D8126" s="2">
        <v>160954</v>
      </c>
      <c r="E8126" s="1" t="s">
        <v>0</v>
      </c>
    </row>
    <row r="8127" spans="1:5" x14ac:dyDescent="0.25">
      <c r="A8127" s="2">
        <v>1625</v>
      </c>
      <c r="B8127" s="2">
        <v>1625</v>
      </c>
      <c r="C8127" s="1" t="s">
        <v>0</v>
      </c>
      <c r="D8127" s="2">
        <v>160955</v>
      </c>
      <c r="E8127" s="1" t="s">
        <v>0</v>
      </c>
    </row>
    <row r="8128" spans="1:5" x14ac:dyDescent="0.25">
      <c r="A8128" s="1" t="s">
        <v>1505</v>
      </c>
      <c r="B8128" s="1" t="s">
        <v>7335</v>
      </c>
      <c r="C8128" s="1" t="s">
        <v>24398</v>
      </c>
      <c r="D8128" s="2">
        <v>160956</v>
      </c>
      <c r="E8128" s="1" t="s">
        <v>0</v>
      </c>
    </row>
    <row r="8129" spans="1:5" x14ac:dyDescent="0.25">
      <c r="A8129" s="1" t="s">
        <v>24399</v>
      </c>
      <c r="B8129" s="1" t="s">
        <v>52858</v>
      </c>
      <c r="C8129" s="1" t="s">
        <v>24400</v>
      </c>
      <c r="D8129" s="2">
        <v>160957</v>
      </c>
      <c r="E8129" s="1" t="s">
        <v>0</v>
      </c>
    </row>
    <row r="8130" spans="1:5" ht="409.5" x14ac:dyDescent="0.25">
      <c r="A8130" s="4" t="s">
        <v>24401</v>
      </c>
      <c r="B8130" s="1" t="s">
        <v>57179</v>
      </c>
      <c r="C8130" s="1" t="s">
        <v>24402</v>
      </c>
      <c r="D8130" s="2">
        <v>160958</v>
      </c>
      <c r="E8130" s="1" t="s">
        <v>0</v>
      </c>
    </row>
    <row r="8131" spans="1:5" x14ac:dyDescent="0.25">
      <c r="A8131" s="1" t="s">
        <v>24403</v>
      </c>
      <c r="B8131" s="1" t="s">
        <v>52859</v>
      </c>
      <c r="C8131" s="1" t="s">
        <v>24404</v>
      </c>
      <c r="D8131" s="2">
        <v>160959</v>
      </c>
      <c r="E8131" s="1" t="s">
        <v>0</v>
      </c>
    </row>
    <row r="8132" spans="1:5" x14ac:dyDescent="0.25">
      <c r="A8132" s="2">
        <v>1626</v>
      </c>
      <c r="B8132" s="2">
        <v>1626</v>
      </c>
      <c r="C8132" s="1" t="s">
        <v>0</v>
      </c>
      <c r="D8132" s="2">
        <v>160960</v>
      </c>
      <c r="E8132" s="1" t="s">
        <v>0</v>
      </c>
    </row>
    <row r="8133" spans="1:5" x14ac:dyDescent="0.25">
      <c r="A8133" s="1" t="s">
        <v>1506</v>
      </c>
      <c r="B8133" s="1" t="s">
        <v>50597</v>
      </c>
      <c r="C8133" s="1" t="s">
        <v>24405</v>
      </c>
      <c r="D8133" s="2">
        <v>160961</v>
      </c>
      <c r="E8133" s="1" t="s">
        <v>0</v>
      </c>
    </row>
    <row r="8134" spans="1:5" x14ac:dyDescent="0.25">
      <c r="A8134" s="1" t="s">
        <v>24406</v>
      </c>
      <c r="B8134" s="1" t="s">
        <v>52860</v>
      </c>
      <c r="C8134" s="1" t="s">
        <v>24407</v>
      </c>
      <c r="D8134" s="2">
        <v>160962</v>
      </c>
      <c r="E8134" s="1" t="s">
        <v>0</v>
      </c>
    </row>
    <row r="8135" spans="1:5" ht="409.5" x14ac:dyDescent="0.25">
      <c r="A8135" s="4" t="s">
        <v>64101</v>
      </c>
      <c r="B8135" s="1" t="s">
        <v>52861</v>
      </c>
      <c r="C8135" s="1" t="s">
        <v>24408</v>
      </c>
      <c r="D8135" s="2">
        <v>160963</v>
      </c>
      <c r="E8135" s="1" t="s">
        <v>0</v>
      </c>
    </row>
    <row r="8136" spans="1:5" x14ac:dyDescent="0.25">
      <c r="A8136" s="1" t="s">
        <v>24409</v>
      </c>
      <c r="B8136" s="1" t="s">
        <v>52862</v>
      </c>
      <c r="C8136" s="1" t="s">
        <v>24410</v>
      </c>
      <c r="D8136" s="2">
        <v>160964</v>
      </c>
      <c r="E8136" s="1" t="s">
        <v>0</v>
      </c>
    </row>
    <row r="8137" spans="1:5" x14ac:dyDescent="0.25">
      <c r="A8137" s="2">
        <v>1627</v>
      </c>
      <c r="B8137" s="2">
        <v>1627</v>
      </c>
      <c r="C8137" s="1" t="s">
        <v>0</v>
      </c>
      <c r="D8137" s="2">
        <v>160965</v>
      </c>
      <c r="E8137" s="1" t="s">
        <v>0</v>
      </c>
    </row>
    <row r="8138" spans="1:5" x14ac:dyDescent="0.25">
      <c r="A8138" s="1" t="s">
        <v>1507</v>
      </c>
      <c r="B8138" s="1" t="s">
        <v>7336</v>
      </c>
      <c r="C8138" s="1" t="s">
        <v>24411</v>
      </c>
      <c r="D8138" s="2">
        <v>160966</v>
      </c>
      <c r="E8138" s="1" t="s">
        <v>0</v>
      </c>
    </row>
    <row r="8139" spans="1:5" x14ac:dyDescent="0.25">
      <c r="A8139" s="1" t="s">
        <v>24412</v>
      </c>
      <c r="B8139" s="1" t="s">
        <v>52863</v>
      </c>
      <c r="C8139" s="1" t="s">
        <v>24413</v>
      </c>
      <c r="D8139" s="2">
        <v>160967</v>
      </c>
      <c r="E8139" s="1" t="s">
        <v>0</v>
      </c>
    </row>
    <row r="8140" spans="1:5" ht="409.5" x14ac:dyDescent="0.25">
      <c r="A8140" s="4" t="s">
        <v>24414</v>
      </c>
      <c r="B8140" s="1" t="s">
        <v>63666</v>
      </c>
      <c r="C8140" s="1" t="s">
        <v>24415</v>
      </c>
      <c r="D8140" s="2">
        <v>160968</v>
      </c>
      <c r="E8140" s="1" t="s">
        <v>0</v>
      </c>
    </row>
    <row r="8141" spans="1:5" x14ac:dyDescent="0.25">
      <c r="A8141" s="1" t="s">
        <v>24416</v>
      </c>
      <c r="B8141" s="1" t="s">
        <v>57180</v>
      </c>
      <c r="C8141" s="1" t="s">
        <v>24417</v>
      </c>
      <c r="D8141" s="2">
        <v>160969</v>
      </c>
      <c r="E8141" s="1" t="s">
        <v>0</v>
      </c>
    </row>
    <row r="8142" spans="1:5" x14ac:dyDescent="0.25">
      <c r="A8142" s="2">
        <v>1628</v>
      </c>
      <c r="B8142" s="2">
        <v>1628</v>
      </c>
      <c r="C8142" s="1" t="s">
        <v>0</v>
      </c>
      <c r="D8142" s="2">
        <v>160970</v>
      </c>
      <c r="E8142" s="1" t="s">
        <v>0</v>
      </c>
    </row>
    <row r="8143" spans="1:5" x14ac:dyDescent="0.25">
      <c r="A8143" s="1" t="s">
        <v>1508</v>
      </c>
      <c r="B8143" s="1" t="s">
        <v>7337</v>
      </c>
      <c r="C8143" s="1" t="s">
        <v>24418</v>
      </c>
      <c r="D8143" s="2">
        <v>160971</v>
      </c>
      <c r="E8143" s="1" t="s">
        <v>0</v>
      </c>
    </row>
    <row r="8144" spans="1:5" x14ac:dyDescent="0.25">
      <c r="A8144" s="1" t="s">
        <v>24419</v>
      </c>
      <c r="B8144" s="1" t="s">
        <v>52864</v>
      </c>
      <c r="C8144" s="1" t="s">
        <v>24420</v>
      </c>
      <c r="D8144" s="2">
        <v>160972</v>
      </c>
      <c r="E8144" s="1" t="s">
        <v>0</v>
      </c>
    </row>
    <row r="8145" spans="1:5" ht="409.5" x14ac:dyDescent="0.25">
      <c r="A8145" s="4" t="s">
        <v>24421</v>
      </c>
      <c r="B8145" s="1" t="s">
        <v>52865</v>
      </c>
      <c r="C8145" s="1" t="s">
        <v>24422</v>
      </c>
      <c r="D8145" s="2">
        <v>160973</v>
      </c>
      <c r="E8145" s="1" t="s">
        <v>0</v>
      </c>
    </row>
    <row r="8146" spans="1:5" x14ac:dyDescent="0.25">
      <c r="A8146" s="1" t="s">
        <v>24423</v>
      </c>
      <c r="B8146" s="1" t="s">
        <v>7338</v>
      </c>
      <c r="C8146" s="1" t="s">
        <v>24424</v>
      </c>
      <c r="D8146" s="2">
        <v>160974</v>
      </c>
      <c r="E8146" s="1" t="s">
        <v>0</v>
      </c>
    </row>
    <row r="8147" spans="1:5" x14ac:dyDescent="0.25">
      <c r="A8147" s="2">
        <v>1629</v>
      </c>
      <c r="B8147" s="2">
        <v>1629</v>
      </c>
      <c r="C8147" s="1" t="s">
        <v>0</v>
      </c>
      <c r="D8147" s="2">
        <v>160975</v>
      </c>
      <c r="E8147" s="1" t="s">
        <v>0</v>
      </c>
    </row>
    <row r="8148" spans="1:5" x14ac:dyDescent="0.25">
      <c r="A8148" s="1" t="s">
        <v>7339</v>
      </c>
      <c r="B8148" s="1" t="s">
        <v>7340</v>
      </c>
      <c r="C8148" s="1" t="s">
        <v>24425</v>
      </c>
      <c r="D8148" s="2">
        <v>160976</v>
      </c>
      <c r="E8148" s="1" t="s">
        <v>0</v>
      </c>
    </row>
    <row r="8149" spans="1:5" x14ac:dyDescent="0.25">
      <c r="A8149" s="1" t="s">
        <v>24426</v>
      </c>
      <c r="B8149" s="1" t="s">
        <v>7341</v>
      </c>
      <c r="C8149" s="1" t="s">
        <v>24427</v>
      </c>
      <c r="D8149" s="2">
        <v>160977</v>
      </c>
      <c r="E8149" s="1" t="s">
        <v>0</v>
      </c>
    </row>
    <row r="8150" spans="1:5" ht="409.5" x14ac:dyDescent="0.25">
      <c r="A8150" s="4" t="s">
        <v>64102</v>
      </c>
      <c r="B8150" s="1" t="s">
        <v>52866</v>
      </c>
      <c r="C8150" s="1" t="s">
        <v>24428</v>
      </c>
      <c r="D8150" s="2">
        <v>160978</v>
      </c>
      <c r="E8150" s="1" t="s">
        <v>0</v>
      </c>
    </row>
    <row r="8151" spans="1:5" x14ac:dyDescent="0.25">
      <c r="A8151" s="1" t="s">
        <v>24429</v>
      </c>
      <c r="B8151" s="1" t="s">
        <v>7342</v>
      </c>
      <c r="C8151" s="1" t="s">
        <v>24430</v>
      </c>
      <c r="D8151" s="2">
        <v>160979</v>
      </c>
      <c r="E8151" s="1" t="s">
        <v>0</v>
      </c>
    </row>
    <row r="8152" spans="1:5" x14ac:dyDescent="0.25">
      <c r="A8152" s="2">
        <v>1630</v>
      </c>
      <c r="B8152" s="2">
        <v>1630</v>
      </c>
      <c r="C8152" s="1" t="s">
        <v>0</v>
      </c>
      <c r="D8152" s="2">
        <v>160980</v>
      </c>
      <c r="E8152" s="1" t="s">
        <v>0</v>
      </c>
    </row>
    <row r="8153" spans="1:5" x14ac:dyDescent="0.25">
      <c r="A8153" s="1" t="s">
        <v>1509</v>
      </c>
      <c r="B8153" s="1" t="s">
        <v>7343</v>
      </c>
      <c r="C8153" s="1" t="s">
        <v>24431</v>
      </c>
      <c r="D8153" s="2">
        <v>160981</v>
      </c>
      <c r="E8153" s="1" t="s">
        <v>0</v>
      </c>
    </row>
    <row r="8154" spans="1:5" x14ac:dyDescent="0.25">
      <c r="A8154" s="1" t="s">
        <v>24432</v>
      </c>
      <c r="B8154" s="1" t="s">
        <v>52867</v>
      </c>
      <c r="C8154" s="1" t="s">
        <v>24433</v>
      </c>
      <c r="D8154" s="2">
        <v>160982</v>
      </c>
      <c r="E8154" s="1" t="s">
        <v>0</v>
      </c>
    </row>
    <row r="8155" spans="1:5" ht="409.5" x14ac:dyDescent="0.25">
      <c r="A8155" s="4" t="s">
        <v>24434</v>
      </c>
      <c r="B8155" s="1" t="s">
        <v>58301</v>
      </c>
      <c r="C8155" s="1" t="s">
        <v>24435</v>
      </c>
      <c r="D8155" s="2">
        <v>160983</v>
      </c>
      <c r="E8155" s="1" t="s">
        <v>0</v>
      </c>
    </row>
    <row r="8156" spans="1:5" x14ac:dyDescent="0.25">
      <c r="A8156" s="1" t="s">
        <v>24436</v>
      </c>
      <c r="B8156" s="1" t="s">
        <v>52868</v>
      </c>
      <c r="C8156" s="1" t="s">
        <v>24437</v>
      </c>
      <c r="D8156" s="2">
        <v>160984</v>
      </c>
      <c r="E8156" s="1" t="s">
        <v>0</v>
      </c>
    </row>
    <row r="8157" spans="1:5" x14ac:dyDescent="0.25">
      <c r="A8157" s="2">
        <v>1631</v>
      </c>
      <c r="B8157" s="2">
        <v>1631</v>
      </c>
      <c r="C8157" s="1" t="s">
        <v>0</v>
      </c>
      <c r="D8157" s="2">
        <v>160985</v>
      </c>
      <c r="E8157" s="1" t="s">
        <v>0</v>
      </c>
    </row>
    <row r="8158" spans="1:5" x14ac:dyDescent="0.25">
      <c r="A8158" s="1" t="s">
        <v>1510</v>
      </c>
      <c r="B8158" s="1" t="s">
        <v>7344</v>
      </c>
      <c r="C8158" s="1" t="s">
        <v>24438</v>
      </c>
      <c r="D8158" s="2">
        <v>160986</v>
      </c>
      <c r="E8158" s="1" t="s">
        <v>0</v>
      </c>
    </row>
    <row r="8159" spans="1:5" x14ac:dyDescent="0.25">
      <c r="A8159" s="1" t="s">
        <v>24439</v>
      </c>
      <c r="B8159" s="1" t="s">
        <v>52869</v>
      </c>
      <c r="C8159" s="1" t="s">
        <v>24440</v>
      </c>
      <c r="D8159" s="2">
        <v>160987</v>
      </c>
      <c r="E8159" s="1" t="s">
        <v>0</v>
      </c>
    </row>
    <row r="8160" spans="1:5" ht="409.5" x14ac:dyDescent="0.25">
      <c r="A8160" s="4" t="s">
        <v>24441</v>
      </c>
      <c r="B8160" s="1" t="s">
        <v>52870</v>
      </c>
      <c r="C8160" s="1" t="s">
        <v>24442</v>
      </c>
      <c r="D8160" s="2">
        <v>160988</v>
      </c>
      <c r="E8160" s="1" t="s">
        <v>0</v>
      </c>
    </row>
    <row r="8161" spans="1:5" x14ac:dyDescent="0.25">
      <c r="A8161" s="1" t="s">
        <v>24443</v>
      </c>
      <c r="B8161" s="1" t="s">
        <v>61047</v>
      </c>
      <c r="C8161" s="1" t="s">
        <v>24444</v>
      </c>
      <c r="D8161" s="2">
        <v>160989</v>
      </c>
      <c r="E8161" s="1" t="s">
        <v>0</v>
      </c>
    </row>
    <row r="8162" spans="1:5" x14ac:dyDescent="0.25">
      <c r="A8162" s="2">
        <v>1632</v>
      </c>
      <c r="B8162" s="2">
        <v>1632</v>
      </c>
      <c r="C8162" s="1" t="s">
        <v>0</v>
      </c>
      <c r="D8162" s="2">
        <v>160990</v>
      </c>
      <c r="E8162" s="1" t="s">
        <v>0</v>
      </c>
    </row>
    <row r="8163" spans="1:5" x14ac:dyDescent="0.25">
      <c r="A8163" s="1" t="s">
        <v>13059</v>
      </c>
      <c r="B8163" s="1" t="s">
        <v>7345</v>
      </c>
      <c r="C8163" s="1" t="s">
        <v>24445</v>
      </c>
      <c r="D8163" s="2">
        <v>160991</v>
      </c>
      <c r="E8163" s="1" t="s">
        <v>0</v>
      </c>
    </row>
    <row r="8164" spans="1:5" x14ac:dyDescent="0.25">
      <c r="A8164" s="1" t="s">
        <v>24446</v>
      </c>
      <c r="B8164" s="1" t="s">
        <v>50598</v>
      </c>
      <c r="C8164" s="1" t="s">
        <v>24447</v>
      </c>
      <c r="D8164" s="2">
        <v>160992</v>
      </c>
      <c r="E8164" s="1" t="s">
        <v>0</v>
      </c>
    </row>
    <row r="8165" spans="1:5" ht="409.5" x14ac:dyDescent="0.25">
      <c r="A8165" s="4" t="s">
        <v>24448</v>
      </c>
      <c r="B8165" s="1" t="s">
        <v>52871</v>
      </c>
      <c r="C8165" s="1" t="s">
        <v>24449</v>
      </c>
      <c r="D8165" s="2">
        <v>160993</v>
      </c>
      <c r="E8165" s="1" t="s">
        <v>0</v>
      </c>
    </row>
    <row r="8166" spans="1:5" x14ac:dyDescent="0.25">
      <c r="A8166" s="1" t="s">
        <v>24450</v>
      </c>
      <c r="B8166" s="1" t="s">
        <v>52872</v>
      </c>
      <c r="C8166" s="1" t="s">
        <v>24451</v>
      </c>
      <c r="D8166" s="2">
        <v>160994</v>
      </c>
      <c r="E8166" s="1" t="s">
        <v>0</v>
      </c>
    </row>
    <row r="8167" spans="1:5" x14ac:dyDescent="0.25">
      <c r="A8167" s="2">
        <v>1633</v>
      </c>
      <c r="B8167" s="2">
        <v>1633</v>
      </c>
      <c r="C8167" s="1" t="s">
        <v>0</v>
      </c>
      <c r="D8167" s="2">
        <v>160995</v>
      </c>
      <c r="E8167" s="1" t="s">
        <v>0</v>
      </c>
    </row>
    <row r="8168" spans="1:5" x14ac:dyDescent="0.25">
      <c r="A8168" s="1" t="s">
        <v>1511</v>
      </c>
      <c r="B8168" s="1" t="s">
        <v>7346</v>
      </c>
      <c r="C8168" s="1" t="s">
        <v>24452</v>
      </c>
      <c r="D8168" s="2">
        <v>160996</v>
      </c>
      <c r="E8168" s="1" t="s">
        <v>0</v>
      </c>
    </row>
    <row r="8169" spans="1:5" x14ac:dyDescent="0.25">
      <c r="A8169" s="1" t="s">
        <v>24453</v>
      </c>
      <c r="B8169" s="1" t="s">
        <v>50599</v>
      </c>
      <c r="C8169" s="1" t="s">
        <v>24454</v>
      </c>
      <c r="D8169" s="2">
        <v>160997</v>
      </c>
      <c r="E8169" s="1" t="s">
        <v>0</v>
      </c>
    </row>
    <row r="8170" spans="1:5" ht="409.5" x14ac:dyDescent="0.25">
      <c r="A8170" s="4" t="s">
        <v>24455</v>
      </c>
      <c r="B8170" s="1" t="s">
        <v>52873</v>
      </c>
      <c r="C8170" s="1" t="s">
        <v>24456</v>
      </c>
      <c r="D8170" s="2">
        <v>160998</v>
      </c>
      <c r="E8170" s="1" t="s">
        <v>0</v>
      </c>
    </row>
    <row r="8171" spans="1:5" x14ac:dyDescent="0.25">
      <c r="A8171" s="1" t="s">
        <v>24457</v>
      </c>
      <c r="B8171" s="1" t="s">
        <v>52874</v>
      </c>
      <c r="C8171" s="1" t="s">
        <v>24458</v>
      </c>
      <c r="D8171" s="2">
        <v>160999</v>
      </c>
      <c r="E8171" s="1" t="s">
        <v>0</v>
      </c>
    </row>
    <row r="8172" spans="1:5" x14ac:dyDescent="0.25">
      <c r="A8172" s="2">
        <v>1634</v>
      </c>
      <c r="B8172" s="2">
        <v>1634</v>
      </c>
      <c r="C8172" s="1" t="s">
        <v>0</v>
      </c>
      <c r="D8172" s="2">
        <v>161000</v>
      </c>
      <c r="E8172" s="1" t="s">
        <v>0</v>
      </c>
    </row>
    <row r="8173" spans="1:5" x14ac:dyDescent="0.25">
      <c r="A8173" s="1" t="s">
        <v>1512</v>
      </c>
      <c r="B8173" s="1" t="s">
        <v>7347</v>
      </c>
      <c r="C8173" s="1" t="s">
        <v>24459</v>
      </c>
      <c r="D8173" s="2">
        <v>161001</v>
      </c>
      <c r="E8173" s="1" t="s">
        <v>0</v>
      </c>
    </row>
    <row r="8174" spans="1:5" x14ac:dyDescent="0.25">
      <c r="A8174" s="1" t="s">
        <v>24460</v>
      </c>
      <c r="B8174" s="1" t="s">
        <v>13060</v>
      </c>
      <c r="C8174" s="1" t="s">
        <v>24461</v>
      </c>
      <c r="D8174" s="2">
        <v>161002</v>
      </c>
      <c r="E8174" s="1" t="s">
        <v>0</v>
      </c>
    </row>
    <row r="8175" spans="1:5" ht="409.5" x14ac:dyDescent="0.25">
      <c r="A8175" s="4" t="s">
        <v>24462</v>
      </c>
      <c r="B8175" s="1" t="s">
        <v>56738</v>
      </c>
      <c r="C8175" s="1" t="s">
        <v>24463</v>
      </c>
      <c r="D8175" s="2">
        <v>161003</v>
      </c>
      <c r="E8175" s="1" t="s">
        <v>0</v>
      </c>
    </row>
    <row r="8176" spans="1:5" x14ac:dyDescent="0.25">
      <c r="A8176" s="1" t="s">
        <v>24464</v>
      </c>
      <c r="B8176" s="1" t="s">
        <v>7348</v>
      </c>
      <c r="C8176" s="1" t="s">
        <v>24465</v>
      </c>
      <c r="D8176" s="2">
        <v>161004</v>
      </c>
      <c r="E8176" s="1" t="s">
        <v>0</v>
      </c>
    </row>
    <row r="8177" spans="1:5" x14ac:dyDescent="0.25">
      <c r="A8177" s="2">
        <v>1635</v>
      </c>
      <c r="B8177" s="2">
        <v>1635</v>
      </c>
      <c r="C8177" s="1" t="s">
        <v>0</v>
      </c>
      <c r="D8177" s="2">
        <v>161005</v>
      </c>
      <c r="E8177" s="1" t="s">
        <v>0</v>
      </c>
    </row>
    <row r="8178" spans="1:5" x14ac:dyDescent="0.25">
      <c r="A8178" s="1" t="s">
        <v>1513</v>
      </c>
      <c r="B8178" s="1" t="s">
        <v>7349</v>
      </c>
      <c r="C8178" s="1" t="s">
        <v>24466</v>
      </c>
      <c r="D8178" s="2">
        <v>161006</v>
      </c>
      <c r="E8178" s="1" t="s">
        <v>0</v>
      </c>
    </row>
    <row r="8179" spans="1:5" x14ac:dyDescent="0.25">
      <c r="A8179" s="1" t="s">
        <v>24467</v>
      </c>
      <c r="B8179" s="1" t="s">
        <v>52875</v>
      </c>
      <c r="C8179" s="1" t="s">
        <v>24468</v>
      </c>
      <c r="D8179" s="2">
        <v>161007</v>
      </c>
      <c r="E8179" s="1" t="s">
        <v>0</v>
      </c>
    </row>
    <row r="8180" spans="1:5" ht="409.5" x14ac:dyDescent="0.25">
      <c r="A8180" s="4" t="s">
        <v>24469</v>
      </c>
      <c r="B8180" s="1" t="s">
        <v>52876</v>
      </c>
      <c r="C8180" s="1" t="s">
        <v>24470</v>
      </c>
      <c r="D8180" s="2">
        <v>161008</v>
      </c>
      <c r="E8180" s="1" t="s">
        <v>0</v>
      </c>
    </row>
    <row r="8181" spans="1:5" x14ac:dyDescent="0.25">
      <c r="A8181" s="1" t="s">
        <v>24471</v>
      </c>
      <c r="B8181" s="1" t="s">
        <v>7350</v>
      </c>
      <c r="C8181" s="1" t="s">
        <v>24471</v>
      </c>
      <c r="D8181" s="2">
        <v>161009</v>
      </c>
      <c r="E8181" s="1" t="s">
        <v>0</v>
      </c>
    </row>
    <row r="8182" spans="1:5" x14ac:dyDescent="0.25">
      <c r="A8182" s="2">
        <v>1636</v>
      </c>
      <c r="B8182" s="2">
        <v>1636</v>
      </c>
      <c r="C8182" s="1" t="s">
        <v>0</v>
      </c>
      <c r="D8182" s="2">
        <v>161010</v>
      </c>
      <c r="E8182" s="1" t="s">
        <v>0</v>
      </c>
    </row>
    <row r="8183" spans="1:5" x14ac:dyDescent="0.25">
      <c r="A8183" s="1" t="s">
        <v>1514</v>
      </c>
      <c r="B8183" s="1" t="s">
        <v>52877</v>
      </c>
      <c r="C8183" s="1" t="s">
        <v>24472</v>
      </c>
      <c r="D8183" s="2">
        <v>161011</v>
      </c>
      <c r="E8183" s="1" t="s">
        <v>0</v>
      </c>
    </row>
    <row r="8184" spans="1:5" x14ac:dyDescent="0.25">
      <c r="A8184" s="1" t="s">
        <v>24473</v>
      </c>
      <c r="B8184" s="1" t="s">
        <v>52878</v>
      </c>
      <c r="C8184" s="1" t="s">
        <v>24474</v>
      </c>
      <c r="D8184" s="2">
        <v>161012</v>
      </c>
      <c r="E8184" s="1" t="s">
        <v>0</v>
      </c>
    </row>
    <row r="8185" spans="1:5" ht="409.5" x14ac:dyDescent="0.25">
      <c r="A8185" s="4" t="s">
        <v>24475</v>
      </c>
      <c r="B8185" s="1" t="s">
        <v>52879</v>
      </c>
      <c r="C8185" s="1" t="s">
        <v>24476</v>
      </c>
      <c r="D8185" s="2">
        <v>161013</v>
      </c>
      <c r="E8185" s="1" t="s">
        <v>0</v>
      </c>
    </row>
    <row r="8186" spans="1:5" x14ac:dyDescent="0.25">
      <c r="A8186" s="1" t="s">
        <v>24477</v>
      </c>
      <c r="B8186" s="1" t="s">
        <v>7351</v>
      </c>
      <c r="C8186" s="1" t="s">
        <v>24478</v>
      </c>
      <c r="D8186" s="2">
        <v>161014</v>
      </c>
      <c r="E8186" s="1" t="s">
        <v>0</v>
      </c>
    </row>
    <row r="8187" spans="1:5" x14ac:dyDescent="0.25">
      <c r="A8187" s="2">
        <v>1637</v>
      </c>
      <c r="B8187" s="2">
        <v>1637</v>
      </c>
      <c r="C8187" s="1" t="s">
        <v>0</v>
      </c>
      <c r="D8187" s="2">
        <v>161015</v>
      </c>
      <c r="E8187" s="1" t="s">
        <v>0</v>
      </c>
    </row>
    <row r="8188" spans="1:5" x14ac:dyDescent="0.25">
      <c r="A8188" s="1" t="s">
        <v>7352</v>
      </c>
      <c r="B8188" s="1" t="s">
        <v>7353</v>
      </c>
      <c r="C8188" s="1" t="s">
        <v>24479</v>
      </c>
      <c r="D8188" s="2">
        <v>161016</v>
      </c>
      <c r="E8188" s="1" t="s">
        <v>0</v>
      </c>
    </row>
    <row r="8189" spans="1:5" x14ac:dyDescent="0.25">
      <c r="A8189" s="1" t="s">
        <v>24480</v>
      </c>
      <c r="B8189" s="1" t="s">
        <v>58302</v>
      </c>
      <c r="C8189" s="1" t="s">
        <v>24481</v>
      </c>
      <c r="D8189" s="2">
        <v>161017</v>
      </c>
      <c r="E8189" s="1" t="s">
        <v>0</v>
      </c>
    </row>
    <row r="8190" spans="1:5" ht="409.5" x14ac:dyDescent="0.25">
      <c r="A8190" s="4" t="s">
        <v>24482</v>
      </c>
      <c r="B8190" s="1" t="s">
        <v>58303</v>
      </c>
      <c r="C8190" s="1" t="s">
        <v>24483</v>
      </c>
      <c r="D8190" s="2">
        <v>161018</v>
      </c>
      <c r="E8190" s="1" t="s">
        <v>0</v>
      </c>
    </row>
    <row r="8191" spans="1:5" x14ac:dyDescent="0.25">
      <c r="A8191" s="1" t="s">
        <v>24484</v>
      </c>
      <c r="B8191" s="1" t="s">
        <v>52880</v>
      </c>
      <c r="C8191" s="1" t="s">
        <v>24485</v>
      </c>
      <c r="D8191" s="2">
        <v>161019</v>
      </c>
      <c r="E8191" s="1" t="s">
        <v>0</v>
      </c>
    </row>
    <row r="8192" spans="1:5" x14ac:dyDescent="0.25">
      <c r="A8192" s="2">
        <v>1638</v>
      </c>
      <c r="B8192" s="2">
        <v>1638</v>
      </c>
      <c r="C8192" s="1" t="s">
        <v>0</v>
      </c>
      <c r="D8192" s="2">
        <v>161020</v>
      </c>
      <c r="E8192" s="1" t="s">
        <v>0</v>
      </c>
    </row>
    <row r="8193" spans="1:5" x14ac:dyDescent="0.25">
      <c r="A8193" s="1" t="s">
        <v>1515</v>
      </c>
      <c r="B8193" s="1" t="s">
        <v>7354</v>
      </c>
      <c r="C8193" s="1" t="s">
        <v>24486</v>
      </c>
      <c r="D8193" s="2">
        <v>161021</v>
      </c>
      <c r="E8193" s="1" t="s">
        <v>0</v>
      </c>
    </row>
    <row r="8194" spans="1:5" x14ac:dyDescent="0.25">
      <c r="A8194" s="1" t="s">
        <v>24487</v>
      </c>
      <c r="B8194" s="1" t="s">
        <v>59003</v>
      </c>
      <c r="C8194" s="1" t="s">
        <v>24488</v>
      </c>
      <c r="D8194" s="2">
        <v>161022</v>
      </c>
      <c r="E8194" s="1" t="s">
        <v>0</v>
      </c>
    </row>
    <row r="8195" spans="1:5" ht="409.5" x14ac:dyDescent="0.25">
      <c r="A8195" s="4" t="s">
        <v>24489</v>
      </c>
      <c r="B8195" s="1" t="s">
        <v>59004</v>
      </c>
      <c r="C8195" s="1" t="s">
        <v>24490</v>
      </c>
      <c r="D8195" s="2">
        <v>161023</v>
      </c>
      <c r="E8195" s="1" t="s">
        <v>0</v>
      </c>
    </row>
    <row r="8196" spans="1:5" x14ac:dyDescent="0.25">
      <c r="A8196" s="1" t="s">
        <v>24491</v>
      </c>
      <c r="B8196" s="1" t="s">
        <v>52881</v>
      </c>
      <c r="C8196" s="1" t="s">
        <v>24492</v>
      </c>
      <c r="D8196" s="2">
        <v>161024</v>
      </c>
      <c r="E8196" s="1" t="s">
        <v>0</v>
      </c>
    </row>
    <row r="8197" spans="1:5" x14ac:dyDescent="0.25">
      <c r="A8197" s="2">
        <v>1639</v>
      </c>
      <c r="B8197" s="2">
        <v>1639</v>
      </c>
      <c r="C8197" s="1" t="s">
        <v>0</v>
      </c>
      <c r="D8197" s="2">
        <v>161025</v>
      </c>
      <c r="E8197" s="1" t="s">
        <v>0</v>
      </c>
    </row>
    <row r="8198" spans="1:5" x14ac:dyDescent="0.25">
      <c r="A8198" s="1" t="s">
        <v>1516</v>
      </c>
      <c r="B8198" s="1" t="s">
        <v>7355</v>
      </c>
      <c r="C8198" s="1" t="s">
        <v>24493</v>
      </c>
      <c r="D8198" s="2">
        <v>161026</v>
      </c>
      <c r="E8198" s="1" t="s">
        <v>0</v>
      </c>
    </row>
    <row r="8199" spans="1:5" x14ac:dyDescent="0.25">
      <c r="A8199" s="1" t="s">
        <v>24494</v>
      </c>
      <c r="B8199" s="1" t="s">
        <v>7356</v>
      </c>
      <c r="C8199" s="1" t="s">
        <v>24495</v>
      </c>
      <c r="D8199" s="2">
        <v>161027</v>
      </c>
      <c r="E8199" s="1" t="s">
        <v>0</v>
      </c>
    </row>
    <row r="8200" spans="1:5" ht="409.5" x14ac:dyDescent="0.25">
      <c r="A8200" s="4" t="s">
        <v>24496</v>
      </c>
      <c r="B8200" s="1" t="s">
        <v>52882</v>
      </c>
      <c r="C8200" s="1" t="s">
        <v>24497</v>
      </c>
      <c r="D8200" s="2">
        <v>161028</v>
      </c>
      <c r="E8200" s="1" t="s">
        <v>0</v>
      </c>
    </row>
    <row r="8201" spans="1:5" x14ac:dyDescent="0.25">
      <c r="A8201" s="1" t="s">
        <v>24498</v>
      </c>
      <c r="B8201" s="1" t="s">
        <v>57181</v>
      </c>
      <c r="C8201" s="1" t="s">
        <v>24499</v>
      </c>
      <c r="D8201" s="2">
        <v>161029</v>
      </c>
      <c r="E8201" s="1" t="s">
        <v>0</v>
      </c>
    </row>
    <row r="8202" spans="1:5" x14ac:dyDescent="0.25">
      <c r="A8202" s="2">
        <v>1640</v>
      </c>
      <c r="B8202" s="2">
        <v>1640</v>
      </c>
      <c r="C8202" s="1" t="s">
        <v>0</v>
      </c>
      <c r="D8202" s="2">
        <v>161030</v>
      </c>
      <c r="E8202" s="1" t="s">
        <v>0</v>
      </c>
    </row>
    <row r="8203" spans="1:5" x14ac:dyDescent="0.25">
      <c r="A8203" s="1" t="s">
        <v>1517</v>
      </c>
      <c r="B8203" s="1" t="s">
        <v>58725</v>
      </c>
      <c r="C8203" s="1" t="s">
        <v>24500</v>
      </c>
      <c r="D8203" s="2">
        <v>161031</v>
      </c>
      <c r="E8203" s="1" t="s">
        <v>0</v>
      </c>
    </row>
    <row r="8204" spans="1:5" x14ac:dyDescent="0.25">
      <c r="A8204" s="1" t="s">
        <v>24501</v>
      </c>
      <c r="B8204" s="1" t="s">
        <v>62292</v>
      </c>
      <c r="C8204" s="1" t="s">
        <v>24502</v>
      </c>
      <c r="D8204" s="2">
        <v>161032</v>
      </c>
      <c r="E8204" s="1" t="s">
        <v>0</v>
      </c>
    </row>
    <row r="8205" spans="1:5" ht="409.5" x14ac:dyDescent="0.25">
      <c r="A8205" s="4" t="s">
        <v>24503</v>
      </c>
      <c r="B8205" s="1" t="s">
        <v>62293</v>
      </c>
      <c r="C8205" s="1" t="s">
        <v>24504</v>
      </c>
      <c r="D8205" s="2">
        <v>161033</v>
      </c>
      <c r="E8205" s="1" t="s">
        <v>0</v>
      </c>
    </row>
    <row r="8206" spans="1:5" x14ac:dyDescent="0.25">
      <c r="A8206" s="1" t="s">
        <v>24505</v>
      </c>
      <c r="B8206" s="1" t="s">
        <v>58726</v>
      </c>
      <c r="C8206" s="1" t="s">
        <v>24506</v>
      </c>
      <c r="D8206" s="2">
        <v>161034</v>
      </c>
      <c r="E8206" s="1" t="s">
        <v>0</v>
      </c>
    </row>
    <row r="8207" spans="1:5" x14ac:dyDescent="0.25">
      <c r="A8207" s="2">
        <v>1641</v>
      </c>
      <c r="B8207" s="2">
        <v>1641</v>
      </c>
      <c r="C8207" s="1" t="s">
        <v>0</v>
      </c>
      <c r="D8207" s="2">
        <v>161035</v>
      </c>
      <c r="E8207" s="1" t="s">
        <v>0</v>
      </c>
    </row>
    <row r="8208" spans="1:5" x14ac:dyDescent="0.25">
      <c r="A8208" s="1" t="s">
        <v>1518</v>
      </c>
      <c r="B8208" s="1" t="s">
        <v>7357</v>
      </c>
      <c r="C8208" s="1" t="s">
        <v>24507</v>
      </c>
      <c r="D8208" s="2">
        <v>161036</v>
      </c>
      <c r="E8208" s="1" t="s">
        <v>0</v>
      </c>
    </row>
    <row r="8209" spans="1:5" x14ac:dyDescent="0.25">
      <c r="A8209" s="1" t="s">
        <v>24508</v>
      </c>
      <c r="B8209" s="1" t="s">
        <v>7358</v>
      </c>
      <c r="C8209" s="1" t="s">
        <v>24509</v>
      </c>
      <c r="D8209" s="2">
        <v>161037</v>
      </c>
      <c r="E8209" s="1" t="s">
        <v>0</v>
      </c>
    </row>
    <row r="8210" spans="1:5" ht="409.5" x14ac:dyDescent="0.25">
      <c r="A8210" s="4" t="s">
        <v>24510</v>
      </c>
      <c r="B8210" s="1" t="s">
        <v>61048</v>
      </c>
      <c r="C8210" s="1" t="s">
        <v>24511</v>
      </c>
      <c r="D8210" s="2">
        <v>161038</v>
      </c>
      <c r="E8210" s="1" t="s">
        <v>0</v>
      </c>
    </row>
    <row r="8211" spans="1:5" x14ac:dyDescent="0.25">
      <c r="A8211" s="1" t="s">
        <v>24512</v>
      </c>
      <c r="B8211" s="1" t="s">
        <v>7359</v>
      </c>
      <c r="C8211" s="1" t="s">
        <v>24513</v>
      </c>
      <c r="D8211" s="2">
        <v>161039</v>
      </c>
      <c r="E8211" s="1" t="s">
        <v>0</v>
      </c>
    </row>
    <row r="8212" spans="1:5" x14ac:dyDescent="0.25">
      <c r="A8212" s="2">
        <v>1642</v>
      </c>
      <c r="B8212" s="2">
        <v>1642</v>
      </c>
      <c r="C8212" s="1" t="s">
        <v>0</v>
      </c>
      <c r="D8212" s="2">
        <v>161040</v>
      </c>
      <c r="E8212" s="1" t="s">
        <v>0</v>
      </c>
    </row>
    <row r="8213" spans="1:5" x14ac:dyDescent="0.25">
      <c r="A8213" s="1" t="s">
        <v>13061</v>
      </c>
      <c r="B8213" s="1" t="s">
        <v>7360</v>
      </c>
      <c r="C8213" s="1" t="s">
        <v>24514</v>
      </c>
      <c r="D8213" s="2">
        <v>161041</v>
      </c>
      <c r="E8213" s="1" t="s">
        <v>0</v>
      </c>
    </row>
    <row r="8214" spans="1:5" x14ac:dyDescent="0.25">
      <c r="A8214" s="1" t="s">
        <v>24515</v>
      </c>
      <c r="B8214" s="1" t="s">
        <v>52883</v>
      </c>
      <c r="C8214" s="1" t="s">
        <v>24516</v>
      </c>
      <c r="D8214" s="2">
        <v>161042</v>
      </c>
      <c r="E8214" s="1" t="s">
        <v>0</v>
      </c>
    </row>
    <row r="8215" spans="1:5" ht="409.5" x14ac:dyDescent="0.25">
      <c r="A8215" s="4" t="s">
        <v>24517</v>
      </c>
      <c r="B8215" s="1" t="s">
        <v>52884</v>
      </c>
      <c r="C8215" s="1" t="s">
        <v>24518</v>
      </c>
      <c r="D8215" s="2">
        <v>161043</v>
      </c>
      <c r="E8215" s="1" t="s">
        <v>0</v>
      </c>
    </row>
    <row r="8216" spans="1:5" x14ac:dyDescent="0.25">
      <c r="A8216" s="1" t="s">
        <v>24519</v>
      </c>
      <c r="B8216" s="1" t="s">
        <v>61049</v>
      </c>
      <c r="C8216" s="1" t="s">
        <v>24520</v>
      </c>
      <c r="D8216" s="2">
        <v>161044</v>
      </c>
      <c r="E8216" s="1" t="s">
        <v>0</v>
      </c>
    </row>
    <row r="8217" spans="1:5" x14ac:dyDescent="0.25">
      <c r="A8217" s="2">
        <v>1643</v>
      </c>
      <c r="B8217" s="2">
        <v>1643</v>
      </c>
      <c r="C8217" s="1" t="s">
        <v>0</v>
      </c>
      <c r="D8217" s="2">
        <v>161045</v>
      </c>
      <c r="E8217" s="1" t="s">
        <v>0</v>
      </c>
    </row>
    <row r="8218" spans="1:5" x14ac:dyDescent="0.25">
      <c r="A8218" s="1" t="s">
        <v>1519</v>
      </c>
      <c r="B8218" s="1" t="s">
        <v>7361</v>
      </c>
      <c r="C8218" s="1" t="s">
        <v>24521</v>
      </c>
      <c r="D8218" s="2">
        <v>161046</v>
      </c>
      <c r="E8218" s="1" t="s">
        <v>0</v>
      </c>
    </row>
    <row r="8219" spans="1:5" x14ac:dyDescent="0.25">
      <c r="A8219" s="1" t="s">
        <v>24522</v>
      </c>
      <c r="B8219" s="1" t="s">
        <v>60587</v>
      </c>
      <c r="C8219" s="1" t="s">
        <v>24523</v>
      </c>
      <c r="D8219" s="2">
        <v>161047</v>
      </c>
      <c r="E8219" s="1" t="s">
        <v>0</v>
      </c>
    </row>
    <row r="8220" spans="1:5" ht="409.5" x14ac:dyDescent="0.25">
      <c r="A8220" s="4" t="s">
        <v>24524</v>
      </c>
      <c r="B8220" s="1" t="s">
        <v>63667</v>
      </c>
      <c r="C8220" s="1" t="s">
        <v>24525</v>
      </c>
      <c r="D8220" s="2">
        <v>161048</v>
      </c>
      <c r="E8220" s="1" t="s">
        <v>0</v>
      </c>
    </row>
    <row r="8221" spans="1:5" x14ac:dyDescent="0.25">
      <c r="A8221" s="1" t="s">
        <v>24526</v>
      </c>
      <c r="B8221" s="1" t="s">
        <v>52885</v>
      </c>
      <c r="C8221" s="1" t="s">
        <v>24527</v>
      </c>
      <c r="D8221" s="2">
        <v>161049</v>
      </c>
      <c r="E8221" s="1" t="s">
        <v>0</v>
      </c>
    </row>
    <row r="8222" spans="1:5" x14ac:dyDescent="0.25">
      <c r="A8222" s="2">
        <v>1644</v>
      </c>
      <c r="B8222" s="2">
        <v>1644</v>
      </c>
      <c r="C8222" s="1" t="s">
        <v>0</v>
      </c>
      <c r="D8222" s="2">
        <v>161050</v>
      </c>
      <c r="E8222" s="1" t="s">
        <v>0</v>
      </c>
    </row>
    <row r="8223" spans="1:5" x14ac:dyDescent="0.25">
      <c r="A8223" s="1" t="s">
        <v>1520</v>
      </c>
      <c r="B8223" s="1" t="s">
        <v>7362</v>
      </c>
      <c r="C8223" s="1" t="s">
        <v>24528</v>
      </c>
      <c r="D8223" s="2">
        <v>161051</v>
      </c>
      <c r="E8223" s="1" t="s">
        <v>0</v>
      </c>
    </row>
    <row r="8224" spans="1:5" x14ac:dyDescent="0.25">
      <c r="A8224" s="1" t="s">
        <v>24529</v>
      </c>
      <c r="B8224" s="1" t="s">
        <v>52886</v>
      </c>
      <c r="C8224" s="1" t="s">
        <v>24530</v>
      </c>
      <c r="D8224" s="2">
        <v>161052</v>
      </c>
      <c r="E8224" s="1" t="s">
        <v>0</v>
      </c>
    </row>
    <row r="8225" spans="1:5" ht="409.5" x14ac:dyDescent="0.25">
      <c r="A8225" s="4" t="s">
        <v>24531</v>
      </c>
      <c r="B8225" s="1" t="s">
        <v>62294</v>
      </c>
      <c r="C8225" s="1" t="s">
        <v>24532</v>
      </c>
      <c r="D8225" s="2">
        <v>161053</v>
      </c>
      <c r="E8225" s="1" t="s">
        <v>0</v>
      </c>
    </row>
    <row r="8226" spans="1:5" x14ac:dyDescent="0.25">
      <c r="A8226" s="1" t="s">
        <v>24533</v>
      </c>
      <c r="B8226" s="1" t="s">
        <v>7363</v>
      </c>
      <c r="C8226" s="1" t="s">
        <v>24534</v>
      </c>
      <c r="D8226" s="2">
        <v>161054</v>
      </c>
      <c r="E8226" s="1" t="s">
        <v>0</v>
      </c>
    </row>
    <row r="8227" spans="1:5" x14ac:dyDescent="0.25">
      <c r="A8227" s="2">
        <v>1645</v>
      </c>
      <c r="B8227" s="2">
        <v>1645</v>
      </c>
      <c r="C8227" s="1" t="s">
        <v>0</v>
      </c>
      <c r="D8227" s="2">
        <v>161055</v>
      </c>
      <c r="E8227" s="1" t="s">
        <v>0</v>
      </c>
    </row>
    <row r="8228" spans="1:5" x14ac:dyDescent="0.25">
      <c r="A8228" s="1" t="s">
        <v>13062</v>
      </c>
      <c r="B8228" s="1" t="s">
        <v>7364</v>
      </c>
      <c r="C8228" s="1" t="s">
        <v>24535</v>
      </c>
      <c r="D8228" s="2">
        <v>161056</v>
      </c>
      <c r="E8228" s="1" t="s">
        <v>0</v>
      </c>
    </row>
    <row r="8229" spans="1:5" x14ac:dyDescent="0.25">
      <c r="A8229" s="1" t="s">
        <v>24536</v>
      </c>
      <c r="B8229" s="1" t="s">
        <v>52887</v>
      </c>
      <c r="C8229" s="1" t="s">
        <v>24537</v>
      </c>
      <c r="D8229" s="2">
        <v>161057</v>
      </c>
      <c r="E8229" s="1" t="s">
        <v>0</v>
      </c>
    </row>
    <row r="8230" spans="1:5" ht="409.5" x14ac:dyDescent="0.25">
      <c r="A8230" s="4" t="s">
        <v>24538</v>
      </c>
      <c r="B8230" s="1" t="s">
        <v>58069</v>
      </c>
      <c r="C8230" s="1" t="s">
        <v>24539</v>
      </c>
      <c r="D8230" s="2">
        <v>161058</v>
      </c>
      <c r="E8230" s="1" t="s">
        <v>0</v>
      </c>
    </row>
    <row r="8231" spans="1:5" x14ac:dyDescent="0.25">
      <c r="A8231" s="1" t="s">
        <v>24540</v>
      </c>
      <c r="B8231" s="1" t="s">
        <v>7365</v>
      </c>
      <c r="C8231" s="1" t="s">
        <v>24541</v>
      </c>
      <c r="D8231" s="2">
        <v>161059</v>
      </c>
      <c r="E8231" s="1" t="s">
        <v>0</v>
      </c>
    </row>
    <row r="8232" spans="1:5" x14ac:dyDescent="0.25">
      <c r="A8232" s="2">
        <v>1646</v>
      </c>
      <c r="B8232" s="2">
        <v>1646</v>
      </c>
      <c r="C8232" s="1" t="s">
        <v>0</v>
      </c>
      <c r="D8232" s="2">
        <v>161060</v>
      </c>
      <c r="E8232" s="1" t="s">
        <v>0</v>
      </c>
    </row>
    <row r="8233" spans="1:5" x14ac:dyDescent="0.25">
      <c r="A8233" s="1" t="s">
        <v>1521</v>
      </c>
      <c r="B8233" s="1" t="s">
        <v>7366</v>
      </c>
      <c r="C8233" s="1" t="s">
        <v>24542</v>
      </c>
      <c r="D8233" s="2">
        <v>161061</v>
      </c>
      <c r="E8233" s="1" t="s">
        <v>0</v>
      </c>
    </row>
    <row r="8234" spans="1:5" x14ac:dyDescent="0.25">
      <c r="A8234" s="1" t="s">
        <v>24543</v>
      </c>
      <c r="B8234" s="1" t="s">
        <v>7367</v>
      </c>
      <c r="C8234" s="1" t="s">
        <v>24544</v>
      </c>
      <c r="D8234" s="2">
        <v>161062</v>
      </c>
      <c r="E8234" s="1" t="s">
        <v>0</v>
      </c>
    </row>
    <row r="8235" spans="1:5" ht="409.5" x14ac:dyDescent="0.25">
      <c r="A8235" s="4" t="s">
        <v>24545</v>
      </c>
      <c r="B8235" s="1" t="s">
        <v>7368</v>
      </c>
      <c r="C8235" s="1" t="s">
        <v>24546</v>
      </c>
      <c r="D8235" s="2">
        <v>161063</v>
      </c>
      <c r="E8235" s="1" t="s">
        <v>0</v>
      </c>
    </row>
    <row r="8236" spans="1:5" x14ac:dyDescent="0.25">
      <c r="A8236" s="1" t="s">
        <v>24547</v>
      </c>
      <c r="B8236" s="1" t="s">
        <v>61050</v>
      </c>
      <c r="C8236" s="1" t="s">
        <v>24548</v>
      </c>
      <c r="D8236" s="2">
        <v>161064</v>
      </c>
      <c r="E8236" s="1" t="s">
        <v>0</v>
      </c>
    </row>
    <row r="8237" spans="1:5" x14ac:dyDescent="0.25">
      <c r="A8237" s="2">
        <v>1647</v>
      </c>
      <c r="B8237" s="2">
        <v>1647</v>
      </c>
      <c r="C8237" s="1" t="s">
        <v>0</v>
      </c>
      <c r="D8237" s="2">
        <v>161065</v>
      </c>
      <c r="E8237" s="1" t="s">
        <v>0</v>
      </c>
    </row>
    <row r="8238" spans="1:5" x14ac:dyDescent="0.25">
      <c r="A8238" s="1" t="s">
        <v>1522</v>
      </c>
      <c r="B8238" s="1" t="s">
        <v>7369</v>
      </c>
      <c r="C8238" s="1" t="s">
        <v>24549</v>
      </c>
      <c r="D8238" s="2">
        <v>161066</v>
      </c>
      <c r="E8238" s="1" t="s">
        <v>0</v>
      </c>
    </row>
    <row r="8239" spans="1:5" x14ac:dyDescent="0.25">
      <c r="A8239" s="1" t="s">
        <v>24550</v>
      </c>
      <c r="B8239" s="1" t="s">
        <v>62295</v>
      </c>
      <c r="C8239" s="1" t="s">
        <v>24551</v>
      </c>
      <c r="D8239" s="2">
        <v>161067</v>
      </c>
      <c r="E8239" s="1" t="s">
        <v>0</v>
      </c>
    </row>
    <row r="8240" spans="1:5" ht="409.5" x14ac:dyDescent="0.25">
      <c r="A8240" s="4" t="s">
        <v>24552</v>
      </c>
      <c r="B8240" s="1" t="s">
        <v>62296</v>
      </c>
      <c r="C8240" s="1" t="s">
        <v>24553</v>
      </c>
      <c r="D8240" s="2">
        <v>161068</v>
      </c>
      <c r="E8240" s="1" t="s">
        <v>0</v>
      </c>
    </row>
    <row r="8241" spans="1:5" x14ac:dyDescent="0.25">
      <c r="A8241" s="1" t="s">
        <v>18619</v>
      </c>
      <c r="B8241" s="1" t="s">
        <v>60942</v>
      </c>
      <c r="C8241" s="1" t="s">
        <v>18620</v>
      </c>
      <c r="D8241" s="2">
        <v>161069</v>
      </c>
      <c r="E8241" s="1" t="s">
        <v>0</v>
      </c>
    </row>
    <row r="8242" spans="1:5" x14ac:dyDescent="0.25">
      <c r="A8242" s="2">
        <v>1648</v>
      </c>
      <c r="B8242" s="2">
        <v>1648</v>
      </c>
      <c r="C8242" s="1" t="s">
        <v>0</v>
      </c>
      <c r="D8242" s="2">
        <v>161070</v>
      </c>
      <c r="E8242" s="1" t="s">
        <v>0</v>
      </c>
    </row>
    <row r="8243" spans="1:5" x14ac:dyDescent="0.25">
      <c r="A8243" s="1" t="s">
        <v>1523</v>
      </c>
      <c r="B8243" s="1" t="s">
        <v>57467</v>
      </c>
      <c r="C8243" s="1" t="s">
        <v>24554</v>
      </c>
      <c r="D8243" s="2">
        <v>161071</v>
      </c>
      <c r="E8243" s="1" t="s">
        <v>0</v>
      </c>
    </row>
    <row r="8244" spans="1:5" x14ac:dyDescent="0.25">
      <c r="A8244" s="1" t="s">
        <v>24555</v>
      </c>
      <c r="B8244" s="1" t="s">
        <v>7370</v>
      </c>
      <c r="C8244" s="1" t="s">
        <v>24556</v>
      </c>
      <c r="D8244" s="2">
        <v>161072</v>
      </c>
      <c r="E8244" s="1" t="s">
        <v>0</v>
      </c>
    </row>
    <row r="8245" spans="1:5" ht="409.5" x14ac:dyDescent="0.25">
      <c r="A8245" s="4" t="s">
        <v>24557</v>
      </c>
      <c r="B8245" s="1" t="s">
        <v>7371</v>
      </c>
      <c r="C8245" s="1" t="s">
        <v>24558</v>
      </c>
      <c r="D8245" s="2">
        <v>161073</v>
      </c>
      <c r="E8245" s="1" t="s">
        <v>0</v>
      </c>
    </row>
    <row r="8246" spans="1:5" x14ac:dyDescent="0.25">
      <c r="A8246" s="1" t="s">
        <v>24559</v>
      </c>
      <c r="B8246" s="1" t="s">
        <v>52888</v>
      </c>
      <c r="C8246" s="1" t="s">
        <v>24560</v>
      </c>
      <c r="D8246" s="2">
        <v>161074</v>
      </c>
      <c r="E8246" s="1" t="s">
        <v>0</v>
      </c>
    </row>
    <row r="8247" spans="1:5" x14ac:dyDescent="0.25">
      <c r="A8247" s="2">
        <v>1649</v>
      </c>
      <c r="B8247" s="2">
        <v>1649</v>
      </c>
      <c r="C8247" s="1" t="s">
        <v>0</v>
      </c>
      <c r="D8247" s="2">
        <v>161075</v>
      </c>
      <c r="E8247" s="1" t="s">
        <v>0</v>
      </c>
    </row>
    <row r="8248" spans="1:5" x14ac:dyDescent="0.25">
      <c r="A8248" s="1" t="s">
        <v>1524</v>
      </c>
      <c r="B8248" s="1" t="s">
        <v>58304</v>
      </c>
      <c r="C8248" s="1" t="s">
        <v>24561</v>
      </c>
      <c r="D8248" s="2">
        <v>161076</v>
      </c>
      <c r="E8248" s="1" t="s">
        <v>0</v>
      </c>
    </row>
    <row r="8249" spans="1:5" x14ac:dyDescent="0.25">
      <c r="A8249" s="1" t="s">
        <v>24562</v>
      </c>
      <c r="B8249" s="1" t="s">
        <v>62297</v>
      </c>
      <c r="C8249" s="1" t="s">
        <v>24563</v>
      </c>
      <c r="D8249" s="2">
        <v>161077</v>
      </c>
      <c r="E8249" s="1" t="s">
        <v>0</v>
      </c>
    </row>
    <row r="8250" spans="1:5" ht="409.5" x14ac:dyDescent="0.25">
      <c r="A8250" s="4" t="s">
        <v>24564</v>
      </c>
      <c r="B8250" s="1" t="s">
        <v>62298</v>
      </c>
      <c r="C8250" s="1" t="s">
        <v>24565</v>
      </c>
      <c r="D8250" s="2">
        <v>161078</v>
      </c>
      <c r="E8250" s="1" t="s">
        <v>0</v>
      </c>
    </row>
    <row r="8251" spans="1:5" x14ac:dyDescent="0.25">
      <c r="A8251" s="1" t="s">
        <v>24566</v>
      </c>
      <c r="B8251" s="1" t="s">
        <v>52889</v>
      </c>
      <c r="C8251" s="1" t="s">
        <v>24567</v>
      </c>
      <c r="D8251" s="2">
        <v>161079</v>
      </c>
      <c r="E8251" s="1" t="s">
        <v>0</v>
      </c>
    </row>
    <row r="8252" spans="1:5" x14ac:dyDescent="0.25">
      <c r="A8252" s="2">
        <v>1650</v>
      </c>
      <c r="B8252" s="2">
        <v>1650</v>
      </c>
      <c r="C8252" s="1" t="s">
        <v>0</v>
      </c>
      <c r="D8252" s="2">
        <v>161080</v>
      </c>
      <c r="E8252" s="1" t="s">
        <v>0</v>
      </c>
    </row>
    <row r="8253" spans="1:5" x14ac:dyDescent="0.25">
      <c r="A8253" s="1" t="s">
        <v>1525</v>
      </c>
      <c r="B8253" s="1" t="s">
        <v>7372</v>
      </c>
      <c r="C8253" s="1" t="s">
        <v>24568</v>
      </c>
      <c r="D8253" s="2">
        <v>161081</v>
      </c>
      <c r="E8253" s="1" t="s">
        <v>0</v>
      </c>
    </row>
    <row r="8254" spans="1:5" x14ac:dyDescent="0.25">
      <c r="A8254" s="1" t="s">
        <v>24569</v>
      </c>
      <c r="B8254" s="1" t="s">
        <v>7373</v>
      </c>
      <c r="C8254" s="1" t="s">
        <v>24570</v>
      </c>
      <c r="D8254" s="2">
        <v>161082</v>
      </c>
      <c r="E8254" s="1" t="s">
        <v>0</v>
      </c>
    </row>
    <row r="8255" spans="1:5" ht="409.5" x14ac:dyDescent="0.25">
      <c r="A8255" s="4" t="s">
        <v>24571</v>
      </c>
      <c r="B8255" s="1" t="s">
        <v>61622</v>
      </c>
      <c r="C8255" s="1" t="s">
        <v>24572</v>
      </c>
      <c r="D8255" s="2">
        <v>161083</v>
      </c>
      <c r="E8255" s="1" t="s">
        <v>0</v>
      </c>
    </row>
    <row r="8256" spans="1:5" x14ac:dyDescent="0.25">
      <c r="A8256" s="1" t="s">
        <v>24573</v>
      </c>
      <c r="B8256" s="1" t="s">
        <v>52890</v>
      </c>
      <c r="C8256" s="1" t="s">
        <v>24574</v>
      </c>
      <c r="D8256" s="2">
        <v>161084</v>
      </c>
      <c r="E8256" s="1" t="s">
        <v>0</v>
      </c>
    </row>
    <row r="8257" spans="1:5" x14ac:dyDescent="0.25">
      <c r="A8257" s="2">
        <v>1651</v>
      </c>
      <c r="B8257" s="2">
        <v>1651</v>
      </c>
      <c r="C8257" s="1" t="s">
        <v>0</v>
      </c>
      <c r="D8257" s="2">
        <v>161085</v>
      </c>
      <c r="E8257" s="1" t="s">
        <v>0</v>
      </c>
    </row>
    <row r="8258" spans="1:5" x14ac:dyDescent="0.25">
      <c r="A8258" s="1" t="s">
        <v>1526</v>
      </c>
      <c r="B8258" s="1" t="s">
        <v>7374</v>
      </c>
      <c r="C8258" s="1" t="s">
        <v>24575</v>
      </c>
      <c r="D8258" s="2">
        <v>161086</v>
      </c>
      <c r="E8258" s="1" t="s">
        <v>0</v>
      </c>
    </row>
    <row r="8259" spans="1:5" x14ac:dyDescent="0.25">
      <c r="A8259" s="1" t="s">
        <v>24576</v>
      </c>
      <c r="B8259" s="1" t="s">
        <v>7375</v>
      </c>
      <c r="C8259" s="1" t="s">
        <v>24577</v>
      </c>
      <c r="D8259" s="2">
        <v>161087</v>
      </c>
      <c r="E8259" s="1" t="s">
        <v>0</v>
      </c>
    </row>
    <row r="8260" spans="1:5" ht="409.5" x14ac:dyDescent="0.25">
      <c r="A8260" s="4" t="s">
        <v>24578</v>
      </c>
      <c r="B8260" s="1" t="s">
        <v>7376</v>
      </c>
      <c r="C8260" s="1" t="s">
        <v>24579</v>
      </c>
      <c r="D8260" s="2">
        <v>161088</v>
      </c>
      <c r="E8260" s="1" t="s">
        <v>0</v>
      </c>
    </row>
    <row r="8261" spans="1:5" x14ac:dyDescent="0.25">
      <c r="A8261" s="1" t="s">
        <v>24580</v>
      </c>
      <c r="B8261" s="1" t="s">
        <v>7377</v>
      </c>
      <c r="C8261" s="1" t="s">
        <v>24581</v>
      </c>
      <c r="D8261" s="2">
        <v>161089</v>
      </c>
      <c r="E8261" s="1" t="s">
        <v>0</v>
      </c>
    </row>
    <row r="8262" spans="1:5" x14ac:dyDescent="0.25">
      <c r="A8262" s="2">
        <v>1652</v>
      </c>
      <c r="B8262" s="2">
        <v>1652</v>
      </c>
      <c r="C8262" s="1" t="s">
        <v>0</v>
      </c>
      <c r="D8262" s="2">
        <v>161090</v>
      </c>
      <c r="E8262" s="1" t="s">
        <v>0</v>
      </c>
    </row>
    <row r="8263" spans="1:5" x14ac:dyDescent="0.25">
      <c r="A8263" s="1" t="s">
        <v>1527</v>
      </c>
      <c r="B8263" s="1" t="s">
        <v>7378</v>
      </c>
      <c r="C8263" s="1" t="s">
        <v>24582</v>
      </c>
      <c r="D8263" s="2">
        <v>161091</v>
      </c>
      <c r="E8263" s="1" t="s">
        <v>0</v>
      </c>
    </row>
    <row r="8264" spans="1:5" x14ac:dyDescent="0.25">
      <c r="A8264" s="1" t="s">
        <v>24583</v>
      </c>
      <c r="B8264" s="1" t="s">
        <v>7379</v>
      </c>
      <c r="C8264" s="1" t="s">
        <v>24584</v>
      </c>
      <c r="D8264" s="2">
        <v>161092</v>
      </c>
      <c r="E8264" s="1" t="s">
        <v>0</v>
      </c>
    </row>
    <row r="8265" spans="1:5" ht="409.5" x14ac:dyDescent="0.25">
      <c r="A8265" s="4" t="s">
        <v>24585</v>
      </c>
      <c r="B8265" s="1" t="s">
        <v>52891</v>
      </c>
      <c r="C8265" s="1" t="s">
        <v>24586</v>
      </c>
      <c r="D8265" s="2">
        <v>161093</v>
      </c>
      <c r="E8265" s="1" t="s">
        <v>0</v>
      </c>
    </row>
    <row r="8266" spans="1:5" x14ac:dyDescent="0.25">
      <c r="A8266" s="1" t="s">
        <v>24587</v>
      </c>
      <c r="B8266" s="1" t="s">
        <v>7380</v>
      </c>
      <c r="C8266" s="1" t="s">
        <v>24588</v>
      </c>
      <c r="D8266" s="2">
        <v>161094</v>
      </c>
      <c r="E8266" s="1" t="s">
        <v>0</v>
      </c>
    </row>
    <row r="8267" spans="1:5" x14ac:dyDescent="0.25">
      <c r="A8267" s="2">
        <v>1653</v>
      </c>
      <c r="B8267" s="2">
        <v>1653</v>
      </c>
      <c r="C8267" s="1" t="s">
        <v>0</v>
      </c>
      <c r="D8267" s="2">
        <v>161095</v>
      </c>
      <c r="E8267" s="1" t="s">
        <v>0</v>
      </c>
    </row>
    <row r="8268" spans="1:5" x14ac:dyDescent="0.25">
      <c r="A8268" s="1" t="s">
        <v>1528</v>
      </c>
      <c r="B8268" s="1" t="s">
        <v>7381</v>
      </c>
      <c r="C8268" s="1" t="s">
        <v>24589</v>
      </c>
      <c r="D8268" s="2">
        <v>161096</v>
      </c>
      <c r="E8268" s="1" t="s">
        <v>0</v>
      </c>
    </row>
    <row r="8269" spans="1:5" x14ac:dyDescent="0.25">
      <c r="A8269" s="1" t="s">
        <v>17925</v>
      </c>
      <c r="B8269" s="1" t="s">
        <v>51829</v>
      </c>
      <c r="C8269" s="1" t="s">
        <v>17926</v>
      </c>
      <c r="D8269" s="2">
        <v>161097</v>
      </c>
      <c r="E8269" s="1" t="s">
        <v>0</v>
      </c>
    </row>
    <row r="8270" spans="1:5" ht="409.5" x14ac:dyDescent="0.25">
      <c r="A8270" s="4" t="s">
        <v>24590</v>
      </c>
      <c r="B8270" s="1" t="s">
        <v>52892</v>
      </c>
      <c r="C8270" s="1" t="s">
        <v>24591</v>
      </c>
      <c r="D8270" s="2">
        <v>161098</v>
      </c>
      <c r="E8270" s="1" t="s">
        <v>0</v>
      </c>
    </row>
    <row r="8271" spans="1:5" x14ac:dyDescent="0.25">
      <c r="A8271" s="1" t="s">
        <v>24592</v>
      </c>
      <c r="B8271" s="1" t="s">
        <v>7382</v>
      </c>
      <c r="C8271" s="1" t="s">
        <v>24593</v>
      </c>
      <c r="D8271" s="2">
        <v>161099</v>
      </c>
      <c r="E8271" s="1" t="s">
        <v>0</v>
      </c>
    </row>
    <row r="8272" spans="1:5" x14ac:dyDescent="0.25">
      <c r="A8272" s="2">
        <v>1654</v>
      </c>
      <c r="B8272" s="2">
        <v>1654</v>
      </c>
      <c r="C8272" s="1" t="s">
        <v>0</v>
      </c>
      <c r="D8272" s="2">
        <v>161100</v>
      </c>
      <c r="E8272" s="1" t="s">
        <v>0</v>
      </c>
    </row>
    <row r="8273" spans="1:5" x14ac:dyDescent="0.25">
      <c r="A8273" s="1" t="s">
        <v>1529</v>
      </c>
      <c r="B8273" s="1" t="s">
        <v>7383</v>
      </c>
      <c r="C8273" s="1" t="s">
        <v>24594</v>
      </c>
      <c r="D8273" s="2">
        <v>161101</v>
      </c>
      <c r="E8273" s="1" t="s">
        <v>0</v>
      </c>
    </row>
    <row r="8274" spans="1:5" x14ac:dyDescent="0.25">
      <c r="A8274" s="1" t="s">
        <v>24595</v>
      </c>
      <c r="B8274" s="1" t="s">
        <v>52893</v>
      </c>
      <c r="C8274" s="1" t="s">
        <v>24596</v>
      </c>
      <c r="D8274" s="2">
        <v>161102</v>
      </c>
      <c r="E8274" s="1" t="s">
        <v>0</v>
      </c>
    </row>
    <row r="8275" spans="1:5" ht="409.5" x14ac:dyDescent="0.25">
      <c r="A8275" s="4" t="s">
        <v>24597</v>
      </c>
      <c r="B8275" s="1" t="s">
        <v>52894</v>
      </c>
      <c r="C8275" s="1" t="s">
        <v>24598</v>
      </c>
      <c r="D8275" s="2">
        <v>161103</v>
      </c>
      <c r="E8275" s="1" t="s">
        <v>0</v>
      </c>
    </row>
    <row r="8276" spans="1:5" x14ac:dyDescent="0.25">
      <c r="A8276" s="1" t="s">
        <v>24599</v>
      </c>
      <c r="B8276" s="1" t="s">
        <v>52895</v>
      </c>
      <c r="C8276" s="1" t="s">
        <v>24600</v>
      </c>
      <c r="D8276" s="2">
        <v>161104</v>
      </c>
      <c r="E8276" s="1" t="s">
        <v>0</v>
      </c>
    </row>
    <row r="8277" spans="1:5" x14ac:dyDescent="0.25">
      <c r="A8277" s="2">
        <v>1655</v>
      </c>
      <c r="B8277" s="2">
        <v>1655</v>
      </c>
      <c r="C8277" s="1" t="s">
        <v>0</v>
      </c>
      <c r="D8277" s="2">
        <v>161105</v>
      </c>
      <c r="E8277" s="1" t="s">
        <v>0</v>
      </c>
    </row>
    <row r="8278" spans="1:5" x14ac:dyDescent="0.25">
      <c r="A8278" s="1" t="s">
        <v>1530</v>
      </c>
      <c r="B8278" s="1" t="s">
        <v>7384</v>
      </c>
      <c r="C8278" s="1" t="s">
        <v>24601</v>
      </c>
      <c r="D8278" s="2">
        <v>161106</v>
      </c>
      <c r="E8278" s="1" t="s">
        <v>0</v>
      </c>
    </row>
    <row r="8279" spans="1:5" x14ac:dyDescent="0.25">
      <c r="A8279" s="1" t="s">
        <v>24602</v>
      </c>
      <c r="B8279" s="1" t="s">
        <v>7385</v>
      </c>
      <c r="C8279" s="1" t="s">
        <v>24603</v>
      </c>
      <c r="D8279" s="2">
        <v>161107</v>
      </c>
      <c r="E8279" s="1" t="s">
        <v>0</v>
      </c>
    </row>
    <row r="8280" spans="1:5" ht="409.5" x14ac:dyDescent="0.25">
      <c r="A8280" s="4" t="s">
        <v>64103</v>
      </c>
      <c r="B8280" s="1" t="s">
        <v>7386</v>
      </c>
      <c r="C8280" s="1" t="s">
        <v>24604</v>
      </c>
      <c r="D8280" s="2">
        <v>161108</v>
      </c>
      <c r="E8280" s="1" t="s">
        <v>0</v>
      </c>
    </row>
    <row r="8281" spans="1:5" x14ac:dyDescent="0.25">
      <c r="A8281" s="1" t="s">
        <v>24605</v>
      </c>
      <c r="B8281" s="1" t="s">
        <v>52896</v>
      </c>
      <c r="C8281" s="1" t="s">
        <v>24606</v>
      </c>
      <c r="D8281" s="2">
        <v>161109</v>
      </c>
      <c r="E8281" s="1" t="s">
        <v>0</v>
      </c>
    </row>
    <row r="8282" spans="1:5" x14ac:dyDescent="0.25">
      <c r="A8282" s="2">
        <v>1656</v>
      </c>
      <c r="B8282" s="2">
        <v>1656</v>
      </c>
      <c r="C8282" s="1" t="s">
        <v>0</v>
      </c>
      <c r="D8282" s="2">
        <v>161110</v>
      </c>
      <c r="E8282" s="1" t="s">
        <v>0</v>
      </c>
    </row>
    <row r="8283" spans="1:5" x14ac:dyDescent="0.25">
      <c r="A8283" s="1" t="s">
        <v>1531</v>
      </c>
      <c r="B8283" s="1" t="s">
        <v>59909</v>
      </c>
      <c r="C8283" s="1" t="s">
        <v>24607</v>
      </c>
      <c r="D8283" s="2">
        <v>161111</v>
      </c>
      <c r="E8283" s="1" t="s">
        <v>0</v>
      </c>
    </row>
    <row r="8284" spans="1:5" x14ac:dyDescent="0.25">
      <c r="A8284" s="1" t="s">
        <v>24608</v>
      </c>
      <c r="B8284" s="1" t="s">
        <v>58305</v>
      </c>
      <c r="C8284" s="1" t="s">
        <v>24609</v>
      </c>
      <c r="D8284" s="2">
        <v>161112</v>
      </c>
      <c r="E8284" s="1" t="s">
        <v>0</v>
      </c>
    </row>
    <row r="8285" spans="1:5" ht="409.5" x14ac:dyDescent="0.25">
      <c r="A8285" s="4" t="s">
        <v>24610</v>
      </c>
      <c r="B8285" s="1" t="s">
        <v>59910</v>
      </c>
      <c r="C8285" s="1" t="s">
        <v>24611</v>
      </c>
      <c r="D8285" s="2">
        <v>161113</v>
      </c>
      <c r="E8285" s="1" t="s">
        <v>0</v>
      </c>
    </row>
    <row r="8286" spans="1:5" x14ac:dyDescent="0.25">
      <c r="A8286" s="1" t="s">
        <v>24612</v>
      </c>
      <c r="B8286" s="1" t="s">
        <v>52897</v>
      </c>
      <c r="C8286" s="1" t="s">
        <v>24613</v>
      </c>
      <c r="D8286" s="2">
        <v>161114</v>
      </c>
      <c r="E8286" s="1" t="s">
        <v>0</v>
      </c>
    </row>
    <row r="8287" spans="1:5" x14ac:dyDescent="0.25">
      <c r="A8287" s="2">
        <v>1657</v>
      </c>
      <c r="B8287" s="2">
        <v>1657</v>
      </c>
      <c r="C8287" s="1" t="s">
        <v>0</v>
      </c>
      <c r="D8287" s="2">
        <v>161115</v>
      </c>
      <c r="E8287" s="1" t="s">
        <v>0</v>
      </c>
    </row>
    <row r="8288" spans="1:5" x14ac:dyDescent="0.25">
      <c r="A8288" s="1" t="s">
        <v>1532</v>
      </c>
      <c r="B8288" s="1" t="s">
        <v>52898</v>
      </c>
      <c r="C8288" s="1" t="s">
        <v>24614</v>
      </c>
      <c r="D8288" s="2">
        <v>161116</v>
      </c>
      <c r="E8288" s="1" t="s">
        <v>0</v>
      </c>
    </row>
    <row r="8289" spans="1:5" x14ac:dyDescent="0.25">
      <c r="A8289" s="1" t="s">
        <v>64104</v>
      </c>
      <c r="B8289" s="1" t="s">
        <v>52899</v>
      </c>
      <c r="C8289" s="1" t="s">
        <v>24615</v>
      </c>
      <c r="D8289" s="2">
        <v>161117</v>
      </c>
      <c r="E8289" s="1" t="s">
        <v>0</v>
      </c>
    </row>
    <row r="8290" spans="1:5" ht="409.5" x14ac:dyDescent="0.25">
      <c r="A8290" s="4" t="s">
        <v>64105</v>
      </c>
      <c r="B8290" s="1" t="s">
        <v>52900</v>
      </c>
      <c r="C8290" s="1" t="s">
        <v>24616</v>
      </c>
      <c r="D8290" s="2">
        <v>161118</v>
      </c>
      <c r="E8290" s="1" t="s">
        <v>0</v>
      </c>
    </row>
    <row r="8291" spans="1:5" x14ac:dyDescent="0.25">
      <c r="A8291" s="1" t="s">
        <v>17330</v>
      </c>
      <c r="B8291" s="1" t="s">
        <v>60917</v>
      </c>
      <c r="C8291" s="1" t="s">
        <v>17331</v>
      </c>
      <c r="D8291" s="2">
        <v>161119</v>
      </c>
      <c r="E8291" s="1" t="s">
        <v>0</v>
      </c>
    </row>
    <row r="8292" spans="1:5" x14ac:dyDescent="0.25">
      <c r="A8292" s="2">
        <v>1658</v>
      </c>
      <c r="B8292" s="2">
        <v>1658</v>
      </c>
      <c r="C8292" s="1" t="s">
        <v>0</v>
      </c>
      <c r="D8292" s="2">
        <v>161120</v>
      </c>
      <c r="E8292" s="1" t="s">
        <v>0</v>
      </c>
    </row>
    <row r="8293" spans="1:5" x14ac:dyDescent="0.25">
      <c r="A8293" s="1" t="s">
        <v>24617</v>
      </c>
      <c r="B8293" s="1" t="s">
        <v>7387</v>
      </c>
      <c r="C8293" s="1" t="s">
        <v>24618</v>
      </c>
      <c r="D8293" s="2">
        <v>161121</v>
      </c>
      <c r="E8293" s="1" t="s">
        <v>0</v>
      </c>
    </row>
    <row r="8294" spans="1:5" x14ac:dyDescent="0.25">
      <c r="A8294" s="1" t="s">
        <v>24619</v>
      </c>
      <c r="B8294" s="1" t="s">
        <v>56739</v>
      </c>
      <c r="C8294" s="1" t="s">
        <v>24620</v>
      </c>
      <c r="D8294" s="2">
        <v>161122</v>
      </c>
      <c r="E8294" s="1" t="s">
        <v>0</v>
      </c>
    </row>
    <row r="8295" spans="1:5" ht="409.5" x14ac:dyDescent="0.25">
      <c r="A8295" s="4" t="s">
        <v>24621</v>
      </c>
      <c r="B8295" s="1" t="s">
        <v>56740</v>
      </c>
      <c r="C8295" s="1" t="s">
        <v>24622</v>
      </c>
      <c r="D8295" s="2">
        <v>161123</v>
      </c>
      <c r="E8295" s="1" t="s">
        <v>0</v>
      </c>
    </row>
    <row r="8296" spans="1:5" x14ac:dyDescent="0.25">
      <c r="A8296" s="1" t="s">
        <v>24623</v>
      </c>
      <c r="B8296" s="1" t="s">
        <v>52901</v>
      </c>
      <c r="C8296" s="1" t="s">
        <v>24624</v>
      </c>
      <c r="D8296" s="2">
        <v>161124</v>
      </c>
      <c r="E8296" s="1" t="s">
        <v>0</v>
      </c>
    </row>
    <row r="8297" spans="1:5" x14ac:dyDescent="0.25">
      <c r="A8297" s="2">
        <v>1659</v>
      </c>
      <c r="B8297" s="2">
        <v>1659</v>
      </c>
      <c r="C8297" s="1" t="s">
        <v>0</v>
      </c>
      <c r="D8297" s="2">
        <v>161125</v>
      </c>
      <c r="E8297" s="1" t="s">
        <v>0</v>
      </c>
    </row>
    <row r="8298" spans="1:5" x14ac:dyDescent="0.25">
      <c r="A8298" s="1" t="s">
        <v>13063</v>
      </c>
      <c r="B8298" s="1" t="s">
        <v>50600</v>
      </c>
      <c r="C8298" s="1" t="s">
        <v>24625</v>
      </c>
      <c r="D8298" s="2">
        <v>161126</v>
      </c>
      <c r="E8298" s="1" t="s">
        <v>0</v>
      </c>
    </row>
    <row r="8299" spans="1:5" x14ac:dyDescent="0.25">
      <c r="A8299" s="1" t="s">
        <v>24626</v>
      </c>
      <c r="B8299" s="1" t="s">
        <v>52902</v>
      </c>
      <c r="C8299" s="1" t="s">
        <v>24627</v>
      </c>
      <c r="D8299" s="2">
        <v>161127</v>
      </c>
      <c r="E8299" s="1" t="s">
        <v>0</v>
      </c>
    </row>
    <row r="8300" spans="1:5" ht="409.5" x14ac:dyDescent="0.25">
      <c r="A8300" s="4" t="s">
        <v>24628</v>
      </c>
      <c r="B8300" s="1" t="s">
        <v>52903</v>
      </c>
      <c r="C8300" s="1" t="s">
        <v>24629</v>
      </c>
      <c r="D8300" s="2">
        <v>161128</v>
      </c>
      <c r="E8300" s="1" t="s">
        <v>0</v>
      </c>
    </row>
    <row r="8301" spans="1:5" x14ac:dyDescent="0.25">
      <c r="A8301" s="1" t="s">
        <v>24630</v>
      </c>
      <c r="B8301" s="1" t="s">
        <v>52904</v>
      </c>
      <c r="C8301" s="1" t="s">
        <v>24631</v>
      </c>
      <c r="D8301" s="2">
        <v>161129</v>
      </c>
      <c r="E8301" s="1" t="s">
        <v>0</v>
      </c>
    </row>
    <row r="8302" spans="1:5" x14ac:dyDescent="0.25">
      <c r="A8302" s="2">
        <v>1660</v>
      </c>
      <c r="B8302" s="2">
        <v>1660</v>
      </c>
      <c r="C8302" s="1" t="s">
        <v>0</v>
      </c>
      <c r="D8302" s="2">
        <v>161130</v>
      </c>
      <c r="E8302" s="1" t="s">
        <v>0</v>
      </c>
    </row>
    <row r="8303" spans="1:5" x14ac:dyDescent="0.25">
      <c r="A8303" s="1" t="s">
        <v>1533</v>
      </c>
      <c r="B8303" s="1" t="s">
        <v>7388</v>
      </c>
      <c r="C8303" s="1" t="s">
        <v>24632</v>
      </c>
      <c r="D8303" s="2">
        <v>161131</v>
      </c>
      <c r="E8303" s="1" t="s">
        <v>0</v>
      </c>
    </row>
    <row r="8304" spans="1:5" x14ac:dyDescent="0.25">
      <c r="A8304" s="1" t="s">
        <v>24633</v>
      </c>
      <c r="B8304" s="1" t="s">
        <v>13064</v>
      </c>
      <c r="C8304" s="1" t="s">
        <v>24634</v>
      </c>
      <c r="D8304" s="2">
        <v>161132</v>
      </c>
      <c r="E8304" s="1" t="s">
        <v>0</v>
      </c>
    </row>
    <row r="8305" spans="1:5" ht="409.5" x14ac:dyDescent="0.25">
      <c r="A8305" s="4" t="s">
        <v>24635</v>
      </c>
      <c r="B8305" s="1" t="s">
        <v>13065</v>
      </c>
      <c r="C8305" s="1" t="s">
        <v>24636</v>
      </c>
      <c r="D8305" s="2">
        <v>161133</v>
      </c>
      <c r="E8305" s="1" t="s">
        <v>0</v>
      </c>
    </row>
    <row r="8306" spans="1:5" x14ac:dyDescent="0.25">
      <c r="A8306" s="1" t="s">
        <v>24637</v>
      </c>
      <c r="B8306" s="1" t="s">
        <v>52905</v>
      </c>
      <c r="C8306" s="1" t="s">
        <v>24638</v>
      </c>
      <c r="D8306" s="2">
        <v>161134</v>
      </c>
      <c r="E8306" s="1" t="s">
        <v>0</v>
      </c>
    </row>
    <row r="8307" spans="1:5" x14ac:dyDescent="0.25">
      <c r="A8307" s="2">
        <v>1661</v>
      </c>
      <c r="B8307" s="2">
        <v>1661</v>
      </c>
      <c r="C8307" s="1" t="s">
        <v>0</v>
      </c>
      <c r="D8307" s="2">
        <v>161135</v>
      </c>
      <c r="E8307" s="1" t="s">
        <v>0</v>
      </c>
    </row>
    <row r="8308" spans="1:5" x14ac:dyDescent="0.25">
      <c r="A8308" s="1" t="s">
        <v>1534</v>
      </c>
      <c r="B8308" s="1" t="s">
        <v>7389</v>
      </c>
      <c r="C8308" s="1" t="s">
        <v>24639</v>
      </c>
      <c r="D8308" s="2">
        <v>161136</v>
      </c>
      <c r="E8308" s="1" t="s">
        <v>0</v>
      </c>
    </row>
    <row r="8309" spans="1:5" x14ac:dyDescent="0.25">
      <c r="A8309" s="1" t="s">
        <v>24640</v>
      </c>
      <c r="B8309" s="1" t="s">
        <v>7390</v>
      </c>
      <c r="C8309" s="1" t="s">
        <v>24641</v>
      </c>
      <c r="D8309" s="2">
        <v>161137</v>
      </c>
      <c r="E8309" s="1" t="s">
        <v>0</v>
      </c>
    </row>
    <row r="8310" spans="1:5" ht="409.5" x14ac:dyDescent="0.25">
      <c r="A8310" s="4" t="s">
        <v>24642</v>
      </c>
      <c r="B8310" s="1" t="s">
        <v>13066</v>
      </c>
      <c r="C8310" s="1" t="s">
        <v>24643</v>
      </c>
      <c r="D8310" s="2">
        <v>161138</v>
      </c>
      <c r="E8310" s="1" t="s">
        <v>0</v>
      </c>
    </row>
    <row r="8311" spans="1:5" x14ac:dyDescent="0.25">
      <c r="A8311" s="1" t="s">
        <v>24644</v>
      </c>
      <c r="B8311" s="1" t="s">
        <v>52906</v>
      </c>
      <c r="C8311" s="1" t="s">
        <v>24645</v>
      </c>
      <c r="D8311" s="2">
        <v>161139</v>
      </c>
      <c r="E8311" s="1" t="s">
        <v>0</v>
      </c>
    </row>
    <row r="8312" spans="1:5" x14ac:dyDescent="0.25">
      <c r="A8312" s="2">
        <v>1662</v>
      </c>
      <c r="B8312" s="2">
        <v>1662</v>
      </c>
      <c r="C8312" s="1" t="s">
        <v>0</v>
      </c>
      <c r="D8312" s="2">
        <v>161140</v>
      </c>
      <c r="E8312" s="1" t="s">
        <v>0</v>
      </c>
    </row>
    <row r="8313" spans="1:5" x14ac:dyDescent="0.25">
      <c r="A8313" s="1" t="s">
        <v>1535</v>
      </c>
      <c r="B8313" s="1" t="s">
        <v>7391</v>
      </c>
      <c r="C8313" s="1" t="s">
        <v>24646</v>
      </c>
      <c r="D8313" s="2">
        <v>161141</v>
      </c>
      <c r="E8313" s="1" t="s">
        <v>0</v>
      </c>
    </row>
    <row r="8314" spans="1:5" x14ac:dyDescent="0.25">
      <c r="A8314" s="1" t="s">
        <v>24647</v>
      </c>
      <c r="B8314" s="1" t="s">
        <v>52907</v>
      </c>
      <c r="C8314" s="1" t="s">
        <v>24648</v>
      </c>
      <c r="D8314" s="2">
        <v>161142</v>
      </c>
      <c r="E8314" s="1" t="s">
        <v>0</v>
      </c>
    </row>
    <row r="8315" spans="1:5" ht="409.5" x14ac:dyDescent="0.25">
      <c r="A8315" s="4" t="s">
        <v>24649</v>
      </c>
      <c r="B8315" s="1" t="s">
        <v>57182</v>
      </c>
      <c r="C8315" s="1" t="s">
        <v>24650</v>
      </c>
      <c r="D8315" s="2">
        <v>161143</v>
      </c>
      <c r="E8315" s="1" t="s">
        <v>0</v>
      </c>
    </row>
    <row r="8316" spans="1:5" x14ac:dyDescent="0.25">
      <c r="A8316" s="1" t="s">
        <v>13413</v>
      </c>
      <c r="B8316" s="1" t="s">
        <v>60845</v>
      </c>
      <c r="C8316" s="1" t="s">
        <v>13414</v>
      </c>
      <c r="D8316" s="2">
        <v>161144</v>
      </c>
      <c r="E8316" s="1" t="s">
        <v>0</v>
      </c>
    </row>
    <row r="8317" spans="1:5" x14ac:dyDescent="0.25">
      <c r="A8317" s="2">
        <v>1663</v>
      </c>
      <c r="B8317" s="2">
        <v>1663</v>
      </c>
      <c r="C8317" s="1" t="s">
        <v>0</v>
      </c>
      <c r="D8317" s="2">
        <v>161145</v>
      </c>
      <c r="E8317" s="1" t="s">
        <v>0</v>
      </c>
    </row>
    <row r="8318" spans="1:5" x14ac:dyDescent="0.25">
      <c r="A8318" s="1" t="s">
        <v>1536</v>
      </c>
      <c r="B8318" s="1" t="s">
        <v>7392</v>
      </c>
      <c r="C8318" s="1" t="s">
        <v>24651</v>
      </c>
      <c r="D8318" s="2">
        <v>161146</v>
      </c>
      <c r="E8318" s="1" t="s">
        <v>0</v>
      </c>
    </row>
    <row r="8319" spans="1:5" x14ac:dyDescent="0.25">
      <c r="A8319" s="1" t="s">
        <v>24652</v>
      </c>
      <c r="B8319" s="1" t="s">
        <v>52908</v>
      </c>
      <c r="C8319" s="1" t="s">
        <v>24653</v>
      </c>
      <c r="D8319" s="2">
        <v>161147</v>
      </c>
      <c r="E8319" s="1" t="s">
        <v>0</v>
      </c>
    </row>
    <row r="8320" spans="1:5" ht="409.5" x14ac:dyDescent="0.25">
      <c r="A8320" s="4" t="s">
        <v>24654</v>
      </c>
      <c r="B8320" s="1" t="s">
        <v>52909</v>
      </c>
      <c r="C8320" s="1" t="s">
        <v>24655</v>
      </c>
      <c r="D8320" s="2">
        <v>161148</v>
      </c>
      <c r="E8320" s="1" t="s">
        <v>0</v>
      </c>
    </row>
    <row r="8321" spans="1:5" x14ac:dyDescent="0.25">
      <c r="A8321" s="1" t="s">
        <v>24656</v>
      </c>
      <c r="B8321" s="1" t="s">
        <v>7393</v>
      </c>
      <c r="C8321" s="1" t="s">
        <v>24657</v>
      </c>
      <c r="D8321" s="2">
        <v>161149</v>
      </c>
      <c r="E8321" s="1" t="s">
        <v>0</v>
      </c>
    </row>
    <row r="8322" spans="1:5" x14ac:dyDescent="0.25">
      <c r="A8322" s="2">
        <v>1664</v>
      </c>
      <c r="B8322" s="2">
        <v>1664</v>
      </c>
      <c r="C8322" s="1" t="s">
        <v>0</v>
      </c>
      <c r="D8322" s="2">
        <v>161150</v>
      </c>
      <c r="E8322" s="1" t="s">
        <v>0</v>
      </c>
    </row>
    <row r="8323" spans="1:5" x14ac:dyDescent="0.25">
      <c r="A8323" s="1" t="s">
        <v>1537</v>
      </c>
      <c r="B8323" s="1" t="s">
        <v>50601</v>
      </c>
      <c r="C8323" s="1" t="s">
        <v>24658</v>
      </c>
      <c r="D8323" s="2">
        <v>161151</v>
      </c>
      <c r="E8323" s="1" t="s">
        <v>0</v>
      </c>
    </row>
    <row r="8324" spans="1:5" x14ac:dyDescent="0.25">
      <c r="A8324" s="1" t="s">
        <v>24659</v>
      </c>
      <c r="B8324" s="1" t="s">
        <v>52910</v>
      </c>
      <c r="C8324" s="1" t="s">
        <v>24660</v>
      </c>
      <c r="D8324" s="2">
        <v>161152</v>
      </c>
      <c r="E8324" s="1" t="s">
        <v>0</v>
      </c>
    </row>
    <row r="8325" spans="1:5" ht="409.5" x14ac:dyDescent="0.25">
      <c r="A8325" s="4" t="s">
        <v>64106</v>
      </c>
      <c r="B8325" s="1" t="s">
        <v>52911</v>
      </c>
      <c r="C8325" s="1" t="s">
        <v>24661</v>
      </c>
      <c r="D8325" s="2">
        <v>161153</v>
      </c>
      <c r="E8325" s="1" t="s">
        <v>0</v>
      </c>
    </row>
    <row r="8326" spans="1:5" x14ac:dyDescent="0.25">
      <c r="A8326" s="1" t="s">
        <v>24662</v>
      </c>
      <c r="B8326" s="1" t="s">
        <v>52912</v>
      </c>
      <c r="C8326" s="1" t="s">
        <v>24663</v>
      </c>
      <c r="D8326" s="2">
        <v>161154</v>
      </c>
      <c r="E8326" s="1" t="s">
        <v>0</v>
      </c>
    </row>
    <row r="8327" spans="1:5" x14ac:dyDescent="0.25">
      <c r="A8327" s="2">
        <v>1665</v>
      </c>
      <c r="B8327" s="2">
        <v>1665</v>
      </c>
      <c r="C8327" s="1" t="s">
        <v>0</v>
      </c>
      <c r="D8327" s="2">
        <v>161155</v>
      </c>
      <c r="E8327" s="1" t="s">
        <v>0</v>
      </c>
    </row>
    <row r="8328" spans="1:5" x14ac:dyDescent="0.25">
      <c r="A8328" s="1" t="s">
        <v>1538</v>
      </c>
      <c r="B8328" s="1" t="s">
        <v>50602</v>
      </c>
      <c r="C8328" s="1" t="s">
        <v>24664</v>
      </c>
      <c r="D8328" s="2">
        <v>161156</v>
      </c>
      <c r="E8328" s="1" t="s">
        <v>0</v>
      </c>
    </row>
    <row r="8329" spans="1:5" x14ac:dyDescent="0.25">
      <c r="A8329" s="1" t="s">
        <v>24665</v>
      </c>
      <c r="B8329" s="1" t="s">
        <v>52913</v>
      </c>
      <c r="C8329" s="1" t="s">
        <v>24666</v>
      </c>
      <c r="D8329" s="2">
        <v>161157</v>
      </c>
      <c r="E8329" s="1" t="s">
        <v>0</v>
      </c>
    </row>
    <row r="8330" spans="1:5" ht="409.5" x14ac:dyDescent="0.25">
      <c r="A8330" s="4" t="s">
        <v>64107</v>
      </c>
      <c r="B8330" s="1" t="s">
        <v>61484</v>
      </c>
      <c r="C8330" s="1" t="s">
        <v>24667</v>
      </c>
      <c r="D8330" s="2">
        <v>161158</v>
      </c>
      <c r="E8330" s="1" t="s">
        <v>0</v>
      </c>
    </row>
    <row r="8331" spans="1:5" x14ac:dyDescent="0.25">
      <c r="A8331" s="1" t="s">
        <v>24668</v>
      </c>
      <c r="B8331" s="1" t="s">
        <v>52914</v>
      </c>
      <c r="C8331" s="1" t="s">
        <v>24669</v>
      </c>
      <c r="D8331" s="2">
        <v>161159</v>
      </c>
      <c r="E8331" s="1" t="s">
        <v>0</v>
      </c>
    </row>
    <row r="8332" spans="1:5" x14ac:dyDescent="0.25">
      <c r="A8332" s="2">
        <v>1666</v>
      </c>
      <c r="B8332" s="2">
        <v>1666</v>
      </c>
      <c r="C8332" s="1" t="s">
        <v>0</v>
      </c>
      <c r="D8332" s="2">
        <v>161160</v>
      </c>
      <c r="E8332" s="1" t="s">
        <v>0</v>
      </c>
    </row>
    <row r="8333" spans="1:5" x14ac:dyDescent="0.25">
      <c r="A8333" s="1" t="s">
        <v>1539</v>
      </c>
      <c r="B8333" s="1" t="s">
        <v>7394</v>
      </c>
      <c r="C8333" s="1" t="s">
        <v>24670</v>
      </c>
      <c r="D8333" s="2">
        <v>161161</v>
      </c>
      <c r="E8333" s="1" t="s">
        <v>0</v>
      </c>
    </row>
    <row r="8334" spans="1:5" x14ac:dyDescent="0.25">
      <c r="A8334" s="1" t="s">
        <v>24671</v>
      </c>
      <c r="B8334" s="1" t="s">
        <v>62299</v>
      </c>
      <c r="C8334" s="1" t="s">
        <v>24672</v>
      </c>
      <c r="D8334" s="2">
        <v>161162</v>
      </c>
      <c r="E8334" s="1" t="s">
        <v>0</v>
      </c>
    </row>
    <row r="8335" spans="1:5" ht="409.5" x14ac:dyDescent="0.25">
      <c r="A8335" s="4" t="s">
        <v>24673</v>
      </c>
      <c r="B8335" s="1" t="s">
        <v>62300</v>
      </c>
      <c r="C8335" s="1" t="s">
        <v>24674</v>
      </c>
      <c r="D8335" s="2">
        <v>161163</v>
      </c>
      <c r="E8335" s="1" t="s">
        <v>0</v>
      </c>
    </row>
    <row r="8336" spans="1:5" x14ac:dyDescent="0.25">
      <c r="A8336" s="1" t="s">
        <v>24675</v>
      </c>
      <c r="B8336" s="1" t="s">
        <v>52915</v>
      </c>
      <c r="C8336" s="1" t="s">
        <v>24676</v>
      </c>
      <c r="D8336" s="2">
        <v>161164</v>
      </c>
      <c r="E8336" s="1" t="s">
        <v>0</v>
      </c>
    </row>
    <row r="8337" spans="1:5" x14ac:dyDescent="0.25">
      <c r="A8337" s="2">
        <v>1667</v>
      </c>
      <c r="B8337" s="2">
        <v>1667</v>
      </c>
      <c r="C8337" s="1" t="s">
        <v>0</v>
      </c>
      <c r="D8337" s="2">
        <v>161165</v>
      </c>
      <c r="E8337" s="1" t="s">
        <v>0</v>
      </c>
    </row>
    <row r="8338" spans="1:5" x14ac:dyDescent="0.25">
      <c r="A8338" s="1" t="s">
        <v>1540</v>
      </c>
      <c r="B8338" s="1" t="s">
        <v>7395</v>
      </c>
      <c r="C8338" s="1" t="s">
        <v>24677</v>
      </c>
      <c r="D8338" s="2">
        <v>161166</v>
      </c>
      <c r="E8338" s="1" t="s">
        <v>0</v>
      </c>
    </row>
    <row r="8339" spans="1:5" x14ac:dyDescent="0.25">
      <c r="A8339" s="1" t="s">
        <v>24678</v>
      </c>
      <c r="B8339" s="1" t="s">
        <v>52916</v>
      </c>
      <c r="C8339" s="1" t="s">
        <v>24679</v>
      </c>
      <c r="D8339" s="2">
        <v>161167</v>
      </c>
      <c r="E8339" s="1" t="s">
        <v>0</v>
      </c>
    </row>
    <row r="8340" spans="1:5" ht="409.5" x14ac:dyDescent="0.25">
      <c r="A8340" s="4" t="s">
        <v>24680</v>
      </c>
      <c r="B8340" s="1" t="s">
        <v>57183</v>
      </c>
      <c r="C8340" s="1" t="s">
        <v>24681</v>
      </c>
      <c r="D8340" s="2">
        <v>161168</v>
      </c>
      <c r="E8340" s="1" t="s">
        <v>0</v>
      </c>
    </row>
    <row r="8341" spans="1:5" x14ac:dyDescent="0.25">
      <c r="A8341" s="1" t="s">
        <v>24682</v>
      </c>
      <c r="B8341" s="1" t="s">
        <v>52917</v>
      </c>
      <c r="C8341" s="1" t="s">
        <v>24683</v>
      </c>
      <c r="D8341" s="2">
        <v>161169</v>
      </c>
      <c r="E8341" s="1" t="s">
        <v>0</v>
      </c>
    </row>
    <row r="8342" spans="1:5" x14ac:dyDescent="0.25">
      <c r="A8342" s="2">
        <v>1668</v>
      </c>
      <c r="B8342" s="2">
        <v>1668</v>
      </c>
      <c r="C8342" s="1" t="s">
        <v>0</v>
      </c>
      <c r="D8342" s="2">
        <v>161170</v>
      </c>
      <c r="E8342" s="1" t="s">
        <v>0</v>
      </c>
    </row>
    <row r="8343" spans="1:5" x14ac:dyDescent="0.25">
      <c r="A8343" s="1" t="s">
        <v>1541</v>
      </c>
      <c r="B8343" s="1" t="s">
        <v>7396</v>
      </c>
      <c r="C8343" s="1" t="s">
        <v>24684</v>
      </c>
      <c r="D8343" s="2">
        <v>161171</v>
      </c>
      <c r="E8343" s="1" t="s">
        <v>0</v>
      </c>
    </row>
    <row r="8344" spans="1:5" x14ac:dyDescent="0.25">
      <c r="A8344" s="1" t="s">
        <v>24685</v>
      </c>
      <c r="B8344" s="1" t="s">
        <v>62301</v>
      </c>
      <c r="C8344" s="1" t="s">
        <v>24686</v>
      </c>
      <c r="D8344" s="2">
        <v>161172</v>
      </c>
      <c r="E8344" s="1" t="s">
        <v>0</v>
      </c>
    </row>
    <row r="8345" spans="1:5" ht="409.5" x14ac:dyDescent="0.25">
      <c r="A8345" s="4" t="s">
        <v>24687</v>
      </c>
      <c r="B8345" s="1" t="s">
        <v>62302</v>
      </c>
      <c r="C8345" s="1" t="s">
        <v>24688</v>
      </c>
      <c r="D8345" s="2">
        <v>161173</v>
      </c>
      <c r="E8345" s="1" t="s">
        <v>0</v>
      </c>
    </row>
    <row r="8346" spans="1:5" x14ac:dyDescent="0.25">
      <c r="A8346" s="1" t="s">
        <v>24689</v>
      </c>
      <c r="B8346" s="1" t="s">
        <v>52918</v>
      </c>
      <c r="C8346" s="1" t="s">
        <v>24690</v>
      </c>
      <c r="D8346" s="2">
        <v>161174</v>
      </c>
      <c r="E8346" s="1" t="s">
        <v>0</v>
      </c>
    </row>
    <row r="8347" spans="1:5" x14ac:dyDescent="0.25">
      <c r="A8347" s="2">
        <v>1669</v>
      </c>
      <c r="B8347" s="2">
        <v>1669</v>
      </c>
      <c r="C8347" s="1" t="s">
        <v>0</v>
      </c>
      <c r="D8347" s="2">
        <v>161175</v>
      </c>
      <c r="E8347" s="1" t="s">
        <v>0</v>
      </c>
    </row>
    <row r="8348" spans="1:5" x14ac:dyDescent="0.25">
      <c r="A8348" s="1" t="s">
        <v>1542</v>
      </c>
      <c r="B8348" s="1" t="s">
        <v>7397</v>
      </c>
      <c r="C8348" s="1" t="s">
        <v>24691</v>
      </c>
      <c r="D8348" s="2">
        <v>161176</v>
      </c>
      <c r="E8348" s="1" t="s">
        <v>0</v>
      </c>
    </row>
    <row r="8349" spans="1:5" x14ac:dyDescent="0.25">
      <c r="A8349" s="1" t="s">
        <v>24692</v>
      </c>
      <c r="B8349" s="1" t="s">
        <v>52919</v>
      </c>
      <c r="C8349" s="1" t="s">
        <v>24693</v>
      </c>
      <c r="D8349" s="2">
        <v>161177</v>
      </c>
      <c r="E8349" s="1" t="s">
        <v>0</v>
      </c>
    </row>
    <row r="8350" spans="1:5" ht="409.5" x14ac:dyDescent="0.25">
      <c r="A8350" s="4" t="s">
        <v>24694</v>
      </c>
      <c r="B8350" s="1" t="s">
        <v>52920</v>
      </c>
      <c r="C8350" s="1" t="s">
        <v>24695</v>
      </c>
      <c r="D8350" s="2">
        <v>161178</v>
      </c>
      <c r="E8350" s="1" t="s">
        <v>0</v>
      </c>
    </row>
    <row r="8351" spans="1:5" x14ac:dyDescent="0.25">
      <c r="A8351" s="1" t="s">
        <v>24696</v>
      </c>
      <c r="B8351" s="1" t="s">
        <v>7398</v>
      </c>
      <c r="C8351" s="1" t="s">
        <v>24697</v>
      </c>
      <c r="D8351" s="2">
        <v>161179</v>
      </c>
      <c r="E8351" s="1" t="s">
        <v>0</v>
      </c>
    </row>
    <row r="8352" spans="1:5" x14ac:dyDescent="0.25">
      <c r="A8352" s="2">
        <v>1670</v>
      </c>
      <c r="B8352" s="2">
        <v>1670</v>
      </c>
      <c r="C8352" s="1" t="s">
        <v>0</v>
      </c>
      <c r="D8352" s="2">
        <v>161180</v>
      </c>
      <c r="E8352" s="1" t="s">
        <v>0</v>
      </c>
    </row>
    <row r="8353" spans="1:5" x14ac:dyDescent="0.25">
      <c r="A8353" s="1" t="s">
        <v>1543</v>
      </c>
      <c r="B8353" s="1" t="s">
        <v>50603</v>
      </c>
      <c r="C8353" s="1" t="s">
        <v>24698</v>
      </c>
      <c r="D8353" s="2">
        <v>161181</v>
      </c>
      <c r="E8353" s="1" t="s">
        <v>0</v>
      </c>
    </row>
    <row r="8354" spans="1:5" x14ac:dyDescent="0.25">
      <c r="A8354" s="1" t="s">
        <v>24699</v>
      </c>
      <c r="B8354" s="1" t="s">
        <v>50604</v>
      </c>
      <c r="C8354" s="1" t="s">
        <v>24700</v>
      </c>
      <c r="D8354" s="2">
        <v>161182</v>
      </c>
      <c r="E8354" s="1" t="s">
        <v>0</v>
      </c>
    </row>
    <row r="8355" spans="1:5" ht="409.5" x14ac:dyDescent="0.25">
      <c r="A8355" s="4" t="s">
        <v>24701</v>
      </c>
      <c r="B8355" s="1" t="s">
        <v>61485</v>
      </c>
      <c r="C8355" s="1" t="s">
        <v>24702</v>
      </c>
      <c r="D8355" s="2">
        <v>161183</v>
      </c>
      <c r="E8355" s="1" t="s">
        <v>0</v>
      </c>
    </row>
    <row r="8356" spans="1:5" x14ac:dyDescent="0.25">
      <c r="A8356" s="1" t="s">
        <v>24703</v>
      </c>
      <c r="B8356" s="1" t="s">
        <v>52921</v>
      </c>
      <c r="C8356" s="1" t="s">
        <v>24704</v>
      </c>
      <c r="D8356" s="2">
        <v>161184</v>
      </c>
      <c r="E8356" s="1" t="s">
        <v>0</v>
      </c>
    </row>
    <row r="8357" spans="1:5" x14ac:dyDescent="0.25">
      <c r="A8357" s="2">
        <v>1671</v>
      </c>
      <c r="B8357" s="2">
        <v>1671</v>
      </c>
      <c r="C8357" s="1" t="s">
        <v>0</v>
      </c>
      <c r="D8357" s="2">
        <v>161185</v>
      </c>
      <c r="E8357" s="1" t="s">
        <v>0</v>
      </c>
    </row>
    <row r="8358" spans="1:5" x14ac:dyDescent="0.25">
      <c r="A8358" s="1" t="s">
        <v>1544</v>
      </c>
      <c r="B8358" s="1" t="s">
        <v>7399</v>
      </c>
      <c r="C8358" s="1" t="s">
        <v>24705</v>
      </c>
      <c r="D8358" s="2">
        <v>161186</v>
      </c>
      <c r="E8358" s="1" t="s">
        <v>0</v>
      </c>
    </row>
    <row r="8359" spans="1:5" x14ac:dyDescent="0.25">
      <c r="A8359" s="1" t="s">
        <v>24706</v>
      </c>
      <c r="B8359" s="1" t="s">
        <v>7400</v>
      </c>
      <c r="C8359" s="1" t="s">
        <v>24707</v>
      </c>
      <c r="D8359" s="2">
        <v>161187</v>
      </c>
      <c r="E8359" s="1" t="s">
        <v>0</v>
      </c>
    </row>
    <row r="8360" spans="1:5" ht="409.5" x14ac:dyDescent="0.25">
      <c r="A8360" s="4" t="s">
        <v>24708</v>
      </c>
      <c r="B8360" s="1" t="s">
        <v>7401</v>
      </c>
      <c r="C8360" s="1" t="s">
        <v>24709</v>
      </c>
      <c r="D8360" s="2">
        <v>161188</v>
      </c>
      <c r="E8360" s="1" t="s">
        <v>0</v>
      </c>
    </row>
    <row r="8361" spans="1:5" x14ac:dyDescent="0.25">
      <c r="A8361" s="1" t="s">
        <v>24710</v>
      </c>
      <c r="B8361" s="1" t="s">
        <v>57184</v>
      </c>
      <c r="C8361" s="1" t="s">
        <v>24711</v>
      </c>
      <c r="D8361" s="2">
        <v>161189</v>
      </c>
      <c r="E8361" s="1" t="s">
        <v>0</v>
      </c>
    </row>
    <row r="8362" spans="1:5" x14ac:dyDescent="0.25">
      <c r="A8362" s="2">
        <v>1672</v>
      </c>
      <c r="B8362" s="2">
        <v>1672</v>
      </c>
      <c r="C8362" s="1" t="s">
        <v>0</v>
      </c>
      <c r="D8362" s="2">
        <v>161190</v>
      </c>
      <c r="E8362" s="1" t="s">
        <v>0</v>
      </c>
    </row>
    <row r="8363" spans="1:5" x14ac:dyDescent="0.25">
      <c r="A8363" s="1" t="s">
        <v>1545</v>
      </c>
      <c r="B8363" s="1" t="s">
        <v>7402</v>
      </c>
      <c r="C8363" s="1" t="s">
        <v>24712</v>
      </c>
      <c r="D8363" s="2">
        <v>161191</v>
      </c>
      <c r="E8363" s="1" t="s">
        <v>0</v>
      </c>
    </row>
    <row r="8364" spans="1:5" x14ac:dyDescent="0.25">
      <c r="A8364" s="1" t="s">
        <v>24713</v>
      </c>
      <c r="B8364" s="1" t="s">
        <v>52922</v>
      </c>
      <c r="C8364" s="1" t="s">
        <v>24714</v>
      </c>
      <c r="D8364" s="2">
        <v>161192</v>
      </c>
      <c r="E8364" s="1" t="s">
        <v>0</v>
      </c>
    </row>
    <row r="8365" spans="1:5" ht="409.5" x14ac:dyDescent="0.25">
      <c r="A8365" s="4" t="s">
        <v>24715</v>
      </c>
      <c r="B8365" s="1" t="s">
        <v>52923</v>
      </c>
      <c r="C8365" s="1" t="s">
        <v>24716</v>
      </c>
      <c r="D8365" s="2">
        <v>161193</v>
      </c>
      <c r="E8365" s="1" t="s">
        <v>0</v>
      </c>
    </row>
    <row r="8366" spans="1:5" x14ac:dyDescent="0.25">
      <c r="A8366" s="1" t="s">
        <v>24717</v>
      </c>
      <c r="B8366" s="1" t="s">
        <v>52924</v>
      </c>
      <c r="C8366" s="1" t="s">
        <v>24718</v>
      </c>
      <c r="D8366" s="2">
        <v>161194</v>
      </c>
      <c r="E8366" s="1" t="s">
        <v>0</v>
      </c>
    </row>
    <row r="8367" spans="1:5" x14ac:dyDescent="0.25">
      <c r="A8367" s="2">
        <v>1673</v>
      </c>
      <c r="B8367" s="2">
        <v>1673</v>
      </c>
      <c r="C8367" s="1" t="s">
        <v>0</v>
      </c>
      <c r="D8367" s="2">
        <v>161195</v>
      </c>
      <c r="E8367" s="1" t="s">
        <v>0</v>
      </c>
    </row>
    <row r="8368" spans="1:5" x14ac:dyDescent="0.25">
      <c r="A8368" s="1" t="s">
        <v>1546</v>
      </c>
      <c r="B8368" s="1" t="s">
        <v>50605</v>
      </c>
      <c r="C8368" s="1" t="s">
        <v>24719</v>
      </c>
      <c r="D8368" s="2">
        <v>161196</v>
      </c>
      <c r="E8368" s="1" t="s">
        <v>0</v>
      </c>
    </row>
    <row r="8369" spans="1:5" x14ac:dyDescent="0.25">
      <c r="A8369" s="1" t="s">
        <v>24720</v>
      </c>
      <c r="B8369" s="1" t="s">
        <v>50606</v>
      </c>
      <c r="C8369" s="1" t="s">
        <v>24721</v>
      </c>
      <c r="D8369" s="2">
        <v>161197</v>
      </c>
      <c r="E8369" s="1" t="s">
        <v>0</v>
      </c>
    </row>
    <row r="8370" spans="1:5" ht="409.5" x14ac:dyDescent="0.25">
      <c r="A8370" s="4" t="s">
        <v>24722</v>
      </c>
      <c r="B8370" s="1" t="s">
        <v>50607</v>
      </c>
      <c r="C8370" s="1" t="s">
        <v>24723</v>
      </c>
      <c r="D8370" s="2">
        <v>161198</v>
      </c>
      <c r="E8370" s="1" t="s">
        <v>0</v>
      </c>
    </row>
    <row r="8371" spans="1:5" x14ac:dyDescent="0.25">
      <c r="A8371" s="1" t="s">
        <v>24724</v>
      </c>
      <c r="B8371" s="1" t="s">
        <v>52925</v>
      </c>
      <c r="C8371" s="1" t="s">
        <v>24725</v>
      </c>
      <c r="D8371" s="2">
        <v>161199</v>
      </c>
      <c r="E8371" s="1" t="s">
        <v>0</v>
      </c>
    </row>
    <row r="8372" spans="1:5" x14ac:dyDescent="0.25">
      <c r="A8372" s="2">
        <v>1674</v>
      </c>
      <c r="B8372" s="2">
        <v>1674</v>
      </c>
      <c r="C8372" s="1" t="s">
        <v>0</v>
      </c>
      <c r="D8372" s="2">
        <v>161200</v>
      </c>
      <c r="E8372" s="1" t="s">
        <v>0</v>
      </c>
    </row>
    <row r="8373" spans="1:5" x14ac:dyDescent="0.25">
      <c r="A8373" s="1" t="s">
        <v>1547</v>
      </c>
      <c r="B8373" s="1" t="s">
        <v>7403</v>
      </c>
      <c r="C8373" s="1" t="s">
        <v>24726</v>
      </c>
      <c r="D8373" s="2">
        <v>161201</v>
      </c>
      <c r="E8373" s="1" t="s">
        <v>0</v>
      </c>
    </row>
    <row r="8374" spans="1:5" x14ac:dyDescent="0.25">
      <c r="A8374" s="1" t="s">
        <v>24727</v>
      </c>
      <c r="B8374" s="1" t="s">
        <v>56741</v>
      </c>
      <c r="C8374" s="1" t="s">
        <v>24728</v>
      </c>
      <c r="D8374" s="2">
        <v>161202</v>
      </c>
      <c r="E8374" s="1" t="s">
        <v>0</v>
      </c>
    </row>
    <row r="8375" spans="1:5" ht="409.5" x14ac:dyDescent="0.25">
      <c r="A8375" s="4" t="s">
        <v>24729</v>
      </c>
      <c r="B8375" s="1" t="s">
        <v>62303</v>
      </c>
      <c r="C8375" s="1" t="s">
        <v>24730</v>
      </c>
      <c r="D8375" s="2">
        <v>161203</v>
      </c>
      <c r="E8375" s="1" t="s">
        <v>0</v>
      </c>
    </row>
    <row r="8376" spans="1:5" x14ac:dyDescent="0.25">
      <c r="A8376" s="1" t="s">
        <v>24731</v>
      </c>
      <c r="B8376" s="1" t="s">
        <v>61051</v>
      </c>
      <c r="C8376" s="1" t="s">
        <v>24732</v>
      </c>
      <c r="D8376" s="2">
        <v>161204</v>
      </c>
      <c r="E8376" s="1" t="s">
        <v>0</v>
      </c>
    </row>
    <row r="8377" spans="1:5" x14ac:dyDescent="0.25">
      <c r="A8377" s="2">
        <v>1675</v>
      </c>
      <c r="B8377" s="2">
        <v>1675</v>
      </c>
      <c r="C8377" s="1" t="s">
        <v>0</v>
      </c>
      <c r="D8377" s="2">
        <v>161205</v>
      </c>
      <c r="E8377" s="1" t="s">
        <v>0</v>
      </c>
    </row>
    <row r="8378" spans="1:5" x14ac:dyDescent="0.25">
      <c r="A8378" s="1" t="s">
        <v>1548</v>
      </c>
      <c r="B8378" s="1" t="s">
        <v>7404</v>
      </c>
      <c r="C8378" s="1" t="s">
        <v>24733</v>
      </c>
      <c r="D8378" s="2">
        <v>161206</v>
      </c>
      <c r="E8378" s="1" t="s">
        <v>0</v>
      </c>
    </row>
    <row r="8379" spans="1:5" x14ac:dyDescent="0.25">
      <c r="A8379" s="1" t="s">
        <v>24734</v>
      </c>
      <c r="B8379" s="1" t="s">
        <v>7405</v>
      </c>
      <c r="C8379" s="1" t="s">
        <v>24735</v>
      </c>
      <c r="D8379" s="2">
        <v>161207</v>
      </c>
      <c r="E8379" s="1" t="s">
        <v>0</v>
      </c>
    </row>
    <row r="8380" spans="1:5" ht="409.5" x14ac:dyDescent="0.25">
      <c r="A8380" s="4" t="s">
        <v>24736</v>
      </c>
      <c r="B8380" s="1" t="s">
        <v>52926</v>
      </c>
      <c r="C8380" s="1" t="s">
        <v>24737</v>
      </c>
      <c r="D8380" s="2">
        <v>161208</v>
      </c>
      <c r="E8380" s="1" t="s">
        <v>0</v>
      </c>
    </row>
    <row r="8381" spans="1:5" x14ac:dyDescent="0.25">
      <c r="A8381" s="1" t="s">
        <v>13588</v>
      </c>
      <c r="B8381" s="1" t="s">
        <v>60850</v>
      </c>
      <c r="C8381" s="1" t="s">
        <v>13589</v>
      </c>
      <c r="D8381" s="2">
        <v>161209</v>
      </c>
      <c r="E8381" s="1" t="s">
        <v>0</v>
      </c>
    </row>
    <row r="8382" spans="1:5" x14ac:dyDescent="0.25">
      <c r="A8382" s="2">
        <v>1676</v>
      </c>
      <c r="B8382" s="2">
        <v>1676</v>
      </c>
      <c r="C8382" s="1" t="s">
        <v>0</v>
      </c>
      <c r="D8382" s="2">
        <v>161210</v>
      </c>
      <c r="E8382" s="1" t="s">
        <v>0</v>
      </c>
    </row>
    <row r="8383" spans="1:5" x14ac:dyDescent="0.25">
      <c r="A8383" s="1" t="s">
        <v>1549</v>
      </c>
      <c r="B8383" s="1" t="s">
        <v>7406</v>
      </c>
      <c r="C8383" s="1" t="s">
        <v>24738</v>
      </c>
      <c r="D8383" s="2">
        <v>161211</v>
      </c>
      <c r="E8383" s="1" t="s">
        <v>0</v>
      </c>
    </row>
    <row r="8384" spans="1:5" x14ac:dyDescent="0.25">
      <c r="A8384" s="1" t="s">
        <v>24739</v>
      </c>
      <c r="B8384" s="1" t="s">
        <v>52927</v>
      </c>
      <c r="C8384" s="1" t="s">
        <v>24740</v>
      </c>
      <c r="D8384" s="2">
        <v>161212</v>
      </c>
      <c r="E8384" s="1" t="s">
        <v>0</v>
      </c>
    </row>
    <row r="8385" spans="1:5" ht="409.5" x14ac:dyDescent="0.25">
      <c r="A8385" s="4" t="s">
        <v>24741</v>
      </c>
      <c r="B8385" s="1" t="s">
        <v>60416</v>
      </c>
      <c r="C8385" s="1" t="s">
        <v>24742</v>
      </c>
      <c r="D8385" s="2">
        <v>161213</v>
      </c>
      <c r="E8385" s="1" t="s">
        <v>0</v>
      </c>
    </row>
    <row r="8386" spans="1:5" x14ac:dyDescent="0.25">
      <c r="A8386" s="1" t="s">
        <v>24743</v>
      </c>
      <c r="B8386" s="1" t="s">
        <v>7407</v>
      </c>
      <c r="C8386" s="1" t="s">
        <v>24744</v>
      </c>
      <c r="D8386" s="2">
        <v>161214</v>
      </c>
      <c r="E8386" s="1" t="s">
        <v>0</v>
      </c>
    </row>
    <row r="8387" spans="1:5" x14ac:dyDescent="0.25">
      <c r="A8387" s="2">
        <v>1677</v>
      </c>
      <c r="B8387" s="2">
        <v>1677</v>
      </c>
      <c r="C8387" s="1" t="s">
        <v>0</v>
      </c>
      <c r="D8387" s="2">
        <v>161215</v>
      </c>
      <c r="E8387" s="1" t="s">
        <v>0</v>
      </c>
    </row>
    <row r="8388" spans="1:5" x14ac:dyDescent="0.25">
      <c r="A8388" s="1" t="s">
        <v>1550</v>
      </c>
      <c r="B8388" s="1" t="s">
        <v>7408</v>
      </c>
      <c r="C8388" s="1" t="s">
        <v>24745</v>
      </c>
      <c r="D8388" s="2">
        <v>161216</v>
      </c>
      <c r="E8388" s="1" t="s">
        <v>0</v>
      </c>
    </row>
    <row r="8389" spans="1:5" x14ac:dyDescent="0.25">
      <c r="A8389" s="1" t="s">
        <v>24746</v>
      </c>
      <c r="B8389" s="1" t="s">
        <v>52928</v>
      </c>
      <c r="C8389" s="1" t="s">
        <v>24747</v>
      </c>
      <c r="D8389" s="2">
        <v>161217</v>
      </c>
      <c r="E8389" s="1" t="s">
        <v>0</v>
      </c>
    </row>
    <row r="8390" spans="1:5" ht="409.5" x14ac:dyDescent="0.25">
      <c r="A8390" s="4" t="s">
        <v>24748</v>
      </c>
      <c r="B8390" s="1" t="s">
        <v>52929</v>
      </c>
      <c r="C8390" s="1" t="s">
        <v>24749</v>
      </c>
      <c r="D8390" s="2">
        <v>161218</v>
      </c>
      <c r="E8390" s="1" t="s">
        <v>0</v>
      </c>
    </row>
    <row r="8391" spans="1:5" x14ac:dyDescent="0.25">
      <c r="A8391" s="1" t="s">
        <v>24750</v>
      </c>
      <c r="B8391" s="1" t="s">
        <v>52930</v>
      </c>
      <c r="C8391" s="1" t="s">
        <v>24751</v>
      </c>
      <c r="D8391" s="2">
        <v>161219</v>
      </c>
      <c r="E8391" s="1" t="s">
        <v>0</v>
      </c>
    </row>
    <row r="8392" spans="1:5" x14ac:dyDescent="0.25">
      <c r="A8392" s="2">
        <v>1678</v>
      </c>
      <c r="B8392" s="2">
        <v>1678</v>
      </c>
      <c r="C8392" s="1" t="s">
        <v>0</v>
      </c>
      <c r="D8392" s="2">
        <v>161220</v>
      </c>
      <c r="E8392" s="1" t="s">
        <v>0</v>
      </c>
    </row>
    <row r="8393" spans="1:5" x14ac:dyDescent="0.25">
      <c r="A8393" s="1" t="s">
        <v>1551</v>
      </c>
      <c r="B8393" s="1" t="s">
        <v>52931</v>
      </c>
      <c r="C8393" s="1" t="s">
        <v>24752</v>
      </c>
      <c r="D8393" s="2">
        <v>161221</v>
      </c>
      <c r="E8393" s="1" t="s">
        <v>0</v>
      </c>
    </row>
    <row r="8394" spans="1:5" x14ac:dyDescent="0.25">
      <c r="A8394" s="1" t="s">
        <v>24753</v>
      </c>
      <c r="B8394" s="1" t="s">
        <v>52932</v>
      </c>
      <c r="C8394" s="1" t="s">
        <v>24754</v>
      </c>
      <c r="D8394" s="2">
        <v>161222</v>
      </c>
      <c r="E8394" s="1" t="s">
        <v>0</v>
      </c>
    </row>
    <row r="8395" spans="1:5" ht="409.5" x14ac:dyDescent="0.25">
      <c r="A8395" s="4" t="s">
        <v>24755</v>
      </c>
      <c r="B8395" s="1" t="s">
        <v>61052</v>
      </c>
      <c r="C8395" s="1" t="s">
        <v>24756</v>
      </c>
      <c r="D8395" s="2">
        <v>161223</v>
      </c>
      <c r="E8395" s="1" t="s">
        <v>0</v>
      </c>
    </row>
    <row r="8396" spans="1:5" x14ac:dyDescent="0.25">
      <c r="A8396" s="1" t="s">
        <v>24757</v>
      </c>
      <c r="B8396" s="1" t="s">
        <v>52933</v>
      </c>
      <c r="C8396" s="1" t="s">
        <v>24758</v>
      </c>
      <c r="D8396" s="2">
        <v>161224</v>
      </c>
      <c r="E8396" s="1" t="s">
        <v>0</v>
      </c>
    </row>
    <row r="8397" spans="1:5" x14ac:dyDescent="0.25">
      <c r="A8397" s="2">
        <v>1679</v>
      </c>
      <c r="B8397" s="2">
        <v>1679</v>
      </c>
      <c r="C8397" s="1" t="s">
        <v>0</v>
      </c>
      <c r="D8397" s="2">
        <v>161225</v>
      </c>
      <c r="E8397" s="1" t="s">
        <v>0</v>
      </c>
    </row>
    <row r="8398" spans="1:5" x14ac:dyDescent="0.25">
      <c r="A8398" s="1" t="s">
        <v>1552</v>
      </c>
      <c r="B8398" s="1" t="s">
        <v>50608</v>
      </c>
      <c r="C8398" s="1" t="s">
        <v>24759</v>
      </c>
      <c r="D8398" s="2">
        <v>161226</v>
      </c>
      <c r="E8398" s="1" t="s">
        <v>0</v>
      </c>
    </row>
    <row r="8399" spans="1:5" x14ac:dyDescent="0.25">
      <c r="A8399" s="1" t="s">
        <v>24760</v>
      </c>
      <c r="B8399" s="1" t="s">
        <v>50609</v>
      </c>
      <c r="C8399" s="1" t="s">
        <v>24761</v>
      </c>
      <c r="D8399" s="2">
        <v>161227</v>
      </c>
      <c r="E8399" s="1" t="s">
        <v>0</v>
      </c>
    </row>
    <row r="8400" spans="1:5" ht="409.5" x14ac:dyDescent="0.25">
      <c r="A8400" s="4" t="s">
        <v>24762</v>
      </c>
      <c r="B8400" s="1" t="s">
        <v>52934</v>
      </c>
      <c r="C8400" s="1" t="s">
        <v>24763</v>
      </c>
      <c r="D8400" s="2">
        <v>161228</v>
      </c>
      <c r="E8400" s="1" t="s">
        <v>0</v>
      </c>
    </row>
    <row r="8401" spans="1:5" x14ac:dyDescent="0.25">
      <c r="A8401" s="1" t="s">
        <v>24764</v>
      </c>
      <c r="B8401" s="1" t="s">
        <v>52935</v>
      </c>
      <c r="C8401" s="1" t="s">
        <v>24765</v>
      </c>
      <c r="D8401" s="2">
        <v>161229</v>
      </c>
      <c r="E8401" s="1" t="s">
        <v>0</v>
      </c>
    </row>
    <row r="8402" spans="1:5" x14ac:dyDescent="0.25">
      <c r="A8402" s="2">
        <v>1680</v>
      </c>
      <c r="B8402" s="2">
        <v>1680</v>
      </c>
      <c r="C8402" s="1" t="s">
        <v>0</v>
      </c>
      <c r="D8402" s="2">
        <v>161230</v>
      </c>
      <c r="E8402" s="1" t="s">
        <v>0</v>
      </c>
    </row>
    <row r="8403" spans="1:5" x14ac:dyDescent="0.25">
      <c r="A8403" s="1" t="s">
        <v>1553</v>
      </c>
      <c r="B8403" s="1" t="s">
        <v>7409</v>
      </c>
      <c r="C8403" s="1" t="s">
        <v>24766</v>
      </c>
      <c r="D8403" s="2">
        <v>161231</v>
      </c>
      <c r="E8403" s="1" t="s">
        <v>0</v>
      </c>
    </row>
    <row r="8404" spans="1:5" x14ac:dyDescent="0.25">
      <c r="A8404" s="1" t="s">
        <v>24767</v>
      </c>
      <c r="B8404" s="1" t="s">
        <v>59911</v>
      </c>
      <c r="C8404" s="1" t="s">
        <v>24768</v>
      </c>
      <c r="D8404" s="2">
        <v>161232</v>
      </c>
      <c r="E8404" s="1" t="s">
        <v>0</v>
      </c>
    </row>
    <row r="8405" spans="1:5" ht="409.5" x14ac:dyDescent="0.25">
      <c r="A8405" s="4" t="s">
        <v>24769</v>
      </c>
      <c r="B8405" s="1" t="s">
        <v>59912</v>
      </c>
      <c r="C8405" s="1" t="s">
        <v>24770</v>
      </c>
      <c r="D8405" s="2">
        <v>161233</v>
      </c>
      <c r="E8405" s="1" t="s">
        <v>0</v>
      </c>
    </row>
    <row r="8406" spans="1:5" x14ac:dyDescent="0.25">
      <c r="A8406" s="1" t="s">
        <v>24771</v>
      </c>
      <c r="B8406" s="1" t="s">
        <v>52936</v>
      </c>
      <c r="C8406" s="1" t="s">
        <v>24772</v>
      </c>
      <c r="D8406" s="2">
        <v>161234</v>
      </c>
      <c r="E8406" s="1" t="s">
        <v>0</v>
      </c>
    </row>
    <row r="8407" spans="1:5" x14ac:dyDescent="0.25">
      <c r="A8407" s="2">
        <v>1681</v>
      </c>
      <c r="B8407" s="2">
        <v>1681</v>
      </c>
      <c r="C8407" s="1" t="s">
        <v>0</v>
      </c>
      <c r="D8407" s="2">
        <v>161235</v>
      </c>
      <c r="E8407" s="1" t="s">
        <v>0</v>
      </c>
    </row>
    <row r="8408" spans="1:5" x14ac:dyDescent="0.25">
      <c r="A8408" s="1" t="s">
        <v>1554</v>
      </c>
      <c r="B8408" s="1" t="s">
        <v>7410</v>
      </c>
      <c r="C8408" s="1" t="s">
        <v>24773</v>
      </c>
      <c r="D8408" s="2">
        <v>161236</v>
      </c>
      <c r="E8408" s="1" t="s">
        <v>0</v>
      </c>
    </row>
    <row r="8409" spans="1:5" x14ac:dyDescent="0.25">
      <c r="A8409" s="1" t="s">
        <v>24774</v>
      </c>
      <c r="B8409" s="1" t="s">
        <v>52937</v>
      </c>
      <c r="C8409" s="1" t="s">
        <v>24775</v>
      </c>
      <c r="D8409" s="2">
        <v>161237</v>
      </c>
      <c r="E8409" s="1" t="s">
        <v>0</v>
      </c>
    </row>
    <row r="8410" spans="1:5" ht="409.5" x14ac:dyDescent="0.25">
      <c r="A8410" s="4" t="s">
        <v>24776</v>
      </c>
      <c r="B8410" s="1" t="s">
        <v>52938</v>
      </c>
      <c r="C8410" s="1" t="s">
        <v>24777</v>
      </c>
      <c r="D8410" s="2">
        <v>161238</v>
      </c>
      <c r="E8410" s="1" t="s">
        <v>0</v>
      </c>
    </row>
    <row r="8411" spans="1:5" x14ac:dyDescent="0.25">
      <c r="A8411" s="1" t="s">
        <v>24778</v>
      </c>
      <c r="B8411" s="1" t="s">
        <v>7411</v>
      </c>
      <c r="C8411" s="1" t="s">
        <v>24779</v>
      </c>
      <c r="D8411" s="2">
        <v>161239</v>
      </c>
      <c r="E8411" s="1" t="s">
        <v>0</v>
      </c>
    </row>
    <row r="8412" spans="1:5" x14ac:dyDescent="0.25">
      <c r="A8412" s="2">
        <v>1682</v>
      </c>
      <c r="B8412" s="2">
        <v>1682</v>
      </c>
      <c r="C8412" s="1" t="s">
        <v>0</v>
      </c>
      <c r="D8412" s="2">
        <v>161240</v>
      </c>
      <c r="E8412" s="1" t="s">
        <v>0</v>
      </c>
    </row>
    <row r="8413" spans="1:5" x14ac:dyDescent="0.25">
      <c r="A8413" s="1" t="s">
        <v>1555</v>
      </c>
      <c r="B8413" s="1" t="s">
        <v>7412</v>
      </c>
      <c r="C8413" s="1" t="s">
        <v>24780</v>
      </c>
      <c r="D8413" s="2">
        <v>161241</v>
      </c>
      <c r="E8413" s="1" t="s">
        <v>0</v>
      </c>
    </row>
    <row r="8414" spans="1:5" x14ac:dyDescent="0.25">
      <c r="A8414" s="1" t="s">
        <v>24781</v>
      </c>
      <c r="B8414" s="1" t="s">
        <v>62304</v>
      </c>
      <c r="C8414" s="1" t="s">
        <v>24782</v>
      </c>
      <c r="D8414" s="2">
        <v>161242</v>
      </c>
      <c r="E8414" s="1" t="s">
        <v>0</v>
      </c>
    </row>
    <row r="8415" spans="1:5" ht="409.5" x14ac:dyDescent="0.25">
      <c r="A8415" s="4" t="s">
        <v>24783</v>
      </c>
      <c r="B8415" s="1" t="s">
        <v>62305</v>
      </c>
      <c r="C8415" s="1" t="s">
        <v>24784</v>
      </c>
      <c r="D8415" s="2">
        <v>161243</v>
      </c>
      <c r="E8415" s="1" t="s">
        <v>0</v>
      </c>
    </row>
    <row r="8416" spans="1:5" x14ac:dyDescent="0.25">
      <c r="A8416" s="1" t="s">
        <v>24785</v>
      </c>
      <c r="B8416" s="1" t="s">
        <v>7413</v>
      </c>
      <c r="C8416" s="1" t="s">
        <v>24786</v>
      </c>
      <c r="D8416" s="2">
        <v>161244</v>
      </c>
      <c r="E8416" s="1" t="s">
        <v>0</v>
      </c>
    </row>
    <row r="8417" spans="1:5" x14ac:dyDescent="0.25">
      <c r="A8417" s="2">
        <v>1683</v>
      </c>
      <c r="B8417" s="2">
        <v>1683</v>
      </c>
      <c r="C8417" s="1" t="s">
        <v>0</v>
      </c>
      <c r="D8417" s="2">
        <v>161245</v>
      </c>
      <c r="E8417" s="1" t="s">
        <v>0</v>
      </c>
    </row>
    <row r="8418" spans="1:5" x14ac:dyDescent="0.25">
      <c r="A8418" s="1" t="s">
        <v>1556</v>
      </c>
      <c r="B8418" s="1" t="s">
        <v>56929</v>
      </c>
      <c r="C8418" s="1" t="s">
        <v>24787</v>
      </c>
      <c r="D8418" s="2">
        <v>161246</v>
      </c>
      <c r="E8418" s="1" t="s">
        <v>0</v>
      </c>
    </row>
    <row r="8419" spans="1:5" x14ac:dyDescent="0.25">
      <c r="A8419" s="1" t="s">
        <v>24788</v>
      </c>
      <c r="B8419" s="1" t="s">
        <v>50610</v>
      </c>
      <c r="C8419" s="1" t="s">
        <v>24789</v>
      </c>
      <c r="D8419" s="2">
        <v>161247</v>
      </c>
      <c r="E8419" s="1" t="s">
        <v>0</v>
      </c>
    </row>
    <row r="8420" spans="1:5" ht="409.5" x14ac:dyDescent="0.25">
      <c r="A8420" s="4" t="s">
        <v>24790</v>
      </c>
      <c r="B8420" s="1" t="s">
        <v>60588</v>
      </c>
      <c r="C8420" s="1" t="s">
        <v>24791</v>
      </c>
      <c r="D8420" s="2">
        <v>161248</v>
      </c>
      <c r="E8420" s="1" t="s">
        <v>0</v>
      </c>
    </row>
    <row r="8421" spans="1:5" x14ac:dyDescent="0.25">
      <c r="A8421" s="1" t="s">
        <v>24792</v>
      </c>
      <c r="B8421" s="1" t="s">
        <v>7414</v>
      </c>
      <c r="C8421" s="1" t="s">
        <v>24793</v>
      </c>
      <c r="D8421" s="2">
        <v>161249</v>
      </c>
      <c r="E8421" s="1" t="s">
        <v>0</v>
      </c>
    </row>
    <row r="8422" spans="1:5" x14ac:dyDescent="0.25">
      <c r="A8422" s="2">
        <v>1684</v>
      </c>
      <c r="B8422" s="2">
        <v>1684</v>
      </c>
      <c r="C8422" s="1" t="s">
        <v>0</v>
      </c>
      <c r="D8422" s="2">
        <v>161250</v>
      </c>
      <c r="E8422" s="1" t="s">
        <v>0</v>
      </c>
    </row>
    <row r="8423" spans="1:5" x14ac:dyDescent="0.25">
      <c r="A8423" s="1" t="s">
        <v>1557</v>
      </c>
      <c r="B8423" s="1" t="s">
        <v>7415</v>
      </c>
      <c r="C8423" s="1" t="s">
        <v>24794</v>
      </c>
      <c r="D8423" s="2">
        <v>161251</v>
      </c>
      <c r="E8423" s="1" t="s">
        <v>0</v>
      </c>
    </row>
    <row r="8424" spans="1:5" x14ac:dyDescent="0.25">
      <c r="A8424" s="1" t="s">
        <v>24795</v>
      </c>
      <c r="B8424" s="1" t="s">
        <v>52939</v>
      </c>
      <c r="C8424" s="1" t="s">
        <v>24796</v>
      </c>
      <c r="D8424" s="2">
        <v>161252</v>
      </c>
      <c r="E8424" s="1" t="s">
        <v>0</v>
      </c>
    </row>
    <row r="8425" spans="1:5" ht="409.5" x14ac:dyDescent="0.25">
      <c r="A8425" s="4" t="s">
        <v>24797</v>
      </c>
      <c r="B8425" s="1" t="s">
        <v>52940</v>
      </c>
      <c r="C8425" s="1" t="s">
        <v>24798</v>
      </c>
      <c r="D8425" s="2">
        <v>161253</v>
      </c>
      <c r="E8425" s="1" t="s">
        <v>0</v>
      </c>
    </row>
    <row r="8426" spans="1:5" x14ac:dyDescent="0.25">
      <c r="A8426" s="1" t="s">
        <v>24799</v>
      </c>
      <c r="B8426" s="1" t="s">
        <v>52941</v>
      </c>
      <c r="C8426" s="1" t="s">
        <v>24800</v>
      </c>
      <c r="D8426" s="2">
        <v>161254</v>
      </c>
      <c r="E8426" s="1" t="s">
        <v>0</v>
      </c>
    </row>
    <row r="8427" spans="1:5" x14ac:dyDescent="0.25">
      <c r="A8427" s="2">
        <v>1685</v>
      </c>
      <c r="B8427" s="2">
        <v>1685</v>
      </c>
      <c r="C8427" s="1" t="s">
        <v>0</v>
      </c>
      <c r="D8427" s="2">
        <v>161255</v>
      </c>
      <c r="E8427" s="1" t="s">
        <v>0</v>
      </c>
    </row>
    <row r="8428" spans="1:5" x14ac:dyDescent="0.25">
      <c r="A8428" s="1" t="s">
        <v>1558</v>
      </c>
      <c r="B8428" s="1" t="s">
        <v>7416</v>
      </c>
      <c r="C8428" s="1" t="s">
        <v>24801</v>
      </c>
      <c r="D8428" s="2">
        <v>161256</v>
      </c>
      <c r="E8428" s="1" t="s">
        <v>0</v>
      </c>
    </row>
    <row r="8429" spans="1:5" x14ac:dyDescent="0.25">
      <c r="A8429" s="1" t="s">
        <v>24802</v>
      </c>
      <c r="B8429" s="1" t="s">
        <v>7417</v>
      </c>
      <c r="C8429" s="1" t="s">
        <v>24803</v>
      </c>
      <c r="D8429" s="2">
        <v>161257</v>
      </c>
      <c r="E8429" s="1" t="s">
        <v>0</v>
      </c>
    </row>
    <row r="8430" spans="1:5" ht="409.5" x14ac:dyDescent="0.25">
      <c r="A8430" s="4" t="s">
        <v>24804</v>
      </c>
      <c r="B8430" s="1" t="s">
        <v>56930</v>
      </c>
      <c r="C8430" s="1" t="s">
        <v>24805</v>
      </c>
      <c r="D8430" s="2">
        <v>161258</v>
      </c>
      <c r="E8430" s="1" t="s">
        <v>0</v>
      </c>
    </row>
    <row r="8431" spans="1:5" x14ac:dyDescent="0.25">
      <c r="A8431" s="1" t="s">
        <v>24806</v>
      </c>
      <c r="B8431" s="1" t="s">
        <v>52942</v>
      </c>
      <c r="C8431" s="1" t="s">
        <v>24807</v>
      </c>
      <c r="D8431" s="2">
        <v>161259</v>
      </c>
      <c r="E8431" s="1" t="s">
        <v>0</v>
      </c>
    </row>
    <row r="8432" spans="1:5" x14ac:dyDescent="0.25">
      <c r="A8432" s="2">
        <v>1686</v>
      </c>
      <c r="B8432" s="2">
        <v>1686</v>
      </c>
      <c r="C8432" s="1" t="s">
        <v>0</v>
      </c>
      <c r="D8432" s="2">
        <v>161260</v>
      </c>
      <c r="E8432" s="1" t="s">
        <v>0</v>
      </c>
    </row>
    <row r="8433" spans="1:5" x14ac:dyDescent="0.25">
      <c r="A8433" s="1" t="s">
        <v>1559</v>
      </c>
      <c r="B8433" s="1" t="s">
        <v>61623</v>
      </c>
      <c r="C8433" s="1" t="s">
        <v>24808</v>
      </c>
      <c r="D8433" s="2">
        <v>161261</v>
      </c>
      <c r="E8433" s="1" t="s">
        <v>0</v>
      </c>
    </row>
    <row r="8434" spans="1:5" x14ac:dyDescent="0.25">
      <c r="A8434" s="1" t="s">
        <v>24809</v>
      </c>
      <c r="B8434" s="1" t="s">
        <v>63282</v>
      </c>
      <c r="C8434" s="1" t="s">
        <v>24810</v>
      </c>
      <c r="D8434" s="2">
        <v>161262</v>
      </c>
      <c r="E8434" s="1" t="s">
        <v>0</v>
      </c>
    </row>
    <row r="8435" spans="1:5" ht="409.5" x14ac:dyDescent="0.25">
      <c r="A8435" s="4" t="s">
        <v>24811</v>
      </c>
      <c r="B8435" s="1" t="s">
        <v>63283</v>
      </c>
      <c r="C8435" s="1" t="s">
        <v>24812</v>
      </c>
      <c r="D8435" s="2">
        <v>161263</v>
      </c>
      <c r="E8435" s="1" t="s">
        <v>0</v>
      </c>
    </row>
    <row r="8436" spans="1:5" x14ac:dyDescent="0.25">
      <c r="A8436" s="1" t="s">
        <v>24813</v>
      </c>
      <c r="B8436" s="1" t="s">
        <v>61624</v>
      </c>
      <c r="C8436" s="1" t="s">
        <v>24814</v>
      </c>
      <c r="D8436" s="2">
        <v>161264</v>
      </c>
      <c r="E8436" s="1" t="s">
        <v>0</v>
      </c>
    </row>
    <row r="8437" spans="1:5" x14ac:dyDescent="0.25">
      <c r="A8437" s="2">
        <v>1687</v>
      </c>
      <c r="B8437" s="2">
        <v>1687</v>
      </c>
      <c r="C8437" s="1" t="s">
        <v>0</v>
      </c>
      <c r="D8437" s="2">
        <v>161265</v>
      </c>
      <c r="E8437" s="1" t="s">
        <v>0</v>
      </c>
    </row>
    <row r="8438" spans="1:5" x14ac:dyDescent="0.25">
      <c r="A8438" s="1" t="s">
        <v>1560</v>
      </c>
      <c r="B8438" s="1" t="s">
        <v>7418</v>
      </c>
      <c r="C8438" s="1" t="s">
        <v>24815</v>
      </c>
      <c r="D8438" s="2">
        <v>161266</v>
      </c>
      <c r="E8438" s="1" t="s">
        <v>0</v>
      </c>
    </row>
    <row r="8439" spans="1:5" x14ac:dyDescent="0.25">
      <c r="A8439" s="1" t="s">
        <v>24816</v>
      </c>
      <c r="B8439" s="1" t="s">
        <v>57800</v>
      </c>
      <c r="C8439" s="1" t="s">
        <v>24817</v>
      </c>
      <c r="D8439" s="2">
        <v>161267</v>
      </c>
      <c r="E8439" s="1" t="s">
        <v>0</v>
      </c>
    </row>
    <row r="8440" spans="1:5" ht="409.5" x14ac:dyDescent="0.25">
      <c r="A8440" s="4" t="s">
        <v>24818</v>
      </c>
      <c r="B8440" s="1" t="s">
        <v>57801</v>
      </c>
      <c r="C8440" s="1" t="s">
        <v>24819</v>
      </c>
      <c r="D8440" s="2">
        <v>161268</v>
      </c>
      <c r="E8440" s="1" t="s">
        <v>0</v>
      </c>
    </row>
    <row r="8441" spans="1:5" x14ac:dyDescent="0.25">
      <c r="A8441" s="1" t="s">
        <v>24820</v>
      </c>
      <c r="B8441" s="1" t="s">
        <v>52943</v>
      </c>
      <c r="C8441" s="1" t="s">
        <v>24821</v>
      </c>
      <c r="D8441" s="2">
        <v>161269</v>
      </c>
      <c r="E8441" s="1" t="s">
        <v>0</v>
      </c>
    </row>
    <row r="8442" spans="1:5" x14ac:dyDescent="0.25">
      <c r="A8442" s="2">
        <v>1688</v>
      </c>
      <c r="B8442" s="2">
        <v>1688</v>
      </c>
      <c r="C8442" s="1" t="s">
        <v>0</v>
      </c>
      <c r="D8442" s="2">
        <v>161270</v>
      </c>
      <c r="E8442" s="1" t="s">
        <v>0</v>
      </c>
    </row>
    <row r="8443" spans="1:5" x14ac:dyDescent="0.25">
      <c r="A8443" s="1" t="s">
        <v>24822</v>
      </c>
      <c r="B8443" s="1" t="s">
        <v>13067</v>
      </c>
      <c r="C8443" s="1" t="s">
        <v>24823</v>
      </c>
      <c r="D8443" s="2">
        <v>161271</v>
      </c>
      <c r="E8443" s="1" t="s">
        <v>0</v>
      </c>
    </row>
    <row r="8444" spans="1:5" x14ac:dyDescent="0.25">
      <c r="A8444" s="1" t="s">
        <v>24824</v>
      </c>
      <c r="B8444" s="1" t="s">
        <v>13068</v>
      </c>
      <c r="C8444" s="1" t="s">
        <v>24825</v>
      </c>
      <c r="D8444" s="2">
        <v>161272</v>
      </c>
      <c r="E8444" s="1" t="s">
        <v>0</v>
      </c>
    </row>
    <row r="8445" spans="1:5" ht="409.5" x14ac:dyDescent="0.25">
      <c r="A8445" s="4" t="s">
        <v>24826</v>
      </c>
      <c r="B8445" s="1" t="s">
        <v>52944</v>
      </c>
      <c r="C8445" s="1" t="s">
        <v>24827</v>
      </c>
      <c r="D8445" s="2">
        <v>161273</v>
      </c>
      <c r="E8445" s="1" t="s">
        <v>0</v>
      </c>
    </row>
    <row r="8446" spans="1:5" x14ac:dyDescent="0.25">
      <c r="A8446" s="1" t="s">
        <v>24828</v>
      </c>
      <c r="B8446" s="1" t="s">
        <v>7419</v>
      </c>
      <c r="C8446" s="1" t="s">
        <v>24829</v>
      </c>
      <c r="D8446" s="2">
        <v>161274</v>
      </c>
      <c r="E8446" s="1" t="s">
        <v>0</v>
      </c>
    </row>
    <row r="8447" spans="1:5" x14ac:dyDescent="0.25">
      <c r="A8447" s="2">
        <v>1689</v>
      </c>
      <c r="B8447" s="2">
        <v>1689</v>
      </c>
      <c r="C8447" s="1" t="s">
        <v>0</v>
      </c>
      <c r="D8447" s="2">
        <v>161275</v>
      </c>
      <c r="E8447" s="1" t="s">
        <v>0</v>
      </c>
    </row>
    <row r="8448" spans="1:5" x14ac:dyDescent="0.25">
      <c r="A8448" s="1" t="s">
        <v>1561</v>
      </c>
      <c r="B8448" s="1" t="s">
        <v>59913</v>
      </c>
      <c r="C8448" s="1" t="s">
        <v>24830</v>
      </c>
      <c r="D8448" s="2">
        <v>161276</v>
      </c>
      <c r="E8448" s="1" t="s">
        <v>0</v>
      </c>
    </row>
    <row r="8449" spans="1:5" x14ac:dyDescent="0.25">
      <c r="A8449" s="1" t="s">
        <v>64108</v>
      </c>
      <c r="B8449" s="1" t="s">
        <v>59914</v>
      </c>
      <c r="C8449" s="1" t="s">
        <v>24831</v>
      </c>
      <c r="D8449" s="2">
        <v>161277</v>
      </c>
      <c r="E8449" s="1" t="s">
        <v>0</v>
      </c>
    </row>
    <row r="8450" spans="1:5" ht="409.5" x14ac:dyDescent="0.25">
      <c r="A8450" s="4" t="s">
        <v>64109</v>
      </c>
      <c r="B8450" s="1" t="s">
        <v>59915</v>
      </c>
      <c r="C8450" s="1" t="s">
        <v>24832</v>
      </c>
      <c r="D8450" s="2">
        <v>161278</v>
      </c>
      <c r="E8450" s="1" t="s">
        <v>0</v>
      </c>
    </row>
    <row r="8451" spans="1:5" x14ac:dyDescent="0.25">
      <c r="A8451" s="1" t="s">
        <v>24833</v>
      </c>
      <c r="B8451" s="1" t="s">
        <v>59916</v>
      </c>
      <c r="C8451" s="1" t="s">
        <v>24834</v>
      </c>
      <c r="D8451" s="2">
        <v>161279</v>
      </c>
      <c r="E8451" s="1" t="s">
        <v>0</v>
      </c>
    </row>
    <row r="8452" spans="1:5" x14ac:dyDescent="0.25">
      <c r="A8452" s="2">
        <v>1690</v>
      </c>
      <c r="B8452" s="2">
        <v>1690</v>
      </c>
      <c r="C8452" s="1" t="s">
        <v>0</v>
      </c>
      <c r="D8452" s="2">
        <v>161280</v>
      </c>
      <c r="E8452" s="1" t="s">
        <v>0</v>
      </c>
    </row>
    <row r="8453" spans="1:5" x14ac:dyDescent="0.25">
      <c r="A8453" s="1" t="s">
        <v>1562</v>
      </c>
      <c r="B8453" s="1" t="s">
        <v>7420</v>
      </c>
      <c r="C8453" s="1" t="s">
        <v>24835</v>
      </c>
      <c r="D8453" s="2">
        <v>161281</v>
      </c>
      <c r="E8453" s="1" t="s">
        <v>0</v>
      </c>
    </row>
    <row r="8454" spans="1:5" x14ac:dyDescent="0.25">
      <c r="A8454" s="1" t="s">
        <v>24836</v>
      </c>
      <c r="B8454" s="1" t="s">
        <v>52945</v>
      </c>
      <c r="C8454" s="1" t="s">
        <v>24837</v>
      </c>
      <c r="D8454" s="2">
        <v>161282</v>
      </c>
      <c r="E8454" s="1" t="s">
        <v>0</v>
      </c>
    </row>
    <row r="8455" spans="1:5" ht="409.5" x14ac:dyDescent="0.25">
      <c r="A8455" s="4" t="s">
        <v>24838</v>
      </c>
      <c r="B8455" s="1" t="s">
        <v>63284</v>
      </c>
      <c r="C8455" s="1" t="s">
        <v>24839</v>
      </c>
      <c r="D8455" s="2">
        <v>161283</v>
      </c>
      <c r="E8455" s="1" t="s">
        <v>0</v>
      </c>
    </row>
    <row r="8456" spans="1:5" x14ac:dyDescent="0.25">
      <c r="A8456" s="1" t="s">
        <v>24840</v>
      </c>
      <c r="B8456" s="1" t="s">
        <v>7421</v>
      </c>
      <c r="C8456" s="1" t="s">
        <v>24841</v>
      </c>
      <c r="D8456" s="2">
        <v>161284</v>
      </c>
      <c r="E8456" s="1" t="s">
        <v>0</v>
      </c>
    </row>
    <row r="8457" spans="1:5" x14ac:dyDescent="0.25">
      <c r="A8457" s="2">
        <v>1691</v>
      </c>
      <c r="B8457" s="2">
        <v>1691</v>
      </c>
      <c r="C8457" s="1" t="s">
        <v>0</v>
      </c>
      <c r="D8457" s="2">
        <v>161285</v>
      </c>
      <c r="E8457" s="1" t="s">
        <v>0</v>
      </c>
    </row>
    <row r="8458" spans="1:5" x14ac:dyDescent="0.25">
      <c r="A8458" s="1" t="s">
        <v>1563</v>
      </c>
      <c r="B8458" s="1" t="s">
        <v>7422</v>
      </c>
      <c r="C8458" s="1" t="s">
        <v>24842</v>
      </c>
      <c r="D8458" s="2">
        <v>161286</v>
      </c>
      <c r="E8458" s="1" t="s">
        <v>0</v>
      </c>
    </row>
    <row r="8459" spans="1:5" x14ac:dyDescent="0.25">
      <c r="A8459" s="1" t="s">
        <v>24843</v>
      </c>
      <c r="B8459" s="1" t="s">
        <v>7423</v>
      </c>
      <c r="C8459" s="1" t="s">
        <v>24844</v>
      </c>
      <c r="D8459" s="2">
        <v>161287</v>
      </c>
      <c r="E8459" s="1" t="s">
        <v>0</v>
      </c>
    </row>
    <row r="8460" spans="1:5" ht="409.5" x14ac:dyDescent="0.25">
      <c r="A8460" s="4" t="s">
        <v>24845</v>
      </c>
      <c r="B8460" s="1" t="s">
        <v>63285</v>
      </c>
      <c r="C8460" s="1" t="s">
        <v>24846</v>
      </c>
      <c r="D8460" s="2">
        <v>161288</v>
      </c>
      <c r="E8460" s="1" t="s">
        <v>0</v>
      </c>
    </row>
    <row r="8461" spans="1:5" x14ac:dyDescent="0.25">
      <c r="A8461" s="1" t="s">
        <v>24847</v>
      </c>
      <c r="B8461" s="1" t="s">
        <v>7424</v>
      </c>
      <c r="C8461" s="1" t="s">
        <v>24848</v>
      </c>
      <c r="D8461" s="2">
        <v>161289</v>
      </c>
      <c r="E8461" s="1" t="s">
        <v>0</v>
      </c>
    </row>
    <row r="8462" spans="1:5" x14ac:dyDescent="0.25">
      <c r="A8462" s="2">
        <v>1692</v>
      </c>
      <c r="B8462" s="2">
        <v>1692</v>
      </c>
      <c r="C8462" s="1" t="s">
        <v>0</v>
      </c>
      <c r="D8462" s="2">
        <v>161290</v>
      </c>
      <c r="E8462" s="1" t="s">
        <v>0</v>
      </c>
    </row>
    <row r="8463" spans="1:5" x14ac:dyDescent="0.25">
      <c r="A8463" s="1" t="s">
        <v>1564</v>
      </c>
      <c r="B8463" s="1" t="s">
        <v>52946</v>
      </c>
      <c r="C8463" s="1" t="s">
        <v>24849</v>
      </c>
      <c r="D8463" s="2">
        <v>161291</v>
      </c>
      <c r="E8463" s="1" t="s">
        <v>0</v>
      </c>
    </row>
    <row r="8464" spans="1:5" x14ac:dyDescent="0.25">
      <c r="A8464" s="1" t="s">
        <v>24850</v>
      </c>
      <c r="B8464" s="1" t="s">
        <v>52947</v>
      </c>
      <c r="C8464" s="1" t="s">
        <v>24851</v>
      </c>
      <c r="D8464" s="2">
        <v>161292</v>
      </c>
      <c r="E8464" s="1" t="s">
        <v>0</v>
      </c>
    </row>
    <row r="8465" spans="1:5" ht="409.5" x14ac:dyDescent="0.25">
      <c r="A8465" s="4" t="s">
        <v>24852</v>
      </c>
      <c r="B8465" s="1" t="s">
        <v>52948</v>
      </c>
      <c r="C8465" s="1" t="s">
        <v>24853</v>
      </c>
      <c r="D8465" s="2">
        <v>161293</v>
      </c>
      <c r="E8465" s="1" t="s">
        <v>0</v>
      </c>
    </row>
    <row r="8466" spans="1:5" x14ac:dyDescent="0.25">
      <c r="A8466" s="1" t="s">
        <v>24854</v>
      </c>
      <c r="B8466" s="1" t="s">
        <v>52949</v>
      </c>
      <c r="C8466" s="1" t="s">
        <v>24855</v>
      </c>
      <c r="D8466" s="2">
        <v>161294</v>
      </c>
      <c r="E8466" s="1" t="s">
        <v>0</v>
      </c>
    </row>
    <row r="8467" spans="1:5" x14ac:dyDescent="0.25">
      <c r="A8467" s="2">
        <v>1693</v>
      </c>
      <c r="B8467" s="2">
        <v>1693</v>
      </c>
      <c r="C8467" s="1" t="s">
        <v>0</v>
      </c>
      <c r="D8467" s="2">
        <v>161295</v>
      </c>
      <c r="E8467" s="1" t="s">
        <v>0</v>
      </c>
    </row>
    <row r="8468" spans="1:5" x14ac:dyDescent="0.25">
      <c r="A8468" s="1" t="s">
        <v>1565</v>
      </c>
      <c r="B8468" s="1" t="s">
        <v>7425</v>
      </c>
      <c r="C8468" s="1" t="s">
        <v>24856</v>
      </c>
      <c r="D8468" s="2">
        <v>161296</v>
      </c>
      <c r="E8468" s="1" t="s">
        <v>0</v>
      </c>
    </row>
    <row r="8469" spans="1:5" x14ac:dyDescent="0.25">
      <c r="A8469" s="1" t="s">
        <v>24857</v>
      </c>
      <c r="B8469" s="1" t="s">
        <v>7426</v>
      </c>
      <c r="C8469" s="1" t="s">
        <v>24858</v>
      </c>
      <c r="D8469" s="2">
        <v>161297</v>
      </c>
      <c r="E8469" s="1" t="s">
        <v>0</v>
      </c>
    </row>
    <row r="8470" spans="1:5" ht="409.5" x14ac:dyDescent="0.25">
      <c r="A8470" s="4" t="s">
        <v>24859</v>
      </c>
      <c r="B8470" s="1" t="s">
        <v>62306</v>
      </c>
      <c r="C8470" s="1" t="s">
        <v>24860</v>
      </c>
      <c r="D8470" s="2">
        <v>161298</v>
      </c>
      <c r="E8470" s="1" t="s">
        <v>0</v>
      </c>
    </row>
    <row r="8471" spans="1:5" x14ac:dyDescent="0.25">
      <c r="A8471" s="1" t="s">
        <v>24861</v>
      </c>
      <c r="B8471" s="1" t="s">
        <v>7427</v>
      </c>
      <c r="C8471" s="1" t="s">
        <v>24862</v>
      </c>
      <c r="D8471" s="2">
        <v>161299</v>
      </c>
      <c r="E8471" s="1" t="s">
        <v>0</v>
      </c>
    </row>
    <row r="8472" spans="1:5" x14ac:dyDescent="0.25">
      <c r="A8472" s="2">
        <v>1694</v>
      </c>
      <c r="B8472" s="2">
        <v>1694</v>
      </c>
      <c r="C8472" s="1" t="s">
        <v>0</v>
      </c>
      <c r="D8472" s="2">
        <v>161300</v>
      </c>
      <c r="E8472" s="1" t="s">
        <v>0</v>
      </c>
    </row>
    <row r="8473" spans="1:5" x14ac:dyDescent="0.25">
      <c r="A8473" s="1" t="s">
        <v>13069</v>
      </c>
      <c r="B8473" s="1" t="s">
        <v>13070</v>
      </c>
      <c r="C8473" s="1" t="s">
        <v>24863</v>
      </c>
      <c r="D8473" s="2">
        <v>161301</v>
      </c>
      <c r="E8473" s="1" t="s">
        <v>0</v>
      </c>
    </row>
    <row r="8474" spans="1:5" x14ac:dyDescent="0.25">
      <c r="A8474" s="1" t="s">
        <v>24864</v>
      </c>
      <c r="B8474" s="1" t="s">
        <v>63286</v>
      </c>
      <c r="C8474" s="1" t="s">
        <v>24865</v>
      </c>
      <c r="D8474" s="2">
        <v>161302</v>
      </c>
      <c r="E8474" s="1" t="s">
        <v>0</v>
      </c>
    </row>
    <row r="8475" spans="1:5" ht="409.5" x14ac:dyDescent="0.25">
      <c r="A8475" s="4" t="s">
        <v>24866</v>
      </c>
      <c r="B8475" s="1" t="s">
        <v>63287</v>
      </c>
      <c r="C8475" s="1" t="s">
        <v>24867</v>
      </c>
      <c r="D8475" s="2">
        <v>161303</v>
      </c>
      <c r="E8475" s="1" t="s">
        <v>0</v>
      </c>
    </row>
    <row r="8476" spans="1:5" x14ac:dyDescent="0.25">
      <c r="A8476" s="1" t="s">
        <v>24868</v>
      </c>
      <c r="B8476" s="1" t="s">
        <v>52950</v>
      </c>
      <c r="C8476" s="1" t="s">
        <v>24869</v>
      </c>
      <c r="D8476" s="2">
        <v>161304</v>
      </c>
      <c r="E8476" s="1" t="s">
        <v>0</v>
      </c>
    </row>
    <row r="8477" spans="1:5" x14ac:dyDescent="0.25">
      <c r="A8477" s="2">
        <v>1695</v>
      </c>
      <c r="B8477" s="2">
        <v>1695</v>
      </c>
      <c r="C8477" s="1" t="s">
        <v>0</v>
      </c>
      <c r="D8477" s="2">
        <v>161305</v>
      </c>
      <c r="E8477" s="1" t="s">
        <v>0</v>
      </c>
    </row>
    <row r="8478" spans="1:5" x14ac:dyDescent="0.25">
      <c r="A8478" s="1" t="s">
        <v>1566</v>
      </c>
      <c r="B8478" s="1" t="s">
        <v>52951</v>
      </c>
      <c r="C8478" s="1" t="s">
        <v>24870</v>
      </c>
      <c r="D8478" s="2">
        <v>161306</v>
      </c>
      <c r="E8478" s="1" t="s">
        <v>0</v>
      </c>
    </row>
    <row r="8479" spans="1:5" x14ac:dyDescent="0.25">
      <c r="A8479" s="1" t="s">
        <v>24871</v>
      </c>
      <c r="B8479" s="1" t="s">
        <v>52952</v>
      </c>
      <c r="C8479" s="1" t="s">
        <v>24872</v>
      </c>
      <c r="D8479" s="2">
        <v>161307</v>
      </c>
      <c r="E8479" s="1" t="s">
        <v>0</v>
      </c>
    </row>
    <row r="8480" spans="1:5" ht="409.5" x14ac:dyDescent="0.25">
      <c r="A8480" s="4" t="s">
        <v>24873</v>
      </c>
      <c r="B8480" s="1" t="s">
        <v>52953</v>
      </c>
      <c r="C8480" s="1" t="s">
        <v>24874</v>
      </c>
      <c r="D8480" s="2">
        <v>161308</v>
      </c>
      <c r="E8480" s="1" t="s">
        <v>0</v>
      </c>
    </row>
    <row r="8481" spans="1:5" x14ac:dyDescent="0.25">
      <c r="A8481" s="1" t="s">
        <v>24875</v>
      </c>
      <c r="B8481" s="1" t="s">
        <v>52954</v>
      </c>
      <c r="C8481" s="1" t="s">
        <v>24876</v>
      </c>
      <c r="D8481" s="2">
        <v>161309</v>
      </c>
      <c r="E8481" s="1" t="s">
        <v>0</v>
      </c>
    </row>
    <row r="8482" spans="1:5" x14ac:dyDescent="0.25">
      <c r="A8482" s="2">
        <v>1696</v>
      </c>
      <c r="B8482" s="2">
        <v>1696</v>
      </c>
      <c r="C8482" s="1" t="s">
        <v>0</v>
      </c>
      <c r="D8482" s="2">
        <v>161310</v>
      </c>
      <c r="E8482" s="1" t="s">
        <v>0</v>
      </c>
    </row>
    <row r="8483" spans="1:5" x14ac:dyDescent="0.25">
      <c r="A8483" s="1" t="s">
        <v>1567</v>
      </c>
      <c r="B8483" s="1" t="s">
        <v>7428</v>
      </c>
      <c r="C8483" s="1" t="s">
        <v>24877</v>
      </c>
      <c r="D8483" s="2">
        <v>161311</v>
      </c>
      <c r="E8483" s="1" t="s">
        <v>0</v>
      </c>
    </row>
    <row r="8484" spans="1:5" x14ac:dyDescent="0.25">
      <c r="A8484" s="1" t="s">
        <v>24878</v>
      </c>
      <c r="B8484" s="1" t="s">
        <v>62307</v>
      </c>
      <c r="C8484" s="1" t="s">
        <v>24879</v>
      </c>
      <c r="D8484" s="2">
        <v>161312</v>
      </c>
      <c r="E8484" s="1" t="s">
        <v>0</v>
      </c>
    </row>
    <row r="8485" spans="1:5" ht="409.5" x14ac:dyDescent="0.25">
      <c r="A8485" s="4" t="s">
        <v>24880</v>
      </c>
      <c r="B8485" s="1" t="s">
        <v>62308</v>
      </c>
      <c r="C8485" s="1" t="s">
        <v>24881</v>
      </c>
      <c r="D8485" s="2">
        <v>161313</v>
      </c>
      <c r="E8485" s="1" t="s">
        <v>0</v>
      </c>
    </row>
    <row r="8486" spans="1:5" x14ac:dyDescent="0.25">
      <c r="A8486" s="1" t="s">
        <v>24882</v>
      </c>
      <c r="B8486" s="1" t="s">
        <v>52955</v>
      </c>
      <c r="C8486" s="1" t="s">
        <v>24883</v>
      </c>
      <c r="D8486" s="2">
        <v>161314</v>
      </c>
      <c r="E8486" s="1" t="s">
        <v>0</v>
      </c>
    </row>
    <row r="8487" spans="1:5" x14ac:dyDescent="0.25">
      <c r="A8487" s="2">
        <v>1697</v>
      </c>
      <c r="B8487" s="2">
        <v>1697</v>
      </c>
      <c r="C8487" s="1" t="s">
        <v>0</v>
      </c>
      <c r="D8487" s="2">
        <v>161315</v>
      </c>
      <c r="E8487" s="1" t="s">
        <v>0</v>
      </c>
    </row>
    <row r="8488" spans="1:5" x14ac:dyDescent="0.25">
      <c r="A8488" s="1" t="s">
        <v>1568</v>
      </c>
      <c r="B8488" s="1" t="s">
        <v>7429</v>
      </c>
      <c r="C8488" s="1" t="s">
        <v>24884</v>
      </c>
      <c r="D8488" s="2">
        <v>161316</v>
      </c>
      <c r="E8488" s="1" t="s">
        <v>0</v>
      </c>
    </row>
    <row r="8489" spans="1:5" x14ac:dyDescent="0.25">
      <c r="A8489" s="1" t="s">
        <v>24885</v>
      </c>
      <c r="B8489" s="1" t="s">
        <v>57468</v>
      </c>
      <c r="C8489" s="1" t="s">
        <v>24886</v>
      </c>
      <c r="D8489" s="2">
        <v>161317</v>
      </c>
      <c r="E8489" s="1" t="s">
        <v>0</v>
      </c>
    </row>
    <row r="8490" spans="1:5" ht="409.5" x14ac:dyDescent="0.25">
      <c r="A8490" s="4" t="s">
        <v>24887</v>
      </c>
      <c r="B8490" s="1" t="s">
        <v>57469</v>
      </c>
      <c r="C8490" s="1" t="s">
        <v>24888</v>
      </c>
      <c r="D8490" s="2">
        <v>161318</v>
      </c>
      <c r="E8490" s="1" t="s">
        <v>0</v>
      </c>
    </row>
    <row r="8491" spans="1:5" x14ac:dyDescent="0.25">
      <c r="A8491" s="1" t="s">
        <v>24889</v>
      </c>
      <c r="B8491" s="1" t="s">
        <v>7430</v>
      </c>
      <c r="C8491" s="1" t="s">
        <v>24890</v>
      </c>
      <c r="D8491" s="2">
        <v>161319</v>
      </c>
      <c r="E8491" s="1" t="s">
        <v>0</v>
      </c>
    </row>
    <row r="8492" spans="1:5" x14ac:dyDescent="0.25">
      <c r="A8492" s="2">
        <v>1698</v>
      </c>
      <c r="B8492" s="2">
        <v>1698</v>
      </c>
      <c r="C8492" s="1" t="s">
        <v>0</v>
      </c>
      <c r="D8492" s="2">
        <v>161320</v>
      </c>
      <c r="E8492" s="1" t="s">
        <v>0</v>
      </c>
    </row>
    <row r="8493" spans="1:5" x14ac:dyDescent="0.25">
      <c r="A8493" s="1" t="s">
        <v>1569</v>
      </c>
      <c r="B8493" s="1" t="s">
        <v>7431</v>
      </c>
      <c r="C8493" s="1" t="s">
        <v>24891</v>
      </c>
      <c r="D8493" s="2">
        <v>161321</v>
      </c>
      <c r="E8493" s="1" t="s">
        <v>0</v>
      </c>
    </row>
    <row r="8494" spans="1:5" x14ac:dyDescent="0.25">
      <c r="A8494" s="1" t="s">
        <v>24892</v>
      </c>
      <c r="B8494" s="1" t="s">
        <v>7432</v>
      </c>
      <c r="C8494" s="1" t="s">
        <v>24893</v>
      </c>
      <c r="D8494" s="2">
        <v>161322</v>
      </c>
      <c r="E8494" s="1" t="s">
        <v>0</v>
      </c>
    </row>
    <row r="8495" spans="1:5" ht="409.5" x14ac:dyDescent="0.25">
      <c r="A8495" s="4" t="s">
        <v>24894</v>
      </c>
      <c r="B8495" s="1" t="s">
        <v>52956</v>
      </c>
      <c r="C8495" s="1" t="s">
        <v>24895</v>
      </c>
      <c r="D8495" s="2">
        <v>161323</v>
      </c>
      <c r="E8495" s="1" t="s">
        <v>0</v>
      </c>
    </row>
    <row r="8496" spans="1:5" x14ac:dyDescent="0.25">
      <c r="A8496" s="1" t="s">
        <v>24896</v>
      </c>
      <c r="B8496" s="1" t="s">
        <v>7433</v>
      </c>
      <c r="C8496" s="1" t="s">
        <v>24897</v>
      </c>
      <c r="D8496" s="2">
        <v>161324</v>
      </c>
      <c r="E8496" s="1" t="s">
        <v>0</v>
      </c>
    </row>
    <row r="8497" spans="1:5" x14ac:dyDescent="0.25">
      <c r="A8497" s="2">
        <v>1699</v>
      </c>
      <c r="B8497" s="2">
        <v>1699</v>
      </c>
      <c r="C8497" s="1" t="s">
        <v>0</v>
      </c>
      <c r="D8497" s="2">
        <v>161325</v>
      </c>
      <c r="E8497" s="1" t="s">
        <v>0</v>
      </c>
    </row>
    <row r="8498" spans="1:5" x14ac:dyDescent="0.25">
      <c r="A8498" s="1" t="s">
        <v>1570</v>
      </c>
      <c r="B8498" s="1" t="s">
        <v>7434</v>
      </c>
      <c r="C8498" s="1" t="s">
        <v>24898</v>
      </c>
      <c r="D8498" s="2">
        <v>161326</v>
      </c>
      <c r="E8498" s="1" t="s">
        <v>0</v>
      </c>
    </row>
    <row r="8499" spans="1:5" x14ac:dyDescent="0.25">
      <c r="A8499" s="1" t="s">
        <v>24899</v>
      </c>
      <c r="B8499" s="1" t="s">
        <v>13071</v>
      </c>
      <c r="C8499" s="1" t="s">
        <v>24900</v>
      </c>
      <c r="D8499" s="2">
        <v>161327</v>
      </c>
      <c r="E8499" s="1" t="s">
        <v>0</v>
      </c>
    </row>
    <row r="8500" spans="1:5" ht="409.5" x14ac:dyDescent="0.25">
      <c r="A8500" s="4" t="s">
        <v>24901</v>
      </c>
      <c r="B8500" s="1" t="s">
        <v>50611</v>
      </c>
      <c r="C8500" s="1" t="s">
        <v>24902</v>
      </c>
      <c r="D8500" s="2">
        <v>161328</v>
      </c>
      <c r="E8500" s="1" t="s">
        <v>0</v>
      </c>
    </row>
    <row r="8501" spans="1:5" x14ac:dyDescent="0.25">
      <c r="A8501" s="1" t="s">
        <v>24903</v>
      </c>
      <c r="B8501" s="1" t="s">
        <v>52957</v>
      </c>
      <c r="C8501" s="1" t="s">
        <v>24904</v>
      </c>
      <c r="D8501" s="2">
        <v>161329</v>
      </c>
      <c r="E8501" s="1" t="s">
        <v>0</v>
      </c>
    </row>
    <row r="8502" spans="1:5" x14ac:dyDescent="0.25">
      <c r="A8502" s="2">
        <v>1700</v>
      </c>
      <c r="B8502" s="2">
        <v>1700</v>
      </c>
      <c r="C8502" s="1" t="s">
        <v>0</v>
      </c>
      <c r="D8502" s="2">
        <v>161330</v>
      </c>
      <c r="E8502" s="1" t="s">
        <v>0</v>
      </c>
    </row>
    <row r="8503" spans="1:5" x14ac:dyDescent="0.25">
      <c r="A8503" s="1" t="s">
        <v>1571</v>
      </c>
      <c r="B8503" s="1" t="s">
        <v>7435</v>
      </c>
      <c r="C8503" s="1" t="s">
        <v>24905</v>
      </c>
      <c r="D8503" s="2">
        <v>161331</v>
      </c>
      <c r="E8503" s="1" t="s">
        <v>0</v>
      </c>
    </row>
    <row r="8504" spans="1:5" x14ac:dyDescent="0.25">
      <c r="A8504" s="1" t="s">
        <v>24906</v>
      </c>
      <c r="B8504" s="1" t="s">
        <v>52958</v>
      </c>
      <c r="C8504" s="1" t="s">
        <v>24907</v>
      </c>
      <c r="D8504" s="2">
        <v>161332</v>
      </c>
      <c r="E8504" s="1" t="s">
        <v>0</v>
      </c>
    </row>
    <row r="8505" spans="1:5" ht="409.5" x14ac:dyDescent="0.25">
      <c r="A8505" s="4" t="s">
        <v>24908</v>
      </c>
      <c r="B8505" s="1" t="s">
        <v>57470</v>
      </c>
      <c r="C8505" s="1" t="s">
        <v>24909</v>
      </c>
      <c r="D8505" s="2">
        <v>161333</v>
      </c>
      <c r="E8505" s="1" t="s">
        <v>0</v>
      </c>
    </row>
    <row r="8506" spans="1:5" x14ac:dyDescent="0.25">
      <c r="A8506" s="1" t="s">
        <v>24910</v>
      </c>
      <c r="B8506" s="1" t="s">
        <v>7436</v>
      </c>
      <c r="C8506" s="1" t="s">
        <v>24911</v>
      </c>
      <c r="D8506" s="2">
        <v>161334</v>
      </c>
      <c r="E8506" s="1" t="s">
        <v>0</v>
      </c>
    </row>
    <row r="8507" spans="1:5" x14ac:dyDescent="0.25">
      <c r="A8507" s="2">
        <v>1701</v>
      </c>
      <c r="B8507" s="2">
        <v>1701</v>
      </c>
      <c r="C8507" s="1" t="s">
        <v>0</v>
      </c>
      <c r="D8507" s="2">
        <v>161335</v>
      </c>
      <c r="E8507" s="1" t="s">
        <v>0</v>
      </c>
    </row>
    <row r="8508" spans="1:5" x14ac:dyDescent="0.25">
      <c r="A8508" s="1" t="s">
        <v>1572</v>
      </c>
      <c r="B8508" s="1" t="s">
        <v>7437</v>
      </c>
      <c r="C8508" s="1" t="s">
        <v>24912</v>
      </c>
      <c r="D8508" s="2">
        <v>161336</v>
      </c>
      <c r="E8508" s="1" t="s">
        <v>0</v>
      </c>
    </row>
    <row r="8509" spans="1:5" x14ac:dyDescent="0.25">
      <c r="A8509" s="1" t="s">
        <v>24913</v>
      </c>
      <c r="B8509" s="1" t="s">
        <v>62309</v>
      </c>
      <c r="C8509" s="1" t="s">
        <v>24914</v>
      </c>
      <c r="D8509" s="2">
        <v>161337</v>
      </c>
      <c r="E8509" s="1" t="s">
        <v>0</v>
      </c>
    </row>
    <row r="8510" spans="1:5" ht="409.5" x14ac:dyDescent="0.25">
      <c r="A8510" s="4" t="s">
        <v>24915</v>
      </c>
      <c r="B8510" s="1" t="s">
        <v>62310</v>
      </c>
      <c r="C8510" s="1" t="s">
        <v>24916</v>
      </c>
      <c r="D8510" s="2">
        <v>161338</v>
      </c>
      <c r="E8510" s="1" t="s">
        <v>0</v>
      </c>
    </row>
    <row r="8511" spans="1:5" x14ac:dyDescent="0.25">
      <c r="A8511" s="1" t="s">
        <v>24917</v>
      </c>
      <c r="B8511" s="1" t="s">
        <v>7438</v>
      </c>
      <c r="C8511" s="1" t="s">
        <v>24918</v>
      </c>
      <c r="D8511" s="2">
        <v>161339</v>
      </c>
      <c r="E8511" s="1" t="s">
        <v>0</v>
      </c>
    </row>
    <row r="8512" spans="1:5" x14ac:dyDescent="0.25">
      <c r="A8512" s="2">
        <v>1702</v>
      </c>
      <c r="B8512" s="2">
        <v>1702</v>
      </c>
      <c r="C8512" s="1" t="s">
        <v>0</v>
      </c>
      <c r="D8512" s="2">
        <v>161340</v>
      </c>
      <c r="E8512" s="1" t="s">
        <v>0</v>
      </c>
    </row>
    <row r="8513" spans="1:5" x14ac:dyDescent="0.25">
      <c r="A8513" s="1" t="s">
        <v>1573</v>
      </c>
      <c r="B8513" s="1" t="s">
        <v>7439</v>
      </c>
      <c r="C8513" s="1" t="s">
        <v>24919</v>
      </c>
      <c r="D8513" s="2">
        <v>161341</v>
      </c>
      <c r="E8513" s="1" t="s">
        <v>0</v>
      </c>
    </row>
    <row r="8514" spans="1:5" x14ac:dyDescent="0.25">
      <c r="A8514" s="1" t="s">
        <v>24920</v>
      </c>
      <c r="B8514" s="1" t="s">
        <v>7440</v>
      </c>
      <c r="C8514" s="1" t="s">
        <v>24921</v>
      </c>
      <c r="D8514" s="2">
        <v>161342</v>
      </c>
      <c r="E8514" s="1" t="s">
        <v>0</v>
      </c>
    </row>
    <row r="8515" spans="1:5" ht="409.5" x14ac:dyDescent="0.25">
      <c r="A8515" s="4" t="s">
        <v>24922</v>
      </c>
      <c r="B8515" s="1" t="s">
        <v>58306</v>
      </c>
      <c r="C8515" s="1" t="s">
        <v>24923</v>
      </c>
      <c r="D8515" s="2">
        <v>161343</v>
      </c>
      <c r="E8515" s="1" t="s">
        <v>0</v>
      </c>
    </row>
    <row r="8516" spans="1:5" x14ac:dyDescent="0.25">
      <c r="A8516" s="1" t="s">
        <v>24924</v>
      </c>
      <c r="B8516" s="1" t="s">
        <v>52959</v>
      </c>
      <c r="C8516" s="1" t="s">
        <v>24925</v>
      </c>
      <c r="D8516" s="2">
        <v>161344</v>
      </c>
      <c r="E8516" s="1" t="s">
        <v>0</v>
      </c>
    </row>
    <row r="8517" spans="1:5" x14ac:dyDescent="0.25">
      <c r="A8517" s="2">
        <v>1703</v>
      </c>
      <c r="B8517" s="2">
        <v>1703</v>
      </c>
      <c r="C8517" s="1" t="s">
        <v>0</v>
      </c>
      <c r="D8517" s="2">
        <v>161345</v>
      </c>
      <c r="E8517" s="1" t="s">
        <v>0</v>
      </c>
    </row>
    <row r="8518" spans="1:5" x14ac:dyDescent="0.25">
      <c r="A8518" s="1" t="s">
        <v>7441</v>
      </c>
      <c r="B8518" s="1" t="s">
        <v>7442</v>
      </c>
      <c r="C8518" s="1" t="s">
        <v>24926</v>
      </c>
      <c r="D8518" s="2">
        <v>161346</v>
      </c>
      <c r="E8518" s="1" t="s">
        <v>0</v>
      </c>
    </row>
    <row r="8519" spans="1:5" x14ac:dyDescent="0.25">
      <c r="A8519" s="1" t="s">
        <v>24927</v>
      </c>
      <c r="B8519" s="1" t="s">
        <v>57471</v>
      </c>
      <c r="C8519" s="1" t="s">
        <v>24928</v>
      </c>
      <c r="D8519" s="2">
        <v>161347</v>
      </c>
      <c r="E8519" s="1" t="s">
        <v>0</v>
      </c>
    </row>
    <row r="8520" spans="1:5" ht="409.5" x14ac:dyDescent="0.25">
      <c r="A8520" s="4" t="s">
        <v>24929</v>
      </c>
      <c r="B8520" s="1" t="s">
        <v>57472</v>
      </c>
      <c r="C8520" s="1" t="s">
        <v>24930</v>
      </c>
      <c r="D8520" s="2">
        <v>161348</v>
      </c>
      <c r="E8520" s="1" t="s">
        <v>0</v>
      </c>
    </row>
    <row r="8521" spans="1:5" x14ac:dyDescent="0.25">
      <c r="A8521" s="1" t="s">
        <v>24931</v>
      </c>
      <c r="B8521" s="1" t="s">
        <v>52960</v>
      </c>
      <c r="C8521" s="1" t="s">
        <v>24932</v>
      </c>
      <c r="D8521" s="2">
        <v>161349</v>
      </c>
      <c r="E8521" s="1" t="s">
        <v>0</v>
      </c>
    </row>
    <row r="8522" spans="1:5" x14ac:dyDescent="0.25">
      <c r="A8522" s="2">
        <v>1704</v>
      </c>
      <c r="B8522" s="2">
        <v>1704</v>
      </c>
      <c r="C8522" s="1" t="s">
        <v>0</v>
      </c>
      <c r="D8522" s="2">
        <v>161350</v>
      </c>
      <c r="E8522" s="1" t="s">
        <v>0</v>
      </c>
    </row>
    <row r="8523" spans="1:5" x14ac:dyDescent="0.25">
      <c r="A8523" s="1" t="s">
        <v>1574</v>
      </c>
      <c r="B8523" s="1" t="s">
        <v>7443</v>
      </c>
      <c r="C8523" s="1" t="s">
        <v>24933</v>
      </c>
      <c r="D8523" s="2">
        <v>161351</v>
      </c>
      <c r="E8523" s="1" t="s">
        <v>0</v>
      </c>
    </row>
    <row r="8524" spans="1:5" x14ac:dyDescent="0.25">
      <c r="A8524" s="1" t="s">
        <v>24934</v>
      </c>
      <c r="B8524" s="1" t="s">
        <v>52961</v>
      </c>
      <c r="C8524" s="1" t="s">
        <v>24935</v>
      </c>
      <c r="D8524" s="2">
        <v>161352</v>
      </c>
      <c r="E8524" s="1" t="s">
        <v>0</v>
      </c>
    </row>
    <row r="8525" spans="1:5" ht="409.5" x14ac:dyDescent="0.25">
      <c r="A8525" s="4" t="s">
        <v>24936</v>
      </c>
      <c r="B8525" s="1" t="s">
        <v>52962</v>
      </c>
      <c r="C8525" s="1" t="s">
        <v>24937</v>
      </c>
      <c r="D8525" s="2">
        <v>161353</v>
      </c>
      <c r="E8525" s="1" t="s">
        <v>0</v>
      </c>
    </row>
    <row r="8526" spans="1:5" x14ac:dyDescent="0.25">
      <c r="A8526" s="1" t="s">
        <v>24938</v>
      </c>
      <c r="B8526" s="1" t="s">
        <v>7444</v>
      </c>
      <c r="C8526" s="1" t="s">
        <v>24939</v>
      </c>
      <c r="D8526" s="2">
        <v>161354</v>
      </c>
      <c r="E8526" s="1" t="s">
        <v>0</v>
      </c>
    </row>
    <row r="8527" spans="1:5" x14ac:dyDescent="0.25">
      <c r="A8527" s="2">
        <v>1705</v>
      </c>
      <c r="B8527" s="2">
        <v>1705</v>
      </c>
      <c r="C8527" s="1" t="s">
        <v>0</v>
      </c>
      <c r="D8527" s="2">
        <v>161355</v>
      </c>
      <c r="E8527" s="1" t="s">
        <v>0</v>
      </c>
    </row>
    <row r="8528" spans="1:5" x14ac:dyDescent="0.25">
      <c r="A8528" s="1" t="s">
        <v>1575</v>
      </c>
      <c r="B8528" s="1" t="s">
        <v>59917</v>
      </c>
      <c r="C8528" s="1" t="s">
        <v>24940</v>
      </c>
      <c r="D8528" s="2">
        <v>161356</v>
      </c>
      <c r="E8528" s="1" t="s">
        <v>0</v>
      </c>
    </row>
    <row r="8529" spans="1:5" x14ac:dyDescent="0.25">
      <c r="A8529" s="1" t="s">
        <v>24941</v>
      </c>
      <c r="B8529" s="1" t="s">
        <v>62311</v>
      </c>
      <c r="C8529" s="1" t="s">
        <v>24942</v>
      </c>
      <c r="D8529" s="2">
        <v>161357</v>
      </c>
      <c r="E8529" s="1" t="s">
        <v>0</v>
      </c>
    </row>
    <row r="8530" spans="1:5" ht="409.5" x14ac:dyDescent="0.25">
      <c r="A8530" s="4" t="s">
        <v>24943</v>
      </c>
      <c r="B8530" s="1" t="s">
        <v>62312</v>
      </c>
      <c r="C8530" s="1" t="s">
        <v>24944</v>
      </c>
      <c r="D8530" s="2">
        <v>161358</v>
      </c>
      <c r="E8530" s="1" t="s">
        <v>0</v>
      </c>
    </row>
    <row r="8531" spans="1:5" x14ac:dyDescent="0.25">
      <c r="A8531" s="1" t="s">
        <v>24945</v>
      </c>
      <c r="B8531" s="1" t="s">
        <v>7445</v>
      </c>
      <c r="C8531" s="1" t="s">
        <v>24946</v>
      </c>
      <c r="D8531" s="2">
        <v>161359</v>
      </c>
      <c r="E8531" s="1" t="s">
        <v>0</v>
      </c>
    </row>
    <row r="8532" spans="1:5" x14ac:dyDescent="0.25">
      <c r="A8532" s="2">
        <v>1706</v>
      </c>
      <c r="B8532" s="2">
        <v>1706</v>
      </c>
      <c r="C8532" s="1" t="s">
        <v>0</v>
      </c>
      <c r="D8532" s="2">
        <v>161360</v>
      </c>
      <c r="E8532" s="1" t="s">
        <v>0</v>
      </c>
    </row>
    <row r="8533" spans="1:5" x14ac:dyDescent="0.25">
      <c r="A8533" s="1" t="s">
        <v>1576</v>
      </c>
      <c r="B8533" s="1" t="s">
        <v>7446</v>
      </c>
      <c r="C8533" s="1" t="s">
        <v>24947</v>
      </c>
      <c r="D8533" s="2">
        <v>161361</v>
      </c>
      <c r="E8533" s="1" t="s">
        <v>0</v>
      </c>
    </row>
    <row r="8534" spans="1:5" x14ac:dyDescent="0.25">
      <c r="A8534" s="1" t="s">
        <v>24948</v>
      </c>
      <c r="B8534" s="1" t="s">
        <v>57802</v>
      </c>
      <c r="C8534" s="1" t="s">
        <v>24949</v>
      </c>
      <c r="D8534" s="2">
        <v>161362</v>
      </c>
      <c r="E8534" s="1" t="s">
        <v>0</v>
      </c>
    </row>
    <row r="8535" spans="1:5" ht="409.5" x14ac:dyDescent="0.25">
      <c r="A8535" s="4" t="s">
        <v>24950</v>
      </c>
      <c r="B8535" s="1" t="s">
        <v>59918</v>
      </c>
      <c r="C8535" s="1" t="s">
        <v>24951</v>
      </c>
      <c r="D8535" s="2">
        <v>161363</v>
      </c>
      <c r="E8535" s="1" t="s">
        <v>0</v>
      </c>
    </row>
    <row r="8536" spans="1:5" x14ac:dyDescent="0.25">
      <c r="A8536" s="1" t="s">
        <v>24952</v>
      </c>
      <c r="B8536" s="1" t="s">
        <v>52963</v>
      </c>
      <c r="C8536" s="1" t="s">
        <v>24953</v>
      </c>
      <c r="D8536" s="2">
        <v>161364</v>
      </c>
      <c r="E8536" s="1" t="s">
        <v>0</v>
      </c>
    </row>
    <row r="8537" spans="1:5" x14ac:dyDescent="0.25">
      <c r="A8537" s="2">
        <v>1707</v>
      </c>
      <c r="B8537" s="2">
        <v>1707</v>
      </c>
      <c r="C8537" s="1" t="s">
        <v>0</v>
      </c>
      <c r="D8537" s="2">
        <v>161365</v>
      </c>
      <c r="E8537" s="1" t="s">
        <v>0</v>
      </c>
    </row>
    <row r="8538" spans="1:5" x14ac:dyDescent="0.25">
      <c r="A8538" s="1" t="s">
        <v>1577</v>
      </c>
      <c r="B8538" s="1" t="s">
        <v>7447</v>
      </c>
      <c r="C8538" s="1" t="s">
        <v>24954</v>
      </c>
      <c r="D8538" s="2">
        <v>161366</v>
      </c>
      <c r="E8538" s="1" t="s">
        <v>0</v>
      </c>
    </row>
    <row r="8539" spans="1:5" x14ac:dyDescent="0.25">
      <c r="A8539" s="1" t="s">
        <v>24955</v>
      </c>
      <c r="B8539" s="1" t="s">
        <v>58727</v>
      </c>
      <c r="C8539" s="1" t="s">
        <v>24956</v>
      </c>
      <c r="D8539" s="2">
        <v>161367</v>
      </c>
      <c r="E8539" s="1" t="s">
        <v>0</v>
      </c>
    </row>
    <row r="8540" spans="1:5" ht="409.5" x14ac:dyDescent="0.25">
      <c r="A8540" s="4" t="s">
        <v>24957</v>
      </c>
      <c r="B8540" s="1" t="s">
        <v>58728</v>
      </c>
      <c r="C8540" s="1" t="s">
        <v>24958</v>
      </c>
      <c r="D8540" s="2">
        <v>161368</v>
      </c>
      <c r="E8540" s="1" t="s">
        <v>0</v>
      </c>
    </row>
    <row r="8541" spans="1:5" x14ac:dyDescent="0.25">
      <c r="A8541" s="1" t="s">
        <v>24959</v>
      </c>
      <c r="B8541" s="1" t="s">
        <v>7448</v>
      </c>
      <c r="C8541" s="1" t="s">
        <v>24960</v>
      </c>
      <c r="D8541" s="2">
        <v>161369</v>
      </c>
      <c r="E8541" s="1" t="s">
        <v>0</v>
      </c>
    </row>
    <row r="8542" spans="1:5" x14ac:dyDescent="0.25">
      <c r="A8542" s="2">
        <v>1708</v>
      </c>
      <c r="B8542" s="2">
        <v>1708</v>
      </c>
      <c r="C8542" s="1" t="s">
        <v>0</v>
      </c>
      <c r="D8542" s="2">
        <v>161370</v>
      </c>
      <c r="E8542" s="1" t="s">
        <v>0</v>
      </c>
    </row>
    <row r="8543" spans="1:5" x14ac:dyDescent="0.25">
      <c r="A8543" s="1" t="s">
        <v>1578</v>
      </c>
      <c r="B8543" s="1" t="s">
        <v>50612</v>
      </c>
      <c r="C8543" s="1" t="s">
        <v>24961</v>
      </c>
      <c r="D8543" s="2">
        <v>161371</v>
      </c>
      <c r="E8543" s="1" t="s">
        <v>0</v>
      </c>
    </row>
    <row r="8544" spans="1:5" x14ac:dyDescent="0.25">
      <c r="A8544" s="1" t="s">
        <v>24962</v>
      </c>
      <c r="B8544" s="1" t="s">
        <v>63668</v>
      </c>
      <c r="C8544" s="1" t="s">
        <v>24963</v>
      </c>
      <c r="D8544" s="2">
        <v>161372</v>
      </c>
      <c r="E8544" s="1" t="s">
        <v>0</v>
      </c>
    </row>
    <row r="8545" spans="1:5" ht="409.5" x14ac:dyDescent="0.25">
      <c r="A8545" s="4" t="s">
        <v>24964</v>
      </c>
      <c r="B8545" s="1" t="s">
        <v>63669</v>
      </c>
      <c r="C8545" s="1" t="s">
        <v>24965</v>
      </c>
      <c r="D8545" s="2">
        <v>161373</v>
      </c>
      <c r="E8545" s="1" t="s">
        <v>0</v>
      </c>
    </row>
    <row r="8546" spans="1:5" x14ac:dyDescent="0.25">
      <c r="A8546" s="1" t="s">
        <v>24966</v>
      </c>
      <c r="B8546" s="1" t="s">
        <v>61053</v>
      </c>
      <c r="C8546" s="1" t="s">
        <v>24967</v>
      </c>
      <c r="D8546" s="2">
        <v>161374</v>
      </c>
      <c r="E8546" s="1" t="s">
        <v>0</v>
      </c>
    </row>
    <row r="8547" spans="1:5" x14ac:dyDescent="0.25">
      <c r="A8547" s="2">
        <v>1709</v>
      </c>
      <c r="B8547" s="2">
        <v>1709</v>
      </c>
      <c r="C8547" s="1" t="s">
        <v>0</v>
      </c>
      <c r="D8547" s="2">
        <v>161375</v>
      </c>
      <c r="E8547" s="1" t="s">
        <v>0</v>
      </c>
    </row>
    <row r="8548" spans="1:5" x14ac:dyDescent="0.25">
      <c r="A8548" s="1" t="s">
        <v>1579</v>
      </c>
      <c r="B8548" s="1" t="s">
        <v>50613</v>
      </c>
      <c r="C8548" s="1" t="s">
        <v>24968</v>
      </c>
      <c r="D8548" s="2">
        <v>161376</v>
      </c>
      <c r="E8548" s="1" t="s">
        <v>0</v>
      </c>
    </row>
    <row r="8549" spans="1:5" x14ac:dyDescent="0.25">
      <c r="A8549" s="1" t="s">
        <v>24969</v>
      </c>
      <c r="B8549" s="1" t="s">
        <v>52964</v>
      </c>
      <c r="C8549" s="1" t="s">
        <v>24970</v>
      </c>
      <c r="D8549" s="2">
        <v>161377</v>
      </c>
      <c r="E8549" s="1" t="s">
        <v>0</v>
      </c>
    </row>
    <row r="8550" spans="1:5" ht="409.5" x14ac:dyDescent="0.25">
      <c r="A8550" s="4" t="s">
        <v>24971</v>
      </c>
      <c r="B8550" s="1" t="s">
        <v>52965</v>
      </c>
      <c r="C8550" s="1" t="s">
        <v>24972</v>
      </c>
      <c r="D8550" s="2">
        <v>161378</v>
      </c>
      <c r="E8550" s="1" t="s">
        <v>0</v>
      </c>
    </row>
    <row r="8551" spans="1:5" x14ac:dyDescent="0.25">
      <c r="A8551" s="1" t="s">
        <v>24973</v>
      </c>
      <c r="B8551" s="1" t="s">
        <v>7449</v>
      </c>
      <c r="C8551" s="1" t="s">
        <v>24974</v>
      </c>
      <c r="D8551" s="2">
        <v>161379</v>
      </c>
      <c r="E8551" s="1" t="s">
        <v>0</v>
      </c>
    </row>
    <row r="8552" spans="1:5" x14ac:dyDescent="0.25">
      <c r="A8552" s="2">
        <v>1710</v>
      </c>
      <c r="B8552" s="2">
        <v>1710</v>
      </c>
      <c r="C8552" s="1" t="s">
        <v>0</v>
      </c>
      <c r="D8552" s="2">
        <v>161380</v>
      </c>
      <c r="E8552" s="1" t="s">
        <v>0</v>
      </c>
    </row>
    <row r="8553" spans="1:5" x14ac:dyDescent="0.25">
      <c r="A8553" s="1" t="s">
        <v>1580</v>
      </c>
      <c r="B8553" s="1" t="s">
        <v>7450</v>
      </c>
      <c r="C8553" s="1" t="s">
        <v>24975</v>
      </c>
      <c r="D8553" s="2">
        <v>161381</v>
      </c>
      <c r="E8553" s="1" t="s">
        <v>0</v>
      </c>
    </row>
    <row r="8554" spans="1:5" x14ac:dyDescent="0.25">
      <c r="A8554" s="1" t="s">
        <v>24976</v>
      </c>
      <c r="B8554" s="1" t="s">
        <v>7451</v>
      </c>
      <c r="C8554" s="1" t="s">
        <v>24977</v>
      </c>
      <c r="D8554" s="2">
        <v>161382</v>
      </c>
      <c r="E8554" s="1" t="s">
        <v>0</v>
      </c>
    </row>
    <row r="8555" spans="1:5" ht="409.5" x14ac:dyDescent="0.25">
      <c r="A8555" s="4" t="s">
        <v>24978</v>
      </c>
      <c r="B8555" s="1" t="s">
        <v>7452</v>
      </c>
      <c r="C8555" s="1" t="s">
        <v>24979</v>
      </c>
      <c r="D8555" s="2">
        <v>161383</v>
      </c>
      <c r="E8555" s="1" t="s">
        <v>0</v>
      </c>
    </row>
    <row r="8556" spans="1:5" x14ac:dyDescent="0.25">
      <c r="A8556" s="1" t="s">
        <v>24980</v>
      </c>
      <c r="B8556" s="1" t="s">
        <v>52966</v>
      </c>
      <c r="C8556" s="1" t="s">
        <v>24981</v>
      </c>
      <c r="D8556" s="2">
        <v>161384</v>
      </c>
      <c r="E8556" s="1" t="s">
        <v>0</v>
      </c>
    </row>
    <row r="8557" spans="1:5" x14ac:dyDescent="0.25">
      <c r="A8557" s="2">
        <v>1711</v>
      </c>
      <c r="B8557" s="2">
        <v>1711</v>
      </c>
      <c r="C8557" s="1" t="s">
        <v>0</v>
      </c>
      <c r="D8557" s="2">
        <v>161385</v>
      </c>
      <c r="E8557" s="1" t="s">
        <v>0</v>
      </c>
    </row>
    <row r="8558" spans="1:5" x14ac:dyDescent="0.25">
      <c r="A8558" s="1" t="s">
        <v>1581</v>
      </c>
      <c r="B8558" s="1" t="s">
        <v>7453</v>
      </c>
      <c r="C8558" s="1" t="s">
        <v>24982</v>
      </c>
      <c r="D8558" s="2">
        <v>161386</v>
      </c>
      <c r="E8558" s="1" t="s">
        <v>0</v>
      </c>
    </row>
    <row r="8559" spans="1:5" x14ac:dyDescent="0.25">
      <c r="A8559" s="1" t="s">
        <v>24983</v>
      </c>
      <c r="B8559" s="1" t="s">
        <v>7454</v>
      </c>
      <c r="C8559" s="1" t="s">
        <v>24984</v>
      </c>
      <c r="D8559" s="2">
        <v>161387</v>
      </c>
      <c r="E8559" s="1" t="s">
        <v>0</v>
      </c>
    </row>
    <row r="8560" spans="1:5" ht="409.5" x14ac:dyDescent="0.25">
      <c r="A8560" s="4" t="s">
        <v>24985</v>
      </c>
      <c r="B8560" s="1" t="s">
        <v>13072</v>
      </c>
      <c r="C8560" s="1" t="s">
        <v>24986</v>
      </c>
      <c r="D8560" s="2">
        <v>161388</v>
      </c>
      <c r="E8560" s="1" t="s">
        <v>0</v>
      </c>
    </row>
    <row r="8561" spans="1:5" x14ac:dyDescent="0.25">
      <c r="A8561" s="1" t="s">
        <v>24987</v>
      </c>
      <c r="B8561" s="1" t="s">
        <v>52967</v>
      </c>
      <c r="C8561" s="1" t="s">
        <v>24988</v>
      </c>
      <c r="D8561" s="2">
        <v>161389</v>
      </c>
      <c r="E8561" s="1" t="s">
        <v>0</v>
      </c>
    </row>
    <row r="8562" spans="1:5" x14ac:dyDescent="0.25">
      <c r="A8562" s="2">
        <v>1712</v>
      </c>
      <c r="B8562" s="2">
        <v>1712</v>
      </c>
      <c r="C8562" s="1" t="s">
        <v>0</v>
      </c>
      <c r="D8562" s="2">
        <v>161390</v>
      </c>
      <c r="E8562" s="1" t="s">
        <v>0</v>
      </c>
    </row>
    <row r="8563" spans="1:5" x14ac:dyDescent="0.25">
      <c r="A8563" s="1" t="s">
        <v>1582</v>
      </c>
      <c r="B8563" s="1" t="s">
        <v>7455</v>
      </c>
      <c r="C8563" s="1" t="s">
        <v>24989</v>
      </c>
      <c r="D8563" s="2">
        <v>161391</v>
      </c>
      <c r="E8563" s="1" t="s">
        <v>0</v>
      </c>
    </row>
    <row r="8564" spans="1:5" x14ac:dyDescent="0.25">
      <c r="A8564" s="1" t="s">
        <v>24990</v>
      </c>
      <c r="B8564" s="1" t="s">
        <v>7456</v>
      </c>
      <c r="C8564" s="1" t="s">
        <v>24991</v>
      </c>
      <c r="D8564" s="2">
        <v>161392</v>
      </c>
      <c r="E8564" s="1" t="s">
        <v>0</v>
      </c>
    </row>
    <row r="8565" spans="1:5" ht="409.5" x14ac:dyDescent="0.25">
      <c r="A8565" s="4" t="s">
        <v>24992</v>
      </c>
      <c r="B8565" s="1" t="s">
        <v>57473</v>
      </c>
      <c r="C8565" s="1" t="s">
        <v>24993</v>
      </c>
      <c r="D8565" s="2">
        <v>161393</v>
      </c>
      <c r="E8565" s="1" t="s">
        <v>0</v>
      </c>
    </row>
    <row r="8566" spans="1:5" x14ac:dyDescent="0.25">
      <c r="A8566" s="1" t="s">
        <v>24994</v>
      </c>
      <c r="B8566" s="1" t="s">
        <v>7457</v>
      </c>
      <c r="C8566" s="1" t="s">
        <v>24995</v>
      </c>
      <c r="D8566" s="2">
        <v>161394</v>
      </c>
      <c r="E8566" s="1" t="s">
        <v>0</v>
      </c>
    </row>
    <row r="8567" spans="1:5" x14ac:dyDescent="0.25">
      <c r="A8567" s="2">
        <v>1713</v>
      </c>
      <c r="B8567" s="2">
        <v>1713</v>
      </c>
      <c r="C8567" s="1" t="s">
        <v>0</v>
      </c>
      <c r="D8567" s="2">
        <v>161395</v>
      </c>
      <c r="E8567" s="1" t="s">
        <v>0</v>
      </c>
    </row>
    <row r="8568" spans="1:5" x14ac:dyDescent="0.25">
      <c r="A8568" s="1" t="s">
        <v>1583</v>
      </c>
      <c r="B8568" s="1" t="s">
        <v>7458</v>
      </c>
      <c r="C8568" s="1" t="s">
        <v>24996</v>
      </c>
      <c r="D8568" s="2">
        <v>161396</v>
      </c>
      <c r="E8568" s="1" t="s">
        <v>0</v>
      </c>
    </row>
    <row r="8569" spans="1:5" x14ac:dyDescent="0.25">
      <c r="A8569" s="1" t="s">
        <v>24997</v>
      </c>
      <c r="B8569" s="1" t="s">
        <v>59919</v>
      </c>
      <c r="C8569" s="1" t="s">
        <v>24998</v>
      </c>
      <c r="D8569" s="2">
        <v>161397</v>
      </c>
      <c r="E8569" s="1" t="s">
        <v>0</v>
      </c>
    </row>
    <row r="8570" spans="1:5" ht="409.5" x14ac:dyDescent="0.25">
      <c r="A8570" s="4" t="s">
        <v>24999</v>
      </c>
      <c r="B8570" s="1" t="s">
        <v>59920</v>
      </c>
      <c r="C8570" s="1" t="s">
        <v>25000</v>
      </c>
      <c r="D8570" s="2">
        <v>161398</v>
      </c>
      <c r="E8570" s="1" t="s">
        <v>0</v>
      </c>
    </row>
    <row r="8571" spans="1:5" x14ac:dyDescent="0.25">
      <c r="A8571" s="1" t="s">
        <v>25001</v>
      </c>
      <c r="B8571" s="1" t="s">
        <v>60942</v>
      </c>
      <c r="C8571" s="1" t="s">
        <v>18620</v>
      </c>
      <c r="D8571" s="2">
        <v>161399</v>
      </c>
      <c r="E8571" s="1" t="s">
        <v>0</v>
      </c>
    </row>
    <row r="8572" spans="1:5" x14ac:dyDescent="0.25">
      <c r="A8572" s="2">
        <v>1714</v>
      </c>
      <c r="B8572" s="2">
        <v>1714</v>
      </c>
      <c r="C8572" s="1" t="s">
        <v>0</v>
      </c>
      <c r="D8572" s="2">
        <v>161400</v>
      </c>
      <c r="E8572" s="1" t="s">
        <v>0</v>
      </c>
    </row>
    <row r="8573" spans="1:5" x14ac:dyDescent="0.25">
      <c r="A8573" s="1" t="s">
        <v>7459</v>
      </c>
      <c r="B8573" s="1" t="s">
        <v>7460</v>
      </c>
      <c r="C8573" s="1" t="s">
        <v>25002</v>
      </c>
      <c r="D8573" s="2">
        <v>161401</v>
      </c>
      <c r="E8573" s="1" t="s">
        <v>0</v>
      </c>
    </row>
    <row r="8574" spans="1:5" x14ac:dyDescent="0.25">
      <c r="A8574" s="1" t="s">
        <v>25003</v>
      </c>
      <c r="B8574" s="1" t="s">
        <v>52968</v>
      </c>
      <c r="C8574" s="1" t="s">
        <v>25004</v>
      </c>
      <c r="D8574" s="2">
        <v>161402</v>
      </c>
      <c r="E8574" s="1" t="s">
        <v>0</v>
      </c>
    </row>
    <row r="8575" spans="1:5" ht="409.5" x14ac:dyDescent="0.25">
      <c r="A8575" s="4" t="s">
        <v>25005</v>
      </c>
      <c r="B8575" s="1" t="s">
        <v>56742</v>
      </c>
      <c r="C8575" s="1" t="s">
        <v>25006</v>
      </c>
      <c r="D8575" s="2">
        <v>161403</v>
      </c>
      <c r="E8575" s="1" t="s">
        <v>0</v>
      </c>
    </row>
    <row r="8576" spans="1:5" x14ac:dyDescent="0.25">
      <c r="A8576" s="1" t="s">
        <v>25007</v>
      </c>
      <c r="B8576" s="1" t="s">
        <v>7461</v>
      </c>
      <c r="C8576" s="1" t="s">
        <v>25008</v>
      </c>
      <c r="D8576" s="2">
        <v>161404</v>
      </c>
      <c r="E8576" s="1" t="s">
        <v>0</v>
      </c>
    </row>
    <row r="8577" spans="1:5" x14ac:dyDescent="0.25">
      <c r="A8577" s="2">
        <v>1715</v>
      </c>
      <c r="B8577" s="2">
        <v>1715</v>
      </c>
      <c r="C8577" s="1" t="s">
        <v>0</v>
      </c>
      <c r="D8577" s="2">
        <v>161405</v>
      </c>
      <c r="E8577" s="1" t="s">
        <v>0</v>
      </c>
    </row>
    <row r="8578" spans="1:5" x14ac:dyDescent="0.25">
      <c r="A8578" s="1" t="s">
        <v>1584</v>
      </c>
      <c r="B8578" s="1" t="s">
        <v>7462</v>
      </c>
      <c r="C8578" s="1" t="s">
        <v>25009</v>
      </c>
      <c r="D8578" s="2">
        <v>161406</v>
      </c>
      <c r="E8578" s="1" t="s">
        <v>0</v>
      </c>
    </row>
    <row r="8579" spans="1:5" x14ac:dyDescent="0.25">
      <c r="A8579" s="1" t="s">
        <v>25010</v>
      </c>
      <c r="B8579" s="1" t="s">
        <v>52969</v>
      </c>
      <c r="C8579" s="1" t="s">
        <v>25011</v>
      </c>
      <c r="D8579" s="2">
        <v>161407</v>
      </c>
      <c r="E8579" s="1" t="s">
        <v>0</v>
      </c>
    </row>
    <row r="8580" spans="1:5" ht="409.5" x14ac:dyDescent="0.25">
      <c r="A8580" s="4" t="s">
        <v>25012</v>
      </c>
      <c r="B8580" s="1" t="s">
        <v>52970</v>
      </c>
      <c r="C8580" s="1" t="s">
        <v>25013</v>
      </c>
      <c r="D8580" s="2">
        <v>161408</v>
      </c>
      <c r="E8580" s="1" t="s">
        <v>0</v>
      </c>
    </row>
    <row r="8581" spans="1:5" x14ac:dyDescent="0.25">
      <c r="A8581" s="1" t="s">
        <v>25014</v>
      </c>
      <c r="B8581" s="1" t="s">
        <v>52971</v>
      </c>
      <c r="C8581" s="1" t="s">
        <v>25015</v>
      </c>
      <c r="D8581" s="2">
        <v>161409</v>
      </c>
      <c r="E8581" s="1" t="s">
        <v>0</v>
      </c>
    </row>
    <row r="8582" spans="1:5" x14ac:dyDescent="0.25">
      <c r="A8582" s="2">
        <v>1716</v>
      </c>
      <c r="B8582" s="2">
        <v>1716</v>
      </c>
      <c r="C8582" s="1" t="s">
        <v>0</v>
      </c>
      <c r="D8582" s="2">
        <v>161410</v>
      </c>
      <c r="E8582" s="1" t="s">
        <v>0</v>
      </c>
    </row>
    <row r="8583" spans="1:5" x14ac:dyDescent="0.25">
      <c r="A8583" s="1" t="s">
        <v>1585</v>
      </c>
      <c r="B8583" s="1" t="s">
        <v>58729</v>
      </c>
      <c r="C8583" s="1" t="s">
        <v>25016</v>
      </c>
      <c r="D8583" s="2">
        <v>161411</v>
      </c>
      <c r="E8583" s="1" t="s">
        <v>0</v>
      </c>
    </row>
    <row r="8584" spans="1:5" x14ac:dyDescent="0.25">
      <c r="A8584" s="1" t="s">
        <v>25017</v>
      </c>
      <c r="B8584" s="1" t="s">
        <v>62313</v>
      </c>
      <c r="C8584" s="1" t="s">
        <v>25018</v>
      </c>
      <c r="D8584" s="2">
        <v>161412</v>
      </c>
      <c r="E8584" s="1" t="s">
        <v>0</v>
      </c>
    </row>
    <row r="8585" spans="1:5" ht="409.5" x14ac:dyDescent="0.25">
      <c r="A8585" s="4" t="s">
        <v>25019</v>
      </c>
      <c r="B8585" s="1" t="s">
        <v>62314</v>
      </c>
      <c r="C8585" s="1" t="s">
        <v>25020</v>
      </c>
      <c r="D8585" s="2">
        <v>161413</v>
      </c>
      <c r="E8585" s="1" t="s">
        <v>0</v>
      </c>
    </row>
    <row r="8586" spans="1:5" x14ac:dyDescent="0.25">
      <c r="A8586" s="1" t="s">
        <v>25021</v>
      </c>
      <c r="B8586" s="1" t="s">
        <v>58730</v>
      </c>
      <c r="C8586" s="1" t="s">
        <v>25022</v>
      </c>
      <c r="D8586" s="2">
        <v>161414</v>
      </c>
      <c r="E8586" s="1" t="s">
        <v>0</v>
      </c>
    </row>
    <row r="8587" spans="1:5" x14ac:dyDescent="0.25">
      <c r="A8587" s="2">
        <v>1717</v>
      </c>
      <c r="B8587" s="2">
        <v>1717</v>
      </c>
      <c r="C8587" s="1" t="s">
        <v>0</v>
      </c>
      <c r="D8587" s="2">
        <v>161415</v>
      </c>
      <c r="E8587" s="1" t="s">
        <v>0</v>
      </c>
    </row>
    <row r="8588" spans="1:5" x14ac:dyDescent="0.25">
      <c r="A8588" s="1" t="s">
        <v>1586</v>
      </c>
      <c r="B8588" s="1" t="s">
        <v>7463</v>
      </c>
      <c r="C8588" s="1" t="s">
        <v>25023</v>
      </c>
      <c r="D8588" s="2">
        <v>161416</v>
      </c>
      <c r="E8588" s="1" t="s">
        <v>0</v>
      </c>
    </row>
    <row r="8589" spans="1:5" x14ac:dyDescent="0.25">
      <c r="A8589" s="1" t="s">
        <v>25024</v>
      </c>
      <c r="B8589" s="1" t="s">
        <v>52972</v>
      </c>
      <c r="C8589" s="1" t="s">
        <v>25025</v>
      </c>
      <c r="D8589" s="2">
        <v>161417</v>
      </c>
      <c r="E8589" s="1" t="s">
        <v>0</v>
      </c>
    </row>
    <row r="8590" spans="1:5" ht="409.5" x14ac:dyDescent="0.25">
      <c r="A8590" s="4" t="s">
        <v>25026</v>
      </c>
      <c r="B8590" s="1" t="s">
        <v>61054</v>
      </c>
      <c r="C8590" s="1" t="s">
        <v>25027</v>
      </c>
      <c r="D8590" s="2">
        <v>161418</v>
      </c>
      <c r="E8590" s="1" t="s">
        <v>0</v>
      </c>
    </row>
    <row r="8591" spans="1:5" x14ac:dyDescent="0.25">
      <c r="A8591" s="1" t="s">
        <v>25028</v>
      </c>
      <c r="B8591" s="1" t="s">
        <v>7464</v>
      </c>
      <c r="C8591" s="1" t="s">
        <v>25029</v>
      </c>
      <c r="D8591" s="2">
        <v>161419</v>
      </c>
      <c r="E8591" s="1" t="s">
        <v>0</v>
      </c>
    </row>
    <row r="8592" spans="1:5" x14ac:dyDescent="0.25">
      <c r="A8592" s="2">
        <v>1718</v>
      </c>
      <c r="B8592" s="2">
        <v>1718</v>
      </c>
      <c r="C8592" s="1" t="s">
        <v>0</v>
      </c>
      <c r="D8592" s="2">
        <v>161420</v>
      </c>
      <c r="E8592" s="1" t="s">
        <v>0</v>
      </c>
    </row>
    <row r="8593" spans="1:5" x14ac:dyDescent="0.25">
      <c r="A8593" s="1" t="s">
        <v>1587</v>
      </c>
      <c r="B8593" s="1" t="s">
        <v>7465</v>
      </c>
      <c r="C8593" s="1" t="s">
        <v>25030</v>
      </c>
      <c r="D8593" s="2">
        <v>161421</v>
      </c>
      <c r="E8593" s="1" t="s">
        <v>0</v>
      </c>
    </row>
    <row r="8594" spans="1:5" x14ac:dyDescent="0.25">
      <c r="A8594" s="1" t="s">
        <v>25031</v>
      </c>
      <c r="B8594" s="1" t="s">
        <v>58307</v>
      </c>
      <c r="C8594" s="1" t="s">
        <v>25032</v>
      </c>
      <c r="D8594" s="2">
        <v>161422</v>
      </c>
      <c r="E8594" s="1" t="s">
        <v>0</v>
      </c>
    </row>
    <row r="8595" spans="1:5" ht="409.5" x14ac:dyDescent="0.25">
      <c r="A8595" s="4" t="s">
        <v>25033</v>
      </c>
      <c r="B8595" s="1" t="s">
        <v>58308</v>
      </c>
      <c r="C8595" s="1" t="s">
        <v>25034</v>
      </c>
      <c r="D8595" s="2">
        <v>161423</v>
      </c>
      <c r="E8595" s="1" t="s">
        <v>0</v>
      </c>
    </row>
    <row r="8596" spans="1:5" x14ac:dyDescent="0.25">
      <c r="A8596" s="1" t="s">
        <v>25035</v>
      </c>
      <c r="B8596" s="1" t="s">
        <v>52973</v>
      </c>
      <c r="C8596" s="1" t="s">
        <v>25036</v>
      </c>
      <c r="D8596" s="2">
        <v>161424</v>
      </c>
      <c r="E8596" s="1" t="s">
        <v>0</v>
      </c>
    </row>
    <row r="8597" spans="1:5" x14ac:dyDescent="0.25">
      <c r="A8597" s="2">
        <v>1719</v>
      </c>
      <c r="B8597" s="2">
        <v>1719</v>
      </c>
      <c r="C8597" s="1" t="s">
        <v>0</v>
      </c>
      <c r="D8597" s="2">
        <v>161425</v>
      </c>
      <c r="E8597" s="1" t="s">
        <v>0</v>
      </c>
    </row>
    <row r="8598" spans="1:5" x14ac:dyDescent="0.25">
      <c r="A8598" s="1" t="s">
        <v>1588</v>
      </c>
      <c r="B8598" s="1" t="s">
        <v>7466</v>
      </c>
      <c r="C8598" s="1" t="s">
        <v>25037</v>
      </c>
      <c r="D8598" s="2">
        <v>161426</v>
      </c>
      <c r="E8598" s="1" t="s">
        <v>0</v>
      </c>
    </row>
    <row r="8599" spans="1:5" x14ac:dyDescent="0.25">
      <c r="A8599" s="1" t="s">
        <v>25038</v>
      </c>
      <c r="B8599" s="1" t="s">
        <v>62315</v>
      </c>
      <c r="C8599" s="1" t="s">
        <v>25039</v>
      </c>
      <c r="D8599" s="2">
        <v>161427</v>
      </c>
      <c r="E8599" s="1" t="s">
        <v>0</v>
      </c>
    </row>
    <row r="8600" spans="1:5" ht="409.5" x14ac:dyDescent="0.25">
      <c r="A8600" s="4" t="s">
        <v>25040</v>
      </c>
      <c r="B8600" s="1" t="s">
        <v>62316</v>
      </c>
      <c r="C8600" s="1" t="s">
        <v>25041</v>
      </c>
      <c r="D8600" s="2">
        <v>161428</v>
      </c>
      <c r="E8600" s="1" t="s">
        <v>0</v>
      </c>
    </row>
    <row r="8601" spans="1:5" x14ac:dyDescent="0.25">
      <c r="A8601" s="1" t="s">
        <v>25042</v>
      </c>
      <c r="B8601" s="1" t="s">
        <v>57185</v>
      </c>
      <c r="C8601" s="1" t="s">
        <v>25043</v>
      </c>
      <c r="D8601" s="2">
        <v>161429</v>
      </c>
      <c r="E8601" s="1" t="s">
        <v>0</v>
      </c>
    </row>
    <row r="8602" spans="1:5" x14ac:dyDescent="0.25">
      <c r="A8602" s="2">
        <v>1720</v>
      </c>
      <c r="B8602" s="2">
        <v>1720</v>
      </c>
      <c r="C8602" s="1" t="s">
        <v>0</v>
      </c>
      <c r="D8602" s="2">
        <v>161430</v>
      </c>
      <c r="E8602" s="1" t="s">
        <v>0</v>
      </c>
    </row>
    <row r="8603" spans="1:5" x14ac:dyDescent="0.25">
      <c r="A8603" s="1" t="s">
        <v>7467</v>
      </c>
      <c r="B8603" s="1" t="s">
        <v>52974</v>
      </c>
      <c r="C8603" s="1" t="s">
        <v>25044</v>
      </c>
      <c r="D8603" s="2">
        <v>161431</v>
      </c>
      <c r="E8603" s="1" t="s">
        <v>0</v>
      </c>
    </row>
    <row r="8604" spans="1:5" x14ac:dyDescent="0.25">
      <c r="A8604" s="1" t="s">
        <v>25045</v>
      </c>
      <c r="B8604" s="1" t="s">
        <v>52975</v>
      </c>
      <c r="C8604" s="1" t="s">
        <v>25046</v>
      </c>
      <c r="D8604" s="2">
        <v>161432</v>
      </c>
      <c r="E8604" s="1" t="s">
        <v>0</v>
      </c>
    </row>
    <row r="8605" spans="1:5" ht="409.5" x14ac:dyDescent="0.25">
      <c r="A8605" s="4" t="s">
        <v>25047</v>
      </c>
      <c r="B8605" s="1" t="s">
        <v>60589</v>
      </c>
      <c r="C8605" s="1" t="s">
        <v>25048</v>
      </c>
      <c r="D8605" s="2">
        <v>161433</v>
      </c>
      <c r="E8605" s="1" t="s">
        <v>0</v>
      </c>
    </row>
    <row r="8606" spans="1:5" x14ac:dyDescent="0.25">
      <c r="A8606" s="1" t="s">
        <v>15303</v>
      </c>
      <c r="B8606" s="1" t="s">
        <v>60888</v>
      </c>
      <c r="C8606" s="1" t="s">
        <v>15304</v>
      </c>
      <c r="D8606" s="2">
        <v>161434</v>
      </c>
      <c r="E8606" s="1" t="s">
        <v>0</v>
      </c>
    </row>
    <row r="8607" spans="1:5" x14ac:dyDescent="0.25">
      <c r="A8607" s="2">
        <v>1721</v>
      </c>
      <c r="B8607" s="2">
        <v>1721</v>
      </c>
      <c r="C8607" s="1" t="s">
        <v>0</v>
      </c>
      <c r="D8607" s="2">
        <v>161435</v>
      </c>
      <c r="E8607" s="1" t="s">
        <v>0</v>
      </c>
    </row>
    <row r="8608" spans="1:5" x14ac:dyDescent="0.25">
      <c r="A8608" s="1" t="s">
        <v>1589</v>
      </c>
      <c r="B8608" s="1" t="s">
        <v>7468</v>
      </c>
      <c r="C8608" s="1" t="s">
        <v>25049</v>
      </c>
      <c r="D8608" s="2">
        <v>161436</v>
      </c>
      <c r="E8608" s="1" t="s">
        <v>0</v>
      </c>
    </row>
    <row r="8609" spans="1:5" x14ac:dyDescent="0.25">
      <c r="A8609" s="1" t="s">
        <v>25050</v>
      </c>
      <c r="B8609" s="1" t="s">
        <v>7469</v>
      </c>
      <c r="C8609" s="1" t="s">
        <v>25051</v>
      </c>
      <c r="D8609" s="2">
        <v>161437</v>
      </c>
      <c r="E8609" s="1" t="s">
        <v>0</v>
      </c>
    </row>
    <row r="8610" spans="1:5" x14ac:dyDescent="0.25">
      <c r="A8610" s="1" t="s">
        <v>61784</v>
      </c>
      <c r="B8610" s="1" t="s">
        <v>62317</v>
      </c>
      <c r="C8610" s="1" t="s">
        <v>25052</v>
      </c>
      <c r="D8610" s="2">
        <v>161438</v>
      </c>
      <c r="E8610" s="1" t="s">
        <v>0</v>
      </c>
    </row>
    <row r="8611" spans="1:5" x14ac:dyDescent="0.25">
      <c r="A8611" s="1" t="s">
        <v>25053</v>
      </c>
      <c r="B8611" s="1" t="s">
        <v>7470</v>
      </c>
      <c r="C8611" s="1" t="s">
        <v>25054</v>
      </c>
      <c r="D8611" s="2">
        <v>161439</v>
      </c>
      <c r="E8611" s="1" t="s">
        <v>0</v>
      </c>
    </row>
    <row r="8612" spans="1:5" x14ac:dyDescent="0.25">
      <c r="A8612" s="2">
        <v>1722</v>
      </c>
      <c r="B8612" s="2">
        <v>1722</v>
      </c>
      <c r="C8612" s="1" t="s">
        <v>0</v>
      </c>
      <c r="D8612" s="2">
        <v>161440</v>
      </c>
      <c r="E8612" s="1" t="s">
        <v>0</v>
      </c>
    </row>
    <row r="8613" spans="1:5" x14ac:dyDescent="0.25">
      <c r="A8613" s="1" t="s">
        <v>1590</v>
      </c>
      <c r="B8613" s="1" t="s">
        <v>7471</v>
      </c>
      <c r="C8613" s="1" t="s">
        <v>25055</v>
      </c>
      <c r="D8613" s="2">
        <v>161441</v>
      </c>
      <c r="E8613" s="1" t="s">
        <v>0</v>
      </c>
    </row>
    <row r="8614" spans="1:5" x14ac:dyDescent="0.25">
      <c r="A8614" s="1" t="s">
        <v>25056</v>
      </c>
      <c r="B8614" s="1" t="s">
        <v>52976</v>
      </c>
      <c r="C8614" s="1" t="s">
        <v>25057</v>
      </c>
      <c r="D8614" s="2">
        <v>161442</v>
      </c>
      <c r="E8614" s="1" t="s">
        <v>0</v>
      </c>
    </row>
    <row r="8615" spans="1:5" ht="409.5" x14ac:dyDescent="0.25">
      <c r="A8615" s="4" t="s">
        <v>25058</v>
      </c>
      <c r="B8615" s="1" t="s">
        <v>52977</v>
      </c>
      <c r="C8615" s="1" t="s">
        <v>25059</v>
      </c>
      <c r="D8615" s="2">
        <v>161443</v>
      </c>
      <c r="E8615" s="1" t="s">
        <v>0</v>
      </c>
    </row>
    <row r="8616" spans="1:5" x14ac:dyDescent="0.25">
      <c r="A8616" s="1" t="s">
        <v>25060</v>
      </c>
      <c r="B8616" s="1" t="s">
        <v>52978</v>
      </c>
      <c r="C8616" s="1" t="s">
        <v>25061</v>
      </c>
      <c r="D8616" s="2">
        <v>161444</v>
      </c>
      <c r="E8616" s="1" t="s">
        <v>0</v>
      </c>
    </row>
    <row r="8617" spans="1:5" x14ac:dyDescent="0.25">
      <c r="A8617" s="2">
        <v>1723</v>
      </c>
      <c r="B8617" s="2">
        <v>1723</v>
      </c>
      <c r="C8617" s="1" t="s">
        <v>0</v>
      </c>
      <c r="D8617" s="2">
        <v>161445</v>
      </c>
      <c r="E8617" s="1" t="s">
        <v>0</v>
      </c>
    </row>
    <row r="8618" spans="1:5" x14ac:dyDescent="0.25">
      <c r="A8618" s="1" t="s">
        <v>1591</v>
      </c>
      <c r="B8618" s="1" t="s">
        <v>50614</v>
      </c>
      <c r="C8618" s="1" t="s">
        <v>25062</v>
      </c>
      <c r="D8618" s="2">
        <v>161446</v>
      </c>
      <c r="E8618" s="1" t="s">
        <v>0</v>
      </c>
    </row>
    <row r="8619" spans="1:5" x14ac:dyDescent="0.25">
      <c r="A8619" s="1" t="s">
        <v>25063</v>
      </c>
      <c r="B8619" s="1" t="s">
        <v>63874</v>
      </c>
      <c r="C8619" s="1" t="s">
        <v>25064</v>
      </c>
      <c r="D8619" s="2">
        <v>161447</v>
      </c>
      <c r="E8619" s="1" t="s">
        <v>0</v>
      </c>
    </row>
    <row r="8620" spans="1:5" ht="409.5" x14ac:dyDescent="0.25">
      <c r="A8620" s="4" t="s">
        <v>64110</v>
      </c>
      <c r="B8620" s="1" t="s">
        <v>63875</v>
      </c>
      <c r="C8620" s="1" t="s">
        <v>25065</v>
      </c>
      <c r="D8620" s="2">
        <v>161448</v>
      </c>
      <c r="E8620" s="1" t="s">
        <v>0</v>
      </c>
    </row>
    <row r="8621" spans="1:5" x14ac:dyDescent="0.25">
      <c r="A8621" s="1" t="s">
        <v>25066</v>
      </c>
      <c r="B8621" s="1" t="s">
        <v>52979</v>
      </c>
      <c r="C8621" s="1" t="s">
        <v>25067</v>
      </c>
      <c r="D8621" s="2">
        <v>161449</v>
      </c>
      <c r="E8621" s="1" t="s">
        <v>0</v>
      </c>
    </row>
    <row r="8622" spans="1:5" x14ac:dyDescent="0.25">
      <c r="A8622" s="2">
        <v>1724</v>
      </c>
      <c r="B8622" s="2">
        <v>1724</v>
      </c>
      <c r="C8622" s="1" t="s">
        <v>0</v>
      </c>
      <c r="D8622" s="2">
        <v>161450</v>
      </c>
      <c r="E8622" s="1" t="s">
        <v>0</v>
      </c>
    </row>
    <row r="8623" spans="1:5" x14ac:dyDescent="0.25">
      <c r="A8623" s="1" t="s">
        <v>1592</v>
      </c>
      <c r="B8623" s="1" t="s">
        <v>7472</v>
      </c>
      <c r="C8623" s="1" t="s">
        <v>25068</v>
      </c>
      <c r="D8623" s="2">
        <v>161451</v>
      </c>
      <c r="E8623" s="1" t="s">
        <v>0</v>
      </c>
    </row>
    <row r="8624" spans="1:5" x14ac:dyDescent="0.25">
      <c r="A8624" s="1" t="s">
        <v>25069</v>
      </c>
      <c r="B8624" s="1" t="s">
        <v>7473</v>
      </c>
      <c r="C8624" s="1" t="s">
        <v>25070</v>
      </c>
      <c r="D8624" s="2">
        <v>161452</v>
      </c>
      <c r="E8624" s="1" t="s">
        <v>0</v>
      </c>
    </row>
    <row r="8625" spans="1:5" ht="409.5" x14ac:dyDescent="0.25">
      <c r="A8625" s="4" t="s">
        <v>25071</v>
      </c>
      <c r="B8625" s="1" t="s">
        <v>7474</v>
      </c>
      <c r="C8625" s="1" t="s">
        <v>25072</v>
      </c>
      <c r="D8625" s="2">
        <v>161453</v>
      </c>
      <c r="E8625" s="1" t="s">
        <v>0</v>
      </c>
    </row>
    <row r="8626" spans="1:5" x14ac:dyDescent="0.25">
      <c r="A8626" s="1" t="s">
        <v>25073</v>
      </c>
      <c r="B8626" s="1" t="s">
        <v>52980</v>
      </c>
      <c r="C8626" s="1" t="s">
        <v>25074</v>
      </c>
      <c r="D8626" s="2">
        <v>161454</v>
      </c>
      <c r="E8626" s="1" t="s">
        <v>0</v>
      </c>
    </row>
    <row r="8627" spans="1:5" x14ac:dyDescent="0.25">
      <c r="A8627" s="2">
        <v>1725</v>
      </c>
      <c r="B8627" s="2">
        <v>1725</v>
      </c>
      <c r="C8627" s="1" t="s">
        <v>0</v>
      </c>
      <c r="D8627" s="2">
        <v>161455</v>
      </c>
      <c r="E8627" s="1" t="s">
        <v>0</v>
      </c>
    </row>
    <row r="8628" spans="1:5" x14ac:dyDescent="0.25">
      <c r="A8628" s="1" t="s">
        <v>1593</v>
      </c>
      <c r="B8628" s="1" t="s">
        <v>56931</v>
      </c>
      <c r="C8628" s="1" t="s">
        <v>25075</v>
      </c>
      <c r="D8628" s="2">
        <v>161456</v>
      </c>
      <c r="E8628" s="1" t="s">
        <v>0</v>
      </c>
    </row>
    <row r="8629" spans="1:5" x14ac:dyDescent="0.25">
      <c r="A8629" s="1" t="s">
        <v>61785</v>
      </c>
      <c r="B8629" s="1" t="s">
        <v>50615</v>
      </c>
      <c r="C8629" s="1" t="s">
        <v>25076</v>
      </c>
      <c r="D8629" s="2">
        <v>161457</v>
      </c>
      <c r="E8629" s="1" t="s">
        <v>0</v>
      </c>
    </row>
    <row r="8630" spans="1:5" ht="409.5" x14ac:dyDescent="0.25">
      <c r="A8630" s="4" t="s">
        <v>61786</v>
      </c>
      <c r="B8630" s="1" t="s">
        <v>61625</v>
      </c>
      <c r="C8630" s="1" t="s">
        <v>25077</v>
      </c>
      <c r="D8630" s="2">
        <v>161458</v>
      </c>
      <c r="E8630" s="1" t="s">
        <v>0</v>
      </c>
    </row>
    <row r="8631" spans="1:5" x14ac:dyDescent="0.25">
      <c r="A8631" s="1" t="s">
        <v>25078</v>
      </c>
      <c r="B8631" s="1" t="s">
        <v>52981</v>
      </c>
      <c r="C8631" s="1" t="s">
        <v>25079</v>
      </c>
      <c r="D8631" s="2">
        <v>161459</v>
      </c>
      <c r="E8631" s="1" t="s">
        <v>0</v>
      </c>
    </row>
    <row r="8632" spans="1:5" x14ac:dyDescent="0.25">
      <c r="A8632" s="2">
        <v>1726</v>
      </c>
      <c r="B8632" s="2">
        <v>1726</v>
      </c>
      <c r="C8632" s="1" t="s">
        <v>0</v>
      </c>
      <c r="D8632" s="2">
        <v>161460</v>
      </c>
      <c r="E8632" s="1" t="s">
        <v>0</v>
      </c>
    </row>
    <row r="8633" spans="1:5" x14ac:dyDescent="0.25">
      <c r="A8633" s="1" t="s">
        <v>1594</v>
      </c>
      <c r="B8633" s="1" t="s">
        <v>58309</v>
      </c>
      <c r="C8633" s="1" t="s">
        <v>25080</v>
      </c>
      <c r="D8633" s="2">
        <v>161461</v>
      </c>
      <c r="E8633" s="1" t="s">
        <v>0</v>
      </c>
    </row>
    <row r="8634" spans="1:5" x14ac:dyDescent="0.25">
      <c r="A8634" s="1" t="s">
        <v>25081</v>
      </c>
      <c r="B8634" s="1" t="s">
        <v>62318</v>
      </c>
      <c r="C8634" s="1" t="s">
        <v>25082</v>
      </c>
      <c r="D8634" s="2">
        <v>161462</v>
      </c>
      <c r="E8634" s="1" t="s">
        <v>0</v>
      </c>
    </row>
    <row r="8635" spans="1:5" ht="409.5" x14ac:dyDescent="0.25">
      <c r="A8635" s="4" t="s">
        <v>25083</v>
      </c>
      <c r="B8635" s="1" t="s">
        <v>62319</v>
      </c>
      <c r="C8635" s="1" t="s">
        <v>25084</v>
      </c>
      <c r="D8635" s="2">
        <v>161463</v>
      </c>
      <c r="E8635" s="1" t="s">
        <v>0</v>
      </c>
    </row>
    <row r="8636" spans="1:5" x14ac:dyDescent="0.25">
      <c r="A8636" s="1" t="s">
        <v>25085</v>
      </c>
      <c r="B8636" s="1" t="s">
        <v>7475</v>
      </c>
      <c r="C8636" s="1" t="s">
        <v>25086</v>
      </c>
      <c r="D8636" s="2">
        <v>161464</v>
      </c>
      <c r="E8636" s="1" t="s">
        <v>0</v>
      </c>
    </row>
    <row r="8637" spans="1:5" x14ac:dyDescent="0.25">
      <c r="A8637" s="2">
        <v>1727</v>
      </c>
      <c r="B8637" s="2">
        <v>1727</v>
      </c>
      <c r="C8637" s="1" t="s">
        <v>0</v>
      </c>
      <c r="D8637" s="2">
        <v>161465</v>
      </c>
      <c r="E8637" s="1" t="s">
        <v>0</v>
      </c>
    </row>
    <row r="8638" spans="1:5" x14ac:dyDescent="0.25">
      <c r="A8638" s="1" t="s">
        <v>1595</v>
      </c>
      <c r="B8638" s="1" t="s">
        <v>7476</v>
      </c>
      <c r="C8638" s="1" t="s">
        <v>25087</v>
      </c>
      <c r="D8638" s="2">
        <v>161466</v>
      </c>
      <c r="E8638" s="1" t="s">
        <v>0</v>
      </c>
    </row>
    <row r="8639" spans="1:5" x14ac:dyDescent="0.25">
      <c r="A8639" s="1" t="s">
        <v>25088</v>
      </c>
      <c r="B8639" s="1" t="s">
        <v>7477</v>
      </c>
      <c r="C8639" s="1" t="s">
        <v>25089</v>
      </c>
      <c r="D8639" s="2">
        <v>161467</v>
      </c>
      <c r="E8639" s="1" t="s">
        <v>0</v>
      </c>
    </row>
    <row r="8640" spans="1:5" ht="409.5" x14ac:dyDescent="0.25">
      <c r="A8640" s="4" t="s">
        <v>25090</v>
      </c>
      <c r="B8640" s="1" t="s">
        <v>13073</v>
      </c>
      <c r="C8640" s="1" t="s">
        <v>25091</v>
      </c>
      <c r="D8640" s="2">
        <v>161468</v>
      </c>
      <c r="E8640" s="1" t="s">
        <v>0</v>
      </c>
    </row>
    <row r="8641" spans="1:5" x14ac:dyDescent="0.25">
      <c r="A8641" s="1" t="s">
        <v>25092</v>
      </c>
      <c r="B8641" s="1" t="s">
        <v>52982</v>
      </c>
      <c r="C8641" s="1" t="s">
        <v>25093</v>
      </c>
      <c r="D8641" s="2">
        <v>161469</v>
      </c>
      <c r="E8641" s="1" t="s">
        <v>0</v>
      </c>
    </row>
    <row r="8642" spans="1:5" x14ac:dyDescent="0.25">
      <c r="A8642" s="2">
        <v>1728</v>
      </c>
      <c r="B8642" s="2">
        <v>1728</v>
      </c>
      <c r="C8642" s="1" t="s">
        <v>0</v>
      </c>
      <c r="D8642" s="2">
        <v>161470</v>
      </c>
      <c r="E8642" s="1" t="s">
        <v>0</v>
      </c>
    </row>
    <row r="8643" spans="1:5" x14ac:dyDescent="0.25">
      <c r="A8643" s="1" t="s">
        <v>1596</v>
      </c>
      <c r="B8643" s="1" t="s">
        <v>7478</v>
      </c>
      <c r="C8643" s="1" t="s">
        <v>25094</v>
      </c>
      <c r="D8643" s="2">
        <v>161471</v>
      </c>
      <c r="E8643" s="1" t="s">
        <v>0</v>
      </c>
    </row>
    <row r="8644" spans="1:5" x14ac:dyDescent="0.25">
      <c r="A8644" s="1" t="s">
        <v>25095</v>
      </c>
      <c r="B8644" s="1" t="s">
        <v>50616</v>
      </c>
      <c r="C8644" s="1" t="s">
        <v>25096</v>
      </c>
      <c r="D8644" s="2">
        <v>161472</v>
      </c>
      <c r="E8644" s="1" t="s">
        <v>0</v>
      </c>
    </row>
    <row r="8645" spans="1:5" ht="409.5" x14ac:dyDescent="0.25">
      <c r="A8645" s="4" t="s">
        <v>25097</v>
      </c>
      <c r="B8645" s="1" t="s">
        <v>63670</v>
      </c>
      <c r="C8645" s="1" t="s">
        <v>25098</v>
      </c>
      <c r="D8645" s="2">
        <v>161473</v>
      </c>
      <c r="E8645" s="1" t="s">
        <v>0</v>
      </c>
    </row>
    <row r="8646" spans="1:5" x14ac:dyDescent="0.25">
      <c r="A8646" s="1" t="s">
        <v>25099</v>
      </c>
      <c r="B8646" s="1" t="s">
        <v>50617</v>
      </c>
      <c r="C8646" s="1" t="s">
        <v>25100</v>
      </c>
      <c r="D8646" s="2">
        <v>161474</v>
      </c>
      <c r="E8646" s="1" t="s">
        <v>0</v>
      </c>
    </row>
    <row r="8647" spans="1:5" x14ac:dyDescent="0.25">
      <c r="A8647" s="2">
        <v>1729</v>
      </c>
      <c r="B8647" s="2">
        <v>1729</v>
      </c>
      <c r="C8647" s="1" t="s">
        <v>0</v>
      </c>
      <c r="D8647" s="2">
        <v>161475</v>
      </c>
      <c r="E8647" s="1" t="s">
        <v>0</v>
      </c>
    </row>
    <row r="8648" spans="1:5" x14ac:dyDescent="0.25">
      <c r="A8648" s="1" t="s">
        <v>7479</v>
      </c>
      <c r="B8648" s="1" t="s">
        <v>7480</v>
      </c>
      <c r="C8648" s="1" t="s">
        <v>25101</v>
      </c>
      <c r="D8648" s="2">
        <v>161476</v>
      </c>
      <c r="E8648" s="1" t="s">
        <v>0</v>
      </c>
    </row>
    <row r="8649" spans="1:5" x14ac:dyDescent="0.25">
      <c r="A8649" s="1" t="s">
        <v>25102</v>
      </c>
      <c r="B8649" s="1" t="s">
        <v>7481</v>
      </c>
      <c r="C8649" s="1" t="s">
        <v>25103</v>
      </c>
      <c r="D8649" s="2">
        <v>161477</v>
      </c>
      <c r="E8649" s="1" t="s">
        <v>0</v>
      </c>
    </row>
    <row r="8650" spans="1:5" ht="409.5" x14ac:dyDescent="0.25">
      <c r="A8650" s="4" t="s">
        <v>25104</v>
      </c>
      <c r="B8650" s="1" t="s">
        <v>60417</v>
      </c>
      <c r="C8650" s="1" t="s">
        <v>25105</v>
      </c>
      <c r="D8650" s="2">
        <v>161478</v>
      </c>
      <c r="E8650" s="1" t="s">
        <v>0</v>
      </c>
    </row>
    <row r="8651" spans="1:5" x14ac:dyDescent="0.25">
      <c r="A8651" s="1" t="s">
        <v>25106</v>
      </c>
      <c r="B8651" s="1" t="s">
        <v>7482</v>
      </c>
      <c r="C8651" s="1" t="s">
        <v>25107</v>
      </c>
      <c r="D8651" s="2">
        <v>161479</v>
      </c>
      <c r="E8651" s="1" t="s">
        <v>0</v>
      </c>
    </row>
    <row r="8652" spans="1:5" x14ac:dyDescent="0.25">
      <c r="A8652" s="2">
        <v>1730</v>
      </c>
      <c r="B8652" s="2">
        <v>1730</v>
      </c>
      <c r="C8652" s="1" t="s">
        <v>0</v>
      </c>
      <c r="D8652" s="2">
        <v>161480</v>
      </c>
      <c r="E8652" s="1" t="s">
        <v>0</v>
      </c>
    </row>
    <row r="8653" spans="1:5" x14ac:dyDescent="0.25">
      <c r="A8653" s="1" t="s">
        <v>1597</v>
      </c>
      <c r="B8653" s="1" t="s">
        <v>52983</v>
      </c>
      <c r="C8653" s="1" t="s">
        <v>25108</v>
      </c>
      <c r="D8653" s="2">
        <v>161481</v>
      </c>
      <c r="E8653" s="1" t="s">
        <v>0</v>
      </c>
    </row>
    <row r="8654" spans="1:5" x14ac:dyDescent="0.25">
      <c r="A8654" s="1" t="s">
        <v>25109</v>
      </c>
      <c r="B8654" s="1" t="s">
        <v>57023</v>
      </c>
      <c r="C8654" s="1" t="s">
        <v>25110</v>
      </c>
      <c r="D8654" s="2">
        <v>161482</v>
      </c>
      <c r="E8654" s="1" t="s">
        <v>0</v>
      </c>
    </row>
    <row r="8655" spans="1:5" x14ac:dyDescent="0.25">
      <c r="A8655" s="1" t="s">
        <v>25109</v>
      </c>
      <c r="B8655" s="1" t="s">
        <v>57023</v>
      </c>
      <c r="C8655" s="1" t="s">
        <v>25110</v>
      </c>
      <c r="D8655" s="2">
        <v>161483</v>
      </c>
      <c r="E8655" s="1" t="s">
        <v>0</v>
      </c>
    </row>
    <row r="8656" spans="1:5" x14ac:dyDescent="0.25">
      <c r="A8656" s="1" t="s">
        <v>13413</v>
      </c>
      <c r="B8656" s="1" t="s">
        <v>60845</v>
      </c>
      <c r="C8656" s="1" t="s">
        <v>13414</v>
      </c>
      <c r="D8656" s="2">
        <v>161484</v>
      </c>
      <c r="E8656" s="1" t="s">
        <v>0</v>
      </c>
    </row>
    <row r="8657" spans="1:5" x14ac:dyDescent="0.25">
      <c r="A8657" s="2">
        <v>1731</v>
      </c>
      <c r="B8657" s="2">
        <v>1731</v>
      </c>
      <c r="C8657" s="1" t="s">
        <v>0</v>
      </c>
      <c r="D8657" s="2">
        <v>161485</v>
      </c>
      <c r="E8657" s="1" t="s">
        <v>0</v>
      </c>
    </row>
    <row r="8658" spans="1:5" x14ac:dyDescent="0.25">
      <c r="A8658" s="1" t="s">
        <v>1598</v>
      </c>
      <c r="B8658" s="1" t="s">
        <v>7483</v>
      </c>
      <c r="C8658" s="1" t="s">
        <v>25111</v>
      </c>
      <c r="D8658" s="2">
        <v>161486</v>
      </c>
      <c r="E8658" s="1" t="s">
        <v>0</v>
      </c>
    </row>
    <row r="8659" spans="1:5" x14ac:dyDescent="0.25">
      <c r="A8659" s="1" t="s">
        <v>25112</v>
      </c>
      <c r="B8659" s="1" t="s">
        <v>52984</v>
      </c>
      <c r="C8659" s="1" t="s">
        <v>25113</v>
      </c>
      <c r="D8659" s="2">
        <v>161487</v>
      </c>
      <c r="E8659" s="1" t="s">
        <v>0</v>
      </c>
    </row>
    <row r="8660" spans="1:5" ht="409.5" x14ac:dyDescent="0.25">
      <c r="A8660" s="4" t="s">
        <v>25114</v>
      </c>
      <c r="B8660" s="1" t="s">
        <v>57803</v>
      </c>
      <c r="C8660" s="1" t="s">
        <v>25115</v>
      </c>
      <c r="D8660" s="2">
        <v>161488</v>
      </c>
      <c r="E8660" s="1" t="s">
        <v>0</v>
      </c>
    </row>
    <row r="8661" spans="1:5" x14ac:dyDescent="0.25">
      <c r="A8661" s="1" t="s">
        <v>25116</v>
      </c>
      <c r="B8661" s="1" t="s">
        <v>52985</v>
      </c>
      <c r="C8661" s="1" t="s">
        <v>25117</v>
      </c>
      <c r="D8661" s="2">
        <v>161489</v>
      </c>
      <c r="E8661" s="1" t="s">
        <v>0</v>
      </c>
    </row>
    <row r="8662" spans="1:5" x14ac:dyDescent="0.25">
      <c r="A8662" s="2">
        <v>1732</v>
      </c>
      <c r="B8662" s="2">
        <v>1732</v>
      </c>
      <c r="C8662" s="1" t="s">
        <v>0</v>
      </c>
      <c r="D8662" s="2">
        <v>161490</v>
      </c>
      <c r="E8662" s="1" t="s">
        <v>0</v>
      </c>
    </row>
    <row r="8663" spans="1:5" x14ac:dyDescent="0.25">
      <c r="A8663" s="1" t="s">
        <v>1599</v>
      </c>
      <c r="B8663" s="1" t="s">
        <v>7484</v>
      </c>
      <c r="C8663" s="1" t="s">
        <v>25118</v>
      </c>
      <c r="D8663" s="2">
        <v>161491</v>
      </c>
      <c r="E8663" s="1" t="s">
        <v>0</v>
      </c>
    </row>
    <row r="8664" spans="1:5" x14ac:dyDescent="0.25">
      <c r="A8664" s="1" t="s">
        <v>25119</v>
      </c>
      <c r="B8664" s="1" t="s">
        <v>52986</v>
      </c>
      <c r="C8664" s="1" t="s">
        <v>25120</v>
      </c>
      <c r="D8664" s="2">
        <v>161492</v>
      </c>
      <c r="E8664" s="1" t="s">
        <v>0</v>
      </c>
    </row>
    <row r="8665" spans="1:5" ht="409.5" x14ac:dyDescent="0.25">
      <c r="A8665" s="4" t="s">
        <v>25121</v>
      </c>
      <c r="B8665" s="1" t="s">
        <v>52987</v>
      </c>
      <c r="C8665" s="1" t="s">
        <v>25122</v>
      </c>
      <c r="D8665" s="2">
        <v>161493</v>
      </c>
      <c r="E8665" s="1" t="s">
        <v>0</v>
      </c>
    </row>
    <row r="8666" spans="1:5" x14ac:dyDescent="0.25">
      <c r="A8666" s="1" t="s">
        <v>25123</v>
      </c>
      <c r="B8666" s="1" t="s">
        <v>52988</v>
      </c>
      <c r="C8666" s="1" t="s">
        <v>25124</v>
      </c>
      <c r="D8666" s="2">
        <v>161494</v>
      </c>
      <c r="E8666" s="1" t="s">
        <v>0</v>
      </c>
    </row>
    <row r="8667" spans="1:5" x14ac:dyDescent="0.25">
      <c r="A8667" s="2">
        <v>1733</v>
      </c>
      <c r="B8667" s="2">
        <v>1733</v>
      </c>
      <c r="C8667" s="1" t="s">
        <v>0</v>
      </c>
      <c r="D8667" s="2">
        <v>161495</v>
      </c>
      <c r="E8667" s="1" t="s">
        <v>0</v>
      </c>
    </row>
    <row r="8668" spans="1:5" x14ac:dyDescent="0.25">
      <c r="A8668" s="1" t="s">
        <v>1600</v>
      </c>
      <c r="B8668" s="1" t="s">
        <v>7485</v>
      </c>
      <c r="C8668" s="1" t="s">
        <v>25125</v>
      </c>
      <c r="D8668" s="2">
        <v>161496</v>
      </c>
      <c r="E8668" s="1" t="s">
        <v>0</v>
      </c>
    </row>
    <row r="8669" spans="1:5" x14ac:dyDescent="0.25">
      <c r="A8669" s="1" t="s">
        <v>25126</v>
      </c>
      <c r="B8669" s="1" t="s">
        <v>7486</v>
      </c>
      <c r="C8669" s="1" t="s">
        <v>25127</v>
      </c>
      <c r="D8669" s="2">
        <v>161497</v>
      </c>
      <c r="E8669" s="1" t="s">
        <v>0</v>
      </c>
    </row>
    <row r="8670" spans="1:5" ht="409.5" x14ac:dyDescent="0.25">
      <c r="A8670" s="4" t="s">
        <v>25128</v>
      </c>
      <c r="B8670" s="1" t="s">
        <v>58310</v>
      </c>
      <c r="C8670" s="1" t="s">
        <v>25129</v>
      </c>
      <c r="D8670" s="2">
        <v>161498</v>
      </c>
      <c r="E8670" s="1" t="s">
        <v>0</v>
      </c>
    </row>
    <row r="8671" spans="1:5" x14ac:dyDescent="0.25">
      <c r="A8671" s="1" t="s">
        <v>25130</v>
      </c>
      <c r="B8671" s="1" t="s">
        <v>52989</v>
      </c>
      <c r="C8671" s="1" t="s">
        <v>25131</v>
      </c>
      <c r="D8671" s="2">
        <v>161499</v>
      </c>
      <c r="E8671" s="1" t="s">
        <v>0</v>
      </c>
    </row>
    <row r="8672" spans="1:5" x14ac:dyDescent="0.25">
      <c r="A8672" s="2">
        <v>1734</v>
      </c>
      <c r="B8672" s="2">
        <v>1734</v>
      </c>
      <c r="C8672" s="1" t="s">
        <v>0</v>
      </c>
      <c r="D8672" s="2">
        <v>161500</v>
      </c>
      <c r="E8672" s="1" t="s">
        <v>0</v>
      </c>
    </row>
    <row r="8673" spans="1:5" x14ac:dyDescent="0.25">
      <c r="A8673" s="1" t="s">
        <v>1601</v>
      </c>
      <c r="B8673" s="1" t="s">
        <v>7487</v>
      </c>
      <c r="C8673" s="1" t="s">
        <v>25132</v>
      </c>
      <c r="D8673" s="2">
        <v>161501</v>
      </c>
      <c r="E8673" s="1" t="s">
        <v>0</v>
      </c>
    </row>
    <row r="8674" spans="1:5" x14ac:dyDescent="0.25">
      <c r="A8674" s="1" t="s">
        <v>25133</v>
      </c>
      <c r="B8674" s="1" t="s">
        <v>7488</v>
      </c>
      <c r="C8674" s="1" t="s">
        <v>25134</v>
      </c>
      <c r="D8674" s="2">
        <v>161502</v>
      </c>
      <c r="E8674" s="1" t="s">
        <v>0</v>
      </c>
    </row>
    <row r="8675" spans="1:5" ht="409.5" x14ac:dyDescent="0.25">
      <c r="A8675" s="4" t="s">
        <v>25135</v>
      </c>
      <c r="B8675" s="1" t="s">
        <v>50618</v>
      </c>
      <c r="C8675" s="1" t="s">
        <v>25136</v>
      </c>
      <c r="D8675" s="2">
        <v>161503</v>
      </c>
      <c r="E8675" s="1" t="s">
        <v>0</v>
      </c>
    </row>
    <row r="8676" spans="1:5" x14ac:dyDescent="0.25">
      <c r="A8676" s="1" t="s">
        <v>25137</v>
      </c>
      <c r="B8676" s="1" t="s">
        <v>52990</v>
      </c>
      <c r="C8676" s="1" t="s">
        <v>25138</v>
      </c>
      <c r="D8676" s="2">
        <v>161504</v>
      </c>
      <c r="E8676" s="1" t="s">
        <v>0</v>
      </c>
    </row>
    <row r="8677" spans="1:5" x14ac:dyDescent="0.25">
      <c r="A8677" s="2">
        <v>1735</v>
      </c>
      <c r="B8677" s="2">
        <v>1735</v>
      </c>
      <c r="C8677" s="1" t="s">
        <v>0</v>
      </c>
      <c r="D8677" s="2">
        <v>161505</v>
      </c>
      <c r="E8677" s="1" t="s">
        <v>0</v>
      </c>
    </row>
    <row r="8678" spans="1:5" x14ac:dyDescent="0.25">
      <c r="A8678" s="1" t="s">
        <v>1602</v>
      </c>
      <c r="B8678" s="1" t="s">
        <v>59921</v>
      </c>
      <c r="C8678" s="1" t="s">
        <v>25139</v>
      </c>
      <c r="D8678" s="2">
        <v>161506</v>
      </c>
      <c r="E8678" s="1" t="s">
        <v>0</v>
      </c>
    </row>
    <row r="8679" spans="1:5" x14ac:dyDescent="0.25">
      <c r="A8679" s="1" t="s">
        <v>25140</v>
      </c>
      <c r="B8679" s="1" t="s">
        <v>52991</v>
      </c>
      <c r="C8679" s="1" t="s">
        <v>25141</v>
      </c>
      <c r="D8679" s="2">
        <v>161507</v>
      </c>
      <c r="E8679" s="1" t="s">
        <v>0</v>
      </c>
    </row>
    <row r="8680" spans="1:5" ht="409.5" x14ac:dyDescent="0.25">
      <c r="A8680" s="4" t="s">
        <v>25142</v>
      </c>
      <c r="B8680" s="1" t="s">
        <v>57474</v>
      </c>
      <c r="C8680" s="1" t="s">
        <v>25143</v>
      </c>
      <c r="D8680" s="2">
        <v>161508</v>
      </c>
      <c r="E8680" s="1" t="s">
        <v>0</v>
      </c>
    </row>
    <row r="8681" spans="1:5" x14ac:dyDescent="0.25">
      <c r="A8681" s="1" t="s">
        <v>25144</v>
      </c>
      <c r="B8681" s="1" t="s">
        <v>7489</v>
      </c>
      <c r="C8681" s="1" t="s">
        <v>25145</v>
      </c>
      <c r="D8681" s="2">
        <v>161509</v>
      </c>
      <c r="E8681" s="1" t="s">
        <v>0</v>
      </c>
    </row>
    <row r="8682" spans="1:5" x14ac:dyDescent="0.25">
      <c r="A8682" s="2">
        <v>1736</v>
      </c>
      <c r="B8682" s="2">
        <v>1736</v>
      </c>
      <c r="C8682" s="1" t="s">
        <v>0</v>
      </c>
      <c r="D8682" s="2">
        <v>161510</v>
      </c>
      <c r="E8682" s="1" t="s">
        <v>0</v>
      </c>
    </row>
    <row r="8683" spans="1:5" x14ac:dyDescent="0.25">
      <c r="A8683" s="1" t="s">
        <v>1603</v>
      </c>
      <c r="B8683" s="1" t="s">
        <v>56932</v>
      </c>
      <c r="C8683" s="1" t="s">
        <v>25146</v>
      </c>
      <c r="D8683" s="2">
        <v>161511</v>
      </c>
      <c r="E8683" s="1" t="s">
        <v>0</v>
      </c>
    </row>
    <row r="8684" spans="1:5" x14ac:dyDescent="0.25">
      <c r="A8684" s="1" t="s">
        <v>25147</v>
      </c>
      <c r="B8684" s="1" t="s">
        <v>62320</v>
      </c>
      <c r="C8684" s="1" t="s">
        <v>25148</v>
      </c>
      <c r="D8684" s="2">
        <v>161512</v>
      </c>
      <c r="E8684" s="1" t="s">
        <v>0</v>
      </c>
    </row>
    <row r="8685" spans="1:5" ht="409.5" x14ac:dyDescent="0.25">
      <c r="A8685" s="4" t="s">
        <v>25149</v>
      </c>
      <c r="B8685" s="1" t="s">
        <v>62321</v>
      </c>
      <c r="C8685" s="1" t="s">
        <v>25150</v>
      </c>
      <c r="D8685" s="2">
        <v>161513</v>
      </c>
      <c r="E8685" s="1" t="s">
        <v>0</v>
      </c>
    </row>
    <row r="8686" spans="1:5" x14ac:dyDescent="0.25">
      <c r="A8686" s="1" t="s">
        <v>25151</v>
      </c>
      <c r="B8686" s="1" t="s">
        <v>7490</v>
      </c>
      <c r="C8686" s="1" t="s">
        <v>25152</v>
      </c>
      <c r="D8686" s="2">
        <v>161514</v>
      </c>
      <c r="E8686" s="1" t="s">
        <v>0</v>
      </c>
    </row>
    <row r="8687" spans="1:5" x14ac:dyDescent="0.25">
      <c r="A8687" s="2">
        <v>1737</v>
      </c>
      <c r="B8687" s="2">
        <v>1737</v>
      </c>
      <c r="C8687" s="1" t="s">
        <v>0</v>
      </c>
      <c r="D8687" s="2">
        <v>161515</v>
      </c>
      <c r="E8687" s="1" t="s">
        <v>0</v>
      </c>
    </row>
    <row r="8688" spans="1:5" x14ac:dyDescent="0.25">
      <c r="A8688" s="1" t="s">
        <v>1604</v>
      </c>
      <c r="B8688" s="1" t="s">
        <v>7491</v>
      </c>
      <c r="C8688" s="1" t="s">
        <v>25153</v>
      </c>
      <c r="D8688" s="2">
        <v>161516</v>
      </c>
      <c r="E8688" s="1" t="s">
        <v>0</v>
      </c>
    </row>
    <row r="8689" spans="1:5" x14ac:dyDescent="0.25">
      <c r="A8689" s="1" t="s">
        <v>25154</v>
      </c>
      <c r="B8689" s="1" t="s">
        <v>60835</v>
      </c>
      <c r="C8689" s="1" t="s">
        <v>25155</v>
      </c>
      <c r="D8689" s="2">
        <v>161517</v>
      </c>
      <c r="E8689" s="1" t="s">
        <v>0</v>
      </c>
    </row>
    <row r="8690" spans="1:5" ht="409.5" x14ac:dyDescent="0.25">
      <c r="A8690" s="4" t="s">
        <v>25156</v>
      </c>
      <c r="B8690" s="1" t="s">
        <v>60836</v>
      </c>
      <c r="C8690" s="1" t="s">
        <v>25157</v>
      </c>
      <c r="D8690" s="2">
        <v>161518</v>
      </c>
      <c r="E8690" s="1" t="s">
        <v>0</v>
      </c>
    </row>
    <row r="8691" spans="1:5" x14ac:dyDescent="0.25">
      <c r="A8691" s="1" t="s">
        <v>25158</v>
      </c>
      <c r="B8691" s="1" t="s">
        <v>61055</v>
      </c>
      <c r="C8691" s="1" t="s">
        <v>25159</v>
      </c>
      <c r="D8691" s="2">
        <v>161519</v>
      </c>
      <c r="E8691" s="1" t="s">
        <v>0</v>
      </c>
    </row>
    <row r="8692" spans="1:5" x14ac:dyDescent="0.25">
      <c r="A8692" s="2">
        <v>1738</v>
      </c>
      <c r="B8692" s="2">
        <v>1738</v>
      </c>
      <c r="C8692" s="1" t="s">
        <v>0</v>
      </c>
      <c r="D8692" s="2">
        <v>161520</v>
      </c>
      <c r="E8692" s="1" t="s">
        <v>0</v>
      </c>
    </row>
    <row r="8693" spans="1:5" x14ac:dyDescent="0.25">
      <c r="A8693" s="1" t="s">
        <v>1605</v>
      </c>
      <c r="B8693" s="1" t="s">
        <v>7492</v>
      </c>
      <c r="C8693" s="1" t="s">
        <v>25160</v>
      </c>
      <c r="D8693" s="2">
        <v>161521</v>
      </c>
      <c r="E8693" s="1" t="s">
        <v>0</v>
      </c>
    </row>
    <row r="8694" spans="1:5" x14ac:dyDescent="0.25">
      <c r="A8694" s="1" t="s">
        <v>25161</v>
      </c>
      <c r="B8694" s="1" t="s">
        <v>62322</v>
      </c>
      <c r="C8694" s="1" t="s">
        <v>25162</v>
      </c>
      <c r="D8694" s="2">
        <v>161522</v>
      </c>
      <c r="E8694" s="1" t="s">
        <v>0</v>
      </c>
    </row>
    <row r="8695" spans="1:5" ht="409.5" x14ac:dyDescent="0.25">
      <c r="A8695" s="4" t="s">
        <v>25163</v>
      </c>
      <c r="B8695" s="1" t="s">
        <v>62323</v>
      </c>
      <c r="C8695" s="1" t="s">
        <v>25164</v>
      </c>
      <c r="D8695" s="2">
        <v>161523</v>
      </c>
      <c r="E8695" s="1" t="s">
        <v>0</v>
      </c>
    </row>
    <row r="8696" spans="1:5" x14ac:dyDescent="0.25">
      <c r="A8696" s="1" t="s">
        <v>25165</v>
      </c>
      <c r="B8696" s="1" t="s">
        <v>7493</v>
      </c>
      <c r="C8696" s="1" t="s">
        <v>25166</v>
      </c>
      <c r="D8696" s="2">
        <v>161524</v>
      </c>
      <c r="E8696" s="1" t="s">
        <v>0</v>
      </c>
    </row>
    <row r="8697" spans="1:5" x14ac:dyDescent="0.25">
      <c r="A8697" s="2">
        <v>1739</v>
      </c>
      <c r="B8697" s="2">
        <v>1739</v>
      </c>
      <c r="C8697" s="1" t="s">
        <v>0</v>
      </c>
      <c r="D8697" s="2">
        <v>161525</v>
      </c>
      <c r="E8697" s="1" t="s">
        <v>0</v>
      </c>
    </row>
    <row r="8698" spans="1:5" x14ac:dyDescent="0.25">
      <c r="A8698" s="1" t="s">
        <v>1606</v>
      </c>
      <c r="B8698" s="1" t="s">
        <v>50619</v>
      </c>
      <c r="C8698" s="1" t="s">
        <v>25167</v>
      </c>
      <c r="D8698" s="2">
        <v>161526</v>
      </c>
      <c r="E8698" s="1" t="s">
        <v>0</v>
      </c>
    </row>
    <row r="8699" spans="1:5" x14ac:dyDescent="0.25">
      <c r="A8699" s="1" t="s">
        <v>25168</v>
      </c>
      <c r="B8699" s="1" t="s">
        <v>56743</v>
      </c>
      <c r="C8699" s="1" t="s">
        <v>25169</v>
      </c>
      <c r="D8699" s="2">
        <v>161527</v>
      </c>
      <c r="E8699" s="1" t="s">
        <v>0</v>
      </c>
    </row>
    <row r="8700" spans="1:5" ht="409.5" x14ac:dyDescent="0.25">
      <c r="A8700" s="4" t="s">
        <v>25170</v>
      </c>
      <c r="B8700" s="1" t="s">
        <v>57475</v>
      </c>
      <c r="C8700" s="1" t="s">
        <v>25171</v>
      </c>
      <c r="D8700" s="2">
        <v>161528</v>
      </c>
      <c r="E8700" s="1" t="s">
        <v>0</v>
      </c>
    </row>
    <row r="8701" spans="1:5" x14ac:dyDescent="0.25">
      <c r="A8701" s="1" t="s">
        <v>25172</v>
      </c>
      <c r="B8701" s="1" t="s">
        <v>7494</v>
      </c>
      <c r="C8701" s="1" t="s">
        <v>25173</v>
      </c>
      <c r="D8701" s="2">
        <v>161529</v>
      </c>
      <c r="E8701" s="1" t="s">
        <v>0</v>
      </c>
    </row>
    <row r="8702" spans="1:5" x14ac:dyDescent="0.25">
      <c r="A8702" s="2">
        <v>1740</v>
      </c>
      <c r="B8702" s="2">
        <v>1740</v>
      </c>
      <c r="C8702" s="1" t="s">
        <v>0</v>
      </c>
      <c r="D8702" s="2">
        <v>161530</v>
      </c>
      <c r="E8702" s="1" t="s">
        <v>0</v>
      </c>
    </row>
    <row r="8703" spans="1:5" x14ac:dyDescent="0.25">
      <c r="A8703" s="1" t="s">
        <v>1607</v>
      </c>
      <c r="B8703" s="1" t="s">
        <v>7495</v>
      </c>
      <c r="C8703" s="1" t="s">
        <v>25174</v>
      </c>
      <c r="D8703" s="2">
        <v>161531</v>
      </c>
      <c r="E8703" s="1" t="s">
        <v>0</v>
      </c>
    </row>
    <row r="8704" spans="1:5" x14ac:dyDescent="0.25">
      <c r="A8704" s="1" t="s">
        <v>25175</v>
      </c>
      <c r="B8704" s="1" t="s">
        <v>63288</v>
      </c>
      <c r="C8704" s="1" t="s">
        <v>25176</v>
      </c>
      <c r="D8704" s="2">
        <v>161532</v>
      </c>
      <c r="E8704" s="1" t="s">
        <v>0</v>
      </c>
    </row>
    <row r="8705" spans="1:5" ht="409.5" x14ac:dyDescent="0.25">
      <c r="A8705" s="4" t="s">
        <v>25177</v>
      </c>
      <c r="B8705" s="1" t="s">
        <v>63289</v>
      </c>
      <c r="C8705" s="1" t="s">
        <v>25178</v>
      </c>
      <c r="D8705" s="2">
        <v>161533</v>
      </c>
      <c r="E8705" s="1" t="s">
        <v>0</v>
      </c>
    </row>
    <row r="8706" spans="1:5" x14ac:dyDescent="0.25">
      <c r="A8706" s="1" t="s">
        <v>25179</v>
      </c>
      <c r="B8706" s="1" t="s">
        <v>7496</v>
      </c>
      <c r="C8706" s="1" t="s">
        <v>25180</v>
      </c>
      <c r="D8706" s="2">
        <v>161534</v>
      </c>
      <c r="E8706" s="1" t="s">
        <v>0</v>
      </c>
    </row>
    <row r="8707" spans="1:5" x14ac:dyDescent="0.25">
      <c r="A8707" s="2">
        <v>1741</v>
      </c>
      <c r="B8707" s="2">
        <v>1741</v>
      </c>
      <c r="C8707" s="1" t="s">
        <v>0</v>
      </c>
      <c r="D8707" s="2">
        <v>161535</v>
      </c>
      <c r="E8707" s="1" t="s">
        <v>0</v>
      </c>
    </row>
    <row r="8708" spans="1:5" x14ac:dyDescent="0.25">
      <c r="A8708" s="1" t="s">
        <v>13074</v>
      </c>
      <c r="B8708" s="1" t="s">
        <v>13075</v>
      </c>
      <c r="C8708" s="1" t="s">
        <v>25181</v>
      </c>
      <c r="D8708" s="2">
        <v>161536</v>
      </c>
      <c r="E8708" s="1" t="s">
        <v>0</v>
      </c>
    </row>
    <row r="8709" spans="1:5" x14ac:dyDescent="0.25">
      <c r="A8709" s="1" t="s">
        <v>25182</v>
      </c>
      <c r="B8709" s="1" t="s">
        <v>63290</v>
      </c>
      <c r="C8709" s="1" t="s">
        <v>25183</v>
      </c>
      <c r="D8709" s="2">
        <v>161537</v>
      </c>
      <c r="E8709" s="1" t="s">
        <v>0</v>
      </c>
    </row>
    <row r="8710" spans="1:5" ht="409.5" x14ac:dyDescent="0.25">
      <c r="A8710" s="4" t="s">
        <v>25184</v>
      </c>
      <c r="B8710" s="1" t="s">
        <v>63291</v>
      </c>
      <c r="C8710" s="1" t="s">
        <v>25185</v>
      </c>
      <c r="D8710" s="2">
        <v>161538</v>
      </c>
      <c r="E8710" s="1" t="s">
        <v>0</v>
      </c>
    </row>
    <row r="8711" spans="1:5" x14ac:dyDescent="0.25">
      <c r="A8711" s="1" t="s">
        <v>25186</v>
      </c>
      <c r="B8711" s="1" t="s">
        <v>52992</v>
      </c>
      <c r="C8711" s="1" t="s">
        <v>25187</v>
      </c>
      <c r="D8711" s="2">
        <v>161539</v>
      </c>
      <c r="E8711" s="1" t="s">
        <v>0</v>
      </c>
    </row>
    <row r="8712" spans="1:5" x14ac:dyDescent="0.25">
      <c r="A8712" s="2">
        <v>1742</v>
      </c>
      <c r="B8712" s="2">
        <v>1742</v>
      </c>
      <c r="C8712" s="1" t="s">
        <v>0</v>
      </c>
      <c r="D8712" s="2">
        <v>161540</v>
      </c>
      <c r="E8712" s="1" t="s">
        <v>0</v>
      </c>
    </row>
    <row r="8713" spans="1:5" x14ac:dyDescent="0.25">
      <c r="A8713" s="1" t="s">
        <v>1608</v>
      </c>
      <c r="B8713" s="1" t="s">
        <v>7497</v>
      </c>
      <c r="C8713" s="1" t="s">
        <v>25188</v>
      </c>
      <c r="D8713" s="2">
        <v>161541</v>
      </c>
      <c r="E8713" s="1" t="s">
        <v>0</v>
      </c>
    </row>
    <row r="8714" spans="1:5" x14ac:dyDescent="0.25">
      <c r="A8714" s="1" t="s">
        <v>25189</v>
      </c>
      <c r="B8714" s="1" t="s">
        <v>52993</v>
      </c>
      <c r="C8714" s="1" t="s">
        <v>25190</v>
      </c>
      <c r="D8714" s="2">
        <v>161542</v>
      </c>
      <c r="E8714" s="1" t="s">
        <v>0</v>
      </c>
    </row>
    <row r="8715" spans="1:5" ht="409.5" x14ac:dyDescent="0.25">
      <c r="A8715" s="4" t="s">
        <v>25191</v>
      </c>
      <c r="B8715" s="1" t="s">
        <v>52994</v>
      </c>
      <c r="C8715" s="1" t="s">
        <v>25192</v>
      </c>
      <c r="D8715" s="2">
        <v>161543</v>
      </c>
      <c r="E8715" s="1" t="s">
        <v>0</v>
      </c>
    </row>
    <row r="8716" spans="1:5" x14ac:dyDescent="0.25">
      <c r="A8716" s="1" t="s">
        <v>25193</v>
      </c>
      <c r="B8716" s="1" t="s">
        <v>50620</v>
      </c>
      <c r="C8716" s="1" t="s">
        <v>25194</v>
      </c>
      <c r="D8716" s="2">
        <v>161544</v>
      </c>
      <c r="E8716" s="1" t="s">
        <v>0</v>
      </c>
    </row>
    <row r="8717" spans="1:5" x14ac:dyDescent="0.25">
      <c r="A8717" s="2">
        <v>1743</v>
      </c>
      <c r="B8717" s="2">
        <v>1743</v>
      </c>
      <c r="C8717" s="1" t="s">
        <v>0</v>
      </c>
      <c r="D8717" s="2">
        <v>161545</v>
      </c>
      <c r="E8717" s="1" t="s">
        <v>0</v>
      </c>
    </row>
    <row r="8718" spans="1:5" x14ac:dyDescent="0.25">
      <c r="A8718" s="1" t="s">
        <v>1609</v>
      </c>
      <c r="B8718" s="1" t="s">
        <v>7498</v>
      </c>
      <c r="C8718" s="1" t="s">
        <v>25195</v>
      </c>
      <c r="D8718" s="2">
        <v>161546</v>
      </c>
      <c r="E8718" s="1" t="s">
        <v>0</v>
      </c>
    </row>
    <row r="8719" spans="1:5" x14ac:dyDescent="0.25">
      <c r="A8719" s="1" t="s">
        <v>25196</v>
      </c>
      <c r="B8719" s="1" t="s">
        <v>50621</v>
      </c>
      <c r="C8719" s="1" t="s">
        <v>25197</v>
      </c>
      <c r="D8719" s="2">
        <v>161547</v>
      </c>
      <c r="E8719" s="1" t="s">
        <v>0</v>
      </c>
    </row>
    <row r="8720" spans="1:5" ht="409.5" x14ac:dyDescent="0.25">
      <c r="A8720" s="4" t="s">
        <v>25198</v>
      </c>
      <c r="B8720" s="1" t="s">
        <v>50622</v>
      </c>
      <c r="C8720" s="1" t="s">
        <v>25199</v>
      </c>
      <c r="D8720" s="2">
        <v>161548</v>
      </c>
      <c r="E8720" s="1" t="s">
        <v>0</v>
      </c>
    </row>
    <row r="8721" spans="1:5" x14ac:dyDescent="0.25">
      <c r="A8721" s="1" t="s">
        <v>23958</v>
      </c>
      <c r="B8721" s="1" t="s">
        <v>61041</v>
      </c>
      <c r="C8721" s="1" t="s">
        <v>18409</v>
      </c>
      <c r="D8721" s="2">
        <v>161549</v>
      </c>
      <c r="E8721" s="1" t="s">
        <v>0</v>
      </c>
    </row>
    <row r="8722" spans="1:5" x14ac:dyDescent="0.25">
      <c r="A8722" s="2">
        <v>1744</v>
      </c>
      <c r="B8722" s="2">
        <v>1744</v>
      </c>
      <c r="C8722" s="1" t="s">
        <v>0</v>
      </c>
      <c r="D8722" s="2">
        <v>161550</v>
      </c>
      <c r="E8722" s="1" t="s">
        <v>0</v>
      </c>
    </row>
    <row r="8723" spans="1:5" x14ac:dyDescent="0.25">
      <c r="A8723" s="1" t="s">
        <v>1610</v>
      </c>
      <c r="B8723" s="1" t="s">
        <v>7499</v>
      </c>
      <c r="C8723" s="1" t="s">
        <v>25200</v>
      </c>
      <c r="D8723" s="2">
        <v>161551</v>
      </c>
      <c r="E8723" s="1" t="s">
        <v>0</v>
      </c>
    </row>
    <row r="8724" spans="1:5" x14ac:dyDescent="0.25">
      <c r="A8724" s="1" t="s">
        <v>25201</v>
      </c>
      <c r="B8724" s="1" t="s">
        <v>62324</v>
      </c>
      <c r="C8724" s="1" t="s">
        <v>25202</v>
      </c>
      <c r="D8724" s="2">
        <v>161552</v>
      </c>
      <c r="E8724" s="1" t="s">
        <v>0</v>
      </c>
    </row>
    <row r="8725" spans="1:5" ht="409.5" x14ac:dyDescent="0.25">
      <c r="A8725" s="4" t="s">
        <v>25203</v>
      </c>
      <c r="B8725" s="1" t="s">
        <v>62325</v>
      </c>
      <c r="C8725" s="1" t="s">
        <v>25204</v>
      </c>
      <c r="D8725" s="2">
        <v>161553</v>
      </c>
      <c r="E8725" s="1" t="s">
        <v>0</v>
      </c>
    </row>
    <row r="8726" spans="1:5" x14ac:dyDescent="0.25">
      <c r="A8726" s="1" t="s">
        <v>25205</v>
      </c>
      <c r="B8726" s="1" t="s">
        <v>7500</v>
      </c>
      <c r="C8726" s="1" t="s">
        <v>25206</v>
      </c>
      <c r="D8726" s="2">
        <v>161554</v>
      </c>
      <c r="E8726" s="1" t="s">
        <v>0</v>
      </c>
    </row>
    <row r="8727" spans="1:5" x14ac:dyDescent="0.25">
      <c r="A8727" s="2">
        <v>1745</v>
      </c>
      <c r="B8727" s="2">
        <v>1745</v>
      </c>
      <c r="C8727" s="1" t="s">
        <v>0</v>
      </c>
      <c r="D8727" s="2">
        <v>161555</v>
      </c>
      <c r="E8727" s="1" t="s">
        <v>0</v>
      </c>
    </row>
    <row r="8728" spans="1:5" x14ac:dyDescent="0.25">
      <c r="A8728" s="1" t="s">
        <v>1611</v>
      </c>
      <c r="B8728" s="1" t="s">
        <v>7501</v>
      </c>
      <c r="C8728" s="1" t="s">
        <v>25207</v>
      </c>
      <c r="D8728" s="2">
        <v>161556</v>
      </c>
      <c r="E8728" s="1" t="s">
        <v>0</v>
      </c>
    </row>
    <row r="8729" spans="1:5" x14ac:dyDescent="0.25">
      <c r="A8729" s="1" t="s">
        <v>25208</v>
      </c>
      <c r="B8729" s="1" t="s">
        <v>52995</v>
      </c>
      <c r="C8729" s="1" t="s">
        <v>25209</v>
      </c>
      <c r="D8729" s="2">
        <v>161557</v>
      </c>
      <c r="E8729" s="1" t="s">
        <v>0</v>
      </c>
    </row>
    <row r="8730" spans="1:5" ht="409.5" x14ac:dyDescent="0.25">
      <c r="A8730" s="4" t="s">
        <v>25210</v>
      </c>
      <c r="B8730" s="1" t="s">
        <v>52996</v>
      </c>
      <c r="C8730" s="1" t="s">
        <v>25211</v>
      </c>
      <c r="D8730" s="2">
        <v>161558</v>
      </c>
      <c r="E8730" s="1" t="s">
        <v>0</v>
      </c>
    </row>
    <row r="8731" spans="1:5" x14ac:dyDescent="0.25">
      <c r="A8731" s="1" t="s">
        <v>25212</v>
      </c>
      <c r="B8731" s="1" t="s">
        <v>7502</v>
      </c>
      <c r="C8731" s="1" t="s">
        <v>25213</v>
      </c>
      <c r="D8731" s="2">
        <v>161559</v>
      </c>
      <c r="E8731" s="1" t="s">
        <v>0</v>
      </c>
    </row>
    <row r="8732" spans="1:5" x14ac:dyDescent="0.25">
      <c r="A8732" s="2">
        <v>1746</v>
      </c>
      <c r="B8732" s="2">
        <v>1746</v>
      </c>
      <c r="C8732" s="1" t="s">
        <v>0</v>
      </c>
      <c r="D8732" s="2">
        <v>161560</v>
      </c>
      <c r="E8732" s="1" t="s">
        <v>0</v>
      </c>
    </row>
    <row r="8733" spans="1:5" x14ac:dyDescent="0.25">
      <c r="A8733" s="1" t="s">
        <v>1612</v>
      </c>
      <c r="B8733" s="1" t="s">
        <v>7503</v>
      </c>
      <c r="C8733" s="1" t="s">
        <v>25214</v>
      </c>
      <c r="D8733" s="2">
        <v>161561</v>
      </c>
      <c r="E8733" s="1" t="s">
        <v>0</v>
      </c>
    </row>
    <row r="8734" spans="1:5" x14ac:dyDescent="0.25">
      <c r="A8734" s="1" t="s">
        <v>25215</v>
      </c>
      <c r="B8734" s="1" t="s">
        <v>57804</v>
      </c>
      <c r="C8734" s="1" t="s">
        <v>25216</v>
      </c>
      <c r="D8734" s="2">
        <v>161562</v>
      </c>
      <c r="E8734" s="1" t="s">
        <v>0</v>
      </c>
    </row>
    <row r="8735" spans="1:5" ht="409.5" x14ac:dyDescent="0.25">
      <c r="A8735" s="4" t="s">
        <v>25217</v>
      </c>
      <c r="B8735" s="1" t="s">
        <v>57805</v>
      </c>
      <c r="C8735" s="1" t="s">
        <v>25218</v>
      </c>
      <c r="D8735" s="2">
        <v>161563</v>
      </c>
      <c r="E8735" s="1" t="s">
        <v>0</v>
      </c>
    </row>
    <row r="8736" spans="1:5" x14ac:dyDescent="0.25">
      <c r="A8736" s="1" t="s">
        <v>25219</v>
      </c>
      <c r="B8736" s="1" t="s">
        <v>57186</v>
      </c>
      <c r="C8736" s="1" t="s">
        <v>25220</v>
      </c>
      <c r="D8736" s="2">
        <v>161564</v>
      </c>
      <c r="E8736" s="1" t="s">
        <v>0</v>
      </c>
    </row>
    <row r="8737" spans="1:5" x14ac:dyDescent="0.25">
      <c r="A8737" s="2">
        <v>1747</v>
      </c>
      <c r="B8737" s="2">
        <v>1747</v>
      </c>
      <c r="C8737" s="1" t="s">
        <v>0</v>
      </c>
      <c r="D8737" s="2">
        <v>161565</v>
      </c>
      <c r="E8737" s="1" t="s">
        <v>0</v>
      </c>
    </row>
    <row r="8738" spans="1:5" x14ac:dyDescent="0.25">
      <c r="A8738" s="1" t="s">
        <v>1613</v>
      </c>
      <c r="B8738" s="1" t="s">
        <v>7504</v>
      </c>
      <c r="C8738" s="1" t="s">
        <v>25221</v>
      </c>
      <c r="D8738" s="2">
        <v>161566</v>
      </c>
      <c r="E8738" s="1" t="s">
        <v>0</v>
      </c>
    </row>
    <row r="8739" spans="1:5" x14ac:dyDescent="0.25">
      <c r="A8739" s="1" t="s">
        <v>25222</v>
      </c>
      <c r="B8739" s="1" t="s">
        <v>60590</v>
      </c>
      <c r="C8739" s="1" t="s">
        <v>25223</v>
      </c>
      <c r="D8739" s="2">
        <v>161567</v>
      </c>
      <c r="E8739" s="1" t="s">
        <v>0</v>
      </c>
    </row>
    <row r="8740" spans="1:5" ht="409.5" x14ac:dyDescent="0.25">
      <c r="A8740" s="4" t="s">
        <v>25224</v>
      </c>
      <c r="B8740" s="1" t="s">
        <v>60591</v>
      </c>
      <c r="C8740" s="1" t="s">
        <v>25225</v>
      </c>
      <c r="D8740" s="2">
        <v>161568</v>
      </c>
      <c r="E8740" s="1" t="s">
        <v>0</v>
      </c>
    </row>
    <row r="8741" spans="1:5" x14ac:dyDescent="0.25">
      <c r="A8741" s="1" t="s">
        <v>25226</v>
      </c>
      <c r="B8741" s="1" t="s">
        <v>7505</v>
      </c>
      <c r="C8741" s="1" t="s">
        <v>25227</v>
      </c>
      <c r="D8741" s="2">
        <v>161569</v>
      </c>
      <c r="E8741" s="1" t="s">
        <v>0</v>
      </c>
    </row>
    <row r="8742" spans="1:5" x14ac:dyDescent="0.25">
      <c r="A8742" s="2">
        <v>1748</v>
      </c>
      <c r="B8742" s="2">
        <v>1748</v>
      </c>
      <c r="C8742" s="1" t="s">
        <v>0</v>
      </c>
      <c r="D8742" s="2">
        <v>161570</v>
      </c>
      <c r="E8742" s="1" t="s">
        <v>0</v>
      </c>
    </row>
    <row r="8743" spans="1:5" x14ac:dyDescent="0.25">
      <c r="A8743" s="1" t="s">
        <v>1614</v>
      </c>
      <c r="B8743" s="1" t="s">
        <v>7506</v>
      </c>
      <c r="C8743" s="1" t="s">
        <v>25228</v>
      </c>
      <c r="D8743" s="2">
        <v>161571</v>
      </c>
      <c r="E8743" s="1" t="s">
        <v>0</v>
      </c>
    </row>
    <row r="8744" spans="1:5" x14ac:dyDescent="0.25">
      <c r="A8744" s="1" t="s">
        <v>25229</v>
      </c>
      <c r="B8744" s="1" t="s">
        <v>7507</v>
      </c>
      <c r="C8744" s="1" t="s">
        <v>25230</v>
      </c>
      <c r="D8744" s="2">
        <v>161572</v>
      </c>
      <c r="E8744" s="1" t="s">
        <v>0</v>
      </c>
    </row>
    <row r="8745" spans="1:5" ht="409.5" x14ac:dyDescent="0.25">
      <c r="A8745" s="4" t="s">
        <v>25231</v>
      </c>
      <c r="B8745" s="1" t="s">
        <v>7508</v>
      </c>
      <c r="C8745" s="1" t="s">
        <v>25232</v>
      </c>
      <c r="D8745" s="2">
        <v>161573</v>
      </c>
      <c r="E8745" s="1" t="s">
        <v>0</v>
      </c>
    </row>
    <row r="8746" spans="1:5" x14ac:dyDescent="0.25">
      <c r="A8746" s="1" t="s">
        <v>25233</v>
      </c>
      <c r="B8746" s="1" t="s">
        <v>52997</v>
      </c>
      <c r="C8746" s="1" t="s">
        <v>25234</v>
      </c>
      <c r="D8746" s="2">
        <v>161574</v>
      </c>
      <c r="E8746" s="1" t="s">
        <v>0</v>
      </c>
    </row>
    <row r="8747" spans="1:5" x14ac:dyDescent="0.25">
      <c r="A8747" s="2">
        <v>1749</v>
      </c>
      <c r="B8747" s="2">
        <v>1749</v>
      </c>
      <c r="C8747" s="1" t="s">
        <v>0</v>
      </c>
      <c r="D8747" s="2">
        <v>161575</v>
      </c>
      <c r="E8747" s="1" t="s">
        <v>0</v>
      </c>
    </row>
    <row r="8748" spans="1:5" x14ac:dyDescent="0.25">
      <c r="A8748" s="1" t="s">
        <v>1615</v>
      </c>
      <c r="B8748" s="1" t="s">
        <v>7509</v>
      </c>
      <c r="C8748" s="1" t="s">
        <v>25235</v>
      </c>
      <c r="D8748" s="2">
        <v>161576</v>
      </c>
      <c r="E8748" s="1" t="s">
        <v>0</v>
      </c>
    </row>
    <row r="8749" spans="1:5" x14ac:dyDescent="0.25">
      <c r="A8749" s="1" t="s">
        <v>25236</v>
      </c>
      <c r="B8749" s="1" t="s">
        <v>58311</v>
      </c>
      <c r="C8749" s="1" t="s">
        <v>25237</v>
      </c>
      <c r="D8749" s="2">
        <v>161577</v>
      </c>
      <c r="E8749" s="1" t="s">
        <v>0</v>
      </c>
    </row>
    <row r="8750" spans="1:5" ht="409.5" x14ac:dyDescent="0.25">
      <c r="A8750" s="4" t="s">
        <v>25238</v>
      </c>
      <c r="B8750" s="1" t="s">
        <v>58312</v>
      </c>
      <c r="C8750" s="1" t="s">
        <v>25239</v>
      </c>
      <c r="D8750" s="2">
        <v>161578</v>
      </c>
      <c r="E8750" s="1" t="s">
        <v>0</v>
      </c>
    </row>
    <row r="8751" spans="1:5" x14ac:dyDescent="0.25">
      <c r="A8751" s="1" t="s">
        <v>25240</v>
      </c>
      <c r="B8751" s="1" t="s">
        <v>52998</v>
      </c>
      <c r="C8751" s="1" t="s">
        <v>25241</v>
      </c>
      <c r="D8751" s="2">
        <v>161579</v>
      </c>
      <c r="E8751" s="1" t="s">
        <v>0</v>
      </c>
    </row>
    <row r="8752" spans="1:5" x14ac:dyDescent="0.25">
      <c r="A8752" s="2">
        <v>1750</v>
      </c>
      <c r="B8752" s="2">
        <v>1750</v>
      </c>
      <c r="C8752" s="1" t="s">
        <v>0</v>
      </c>
      <c r="D8752" s="2">
        <v>161580</v>
      </c>
      <c r="E8752" s="1" t="s">
        <v>0</v>
      </c>
    </row>
    <row r="8753" spans="1:5" x14ac:dyDescent="0.25">
      <c r="A8753" s="1" t="s">
        <v>13076</v>
      </c>
      <c r="B8753" s="1" t="s">
        <v>7510</v>
      </c>
      <c r="C8753" s="1" t="s">
        <v>25242</v>
      </c>
      <c r="D8753" s="2">
        <v>161581</v>
      </c>
      <c r="E8753" s="1" t="s">
        <v>0</v>
      </c>
    </row>
    <row r="8754" spans="1:5" x14ac:dyDescent="0.25">
      <c r="A8754" s="1" t="s">
        <v>25243</v>
      </c>
      <c r="B8754" s="1" t="s">
        <v>62326</v>
      </c>
      <c r="C8754" s="1" t="s">
        <v>25244</v>
      </c>
      <c r="D8754" s="2">
        <v>161582</v>
      </c>
      <c r="E8754" s="1" t="s">
        <v>0</v>
      </c>
    </row>
    <row r="8755" spans="1:5" ht="409.5" x14ac:dyDescent="0.25">
      <c r="A8755" s="4" t="s">
        <v>25245</v>
      </c>
      <c r="B8755" s="1" t="s">
        <v>62327</v>
      </c>
      <c r="C8755" s="1" t="s">
        <v>25246</v>
      </c>
      <c r="D8755" s="2">
        <v>161583</v>
      </c>
      <c r="E8755" s="1" t="s">
        <v>0</v>
      </c>
    </row>
    <row r="8756" spans="1:5" x14ac:dyDescent="0.25">
      <c r="A8756" s="1" t="s">
        <v>25247</v>
      </c>
      <c r="B8756" s="1" t="s">
        <v>13077</v>
      </c>
      <c r="C8756" s="1" t="s">
        <v>25248</v>
      </c>
      <c r="D8756" s="2">
        <v>161584</v>
      </c>
      <c r="E8756" s="1" t="s">
        <v>0</v>
      </c>
    </row>
    <row r="8757" spans="1:5" x14ac:dyDescent="0.25">
      <c r="A8757" s="2">
        <v>1751</v>
      </c>
      <c r="B8757" s="2">
        <v>1751</v>
      </c>
      <c r="C8757" s="1" t="s">
        <v>0</v>
      </c>
      <c r="D8757" s="2">
        <v>161585</v>
      </c>
      <c r="E8757" s="1" t="s">
        <v>0</v>
      </c>
    </row>
    <row r="8758" spans="1:5" x14ac:dyDescent="0.25">
      <c r="A8758" s="1" t="s">
        <v>1616</v>
      </c>
      <c r="B8758" s="1" t="s">
        <v>7511</v>
      </c>
      <c r="C8758" s="1" t="s">
        <v>25249</v>
      </c>
      <c r="D8758" s="2">
        <v>161586</v>
      </c>
      <c r="E8758" s="1" t="s">
        <v>0</v>
      </c>
    </row>
    <row r="8759" spans="1:5" x14ac:dyDescent="0.25">
      <c r="A8759" s="1" t="s">
        <v>25250</v>
      </c>
      <c r="B8759" s="1" t="s">
        <v>52999</v>
      </c>
      <c r="C8759" s="1" t="s">
        <v>25251</v>
      </c>
      <c r="D8759" s="2">
        <v>161587</v>
      </c>
      <c r="E8759" s="1" t="s">
        <v>0</v>
      </c>
    </row>
    <row r="8760" spans="1:5" ht="409.5" x14ac:dyDescent="0.25">
      <c r="A8760" s="4" t="s">
        <v>25252</v>
      </c>
      <c r="B8760" s="1" t="s">
        <v>53000</v>
      </c>
      <c r="C8760" s="1" t="s">
        <v>25253</v>
      </c>
      <c r="D8760" s="2">
        <v>161588</v>
      </c>
      <c r="E8760" s="1" t="s">
        <v>0</v>
      </c>
    </row>
    <row r="8761" spans="1:5" x14ac:dyDescent="0.25">
      <c r="A8761" s="1" t="s">
        <v>25254</v>
      </c>
      <c r="B8761" s="1" t="s">
        <v>53001</v>
      </c>
      <c r="C8761" s="1" t="s">
        <v>25255</v>
      </c>
      <c r="D8761" s="2">
        <v>161589</v>
      </c>
      <c r="E8761" s="1" t="s">
        <v>0</v>
      </c>
    </row>
    <row r="8762" spans="1:5" x14ac:dyDescent="0.25">
      <c r="A8762" s="2">
        <v>1752</v>
      </c>
      <c r="B8762" s="2">
        <v>1752</v>
      </c>
      <c r="C8762" s="1" t="s">
        <v>0</v>
      </c>
      <c r="D8762" s="2">
        <v>161590</v>
      </c>
      <c r="E8762" s="1" t="s">
        <v>0</v>
      </c>
    </row>
    <row r="8763" spans="1:5" x14ac:dyDescent="0.25">
      <c r="A8763" s="1" t="s">
        <v>1617</v>
      </c>
      <c r="B8763" s="1" t="s">
        <v>7512</v>
      </c>
      <c r="C8763" s="1" t="s">
        <v>1618</v>
      </c>
      <c r="D8763" s="2">
        <v>161591</v>
      </c>
      <c r="E8763" s="1" t="s">
        <v>0</v>
      </c>
    </row>
    <row r="8764" spans="1:5" x14ac:dyDescent="0.25">
      <c r="A8764" s="1" t="s">
        <v>25256</v>
      </c>
      <c r="B8764" s="1" t="s">
        <v>53002</v>
      </c>
      <c r="C8764" s="1" t="s">
        <v>25257</v>
      </c>
      <c r="D8764" s="2">
        <v>161592</v>
      </c>
      <c r="E8764" s="1" t="s">
        <v>0</v>
      </c>
    </row>
    <row r="8765" spans="1:5" ht="409.5" x14ac:dyDescent="0.25">
      <c r="A8765" s="4" t="s">
        <v>25258</v>
      </c>
      <c r="B8765" s="1" t="s">
        <v>53003</v>
      </c>
      <c r="C8765" s="1" t="s">
        <v>25259</v>
      </c>
      <c r="D8765" s="2">
        <v>161593</v>
      </c>
      <c r="E8765" s="1" t="s">
        <v>0</v>
      </c>
    </row>
    <row r="8766" spans="1:5" x14ac:dyDescent="0.25">
      <c r="A8766" s="1" t="s">
        <v>25260</v>
      </c>
      <c r="B8766" s="1" t="s">
        <v>7513</v>
      </c>
      <c r="C8766" s="1" t="s">
        <v>25261</v>
      </c>
      <c r="D8766" s="2">
        <v>161594</v>
      </c>
      <c r="E8766" s="1" t="s">
        <v>0</v>
      </c>
    </row>
    <row r="8767" spans="1:5" x14ac:dyDescent="0.25">
      <c r="A8767" s="2">
        <v>1753</v>
      </c>
      <c r="B8767" s="2">
        <v>1753</v>
      </c>
      <c r="C8767" s="1" t="s">
        <v>0</v>
      </c>
      <c r="D8767" s="2">
        <v>161595</v>
      </c>
      <c r="E8767" s="1" t="s">
        <v>0</v>
      </c>
    </row>
    <row r="8768" spans="1:5" x14ac:dyDescent="0.25">
      <c r="A8768" s="1" t="s">
        <v>1619</v>
      </c>
      <c r="B8768" s="1" t="s">
        <v>7514</v>
      </c>
      <c r="C8768" s="1" t="s">
        <v>25262</v>
      </c>
      <c r="D8768" s="2">
        <v>161596</v>
      </c>
      <c r="E8768" s="1" t="s">
        <v>0</v>
      </c>
    </row>
    <row r="8769" spans="1:5" x14ac:dyDescent="0.25">
      <c r="A8769" s="1" t="s">
        <v>25263</v>
      </c>
      <c r="B8769" s="1" t="s">
        <v>53004</v>
      </c>
      <c r="C8769" s="1" t="s">
        <v>25264</v>
      </c>
      <c r="D8769" s="2">
        <v>161597</v>
      </c>
      <c r="E8769" s="1" t="s">
        <v>0</v>
      </c>
    </row>
    <row r="8770" spans="1:5" ht="409.5" x14ac:dyDescent="0.25">
      <c r="A8770" s="4" t="s">
        <v>25265</v>
      </c>
      <c r="B8770" s="1" t="s">
        <v>53005</v>
      </c>
      <c r="C8770" s="1" t="s">
        <v>25266</v>
      </c>
      <c r="D8770" s="2">
        <v>161598</v>
      </c>
      <c r="E8770" s="1" t="s">
        <v>0</v>
      </c>
    </row>
    <row r="8771" spans="1:5" x14ac:dyDescent="0.25">
      <c r="A8771" s="1" t="s">
        <v>25267</v>
      </c>
      <c r="B8771" s="1" t="s">
        <v>7515</v>
      </c>
      <c r="C8771" s="1" t="s">
        <v>25268</v>
      </c>
      <c r="D8771" s="2">
        <v>161599</v>
      </c>
      <c r="E8771" s="1" t="s">
        <v>0</v>
      </c>
    </row>
    <row r="8772" spans="1:5" x14ac:dyDescent="0.25">
      <c r="A8772" s="2">
        <v>1754</v>
      </c>
      <c r="B8772" s="2">
        <v>1754</v>
      </c>
      <c r="C8772" s="1" t="s">
        <v>0</v>
      </c>
      <c r="D8772" s="2">
        <v>161600</v>
      </c>
      <c r="E8772" s="1" t="s">
        <v>0</v>
      </c>
    </row>
    <row r="8773" spans="1:5" x14ac:dyDescent="0.25">
      <c r="A8773" s="1" t="s">
        <v>1620</v>
      </c>
      <c r="B8773" s="1" t="s">
        <v>7516</v>
      </c>
      <c r="C8773" s="1" t="s">
        <v>25269</v>
      </c>
      <c r="D8773" s="2">
        <v>161601</v>
      </c>
      <c r="E8773" s="1" t="s">
        <v>0</v>
      </c>
    </row>
    <row r="8774" spans="1:5" x14ac:dyDescent="0.25">
      <c r="A8774" s="1" t="s">
        <v>25270</v>
      </c>
      <c r="B8774" s="1" t="s">
        <v>60723</v>
      </c>
      <c r="C8774" s="1" t="s">
        <v>25271</v>
      </c>
      <c r="D8774" s="2">
        <v>161602</v>
      </c>
      <c r="E8774" s="1" t="s">
        <v>0</v>
      </c>
    </row>
    <row r="8775" spans="1:5" ht="409.5" x14ac:dyDescent="0.25">
      <c r="A8775" s="4" t="s">
        <v>25272</v>
      </c>
      <c r="B8775" s="1" t="s">
        <v>60724</v>
      </c>
      <c r="C8775" s="1" t="s">
        <v>25273</v>
      </c>
      <c r="D8775" s="2">
        <v>161603</v>
      </c>
      <c r="E8775" s="1" t="s">
        <v>0</v>
      </c>
    </row>
    <row r="8776" spans="1:5" x14ac:dyDescent="0.25">
      <c r="A8776" s="1" t="s">
        <v>25274</v>
      </c>
      <c r="B8776" s="1" t="s">
        <v>53006</v>
      </c>
      <c r="C8776" s="1" t="s">
        <v>25275</v>
      </c>
      <c r="D8776" s="2">
        <v>161604</v>
      </c>
      <c r="E8776" s="1" t="s">
        <v>0</v>
      </c>
    </row>
    <row r="8777" spans="1:5" x14ac:dyDescent="0.25">
      <c r="A8777" s="2">
        <v>1755</v>
      </c>
      <c r="B8777" s="2">
        <v>1755</v>
      </c>
      <c r="C8777" s="1" t="s">
        <v>0</v>
      </c>
      <c r="D8777" s="2">
        <v>161605</v>
      </c>
      <c r="E8777" s="1" t="s">
        <v>0</v>
      </c>
    </row>
    <row r="8778" spans="1:5" x14ac:dyDescent="0.25">
      <c r="A8778" s="1" t="s">
        <v>1621</v>
      </c>
      <c r="B8778" s="1" t="s">
        <v>7517</v>
      </c>
      <c r="C8778" s="1" t="s">
        <v>25276</v>
      </c>
      <c r="D8778" s="2">
        <v>161606</v>
      </c>
      <c r="E8778" s="1" t="s">
        <v>0</v>
      </c>
    </row>
    <row r="8779" spans="1:5" x14ac:dyDescent="0.25">
      <c r="A8779" s="1" t="s">
        <v>25277</v>
      </c>
      <c r="B8779" s="1" t="s">
        <v>53007</v>
      </c>
      <c r="C8779" s="1" t="s">
        <v>25278</v>
      </c>
      <c r="D8779" s="2">
        <v>161607</v>
      </c>
      <c r="E8779" s="1" t="s">
        <v>0</v>
      </c>
    </row>
    <row r="8780" spans="1:5" ht="409.5" x14ac:dyDescent="0.25">
      <c r="A8780" s="4" t="s">
        <v>25279</v>
      </c>
      <c r="B8780" s="1" t="s">
        <v>53008</v>
      </c>
      <c r="C8780" s="1" t="s">
        <v>25280</v>
      </c>
      <c r="D8780" s="2">
        <v>161608</v>
      </c>
      <c r="E8780" s="1" t="s">
        <v>0</v>
      </c>
    </row>
    <row r="8781" spans="1:5" x14ac:dyDescent="0.25">
      <c r="A8781" s="1" t="s">
        <v>25281</v>
      </c>
      <c r="B8781" s="1" t="s">
        <v>61056</v>
      </c>
      <c r="C8781" s="1" t="s">
        <v>25282</v>
      </c>
      <c r="D8781" s="2">
        <v>161609</v>
      </c>
      <c r="E8781" s="1" t="s">
        <v>0</v>
      </c>
    </row>
    <row r="8782" spans="1:5" x14ac:dyDescent="0.25">
      <c r="A8782" s="2">
        <v>1756</v>
      </c>
      <c r="B8782" s="2">
        <v>1756</v>
      </c>
      <c r="C8782" s="1" t="s">
        <v>0</v>
      </c>
      <c r="D8782" s="2">
        <v>161610</v>
      </c>
      <c r="E8782" s="1" t="s">
        <v>0</v>
      </c>
    </row>
    <row r="8783" spans="1:5" x14ac:dyDescent="0.25">
      <c r="A8783" s="1" t="s">
        <v>1622</v>
      </c>
      <c r="B8783" s="1" t="s">
        <v>7518</v>
      </c>
      <c r="C8783" s="1" t="s">
        <v>25283</v>
      </c>
      <c r="D8783" s="2">
        <v>161611</v>
      </c>
      <c r="E8783" s="1" t="s">
        <v>0</v>
      </c>
    </row>
    <row r="8784" spans="1:5" x14ac:dyDescent="0.25">
      <c r="A8784" s="1" t="s">
        <v>25284</v>
      </c>
      <c r="B8784" s="1" t="s">
        <v>7519</v>
      </c>
      <c r="C8784" s="1" t="s">
        <v>25285</v>
      </c>
      <c r="D8784" s="2">
        <v>161612</v>
      </c>
      <c r="E8784" s="1" t="s">
        <v>0</v>
      </c>
    </row>
    <row r="8785" spans="1:5" ht="409.5" x14ac:dyDescent="0.25">
      <c r="A8785" s="4" t="s">
        <v>25286</v>
      </c>
      <c r="B8785" s="1" t="s">
        <v>53009</v>
      </c>
      <c r="C8785" s="1" t="s">
        <v>25287</v>
      </c>
      <c r="D8785" s="2">
        <v>161613</v>
      </c>
      <c r="E8785" s="1" t="s">
        <v>0</v>
      </c>
    </row>
    <row r="8786" spans="1:5" x14ac:dyDescent="0.25">
      <c r="A8786" s="1" t="s">
        <v>25288</v>
      </c>
      <c r="B8786" s="1" t="s">
        <v>7520</v>
      </c>
      <c r="C8786" s="1" t="s">
        <v>25289</v>
      </c>
      <c r="D8786" s="2">
        <v>161614</v>
      </c>
      <c r="E8786" s="1" t="s">
        <v>0</v>
      </c>
    </row>
    <row r="8787" spans="1:5" x14ac:dyDescent="0.25">
      <c r="A8787" s="2">
        <v>1757</v>
      </c>
      <c r="B8787" s="2">
        <v>1757</v>
      </c>
      <c r="C8787" s="1" t="s">
        <v>0</v>
      </c>
      <c r="D8787" s="2">
        <v>161615</v>
      </c>
      <c r="E8787" s="1" t="s">
        <v>0</v>
      </c>
    </row>
    <row r="8788" spans="1:5" x14ac:dyDescent="0.25">
      <c r="A8788" s="1" t="s">
        <v>1623</v>
      </c>
      <c r="B8788" s="1" t="s">
        <v>7521</v>
      </c>
      <c r="C8788" s="1" t="s">
        <v>25290</v>
      </c>
      <c r="D8788" s="2">
        <v>161616</v>
      </c>
      <c r="E8788" s="1" t="s">
        <v>0</v>
      </c>
    </row>
    <row r="8789" spans="1:5" x14ac:dyDescent="0.25">
      <c r="A8789" s="1" t="s">
        <v>25291</v>
      </c>
      <c r="B8789" s="1" t="s">
        <v>50623</v>
      </c>
      <c r="C8789" s="1" t="s">
        <v>25292</v>
      </c>
      <c r="D8789" s="2">
        <v>161617</v>
      </c>
      <c r="E8789" s="1" t="s">
        <v>0</v>
      </c>
    </row>
    <row r="8790" spans="1:5" ht="409.5" x14ac:dyDescent="0.25">
      <c r="A8790" s="4" t="s">
        <v>25293</v>
      </c>
      <c r="B8790" s="1" t="s">
        <v>50624</v>
      </c>
      <c r="C8790" s="1" t="s">
        <v>25294</v>
      </c>
      <c r="D8790" s="2">
        <v>161618</v>
      </c>
      <c r="E8790" s="1" t="s">
        <v>0</v>
      </c>
    </row>
    <row r="8791" spans="1:5" x14ac:dyDescent="0.25">
      <c r="A8791" s="1" t="s">
        <v>25295</v>
      </c>
      <c r="B8791" s="1" t="s">
        <v>53010</v>
      </c>
      <c r="C8791" s="1" t="s">
        <v>25296</v>
      </c>
      <c r="D8791" s="2">
        <v>161619</v>
      </c>
      <c r="E8791" s="1" t="s">
        <v>0</v>
      </c>
    </row>
    <row r="8792" spans="1:5" x14ac:dyDescent="0.25">
      <c r="A8792" s="2">
        <v>1758</v>
      </c>
      <c r="B8792" s="2">
        <v>1758</v>
      </c>
      <c r="C8792" s="1" t="s">
        <v>0</v>
      </c>
      <c r="D8792" s="2">
        <v>161620</v>
      </c>
      <c r="E8792" s="1" t="s">
        <v>0</v>
      </c>
    </row>
    <row r="8793" spans="1:5" x14ac:dyDescent="0.25">
      <c r="A8793" s="1" t="s">
        <v>1624</v>
      </c>
      <c r="B8793" s="1" t="s">
        <v>7522</v>
      </c>
      <c r="C8793" s="1" t="s">
        <v>25297</v>
      </c>
      <c r="D8793" s="2">
        <v>161621</v>
      </c>
      <c r="E8793" s="1" t="s">
        <v>0</v>
      </c>
    </row>
    <row r="8794" spans="1:5" x14ac:dyDescent="0.25">
      <c r="A8794" s="1" t="s">
        <v>25298</v>
      </c>
      <c r="B8794" s="1" t="s">
        <v>62328</v>
      </c>
      <c r="C8794" s="1" t="s">
        <v>25299</v>
      </c>
      <c r="D8794" s="2">
        <v>161622</v>
      </c>
      <c r="E8794" s="1" t="s">
        <v>0</v>
      </c>
    </row>
    <row r="8795" spans="1:5" ht="409.5" x14ac:dyDescent="0.25">
      <c r="A8795" s="4" t="s">
        <v>25300</v>
      </c>
      <c r="B8795" s="1" t="s">
        <v>62329</v>
      </c>
      <c r="C8795" s="1" t="s">
        <v>25301</v>
      </c>
      <c r="D8795" s="2">
        <v>161623</v>
      </c>
      <c r="E8795" s="1" t="s">
        <v>0</v>
      </c>
    </row>
    <row r="8796" spans="1:5" x14ac:dyDescent="0.25">
      <c r="A8796" s="1" t="s">
        <v>25302</v>
      </c>
      <c r="B8796" s="1" t="s">
        <v>57187</v>
      </c>
      <c r="C8796" s="1" t="s">
        <v>25303</v>
      </c>
      <c r="D8796" s="2">
        <v>161624</v>
      </c>
      <c r="E8796" s="1" t="s">
        <v>0</v>
      </c>
    </row>
    <row r="8797" spans="1:5" x14ac:dyDescent="0.25">
      <c r="A8797" s="2">
        <v>1759</v>
      </c>
      <c r="B8797" s="2">
        <v>1759</v>
      </c>
      <c r="C8797" s="1" t="s">
        <v>0</v>
      </c>
      <c r="D8797" s="2">
        <v>161625</v>
      </c>
      <c r="E8797" s="1" t="s">
        <v>0</v>
      </c>
    </row>
    <row r="8798" spans="1:5" x14ac:dyDescent="0.25">
      <c r="A8798" s="1" t="s">
        <v>1625</v>
      </c>
      <c r="B8798" s="1" t="s">
        <v>7523</v>
      </c>
      <c r="C8798" s="1" t="s">
        <v>25304</v>
      </c>
      <c r="D8798" s="2">
        <v>161626</v>
      </c>
      <c r="E8798" s="1" t="s">
        <v>0</v>
      </c>
    </row>
    <row r="8799" spans="1:5" x14ac:dyDescent="0.25">
      <c r="A8799" s="1" t="s">
        <v>25305</v>
      </c>
      <c r="B8799" s="1" t="s">
        <v>53011</v>
      </c>
      <c r="C8799" s="1" t="s">
        <v>25306</v>
      </c>
      <c r="D8799" s="2">
        <v>161627</v>
      </c>
      <c r="E8799" s="1" t="s">
        <v>0</v>
      </c>
    </row>
    <row r="8800" spans="1:5" ht="409.5" x14ac:dyDescent="0.25">
      <c r="A8800" s="4" t="s">
        <v>25307</v>
      </c>
      <c r="B8800" s="1" t="s">
        <v>53012</v>
      </c>
      <c r="C8800" s="1" t="s">
        <v>25308</v>
      </c>
      <c r="D8800" s="2">
        <v>161628</v>
      </c>
      <c r="E8800" s="1" t="s">
        <v>0</v>
      </c>
    </row>
    <row r="8801" spans="1:5" x14ac:dyDescent="0.25">
      <c r="A8801" s="1" t="s">
        <v>25309</v>
      </c>
      <c r="B8801" s="1" t="s">
        <v>7524</v>
      </c>
      <c r="C8801" s="1" t="s">
        <v>25310</v>
      </c>
      <c r="D8801" s="2">
        <v>161629</v>
      </c>
      <c r="E8801" s="1" t="s">
        <v>0</v>
      </c>
    </row>
    <row r="8802" spans="1:5" x14ac:dyDescent="0.25">
      <c r="A8802" s="2">
        <v>1760</v>
      </c>
      <c r="B8802" s="2">
        <v>1760</v>
      </c>
      <c r="C8802" s="1" t="s">
        <v>0</v>
      </c>
      <c r="D8802" s="2">
        <v>161630</v>
      </c>
      <c r="E8802" s="1" t="s">
        <v>0</v>
      </c>
    </row>
    <row r="8803" spans="1:5" x14ac:dyDescent="0.25">
      <c r="A8803" s="1" t="s">
        <v>1626</v>
      </c>
      <c r="B8803" s="1" t="s">
        <v>7525</v>
      </c>
      <c r="C8803" s="1" t="s">
        <v>25311</v>
      </c>
      <c r="D8803" s="2">
        <v>161631</v>
      </c>
      <c r="E8803" s="1" t="s">
        <v>0</v>
      </c>
    </row>
    <row r="8804" spans="1:5" x14ac:dyDescent="0.25">
      <c r="A8804" s="1" t="s">
        <v>25312</v>
      </c>
      <c r="B8804" s="1" t="s">
        <v>53013</v>
      </c>
      <c r="C8804" s="1" t="s">
        <v>25313</v>
      </c>
      <c r="D8804" s="2">
        <v>161632</v>
      </c>
      <c r="E8804" s="1" t="s">
        <v>0</v>
      </c>
    </row>
    <row r="8805" spans="1:5" ht="409.5" x14ac:dyDescent="0.25">
      <c r="A8805" s="4" t="s">
        <v>25314</v>
      </c>
      <c r="B8805" s="1" t="s">
        <v>58911</v>
      </c>
      <c r="C8805" s="1" t="s">
        <v>25315</v>
      </c>
      <c r="D8805" s="2">
        <v>161633</v>
      </c>
      <c r="E8805" s="1" t="s">
        <v>0</v>
      </c>
    </row>
    <row r="8806" spans="1:5" x14ac:dyDescent="0.25">
      <c r="A8806" s="1" t="s">
        <v>25316</v>
      </c>
      <c r="B8806" s="1" t="s">
        <v>7526</v>
      </c>
      <c r="C8806" s="1" t="s">
        <v>25317</v>
      </c>
      <c r="D8806" s="2">
        <v>161634</v>
      </c>
      <c r="E8806" s="1" t="s">
        <v>0</v>
      </c>
    </row>
    <row r="8807" spans="1:5" x14ac:dyDescent="0.25">
      <c r="A8807" s="2">
        <v>1761</v>
      </c>
      <c r="B8807" s="2">
        <v>1761</v>
      </c>
      <c r="C8807" s="1" t="s">
        <v>0</v>
      </c>
      <c r="D8807" s="2">
        <v>161635</v>
      </c>
      <c r="E8807" s="1" t="s">
        <v>0</v>
      </c>
    </row>
    <row r="8808" spans="1:5" x14ac:dyDescent="0.25">
      <c r="A8808" s="1" t="s">
        <v>1627</v>
      </c>
      <c r="B8808" s="1" t="s">
        <v>7527</v>
      </c>
      <c r="C8808" s="1" t="s">
        <v>25318</v>
      </c>
      <c r="D8808" s="2">
        <v>161636</v>
      </c>
      <c r="E8808" s="1" t="s">
        <v>0</v>
      </c>
    </row>
    <row r="8809" spans="1:5" x14ac:dyDescent="0.25">
      <c r="A8809" s="1" t="s">
        <v>25319</v>
      </c>
      <c r="B8809" s="1" t="s">
        <v>7528</v>
      </c>
      <c r="C8809" s="1" t="s">
        <v>25320</v>
      </c>
      <c r="D8809" s="2">
        <v>161637</v>
      </c>
      <c r="E8809" s="1" t="s">
        <v>0</v>
      </c>
    </row>
    <row r="8810" spans="1:5" ht="409.5" x14ac:dyDescent="0.25">
      <c r="A8810" s="4" t="s">
        <v>25321</v>
      </c>
      <c r="B8810" s="1" t="s">
        <v>7529</v>
      </c>
      <c r="C8810" s="1" t="s">
        <v>25322</v>
      </c>
      <c r="D8810" s="2">
        <v>161638</v>
      </c>
      <c r="E8810" s="1" t="s">
        <v>0</v>
      </c>
    </row>
    <row r="8811" spans="1:5" x14ac:dyDescent="0.25">
      <c r="A8811" s="1" t="s">
        <v>25323</v>
      </c>
      <c r="B8811" s="1" t="s">
        <v>7530</v>
      </c>
      <c r="C8811" s="1" t="s">
        <v>25324</v>
      </c>
      <c r="D8811" s="2">
        <v>161639</v>
      </c>
      <c r="E8811" s="1" t="s">
        <v>0</v>
      </c>
    </row>
    <row r="8812" spans="1:5" x14ac:dyDescent="0.25">
      <c r="A8812" s="2">
        <v>1762</v>
      </c>
      <c r="B8812" s="2">
        <v>1762</v>
      </c>
      <c r="C8812" s="1" t="s">
        <v>0</v>
      </c>
      <c r="D8812" s="2">
        <v>161640</v>
      </c>
      <c r="E8812" s="1" t="s">
        <v>0</v>
      </c>
    </row>
    <row r="8813" spans="1:5" x14ac:dyDescent="0.25">
      <c r="A8813" s="1" t="s">
        <v>1628</v>
      </c>
      <c r="B8813" s="1" t="s">
        <v>50625</v>
      </c>
      <c r="C8813" s="1" t="s">
        <v>25325</v>
      </c>
      <c r="D8813" s="2">
        <v>161641</v>
      </c>
      <c r="E8813" s="1" t="s">
        <v>0</v>
      </c>
    </row>
    <row r="8814" spans="1:5" x14ac:dyDescent="0.25">
      <c r="A8814" s="1" t="s">
        <v>25326</v>
      </c>
      <c r="B8814" s="1" t="s">
        <v>59922</v>
      </c>
      <c r="C8814" s="1" t="s">
        <v>25327</v>
      </c>
      <c r="D8814" s="2">
        <v>161642</v>
      </c>
      <c r="E8814" s="1" t="s">
        <v>0</v>
      </c>
    </row>
    <row r="8815" spans="1:5" ht="409.5" x14ac:dyDescent="0.25">
      <c r="A8815" s="4" t="s">
        <v>25328</v>
      </c>
      <c r="B8815" s="1" t="s">
        <v>59923</v>
      </c>
      <c r="C8815" s="1" t="s">
        <v>25329</v>
      </c>
      <c r="D8815" s="2">
        <v>161643</v>
      </c>
      <c r="E8815" s="1" t="s">
        <v>0</v>
      </c>
    </row>
    <row r="8816" spans="1:5" x14ac:dyDescent="0.25">
      <c r="A8816" s="1" t="s">
        <v>25330</v>
      </c>
      <c r="B8816" s="1" t="s">
        <v>53014</v>
      </c>
      <c r="C8816" s="1" t="s">
        <v>25331</v>
      </c>
      <c r="D8816" s="2">
        <v>161644</v>
      </c>
      <c r="E8816" s="1" t="s">
        <v>0</v>
      </c>
    </row>
    <row r="8817" spans="1:5" x14ac:dyDescent="0.25">
      <c r="A8817" s="2">
        <v>1763</v>
      </c>
      <c r="B8817" s="2">
        <v>1763</v>
      </c>
      <c r="C8817" s="1" t="s">
        <v>0</v>
      </c>
      <c r="D8817" s="2">
        <v>161645</v>
      </c>
      <c r="E8817" s="1" t="s">
        <v>0</v>
      </c>
    </row>
    <row r="8818" spans="1:5" x14ac:dyDescent="0.25">
      <c r="A8818" s="1" t="s">
        <v>1629</v>
      </c>
      <c r="B8818" s="1" t="s">
        <v>7531</v>
      </c>
      <c r="C8818" s="1" t="s">
        <v>25332</v>
      </c>
      <c r="D8818" s="2">
        <v>161646</v>
      </c>
      <c r="E8818" s="1" t="s">
        <v>0</v>
      </c>
    </row>
    <row r="8819" spans="1:5" x14ac:dyDescent="0.25">
      <c r="A8819" s="1" t="s">
        <v>25333</v>
      </c>
      <c r="B8819" s="1" t="s">
        <v>53015</v>
      </c>
      <c r="C8819" s="1" t="s">
        <v>25334</v>
      </c>
      <c r="D8819" s="2">
        <v>161647</v>
      </c>
      <c r="E8819" s="1" t="s">
        <v>0</v>
      </c>
    </row>
    <row r="8820" spans="1:5" ht="409.5" x14ac:dyDescent="0.25">
      <c r="A8820" s="4" t="s">
        <v>25335</v>
      </c>
      <c r="B8820" s="1" t="s">
        <v>57024</v>
      </c>
      <c r="C8820" s="1" t="s">
        <v>25336</v>
      </c>
      <c r="D8820" s="2">
        <v>161648</v>
      </c>
      <c r="E8820" s="1" t="s">
        <v>0</v>
      </c>
    </row>
    <row r="8821" spans="1:5" x14ac:dyDescent="0.25">
      <c r="A8821" s="1" t="s">
        <v>25337</v>
      </c>
      <c r="B8821" s="1" t="s">
        <v>7532</v>
      </c>
      <c r="C8821" s="1" t="s">
        <v>25338</v>
      </c>
      <c r="D8821" s="2">
        <v>161649</v>
      </c>
      <c r="E8821" s="1" t="s">
        <v>0</v>
      </c>
    </row>
    <row r="8822" spans="1:5" x14ac:dyDescent="0.25">
      <c r="A8822" s="2">
        <v>1764</v>
      </c>
      <c r="B8822" s="2">
        <v>1764</v>
      </c>
      <c r="C8822" s="1" t="s">
        <v>0</v>
      </c>
      <c r="D8822" s="2">
        <v>161650</v>
      </c>
      <c r="E8822" s="1" t="s">
        <v>0</v>
      </c>
    </row>
    <row r="8823" spans="1:5" x14ac:dyDescent="0.25">
      <c r="A8823" s="1" t="s">
        <v>1630</v>
      </c>
      <c r="B8823" s="1" t="s">
        <v>7533</v>
      </c>
      <c r="C8823" s="1" t="s">
        <v>21787</v>
      </c>
      <c r="D8823" s="2">
        <v>161651</v>
      </c>
      <c r="E8823" s="1" t="s">
        <v>0</v>
      </c>
    </row>
    <row r="8824" spans="1:5" x14ac:dyDescent="0.25">
      <c r="A8824" s="1" t="s">
        <v>25339</v>
      </c>
      <c r="B8824" s="1" t="s">
        <v>62330</v>
      </c>
      <c r="C8824" s="1" t="s">
        <v>25340</v>
      </c>
      <c r="D8824" s="2">
        <v>161652</v>
      </c>
      <c r="E8824" s="1" t="s">
        <v>0</v>
      </c>
    </row>
    <row r="8825" spans="1:5" ht="409.5" x14ac:dyDescent="0.25">
      <c r="A8825" s="4" t="s">
        <v>25341</v>
      </c>
      <c r="B8825" s="1" t="s">
        <v>62331</v>
      </c>
      <c r="C8825" s="1" t="s">
        <v>25342</v>
      </c>
      <c r="D8825" s="2">
        <v>161653</v>
      </c>
      <c r="E8825" s="1" t="s">
        <v>0</v>
      </c>
    </row>
    <row r="8826" spans="1:5" x14ac:dyDescent="0.25">
      <c r="A8826" s="1" t="s">
        <v>25343</v>
      </c>
      <c r="B8826" s="1" t="s">
        <v>61057</v>
      </c>
      <c r="C8826" s="1" t="s">
        <v>25344</v>
      </c>
      <c r="D8826" s="2">
        <v>161654</v>
      </c>
      <c r="E8826" s="1" t="s">
        <v>0</v>
      </c>
    </row>
    <row r="8827" spans="1:5" x14ac:dyDescent="0.25">
      <c r="A8827" s="2">
        <v>1765</v>
      </c>
      <c r="B8827" s="2">
        <v>1765</v>
      </c>
      <c r="C8827" s="1" t="s">
        <v>0</v>
      </c>
      <c r="D8827" s="2">
        <v>161655</v>
      </c>
      <c r="E8827" s="1" t="s">
        <v>0</v>
      </c>
    </row>
    <row r="8828" spans="1:5" x14ac:dyDescent="0.25">
      <c r="A8828" s="1" t="s">
        <v>1631</v>
      </c>
      <c r="B8828" s="1" t="s">
        <v>7534</v>
      </c>
      <c r="C8828" s="1" t="s">
        <v>25345</v>
      </c>
      <c r="D8828" s="2">
        <v>161656</v>
      </c>
      <c r="E8828" s="1" t="s">
        <v>0</v>
      </c>
    </row>
    <row r="8829" spans="1:5" x14ac:dyDescent="0.25">
      <c r="A8829" s="1" t="s">
        <v>25346</v>
      </c>
      <c r="B8829" s="1" t="s">
        <v>7535</v>
      </c>
      <c r="C8829" s="1" t="s">
        <v>25347</v>
      </c>
      <c r="D8829" s="2">
        <v>161657</v>
      </c>
      <c r="E8829" s="1" t="s">
        <v>0</v>
      </c>
    </row>
    <row r="8830" spans="1:5" ht="409.5" x14ac:dyDescent="0.25">
      <c r="A8830" s="4" t="s">
        <v>25348</v>
      </c>
      <c r="B8830" s="1" t="s">
        <v>7536</v>
      </c>
      <c r="C8830" s="1" t="s">
        <v>25349</v>
      </c>
      <c r="D8830" s="2">
        <v>161658</v>
      </c>
      <c r="E8830" s="1" t="s">
        <v>0</v>
      </c>
    </row>
    <row r="8831" spans="1:5" x14ac:dyDescent="0.25">
      <c r="A8831" s="1" t="s">
        <v>25350</v>
      </c>
      <c r="B8831" s="1" t="s">
        <v>53016</v>
      </c>
      <c r="C8831" s="1" t="s">
        <v>25351</v>
      </c>
      <c r="D8831" s="2">
        <v>161659</v>
      </c>
      <c r="E8831" s="1" t="s">
        <v>0</v>
      </c>
    </row>
    <row r="8832" spans="1:5" x14ac:dyDescent="0.25">
      <c r="A8832" s="2">
        <v>1766</v>
      </c>
      <c r="B8832" s="2">
        <v>1766</v>
      </c>
      <c r="C8832" s="1" t="s">
        <v>0</v>
      </c>
      <c r="D8832" s="2">
        <v>161660</v>
      </c>
      <c r="E8832" s="1" t="s">
        <v>0</v>
      </c>
    </row>
    <row r="8833" spans="1:5" x14ac:dyDescent="0.25">
      <c r="A8833" s="1" t="s">
        <v>1632</v>
      </c>
      <c r="B8833" s="1" t="s">
        <v>7537</v>
      </c>
      <c r="C8833" s="1" t="s">
        <v>25352</v>
      </c>
      <c r="D8833" s="2">
        <v>161661</v>
      </c>
      <c r="E8833" s="1" t="s">
        <v>0</v>
      </c>
    </row>
    <row r="8834" spans="1:5" x14ac:dyDescent="0.25">
      <c r="A8834" s="1" t="s">
        <v>25353</v>
      </c>
      <c r="B8834" s="1" t="s">
        <v>53017</v>
      </c>
      <c r="C8834" s="1" t="s">
        <v>25354</v>
      </c>
      <c r="D8834" s="2">
        <v>161662</v>
      </c>
      <c r="E8834" s="1" t="s">
        <v>0</v>
      </c>
    </row>
    <row r="8835" spans="1:5" ht="409.5" x14ac:dyDescent="0.25">
      <c r="A8835" s="4" t="s">
        <v>25355</v>
      </c>
      <c r="B8835" s="1" t="s">
        <v>53018</v>
      </c>
      <c r="C8835" s="1" t="s">
        <v>25356</v>
      </c>
      <c r="D8835" s="2">
        <v>161663</v>
      </c>
      <c r="E8835" s="1" t="s">
        <v>0</v>
      </c>
    </row>
    <row r="8836" spans="1:5" x14ac:dyDescent="0.25">
      <c r="A8836" s="1" t="s">
        <v>25357</v>
      </c>
      <c r="B8836" s="1" t="s">
        <v>7538</v>
      </c>
      <c r="C8836" s="1" t="s">
        <v>25358</v>
      </c>
      <c r="D8836" s="2">
        <v>161664</v>
      </c>
      <c r="E8836" s="1" t="s">
        <v>0</v>
      </c>
    </row>
    <row r="8837" spans="1:5" x14ac:dyDescent="0.25">
      <c r="A8837" s="2">
        <v>1767</v>
      </c>
      <c r="B8837" s="2">
        <v>1767</v>
      </c>
      <c r="C8837" s="1" t="s">
        <v>0</v>
      </c>
      <c r="D8837" s="2">
        <v>161665</v>
      </c>
      <c r="E8837" s="1" t="s">
        <v>0</v>
      </c>
    </row>
    <row r="8838" spans="1:5" x14ac:dyDescent="0.25">
      <c r="A8838" s="1" t="s">
        <v>1633</v>
      </c>
      <c r="B8838" s="1" t="s">
        <v>7539</v>
      </c>
      <c r="C8838" s="1" t="s">
        <v>25359</v>
      </c>
      <c r="D8838" s="2">
        <v>161666</v>
      </c>
      <c r="E8838" s="1" t="s">
        <v>0</v>
      </c>
    </row>
    <row r="8839" spans="1:5" x14ac:dyDescent="0.25">
      <c r="A8839" s="1" t="s">
        <v>64111</v>
      </c>
      <c r="B8839" s="1" t="s">
        <v>53019</v>
      </c>
      <c r="C8839" s="1" t="s">
        <v>25360</v>
      </c>
      <c r="D8839" s="2">
        <v>161667</v>
      </c>
      <c r="E8839" s="1" t="s">
        <v>0</v>
      </c>
    </row>
    <row r="8840" spans="1:5" ht="409.5" x14ac:dyDescent="0.25">
      <c r="A8840" s="4" t="s">
        <v>64112</v>
      </c>
      <c r="B8840" s="1" t="s">
        <v>59924</v>
      </c>
      <c r="C8840" s="1" t="s">
        <v>25361</v>
      </c>
      <c r="D8840" s="2">
        <v>161668</v>
      </c>
      <c r="E8840" s="1" t="s">
        <v>0</v>
      </c>
    </row>
    <row r="8841" spans="1:5" x14ac:dyDescent="0.25">
      <c r="A8841" s="1" t="s">
        <v>25362</v>
      </c>
      <c r="B8841" s="1" t="s">
        <v>7540</v>
      </c>
      <c r="C8841" s="1" t="s">
        <v>25363</v>
      </c>
      <c r="D8841" s="2">
        <v>161669</v>
      </c>
      <c r="E8841" s="1" t="s">
        <v>0</v>
      </c>
    </row>
    <row r="8842" spans="1:5" x14ac:dyDescent="0.25">
      <c r="A8842" s="2">
        <v>1768</v>
      </c>
      <c r="B8842" s="2">
        <v>1768</v>
      </c>
      <c r="C8842" s="1" t="s">
        <v>0</v>
      </c>
      <c r="D8842" s="2">
        <v>161670</v>
      </c>
      <c r="E8842" s="1" t="s">
        <v>0</v>
      </c>
    </row>
    <row r="8843" spans="1:5" x14ac:dyDescent="0.25">
      <c r="A8843" s="1" t="s">
        <v>1634</v>
      </c>
      <c r="B8843" s="1" t="s">
        <v>7541</v>
      </c>
      <c r="C8843" s="1" t="s">
        <v>25364</v>
      </c>
      <c r="D8843" s="2">
        <v>161671</v>
      </c>
      <c r="E8843" s="1" t="s">
        <v>0</v>
      </c>
    </row>
    <row r="8844" spans="1:5" x14ac:dyDescent="0.25">
      <c r="A8844" s="1" t="s">
        <v>25365</v>
      </c>
      <c r="B8844" s="1" t="s">
        <v>7542</v>
      </c>
      <c r="C8844" s="1" t="s">
        <v>25366</v>
      </c>
      <c r="D8844" s="2">
        <v>161672</v>
      </c>
      <c r="E8844" s="1" t="s">
        <v>0</v>
      </c>
    </row>
    <row r="8845" spans="1:5" ht="409.5" x14ac:dyDescent="0.25">
      <c r="A8845" s="4" t="s">
        <v>25367</v>
      </c>
      <c r="B8845" s="1" t="s">
        <v>53020</v>
      </c>
      <c r="C8845" s="1" t="s">
        <v>25368</v>
      </c>
      <c r="D8845" s="2">
        <v>161673</v>
      </c>
      <c r="E8845" s="1" t="s">
        <v>0</v>
      </c>
    </row>
    <row r="8846" spans="1:5" x14ac:dyDescent="0.25">
      <c r="A8846" s="1" t="s">
        <v>25369</v>
      </c>
      <c r="B8846" s="1" t="s">
        <v>7543</v>
      </c>
      <c r="C8846" s="1" t="s">
        <v>25370</v>
      </c>
      <c r="D8846" s="2">
        <v>161674</v>
      </c>
      <c r="E8846" s="1" t="s">
        <v>0</v>
      </c>
    </row>
    <row r="8847" spans="1:5" x14ac:dyDescent="0.25">
      <c r="A8847" s="2">
        <v>1769</v>
      </c>
      <c r="B8847" s="2">
        <v>1769</v>
      </c>
      <c r="C8847" s="1" t="s">
        <v>0</v>
      </c>
      <c r="D8847" s="2">
        <v>161675</v>
      </c>
      <c r="E8847" s="1" t="s">
        <v>0</v>
      </c>
    </row>
    <row r="8848" spans="1:5" x14ac:dyDescent="0.25">
      <c r="A8848" s="1" t="s">
        <v>1635</v>
      </c>
      <c r="B8848" s="1" t="s">
        <v>7544</v>
      </c>
      <c r="C8848" s="1" t="s">
        <v>25371</v>
      </c>
      <c r="D8848" s="2">
        <v>161676</v>
      </c>
      <c r="E8848" s="1" t="s">
        <v>0</v>
      </c>
    </row>
    <row r="8849" spans="1:5" x14ac:dyDescent="0.25">
      <c r="A8849" s="1" t="s">
        <v>25372</v>
      </c>
      <c r="B8849" s="1" t="s">
        <v>53021</v>
      </c>
      <c r="C8849" s="1" t="s">
        <v>25373</v>
      </c>
      <c r="D8849" s="2">
        <v>161677</v>
      </c>
      <c r="E8849" s="1" t="s">
        <v>0</v>
      </c>
    </row>
    <row r="8850" spans="1:5" ht="409.5" x14ac:dyDescent="0.25">
      <c r="A8850" s="4" t="s">
        <v>25374</v>
      </c>
      <c r="B8850" s="1" t="s">
        <v>57476</v>
      </c>
      <c r="C8850" s="1" t="s">
        <v>25375</v>
      </c>
      <c r="D8850" s="2">
        <v>161678</v>
      </c>
      <c r="E8850" s="1" t="s">
        <v>0</v>
      </c>
    </row>
    <row r="8851" spans="1:5" x14ac:dyDescent="0.25">
      <c r="A8851" s="1" t="s">
        <v>25376</v>
      </c>
      <c r="B8851" s="1" t="s">
        <v>53022</v>
      </c>
      <c r="C8851" s="1" t="s">
        <v>25377</v>
      </c>
      <c r="D8851" s="2">
        <v>161679</v>
      </c>
      <c r="E8851" s="1" t="s">
        <v>0</v>
      </c>
    </row>
    <row r="8852" spans="1:5" x14ac:dyDescent="0.25">
      <c r="A8852" s="2">
        <v>1770</v>
      </c>
      <c r="B8852" s="2">
        <v>1770</v>
      </c>
      <c r="C8852" s="1" t="s">
        <v>0</v>
      </c>
      <c r="D8852" s="2">
        <v>161680</v>
      </c>
      <c r="E8852" s="1" t="s">
        <v>0</v>
      </c>
    </row>
    <row r="8853" spans="1:5" x14ac:dyDescent="0.25">
      <c r="A8853" s="1" t="s">
        <v>1636</v>
      </c>
      <c r="B8853" s="1" t="s">
        <v>7545</v>
      </c>
      <c r="C8853" s="1" t="s">
        <v>25378</v>
      </c>
      <c r="D8853" s="2">
        <v>161681</v>
      </c>
      <c r="E8853" s="1" t="s">
        <v>0</v>
      </c>
    </row>
    <row r="8854" spans="1:5" x14ac:dyDescent="0.25">
      <c r="A8854" s="1" t="s">
        <v>25379</v>
      </c>
      <c r="B8854" s="1" t="s">
        <v>53023</v>
      </c>
      <c r="C8854" s="1" t="s">
        <v>25380</v>
      </c>
      <c r="D8854" s="2">
        <v>161682</v>
      </c>
      <c r="E8854" s="1" t="s">
        <v>0</v>
      </c>
    </row>
    <row r="8855" spans="1:5" ht="409.5" x14ac:dyDescent="0.25">
      <c r="A8855" s="4" t="s">
        <v>25381</v>
      </c>
      <c r="B8855" s="1" t="s">
        <v>63292</v>
      </c>
      <c r="C8855" s="1" t="s">
        <v>25382</v>
      </c>
      <c r="D8855" s="2">
        <v>161683</v>
      </c>
      <c r="E8855" s="1" t="s">
        <v>0</v>
      </c>
    </row>
    <row r="8856" spans="1:5" x14ac:dyDescent="0.25">
      <c r="A8856" s="1" t="s">
        <v>25383</v>
      </c>
      <c r="B8856" s="1" t="s">
        <v>7546</v>
      </c>
      <c r="C8856" s="1" t="s">
        <v>25384</v>
      </c>
      <c r="D8856" s="2">
        <v>161684</v>
      </c>
      <c r="E8856" s="1" t="s">
        <v>0</v>
      </c>
    </row>
    <row r="8857" spans="1:5" x14ac:dyDescent="0.25">
      <c r="A8857" s="2">
        <v>1771</v>
      </c>
      <c r="B8857" s="2">
        <v>1771</v>
      </c>
      <c r="C8857" s="1" t="s">
        <v>0</v>
      </c>
      <c r="D8857" s="2">
        <v>161685</v>
      </c>
      <c r="E8857" s="1" t="s">
        <v>0</v>
      </c>
    </row>
    <row r="8858" spans="1:5" x14ac:dyDescent="0.25">
      <c r="A8858" s="1" t="s">
        <v>13078</v>
      </c>
      <c r="B8858" s="1" t="s">
        <v>7547</v>
      </c>
      <c r="C8858" s="1" t="s">
        <v>25385</v>
      </c>
      <c r="D8858" s="2">
        <v>161686</v>
      </c>
      <c r="E8858" s="1" t="s">
        <v>0</v>
      </c>
    </row>
    <row r="8859" spans="1:5" x14ac:dyDescent="0.25">
      <c r="A8859" s="1" t="s">
        <v>25386</v>
      </c>
      <c r="B8859" s="1" t="s">
        <v>53024</v>
      </c>
      <c r="C8859" s="1" t="s">
        <v>25387</v>
      </c>
      <c r="D8859" s="2">
        <v>161687</v>
      </c>
      <c r="E8859" s="1" t="s">
        <v>0</v>
      </c>
    </row>
    <row r="8860" spans="1:5" ht="409.5" x14ac:dyDescent="0.25">
      <c r="A8860" s="4" t="s">
        <v>25388</v>
      </c>
      <c r="B8860" s="1" t="s">
        <v>53025</v>
      </c>
      <c r="C8860" s="1" t="s">
        <v>25389</v>
      </c>
      <c r="D8860" s="2">
        <v>161688</v>
      </c>
      <c r="E8860" s="1" t="s">
        <v>0</v>
      </c>
    </row>
    <row r="8861" spans="1:5" x14ac:dyDescent="0.25">
      <c r="A8861" s="1" t="s">
        <v>25390</v>
      </c>
      <c r="B8861" s="1" t="s">
        <v>53026</v>
      </c>
      <c r="C8861" s="1" t="s">
        <v>25391</v>
      </c>
      <c r="D8861" s="2">
        <v>161689</v>
      </c>
      <c r="E8861" s="1" t="s">
        <v>0</v>
      </c>
    </row>
    <row r="8862" spans="1:5" x14ac:dyDescent="0.25">
      <c r="A8862" s="2">
        <v>1772</v>
      </c>
      <c r="B8862" s="2">
        <v>1772</v>
      </c>
      <c r="C8862" s="1" t="s">
        <v>0</v>
      </c>
      <c r="D8862" s="2">
        <v>161690</v>
      </c>
      <c r="E8862" s="1" t="s">
        <v>0</v>
      </c>
    </row>
    <row r="8863" spans="1:5" x14ac:dyDescent="0.25">
      <c r="A8863" s="1" t="s">
        <v>1637</v>
      </c>
      <c r="B8863" s="1" t="s">
        <v>53027</v>
      </c>
      <c r="C8863" s="1" t="s">
        <v>25392</v>
      </c>
      <c r="D8863" s="2">
        <v>161691</v>
      </c>
      <c r="E8863" s="1" t="s">
        <v>0</v>
      </c>
    </row>
    <row r="8864" spans="1:5" x14ac:dyDescent="0.25">
      <c r="A8864" s="1" t="s">
        <v>25393</v>
      </c>
      <c r="B8864" s="1" t="s">
        <v>62332</v>
      </c>
      <c r="C8864" s="1" t="s">
        <v>25394</v>
      </c>
      <c r="D8864" s="2">
        <v>161692</v>
      </c>
      <c r="E8864" s="1" t="s">
        <v>0</v>
      </c>
    </row>
    <row r="8865" spans="1:5" ht="409.5" x14ac:dyDescent="0.25">
      <c r="A8865" s="4" t="s">
        <v>25395</v>
      </c>
      <c r="B8865" s="1" t="s">
        <v>62333</v>
      </c>
      <c r="C8865" s="1" t="s">
        <v>25396</v>
      </c>
      <c r="D8865" s="2">
        <v>161693</v>
      </c>
      <c r="E8865" s="1" t="s">
        <v>0</v>
      </c>
    </row>
    <row r="8866" spans="1:5" x14ac:dyDescent="0.25">
      <c r="A8866" s="1" t="s">
        <v>25397</v>
      </c>
      <c r="B8866" s="1" t="s">
        <v>7548</v>
      </c>
      <c r="C8866" s="1" t="s">
        <v>25398</v>
      </c>
      <c r="D8866" s="2">
        <v>161694</v>
      </c>
      <c r="E8866" s="1" t="s">
        <v>0</v>
      </c>
    </row>
    <row r="8867" spans="1:5" x14ac:dyDescent="0.25">
      <c r="A8867" s="2">
        <v>1773</v>
      </c>
      <c r="B8867" s="2">
        <v>1773</v>
      </c>
      <c r="C8867" s="1" t="s">
        <v>0</v>
      </c>
      <c r="D8867" s="2">
        <v>161695</v>
      </c>
      <c r="E8867" s="1" t="s">
        <v>0</v>
      </c>
    </row>
    <row r="8868" spans="1:5" x14ac:dyDescent="0.25">
      <c r="A8868" s="1" t="s">
        <v>1638</v>
      </c>
      <c r="B8868" s="1" t="s">
        <v>7549</v>
      </c>
      <c r="C8868" s="1" t="s">
        <v>25399</v>
      </c>
      <c r="D8868" s="2">
        <v>161696</v>
      </c>
      <c r="E8868" s="1" t="s">
        <v>0</v>
      </c>
    </row>
    <row r="8869" spans="1:5" x14ac:dyDescent="0.25">
      <c r="A8869" s="1" t="s">
        <v>25400</v>
      </c>
      <c r="B8869" s="1" t="s">
        <v>63293</v>
      </c>
      <c r="C8869" s="1" t="s">
        <v>25401</v>
      </c>
      <c r="D8869" s="2">
        <v>161697</v>
      </c>
      <c r="E8869" s="1" t="s">
        <v>0</v>
      </c>
    </row>
    <row r="8870" spans="1:5" ht="409.5" x14ac:dyDescent="0.25">
      <c r="A8870" s="4" t="s">
        <v>25402</v>
      </c>
      <c r="B8870" s="1" t="s">
        <v>63294</v>
      </c>
      <c r="C8870" s="1" t="s">
        <v>25403</v>
      </c>
      <c r="D8870" s="2">
        <v>161698</v>
      </c>
      <c r="E8870" s="1" t="s">
        <v>0</v>
      </c>
    </row>
    <row r="8871" spans="1:5" x14ac:dyDescent="0.25">
      <c r="A8871" s="1" t="s">
        <v>25404</v>
      </c>
      <c r="B8871" s="1" t="s">
        <v>53028</v>
      </c>
      <c r="C8871" s="1" t="s">
        <v>25405</v>
      </c>
      <c r="D8871" s="2">
        <v>161699</v>
      </c>
      <c r="E8871" s="1" t="s">
        <v>0</v>
      </c>
    </row>
    <row r="8872" spans="1:5" x14ac:dyDescent="0.25">
      <c r="A8872" s="2">
        <v>1774</v>
      </c>
      <c r="B8872" s="2">
        <v>1774</v>
      </c>
      <c r="C8872" s="1" t="s">
        <v>0</v>
      </c>
      <c r="D8872" s="2">
        <v>161700</v>
      </c>
      <c r="E8872" s="1" t="s">
        <v>0</v>
      </c>
    </row>
    <row r="8873" spans="1:5" x14ac:dyDescent="0.25">
      <c r="A8873" s="1" t="s">
        <v>1639</v>
      </c>
      <c r="B8873" s="1" t="s">
        <v>53029</v>
      </c>
      <c r="C8873" s="1" t="s">
        <v>25406</v>
      </c>
      <c r="D8873" s="2">
        <v>161701</v>
      </c>
      <c r="E8873" s="1" t="s">
        <v>0</v>
      </c>
    </row>
    <row r="8874" spans="1:5" x14ac:dyDescent="0.25">
      <c r="A8874" s="1" t="s">
        <v>25407</v>
      </c>
      <c r="B8874" s="1" t="s">
        <v>53030</v>
      </c>
      <c r="C8874" s="1" t="s">
        <v>25408</v>
      </c>
      <c r="D8874" s="2">
        <v>161702</v>
      </c>
      <c r="E8874" s="1" t="s">
        <v>0</v>
      </c>
    </row>
    <row r="8875" spans="1:5" ht="409.5" x14ac:dyDescent="0.25">
      <c r="A8875" s="4" t="s">
        <v>25409</v>
      </c>
      <c r="B8875" s="1" t="s">
        <v>53031</v>
      </c>
      <c r="C8875" s="1" t="s">
        <v>25410</v>
      </c>
      <c r="D8875" s="2">
        <v>161703</v>
      </c>
      <c r="E8875" s="1" t="s">
        <v>0</v>
      </c>
    </row>
    <row r="8876" spans="1:5" x14ac:dyDescent="0.25">
      <c r="A8876" s="1" t="s">
        <v>25411</v>
      </c>
      <c r="B8876" s="1" t="s">
        <v>50626</v>
      </c>
      <c r="C8876" s="1" t="s">
        <v>25412</v>
      </c>
      <c r="D8876" s="2">
        <v>161704</v>
      </c>
      <c r="E8876" s="1" t="s">
        <v>0</v>
      </c>
    </row>
    <row r="8877" spans="1:5" x14ac:dyDescent="0.25">
      <c r="A8877" s="2">
        <v>1775</v>
      </c>
      <c r="B8877" s="2">
        <v>1775</v>
      </c>
      <c r="C8877" s="1" t="s">
        <v>0</v>
      </c>
      <c r="D8877" s="2">
        <v>161705</v>
      </c>
      <c r="E8877" s="1" t="s">
        <v>0</v>
      </c>
    </row>
    <row r="8878" spans="1:5" x14ac:dyDescent="0.25">
      <c r="A8878" s="1" t="s">
        <v>7550</v>
      </c>
      <c r="B8878" s="1" t="s">
        <v>53032</v>
      </c>
      <c r="C8878" s="1" t="s">
        <v>25413</v>
      </c>
      <c r="D8878" s="2">
        <v>161706</v>
      </c>
      <c r="E8878" s="1" t="s">
        <v>0</v>
      </c>
    </row>
    <row r="8879" spans="1:5" x14ac:dyDescent="0.25">
      <c r="A8879" s="1" t="s">
        <v>25414</v>
      </c>
      <c r="B8879" s="1" t="s">
        <v>57477</v>
      </c>
      <c r="C8879" s="1" t="s">
        <v>25415</v>
      </c>
      <c r="D8879" s="2">
        <v>161707</v>
      </c>
      <c r="E8879" s="1" t="s">
        <v>0</v>
      </c>
    </row>
    <row r="8880" spans="1:5" ht="409.5" x14ac:dyDescent="0.25">
      <c r="A8880" s="4" t="s">
        <v>25416</v>
      </c>
      <c r="B8880" s="1" t="s">
        <v>57478</v>
      </c>
      <c r="C8880" s="1" t="s">
        <v>25417</v>
      </c>
      <c r="D8880" s="2">
        <v>161708</v>
      </c>
      <c r="E8880" s="1" t="s">
        <v>0</v>
      </c>
    </row>
    <row r="8881" spans="1:5" x14ac:dyDescent="0.25">
      <c r="A8881" s="1" t="s">
        <v>25418</v>
      </c>
      <c r="B8881" s="1" t="s">
        <v>53033</v>
      </c>
      <c r="C8881" s="1" t="s">
        <v>25419</v>
      </c>
      <c r="D8881" s="2">
        <v>161709</v>
      </c>
      <c r="E8881" s="1" t="s">
        <v>0</v>
      </c>
    </row>
    <row r="8882" spans="1:5" x14ac:dyDescent="0.25">
      <c r="A8882" s="2">
        <v>1776</v>
      </c>
      <c r="B8882" s="2">
        <v>1776</v>
      </c>
      <c r="C8882" s="1" t="s">
        <v>0</v>
      </c>
      <c r="D8882" s="2">
        <v>161710</v>
      </c>
      <c r="E8882" s="1" t="s">
        <v>0</v>
      </c>
    </row>
    <row r="8883" spans="1:5" x14ac:dyDescent="0.25">
      <c r="A8883" s="1" t="s">
        <v>1640</v>
      </c>
      <c r="B8883" s="1" t="s">
        <v>50627</v>
      </c>
      <c r="C8883" s="1" t="s">
        <v>25420</v>
      </c>
      <c r="D8883" s="2">
        <v>161711</v>
      </c>
      <c r="E8883" s="1" t="s">
        <v>0</v>
      </c>
    </row>
    <row r="8884" spans="1:5" x14ac:dyDescent="0.25">
      <c r="A8884" s="1" t="s">
        <v>25421</v>
      </c>
      <c r="B8884" s="1" t="s">
        <v>53034</v>
      </c>
      <c r="C8884" s="1" t="s">
        <v>25422</v>
      </c>
      <c r="D8884" s="2">
        <v>161712</v>
      </c>
      <c r="E8884" s="1" t="s">
        <v>0</v>
      </c>
    </row>
    <row r="8885" spans="1:5" ht="409.5" x14ac:dyDescent="0.25">
      <c r="A8885" s="4" t="s">
        <v>25423</v>
      </c>
      <c r="B8885" s="1" t="s">
        <v>63671</v>
      </c>
      <c r="C8885" s="1" t="s">
        <v>25424</v>
      </c>
      <c r="D8885" s="2">
        <v>161713</v>
      </c>
      <c r="E8885" s="1" t="s">
        <v>0</v>
      </c>
    </row>
    <row r="8886" spans="1:5" x14ac:dyDescent="0.25">
      <c r="A8886" s="1" t="s">
        <v>25425</v>
      </c>
      <c r="B8886" s="1" t="s">
        <v>57188</v>
      </c>
      <c r="C8886" s="1" t="s">
        <v>25426</v>
      </c>
      <c r="D8886" s="2">
        <v>161714</v>
      </c>
      <c r="E8886" s="1" t="s">
        <v>0</v>
      </c>
    </row>
    <row r="8887" spans="1:5" x14ac:dyDescent="0.25">
      <c r="A8887" s="2">
        <v>1777</v>
      </c>
      <c r="B8887" s="2">
        <v>1777</v>
      </c>
      <c r="C8887" s="1" t="s">
        <v>0</v>
      </c>
      <c r="D8887" s="2">
        <v>161715</v>
      </c>
      <c r="E8887" s="1" t="s">
        <v>0</v>
      </c>
    </row>
    <row r="8888" spans="1:5" x14ac:dyDescent="0.25">
      <c r="A8888" s="1" t="s">
        <v>1641</v>
      </c>
      <c r="B8888" s="1" t="s">
        <v>7551</v>
      </c>
      <c r="C8888" s="1" t="s">
        <v>25427</v>
      </c>
      <c r="D8888" s="2">
        <v>161716</v>
      </c>
      <c r="E8888" s="1" t="s">
        <v>0</v>
      </c>
    </row>
    <row r="8889" spans="1:5" x14ac:dyDescent="0.25">
      <c r="A8889" s="1" t="s">
        <v>25428</v>
      </c>
      <c r="B8889" s="1" t="s">
        <v>53035</v>
      </c>
      <c r="C8889" s="1" t="s">
        <v>25429</v>
      </c>
      <c r="D8889" s="2">
        <v>161717</v>
      </c>
      <c r="E8889" s="1" t="s">
        <v>0</v>
      </c>
    </row>
    <row r="8890" spans="1:5" ht="409.5" x14ac:dyDescent="0.25">
      <c r="A8890" s="4" t="s">
        <v>25430</v>
      </c>
      <c r="B8890" s="1" t="s">
        <v>59925</v>
      </c>
      <c r="C8890" s="1" t="s">
        <v>25431</v>
      </c>
      <c r="D8890" s="2">
        <v>161718</v>
      </c>
      <c r="E8890" s="1" t="s">
        <v>0</v>
      </c>
    </row>
    <row r="8891" spans="1:5" x14ac:dyDescent="0.25">
      <c r="A8891" s="1" t="s">
        <v>25432</v>
      </c>
      <c r="B8891" s="1" t="s">
        <v>7552</v>
      </c>
      <c r="C8891" s="1" t="s">
        <v>25433</v>
      </c>
      <c r="D8891" s="2">
        <v>161719</v>
      </c>
      <c r="E8891" s="1" t="s">
        <v>0</v>
      </c>
    </row>
    <row r="8892" spans="1:5" x14ac:dyDescent="0.25">
      <c r="A8892" s="2">
        <v>1778</v>
      </c>
      <c r="B8892" s="2">
        <v>1778</v>
      </c>
      <c r="C8892" s="1" t="s">
        <v>0</v>
      </c>
      <c r="D8892" s="2">
        <v>161720</v>
      </c>
      <c r="E8892" s="1" t="s">
        <v>0</v>
      </c>
    </row>
    <row r="8893" spans="1:5" x14ac:dyDescent="0.25">
      <c r="A8893" s="1" t="s">
        <v>1642</v>
      </c>
      <c r="B8893" s="1" t="s">
        <v>7553</v>
      </c>
      <c r="C8893" s="1" t="s">
        <v>25434</v>
      </c>
      <c r="D8893" s="2">
        <v>161721</v>
      </c>
      <c r="E8893" s="1" t="s">
        <v>0</v>
      </c>
    </row>
    <row r="8894" spans="1:5" x14ac:dyDescent="0.25">
      <c r="A8894" s="1" t="s">
        <v>25435</v>
      </c>
      <c r="B8894" s="1" t="s">
        <v>53036</v>
      </c>
      <c r="C8894" s="1" t="s">
        <v>25436</v>
      </c>
      <c r="D8894" s="2">
        <v>161722</v>
      </c>
      <c r="E8894" s="1" t="s">
        <v>0</v>
      </c>
    </row>
    <row r="8895" spans="1:5" ht="409.5" x14ac:dyDescent="0.25">
      <c r="A8895" s="4" t="s">
        <v>25437</v>
      </c>
      <c r="B8895" s="1" t="s">
        <v>53037</v>
      </c>
      <c r="C8895" s="1" t="s">
        <v>25438</v>
      </c>
      <c r="D8895" s="2">
        <v>161723</v>
      </c>
      <c r="E8895" s="1" t="s">
        <v>0</v>
      </c>
    </row>
    <row r="8896" spans="1:5" x14ac:dyDescent="0.25">
      <c r="A8896" s="1" t="s">
        <v>25439</v>
      </c>
      <c r="B8896" s="1" t="s">
        <v>53038</v>
      </c>
      <c r="C8896" s="1" t="s">
        <v>25440</v>
      </c>
      <c r="D8896" s="2">
        <v>161724</v>
      </c>
      <c r="E8896" s="1" t="s">
        <v>0</v>
      </c>
    </row>
    <row r="8897" spans="1:5" x14ac:dyDescent="0.25">
      <c r="A8897" s="2">
        <v>1779</v>
      </c>
      <c r="B8897" s="2">
        <v>1779</v>
      </c>
      <c r="C8897" s="1" t="s">
        <v>0</v>
      </c>
      <c r="D8897" s="2">
        <v>161725</v>
      </c>
      <c r="E8897" s="1" t="s">
        <v>0</v>
      </c>
    </row>
    <row r="8898" spans="1:5" x14ac:dyDescent="0.25">
      <c r="A8898" s="1" t="s">
        <v>1643</v>
      </c>
      <c r="B8898" s="1" t="s">
        <v>50628</v>
      </c>
      <c r="C8898" s="1" t="s">
        <v>25441</v>
      </c>
      <c r="D8898" s="2">
        <v>161726</v>
      </c>
      <c r="E8898" s="1" t="s">
        <v>0</v>
      </c>
    </row>
    <row r="8899" spans="1:5" x14ac:dyDescent="0.25">
      <c r="A8899" s="1" t="s">
        <v>25442</v>
      </c>
      <c r="B8899" s="1" t="s">
        <v>62334</v>
      </c>
      <c r="C8899" s="1" t="s">
        <v>25443</v>
      </c>
      <c r="D8899" s="2">
        <v>161727</v>
      </c>
      <c r="E8899" s="1" t="s">
        <v>0</v>
      </c>
    </row>
    <row r="8900" spans="1:5" ht="409.5" x14ac:dyDescent="0.25">
      <c r="A8900" s="4" t="s">
        <v>25444</v>
      </c>
      <c r="B8900" s="1" t="s">
        <v>62335</v>
      </c>
      <c r="C8900" s="1" t="s">
        <v>25445</v>
      </c>
      <c r="D8900" s="2">
        <v>161728</v>
      </c>
      <c r="E8900" s="1" t="s">
        <v>0</v>
      </c>
    </row>
    <row r="8901" spans="1:5" x14ac:dyDescent="0.25">
      <c r="A8901" s="1" t="s">
        <v>25446</v>
      </c>
      <c r="B8901" s="1" t="s">
        <v>50629</v>
      </c>
      <c r="C8901" s="1" t="s">
        <v>25447</v>
      </c>
      <c r="D8901" s="2">
        <v>161729</v>
      </c>
      <c r="E8901" s="1" t="s">
        <v>0</v>
      </c>
    </row>
    <row r="8902" spans="1:5" x14ac:dyDescent="0.25">
      <c r="A8902" s="2">
        <v>1780</v>
      </c>
      <c r="B8902" s="2">
        <v>1780</v>
      </c>
      <c r="C8902" s="1" t="s">
        <v>0</v>
      </c>
      <c r="D8902" s="2">
        <v>161730</v>
      </c>
      <c r="E8902" s="1" t="s">
        <v>0</v>
      </c>
    </row>
    <row r="8903" spans="1:5" x14ac:dyDescent="0.25">
      <c r="A8903" s="1" t="s">
        <v>1644</v>
      </c>
      <c r="B8903" s="1" t="s">
        <v>7554</v>
      </c>
      <c r="C8903" s="1" t="s">
        <v>25448</v>
      </c>
      <c r="D8903" s="2">
        <v>161731</v>
      </c>
      <c r="E8903" s="1" t="s">
        <v>0</v>
      </c>
    </row>
    <row r="8904" spans="1:5" x14ac:dyDescent="0.25">
      <c r="A8904" s="1" t="s">
        <v>25449</v>
      </c>
      <c r="B8904" s="1" t="s">
        <v>58313</v>
      </c>
      <c r="C8904" s="1" t="s">
        <v>25450</v>
      </c>
      <c r="D8904" s="2">
        <v>161732</v>
      </c>
      <c r="E8904" s="1" t="s">
        <v>0</v>
      </c>
    </row>
    <row r="8905" spans="1:5" ht="409.5" x14ac:dyDescent="0.25">
      <c r="A8905" s="4" t="s">
        <v>25451</v>
      </c>
      <c r="B8905" s="1" t="s">
        <v>58314</v>
      </c>
      <c r="C8905" s="1" t="s">
        <v>25452</v>
      </c>
      <c r="D8905" s="2">
        <v>161733</v>
      </c>
      <c r="E8905" s="1" t="s">
        <v>0</v>
      </c>
    </row>
    <row r="8906" spans="1:5" x14ac:dyDescent="0.25">
      <c r="A8906" s="1" t="s">
        <v>25453</v>
      </c>
      <c r="B8906" s="1" t="s">
        <v>53039</v>
      </c>
      <c r="C8906" s="1" t="s">
        <v>25454</v>
      </c>
      <c r="D8906" s="2">
        <v>161734</v>
      </c>
      <c r="E8906" s="1" t="s">
        <v>0</v>
      </c>
    </row>
    <row r="8907" spans="1:5" x14ac:dyDescent="0.25">
      <c r="A8907" s="2">
        <v>1781</v>
      </c>
      <c r="B8907" s="2">
        <v>1781</v>
      </c>
      <c r="C8907" s="1" t="s">
        <v>0</v>
      </c>
      <c r="D8907" s="2">
        <v>161735</v>
      </c>
      <c r="E8907" s="1" t="s">
        <v>0</v>
      </c>
    </row>
    <row r="8908" spans="1:5" x14ac:dyDescent="0.25">
      <c r="A8908" s="1" t="s">
        <v>1645</v>
      </c>
      <c r="B8908" s="1" t="s">
        <v>7555</v>
      </c>
      <c r="C8908" s="1" t="s">
        <v>25455</v>
      </c>
      <c r="D8908" s="2">
        <v>161736</v>
      </c>
      <c r="E8908" s="1" t="s">
        <v>0</v>
      </c>
    </row>
    <row r="8909" spans="1:5" x14ac:dyDescent="0.25">
      <c r="A8909" s="1" t="s">
        <v>25456</v>
      </c>
      <c r="B8909" s="1" t="s">
        <v>53040</v>
      </c>
      <c r="C8909" s="1" t="s">
        <v>25457</v>
      </c>
      <c r="D8909" s="2">
        <v>161737</v>
      </c>
      <c r="E8909" s="1" t="s">
        <v>0</v>
      </c>
    </row>
    <row r="8910" spans="1:5" ht="409.5" x14ac:dyDescent="0.25">
      <c r="A8910" s="4" t="s">
        <v>25458</v>
      </c>
      <c r="B8910" s="1" t="s">
        <v>61058</v>
      </c>
      <c r="C8910" s="1" t="s">
        <v>25459</v>
      </c>
      <c r="D8910" s="2">
        <v>161738</v>
      </c>
      <c r="E8910" s="1" t="s">
        <v>0</v>
      </c>
    </row>
    <row r="8911" spans="1:5" x14ac:dyDescent="0.25">
      <c r="A8911" s="1" t="s">
        <v>25460</v>
      </c>
      <c r="B8911" s="1" t="s">
        <v>53041</v>
      </c>
      <c r="C8911" s="1" t="s">
        <v>25461</v>
      </c>
      <c r="D8911" s="2">
        <v>161739</v>
      </c>
      <c r="E8911" s="1" t="s">
        <v>0</v>
      </c>
    </row>
    <row r="8912" spans="1:5" x14ac:dyDescent="0.25">
      <c r="A8912" s="2">
        <v>1782</v>
      </c>
      <c r="B8912" s="2">
        <v>1782</v>
      </c>
      <c r="C8912" s="1" t="s">
        <v>0</v>
      </c>
      <c r="D8912" s="2">
        <v>161740</v>
      </c>
      <c r="E8912" s="1" t="s">
        <v>0</v>
      </c>
    </row>
    <row r="8913" spans="1:5" x14ac:dyDescent="0.25">
      <c r="A8913" s="1" t="s">
        <v>1646</v>
      </c>
      <c r="B8913" s="1" t="s">
        <v>7556</v>
      </c>
      <c r="C8913" s="1" t="s">
        <v>25462</v>
      </c>
      <c r="D8913" s="2">
        <v>161741</v>
      </c>
      <c r="E8913" s="1" t="s">
        <v>0</v>
      </c>
    </row>
    <row r="8914" spans="1:5" x14ac:dyDescent="0.25">
      <c r="A8914" s="1" t="s">
        <v>25463</v>
      </c>
      <c r="B8914" s="1" t="s">
        <v>53042</v>
      </c>
      <c r="C8914" s="1" t="s">
        <v>25464</v>
      </c>
      <c r="D8914" s="2">
        <v>161742</v>
      </c>
      <c r="E8914" s="1" t="s">
        <v>0</v>
      </c>
    </row>
    <row r="8915" spans="1:5" ht="409.5" x14ac:dyDescent="0.25">
      <c r="A8915" s="4" t="s">
        <v>25465</v>
      </c>
      <c r="B8915" s="1" t="s">
        <v>60495</v>
      </c>
      <c r="C8915" s="1" t="s">
        <v>25466</v>
      </c>
      <c r="D8915" s="2">
        <v>161743</v>
      </c>
      <c r="E8915" s="1" t="s">
        <v>0</v>
      </c>
    </row>
    <row r="8916" spans="1:5" x14ac:dyDescent="0.25">
      <c r="A8916" s="1" t="s">
        <v>25467</v>
      </c>
      <c r="B8916" s="1" t="s">
        <v>57189</v>
      </c>
      <c r="C8916" s="1" t="s">
        <v>25468</v>
      </c>
      <c r="D8916" s="2">
        <v>161744</v>
      </c>
      <c r="E8916" s="1" t="s">
        <v>0</v>
      </c>
    </row>
    <row r="8917" spans="1:5" x14ac:dyDescent="0.25">
      <c r="A8917" s="2">
        <v>1783</v>
      </c>
      <c r="B8917" s="2">
        <v>1783</v>
      </c>
      <c r="C8917" s="1" t="s">
        <v>0</v>
      </c>
      <c r="D8917" s="2">
        <v>161745</v>
      </c>
      <c r="E8917" s="1" t="s">
        <v>0</v>
      </c>
    </row>
    <row r="8918" spans="1:5" x14ac:dyDescent="0.25">
      <c r="A8918" s="1" t="s">
        <v>1647</v>
      </c>
      <c r="B8918" s="1" t="s">
        <v>7557</v>
      </c>
      <c r="C8918" s="1" t="s">
        <v>25469</v>
      </c>
      <c r="D8918" s="2">
        <v>161746</v>
      </c>
      <c r="E8918" s="1" t="s">
        <v>0</v>
      </c>
    </row>
    <row r="8919" spans="1:5" x14ac:dyDescent="0.25">
      <c r="A8919" s="1" t="s">
        <v>25470</v>
      </c>
      <c r="B8919" s="1" t="s">
        <v>53043</v>
      </c>
      <c r="C8919" s="1" t="s">
        <v>25471</v>
      </c>
      <c r="D8919" s="2">
        <v>161747</v>
      </c>
      <c r="E8919" s="1" t="s">
        <v>0</v>
      </c>
    </row>
    <row r="8920" spans="1:5" ht="409.5" x14ac:dyDescent="0.25">
      <c r="A8920" s="4" t="s">
        <v>25472</v>
      </c>
      <c r="B8920" s="1" t="s">
        <v>53044</v>
      </c>
      <c r="C8920" s="1" t="s">
        <v>25473</v>
      </c>
      <c r="D8920" s="2">
        <v>161748</v>
      </c>
      <c r="E8920" s="1" t="s">
        <v>0</v>
      </c>
    </row>
    <row r="8921" spans="1:5" x14ac:dyDescent="0.25">
      <c r="A8921" s="1" t="s">
        <v>25474</v>
      </c>
      <c r="B8921" s="1" t="s">
        <v>7558</v>
      </c>
      <c r="C8921" s="1" t="s">
        <v>25475</v>
      </c>
      <c r="D8921" s="2">
        <v>161749</v>
      </c>
      <c r="E8921" s="1" t="s">
        <v>0</v>
      </c>
    </row>
    <row r="8922" spans="1:5" x14ac:dyDescent="0.25">
      <c r="A8922" s="2">
        <v>1784</v>
      </c>
      <c r="B8922" s="2">
        <v>1784</v>
      </c>
      <c r="C8922" s="1" t="s">
        <v>0</v>
      </c>
      <c r="D8922" s="2">
        <v>161750</v>
      </c>
      <c r="E8922" s="1" t="s">
        <v>0</v>
      </c>
    </row>
    <row r="8923" spans="1:5" x14ac:dyDescent="0.25">
      <c r="A8923" s="1" t="s">
        <v>1648</v>
      </c>
      <c r="B8923" s="1" t="s">
        <v>7559</v>
      </c>
      <c r="C8923" s="1" t="s">
        <v>25476</v>
      </c>
      <c r="D8923" s="2">
        <v>161751</v>
      </c>
      <c r="E8923" s="1" t="s">
        <v>0</v>
      </c>
    </row>
    <row r="8924" spans="1:5" x14ac:dyDescent="0.25">
      <c r="A8924" s="1" t="s">
        <v>25477</v>
      </c>
      <c r="B8924" s="1" t="s">
        <v>53045</v>
      </c>
      <c r="C8924" s="1" t="s">
        <v>25478</v>
      </c>
      <c r="D8924" s="2">
        <v>161752</v>
      </c>
      <c r="E8924" s="1" t="s">
        <v>0</v>
      </c>
    </row>
    <row r="8925" spans="1:5" ht="409.5" x14ac:dyDescent="0.25">
      <c r="A8925" s="4" t="s">
        <v>64113</v>
      </c>
      <c r="B8925" s="1" t="s">
        <v>53046</v>
      </c>
      <c r="C8925" s="1" t="s">
        <v>25479</v>
      </c>
      <c r="D8925" s="2">
        <v>161753</v>
      </c>
      <c r="E8925" s="1" t="s">
        <v>0</v>
      </c>
    </row>
    <row r="8926" spans="1:5" x14ac:dyDescent="0.25">
      <c r="A8926" s="1" t="s">
        <v>25480</v>
      </c>
      <c r="B8926" s="1" t="s">
        <v>7560</v>
      </c>
      <c r="C8926" s="1" t="s">
        <v>25481</v>
      </c>
      <c r="D8926" s="2">
        <v>161754</v>
      </c>
      <c r="E8926" s="1" t="s">
        <v>0</v>
      </c>
    </row>
    <row r="8927" spans="1:5" x14ac:dyDescent="0.25">
      <c r="A8927" s="2">
        <v>1785</v>
      </c>
      <c r="B8927" s="2">
        <v>1785</v>
      </c>
      <c r="C8927" s="1" t="s">
        <v>0</v>
      </c>
      <c r="D8927" s="2">
        <v>161755</v>
      </c>
      <c r="E8927" s="1" t="s">
        <v>0</v>
      </c>
    </row>
    <row r="8928" spans="1:5" x14ac:dyDescent="0.25">
      <c r="A8928" s="1" t="s">
        <v>1649</v>
      </c>
      <c r="B8928" s="1" t="s">
        <v>7561</v>
      </c>
      <c r="C8928" s="1" t="s">
        <v>25482</v>
      </c>
      <c r="D8928" s="2">
        <v>161756</v>
      </c>
      <c r="E8928" s="1" t="s">
        <v>0</v>
      </c>
    </row>
    <row r="8929" spans="1:5" x14ac:dyDescent="0.25">
      <c r="A8929" s="1" t="s">
        <v>25483</v>
      </c>
      <c r="B8929" s="1" t="s">
        <v>57479</v>
      </c>
      <c r="C8929" s="1" t="s">
        <v>25484</v>
      </c>
      <c r="D8929" s="2">
        <v>161757</v>
      </c>
      <c r="E8929" s="1" t="s">
        <v>0</v>
      </c>
    </row>
    <row r="8930" spans="1:5" ht="409.5" x14ac:dyDescent="0.25">
      <c r="A8930" s="4" t="s">
        <v>25485</v>
      </c>
      <c r="B8930" s="1" t="s">
        <v>57480</v>
      </c>
      <c r="C8930" s="1" t="s">
        <v>25486</v>
      </c>
      <c r="D8930" s="2">
        <v>161758</v>
      </c>
      <c r="E8930" s="1" t="s">
        <v>0</v>
      </c>
    </row>
    <row r="8931" spans="1:5" x14ac:dyDescent="0.25">
      <c r="A8931" s="1" t="s">
        <v>25487</v>
      </c>
      <c r="B8931" s="1" t="s">
        <v>53047</v>
      </c>
      <c r="C8931" s="1" t="s">
        <v>25488</v>
      </c>
      <c r="D8931" s="2">
        <v>161759</v>
      </c>
      <c r="E8931" s="1" t="s">
        <v>0</v>
      </c>
    </row>
    <row r="8932" spans="1:5" x14ac:dyDescent="0.25">
      <c r="A8932" s="2">
        <v>1786</v>
      </c>
      <c r="B8932" s="2">
        <v>1786</v>
      </c>
      <c r="C8932" s="1" t="s">
        <v>0</v>
      </c>
      <c r="D8932" s="2">
        <v>161760</v>
      </c>
      <c r="E8932" s="1" t="s">
        <v>0</v>
      </c>
    </row>
    <row r="8933" spans="1:5" x14ac:dyDescent="0.25">
      <c r="A8933" s="1" t="s">
        <v>1650</v>
      </c>
      <c r="B8933" s="1" t="s">
        <v>7562</v>
      </c>
      <c r="C8933" s="1" t="s">
        <v>25489</v>
      </c>
      <c r="D8933" s="2">
        <v>161761</v>
      </c>
      <c r="E8933" s="1" t="s">
        <v>0</v>
      </c>
    </row>
    <row r="8934" spans="1:5" x14ac:dyDescent="0.25">
      <c r="A8934" s="1" t="s">
        <v>25490</v>
      </c>
      <c r="B8934" s="1" t="s">
        <v>7563</v>
      </c>
      <c r="C8934" s="1" t="s">
        <v>25491</v>
      </c>
      <c r="D8934" s="2">
        <v>161762</v>
      </c>
      <c r="E8934" s="1" t="s">
        <v>0</v>
      </c>
    </row>
    <row r="8935" spans="1:5" ht="409.5" x14ac:dyDescent="0.25">
      <c r="A8935" s="4" t="s">
        <v>25492</v>
      </c>
      <c r="B8935" s="1" t="s">
        <v>1651</v>
      </c>
      <c r="C8935" s="1" t="s">
        <v>25493</v>
      </c>
      <c r="D8935" s="2">
        <v>161763</v>
      </c>
      <c r="E8935" s="1" t="s">
        <v>0</v>
      </c>
    </row>
    <row r="8936" spans="1:5" x14ac:dyDescent="0.25">
      <c r="A8936" s="1" t="s">
        <v>25494</v>
      </c>
      <c r="B8936" s="1" t="s">
        <v>53048</v>
      </c>
      <c r="C8936" s="1" t="s">
        <v>25495</v>
      </c>
      <c r="D8936" s="2">
        <v>161764</v>
      </c>
      <c r="E8936" s="1" t="s">
        <v>0</v>
      </c>
    </row>
    <row r="8937" spans="1:5" x14ac:dyDescent="0.25">
      <c r="A8937" s="2">
        <v>1787</v>
      </c>
      <c r="B8937" s="2">
        <v>1787</v>
      </c>
      <c r="C8937" s="1" t="s">
        <v>0</v>
      </c>
      <c r="D8937" s="2">
        <v>161765</v>
      </c>
      <c r="E8937" s="1" t="s">
        <v>0</v>
      </c>
    </row>
    <row r="8938" spans="1:5" x14ac:dyDescent="0.25">
      <c r="A8938" s="1" t="s">
        <v>1652</v>
      </c>
      <c r="B8938" s="1" t="s">
        <v>59926</v>
      </c>
      <c r="C8938" s="1" t="s">
        <v>25496</v>
      </c>
      <c r="D8938" s="2">
        <v>161766</v>
      </c>
      <c r="E8938" s="1" t="s">
        <v>0</v>
      </c>
    </row>
    <row r="8939" spans="1:5" x14ac:dyDescent="0.25">
      <c r="A8939" s="1" t="s">
        <v>25497</v>
      </c>
      <c r="B8939" s="1" t="s">
        <v>59927</v>
      </c>
      <c r="C8939" s="1" t="s">
        <v>25498</v>
      </c>
      <c r="D8939" s="2">
        <v>161767</v>
      </c>
      <c r="E8939" s="1" t="s">
        <v>0</v>
      </c>
    </row>
    <row r="8940" spans="1:5" ht="409.5" x14ac:dyDescent="0.25">
      <c r="A8940" s="4" t="s">
        <v>25499</v>
      </c>
      <c r="B8940" s="1" t="s">
        <v>63295</v>
      </c>
      <c r="C8940" s="1" t="s">
        <v>25500</v>
      </c>
      <c r="D8940" s="2">
        <v>161768</v>
      </c>
      <c r="E8940" s="1" t="s">
        <v>0</v>
      </c>
    </row>
    <row r="8941" spans="1:5" x14ac:dyDescent="0.25">
      <c r="A8941" s="1" t="s">
        <v>25501</v>
      </c>
      <c r="B8941" s="1" t="s">
        <v>7564</v>
      </c>
      <c r="C8941" s="1" t="s">
        <v>25502</v>
      </c>
      <c r="D8941" s="2">
        <v>161769</v>
      </c>
      <c r="E8941" s="1" t="s">
        <v>0</v>
      </c>
    </row>
    <row r="8942" spans="1:5" x14ac:dyDescent="0.25">
      <c r="A8942" s="2">
        <v>1788</v>
      </c>
      <c r="B8942" s="2">
        <v>1788</v>
      </c>
      <c r="C8942" s="1" t="s">
        <v>0</v>
      </c>
      <c r="D8942" s="2">
        <v>161770</v>
      </c>
      <c r="E8942" s="1" t="s">
        <v>0</v>
      </c>
    </row>
    <row r="8943" spans="1:5" x14ac:dyDescent="0.25">
      <c r="A8943" s="1" t="s">
        <v>1653</v>
      </c>
      <c r="B8943" s="1" t="s">
        <v>7565</v>
      </c>
      <c r="C8943" s="1" t="s">
        <v>25503</v>
      </c>
      <c r="D8943" s="2">
        <v>161771</v>
      </c>
      <c r="E8943" s="1" t="s">
        <v>0</v>
      </c>
    </row>
    <row r="8944" spans="1:5" x14ac:dyDescent="0.25">
      <c r="A8944" s="1" t="s">
        <v>25504</v>
      </c>
      <c r="B8944" s="1" t="s">
        <v>53049</v>
      </c>
      <c r="C8944" s="1" t="s">
        <v>25505</v>
      </c>
      <c r="D8944" s="2">
        <v>161772</v>
      </c>
      <c r="E8944" s="1" t="s">
        <v>0</v>
      </c>
    </row>
    <row r="8945" spans="1:5" ht="409.5" x14ac:dyDescent="0.25">
      <c r="A8945" s="4" t="s">
        <v>25506</v>
      </c>
      <c r="B8945" s="1" t="s">
        <v>57806</v>
      </c>
      <c r="C8945" s="1" t="s">
        <v>25507</v>
      </c>
      <c r="D8945" s="2">
        <v>161773</v>
      </c>
      <c r="E8945" s="1" t="s">
        <v>0</v>
      </c>
    </row>
    <row r="8946" spans="1:5" x14ac:dyDescent="0.25">
      <c r="A8946" s="1" t="s">
        <v>25508</v>
      </c>
      <c r="B8946" s="1" t="s">
        <v>7566</v>
      </c>
      <c r="C8946" s="1" t="s">
        <v>25509</v>
      </c>
      <c r="D8946" s="2">
        <v>161774</v>
      </c>
      <c r="E8946" s="1" t="s">
        <v>0</v>
      </c>
    </row>
    <row r="8947" spans="1:5" x14ac:dyDescent="0.25">
      <c r="A8947" s="2">
        <v>1789</v>
      </c>
      <c r="B8947" s="2">
        <v>1789</v>
      </c>
      <c r="C8947" s="1" t="s">
        <v>0</v>
      </c>
      <c r="D8947" s="2">
        <v>161775</v>
      </c>
      <c r="E8947" s="1" t="s">
        <v>0</v>
      </c>
    </row>
    <row r="8948" spans="1:5" x14ac:dyDescent="0.25">
      <c r="A8948" s="1" t="s">
        <v>1654</v>
      </c>
      <c r="B8948" s="1" t="s">
        <v>7567</v>
      </c>
      <c r="C8948" s="1" t="s">
        <v>25510</v>
      </c>
      <c r="D8948" s="2">
        <v>161776</v>
      </c>
      <c r="E8948" s="1" t="s">
        <v>0</v>
      </c>
    </row>
    <row r="8949" spans="1:5" x14ac:dyDescent="0.25">
      <c r="A8949" s="1" t="s">
        <v>25511</v>
      </c>
      <c r="B8949" s="1" t="s">
        <v>61626</v>
      </c>
      <c r="C8949" s="1" t="s">
        <v>25512</v>
      </c>
      <c r="D8949" s="2">
        <v>161777</v>
      </c>
      <c r="E8949" s="1" t="s">
        <v>0</v>
      </c>
    </row>
    <row r="8950" spans="1:5" ht="409.5" x14ac:dyDescent="0.25">
      <c r="A8950" s="4" t="s">
        <v>25513</v>
      </c>
      <c r="B8950" s="1" t="s">
        <v>61627</v>
      </c>
      <c r="C8950" s="1" t="s">
        <v>25514</v>
      </c>
      <c r="D8950" s="2">
        <v>161778</v>
      </c>
      <c r="E8950" s="1" t="s">
        <v>0</v>
      </c>
    </row>
    <row r="8951" spans="1:5" x14ac:dyDescent="0.25">
      <c r="A8951" s="1" t="s">
        <v>25515</v>
      </c>
      <c r="B8951" s="1" t="s">
        <v>61628</v>
      </c>
      <c r="C8951" s="1" t="s">
        <v>25516</v>
      </c>
      <c r="D8951" s="2">
        <v>161779</v>
      </c>
      <c r="E8951" s="1" t="s">
        <v>0</v>
      </c>
    </row>
    <row r="8952" spans="1:5" x14ac:dyDescent="0.25">
      <c r="A8952" s="2">
        <v>1790</v>
      </c>
      <c r="B8952" s="2">
        <v>1790</v>
      </c>
      <c r="C8952" s="1" t="s">
        <v>0</v>
      </c>
      <c r="D8952" s="2">
        <v>161780</v>
      </c>
      <c r="E8952" s="1" t="s">
        <v>0</v>
      </c>
    </row>
    <row r="8953" spans="1:5" x14ac:dyDescent="0.25">
      <c r="A8953" s="1" t="s">
        <v>1655</v>
      </c>
      <c r="B8953" s="1" t="s">
        <v>57481</v>
      </c>
      <c r="C8953" s="1" t="s">
        <v>25517</v>
      </c>
      <c r="D8953" s="2">
        <v>161781</v>
      </c>
      <c r="E8953" s="1" t="s">
        <v>0</v>
      </c>
    </row>
    <row r="8954" spans="1:5" x14ac:dyDescent="0.25">
      <c r="A8954" s="1" t="s">
        <v>25518</v>
      </c>
      <c r="B8954" s="1" t="s">
        <v>62336</v>
      </c>
      <c r="C8954" s="1" t="s">
        <v>25519</v>
      </c>
      <c r="D8954" s="2">
        <v>161782</v>
      </c>
      <c r="E8954" s="1" t="s">
        <v>0</v>
      </c>
    </row>
    <row r="8955" spans="1:5" ht="409.5" x14ac:dyDescent="0.25">
      <c r="A8955" s="4" t="s">
        <v>25520</v>
      </c>
      <c r="B8955" s="1" t="s">
        <v>62337</v>
      </c>
      <c r="C8955" s="1" t="s">
        <v>25521</v>
      </c>
      <c r="D8955" s="2">
        <v>161783</v>
      </c>
      <c r="E8955" s="1" t="s">
        <v>0</v>
      </c>
    </row>
    <row r="8956" spans="1:5" x14ac:dyDescent="0.25">
      <c r="A8956" s="1" t="s">
        <v>25522</v>
      </c>
      <c r="B8956" s="1" t="s">
        <v>57482</v>
      </c>
      <c r="C8956" s="1" t="s">
        <v>25523</v>
      </c>
      <c r="D8956" s="2">
        <v>161784</v>
      </c>
      <c r="E8956" s="1" t="s">
        <v>0</v>
      </c>
    </row>
    <row r="8957" spans="1:5" x14ac:dyDescent="0.25">
      <c r="A8957" s="2">
        <v>1791</v>
      </c>
      <c r="B8957" s="2">
        <v>1791</v>
      </c>
      <c r="C8957" s="1" t="s">
        <v>0</v>
      </c>
      <c r="D8957" s="2">
        <v>161785</v>
      </c>
      <c r="E8957" s="1" t="s">
        <v>0</v>
      </c>
    </row>
    <row r="8958" spans="1:5" x14ac:dyDescent="0.25">
      <c r="A8958" s="1" t="s">
        <v>1656</v>
      </c>
      <c r="B8958" s="1" t="s">
        <v>7568</v>
      </c>
      <c r="C8958" s="1" t="s">
        <v>25524</v>
      </c>
      <c r="D8958" s="2">
        <v>161786</v>
      </c>
      <c r="E8958" s="1" t="s">
        <v>0</v>
      </c>
    </row>
    <row r="8959" spans="1:5" x14ac:dyDescent="0.25">
      <c r="A8959" s="1" t="s">
        <v>25525</v>
      </c>
      <c r="B8959" s="1" t="s">
        <v>53050</v>
      </c>
      <c r="C8959" s="1" t="s">
        <v>25526</v>
      </c>
      <c r="D8959" s="2">
        <v>161787</v>
      </c>
      <c r="E8959" s="1" t="s">
        <v>0</v>
      </c>
    </row>
    <row r="8960" spans="1:5" ht="409.5" x14ac:dyDescent="0.25">
      <c r="A8960" s="4" t="s">
        <v>64114</v>
      </c>
      <c r="B8960" s="1" t="s">
        <v>53051</v>
      </c>
      <c r="C8960" s="1" t="s">
        <v>25527</v>
      </c>
      <c r="D8960" s="2">
        <v>161788</v>
      </c>
      <c r="E8960" s="1" t="s">
        <v>0</v>
      </c>
    </row>
    <row r="8961" spans="1:5" x14ac:dyDescent="0.25">
      <c r="A8961" s="1" t="s">
        <v>25528</v>
      </c>
      <c r="B8961" s="1" t="s">
        <v>7569</v>
      </c>
      <c r="C8961" s="1" t="s">
        <v>25529</v>
      </c>
      <c r="D8961" s="2">
        <v>161789</v>
      </c>
      <c r="E8961" s="1" t="s">
        <v>0</v>
      </c>
    </row>
    <row r="8962" spans="1:5" x14ac:dyDescent="0.25">
      <c r="A8962" s="2">
        <v>1792</v>
      </c>
      <c r="B8962" s="2">
        <v>1792</v>
      </c>
      <c r="C8962" s="1" t="s">
        <v>0</v>
      </c>
      <c r="D8962" s="2">
        <v>161790</v>
      </c>
      <c r="E8962" s="1" t="s">
        <v>0</v>
      </c>
    </row>
    <row r="8963" spans="1:5" x14ac:dyDescent="0.25">
      <c r="A8963" s="1" t="s">
        <v>1657</v>
      </c>
      <c r="B8963" s="1" t="s">
        <v>7570</v>
      </c>
      <c r="C8963" s="1" t="s">
        <v>25530</v>
      </c>
      <c r="D8963" s="2">
        <v>161791</v>
      </c>
      <c r="E8963" s="1" t="s">
        <v>0</v>
      </c>
    </row>
    <row r="8964" spans="1:5" x14ac:dyDescent="0.25">
      <c r="A8964" s="1" t="s">
        <v>25531</v>
      </c>
      <c r="B8964" s="1" t="s">
        <v>53052</v>
      </c>
      <c r="C8964" s="1" t="s">
        <v>25532</v>
      </c>
      <c r="D8964" s="2">
        <v>161792</v>
      </c>
      <c r="E8964" s="1" t="s">
        <v>0</v>
      </c>
    </row>
    <row r="8965" spans="1:5" ht="409.5" x14ac:dyDescent="0.25">
      <c r="A8965" s="4" t="s">
        <v>25533</v>
      </c>
      <c r="B8965" s="1" t="s">
        <v>53053</v>
      </c>
      <c r="C8965" s="1" t="s">
        <v>25534</v>
      </c>
      <c r="D8965" s="2">
        <v>161793</v>
      </c>
      <c r="E8965" s="1" t="s">
        <v>0</v>
      </c>
    </row>
    <row r="8966" spans="1:5" x14ac:dyDescent="0.25">
      <c r="A8966" s="1" t="s">
        <v>25535</v>
      </c>
      <c r="B8966" s="1" t="s">
        <v>53054</v>
      </c>
      <c r="C8966" s="1" t="s">
        <v>25536</v>
      </c>
      <c r="D8966" s="2">
        <v>161794</v>
      </c>
      <c r="E8966" s="1" t="s">
        <v>0</v>
      </c>
    </row>
    <row r="8967" spans="1:5" x14ac:dyDescent="0.25">
      <c r="A8967" s="2">
        <v>1793</v>
      </c>
      <c r="B8967" s="2">
        <v>1793</v>
      </c>
      <c r="C8967" s="1" t="s">
        <v>0</v>
      </c>
      <c r="D8967" s="2">
        <v>161795</v>
      </c>
      <c r="E8967" s="1" t="s">
        <v>0</v>
      </c>
    </row>
    <row r="8968" spans="1:5" x14ac:dyDescent="0.25">
      <c r="A8968" s="1" t="s">
        <v>13079</v>
      </c>
      <c r="B8968" s="1" t="s">
        <v>50630</v>
      </c>
      <c r="C8968" s="1" t="s">
        <v>25537</v>
      </c>
      <c r="D8968" s="2">
        <v>161796</v>
      </c>
      <c r="E8968" s="1" t="s">
        <v>0</v>
      </c>
    </row>
    <row r="8969" spans="1:5" x14ac:dyDescent="0.25">
      <c r="A8969" s="1" t="s">
        <v>25538</v>
      </c>
      <c r="B8969" s="1" t="s">
        <v>50631</v>
      </c>
      <c r="C8969" s="1" t="s">
        <v>25539</v>
      </c>
      <c r="D8969" s="2">
        <v>161797</v>
      </c>
      <c r="E8969" s="1" t="s">
        <v>0</v>
      </c>
    </row>
    <row r="8970" spans="1:5" ht="409.5" x14ac:dyDescent="0.25">
      <c r="A8970" s="4" t="s">
        <v>25540</v>
      </c>
      <c r="B8970" s="1" t="s">
        <v>53055</v>
      </c>
      <c r="C8970" s="1" t="s">
        <v>25541</v>
      </c>
      <c r="D8970" s="2">
        <v>161798</v>
      </c>
      <c r="E8970" s="1" t="s">
        <v>0</v>
      </c>
    </row>
    <row r="8971" spans="1:5" x14ac:dyDescent="0.25">
      <c r="A8971" s="1" t="s">
        <v>25542</v>
      </c>
      <c r="B8971" s="1" t="s">
        <v>50632</v>
      </c>
      <c r="C8971" s="1" t="s">
        <v>25543</v>
      </c>
      <c r="D8971" s="2">
        <v>161799</v>
      </c>
      <c r="E8971" s="1" t="s">
        <v>0</v>
      </c>
    </row>
    <row r="8972" spans="1:5" x14ac:dyDescent="0.25">
      <c r="A8972" s="2">
        <v>1794</v>
      </c>
      <c r="B8972" s="2">
        <v>1794</v>
      </c>
      <c r="C8972" s="1" t="s">
        <v>0</v>
      </c>
      <c r="D8972" s="2">
        <v>161800</v>
      </c>
      <c r="E8972" s="1" t="s">
        <v>0</v>
      </c>
    </row>
    <row r="8973" spans="1:5" x14ac:dyDescent="0.25">
      <c r="A8973" s="1" t="s">
        <v>1658</v>
      </c>
      <c r="B8973" s="1" t="s">
        <v>7571</v>
      </c>
      <c r="C8973" s="1" t="s">
        <v>25544</v>
      </c>
      <c r="D8973" s="2">
        <v>161801</v>
      </c>
      <c r="E8973" s="1" t="s">
        <v>0</v>
      </c>
    </row>
    <row r="8974" spans="1:5" x14ac:dyDescent="0.25">
      <c r="A8974" s="1" t="s">
        <v>25545</v>
      </c>
      <c r="B8974" s="1" t="s">
        <v>63672</v>
      </c>
      <c r="C8974" s="1" t="s">
        <v>25546</v>
      </c>
      <c r="D8974" s="2">
        <v>161802</v>
      </c>
      <c r="E8974" s="1" t="s">
        <v>0</v>
      </c>
    </row>
    <row r="8975" spans="1:5" ht="409.5" x14ac:dyDescent="0.25">
      <c r="A8975" s="4" t="s">
        <v>25547</v>
      </c>
      <c r="B8975" s="1" t="s">
        <v>63673</v>
      </c>
      <c r="C8975" s="1" t="s">
        <v>25548</v>
      </c>
      <c r="D8975" s="2">
        <v>161803</v>
      </c>
      <c r="E8975" s="1" t="s">
        <v>0</v>
      </c>
    </row>
    <row r="8976" spans="1:5" x14ac:dyDescent="0.25">
      <c r="A8976" s="1" t="s">
        <v>16086</v>
      </c>
      <c r="B8976" s="1" t="s">
        <v>60897</v>
      </c>
      <c r="C8976" s="1" t="s">
        <v>16087</v>
      </c>
      <c r="D8976" s="2">
        <v>161804</v>
      </c>
      <c r="E8976" s="1" t="s">
        <v>0</v>
      </c>
    </row>
    <row r="8977" spans="1:5" x14ac:dyDescent="0.25">
      <c r="A8977" s="2">
        <v>1795</v>
      </c>
      <c r="B8977" s="2">
        <v>1795</v>
      </c>
      <c r="C8977" s="1" t="s">
        <v>0</v>
      </c>
      <c r="D8977" s="2">
        <v>161805</v>
      </c>
      <c r="E8977" s="1" t="s">
        <v>0</v>
      </c>
    </row>
    <row r="8978" spans="1:5" x14ac:dyDescent="0.25">
      <c r="A8978" s="1" t="s">
        <v>1659</v>
      </c>
      <c r="B8978" s="1" t="s">
        <v>7572</v>
      </c>
      <c r="C8978" s="1" t="s">
        <v>25549</v>
      </c>
      <c r="D8978" s="2">
        <v>161806</v>
      </c>
      <c r="E8978" s="1" t="s">
        <v>0</v>
      </c>
    </row>
    <row r="8979" spans="1:5" x14ac:dyDescent="0.25">
      <c r="A8979" s="1" t="s">
        <v>25550</v>
      </c>
      <c r="B8979" s="1" t="s">
        <v>7573</v>
      </c>
      <c r="C8979" s="1" t="s">
        <v>25551</v>
      </c>
      <c r="D8979" s="2">
        <v>161807</v>
      </c>
      <c r="E8979" s="1" t="s">
        <v>0</v>
      </c>
    </row>
    <row r="8980" spans="1:5" ht="409.5" x14ac:dyDescent="0.25">
      <c r="A8980" s="4" t="s">
        <v>25552</v>
      </c>
      <c r="B8980" s="1" t="s">
        <v>63296</v>
      </c>
      <c r="C8980" s="1" t="s">
        <v>25553</v>
      </c>
      <c r="D8980" s="2">
        <v>161808</v>
      </c>
      <c r="E8980" s="1" t="s">
        <v>0</v>
      </c>
    </row>
    <row r="8981" spans="1:5" x14ac:dyDescent="0.25">
      <c r="A8981" s="1" t="s">
        <v>25554</v>
      </c>
      <c r="B8981" s="1" t="s">
        <v>53056</v>
      </c>
      <c r="C8981" s="1" t="s">
        <v>25555</v>
      </c>
      <c r="D8981" s="2">
        <v>161809</v>
      </c>
      <c r="E8981" s="1" t="s">
        <v>0</v>
      </c>
    </row>
    <row r="8982" spans="1:5" x14ac:dyDescent="0.25">
      <c r="A8982" s="2">
        <v>1796</v>
      </c>
      <c r="B8982" s="2">
        <v>1796</v>
      </c>
      <c r="C8982" s="1" t="s">
        <v>0</v>
      </c>
      <c r="D8982" s="2">
        <v>161810</v>
      </c>
      <c r="E8982" s="1" t="s">
        <v>0</v>
      </c>
    </row>
    <row r="8983" spans="1:5" x14ac:dyDescent="0.25">
      <c r="A8983" s="1" t="s">
        <v>1660</v>
      </c>
      <c r="B8983" s="1" t="s">
        <v>7574</v>
      </c>
      <c r="C8983" s="1" t="s">
        <v>25556</v>
      </c>
      <c r="D8983" s="2">
        <v>161811</v>
      </c>
      <c r="E8983" s="1" t="s">
        <v>0</v>
      </c>
    </row>
    <row r="8984" spans="1:5" x14ac:dyDescent="0.25">
      <c r="A8984" s="1" t="s">
        <v>25557</v>
      </c>
      <c r="B8984" s="1" t="s">
        <v>58912</v>
      </c>
      <c r="C8984" s="1" t="s">
        <v>25558</v>
      </c>
      <c r="D8984" s="2">
        <v>161812</v>
      </c>
      <c r="E8984" s="1" t="s">
        <v>0</v>
      </c>
    </row>
    <row r="8985" spans="1:5" ht="409.5" x14ac:dyDescent="0.25">
      <c r="A8985" s="4" t="s">
        <v>25559</v>
      </c>
      <c r="B8985" s="1" t="s">
        <v>58913</v>
      </c>
      <c r="C8985" s="1" t="s">
        <v>25560</v>
      </c>
      <c r="D8985" s="2">
        <v>161813</v>
      </c>
      <c r="E8985" s="1" t="s">
        <v>0</v>
      </c>
    </row>
    <row r="8986" spans="1:5" x14ac:dyDescent="0.25">
      <c r="A8986" s="1" t="s">
        <v>25561</v>
      </c>
      <c r="B8986" s="1" t="s">
        <v>53057</v>
      </c>
      <c r="C8986" s="1" t="s">
        <v>25562</v>
      </c>
      <c r="D8986" s="2">
        <v>161814</v>
      </c>
      <c r="E8986" s="1" t="s">
        <v>0</v>
      </c>
    </row>
    <row r="8987" spans="1:5" x14ac:dyDescent="0.25">
      <c r="A8987" s="2">
        <v>1797</v>
      </c>
      <c r="B8987" s="2">
        <v>1797</v>
      </c>
      <c r="C8987" s="1" t="s">
        <v>0</v>
      </c>
      <c r="D8987" s="2">
        <v>161815</v>
      </c>
      <c r="E8987" s="1" t="s">
        <v>0</v>
      </c>
    </row>
    <row r="8988" spans="1:5" x14ac:dyDescent="0.25">
      <c r="A8988" s="1" t="s">
        <v>1661</v>
      </c>
      <c r="B8988" s="1" t="s">
        <v>7575</v>
      </c>
      <c r="C8988" s="1" t="s">
        <v>25563</v>
      </c>
      <c r="D8988" s="2">
        <v>161816</v>
      </c>
      <c r="E8988" s="1" t="s">
        <v>0</v>
      </c>
    </row>
    <row r="8989" spans="1:5" x14ac:dyDescent="0.25">
      <c r="A8989" s="1" t="s">
        <v>25564</v>
      </c>
      <c r="B8989" s="1" t="s">
        <v>7576</v>
      </c>
      <c r="C8989" s="1" t="s">
        <v>25565</v>
      </c>
      <c r="D8989" s="2">
        <v>161817</v>
      </c>
      <c r="E8989" s="1" t="s">
        <v>0</v>
      </c>
    </row>
    <row r="8990" spans="1:5" ht="409.5" x14ac:dyDescent="0.25">
      <c r="A8990" s="4" t="s">
        <v>25566</v>
      </c>
      <c r="B8990" s="1" t="s">
        <v>62338</v>
      </c>
      <c r="C8990" s="1" t="s">
        <v>25567</v>
      </c>
      <c r="D8990" s="2">
        <v>161818</v>
      </c>
      <c r="E8990" s="1" t="s">
        <v>0</v>
      </c>
    </row>
    <row r="8991" spans="1:5" x14ac:dyDescent="0.25">
      <c r="A8991" s="1" t="s">
        <v>25568</v>
      </c>
      <c r="B8991" s="1" t="s">
        <v>7577</v>
      </c>
      <c r="C8991" s="1" t="s">
        <v>25569</v>
      </c>
      <c r="D8991" s="2">
        <v>161819</v>
      </c>
      <c r="E8991" s="1" t="s">
        <v>0</v>
      </c>
    </row>
    <row r="8992" spans="1:5" x14ac:dyDescent="0.25">
      <c r="A8992" s="2">
        <v>1798</v>
      </c>
      <c r="B8992" s="2">
        <v>1798</v>
      </c>
      <c r="C8992" s="1" t="s">
        <v>0</v>
      </c>
      <c r="D8992" s="2">
        <v>161820</v>
      </c>
      <c r="E8992" s="1" t="s">
        <v>0</v>
      </c>
    </row>
    <row r="8993" spans="1:5" x14ac:dyDescent="0.25">
      <c r="A8993" s="1" t="s">
        <v>1662</v>
      </c>
      <c r="B8993" s="1" t="s">
        <v>53058</v>
      </c>
      <c r="C8993" s="1" t="s">
        <v>25570</v>
      </c>
      <c r="D8993" s="2">
        <v>161821</v>
      </c>
      <c r="E8993" s="1" t="s">
        <v>0</v>
      </c>
    </row>
    <row r="8994" spans="1:5" x14ac:dyDescent="0.25">
      <c r="A8994" s="1" t="s">
        <v>25571</v>
      </c>
      <c r="B8994" s="1" t="s">
        <v>7578</v>
      </c>
      <c r="C8994" s="1" t="s">
        <v>25572</v>
      </c>
      <c r="D8994" s="2">
        <v>161822</v>
      </c>
      <c r="E8994" s="1" t="s">
        <v>0</v>
      </c>
    </row>
    <row r="8995" spans="1:5" ht="409.5" x14ac:dyDescent="0.25">
      <c r="A8995" s="4" t="s">
        <v>25573</v>
      </c>
      <c r="B8995" s="1" t="s">
        <v>53059</v>
      </c>
      <c r="C8995" s="1" t="s">
        <v>25574</v>
      </c>
      <c r="D8995" s="2">
        <v>161823</v>
      </c>
      <c r="E8995" s="1" t="s">
        <v>0</v>
      </c>
    </row>
    <row r="8996" spans="1:5" x14ac:dyDescent="0.25">
      <c r="A8996" s="1" t="s">
        <v>25575</v>
      </c>
      <c r="B8996" s="1" t="s">
        <v>7579</v>
      </c>
      <c r="C8996" s="1" t="s">
        <v>25576</v>
      </c>
      <c r="D8996" s="2">
        <v>161824</v>
      </c>
      <c r="E8996" s="1" t="s">
        <v>0</v>
      </c>
    </row>
    <row r="8997" spans="1:5" x14ac:dyDescent="0.25">
      <c r="A8997" s="2">
        <v>1799</v>
      </c>
      <c r="B8997" s="2">
        <v>1799</v>
      </c>
      <c r="C8997" s="1" t="s">
        <v>0</v>
      </c>
      <c r="D8997" s="2">
        <v>161825</v>
      </c>
      <c r="E8997" s="1" t="s">
        <v>0</v>
      </c>
    </row>
    <row r="8998" spans="1:5" x14ac:dyDescent="0.25">
      <c r="A8998" s="1" t="s">
        <v>7580</v>
      </c>
      <c r="B8998" s="1" t="s">
        <v>7581</v>
      </c>
      <c r="C8998" s="1" t="s">
        <v>25577</v>
      </c>
      <c r="D8998" s="2">
        <v>161826</v>
      </c>
      <c r="E8998" s="1" t="s">
        <v>0</v>
      </c>
    </row>
    <row r="8999" spans="1:5" x14ac:dyDescent="0.25">
      <c r="A8999" s="1" t="s">
        <v>25578</v>
      </c>
      <c r="B8999" s="1" t="s">
        <v>53060</v>
      </c>
      <c r="C8999" s="1" t="s">
        <v>25579</v>
      </c>
      <c r="D8999" s="2">
        <v>161827</v>
      </c>
      <c r="E8999" s="1" t="s">
        <v>0</v>
      </c>
    </row>
    <row r="9000" spans="1:5" ht="409.5" x14ac:dyDescent="0.25">
      <c r="A9000" s="4" t="s">
        <v>25580</v>
      </c>
      <c r="B9000" s="1" t="s">
        <v>53061</v>
      </c>
      <c r="C9000" s="1" t="s">
        <v>25581</v>
      </c>
      <c r="D9000" s="2">
        <v>161828</v>
      </c>
      <c r="E9000" s="1" t="s">
        <v>0</v>
      </c>
    </row>
    <row r="9001" spans="1:5" x14ac:dyDescent="0.25">
      <c r="A9001" s="1" t="s">
        <v>25582</v>
      </c>
      <c r="B9001" s="1" t="s">
        <v>7582</v>
      </c>
      <c r="C9001" s="1" t="s">
        <v>25583</v>
      </c>
      <c r="D9001" s="2">
        <v>161829</v>
      </c>
      <c r="E9001" s="1" t="s">
        <v>0</v>
      </c>
    </row>
    <row r="9002" spans="1:5" x14ac:dyDescent="0.25">
      <c r="A9002" s="2">
        <v>1800</v>
      </c>
      <c r="B9002" s="2">
        <v>1800</v>
      </c>
      <c r="C9002" s="1" t="s">
        <v>0</v>
      </c>
      <c r="D9002" s="2">
        <v>161830</v>
      </c>
      <c r="E9002" s="1" t="s">
        <v>0</v>
      </c>
    </row>
    <row r="9003" spans="1:5" x14ac:dyDescent="0.25">
      <c r="A9003" s="1" t="s">
        <v>1663</v>
      </c>
      <c r="B9003" s="1" t="s">
        <v>7583</v>
      </c>
      <c r="C9003" s="1" t="s">
        <v>25584</v>
      </c>
      <c r="D9003" s="2">
        <v>161831</v>
      </c>
      <c r="E9003" s="1" t="s">
        <v>0</v>
      </c>
    </row>
    <row r="9004" spans="1:5" x14ac:dyDescent="0.25">
      <c r="A9004" s="1" t="s">
        <v>25585</v>
      </c>
      <c r="B9004" s="1" t="s">
        <v>62339</v>
      </c>
      <c r="C9004" s="1" t="s">
        <v>25586</v>
      </c>
      <c r="D9004" s="2">
        <v>161832</v>
      </c>
      <c r="E9004" s="1" t="s">
        <v>0</v>
      </c>
    </row>
    <row r="9005" spans="1:5" ht="409.5" x14ac:dyDescent="0.25">
      <c r="A9005" s="4" t="s">
        <v>25587</v>
      </c>
      <c r="B9005" s="1" t="s">
        <v>62340</v>
      </c>
      <c r="C9005" s="1" t="s">
        <v>25588</v>
      </c>
      <c r="D9005" s="2">
        <v>161833</v>
      </c>
      <c r="E9005" s="1" t="s">
        <v>0</v>
      </c>
    </row>
    <row r="9006" spans="1:5" x14ac:dyDescent="0.25">
      <c r="A9006" s="1" t="s">
        <v>25589</v>
      </c>
      <c r="B9006" s="1" t="s">
        <v>53062</v>
      </c>
      <c r="C9006" s="1" t="s">
        <v>25590</v>
      </c>
      <c r="D9006" s="2">
        <v>161834</v>
      </c>
      <c r="E9006" s="1" t="s">
        <v>0</v>
      </c>
    </row>
    <row r="9007" spans="1:5" x14ac:dyDescent="0.25">
      <c r="A9007" s="2">
        <v>1801</v>
      </c>
      <c r="B9007" s="2">
        <v>1801</v>
      </c>
      <c r="C9007" s="1" t="s">
        <v>0</v>
      </c>
      <c r="D9007" s="2">
        <v>161835</v>
      </c>
      <c r="E9007" s="1" t="s">
        <v>0</v>
      </c>
    </row>
    <row r="9008" spans="1:5" x14ac:dyDescent="0.25">
      <c r="A9008" s="1" t="s">
        <v>25591</v>
      </c>
      <c r="B9008" s="1" t="s">
        <v>7584</v>
      </c>
      <c r="C9008" s="1" t="s">
        <v>25592</v>
      </c>
      <c r="D9008" s="2">
        <v>161836</v>
      </c>
      <c r="E9008" s="1" t="s">
        <v>0</v>
      </c>
    </row>
    <row r="9009" spans="1:5" x14ac:dyDescent="0.25">
      <c r="A9009" s="1" t="s">
        <v>25593</v>
      </c>
      <c r="B9009" s="1" t="s">
        <v>53063</v>
      </c>
      <c r="C9009" s="1" t="s">
        <v>25594</v>
      </c>
      <c r="D9009" s="2">
        <v>161837</v>
      </c>
      <c r="E9009" s="1" t="s">
        <v>0</v>
      </c>
    </row>
    <row r="9010" spans="1:5" ht="409.5" x14ac:dyDescent="0.25">
      <c r="A9010" s="4" t="s">
        <v>25595</v>
      </c>
      <c r="B9010" s="1" t="s">
        <v>53064</v>
      </c>
      <c r="C9010" s="1" t="s">
        <v>25596</v>
      </c>
      <c r="D9010" s="2">
        <v>161838</v>
      </c>
      <c r="E9010" s="1" t="s">
        <v>0</v>
      </c>
    </row>
    <row r="9011" spans="1:5" x14ac:dyDescent="0.25">
      <c r="A9011" s="1" t="s">
        <v>25597</v>
      </c>
      <c r="B9011" s="1" t="s">
        <v>7585</v>
      </c>
      <c r="C9011" s="1" t="s">
        <v>25598</v>
      </c>
      <c r="D9011" s="2">
        <v>161839</v>
      </c>
      <c r="E9011" s="1" t="s">
        <v>0</v>
      </c>
    </row>
    <row r="9012" spans="1:5" x14ac:dyDescent="0.25">
      <c r="A9012" s="2">
        <v>1802</v>
      </c>
      <c r="B9012" s="2">
        <v>1802</v>
      </c>
      <c r="C9012" s="1" t="s">
        <v>0</v>
      </c>
      <c r="D9012" s="2">
        <v>161840</v>
      </c>
      <c r="E9012" s="1" t="s">
        <v>0</v>
      </c>
    </row>
    <row r="9013" spans="1:5" x14ac:dyDescent="0.25">
      <c r="A9013" s="1" t="s">
        <v>1664</v>
      </c>
      <c r="B9013" s="1" t="s">
        <v>53065</v>
      </c>
      <c r="C9013" s="1" t="s">
        <v>25599</v>
      </c>
      <c r="D9013" s="2">
        <v>161841</v>
      </c>
      <c r="E9013" s="1" t="s">
        <v>0</v>
      </c>
    </row>
    <row r="9014" spans="1:5" x14ac:dyDescent="0.25">
      <c r="A9014" s="1" t="s">
        <v>25600</v>
      </c>
      <c r="B9014" s="1" t="s">
        <v>53066</v>
      </c>
      <c r="C9014" s="1" t="s">
        <v>25601</v>
      </c>
      <c r="D9014" s="2">
        <v>161842</v>
      </c>
      <c r="E9014" s="1" t="s">
        <v>0</v>
      </c>
    </row>
    <row r="9015" spans="1:5" ht="409.5" x14ac:dyDescent="0.25">
      <c r="A9015" s="4" t="s">
        <v>25602</v>
      </c>
      <c r="B9015" s="1" t="s">
        <v>63297</v>
      </c>
      <c r="C9015" s="1" t="s">
        <v>25603</v>
      </c>
      <c r="D9015" s="2">
        <v>161843</v>
      </c>
      <c r="E9015" s="1" t="s">
        <v>0</v>
      </c>
    </row>
    <row r="9016" spans="1:5" x14ac:dyDescent="0.25">
      <c r="A9016" s="1" t="s">
        <v>25604</v>
      </c>
      <c r="B9016" s="1" t="s">
        <v>7586</v>
      </c>
      <c r="C9016" s="1" t="s">
        <v>25605</v>
      </c>
      <c r="D9016" s="2">
        <v>161844</v>
      </c>
      <c r="E9016" s="1" t="s">
        <v>0</v>
      </c>
    </row>
    <row r="9017" spans="1:5" x14ac:dyDescent="0.25">
      <c r="A9017" s="2">
        <v>1803</v>
      </c>
      <c r="B9017" s="2">
        <v>1803</v>
      </c>
      <c r="C9017" s="1" t="s">
        <v>0</v>
      </c>
      <c r="D9017" s="2">
        <v>161845</v>
      </c>
      <c r="E9017" s="1" t="s">
        <v>0</v>
      </c>
    </row>
    <row r="9018" spans="1:5" x14ac:dyDescent="0.25">
      <c r="A9018" s="1" t="s">
        <v>1665</v>
      </c>
      <c r="B9018" s="1" t="s">
        <v>7587</v>
      </c>
      <c r="C9018" s="1" t="s">
        <v>25606</v>
      </c>
      <c r="D9018" s="2">
        <v>161846</v>
      </c>
      <c r="E9018" s="1" t="s">
        <v>0</v>
      </c>
    </row>
    <row r="9019" spans="1:5" x14ac:dyDescent="0.25">
      <c r="A9019" s="1" t="s">
        <v>25607</v>
      </c>
      <c r="B9019" s="1" t="s">
        <v>53067</v>
      </c>
      <c r="C9019" s="1" t="s">
        <v>25608</v>
      </c>
      <c r="D9019" s="2">
        <v>161847</v>
      </c>
      <c r="E9019" s="1" t="s">
        <v>0</v>
      </c>
    </row>
    <row r="9020" spans="1:5" ht="409.5" x14ac:dyDescent="0.25">
      <c r="A9020" s="4" t="s">
        <v>25609</v>
      </c>
      <c r="B9020" s="1" t="s">
        <v>53068</v>
      </c>
      <c r="C9020" s="1" t="s">
        <v>25610</v>
      </c>
      <c r="D9020" s="2">
        <v>161848</v>
      </c>
      <c r="E9020" s="1" t="s">
        <v>0</v>
      </c>
    </row>
    <row r="9021" spans="1:5" x14ac:dyDescent="0.25">
      <c r="A9021" s="1" t="s">
        <v>25611</v>
      </c>
      <c r="B9021" s="1" t="s">
        <v>50633</v>
      </c>
      <c r="C9021" s="1" t="s">
        <v>25612</v>
      </c>
      <c r="D9021" s="2">
        <v>161849</v>
      </c>
      <c r="E9021" s="1" t="s">
        <v>0</v>
      </c>
    </row>
    <row r="9022" spans="1:5" x14ac:dyDescent="0.25">
      <c r="A9022" s="2">
        <v>1804</v>
      </c>
      <c r="B9022" s="2">
        <v>1804</v>
      </c>
      <c r="C9022" s="1" t="s">
        <v>0</v>
      </c>
      <c r="D9022" s="2">
        <v>161850</v>
      </c>
      <c r="E9022" s="1" t="s">
        <v>0</v>
      </c>
    </row>
    <row r="9023" spans="1:5" x14ac:dyDescent="0.25">
      <c r="A9023" s="1" t="s">
        <v>1666</v>
      </c>
      <c r="B9023" s="1" t="s">
        <v>7588</v>
      </c>
      <c r="C9023" s="1" t="s">
        <v>25613</v>
      </c>
      <c r="D9023" s="2">
        <v>161851</v>
      </c>
      <c r="E9023" s="1" t="s">
        <v>0</v>
      </c>
    </row>
    <row r="9024" spans="1:5" x14ac:dyDescent="0.25">
      <c r="A9024" s="1" t="s">
        <v>25614</v>
      </c>
      <c r="B9024" s="1" t="s">
        <v>53069</v>
      </c>
      <c r="C9024" s="1" t="s">
        <v>25615</v>
      </c>
      <c r="D9024" s="2">
        <v>161852</v>
      </c>
      <c r="E9024" s="1" t="s">
        <v>0</v>
      </c>
    </row>
    <row r="9025" spans="1:5" ht="409.5" x14ac:dyDescent="0.25">
      <c r="A9025" s="4" t="s">
        <v>25616</v>
      </c>
      <c r="B9025" s="1" t="s">
        <v>53070</v>
      </c>
      <c r="C9025" s="1" t="s">
        <v>25617</v>
      </c>
      <c r="D9025" s="2">
        <v>161853</v>
      </c>
      <c r="E9025" s="1" t="s">
        <v>0</v>
      </c>
    </row>
    <row r="9026" spans="1:5" x14ac:dyDescent="0.25">
      <c r="A9026" s="1" t="s">
        <v>25618</v>
      </c>
      <c r="B9026" s="1" t="s">
        <v>7589</v>
      </c>
      <c r="C9026" s="1" t="s">
        <v>25619</v>
      </c>
      <c r="D9026" s="2">
        <v>161854</v>
      </c>
      <c r="E9026" s="1" t="s">
        <v>0</v>
      </c>
    </row>
    <row r="9027" spans="1:5" x14ac:dyDescent="0.25">
      <c r="A9027" s="2">
        <v>1805</v>
      </c>
      <c r="B9027" s="2">
        <v>1805</v>
      </c>
      <c r="C9027" s="1" t="s">
        <v>0</v>
      </c>
      <c r="D9027" s="2">
        <v>161855</v>
      </c>
      <c r="E9027" s="1" t="s">
        <v>0</v>
      </c>
    </row>
    <row r="9028" spans="1:5" x14ac:dyDescent="0.25">
      <c r="A9028" s="1" t="s">
        <v>1667</v>
      </c>
      <c r="B9028" s="1" t="s">
        <v>7590</v>
      </c>
      <c r="C9028" s="1" t="s">
        <v>25620</v>
      </c>
      <c r="D9028" s="2">
        <v>161856</v>
      </c>
      <c r="E9028" s="1" t="s">
        <v>0</v>
      </c>
    </row>
    <row r="9029" spans="1:5" x14ac:dyDescent="0.25">
      <c r="A9029" s="1" t="s">
        <v>25621</v>
      </c>
      <c r="B9029" s="1" t="s">
        <v>58315</v>
      </c>
      <c r="C9029" s="1" t="s">
        <v>25622</v>
      </c>
      <c r="D9029" s="2">
        <v>161857</v>
      </c>
      <c r="E9029" s="1" t="s">
        <v>0</v>
      </c>
    </row>
    <row r="9030" spans="1:5" ht="409.5" x14ac:dyDescent="0.25">
      <c r="A9030" s="4" t="s">
        <v>25623</v>
      </c>
      <c r="B9030" s="1" t="s">
        <v>61486</v>
      </c>
      <c r="C9030" s="1" t="s">
        <v>25624</v>
      </c>
      <c r="D9030" s="2">
        <v>161858</v>
      </c>
      <c r="E9030" s="1" t="s">
        <v>0</v>
      </c>
    </row>
    <row r="9031" spans="1:5" x14ac:dyDescent="0.25">
      <c r="A9031" s="1" t="s">
        <v>25625</v>
      </c>
      <c r="B9031" s="1" t="s">
        <v>7591</v>
      </c>
      <c r="C9031" s="1" t="s">
        <v>25626</v>
      </c>
      <c r="D9031" s="2">
        <v>161859</v>
      </c>
      <c r="E9031" s="1" t="s">
        <v>0</v>
      </c>
    </row>
    <row r="9032" spans="1:5" x14ac:dyDescent="0.25">
      <c r="A9032" s="2">
        <v>1806</v>
      </c>
      <c r="B9032" s="2">
        <v>1806</v>
      </c>
      <c r="C9032" s="1" t="s">
        <v>0</v>
      </c>
      <c r="D9032" s="2">
        <v>161860</v>
      </c>
      <c r="E9032" s="1" t="s">
        <v>0</v>
      </c>
    </row>
    <row r="9033" spans="1:5" x14ac:dyDescent="0.25">
      <c r="A9033" s="1" t="s">
        <v>1668</v>
      </c>
      <c r="B9033" s="1" t="s">
        <v>7592</v>
      </c>
      <c r="C9033" s="1" t="s">
        <v>25627</v>
      </c>
      <c r="D9033" s="2">
        <v>161861</v>
      </c>
      <c r="E9033" s="1" t="s">
        <v>0</v>
      </c>
    </row>
    <row r="9034" spans="1:5" x14ac:dyDescent="0.25">
      <c r="A9034" s="1" t="s">
        <v>25628</v>
      </c>
      <c r="B9034" s="1" t="s">
        <v>7593</v>
      </c>
      <c r="C9034" s="1" t="s">
        <v>25629</v>
      </c>
      <c r="D9034" s="2">
        <v>161862</v>
      </c>
      <c r="E9034" s="1" t="s">
        <v>0</v>
      </c>
    </row>
    <row r="9035" spans="1:5" ht="409.5" x14ac:dyDescent="0.25">
      <c r="A9035" s="4" t="s">
        <v>25630</v>
      </c>
      <c r="B9035" s="1" t="s">
        <v>53071</v>
      </c>
      <c r="C9035" s="1" t="s">
        <v>25631</v>
      </c>
      <c r="D9035" s="2">
        <v>161863</v>
      </c>
      <c r="E9035" s="1" t="s">
        <v>0</v>
      </c>
    </row>
    <row r="9036" spans="1:5" x14ac:dyDescent="0.25">
      <c r="A9036" s="1" t="s">
        <v>25632</v>
      </c>
      <c r="B9036" s="1" t="s">
        <v>7594</v>
      </c>
      <c r="C9036" s="1" t="s">
        <v>25633</v>
      </c>
      <c r="D9036" s="2">
        <v>161864</v>
      </c>
      <c r="E9036" s="1" t="s">
        <v>0</v>
      </c>
    </row>
    <row r="9037" spans="1:5" x14ac:dyDescent="0.25">
      <c r="A9037" s="2">
        <v>1807</v>
      </c>
      <c r="B9037" s="2">
        <v>1807</v>
      </c>
      <c r="C9037" s="1" t="s">
        <v>0</v>
      </c>
      <c r="D9037" s="2">
        <v>161865</v>
      </c>
      <c r="E9037" s="1" t="s">
        <v>0</v>
      </c>
    </row>
    <row r="9038" spans="1:5" x14ac:dyDescent="0.25">
      <c r="A9038" s="1" t="s">
        <v>1669</v>
      </c>
      <c r="B9038" s="1" t="s">
        <v>7595</v>
      </c>
      <c r="C9038" s="1" t="s">
        <v>25634</v>
      </c>
      <c r="D9038" s="2">
        <v>161866</v>
      </c>
      <c r="E9038" s="1" t="s">
        <v>0</v>
      </c>
    </row>
    <row r="9039" spans="1:5" x14ac:dyDescent="0.25">
      <c r="A9039" s="1" t="s">
        <v>25635</v>
      </c>
      <c r="B9039" s="1" t="s">
        <v>60725</v>
      </c>
      <c r="C9039" s="1" t="s">
        <v>25636</v>
      </c>
      <c r="D9039" s="2">
        <v>161867</v>
      </c>
      <c r="E9039" s="1" t="s">
        <v>0</v>
      </c>
    </row>
    <row r="9040" spans="1:5" ht="409.5" x14ac:dyDescent="0.25">
      <c r="A9040" s="4" t="s">
        <v>25637</v>
      </c>
      <c r="B9040" s="1" t="s">
        <v>60726</v>
      </c>
      <c r="C9040" s="1" t="s">
        <v>25638</v>
      </c>
      <c r="D9040" s="2">
        <v>161868</v>
      </c>
      <c r="E9040" s="1" t="s">
        <v>0</v>
      </c>
    </row>
    <row r="9041" spans="1:5" x14ac:dyDescent="0.25">
      <c r="A9041" s="1" t="s">
        <v>25639</v>
      </c>
      <c r="B9041" s="1" t="s">
        <v>53072</v>
      </c>
      <c r="C9041" s="1" t="s">
        <v>25640</v>
      </c>
      <c r="D9041" s="2">
        <v>161869</v>
      </c>
      <c r="E9041" s="1" t="s">
        <v>0</v>
      </c>
    </row>
    <row r="9042" spans="1:5" x14ac:dyDescent="0.25">
      <c r="A9042" s="2">
        <v>1808</v>
      </c>
      <c r="B9042" s="2">
        <v>1808</v>
      </c>
      <c r="C9042" s="1" t="s">
        <v>0</v>
      </c>
      <c r="D9042" s="2">
        <v>161870</v>
      </c>
      <c r="E9042" s="1" t="s">
        <v>0</v>
      </c>
    </row>
    <row r="9043" spans="1:5" x14ac:dyDescent="0.25">
      <c r="A9043" s="1" t="s">
        <v>1670</v>
      </c>
      <c r="B9043" s="1" t="s">
        <v>7596</v>
      </c>
      <c r="C9043" s="1" t="s">
        <v>25641</v>
      </c>
      <c r="D9043" s="2">
        <v>161871</v>
      </c>
      <c r="E9043" s="1" t="s">
        <v>0</v>
      </c>
    </row>
    <row r="9044" spans="1:5" x14ac:dyDescent="0.25">
      <c r="A9044" s="1" t="s">
        <v>25642</v>
      </c>
      <c r="B9044" s="1" t="s">
        <v>53073</v>
      </c>
      <c r="C9044" s="1" t="s">
        <v>25643</v>
      </c>
      <c r="D9044" s="2">
        <v>161872</v>
      </c>
      <c r="E9044" s="1" t="s">
        <v>0</v>
      </c>
    </row>
    <row r="9045" spans="1:5" ht="409.5" x14ac:dyDescent="0.25">
      <c r="A9045" s="4" t="s">
        <v>25644</v>
      </c>
      <c r="B9045" s="1" t="s">
        <v>53074</v>
      </c>
      <c r="C9045" s="1" t="s">
        <v>25645</v>
      </c>
      <c r="D9045" s="2">
        <v>161873</v>
      </c>
      <c r="E9045" s="1" t="s">
        <v>0</v>
      </c>
    </row>
    <row r="9046" spans="1:5" x14ac:dyDescent="0.25">
      <c r="A9046" s="1" t="s">
        <v>25646</v>
      </c>
      <c r="B9046" s="1" t="s">
        <v>7597</v>
      </c>
      <c r="C9046" s="1" t="s">
        <v>25647</v>
      </c>
      <c r="D9046" s="2">
        <v>161874</v>
      </c>
      <c r="E9046" s="1" t="s">
        <v>0</v>
      </c>
    </row>
    <row r="9047" spans="1:5" x14ac:dyDescent="0.25">
      <c r="A9047" s="2">
        <v>1809</v>
      </c>
      <c r="B9047" s="2">
        <v>1809</v>
      </c>
      <c r="C9047" s="1" t="s">
        <v>0</v>
      </c>
      <c r="D9047" s="2">
        <v>161875</v>
      </c>
      <c r="E9047" s="1" t="s">
        <v>0</v>
      </c>
    </row>
    <row r="9048" spans="1:5" x14ac:dyDescent="0.25">
      <c r="A9048" s="1" t="s">
        <v>1671</v>
      </c>
      <c r="B9048" s="1" t="s">
        <v>7598</v>
      </c>
      <c r="C9048" s="1" t="s">
        <v>25648</v>
      </c>
      <c r="D9048" s="2">
        <v>161876</v>
      </c>
      <c r="E9048" s="1" t="s">
        <v>0</v>
      </c>
    </row>
    <row r="9049" spans="1:5" x14ac:dyDescent="0.25">
      <c r="A9049" s="1" t="s">
        <v>25649</v>
      </c>
      <c r="B9049" s="1" t="s">
        <v>7599</v>
      </c>
      <c r="C9049" s="1" t="s">
        <v>25650</v>
      </c>
      <c r="D9049" s="2">
        <v>161877</v>
      </c>
      <c r="E9049" s="1" t="s">
        <v>0</v>
      </c>
    </row>
    <row r="9050" spans="1:5" ht="409.5" x14ac:dyDescent="0.25">
      <c r="A9050" s="4" t="s">
        <v>25651</v>
      </c>
      <c r="B9050" s="1" t="s">
        <v>59928</v>
      </c>
      <c r="C9050" s="1" t="s">
        <v>25652</v>
      </c>
      <c r="D9050" s="2">
        <v>161878</v>
      </c>
      <c r="E9050" s="1" t="s">
        <v>0</v>
      </c>
    </row>
    <row r="9051" spans="1:5" x14ac:dyDescent="0.25">
      <c r="A9051" s="1" t="s">
        <v>25653</v>
      </c>
      <c r="B9051" s="1" t="s">
        <v>53075</v>
      </c>
      <c r="C9051" s="1" t="s">
        <v>25654</v>
      </c>
      <c r="D9051" s="2">
        <v>161879</v>
      </c>
      <c r="E9051" s="1" t="s">
        <v>0</v>
      </c>
    </row>
    <row r="9052" spans="1:5" x14ac:dyDescent="0.25">
      <c r="A9052" s="2">
        <v>1810</v>
      </c>
      <c r="B9052" s="2">
        <v>1810</v>
      </c>
      <c r="C9052" s="1" t="s">
        <v>0</v>
      </c>
      <c r="D9052" s="2">
        <v>161880</v>
      </c>
      <c r="E9052" s="1" t="s">
        <v>0</v>
      </c>
    </row>
    <row r="9053" spans="1:5" x14ac:dyDescent="0.25">
      <c r="A9053" s="1" t="s">
        <v>1672</v>
      </c>
      <c r="B9053" s="1" t="s">
        <v>7600</v>
      </c>
      <c r="C9053" s="1" t="s">
        <v>25655</v>
      </c>
      <c r="D9053" s="2">
        <v>161881</v>
      </c>
      <c r="E9053" s="1" t="s">
        <v>0</v>
      </c>
    </row>
    <row r="9054" spans="1:5" x14ac:dyDescent="0.25">
      <c r="A9054" s="1" t="s">
        <v>25656</v>
      </c>
      <c r="B9054" s="1" t="s">
        <v>7601</v>
      </c>
      <c r="C9054" s="1" t="s">
        <v>25657</v>
      </c>
      <c r="D9054" s="2">
        <v>161882</v>
      </c>
      <c r="E9054" s="1" t="s">
        <v>0</v>
      </c>
    </row>
    <row r="9055" spans="1:5" ht="409.5" x14ac:dyDescent="0.25">
      <c r="A9055" s="4" t="s">
        <v>25658</v>
      </c>
      <c r="B9055" s="1" t="s">
        <v>7602</v>
      </c>
      <c r="C9055" s="1" t="s">
        <v>25659</v>
      </c>
      <c r="D9055" s="2">
        <v>161883</v>
      </c>
      <c r="E9055" s="1" t="s">
        <v>0</v>
      </c>
    </row>
    <row r="9056" spans="1:5" x14ac:dyDescent="0.25">
      <c r="A9056" s="1" t="s">
        <v>25660</v>
      </c>
      <c r="B9056" s="1" t="s">
        <v>53076</v>
      </c>
      <c r="C9056" s="1" t="s">
        <v>25661</v>
      </c>
      <c r="D9056" s="2">
        <v>161884</v>
      </c>
      <c r="E9056" s="1" t="s">
        <v>0</v>
      </c>
    </row>
    <row r="9057" spans="1:5" x14ac:dyDescent="0.25">
      <c r="A9057" s="2">
        <v>1811</v>
      </c>
      <c r="B9057" s="2">
        <v>1811</v>
      </c>
      <c r="C9057" s="1" t="s">
        <v>0</v>
      </c>
      <c r="D9057" s="2">
        <v>161885</v>
      </c>
      <c r="E9057" s="1" t="s">
        <v>0</v>
      </c>
    </row>
    <row r="9058" spans="1:5" x14ac:dyDescent="0.25">
      <c r="A9058" s="1" t="s">
        <v>1673</v>
      </c>
      <c r="B9058" s="1" t="s">
        <v>7603</v>
      </c>
      <c r="C9058" s="1" t="s">
        <v>25662</v>
      </c>
      <c r="D9058" s="2">
        <v>161886</v>
      </c>
      <c r="E9058" s="1" t="s">
        <v>0</v>
      </c>
    </row>
    <row r="9059" spans="1:5" x14ac:dyDescent="0.25">
      <c r="A9059" s="1" t="s">
        <v>25663</v>
      </c>
      <c r="B9059" s="1" t="s">
        <v>63298</v>
      </c>
      <c r="C9059" s="1" t="s">
        <v>25664</v>
      </c>
      <c r="D9059" s="2">
        <v>161887</v>
      </c>
      <c r="E9059" s="1" t="s">
        <v>0</v>
      </c>
    </row>
    <row r="9060" spans="1:5" ht="409.5" x14ac:dyDescent="0.25">
      <c r="A9060" s="4" t="s">
        <v>25665</v>
      </c>
      <c r="B9060" s="1" t="s">
        <v>63299</v>
      </c>
      <c r="C9060" s="1" t="s">
        <v>25666</v>
      </c>
      <c r="D9060" s="2">
        <v>161888</v>
      </c>
      <c r="E9060" s="1" t="s">
        <v>0</v>
      </c>
    </row>
    <row r="9061" spans="1:5" x14ac:dyDescent="0.25">
      <c r="A9061" s="1" t="s">
        <v>25667</v>
      </c>
      <c r="B9061" s="1" t="s">
        <v>53077</v>
      </c>
      <c r="C9061" s="1" t="s">
        <v>25668</v>
      </c>
      <c r="D9061" s="2">
        <v>161889</v>
      </c>
      <c r="E9061" s="1" t="s">
        <v>0</v>
      </c>
    </row>
    <row r="9062" spans="1:5" x14ac:dyDescent="0.25">
      <c r="A9062" s="2">
        <v>1812</v>
      </c>
      <c r="B9062" s="2">
        <v>1812</v>
      </c>
      <c r="C9062" s="1" t="s">
        <v>0</v>
      </c>
      <c r="D9062" s="2">
        <v>161890</v>
      </c>
      <c r="E9062" s="1" t="s">
        <v>0</v>
      </c>
    </row>
    <row r="9063" spans="1:5" x14ac:dyDescent="0.25">
      <c r="A9063" s="1" t="s">
        <v>1674</v>
      </c>
      <c r="B9063" s="1" t="s">
        <v>7604</v>
      </c>
      <c r="C9063" s="1" t="s">
        <v>25669</v>
      </c>
      <c r="D9063" s="2">
        <v>161891</v>
      </c>
      <c r="E9063" s="1" t="s">
        <v>0</v>
      </c>
    </row>
    <row r="9064" spans="1:5" x14ac:dyDescent="0.25">
      <c r="A9064" s="1" t="s">
        <v>25670</v>
      </c>
      <c r="B9064" s="1" t="s">
        <v>58316</v>
      </c>
      <c r="C9064" s="1" t="s">
        <v>25671</v>
      </c>
      <c r="D9064" s="2">
        <v>161892</v>
      </c>
      <c r="E9064" s="1" t="s">
        <v>0</v>
      </c>
    </row>
    <row r="9065" spans="1:5" ht="409.5" x14ac:dyDescent="0.25">
      <c r="A9065" s="4" t="s">
        <v>25672</v>
      </c>
      <c r="B9065" s="1" t="s">
        <v>58317</v>
      </c>
      <c r="C9065" s="1" t="s">
        <v>25673</v>
      </c>
      <c r="D9065" s="2">
        <v>161893</v>
      </c>
      <c r="E9065" s="1" t="s">
        <v>0</v>
      </c>
    </row>
    <row r="9066" spans="1:5" x14ac:dyDescent="0.25">
      <c r="A9066" s="1" t="s">
        <v>25674</v>
      </c>
      <c r="B9066" s="1" t="s">
        <v>58318</v>
      </c>
      <c r="C9066" s="1" t="s">
        <v>25675</v>
      </c>
      <c r="D9066" s="2">
        <v>161894</v>
      </c>
      <c r="E9066" s="1" t="s">
        <v>0</v>
      </c>
    </row>
    <row r="9067" spans="1:5" x14ac:dyDescent="0.25">
      <c r="A9067" s="2">
        <v>1813</v>
      </c>
      <c r="B9067" s="2">
        <v>1813</v>
      </c>
      <c r="C9067" s="1" t="s">
        <v>0</v>
      </c>
      <c r="D9067" s="2">
        <v>161895</v>
      </c>
      <c r="E9067" s="1" t="s">
        <v>0</v>
      </c>
    </row>
    <row r="9068" spans="1:5" x14ac:dyDescent="0.25">
      <c r="A9068" s="1" t="s">
        <v>25676</v>
      </c>
      <c r="B9068" s="1" t="s">
        <v>7605</v>
      </c>
      <c r="C9068" s="1" t="s">
        <v>25677</v>
      </c>
      <c r="D9068" s="2">
        <v>161896</v>
      </c>
      <c r="E9068" s="1" t="s">
        <v>0</v>
      </c>
    </row>
    <row r="9069" spans="1:5" x14ac:dyDescent="0.25">
      <c r="A9069" s="1" t="s">
        <v>25678</v>
      </c>
      <c r="B9069" s="1" t="s">
        <v>7606</v>
      </c>
      <c r="C9069" s="1" t="s">
        <v>25679</v>
      </c>
      <c r="D9069" s="2">
        <v>161897</v>
      </c>
      <c r="E9069" s="1" t="s">
        <v>0</v>
      </c>
    </row>
    <row r="9070" spans="1:5" ht="409.5" x14ac:dyDescent="0.25">
      <c r="A9070" s="4" t="s">
        <v>25680</v>
      </c>
      <c r="B9070" s="1" t="s">
        <v>53078</v>
      </c>
      <c r="C9070" s="1" t="s">
        <v>25681</v>
      </c>
      <c r="D9070" s="2">
        <v>161898</v>
      </c>
      <c r="E9070" s="1" t="s">
        <v>0</v>
      </c>
    </row>
    <row r="9071" spans="1:5" x14ac:dyDescent="0.25">
      <c r="A9071" s="1" t="s">
        <v>25682</v>
      </c>
      <c r="B9071" s="1" t="s">
        <v>53079</v>
      </c>
      <c r="C9071" s="1" t="s">
        <v>25683</v>
      </c>
      <c r="D9071" s="2">
        <v>161899</v>
      </c>
      <c r="E9071" s="1" t="s">
        <v>0</v>
      </c>
    </row>
    <row r="9072" spans="1:5" x14ac:dyDescent="0.25">
      <c r="A9072" s="2">
        <v>1814</v>
      </c>
      <c r="B9072" s="2">
        <v>1814</v>
      </c>
      <c r="C9072" s="1" t="s">
        <v>0</v>
      </c>
      <c r="D9072" s="2">
        <v>161900</v>
      </c>
      <c r="E9072" s="1" t="s">
        <v>0</v>
      </c>
    </row>
    <row r="9073" spans="1:5" x14ac:dyDescent="0.25">
      <c r="A9073" s="1" t="s">
        <v>1675</v>
      </c>
      <c r="B9073" s="1" t="s">
        <v>53080</v>
      </c>
      <c r="C9073" s="1" t="s">
        <v>25684</v>
      </c>
      <c r="D9073" s="2">
        <v>161901</v>
      </c>
      <c r="E9073" s="1" t="s">
        <v>0</v>
      </c>
    </row>
    <row r="9074" spans="1:5" x14ac:dyDescent="0.25">
      <c r="A9074" s="1" t="s">
        <v>25685</v>
      </c>
      <c r="B9074" s="1" t="s">
        <v>53081</v>
      </c>
      <c r="C9074" s="1" t="s">
        <v>25686</v>
      </c>
      <c r="D9074" s="2">
        <v>161902</v>
      </c>
      <c r="E9074" s="1" t="s">
        <v>0</v>
      </c>
    </row>
    <row r="9075" spans="1:5" ht="409.5" x14ac:dyDescent="0.25">
      <c r="A9075" s="4" t="s">
        <v>25687</v>
      </c>
      <c r="B9075" s="1" t="s">
        <v>53082</v>
      </c>
      <c r="C9075" s="1" t="s">
        <v>25688</v>
      </c>
      <c r="D9075" s="2">
        <v>161903</v>
      </c>
      <c r="E9075" s="1" t="s">
        <v>0</v>
      </c>
    </row>
    <row r="9076" spans="1:5" x14ac:dyDescent="0.25">
      <c r="A9076" s="1" t="s">
        <v>25689</v>
      </c>
      <c r="B9076" s="1" t="s">
        <v>53083</v>
      </c>
      <c r="C9076" s="1" t="s">
        <v>25690</v>
      </c>
      <c r="D9076" s="2">
        <v>161904</v>
      </c>
      <c r="E9076" s="1" t="s">
        <v>0</v>
      </c>
    </row>
    <row r="9077" spans="1:5" x14ac:dyDescent="0.25">
      <c r="A9077" s="2">
        <v>1815</v>
      </c>
      <c r="B9077" s="2">
        <v>1815</v>
      </c>
      <c r="C9077" s="1" t="s">
        <v>0</v>
      </c>
      <c r="D9077" s="2">
        <v>161905</v>
      </c>
      <c r="E9077" s="1" t="s">
        <v>0</v>
      </c>
    </row>
    <row r="9078" spans="1:5" x14ac:dyDescent="0.25">
      <c r="A9078" s="1" t="s">
        <v>1676</v>
      </c>
      <c r="B9078" s="1" t="s">
        <v>7607</v>
      </c>
      <c r="C9078" s="1" t="s">
        <v>25691</v>
      </c>
      <c r="D9078" s="2">
        <v>161906</v>
      </c>
      <c r="E9078" s="1" t="s">
        <v>0</v>
      </c>
    </row>
    <row r="9079" spans="1:5" x14ac:dyDescent="0.25">
      <c r="A9079" s="1" t="s">
        <v>25692</v>
      </c>
      <c r="B9079" s="1" t="s">
        <v>63300</v>
      </c>
      <c r="C9079" s="1" t="s">
        <v>25693</v>
      </c>
      <c r="D9079" s="2">
        <v>161907</v>
      </c>
      <c r="E9079" s="1" t="s">
        <v>0</v>
      </c>
    </row>
    <row r="9080" spans="1:5" ht="409.5" x14ac:dyDescent="0.25">
      <c r="A9080" s="4" t="s">
        <v>25694</v>
      </c>
      <c r="B9080" s="1" t="s">
        <v>63301</v>
      </c>
      <c r="C9080" s="1" t="s">
        <v>25695</v>
      </c>
      <c r="D9080" s="2">
        <v>161908</v>
      </c>
      <c r="E9080" s="1" t="s">
        <v>0</v>
      </c>
    </row>
    <row r="9081" spans="1:5" x14ac:dyDescent="0.25">
      <c r="A9081" s="1" t="s">
        <v>25696</v>
      </c>
      <c r="B9081" s="1" t="s">
        <v>7608</v>
      </c>
      <c r="C9081" s="1" t="s">
        <v>25697</v>
      </c>
      <c r="D9081" s="2">
        <v>161909</v>
      </c>
      <c r="E9081" s="1" t="s">
        <v>0</v>
      </c>
    </row>
    <row r="9082" spans="1:5" x14ac:dyDescent="0.25">
      <c r="A9082" s="2">
        <v>1816</v>
      </c>
      <c r="B9082" s="2">
        <v>1816</v>
      </c>
      <c r="C9082" s="1" t="s">
        <v>0</v>
      </c>
      <c r="D9082" s="2">
        <v>161910</v>
      </c>
      <c r="E9082" s="1" t="s">
        <v>0</v>
      </c>
    </row>
    <row r="9083" spans="1:5" x14ac:dyDescent="0.25">
      <c r="A9083" s="1" t="s">
        <v>7609</v>
      </c>
      <c r="B9083" s="1" t="s">
        <v>7610</v>
      </c>
      <c r="C9083" s="1" t="s">
        <v>25698</v>
      </c>
      <c r="D9083" s="2">
        <v>161911</v>
      </c>
      <c r="E9083" s="1" t="s">
        <v>0</v>
      </c>
    </row>
    <row r="9084" spans="1:5" x14ac:dyDescent="0.25">
      <c r="A9084" s="1" t="s">
        <v>25699</v>
      </c>
      <c r="B9084" s="1" t="s">
        <v>7611</v>
      </c>
      <c r="C9084" s="1" t="s">
        <v>25700</v>
      </c>
      <c r="D9084" s="2">
        <v>161912</v>
      </c>
      <c r="E9084" s="1" t="s">
        <v>0</v>
      </c>
    </row>
    <row r="9085" spans="1:5" ht="409.5" x14ac:dyDescent="0.25">
      <c r="A9085" s="4" t="s">
        <v>25701</v>
      </c>
      <c r="B9085" s="1" t="s">
        <v>57807</v>
      </c>
      <c r="C9085" s="1" t="s">
        <v>25702</v>
      </c>
      <c r="D9085" s="2">
        <v>161913</v>
      </c>
      <c r="E9085" s="1" t="s">
        <v>0</v>
      </c>
    </row>
    <row r="9086" spans="1:5" x14ac:dyDescent="0.25">
      <c r="A9086" s="1" t="s">
        <v>25703</v>
      </c>
      <c r="B9086" s="1" t="s">
        <v>7612</v>
      </c>
      <c r="C9086" s="1" t="s">
        <v>25704</v>
      </c>
      <c r="D9086" s="2">
        <v>161914</v>
      </c>
      <c r="E9086" s="1" t="s">
        <v>0</v>
      </c>
    </row>
    <row r="9087" spans="1:5" x14ac:dyDescent="0.25">
      <c r="A9087" s="2">
        <v>1817</v>
      </c>
      <c r="B9087" s="2">
        <v>1817</v>
      </c>
      <c r="C9087" s="1" t="s">
        <v>0</v>
      </c>
      <c r="D9087" s="2">
        <v>161915</v>
      </c>
      <c r="E9087" s="1" t="s">
        <v>0</v>
      </c>
    </row>
    <row r="9088" spans="1:5" x14ac:dyDescent="0.25">
      <c r="A9088" s="1" t="s">
        <v>1677</v>
      </c>
      <c r="B9088" s="1" t="s">
        <v>7613</v>
      </c>
      <c r="C9088" s="1" t="s">
        <v>25705</v>
      </c>
      <c r="D9088" s="2">
        <v>161916</v>
      </c>
      <c r="E9088" s="1" t="s">
        <v>0</v>
      </c>
    </row>
    <row r="9089" spans="1:5" x14ac:dyDescent="0.25">
      <c r="A9089" s="1" t="s">
        <v>25706</v>
      </c>
      <c r="B9089" s="1" t="s">
        <v>53084</v>
      </c>
      <c r="C9089" s="1" t="s">
        <v>25707</v>
      </c>
      <c r="D9089" s="2">
        <v>161917</v>
      </c>
      <c r="E9089" s="1" t="s">
        <v>0</v>
      </c>
    </row>
    <row r="9090" spans="1:5" ht="409.5" x14ac:dyDescent="0.25">
      <c r="A9090" s="4" t="s">
        <v>25708</v>
      </c>
      <c r="B9090" s="1" t="s">
        <v>53085</v>
      </c>
      <c r="C9090" s="1" t="s">
        <v>25709</v>
      </c>
      <c r="D9090" s="2">
        <v>161918</v>
      </c>
      <c r="E9090" s="1" t="s">
        <v>0</v>
      </c>
    </row>
    <row r="9091" spans="1:5" x14ac:dyDescent="0.25">
      <c r="A9091" s="1" t="s">
        <v>25710</v>
      </c>
      <c r="B9091" s="1" t="s">
        <v>7614</v>
      </c>
      <c r="C9091" s="1" t="s">
        <v>25711</v>
      </c>
      <c r="D9091" s="2">
        <v>161919</v>
      </c>
      <c r="E9091" s="1" t="s">
        <v>0</v>
      </c>
    </row>
    <row r="9092" spans="1:5" x14ac:dyDescent="0.25">
      <c r="A9092" s="2">
        <v>1818</v>
      </c>
      <c r="B9092" s="2">
        <v>1818</v>
      </c>
      <c r="C9092" s="1" t="s">
        <v>0</v>
      </c>
      <c r="D9092" s="2">
        <v>161920</v>
      </c>
      <c r="E9092" s="1" t="s">
        <v>0</v>
      </c>
    </row>
    <row r="9093" spans="1:5" x14ac:dyDescent="0.25">
      <c r="A9093" s="1" t="s">
        <v>1678</v>
      </c>
      <c r="B9093" s="1" t="s">
        <v>7615</v>
      </c>
      <c r="C9093" s="1" t="s">
        <v>25712</v>
      </c>
      <c r="D9093" s="2">
        <v>161921</v>
      </c>
      <c r="E9093" s="1" t="s">
        <v>0</v>
      </c>
    </row>
    <row r="9094" spans="1:5" x14ac:dyDescent="0.25">
      <c r="A9094" s="1" t="s">
        <v>25713</v>
      </c>
      <c r="B9094" s="1" t="s">
        <v>7616</v>
      </c>
      <c r="C9094" s="1" t="s">
        <v>25714</v>
      </c>
      <c r="D9094" s="2">
        <v>161922</v>
      </c>
      <c r="E9094" s="1" t="s">
        <v>0</v>
      </c>
    </row>
    <row r="9095" spans="1:5" ht="409.5" x14ac:dyDescent="0.25">
      <c r="A9095" s="4" t="s">
        <v>25715</v>
      </c>
      <c r="B9095" s="1" t="s">
        <v>7617</v>
      </c>
      <c r="C9095" s="1" t="s">
        <v>25716</v>
      </c>
      <c r="D9095" s="2">
        <v>161923</v>
      </c>
      <c r="E9095" s="1" t="s">
        <v>0</v>
      </c>
    </row>
    <row r="9096" spans="1:5" x14ac:dyDescent="0.25">
      <c r="A9096" s="1" t="s">
        <v>25717</v>
      </c>
      <c r="B9096" s="1" t="s">
        <v>53086</v>
      </c>
      <c r="C9096" s="1" t="s">
        <v>25718</v>
      </c>
      <c r="D9096" s="2">
        <v>161924</v>
      </c>
      <c r="E9096" s="1" t="s">
        <v>0</v>
      </c>
    </row>
    <row r="9097" spans="1:5" x14ac:dyDescent="0.25">
      <c r="A9097" s="2">
        <v>1819</v>
      </c>
      <c r="B9097" s="2">
        <v>1819</v>
      </c>
      <c r="C9097" s="1" t="s">
        <v>0</v>
      </c>
      <c r="D9097" s="2">
        <v>161925</v>
      </c>
      <c r="E9097" s="1" t="s">
        <v>0</v>
      </c>
    </row>
    <row r="9098" spans="1:5" x14ac:dyDescent="0.25">
      <c r="A9098" s="1" t="s">
        <v>1679</v>
      </c>
      <c r="B9098" s="1" t="s">
        <v>53087</v>
      </c>
      <c r="C9098" s="1" t="s">
        <v>25719</v>
      </c>
      <c r="D9098" s="2">
        <v>161926</v>
      </c>
      <c r="E9098" s="1" t="s">
        <v>0</v>
      </c>
    </row>
    <row r="9099" spans="1:5" x14ac:dyDescent="0.25">
      <c r="A9099" s="1" t="s">
        <v>25720</v>
      </c>
      <c r="B9099" s="1" t="s">
        <v>53088</v>
      </c>
      <c r="C9099" s="1" t="s">
        <v>25721</v>
      </c>
      <c r="D9099" s="2">
        <v>161927</v>
      </c>
      <c r="E9099" s="1" t="s">
        <v>0</v>
      </c>
    </row>
    <row r="9100" spans="1:5" ht="409.5" x14ac:dyDescent="0.25">
      <c r="A9100" s="4" t="s">
        <v>25722</v>
      </c>
      <c r="B9100" s="1" t="s">
        <v>53089</v>
      </c>
      <c r="C9100" s="1" t="s">
        <v>25723</v>
      </c>
      <c r="D9100" s="2">
        <v>161928</v>
      </c>
      <c r="E9100" s="1" t="s">
        <v>0</v>
      </c>
    </row>
    <row r="9101" spans="1:5" x14ac:dyDescent="0.25">
      <c r="A9101" s="1" t="s">
        <v>13588</v>
      </c>
      <c r="B9101" s="1" t="s">
        <v>60850</v>
      </c>
      <c r="C9101" s="1" t="s">
        <v>13589</v>
      </c>
      <c r="D9101" s="2">
        <v>161929</v>
      </c>
      <c r="E9101" s="1" t="s">
        <v>0</v>
      </c>
    </row>
    <row r="9102" spans="1:5" x14ac:dyDescent="0.25">
      <c r="A9102" s="2">
        <v>1820</v>
      </c>
      <c r="B9102" s="2">
        <v>1820</v>
      </c>
      <c r="C9102" s="1" t="s">
        <v>0</v>
      </c>
      <c r="D9102" s="2">
        <v>161930</v>
      </c>
      <c r="E9102" s="1" t="s">
        <v>0</v>
      </c>
    </row>
    <row r="9103" spans="1:5" x14ac:dyDescent="0.25">
      <c r="A9103" s="1" t="s">
        <v>1680</v>
      </c>
      <c r="B9103" s="1" t="s">
        <v>7618</v>
      </c>
      <c r="C9103" s="1" t="s">
        <v>25724</v>
      </c>
      <c r="D9103" s="2">
        <v>161931</v>
      </c>
      <c r="E9103" s="1" t="s">
        <v>0</v>
      </c>
    </row>
    <row r="9104" spans="1:5" x14ac:dyDescent="0.25">
      <c r="A9104" s="1" t="s">
        <v>25725</v>
      </c>
      <c r="B9104" s="1" t="s">
        <v>53090</v>
      </c>
      <c r="C9104" s="1" t="s">
        <v>25726</v>
      </c>
      <c r="D9104" s="2">
        <v>161932</v>
      </c>
      <c r="E9104" s="1" t="s">
        <v>0</v>
      </c>
    </row>
    <row r="9105" spans="1:5" ht="409.5" x14ac:dyDescent="0.25">
      <c r="A9105" s="4" t="s">
        <v>25727</v>
      </c>
      <c r="B9105" s="1" t="s">
        <v>53091</v>
      </c>
      <c r="C9105" s="1" t="s">
        <v>25728</v>
      </c>
      <c r="D9105" s="2">
        <v>161933</v>
      </c>
      <c r="E9105" s="1" t="s">
        <v>0</v>
      </c>
    </row>
    <row r="9106" spans="1:5" x14ac:dyDescent="0.25">
      <c r="A9106" s="1" t="s">
        <v>25729</v>
      </c>
      <c r="B9106" s="1" t="s">
        <v>7619</v>
      </c>
      <c r="C9106" s="1" t="s">
        <v>25730</v>
      </c>
      <c r="D9106" s="2">
        <v>161934</v>
      </c>
      <c r="E9106" s="1" t="s">
        <v>0</v>
      </c>
    </row>
    <row r="9107" spans="1:5" x14ac:dyDescent="0.25">
      <c r="A9107" s="2">
        <v>1821</v>
      </c>
      <c r="B9107" s="2">
        <v>1821</v>
      </c>
      <c r="C9107" s="1" t="s">
        <v>0</v>
      </c>
      <c r="D9107" s="2">
        <v>161935</v>
      </c>
      <c r="E9107" s="1" t="s">
        <v>0</v>
      </c>
    </row>
    <row r="9108" spans="1:5" x14ac:dyDescent="0.25">
      <c r="A9108" s="1" t="s">
        <v>1681</v>
      </c>
      <c r="B9108" s="1" t="s">
        <v>50634</v>
      </c>
      <c r="C9108" s="1" t="s">
        <v>25731</v>
      </c>
      <c r="D9108" s="2">
        <v>161936</v>
      </c>
      <c r="E9108" s="1" t="s">
        <v>0</v>
      </c>
    </row>
    <row r="9109" spans="1:5" x14ac:dyDescent="0.25">
      <c r="A9109" s="1" t="s">
        <v>25732</v>
      </c>
      <c r="B9109" s="1" t="s">
        <v>50635</v>
      </c>
      <c r="C9109" s="1" t="s">
        <v>25733</v>
      </c>
      <c r="D9109" s="2">
        <v>161937</v>
      </c>
      <c r="E9109" s="1" t="s">
        <v>0</v>
      </c>
    </row>
    <row r="9110" spans="1:5" ht="409.5" x14ac:dyDescent="0.25">
      <c r="A9110" s="4" t="s">
        <v>25734</v>
      </c>
      <c r="B9110" s="1" t="s">
        <v>53092</v>
      </c>
      <c r="C9110" s="1" t="s">
        <v>25735</v>
      </c>
      <c r="D9110" s="2">
        <v>161938</v>
      </c>
      <c r="E9110" s="1" t="s">
        <v>0</v>
      </c>
    </row>
    <row r="9111" spans="1:5" x14ac:dyDescent="0.25">
      <c r="A9111" s="1" t="s">
        <v>25736</v>
      </c>
      <c r="B9111" s="1" t="s">
        <v>53093</v>
      </c>
      <c r="C9111" s="1" t="s">
        <v>25737</v>
      </c>
      <c r="D9111" s="2">
        <v>161939</v>
      </c>
      <c r="E9111" s="1" t="s">
        <v>0</v>
      </c>
    </row>
    <row r="9112" spans="1:5" x14ac:dyDescent="0.25">
      <c r="A9112" s="2">
        <v>1822</v>
      </c>
      <c r="B9112" s="2">
        <v>1822</v>
      </c>
      <c r="C9112" s="1" t="s">
        <v>0</v>
      </c>
      <c r="D9112" s="2">
        <v>161940</v>
      </c>
      <c r="E9112" s="1" t="s">
        <v>0</v>
      </c>
    </row>
    <row r="9113" spans="1:5" x14ac:dyDescent="0.25">
      <c r="A9113" s="1" t="s">
        <v>1682</v>
      </c>
      <c r="B9113" s="1" t="s">
        <v>7620</v>
      </c>
      <c r="C9113" s="1" t="s">
        <v>25738</v>
      </c>
      <c r="D9113" s="2">
        <v>161941</v>
      </c>
      <c r="E9113" s="1" t="s">
        <v>0</v>
      </c>
    </row>
    <row r="9114" spans="1:5" x14ac:dyDescent="0.25">
      <c r="A9114" s="1" t="s">
        <v>25739</v>
      </c>
      <c r="B9114" s="1" t="s">
        <v>53094</v>
      </c>
      <c r="C9114" s="1" t="s">
        <v>25740</v>
      </c>
      <c r="D9114" s="2">
        <v>161942</v>
      </c>
      <c r="E9114" s="1" t="s">
        <v>0</v>
      </c>
    </row>
    <row r="9115" spans="1:5" ht="409.5" x14ac:dyDescent="0.25">
      <c r="A9115" s="4" t="s">
        <v>25741</v>
      </c>
      <c r="B9115" s="1" t="s">
        <v>53095</v>
      </c>
      <c r="C9115" s="1" t="s">
        <v>25742</v>
      </c>
      <c r="D9115" s="2">
        <v>161943</v>
      </c>
      <c r="E9115" s="1" t="s">
        <v>0</v>
      </c>
    </row>
    <row r="9116" spans="1:5" x14ac:dyDescent="0.25">
      <c r="A9116" s="1" t="s">
        <v>25743</v>
      </c>
      <c r="B9116" s="1" t="s">
        <v>7621</v>
      </c>
      <c r="C9116" s="1" t="s">
        <v>25744</v>
      </c>
      <c r="D9116" s="2">
        <v>161944</v>
      </c>
      <c r="E9116" s="1" t="s">
        <v>0</v>
      </c>
    </row>
    <row r="9117" spans="1:5" x14ac:dyDescent="0.25">
      <c r="A9117" s="2">
        <v>1823</v>
      </c>
      <c r="B9117" s="2">
        <v>1823</v>
      </c>
      <c r="C9117" s="1" t="s">
        <v>0</v>
      </c>
      <c r="D9117" s="2">
        <v>161945</v>
      </c>
      <c r="E9117" s="1" t="s">
        <v>0</v>
      </c>
    </row>
    <row r="9118" spans="1:5" x14ac:dyDescent="0.25">
      <c r="A9118" s="1" t="s">
        <v>1683</v>
      </c>
      <c r="B9118" s="1" t="s">
        <v>7622</v>
      </c>
      <c r="C9118" s="1" t="s">
        <v>25745</v>
      </c>
      <c r="D9118" s="2">
        <v>161946</v>
      </c>
      <c r="E9118" s="1" t="s">
        <v>0</v>
      </c>
    </row>
    <row r="9119" spans="1:5" x14ac:dyDescent="0.25">
      <c r="A9119" s="1" t="s">
        <v>25746</v>
      </c>
      <c r="B9119" s="1" t="s">
        <v>63302</v>
      </c>
      <c r="C9119" s="1" t="s">
        <v>25747</v>
      </c>
      <c r="D9119" s="2">
        <v>161947</v>
      </c>
      <c r="E9119" s="1" t="s">
        <v>0</v>
      </c>
    </row>
    <row r="9120" spans="1:5" ht="409.5" x14ac:dyDescent="0.25">
      <c r="A9120" s="4" t="s">
        <v>25748</v>
      </c>
      <c r="B9120" s="1" t="s">
        <v>63303</v>
      </c>
      <c r="C9120" s="1" t="s">
        <v>25749</v>
      </c>
      <c r="D9120" s="2">
        <v>161948</v>
      </c>
      <c r="E9120" s="1" t="s">
        <v>0</v>
      </c>
    </row>
    <row r="9121" spans="1:5" x14ac:dyDescent="0.25">
      <c r="A9121" s="1" t="s">
        <v>25750</v>
      </c>
      <c r="B9121" s="1" t="s">
        <v>53096</v>
      </c>
      <c r="C9121" s="1" t="s">
        <v>25751</v>
      </c>
      <c r="D9121" s="2">
        <v>161949</v>
      </c>
      <c r="E9121" s="1" t="s">
        <v>0</v>
      </c>
    </row>
    <row r="9122" spans="1:5" x14ac:dyDescent="0.25">
      <c r="A9122" s="2">
        <v>1824</v>
      </c>
      <c r="B9122" s="2">
        <v>1824</v>
      </c>
      <c r="C9122" s="1" t="s">
        <v>0</v>
      </c>
      <c r="D9122" s="2">
        <v>161950</v>
      </c>
      <c r="E9122" s="1" t="s">
        <v>0</v>
      </c>
    </row>
    <row r="9123" spans="1:5" x14ac:dyDescent="0.25">
      <c r="A9123" s="1" t="s">
        <v>1684</v>
      </c>
      <c r="B9123" s="1" t="s">
        <v>7623</v>
      </c>
      <c r="C9123" s="1" t="s">
        <v>25752</v>
      </c>
      <c r="D9123" s="2">
        <v>161951</v>
      </c>
      <c r="E9123" s="1" t="s">
        <v>0</v>
      </c>
    </row>
    <row r="9124" spans="1:5" x14ac:dyDescent="0.25">
      <c r="A9124" s="1" t="s">
        <v>25753</v>
      </c>
      <c r="B9124" s="1" t="s">
        <v>61059</v>
      </c>
      <c r="C9124" s="1" t="s">
        <v>25754</v>
      </c>
      <c r="D9124" s="2">
        <v>161952</v>
      </c>
      <c r="E9124" s="1" t="s">
        <v>0</v>
      </c>
    </row>
    <row r="9125" spans="1:5" ht="409.5" x14ac:dyDescent="0.25">
      <c r="A9125" s="4" t="s">
        <v>25755</v>
      </c>
      <c r="B9125" s="1" t="s">
        <v>61060</v>
      </c>
      <c r="C9125" s="1" t="s">
        <v>25756</v>
      </c>
      <c r="D9125" s="2">
        <v>161953</v>
      </c>
      <c r="E9125" s="1" t="s">
        <v>0</v>
      </c>
    </row>
    <row r="9126" spans="1:5" x14ac:dyDescent="0.25">
      <c r="A9126" s="1" t="s">
        <v>25757</v>
      </c>
      <c r="B9126" s="1" t="s">
        <v>53097</v>
      </c>
      <c r="C9126" s="1" t="s">
        <v>25758</v>
      </c>
      <c r="D9126" s="2">
        <v>161954</v>
      </c>
      <c r="E9126" s="1" t="s">
        <v>0</v>
      </c>
    </row>
    <row r="9127" spans="1:5" x14ac:dyDescent="0.25">
      <c r="A9127" s="2">
        <v>1825</v>
      </c>
      <c r="B9127" s="2">
        <v>1825</v>
      </c>
      <c r="C9127" s="1" t="s">
        <v>0</v>
      </c>
      <c r="D9127" s="2">
        <v>161955</v>
      </c>
      <c r="E9127" s="1" t="s">
        <v>0</v>
      </c>
    </row>
    <row r="9128" spans="1:5" x14ac:dyDescent="0.25">
      <c r="A9128" s="1" t="s">
        <v>1685</v>
      </c>
      <c r="B9128" s="1" t="s">
        <v>56933</v>
      </c>
      <c r="C9128" s="1" t="s">
        <v>25759</v>
      </c>
      <c r="D9128" s="2">
        <v>161956</v>
      </c>
      <c r="E9128" s="1" t="s">
        <v>0</v>
      </c>
    </row>
    <row r="9129" spans="1:5" x14ac:dyDescent="0.25">
      <c r="A9129" s="1" t="s">
        <v>61787</v>
      </c>
      <c r="B9129" s="1" t="s">
        <v>7624</v>
      </c>
      <c r="C9129" s="1" t="s">
        <v>25760</v>
      </c>
      <c r="D9129" s="2">
        <v>161957</v>
      </c>
      <c r="E9129" s="1" t="s">
        <v>0</v>
      </c>
    </row>
    <row r="9130" spans="1:5" ht="409.5" x14ac:dyDescent="0.25">
      <c r="A9130" s="4" t="s">
        <v>61788</v>
      </c>
      <c r="B9130" s="1" t="s">
        <v>56934</v>
      </c>
      <c r="C9130" s="1" t="s">
        <v>25761</v>
      </c>
      <c r="D9130" s="2">
        <v>161958</v>
      </c>
      <c r="E9130" s="1" t="s">
        <v>0</v>
      </c>
    </row>
    <row r="9131" spans="1:5" x14ac:dyDescent="0.25">
      <c r="A9131" s="1" t="s">
        <v>25762</v>
      </c>
      <c r="B9131" s="1" t="s">
        <v>53098</v>
      </c>
      <c r="C9131" s="1" t="s">
        <v>25763</v>
      </c>
      <c r="D9131" s="2">
        <v>161959</v>
      </c>
      <c r="E9131" s="1" t="s">
        <v>0</v>
      </c>
    </row>
    <row r="9132" spans="1:5" x14ac:dyDescent="0.25">
      <c r="A9132" s="2">
        <v>1826</v>
      </c>
      <c r="B9132" s="2">
        <v>1826</v>
      </c>
      <c r="C9132" s="1" t="s">
        <v>0</v>
      </c>
      <c r="D9132" s="2">
        <v>161960</v>
      </c>
      <c r="E9132" s="1" t="s">
        <v>0</v>
      </c>
    </row>
    <row r="9133" spans="1:5" x14ac:dyDescent="0.25">
      <c r="A9133" s="1" t="s">
        <v>1686</v>
      </c>
      <c r="B9133" s="1" t="s">
        <v>7625</v>
      </c>
      <c r="C9133" s="1" t="s">
        <v>25764</v>
      </c>
      <c r="D9133" s="2">
        <v>161961</v>
      </c>
      <c r="E9133" s="1" t="s">
        <v>0</v>
      </c>
    </row>
    <row r="9134" spans="1:5" x14ac:dyDescent="0.25">
      <c r="A9134" s="1" t="s">
        <v>25765</v>
      </c>
      <c r="B9134" s="1" t="s">
        <v>53099</v>
      </c>
      <c r="C9134" s="1" t="s">
        <v>25766</v>
      </c>
      <c r="D9134" s="2">
        <v>161962</v>
      </c>
      <c r="E9134" s="1" t="s">
        <v>0</v>
      </c>
    </row>
    <row r="9135" spans="1:5" ht="409.5" x14ac:dyDescent="0.25">
      <c r="A9135" s="4" t="s">
        <v>25767</v>
      </c>
      <c r="B9135" s="1" t="s">
        <v>53100</v>
      </c>
      <c r="C9135" s="1" t="s">
        <v>25768</v>
      </c>
      <c r="D9135" s="2">
        <v>161963</v>
      </c>
      <c r="E9135" s="1" t="s">
        <v>0</v>
      </c>
    </row>
    <row r="9136" spans="1:5" x14ac:dyDescent="0.25">
      <c r="A9136" s="1" t="s">
        <v>25769</v>
      </c>
      <c r="B9136" s="1" t="s">
        <v>57190</v>
      </c>
      <c r="C9136" s="1" t="s">
        <v>25770</v>
      </c>
      <c r="D9136" s="2">
        <v>161964</v>
      </c>
      <c r="E9136" s="1" t="s">
        <v>0</v>
      </c>
    </row>
    <row r="9137" spans="1:5" x14ac:dyDescent="0.25">
      <c r="A9137" s="2">
        <v>1827</v>
      </c>
      <c r="B9137" s="2">
        <v>1827</v>
      </c>
      <c r="C9137" s="1" t="s">
        <v>0</v>
      </c>
      <c r="D9137" s="2">
        <v>161965</v>
      </c>
      <c r="E9137" s="1" t="s">
        <v>0</v>
      </c>
    </row>
    <row r="9138" spans="1:5" x14ac:dyDescent="0.25">
      <c r="A9138" s="1" t="s">
        <v>1687</v>
      </c>
      <c r="B9138" s="1" t="s">
        <v>53101</v>
      </c>
      <c r="C9138" s="1" t="s">
        <v>25771</v>
      </c>
      <c r="D9138" s="2">
        <v>161966</v>
      </c>
      <c r="E9138" s="1" t="s">
        <v>0</v>
      </c>
    </row>
    <row r="9139" spans="1:5" x14ac:dyDescent="0.25">
      <c r="A9139" s="1" t="s">
        <v>25772</v>
      </c>
      <c r="B9139" s="1" t="s">
        <v>50636</v>
      </c>
      <c r="C9139" s="1" t="s">
        <v>25773</v>
      </c>
      <c r="D9139" s="2">
        <v>161967</v>
      </c>
      <c r="E9139" s="1" t="s">
        <v>0</v>
      </c>
    </row>
    <row r="9140" spans="1:5" ht="409.5" x14ac:dyDescent="0.25">
      <c r="A9140" s="4" t="s">
        <v>25774</v>
      </c>
      <c r="B9140" s="1" t="s">
        <v>53102</v>
      </c>
      <c r="C9140" s="1" t="s">
        <v>25775</v>
      </c>
      <c r="D9140" s="2">
        <v>161968</v>
      </c>
      <c r="E9140" s="1" t="s">
        <v>0</v>
      </c>
    </row>
    <row r="9141" spans="1:5" x14ac:dyDescent="0.25">
      <c r="A9141" s="1" t="s">
        <v>25776</v>
      </c>
      <c r="B9141" s="1" t="s">
        <v>61061</v>
      </c>
      <c r="C9141" s="1" t="s">
        <v>25777</v>
      </c>
      <c r="D9141" s="2">
        <v>161969</v>
      </c>
      <c r="E9141" s="1" t="s">
        <v>0</v>
      </c>
    </row>
    <row r="9142" spans="1:5" x14ac:dyDescent="0.25">
      <c r="A9142" s="2">
        <v>1828</v>
      </c>
      <c r="B9142" s="2">
        <v>1828</v>
      </c>
      <c r="C9142" s="1" t="s">
        <v>0</v>
      </c>
      <c r="D9142" s="2">
        <v>161970</v>
      </c>
      <c r="E9142" s="1" t="s">
        <v>0</v>
      </c>
    </row>
    <row r="9143" spans="1:5" x14ac:dyDescent="0.25">
      <c r="A9143" s="1" t="s">
        <v>1688</v>
      </c>
      <c r="B9143" s="1" t="s">
        <v>7626</v>
      </c>
      <c r="C9143" s="1" t="s">
        <v>25778</v>
      </c>
      <c r="D9143" s="2">
        <v>161971</v>
      </c>
      <c r="E9143" s="1" t="s">
        <v>0</v>
      </c>
    </row>
    <row r="9144" spans="1:5" x14ac:dyDescent="0.25">
      <c r="A9144" s="1" t="s">
        <v>25779</v>
      </c>
      <c r="B9144" s="1" t="s">
        <v>62341</v>
      </c>
      <c r="C9144" s="1" t="s">
        <v>25780</v>
      </c>
      <c r="D9144" s="2">
        <v>161972</v>
      </c>
      <c r="E9144" s="1" t="s">
        <v>0</v>
      </c>
    </row>
    <row r="9145" spans="1:5" ht="409.5" x14ac:dyDescent="0.25">
      <c r="A9145" s="4" t="s">
        <v>25781</v>
      </c>
      <c r="B9145" s="1" t="s">
        <v>62342</v>
      </c>
      <c r="C9145" s="1" t="s">
        <v>25782</v>
      </c>
      <c r="D9145" s="2">
        <v>161973</v>
      </c>
      <c r="E9145" s="1" t="s">
        <v>0</v>
      </c>
    </row>
    <row r="9146" spans="1:5" x14ac:dyDescent="0.25">
      <c r="A9146" s="1" t="s">
        <v>25783</v>
      </c>
      <c r="B9146" s="1" t="s">
        <v>53103</v>
      </c>
      <c r="C9146" s="1" t="s">
        <v>25784</v>
      </c>
      <c r="D9146" s="2">
        <v>161974</v>
      </c>
      <c r="E9146" s="1" t="s">
        <v>0</v>
      </c>
    </row>
    <row r="9147" spans="1:5" x14ac:dyDescent="0.25">
      <c r="A9147" s="2">
        <v>1829</v>
      </c>
      <c r="B9147" s="2">
        <v>1829</v>
      </c>
      <c r="C9147" s="1" t="s">
        <v>0</v>
      </c>
      <c r="D9147" s="2">
        <v>161975</v>
      </c>
      <c r="E9147" s="1" t="s">
        <v>0</v>
      </c>
    </row>
    <row r="9148" spans="1:5" x14ac:dyDescent="0.25">
      <c r="A9148" s="1" t="s">
        <v>1689</v>
      </c>
      <c r="B9148" s="1" t="s">
        <v>7627</v>
      </c>
      <c r="C9148" s="1" t="s">
        <v>25785</v>
      </c>
      <c r="D9148" s="2">
        <v>161976</v>
      </c>
      <c r="E9148" s="1" t="s">
        <v>0</v>
      </c>
    </row>
    <row r="9149" spans="1:5" x14ac:dyDescent="0.25">
      <c r="A9149" s="1" t="s">
        <v>25786</v>
      </c>
      <c r="B9149" s="1" t="s">
        <v>7628</v>
      </c>
      <c r="C9149" s="1" t="s">
        <v>25787</v>
      </c>
      <c r="D9149" s="2">
        <v>161977</v>
      </c>
      <c r="E9149" s="1" t="s">
        <v>0</v>
      </c>
    </row>
    <row r="9150" spans="1:5" ht="409.5" x14ac:dyDescent="0.25">
      <c r="A9150" s="4" t="s">
        <v>25788</v>
      </c>
      <c r="B9150" s="1" t="s">
        <v>57483</v>
      </c>
      <c r="C9150" s="1" t="s">
        <v>25789</v>
      </c>
      <c r="D9150" s="2">
        <v>161978</v>
      </c>
      <c r="E9150" s="1" t="s">
        <v>0</v>
      </c>
    </row>
    <row r="9151" spans="1:5" x14ac:dyDescent="0.25">
      <c r="A9151" s="1" t="s">
        <v>25790</v>
      </c>
      <c r="B9151" s="1" t="s">
        <v>53104</v>
      </c>
      <c r="C9151" s="1" t="s">
        <v>25791</v>
      </c>
      <c r="D9151" s="2">
        <v>161979</v>
      </c>
      <c r="E9151" s="1" t="s">
        <v>0</v>
      </c>
    </row>
    <row r="9152" spans="1:5" x14ac:dyDescent="0.25">
      <c r="A9152" s="2">
        <v>1830</v>
      </c>
      <c r="B9152" s="2">
        <v>1830</v>
      </c>
      <c r="C9152" s="1" t="s">
        <v>0</v>
      </c>
      <c r="D9152" s="2">
        <v>161980</v>
      </c>
      <c r="E9152" s="1" t="s">
        <v>0</v>
      </c>
    </row>
    <row r="9153" spans="1:5" x14ac:dyDescent="0.25">
      <c r="A9153" s="1" t="s">
        <v>7629</v>
      </c>
      <c r="B9153" s="1" t="s">
        <v>7630</v>
      </c>
      <c r="C9153" s="1" t="s">
        <v>25792</v>
      </c>
      <c r="D9153" s="2">
        <v>161981</v>
      </c>
      <c r="E9153" s="1" t="s">
        <v>0</v>
      </c>
    </row>
    <row r="9154" spans="1:5" x14ac:dyDescent="0.25">
      <c r="A9154" s="1" t="s">
        <v>25793</v>
      </c>
      <c r="B9154" s="1" t="s">
        <v>25794</v>
      </c>
      <c r="C9154" s="1" t="s">
        <v>25795</v>
      </c>
      <c r="D9154" s="2">
        <v>161982</v>
      </c>
      <c r="E9154" s="1" t="s">
        <v>0</v>
      </c>
    </row>
    <row r="9155" spans="1:5" ht="409.5" x14ac:dyDescent="0.25">
      <c r="A9155" s="4" t="s">
        <v>25796</v>
      </c>
      <c r="B9155" s="1" t="s">
        <v>53105</v>
      </c>
      <c r="C9155" s="1" t="s">
        <v>25797</v>
      </c>
      <c r="D9155" s="2">
        <v>161983</v>
      </c>
      <c r="E9155" s="1" t="s">
        <v>0</v>
      </c>
    </row>
    <row r="9156" spans="1:5" x14ac:dyDescent="0.25">
      <c r="A9156" s="1" t="s">
        <v>19208</v>
      </c>
      <c r="B9156" s="1" t="s">
        <v>57143</v>
      </c>
      <c r="C9156" s="1" t="s">
        <v>19209</v>
      </c>
      <c r="D9156" s="2">
        <v>161984</v>
      </c>
      <c r="E9156" s="1" t="s">
        <v>0</v>
      </c>
    </row>
    <row r="9157" spans="1:5" x14ac:dyDescent="0.25">
      <c r="A9157" s="2">
        <v>1831</v>
      </c>
      <c r="B9157" s="2">
        <v>1831</v>
      </c>
      <c r="C9157" s="1" t="s">
        <v>0</v>
      </c>
      <c r="D9157" s="2">
        <v>161985</v>
      </c>
      <c r="E9157" s="1" t="s">
        <v>0</v>
      </c>
    </row>
    <row r="9158" spans="1:5" x14ac:dyDescent="0.25">
      <c r="A9158" s="1" t="s">
        <v>1690</v>
      </c>
      <c r="B9158" s="1" t="s">
        <v>50637</v>
      </c>
      <c r="C9158" s="1" t="s">
        <v>25798</v>
      </c>
      <c r="D9158" s="2">
        <v>161986</v>
      </c>
      <c r="E9158" s="1" t="s">
        <v>0</v>
      </c>
    </row>
    <row r="9159" spans="1:5" x14ac:dyDescent="0.25">
      <c r="A9159" s="1" t="s">
        <v>25799</v>
      </c>
      <c r="B9159" s="1" t="s">
        <v>50638</v>
      </c>
      <c r="C9159" s="1" t="s">
        <v>25800</v>
      </c>
      <c r="D9159" s="2">
        <v>161987</v>
      </c>
      <c r="E9159" s="1" t="s">
        <v>0</v>
      </c>
    </row>
    <row r="9160" spans="1:5" ht="409.5" x14ac:dyDescent="0.25">
      <c r="A9160" s="4" t="s">
        <v>25801</v>
      </c>
      <c r="B9160" s="1" t="s">
        <v>60837</v>
      </c>
      <c r="C9160" s="1" t="s">
        <v>25802</v>
      </c>
      <c r="D9160" s="2">
        <v>161988</v>
      </c>
      <c r="E9160" s="1" t="s">
        <v>0</v>
      </c>
    </row>
    <row r="9161" spans="1:5" x14ac:dyDescent="0.25">
      <c r="A9161" s="1" t="s">
        <v>25803</v>
      </c>
      <c r="B9161" s="1" t="s">
        <v>53106</v>
      </c>
      <c r="C9161" s="1" t="s">
        <v>25804</v>
      </c>
      <c r="D9161" s="2">
        <v>161989</v>
      </c>
      <c r="E9161" s="1" t="s">
        <v>0</v>
      </c>
    </row>
    <row r="9162" spans="1:5" x14ac:dyDescent="0.25">
      <c r="A9162" s="2">
        <v>1832</v>
      </c>
      <c r="B9162" s="2">
        <v>1832</v>
      </c>
      <c r="C9162" s="1" t="s">
        <v>0</v>
      </c>
      <c r="D9162" s="2">
        <v>161990</v>
      </c>
      <c r="E9162" s="1" t="s">
        <v>0</v>
      </c>
    </row>
    <row r="9163" spans="1:5" x14ac:dyDescent="0.25">
      <c r="A9163" s="1" t="s">
        <v>1691</v>
      </c>
      <c r="B9163" s="1" t="s">
        <v>7631</v>
      </c>
      <c r="C9163" s="1" t="s">
        <v>25805</v>
      </c>
      <c r="D9163" s="2">
        <v>161991</v>
      </c>
      <c r="E9163" s="1" t="s">
        <v>0</v>
      </c>
    </row>
    <row r="9164" spans="1:5" x14ac:dyDescent="0.25">
      <c r="A9164" s="1" t="s">
        <v>25806</v>
      </c>
      <c r="B9164" s="1" t="s">
        <v>53107</v>
      </c>
      <c r="C9164" s="1" t="s">
        <v>25807</v>
      </c>
      <c r="D9164" s="2">
        <v>161992</v>
      </c>
      <c r="E9164" s="1" t="s">
        <v>0</v>
      </c>
    </row>
    <row r="9165" spans="1:5" ht="409.5" x14ac:dyDescent="0.25">
      <c r="A9165" s="4" t="s">
        <v>25808</v>
      </c>
      <c r="B9165" s="1" t="s">
        <v>53108</v>
      </c>
      <c r="C9165" s="1" t="s">
        <v>25809</v>
      </c>
      <c r="D9165" s="2">
        <v>161993</v>
      </c>
      <c r="E9165" s="1" t="s">
        <v>0</v>
      </c>
    </row>
    <row r="9166" spans="1:5" x14ac:dyDescent="0.25">
      <c r="A9166" s="1" t="s">
        <v>25810</v>
      </c>
      <c r="B9166" s="1" t="s">
        <v>53109</v>
      </c>
      <c r="C9166" s="1" t="s">
        <v>25811</v>
      </c>
      <c r="D9166" s="2">
        <v>161994</v>
      </c>
      <c r="E9166" s="1" t="s">
        <v>0</v>
      </c>
    </row>
    <row r="9167" spans="1:5" x14ac:dyDescent="0.25">
      <c r="A9167" s="2">
        <v>1833</v>
      </c>
      <c r="B9167" s="2">
        <v>1833</v>
      </c>
      <c r="C9167" s="1" t="s">
        <v>0</v>
      </c>
      <c r="D9167" s="2">
        <v>161995</v>
      </c>
      <c r="E9167" s="1" t="s">
        <v>0</v>
      </c>
    </row>
    <row r="9168" spans="1:5" x14ac:dyDescent="0.25">
      <c r="A9168" s="1" t="s">
        <v>1692</v>
      </c>
      <c r="B9168" s="1" t="s">
        <v>7632</v>
      </c>
      <c r="C9168" s="1" t="s">
        <v>25812</v>
      </c>
      <c r="D9168" s="2">
        <v>161996</v>
      </c>
      <c r="E9168" s="1" t="s">
        <v>0</v>
      </c>
    </row>
    <row r="9169" spans="1:5" x14ac:dyDescent="0.25">
      <c r="A9169" s="1" t="s">
        <v>25813</v>
      </c>
      <c r="B9169" s="1" t="s">
        <v>59929</v>
      </c>
      <c r="C9169" s="1" t="s">
        <v>25814</v>
      </c>
      <c r="D9169" s="2">
        <v>161997</v>
      </c>
      <c r="E9169" s="1" t="s">
        <v>0</v>
      </c>
    </row>
    <row r="9170" spans="1:5" ht="409.5" x14ac:dyDescent="0.25">
      <c r="A9170" s="4" t="s">
        <v>25815</v>
      </c>
      <c r="B9170" s="1" t="s">
        <v>62343</v>
      </c>
      <c r="C9170" s="1" t="s">
        <v>25816</v>
      </c>
      <c r="D9170" s="2">
        <v>161998</v>
      </c>
      <c r="E9170" s="1" t="s">
        <v>0</v>
      </c>
    </row>
    <row r="9171" spans="1:5" x14ac:dyDescent="0.25">
      <c r="A9171" s="1" t="s">
        <v>25817</v>
      </c>
      <c r="B9171" s="1" t="s">
        <v>7633</v>
      </c>
      <c r="C9171" s="1" t="s">
        <v>25818</v>
      </c>
      <c r="D9171" s="2">
        <v>161999</v>
      </c>
      <c r="E9171" s="1" t="s">
        <v>0</v>
      </c>
    </row>
    <row r="9172" spans="1:5" x14ac:dyDescent="0.25">
      <c r="A9172" s="2">
        <v>1834</v>
      </c>
      <c r="B9172" s="2">
        <v>1834</v>
      </c>
      <c r="C9172" s="1" t="s">
        <v>0</v>
      </c>
      <c r="D9172" s="2">
        <v>162000</v>
      </c>
      <c r="E9172" s="1" t="s">
        <v>0</v>
      </c>
    </row>
    <row r="9173" spans="1:5" x14ac:dyDescent="0.25">
      <c r="A9173" s="1" t="s">
        <v>1693</v>
      </c>
      <c r="B9173" s="1" t="s">
        <v>7634</v>
      </c>
      <c r="C9173" s="1" t="s">
        <v>25819</v>
      </c>
      <c r="D9173" s="2">
        <v>162001</v>
      </c>
      <c r="E9173" s="1" t="s">
        <v>0</v>
      </c>
    </row>
    <row r="9174" spans="1:5" x14ac:dyDescent="0.25">
      <c r="A9174" s="1" t="s">
        <v>25820</v>
      </c>
      <c r="B9174" s="1" t="s">
        <v>53110</v>
      </c>
      <c r="C9174" s="1" t="s">
        <v>25821</v>
      </c>
      <c r="D9174" s="2">
        <v>162002</v>
      </c>
      <c r="E9174" s="1" t="s">
        <v>0</v>
      </c>
    </row>
    <row r="9175" spans="1:5" ht="409.5" x14ac:dyDescent="0.25">
      <c r="A9175" s="4" t="s">
        <v>25822</v>
      </c>
      <c r="B9175" s="1" t="s">
        <v>53111</v>
      </c>
      <c r="C9175" s="1" t="s">
        <v>25823</v>
      </c>
      <c r="D9175" s="2">
        <v>162003</v>
      </c>
      <c r="E9175" s="1" t="s">
        <v>0</v>
      </c>
    </row>
    <row r="9176" spans="1:5" x14ac:dyDescent="0.25">
      <c r="A9176" s="1" t="s">
        <v>25824</v>
      </c>
      <c r="B9176" s="1" t="s">
        <v>7635</v>
      </c>
      <c r="C9176" s="1" t="s">
        <v>25825</v>
      </c>
      <c r="D9176" s="2">
        <v>162004</v>
      </c>
      <c r="E9176" s="1" t="s">
        <v>0</v>
      </c>
    </row>
    <row r="9177" spans="1:5" x14ac:dyDescent="0.25">
      <c r="A9177" s="2">
        <v>1835</v>
      </c>
      <c r="B9177" s="2">
        <v>1835</v>
      </c>
      <c r="C9177" s="1" t="s">
        <v>0</v>
      </c>
      <c r="D9177" s="2">
        <v>162005</v>
      </c>
      <c r="E9177" s="1" t="s">
        <v>0</v>
      </c>
    </row>
    <row r="9178" spans="1:5" x14ac:dyDescent="0.25">
      <c r="A9178" s="1" t="s">
        <v>1694</v>
      </c>
      <c r="B9178" s="1" t="s">
        <v>7636</v>
      </c>
      <c r="C9178" s="1" t="s">
        <v>25826</v>
      </c>
      <c r="D9178" s="2">
        <v>162006</v>
      </c>
      <c r="E9178" s="1" t="s">
        <v>0</v>
      </c>
    </row>
    <row r="9179" spans="1:5" x14ac:dyDescent="0.25">
      <c r="A9179" s="1" t="s">
        <v>25827</v>
      </c>
      <c r="B9179" s="1" t="s">
        <v>7637</v>
      </c>
      <c r="C9179" s="1" t="s">
        <v>25828</v>
      </c>
      <c r="D9179" s="2">
        <v>162007</v>
      </c>
      <c r="E9179" s="1" t="s">
        <v>0</v>
      </c>
    </row>
    <row r="9180" spans="1:5" ht="409.5" x14ac:dyDescent="0.25">
      <c r="A9180" s="4" t="s">
        <v>25829</v>
      </c>
      <c r="B9180" s="1" t="s">
        <v>57808</v>
      </c>
      <c r="C9180" s="1" t="s">
        <v>25830</v>
      </c>
      <c r="D9180" s="2">
        <v>162008</v>
      </c>
      <c r="E9180" s="1" t="s">
        <v>0</v>
      </c>
    </row>
    <row r="9181" spans="1:5" x14ac:dyDescent="0.25">
      <c r="A9181" s="1" t="s">
        <v>25831</v>
      </c>
      <c r="B9181" s="1" t="s">
        <v>53112</v>
      </c>
      <c r="C9181" s="1" t="s">
        <v>25832</v>
      </c>
      <c r="D9181" s="2">
        <v>162009</v>
      </c>
      <c r="E9181" s="1" t="s">
        <v>0</v>
      </c>
    </row>
    <row r="9182" spans="1:5" x14ac:dyDescent="0.25">
      <c r="A9182" s="2">
        <v>1836</v>
      </c>
      <c r="B9182" s="2">
        <v>1836</v>
      </c>
      <c r="C9182" s="1" t="s">
        <v>0</v>
      </c>
      <c r="D9182" s="2">
        <v>162010</v>
      </c>
      <c r="E9182" s="1" t="s">
        <v>0</v>
      </c>
    </row>
    <row r="9183" spans="1:5" x14ac:dyDescent="0.25">
      <c r="A9183" s="1" t="s">
        <v>1695</v>
      </c>
      <c r="B9183" s="1" t="s">
        <v>7638</v>
      </c>
      <c r="C9183" s="1" t="s">
        <v>25833</v>
      </c>
      <c r="D9183" s="2">
        <v>162011</v>
      </c>
      <c r="E9183" s="1" t="s">
        <v>0</v>
      </c>
    </row>
    <row r="9184" spans="1:5" x14ac:dyDescent="0.25">
      <c r="A9184" s="1" t="s">
        <v>25834</v>
      </c>
      <c r="B9184" s="1" t="s">
        <v>7639</v>
      </c>
      <c r="C9184" s="1" t="s">
        <v>25835</v>
      </c>
      <c r="D9184" s="2">
        <v>162012</v>
      </c>
      <c r="E9184" s="1" t="s">
        <v>0</v>
      </c>
    </row>
    <row r="9185" spans="1:5" x14ac:dyDescent="0.25">
      <c r="A9185" s="1" t="s">
        <v>25836</v>
      </c>
      <c r="B9185" s="1" t="s">
        <v>7640</v>
      </c>
      <c r="C9185" s="1" t="s">
        <v>25837</v>
      </c>
      <c r="D9185" s="2">
        <v>162013</v>
      </c>
      <c r="E9185" s="1" t="s">
        <v>0</v>
      </c>
    </row>
    <row r="9186" spans="1:5" x14ac:dyDescent="0.25">
      <c r="A9186" s="1" t="s">
        <v>25838</v>
      </c>
      <c r="B9186" s="1" t="s">
        <v>7641</v>
      </c>
      <c r="C9186" s="1" t="s">
        <v>25839</v>
      </c>
      <c r="D9186" s="2">
        <v>162014</v>
      </c>
      <c r="E9186" s="1" t="s">
        <v>0</v>
      </c>
    </row>
    <row r="9187" spans="1:5" x14ac:dyDescent="0.25">
      <c r="A9187" s="2">
        <v>1837</v>
      </c>
      <c r="B9187" s="2">
        <v>1837</v>
      </c>
      <c r="C9187" s="1" t="s">
        <v>0</v>
      </c>
      <c r="D9187" s="2">
        <v>162015</v>
      </c>
      <c r="E9187" s="1" t="s">
        <v>0</v>
      </c>
    </row>
    <row r="9188" spans="1:5" x14ac:dyDescent="0.25">
      <c r="A9188" s="1" t="s">
        <v>1696</v>
      </c>
      <c r="B9188" s="1" t="s">
        <v>7642</v>
      </c>
      <c r="C9188" s="1" t="s">
        <v>25840</v>
      </c>
      <c r="D9188" s="2">
        <v>162016</v>
      </c>
      <c r="E9188" s="1" t="s">
        <v>0</v>
      </c>
    </row>
    <row r="9189" spans="1:5" x14ac:dyDescent="0.25">
      <c r="A9189" s="1" t="s">
        <v>25841</v>
      </c>
      <c r="B9189" s="1" t="s">
        <v>53113</v>
      </c>
      <c r="C9189" s="1" t="s">
        <v>25842</v>
      </c>
      <c r="D9189" s="2">
        <v>162017</v>
      </c>
      <c r="E9189" s="1" t="s">
        <v>0</v>
      </c>
    </row>
    <row r="9190" spans="1:5" ht="409.5" x14ac:dyDescent="0.25">
      <c r="A9190" s="4" t="s">
        <v>25843</v>
      </c>
      <c r="B9190" s="1" t="s">
        <v>53114</v>
      </c>
      <c r="C9190" s="1" t="s">
        <v>25844</v>
      </c>
      <c r="D9190" s="2">
        <v>162018</v>
      </c>
      <c r="E9190" s="1" t="s">
        <v>0</v>
      </c>
    </row>
    <row r="9191" spans="1:5" x14ac:dyDescent="0.25">
      <c r="A9191" s="1" t="s">
        <v>25845</v>
      </c>
      <c r="B9191" s="1" t="s">
        <v>61062</v>
      </c>
      <c r="C9191" s="1" t="s">
        <v>25846</v>
      </c>
      <c r="D9191" s="2">
        <v>162019</v>
      </c>
      <c r="E9191" s="1" t="s">
        <v>0</v>
      </c>
    </row>
    <row r="9192" spans="1:5" x14ac:dyDescent="0.25">
      <c r="A9192" s="2">
        <v>1838</v>
      </c>
      <c r="B9192" s="2">
        <v>1838</v>
      </c>
      <c r="C9192" s="1" t="s">
        <v>0</v>
      </c>
      <c r="D9192" s="2">
        <v>162020</v>
      </c>
      <c r="E9192" s="1" t="s">
        <v>0</v>
      </c>
    </row>
    <row r="9193" spans="1:5" x14ac:dyDescent="0.25">
      <c r="A9193" s="1" t="s">
        <v>1697</v>
      </c>
      <c r="B9193" s="1" t="s">
        <v>7643</v>
      </c>
      <c r="C9193" s="1" t="s">
        <v>25847</v>
      </c>
      <c r="D9193" s="2">
        <v>162021</v>
      </c>
      <c r="E9193" s="1" t="s">
        <v>0</v>
      </c>
    </row>
    <row r="9194" spans="1:5" x14ac:dyDescent="0.25">
      <c r="A9194" s="1" t="s">
        <v>25848</v>
      </c>
      <c r="B9194" s="1" t="s">
        <v>53115</v>
      </c>
      <c r="C9194" s="1" t="s">
        <v>25849</v>
      </c>
      <c r="D9194" s="2">
        <v>162022</v>
      </c>
      <c r="E9194" s="1" t="s">
        <v>0</v>
      </c>
    </row>
    <row r="9195" spans="1:5" ht="409.5" x14ac:dyDescent="0.25">
      <c r="A9195" s="4" t="s">
        <v>25850</v>
      </c>
      <c r="B9195" s="1" t="s">
        <v>53116</v>
      </c>
      <c r="C9195" s="1" t="s">
        <v>25851</v>
      </c>
      <c r="D9195" s="2">
        <v>162023</v>
      </c>
      <c r="E9195" s="1" t="s">
        <v>0</v>
      </c>
    </row>
    <row r="9196" spans="1:5" x14ac:dyDescent="0.25">
      <c r="A9196" s="1" t="s">
        <v>25852</v>
      </c>
      <c r="B9196" s="1" t="s">
        <v>7644</v>
      </c>
      <c r="C9196" s="1" t="s">
        <v>25853</v>
      </c>
      <c r="D9196" s="2">
        <v>162024</v>
      </c>
      <c r="E9196" s="1" t="s">
        <v>0</v>
      </c>
    </row>
    <row r="9197" spans="1:5" x14ac:dyDescent="0.25">
      <c r="A9197" s="2">
        <v>1839</v>
      </c>
      <c r="B9197" s="2">
        <v>1839</v>
      </c>
      <c r="C9197" s="1" t="s">
        <v>0</v>
      </c>
      <c r="D9197" s="2">
        <v>162025</v>
      </c>
      <c r="E9197" s="1" t="s">
        <v>0</v>
      </c>
    </row>
    <row r="9198" spans="1:5" x14ac:dyDescent="0.25">
      <c r="A9198" s="1" t="s">
        <v>1698</v>
      </c>
      <c r="B9198" s="1" t="s">
        <v>7645</v>
      </c>
      <c r="C9198" s="1" t="s">
        <v>25854</v>
      </c>
      <c r="D9198" s="2">
        <v>162026</v>
      </c>
      <c r="E9198" s="1" t="s">
        <v>0</v>
      </c>
    </row>
    <row r="9199" spans="1:5" x14ac:dyDescent="0.25">
      <c r="A9199" s="1" t="s">
        <v>25855</v>
      </c>
      <c r="B9199" s="1" t="s">
        <v>7646</v>
      </c>
      <c r="C9199" s="1" t="s">
        <v>25856</v>
      </c>
      <c r="D9199" s="2">
        <v>162027</v>
      </c>
      <c r="E9199" s="1" t="s">
        <v>0</v>
      </c>
    </row>
    <row r="9200" spans="1:5" ht="409.5" x14ac:dyDescent="0.25">
      <c r="A9200" s="4" t="s">
        <v>25857</v>
      </c>
      <c r="B9200" s="1" t="s">
        <v>59930</v>
      </c>
      <c r="C9200" s="1" t="s">
        <v>25858</v>
      </c>
      <c r="D9200" s="2">
        <v>162028</v>
      </c>
      <c r="E9200" s="1" t="s">
        <v>0</v>
      </c>
    </row>
    <row r="9201" spans="1:5" x14ac:dyDescent="0.25">
      <c r="A9201" s="1" t="s">
        <v>25859</v>
      </c>
      <c r="B9201" s="1" t="s">
        <v>53117</v>
      </c>
      <c r="C9201" s="1" t="s">
        <v>25860</v>
      </c>
      <c r="D9201" s="2">
        <v>162029</v>
      </c>
      <c r="E9201" s="1" t="s">
        <v>0</v>
      </c>
    </row>
    <row r="9202" spans="1:5" x14ac:dyDescent="0.25">
      <c r="A9202" s="2">
        <v>1840</v>
      </c>
      <c r="B9202" s="2">
        <v>1840</v>
      </c>
      <c r="C9202" s="1" t="s">
        <v>0</v>
      </c>
      <c r="D9202" s="2">
        <v>162030</v>
      </c>
      <c r="E9202" s="1" t="s">
        <v>0</v>
      </c>
    </row>
    <row r="9203" spans="1:5" x14ac:dyDescent="0.25">
      <c r="A9203" s="1" t="s">
        <v>1699</v>
      </c>
      <c r="B9203" s="1" t="s">
        <v>7647</v>
      </c>
      <c r="C9203" s="1" t="s">
        <v>25861</v>
      </c>
      <c r="D9203" s="2">
        <v>162031</v>
      </c>
      <c r="E9203" s="1" t="s">
        <v>0</v>
      </c>
    </row>
    <row r="9204" spans="1:5" x14ac:dyDescent="0.25">
      <c r="A9204" s="1" t="s">
        <v>25862</v>
      </c>
      <c r="B9204" s="1" t="s">
        <v>7648</v>
      </c>
      <c r="C9204" s="1" t="s">
        <v>25863</v>
      </c>
      <c r="D9204" s="2">
        <v>162032</v>
      </c>
      <c r="E9204" s="1" t="s">
        <v>0</v>
      </c>
    </row>
    <row r="9205" spans="1:5" ht="409.5" x14ac:dyDescent="0.25">
      <c r="A9205" s="4" t="s">
        <v>25864</v>
      </c>
      <c r="B9205" s="1" t="s">
        <v>53118</v>
      </c>
      <c r="C9205" s="1" t="s">
        <v>25865</v>
      </c>
      <c r="D9205" s="2">
        <v>162033</v>
      </c>
      <c r="E9205" s="1" t="s">
        <v>0</v>
      </c>
    </row>
    <row r="9206" spans="1:5" x14ac:dyDescent="0.25">
      <c r="A9206" s="1" t="s">
        <v>25866</v>
      </c>
      <c r="B9206" s="1" t="s">
        <v>53119</v>
      </c>
      <c r="C9206" s="1" t="s">
        <v>25867</v>
      </c>
      <c r="D9206" s="2">
        <v>162034</v>
      </c>
      <c r="E9206" s="1" t="s">
        <v>0</v>
      </c>
    </row>
    <row r="9207" spans="1:5" x14ac:dyDescent="0.25">
      <c r="A9207" s="2">
        <v>1841</v>
      </c>
      <c r="B9207" s="2">
        <v>1841</v>
      </c>
      <c r="C9207" s="1" t="s">
        <v>0</v>
      </c>
      <c r="D9207" s="2">
        <v>162035</v>
      </c>
      <c r="E9207" s="1" t="s">
        <v>0</v>
      </c>
    </row>
    <row r="9208" spans="1:5" x14ac:dyDescent="0.25">
      <c r="A9208" s="1" t="s">
        <v>1700</v>
      </c>
      <c r="B9208" s="1" t="s">
        <v>7649</v>
      </c>
      <c r="C9208" s="1" t="s">
        <v>25868</v>
      </c>
      <c r="D9208" s="2">
        <v>162036</v>
      </c>
      <c r="E9208" s="1" t="s">
        <v>0</v>
      </c>
    </row>
    <row r="9209" spans="1:5" x14ac:dyDescent="0.25">
      <c r="A9209" s="1" t="s">
        <v>25869</v>
      </c>
      <c r="B9209" s="1" t="s">
        <v>53120</v>
      </c>
      <c r="C9209" s="1" t="s">
        <v>25870</v>
      </c>
      <c r="D9209" s="2">
        <v>162037</v>
      </c>
      <c r="E9209" s="1" t="s">
        <v>0</v>
      </c>
    </row>
    <row r="9210" spans="1:5" ht="409.5" x14ac:dyDescent="0.25">
      <c r="A9210" s="4" t="s">
        <v>25871</v>
      </c>
      <c r="B9210" s="1" t="s">
        <v>57809</v>
      </c>
      <c r="C9210" s="1" t="s">
        <v>25872</v>
      </c>
      <c r="D9210" s="2">
        <v>162038</v>
      </c>
      <c r="E9210" s="1" t="s">
        <v>0</v>
      </c>
    </row>
    <row r="9211" spans="1:5" x14ac:dyDescent="0.25">
      <c r="A9211" s="1" t="s">
        <v>25873</v>
      </c>
      <c r="B9211" s="1" t="s">
        <v>7650</v>
      </c>
      <c r="C9211" s="1" t="s">
        <v>25874</v>
      </c>
      <c r="D9211" s="2">
        <v>162039</v>
      </c>
      <c r="E9211" s="1" t="s">
        <v>0</v>
      </c>
    </row>
    <row r="9212" spans="1:5" x14ac:dyDescent="0.25">
      <c r="A9212" s="2">
        <v>1842</v>
      </c>
      <c r="B9212" s="2">
        <v>1842</v>
      </c>
      <c r="C9212" s="1" t="s">
        <v>0</v>
      </c>
      <c r="D9212" s="2">
        <v>162040</v>
      </c>
      <c r="E9212" s="1" t="s">
        <v>0</v>
      </c>
    </row>
    <row r="9213" spans="1:5" x14ac:dyDescent="0.25">
      <c r="A9213" s="1" t="s">
        <v>1701</v>
      </c>
      <c r="B9213" s="1" t="s">
        <v>7651</v>
      </c>
      <c r="C9213" s="1" t="s">
        <v>25875</v>
      </c>
      <c r="D9213" s="2">
        <v>162041</v>
      </c>
      <c r="E9213" s="1" t="s">
        <v>0</v>
      </c>
    </row>
    <row r="9214" spans="1:5" x14ac:dyDescent="0.25">
      <c r="A9214" s="1" t="s">
        <v>25876</v>
      </c>
      <c r="B9214" s="1" t="s">
        <v>58731</v>
      </c>
      <c r="C9214" s="1" t="s">
        <v>25877</v>
      </c>
      <c r="D9214" s="2">
        <v>162042</v>
      </c>
      <c r="E9214" s="1" t="s">
        <v>0</v>
      </c>
    </row>
    <row r="9215" spans="1:5" ht="409.5" x14ac:dyDescent="0.25">
      <c r="A9215" s="4" t="s">
        <v>25878</v>
      </c>
      <c r="B9215" s="1" t="s">
        <v>58732</v>
      </c>
      <c r="C9215" s="1" t="s">
        <v>25879</v>
      </c>
      <c r="D9215" s="2">
        <v>162043</v>
      </c>
      <c r="E9215" s="1" t="s">
        <v>0</v>
      </c>
    </row>
    <row r="9216" spans="1:5" x14ac:dyDescent="0.25">
      <c r="A9216" s="1" t="s">
        <v>25880</v>
      </c>
      <c r="B9216" s="1" t="s">
        <v>7652</v>
      </c>
      <c r="C9216" s="1" t="s">
        <v>25881</v>
      </c>
      <c r="D9216" s="2">
        <v>162044</v>
      </c>
      <c r="E9216" s="1" t="s">
        <v>0</v>
      </c>
    </row>
    <row r="9217" spans="1:5" x14ac:dyDescent="0.25">
      <c r="A9217" s="2">
        <v>1843</v>
      </c>
      <c r="B9217" s="2">
        <v>1843</v>
      </c>
      <c r="C9217" s="1" t="s">
        <v>0</v>
      </c>
      <c r="D9217" s="2">
        <v>162045</v>
      </c>
      <c r="E9217" s="1" t="s">
        <v>0</v>
      </c>
    </row>
    <row r="9218" spans="1:5" x14ac:dyDescent="0.25">
      <c r="A9218" s="1" t="s">
        <v>1702</v>
      </c>
      <c r="B9218" s="1" t="s">
        <v>7653</v>
      </c>
      <c r="C9218" s="1" t="s">
        <v>25882</v>
      </c>
      <c r="D9218" s="2">
        <v>162046</v>
      </c>
      <c r="E9218" s="1" t="s">
        <v>0</v>
      </c>
    </row>
    <row r="9219" spans="1:5" x14ac:dyDescent="0.25">
      <c r="A9219" s="1" t="s">
        <v>25883</v>
      </c>
      <c r="B9219" s="1" t="s">
        <v>53121</v>
      </c>
      <c r="C9219" s="1" t="s">
        <v>25884</v>
      </c>
      <c r="D9219" s="2">
        <v>162047</v>
      </c>
      <c r="E9219" s="1" t="s">
        <v>0</v>
      </c>
    </row>
    <row r="9220" spans="1:5" ht="409.5" x14ac:dyDescent="0.25">
      <c r="A9220" s="4" t="s">
        <v>25885</v>
      </c>
      <c r="B9220" s="1" t="s">
        <v>53122</v>
      </c>
      <c r="C9220" s="1" t="s">
        <v>25886</v>
      </c>
      <c r="D9220" s="2">
        <v>162048</v>
      </c>
      <c r="E9220" s="1" t="s">
        <v>0</v>
      </c>
    </row>
    <row r="9221" spans="1:5" x14ac:dyDescent="0.25">
      <c r="A9221" s="1" t="s">
        <v>25887</v>
      </c>
      <c r="B9221" s="1" t="s">
        <v>7654</v>
      </c>
      <c r="C9221" s="1" t="s">
        <v>25888</v>
      </c>
      <c r="D9221" s="2">
        <v>162049</v>
      </c>
      <c r="E9221" s="1" t="s">
        <v>0</v>
      </c>
    </row>
    <row r="9222" spans="1:5" x14ac:dyDescent="0.25">
      <c r="A9222" s="2">
        <v>1844</v>
      </c>
      <c r="B9222" s="2">
        <v>1844</v>
      </c>
      <c r="C9222" s="1" t="s">
        <v>0</v>
      </c>
      <c r="D9222" s="2">
        <v>162050</v>
      </c>
      <c r="E9222" s="1" t="s">
        <v>0</v>
      </c>
    </row>
    <row r="9223" spans="1:5" x14ac:dyDescent="0.25">
      <c r="A9223" s="1" t="s">
        <v>1703</v>
      </c>
      <c r="B9223" s="1" t="s">
        <v>7655</v>
      </c>
      <c r="C9223" s="1" t="s">
        <v>25889</v>
      </c>
      <c r="D9223" s="2">
        <v>162051</v>
      </c>
      <c r="E9223" s="1" t="s">
        <v>0</v>
      </c>
    </row>
    <row r="9224" spans="1:5" x14ac:dyDescent="0.25">
      <c r="A9224" s="1" t="s">
        <v>25890</v>
      </c>
      <c r="B9224" s="1" t="s">
        <v>53123</v>
      </c>
      <c r="C9224" s="1" t="s">
        <v>25891</v>
      </c>
      <c r="D9224" s="2">
        <v>162052</v>
      </c>
      <c r="E9224" s="1" t="s">
        <v>0</v>
      </c>
    </row>
    <row r="9225" spans="1:5" ht="409.5" x14ac:dyDescent="0.25">
      <c r="A9225" s="4" t="s">
        <v>25892</v>
      </c>
      <c r="B9225" s="1" t="s">
        <v>53124</v>
      </c>
      <c r="C9225" s="1" t="s">
        <v>25893</v>
      </c>
      <c r="D9225" s="2">
        <v>162053</v>
      </c>
      <c r="E9225" s="1" t="s">
        <v>0</v>
      </c>
    </row>
    <row r="9226" spans="1:5" x14ac:dyDescent="0.25">
      <c r="A9226" s="1" t="s">
        <v>25894</v>
      </c>
      <c r="B9226" s="1" t="s">
        <v>53125</v>
      </c>
      <c r="C9226" s="1" t="s">
        <v>25895</v>
      </c>
      <c r="D9226" s="2">
        <v>162054</v>
      </c>
      <c r="E9226" s="1" t="s">
        <v>0</v>
      </c>
    </row>
    <row r="9227" spans="1:5" x14ac:dyDescent="0.25">
      <c r="A9227" s="2">
        <v>1845</v>
      </c>
      <c r="B9227" s="2">
        <v>1845</v>
      </c>
      <c r="C9227" s="1" t="s">
        <v>0</v>
      </c>
      <c r="D9227" s="2">
        <v>162055</v>
      </c>
      <c r="E9227" s="1" t="s">
        <v>0</v>
      </c>
    </row>
    <row r="9228" spans="1:5" x14ac:dyDescent="0.25">
      <c r="A9228" s="1" t="s">
        <v>1704</v>
      </c>
      <c r="B9228" s="1" t="s">
        <v>7656</v>
      </c>
      <c r="C9228" s="1" t="s">
        <v>25896</v>
      </c>
      <c r="D9228" s="2">
        <v>162056</v>
      </c>
      <c r="E9228" s="1" t="s">
        <v>0</v>
      </c>
    </row>
    <row r="9229" spans="1:5" x14ac:dyDescent="0.25">
      <c r="A9229" s="1" t="s">
        <v>25897</v>
      </c>
      <c r="B9229" s="1" t="s">
        <v>7657</v>
      </c>
      <c r="C9229" s="1" t="s">
        <v>25898</v>
      </c>
      <c r="D9229" s="2">
        <v>162057</v>
      </c>
      <c r="E9229" s="1" t="s">
        <v>0</v>
      </c>
    </row>
    <row r="9230" spans="1:5" ht="409.5" x14ac:dyDescent="0.25">
      <c r="A9230" s="4" t="s">
        <v>25899</v>
      </c>
      <c r="B9230" s="1" t="s">
        <v>61629</v>
      </c>
      <c r="C9230" s="1" t="s">
        <v>25900</v>
      </c>
      <c r="D9230" s="2">
        <v>162058</v>
      </c>
      <c r="E9230" s="1" t="s">
        <v>0</v>
      </c>
    </row>
    <row r="9231" spans="1:5" x14ac:dyDescent="0.25">
      <c r="A9231" s="1" t="s">
        <v>25901</v>
      </c>
      <c r="B9231" s="1" t="s">
        <v>53126</v>
      </c>
      <c r="C9231" s="1" t="s">
        <v>25902</v>
      </c>
      <c r="D9231" s="2">
        <v>162059</v>
      </c>
      <c r="E9231" s="1" t="s">
        <v>0</v>
      </c>
    </row>
    <row r="9232" spans="1:5" x14ac:dyDescent="0.25">
      <c r="A9232" s="2">
        <v>1846</v>
      </c>
      <c r="B9232" s="2">
        <v>1846</v>
      </c>
      <c r="C9232" s="1" t="s">
        <v>0</v>
      </c>
      <c r="D9232" s="2">
        <v>162060</v>
      </c>
      <c r="E9232" s="1" t="s">
        <v>0</v>
      </c>
    </row>
    <row r="9233" spans="1:5" x14ac:dyDescent="0.25">
      <c r="A9233" s="1" t="s">
        <v>1705</v>
      </c>
      <c r="B9233" s="1" t="s">
        <v>7658</v>
      </c>
      <c r="C9233" s="1" t="s">
        <v>25903</v>
      </c>
      <c r="D9233" s="2">
        <v>162061</v>
      </c>
      <c r="E9233" s="1" t="s">
        <v>0</v>
      </c>
    </row>
    <row r="9234" spans="1:5" x14ac:dyDescent="0.25">
      <c r="A9234" s="1" t="s">
        <v>25904</v>
      </c>
      <c r="B9234" s="1" t="s">
        <v>53127</v>
      </c>
      <c r="C9234" s="1" t="s">
        <v>25905</v>
      </c>
      <c r="D9234" s="2">
        <v>162062</v>
      </c>
      <c r="E9234" s="1" t="s">
        <v>0</v>
      </c>
    </row>
    <row r="9235" spans="1:5" ht="409.5" x14ac:dyDescent="0.25">
      <c r="A9235" s="4" t="s">
        <v>25906</v>
      </c>
      <c r="B9235" s="1" t="s">
        <v>53128</v>
      </c>
      <c r="C9235" s="1" t="s">
        <v>25907</v>
      </c>
      <c r="D9235" s="2">
        <v>162063</v>
      </c>
      <c r="E9235" s="1" t="s">
        <v>0</v>
      </c>
    </row>
    <row r="9236" spans="1:5" x14ac:dyDescent="0.25">
      <c r="A9236" s="1" t="s">
        <v>25908</v>
      </c>
      <c r="B9236" s="1" t="s">
        <v>61063</v>
      </c>
      <c r="C9236" s="1" t="s">
        <v>25909</v>
      </c>
      <c r="D9236" s="2">
        <v>162064</v>
      </c>
      <c r="E9236" s="1" t="s">
        <v>0</v>
      </c>
    </row>
    <row r="9237" spans="1:5" x14ac:dyDescent="0.25">
      <c r="A9237" s="2">
        <v>1847</v>
      </c>
      <c r="B9237" s="2">
        <v>1847</v>
      </c>
      <c r="C9237" s="1" t="s">
        <v>0</v>
      </c>
      <c r="D9237" s="2">
        <v>162065</v>
      </c>
      <c r="E9237" s="1" t="s">
        <v>0</v>
      </c>
    </row>
    <row r="9238" spans="1:5" x14ac:dyDescent="0.25">
      <c r="A9238" s="1" t="s">
        <v>1706</v>
      </c>
      <c r="B9238" s="1" t="s">
        <v>7659</v>
      </c>
      <c r="C9238" s="1" t="s">
        <v>25910</v>
      </c>
      <c r="D9238" s="2">
        <v>162066</v>
      </c>
      <c r="E9238" s="1" t="s">
        <v>0</v>
      </c>
    </row>
    <row r="9239" spans="1:5" x14ac:dyDescent="0.25">
      <c r="A9239" s="1" t="s">
        <v>25911</v>
      </c>
      <c r="B9239" s="1" t="s">
        <v>53129</v>
      </c>
      <c r="C9239" s="1" t="s">
        <v>25912</v>
      </c>
      <c r="D9239" s="2">
        <v>162067</v>
      </c>
      <c r="E9239" s="1" t="s">
        <v>0</v>
      </c>
    </row>
    <row r="9240" spans="1:5" ht="409.5" x14ac:dyDescent="0.25">
      <c r="A9240" s="4" t="s">
        <v>25913</v>
      </c>
      <c r="B9240" s="1" t="s">
        <v>53130</v>
      </c>
      <c r="C9240" s="1" t="s">
        <v>25914</v>
      </c>
      <c r="D9240" s="2">
        <v>162068</v>
      </c>
      <c r="E9240" s="1" t="s">
        <v>0</v>
      </c>
    </row>
    <row r="9241" spans="1:5" x14ac:dyDescent="0.25">
      <c r="A9241" s="1" t="s">
        <v>25915</v>
      </c>
      <c r="B9241" s="1" t="s">
        <v>7660</v>
      </c>
      <c r="C9241" s="1" t="s">
        <v>25916</v>
      </c>
      <c r="D9241" s="2">
        <v>162069</v>
      </c>
      <c r="E9241" s="1" t="s">
        <v>0</v>
      </c>
    </row>
    <row r="9242" spans="1:5" x14ac:dyDescent="0.25">
      <c r="A9242" s="2">
        <v>1848</v>
      </c>
      <c r="B9242" s="2">
        <v>1848</v>
      </c>
      <c r="C9242" s="1" t="s">
        <v>0</v>
      </c>
      <c r="D9242" s="2">
        <v>162070</v>
      </c>
      <c r="E9242" s="1" t="s">
        <v>0</v>
      </c>
    </row>
    <row r="9243" spans="1:5" x14ac:dyDescent="0.25">
      <c r="A9243" s="1" t="s">
        <v>1707</v>
      </c>
      <c r="B9243" s="1" t="s">
        <v>7661</v>
      </c>
      <c r="C9243" s="1" t="s">
        <v>25917</v>
      </c>
      <c r="D9243" s="2">
        <v>162071</v>
      </c>
      <c r="E9243" s="1" t="s">
        <v>0</v>
      </c>
    </row>
    <row r="9244" spans="1:5" x14ac:dyDescent="0.25">
      <c r="A9244" s="1" t="s">
        <v>64115</v>
      </c>
      <c r="B9244" s="1" t="s">
        <v>63674</v>
      </c>
      <c r="C9244" s="1" t="s">
        <v>25918</v>
      </c>
      <c r="D9244" s="2">
        <v>162072</v>
      </c>
      <c r="E9244" s="1" t="s">
        <v>0</v>
      </c>
    </row>
    <row r="9245" spans="1:5" ht="409.5" x14ac:dyDescent="0.25">
      <c r="A9245" s="4" t="s">
        <v>64116</v>
      </c>
      <c r="B9245" s="1" t="s">
        <v>63675</v>
      </c>
      <c r="C9245" s="1" t="s">
        <v>25919</v>
      </c>
      <c r="D9245" s="2">
        <v>162073</v>
      </c>
      <c r="E9245" s="1" t="s">
        <v>0</v>
      </c>
    </row>
    <row r="9246" spans="1:5" x14ac:dyDescent="0.25">
      <c r="A9246" s="1" t="s">
        <v>23597</v>
      </c>
      <c r="B9246" s="1" t="s">
        <v>61029</v>
      </c>
      <c r="C9246" s="1" t="s">
        <v>23598</v>
      </c>
      <c r="D9246" s="2">
        <v>162074</v>
      </c>
      <c r="E9246" s="1" t="s">
        <v>0</v>
      </c>
    </row>
    <row r="9247" spans="1:5" x14ac:dyDescent="0.25">
      <c r="A9247" s="2">
        <v>1849</v>
      </c>
      <c r="B9247" s="2">
        <v>1849</v>
      </c>
      <c r="C9247" s="1" t="s">
        <v>0</v>
      </c>
      <c r="D9247" s="2">
        <v>162075</v>
      </c>
      <c r="E9247" s="1" t="s">
        <v>0</v>
      </c>
    </row>
    <row r="9248" spans="1:5" x14ac:dyDescent="0.25">
      <c r="A9248" s="1" t="s">
        <v>13080</v>
      </c>
      <c r="B9248" s="1" t="s">
        <v>13081</v>
      </c>
      <c r="C9248" s="1" t="s">
        <v>25920</v>
      </c>
      <c r="D9248" s="2">
        <v>162076</v>
      </c>
      <c r="E9248" s="1" t="s">
        <v>0</v>
      </c>
    </row>
    <row r="9249" spans="1:5" x14ac:dyDescent="0.25">
      <c r="A9249" s="1" t="s">
        <v>25921</v>
      </c>
      <c r="B9249" s="1" t="s">
        <v>53131</v>
      </c>
      <c r="C9249" s="1" t="s">
        <v>25922</v>
      </c>
      <c r="D9249" s="2">
        <v>162077</v>
      </c>
      <c r="E9249" s="1" t="s">
        <v>0</v>
      </c>
    </row>
    <row r="9250" spans="1:5" ht="409.5" x14ac:dyDescent="0.25">
      <c r="A9250" s="4" t="s">
        <v>25923</v>
      </c>
      <c r="B9250" s="1" t="s">
        <v>53132</v>
      </c>
      <c r="C9250" s="1" t="s">
        <v>25924</v>
      </c>
      <c r="D9250" s="2">
        <v>162078</v>
      </c>
      <c r="E9250" s="1" t="s">
        <v>0</v>
      </c>
    </row>
    <row r="9251" spans="1:5" x14ac:dyDescent="0.25">
      <c r="A9251" s="1" t="s">
        <v>25925</v>
      </c>
      <c r="B9251" s="1" t="s">
        <v>7662</v>
      </c>
      <c r="C9251" s="1" t="s">
        <v>25926</v>
      </c>
      <c r="D9251" s="2">
        <v>162079</v>
      </c>
      <c r="E9251" s="1" t="s">
        <v>0</v>
      </c>
    </row>
    <row r="9252" spans="1:5" x14ac:dyDescent="0.25">
      <c r="A9252" s="2">
        <v>1850</v>
      </c>
      <c r="B9252" s="2">
        <v>1850</v>
      </c>
      <c r="C9252" s="1" t="s">
        <v>0</v>
      </c>
      <c r="D9252" s="2">
        <v>162080</v>
      </c>
      <c r="E9252" s="1" t="s">
        <v>0</v>
      </c>
    </row>
    <row r="9253" spans="1:5" x14ac:dyDescent="0.25">
      <c r="A9253" s="1" t="s">
        <v>7663</v>
      </c>
      <c r="B9253" s="1" t="s">
        <v>7664</v>
      </c>
      <c r="C9253" s="1" t="s">
        <v>25927</v>
      </c>
      <c r="D9253" s="2">
        <v>162081</v>
      </c>
      <c r="E9253" s="1" t="s">
        <v>0</v>
      </c>
    </row>
    <row r="9254" spans="1:5" x14ac:dyDescent="0.25">
      <c r="A9254" s="1" t="s">
        <v>25928</v>
      </c>
      <c r="B9254" s="1" t="s">
        <v>59005</v>
      </c>
      <c r="C9254" s="1" t="s">
        <v>25929</v>
      </c>
      <c r="D9254" s="2">
        <v>162082</v>
      </c>
      <c r="E9254" s="1" t="s">
        <v>0</v>
      </c>
    </row>
    <row r="9255" spans="1:5" ht="409.5" x14ac:dyDescent="0.25">
      <c r="A9255" s="4" t="s">
        <v>64117</v>
      </c>
      <c r="B9255" s="1" t="s">
        <v>59006</v>
      </c>
      <c r="C9255" s="1" t="s">
        <v>25930</v>
      </c>
      <c r="D9255" s="2">
        <v>162083</v>
      </c>
      <c r="E9255" s="1" t="s">
        <v>0</v>
      </c>
    </row>
    <row r="9256" spans="1:5" x14ac:dyDescent="0.25">
      <c r="A9256" s="1" t="s">
        <v>25931</v>
      </c>
      <c r="B9256" s="1" t="s">
        <v>7665</v>
      </c>
      <c r="C9256" s="1" t="s">
        <v>25932</v>
      </c>
      <c r="D9256" s="2">
        <v>162084</v>
      </c>
      <c r="E9256" s="1" t="s">
        <v>0</v>
      </c>
    </row>
    <row r="9257" spans="1:5" x14ac:dyDescent="0.25">
      <c r="A9257" s="2">
        <v>1851</v>
      </c>
      <c r="B9257" s="2">
        <v>1851</v>
      </c>
      <c r="C9257" s="1" t="s">
        <v>0</v>
      </c>
      <c r="D9257" s="2">
        <v>162085</v>
      </c>
      <c r="E9257" s="1" t="s">
        <v>0</v>
      </c>
    </row>
    <row r="9258" spans="1:5" x14ac:dyDescent="0.25">
      <c r="A9258" s="1" t="s">
        <v>1708</v>
      </c>
      <c r="B9258" s="1" t="s">
        <v>50639</v>
      </c>
      <c r="C9258" s="1" t="s">
        <v>25933</v>
      </c>
      <c r="D9258" s="2">
        <v>162086</v>
      </c>
      <c r="E9258" s="1" t="s">
        <v>0</v>
      </c>
    </row>
    <row r="9259" spans="1:5" x14ac:dyDescent="0.25">
      <c r="A9259" s="1" t="s">
        <v>25934</v>
      </c>
      <c r="B9259" s="1" t="s">
        <v>53133</v>
      </c>
      <c r="C9259" s="1" t="s">
        <v>25935</v>
      </c>
      <c r="D9259" s="2">
        <v>162087</v>
      </c>
      <c r="E9259" s="1" t="s">
        <v>0</v>
      </c>
    </row>
    <row r="9260" spans="1:5" ht="409.5" x14ac:dyDescent="0.25">
      <c r="A9260" s="4" t="s">
        <v>25936</v>
      </c>
      <c r="B9260" s="1" t="s">
        <v>53134</v>
      </c>
      <c r="C9260" s="1" t="s">
        <v>25937</v>
      </c>
      <c r="D9260" s="2">
        <v>162088</v>
      </c>
      <c r="E9260" s="1" t="s">
        <v>0</v>
      </c>
    </row>
    <row r="9261" spans="1:5" x14ac:dyDescent="0.25">
      <c r="A9261" s="1" t="s">
        <v>25938</v>
      </c>
      <c r="B9261" s="1" t="s">
        <v>57191</v>
      </c>
      <c r="C9261" s="1" t="s">
        <v>25939</v>
      </c>
      <c r="D9261" s="2">
        <v>162089</v>
      </c>
      <c r="E9261" s="1" t="s">
        <v>0</v>
      </c>
    </row>
    <row r="9262" spans="1:5" x14ac:dyDescent="0.25">
      <c r="A9262" s="2">
        <v>1852</v>
      </c>
      <c r="B9262" s="2">
        <v>1852</v>
      </c>
      <c r="C9262" s="1" t="s">
        <v>0</v>
      </c>
      <c r="D9262" s="2">
        <v>162090</v>
      </c>
      <c r="E9262" s="1" t="s">
        <v>0</v>
      </c>
    </row>
    <row r="9263" spans="1:5" x14ac:dyDescent="0.25">
      <c r="A9263" s="1" t="s">
        <v>1709</v>
      </c>
      <c r="B9263" s="1" t="s">
        <v>7666</v>
      </c>
      <c r="C9263" s="1" t="s">
        <v>25940</v>
      </c>
      <c r="D9263" s="2">
        <v>162091</v>
      </c>
      <c r="E9263" s="1" t="s">
        <v>0</v>
      </c>
    </row>
    <row r="9264" spans="1:5" x14ac:dyDescent="0.25">
      <c r="A9264" s="1" t="s">
        <v>25941</v>
      </c>
      <c r="B9264" s="1" t="s">
        <v>7667</v>
      </c>
      <c r="C9264" s="1" t="s">
        <v>25942</v>
      </c>
      <c r="D9264" s="2">
        <v>162092</v>
      </c>
      <c r="E9264" s="1" t="s">
        <v>0</v>
      </c>
    </row>
    <row r="9265" spans="1:5" ht="409.5" x14ac:dyDescent="0.25">
      <c r="A9265" s="4" t="s">
        <v>25943</v>
      </c>
      <c r="B9265" s="1" t="s">
        <v>59591</v>
      </c>
      <c r="C9265" s="1" t="s">
        <v>25944</v>
      </c>
      <c r="D9265" s="2">
        <v>162093</v>
      </c>
      <c r="E9265" s="1" t="s">
        <v>0</v>
      </c>
    </row>
    <row r="9266" spans="1:5" x14ac:dyDescent="0.25">
      <c r="A9266" s="1" t="s">
        <v>25945</v>
      </c>
      <c r="B9266" s="1" t="s">
        <v>53135</v>
      </c>
      <c r="C9266" s="1" t="s">
        <v>25946</v>
      </c>
      <c r="D9266" s="2">
        <v>162094</v>
      </c>
      <c r="E9266" s="1" t="s">
        <v>0</v>
      </c>
    </row>
    <row r="9267" spans="1:5" x14ac:dyDescent="0.25">
      <c r="A9267" s="2">
        <v>1853</v>
      </c>
      <c r="B9267" s="2">
        <v>1853</v>
      </c>
      <c r="C9267" s="1" t="s">
        <v>0</v>
      </c>
      <c r="D9267" s="2">
        <v>162095</v>
      </c>
      <c r="E9267" s="1" t="s">
        <v>0</v>
      </c>
    </row>
    <row r="9268" spans="1:5" x14ac:dyDescent="0.25">
      <c r="A9268" s="1" t="s">
        <v>1710</v>
      </c>
      <c r="B9268" s="1" t="s">
        <v>7668</v>
      </c>
      <c r="C9268" s="1" t="s">
        <v>25947</v>
      </c>
      <c r="D9268" s="2">
        <v>162096</v>
      </c>
      <c r="E9268" s="1" t="s">
        <v>0</v>
      </c>
    </row>
    <row r="9269" spans="1:5" x14ac:dyDescent="0.25">
      <c r="A9269" s="1" t="s">
        <v>25948</v>
      </c>
      <c r="B9269" s="1" t="s">
        <v>60592</v>
      </c>
      <c r="C9269" s="1" t="s">
        <v>25949</v>
      </c>
      <c r="D9269" s="2">
        <v>162097</v>
      </c>
      <c r="E9269" s="1" t="s">
        <v>0</v>
      </c>
    </row>
    <row r="9270" spans="1:5" ht="409.5" x14ac:dyDescent="0.25">
      <c r="A9270" s="4" t="s">
        <v>25950</v>
      </c>
      <c r="B9270" s="1" t="s">
        <v>60593</v>
      </c>
      <c r="C9270" s="1" t="s">
        <v>25951</v>
      </c>
      <c r="D9270" s="2">
        <v>162098</v>
      </c>
      <c r="E9270" s="1" t="s">
        <v>0</v>
      </c>
    </row>
    <row r="9271" spans="1:5" x14ac:dyDescent="0.25">
      <c r="A9271" s="1" t="s">
        <v>25952</v>
      </c>
      <c r="B9271" s="1" t="s">
        <v>53136</v>
      </c>
      <c r="C9271" s="1" t="s">
        <v>25953</v>
      </c>
      <c r="D9271" s="2">
        <v>162099</v>
      </c>
      <c r="E9271" s="1" t="s">
        <v>0</v>
      </c>
    </row>
    <row r="9272" spans="1:5" x14ac:dyDescent="0.25">
      <c r="A9272" s="2">
        <v>1854</v>
      </c>
      <c r="B9272" s="2">
        <v>1854</v>
      </c>
      <c r="C9272" s="1" t="s">
        <v>0</v>
      </c>
      <c r="D9272" s="2">
        <v>162100</v>
      </c>
      <c r="E9272" s="1" t="s">
        <v>0</v>
      </c>
    </row>
    <row r="9273" spans="1:5" x14ac:dyDescent="0.25">
      <c r="A9273" s="1" t="s">
        <v>1711</v>
      </c>
      <c r="B9273" s="1" t="s">
        <v>53137</v>
      </c>
      <c r="C9273" s="1" t="s">
        <v>25954</v>
      </c>
      <c r="D9273" s="2">
        <v>162101</v>
      </c>
      <c r="E9273" s="1" t="s">
        <v>0</v>
      </c>
    </row>
    <row r="9274" spans="1:5" x14ac:dyDescent="0.25">
      <c r="A9274" s="1" t="s">
        <v>25955</v>
      </c>
      <c r="B9274" s="1" t="s">
        <v>53138</v>
      </c>
      <c r="C9274" s="1" t="s">
        <v>25956</v>
      </c>
      <c r="D9274" s="2">
        <v>162102</v>
      </c>
      <c r="E9274" s="1" t="s">
        <v>0</v>
      </c>
    </row>
    <row r="9275" spans="1:5" ht="409.5" x14ac:dyDescent="0.25">
      <c r="A9275" s="4" t="s">
        <v>25957</v>
      </c>
      <c r="B9275" s="1" t="s">
        <v>60838</v>
      </c>
      <c r="C9275" s="1" t="s">
        <v>25958</v>
      </c>
      <c r="D9275" s="2">
        <v>162103</v>
      </c>
      <c r="E9275" s="1" t="s">
        <v>0</v>
      </c>
    </row>
    <row r="9276" spans="1:5" x14ac:dyDescent="0.25">
      <c r="A9276" s="1" t="s">
        <v>25959</v>
      </c>
      <c r="B9276" s="1" t="s">
        <v>7669</v>
      </c>
      <c r="C9276" s="1" t="s">
        <v>25960</v>
      </c>
      <c r="D9276" s="2">
        <v>162104</v>
      </c>
      <c r="E9276" s="1" t="s">
        <v>0</v>
      </c>
    </row>
    <row r="9277" spans="1:5" x14ac:dyDescent="0.25">
      <c r="A9277" s="2">
        <v>1855</v>
      </c>
      <c r="B9277" s="2">
        <v>1855</v>
      </c>
      <c r="C9277" s="1" t="s">
        <v>0</v>
      </c>
      <c r="D9277" s="2">
        <v>162105</v>
      </c>
      <c r="E9277" s="1" t="s">
        <v>0</v>
      </c>
    </row>
    <row r="9278" spans="1:5" x14ac:dyDescent="0.25">
      <c r="A9278" s="1" t="s">
        <v>1712</v>
      </c>
      <c r="B9278" s="1" t="s">
        <v>7670</v>
      </c>
      <c r="C9278" s="1" t="s">
        <v>25961</v>
      </c>
      <c r="D9278" s="2">
        <v>162106</v>
      </c>
      <c r="E9278" s="1" t="s">
        <v>0</v>
      </c>
    </row>
    <row r="9279" spans="1:5" x14ac:dyDescent="0.25">
      <c r="A9279" s="1" t="s">
        <v>25962</v>
      </c>
      <c r="B9279" s="1" t="s">
        <v>53139</v>
      </c>
      <c r="C9279" s="1" t="s">
        <v>25963</v>
      </c>
      <c r="D9279" s="2">
        <v>162107</v>
      </c>
      <c r="E9279" s="1" t="s">
        <v>0</v>
      </c>
    </row>
    <row r="9280" spans="1:5" ht="409.5" x14ac:dyDescent="0.25">
      <c r="A9280" s="4" t="s">
        <v>25964</v>
      </c>
      <c r="B9280" s="1" t="s">
        <v>53140</v>
      </c>
      <c r="C9280" s="1" t="s">
        <v>25965</v>
      </c>
      <c r="D9280" s="2">
        <v>162108</v>
      </c>
      <c r="E9280" s="1" t="s">
        <v>0</v>
      </c>
    </row>
    <row r="9281" spans="1:5" x14ac:dyDescent="0.25">
      <c r="A9281" s="1" t="s">
        <v>25966</v>
      </c>
      <c r="B9281" s="1" t="s">
        <v>61064</v>
      </c>
      <c r="C9281" s="1" t="s">
        <v>25967</v>
      </c>
      <c r="D9281" s="2">
        <v>162109</v>
      </c>
      <c r="E9281" s="1" t="s">
        <v>0</v>
      </c>
    </row>
    <row r="9282" spans="1:5" x14ac:dyDescent="0.25">
      <c r="A9282" s="2">
        <v>1856</v>
      </c>
      <c r="B9282" s="2">
        <v>1856</v>
      </c>
      <c r="C9282" s="1" t="s">
        <v>0</v>
      </c>
      <c r="D9282" s="2">
        <v>162110</v>
      </c>
      <c r="E9282" s="1" t="s">
        <v>0</v>
      </c>
    </row>
    <row r="9283" spans="1:5" x14ac:dyDescent="0.25">
      <c r="A9283" s="1" t="s">
        <v>1713</v>
      </c>
      <c r="B9283" s="1" t="s">
        <v>7671</v>
      </c>
      <c r="C9283" s="1" t="s">
        <v>25968</v>
      </c>
      <c r="D9283" s="2">
        <v>162111</v>
      </c>
      <c r="E9283" s="1" t="s">
        <v>0</v>
      </c>
    </row>
    <row r="9284" spans="1:5" x14ac:dyDescent="0.25">
      <c r="A9284" s="1" t="s">
        <v>25969</v>
      </c>
      <c r="B9284" s="1" t="s">
        <v>7672</v>
      </c>
      <c r="C9284" s="1" t="s">
        <v>25970</v>
      </c>
      <c r="D9284" s="2">
        <v>162112</v>
      </c>
      <c r="E9284" s="1" t="s">
        <v>0</v>
      </c>
    </row>
    <row r="9285" spans="1:5" ht="409.5" x14ac:dyDescent="0.25">
      <c r="A9285" s="4" t="s">
        <v>25971</v>
      </c>
      <c r="B9285" s="1" t="s">
        <v>7673</v>
      </c>
      <c r="C9285" s="1" t="s">
        <v>25972</v>
      </c>
      <c r="D9285" s="2">
        <v>162113</v>
      </c>
      <c r="E9285" s="1" t="s">
        <v>0</v>
      </c>
    </row>
    <row r="9286" spans="1:5" x14ac:dyDescent="0.25">
      <c r="A9286" s="1" t="s">
        <v>25973</v>
      </c>
      <c r="B9286" s="1" t="s">
        <v>53141</v>
      </c>
      <c r="C9286" s="1" t="s">
        <v>25974</v>
      </c>
      <c r="D9286" s="2">
        <v>162114</v>
      </c>
      <c r="E9286" s="1" t="s">
        <v>0</v>
      </c>
    </row>
    <row r="9287" spans="1:5" x14ac:dyDescent="0.25">
      <c r="A9287" s="2">
        <v>1857</v>
      </c>
      <c r="B9287" s="2">
        <v>1857</v>
      </c>
      <c r="C9287" s="1" t="s">
        <v>0</v>
      </c>
      <c r="D9287" s="2">
        <v>162115</v>
      </c>
      <c r="E9287" s="1" t="s">
        <v>0</v>
      </c>
    </row>
    <row r="9288" spans="1:5" x14ac:dyDescent="0.25">
      <c r="A9288" s="1" t="s">
        <v>1714</v>
      </c>
      <c r="B9288" s="1" t="s">
        <v>7674</v>
      </c>
      <c r="C9288" s="1" t="s">
        <v>25975</v>
      </c>
      <c r="D9288" s="2">
        <v>162116</v>
      </c>
      <c r="E9288" s="1" t="s">
        <v>0</v>
      </c>
    </row>
    <row r="9289" spans="1:5" x14ac:dyDescent="0.25">
      <c r="A9289" s="1" t="s">
        <v>25976</v>
      </c>
      <c r="B9289" s="1" t="s">
        <v>7675</v>
      </c>
      <c r="C9289" s="1" t="s">
        <v>25977</v>
      </c>
      <c r="D9289" s="2">
        <v>162117</v>
      </c>
      <c r="E9289" s="1" t="s">
        <v>0</v>
      </c>
    </row>
    <row r="9290" spans="1:5" ht="409.5" x14ac:dyDescent="0.25">
      <c r="A9290" s="4" t="s">
        <v>25978</v>
      </c>
      <c r="B9290" s="1" t="s">
        <v>60727</v>
      </c>
      <c r="C9290" s="1" t="s">
        <v>25979</v>
      </c>
      <c r="D9290" s="2">
        <v>162118</v>
      </c>
      <c r="E9290" s="1" t="s">
        <v>0</v>
      </c>
    </row>
    <row r="9291" spans="1:5" x14ac:dyDescent="0.25">
      <c r="A9291" s="1" t="s">
        <v>25980</v>
      </c>
      <c r="B9291" s="1" t="s">
        <v>7676</v>
      </c>
      <c r="C9291" s="1" t="s">
        <v>25981</v>
      </c>
      <c r="D9291" s="2">
        <v>162119</v>
      </c>
      <c r="E9291" s="1" t="s">
        <v>0</v>
      </c>
    </row>
    <row r="9292" spans="1:5" x14ac:dyDescent="0.25">
      <c r="A9292" s="2">
        <v>1858</v>
      </c>
      <c r="B9292" s="2">
        <v>1858</v>
      </c>
      <c r="C9292" s="1" t="s">
        <v>0</v>
      </c>
      <c r="D9292" s="2">
        <v>162120</v>
      </c>
      <c r="E9292" s="1" t="s">
        <v>0</v>
      </c>
    </row>
    <row r="9293" spans="1:5" x14ac:dyDescent="0.25">
      <c r="A9293" s="1" t="s">
        <v>1715</v>
      </c>
      <c r="B9293" s="1" t="s">
        <v>7677</v>
      </c>
      <c r="C9293" s="1" t="s">
        <v>25982</v>
      </c>
      <c r="D9293" s="2">
        <v>162121</v>
      </c>
      <c r="E9293" s="1" t="s">
        <v>0</v>
      </c>
    </row>
    <row r="9294" spans="1:5" x14ac:dyDescent="0.25">
      <c r="A9294" s="1" t="s">
        <v>25983</v>
      </c>
      <c r="B9294" s="1" t="s">
        <v>63304</v>
      </c>
      <c r="C9294" s="1" t="s">
        <v>25984</v>
      </c>
      <c r="D9294" s="2">
        <v>162122</v>
      </c>
      <c r="E9294" s="1" t="s">
        <v>0</v>
      </c>
    </row>
    <row r="9295" spans="1:5" ht="409.5" x14ac:dyDescent="0.25">
      <c r="A9295" s="4" t="s">
        <v>64118</v>
      </c>
      <c r="B9295" s="1" t="s">
        <v>63305</v>
      </c>
      <c r="C9295" s="1" t="s">
        <v>25985</v>
      </c>
      <c r="D9295" s="2">
        <v>162123</v>
      </c>
      <c r="E9295" s="1" t="s">
        <v>0</v>
      </c>
    </row>
    <row r="9296" spans="1:5" x14ac:dyDescent="0.25">
      <c r="A9296" s="1" t="s">
        <v>25986</v>
      </c>
      <c r="B9296" s="1" t="s">
        <v>7678</v>
      </c>
      <c r="C9296" s="1" t="s">
        <v>25987</v>
      </c>
      <c r="D9296" s="2">
        <v>162124</v>
      </c>
      <c r="E9296" s="1" t="s">
        <v>0</v>
      </c>
    </row>
    <row r="9297" spans="1:5" x14ac:dyDescent="0.25">
      <c r="A9297" s="2">
        <v>1859</v>
      </c>
      <c r="B9297" s="2">
        <v>1859</v>
      </c>
      <c r="C9297" s="1" t="s">
        <v>0</v>
      </c>
      <c r="D9297" s="2">
        <v>162125</v>
      </c>
      <c r="E9297" s="1" t="s">
        <v>0</v>
      </c>
    </row>
    <row r="9298" spans="1:5" x14ac:dyDescent="0.25">
      <c r="A9298" s="1" t="s">
        <v>1716</v>
      </c>
      <c r="B9298" s="1" t="s">
        <v>53142</v>
      </c>
      <c r="C9298" s="1" t="s">
        <v>25988</v>
      </c>
      <c r="D9298" s="2">
        <v>162126</v>
      </c>
      <c r="E9298" s="1" t="s">
        <v>0</v>
      </c>
    </row>
    <row r="9299" spans="1:5" x14ac:dyDescent="0.25">
      <c r="A9299" s="1" t="s">
        <v>25989</v>
      </c>
      <c r="B9299" s="1" t="s">
        <v>57192</v>
      </c>
      <c r="C9299" s="1" t="s">
        <v>25990</v>
      </c>
      <c r="D9299" s="2">
        <v>162127</v>
      </c>
      <c r="E9299" s="1" t="s">
        <v>0</v>
      </c>
    </row>
    <row r="9300" spans="1:5" ht="409.5" x14ac:dyDescent="0.25">
      <c r="A9300" s="4" t="s">
        <v>25991</v>
      </c>
      <c r="B9300" s="1" t="s">
        <v>57193</v>
      </c>
      <c r="C9300" s="1" t="s">
        <v>25992</v>
      </c>
      <c r="D9300" s="2">
        <v>162128</v>
      </c>
      <c r="E9300" s="1" t="s">
        <v>0</v>
      </c>
    </row>
    <row r="9301" spans="1:5" x14ac:dyDescent="0.25">
      <c r="A9301" s="1" t="s">
        <v>25993</v>
      </c>
      <c r="B9301" s="1" t="s">
        <v>7679</v>
      </c>
      <c r="C9301" s="1" t="s">
        <v>25994</v>
      </c>
      <c r="D9301" s="2">
        <v>162129</v>
      </c>
      <c r="E9301" s="1" t="s">
        <v>0</v>
      </c>
    </row>
    <row r="9302" spans="1:5" x14ac:dyDescent="0.25">
      <c r="A9302" s="2">
        <v>1860</v>
      </c>
      <c r="B9302" s="2">
        <v>1860</v>
      </c>
      <c r="C9302" s="1" t="s">
        <v>0</v>
      </c>
      <c r="D9302" s="2">
        <v>162130</v>
      </c>
      <c r="E9302" s="1" t="s">
        <v>0</v>
      </c>
    </row>
    <row r="9303" spans="1:5" x14ac:dyDescent="0.25">
      <c r="A9303" s="1" t="s">
        <v>1717</v>
      </c>
      <c r="B9303" s="1" t="s">
        <v>7680</v>
      </c>
      <c r="C9303" s="1" t="s">
        <v>25995</v>
      </c>
      <c r="D9303" s="2">
        <v>162131</v>
      </c>
      <c r="E9303" s="1" t="s">
        <v>0</v>
      </c>
    </row>
    <row r="9304" spans="1:5" x14ac:dyDescent="0.25">
      <c r="A9304" s="1" t="s">
        <v>25996</v>
      </c>
      <c r="B9304" s="1" t="s">
        <v>53143</v>
      </c>
      <c r="C9304" s="1" t="s">
        <v>25997</v>
      </c>
      <c r="D9304" s="2">
        <v>162132</v>
      </c>
      <c r="E9304" s="1" t="s">
        <v>0</v>
      </c>
    </row>
    <row r="9305" spans="1:5" ht="409.5" x14ac:dyDescent="0.25">
      <c r="A9305" s="4" t="s">
        <v>25998</v>
      </c>
      <c r="B9305" s="1" t="s">
        <v>53144</v>
      </c>
      <c r="C9305" s="1" t="s">
        <v>25999</v>
      </c>
      <c r="D9305" s="2">
        <v>162133</v>
      </c>
      <c r="E9305" s="1" t="s">
        <v>0</v>
      </c>
    </row>
    <row r="9306" spans="1:5" x14ac:dyDescent="0.25">
      <c r="A9306" s="1" t="s">
        <v>26000</v>
      </c>
      <c r="B9306" s="1" t="s">
        <v>7681</v>
      </c>
      <c r="C9306" s="1" t="s">
        <v>26001</v>
      </c>
      <c r="D9306" s="2">
        <v>162134</v>
      </c>
      <c r="E9306" s="1" t="s">
        <v>0</v>
      </c>
    </row>
    <row r="9307" spans="1:5" x14ac:dyDescent="0.25">
      <c r="A9307" s="2">
        <v>1861</v>
      </c>
      <c r="B9307" s="2">
        <v>1861</v>
      </c>
      <c r="C9307" s="1" t="s">
        <v>0</v>
      </c>
      <c r="D9307" s="2">
        <v>162135</v>
      </c>
      <c r="E9307" s="1" t="s">
        <v>0</v>
      </c>
    </row>
    <row r="9308" spans="1:5" x14ac:dyDescent="0.25">
      <c r="A9308" s="1" t="s">
        <v>1718</v>
      </c>
      <c r="B9308" s="1" t="s">
        <v>7682</v>
      </c>
      <c r="C9308" s="1" t="s">
        <v>26002</v>
      </c>
      <c r="D9308" s="2">
        <v>162136</v>
      </c>
      <c r="E9308" s="1" t="s">
        <v>0</v>
      </c>
    </row>
    <row r="9309" spans="1:5" x14ac:dyDescent="0.25">
      <c r="A9309" s="1" t="s">
        <v>26003</v>
      </c>
      <c r="B9309" s="1" t="s">
        <v>53145</v>
      </c>
      <c r="C9309" s="1" t="s">
        <v>26004</v>
      </c>
      <c r="D9309" s="2">
        <v>162137</v>
      </c>
      <c r="E9309" s="1" t="s">
        <v>0</v>
      </c>
    </row>
    <row r="9310" spans="1:5" ht="409.5" x14ac:dyDescent="0.25">
      <c r="A9310" s="4" t="s">
        <v>26005</v>
      </c>
      <c r="B9310" s="1" t="s">
        <v>61065</v>
      </c>
      <c r="C9310" s="1" t="s">
        <v>26006</v>
      </c>
      <c r="D9310" s="2">
        <v>162138</v>
      </c>
      <c r="E9310" s="1" t="s">
        <v>0</v>
      </c>
    </row>
    <row r="9311" spans="1:5" x14ac:dyDescent="0.25">
      <c r="A9311" s="1" t="s">
        <v>26007</v>
      </c>
      <c r="B9311" s="1" t="s">
        <v>7683</v>
      </c>
      <c r="C9311" s="1" t="s">
        <v>26008</v>
      </c>
      <c r="D9311" s="2">
        <v>162139</v>
      </c>
      <c r="E9311" s="1" t="s">
        <v>0</v>
      </c>
    </row>
    <row r="9312" spans="1:5" x14ac:dyDescent="0.25">
      <c r="A9312" s="2">
        <v>1862</v>
      </c>
      <c r="B9312" s="2">
        <v>1862</v>
      </c>
      <c r="C9312" s="1" t="s">
        <v>0</v>
      </c>
      <c r="D9312" s="2">
        <v>162140</v>
      </c>
      <c r="E9312" s="1" t="s">
        <v>0</v>
      </c>
    </row>
    <row r="9313" spans="1:5" x14ac:dyDescent="0.25">
      <c r="A9313" s="1" t="s">
        <v>1719</v>
      </c>
      <c r="B9313" s="1" t="s">
        <v>7684</v>
      </c>
      <c r="C9313" s="1" t="s">
        <v>26009</v>
      </c>
      <c r="D9313" s="2">
        <v>162141</v>
      </c>
      <c r="E9313" s="1" t="s">
        <v>0</v>
      </c>
    </row>
    <row r="9314" spans="1:5" x14ac:dyDescent="0.25">
      <c r="A9314" s="1" t="s">
        <v>26010</v>
      </c>
      <c r="B9314" s="1" t="s">
        <v>53146</v>
      </c>
      <c r="C9314" s="1" t="s">
        <v>26011</v>
      </c>
      <c r="D9314" s="2">
        <v>162142</v>
      </c>
      <c r="E9314" s="1" t="s">
        <v>0</v>
      </c>
    </row>
    <row r="9315" spans="1:5" ht="409.5" x14ac:dyDescent="0.25">
      <c r="A9315" s="4" t="s">
        <v>26012</v>
      </c>
      <c r="B9315" s="1" t="s">
        <v>53147</v>
      </c>
      <c r="C9315" s="1" t="s">
        <v>26013</v>
      </c>
      <c r="D9315" s="2">
        <v>162143</v>
      </c>
      <c r="E9315" s="1" t="s">
        <v>0</v>
      </c>
    </row>
    <row r="9316" spans="1:5" x14ac:dyDescent="0.25">
      <c r="A9316" s="1" t="s">
        <v>26014</v>
      </c>
      <c r="B9316" s="1" t="s">
        <v>7685</v>
      </c>
      <c r="C9316" s="1" t="s">
        <v>26015</v>
      </c>
      <c r="D9316" s="2">
        <v>162144</v>
      </c>
      <c r="E9316" s="1" t="s">
        <v>0</v>
      </c>
    </row>
    <row r="9317" spans="1:5" x14ac:dyDescent="0.25">
      <c r="A9317" s="2">
        <v>1863</v>
      </c>
      <c r="B9317" s="2">
        <v>1863</v>
      </c>
      <c r="C9317" s="1" t="s">
        <v>0</v>
      </c>
      <c r="D9317" s="2">
        <v>162145</v>
      </c>
      <c r="E9317" s="1" t="s">
        <v>0</v>
      </c>
    </row>
    <row r="9318" spans="1:5" x14ac:dyDescent="0.25">
      <c r="A9318" s="1" t="s">
        <v>26016</v>
      </c>
      <c r="B9318" s="1" t="s">
        <v>7686</v>
      </c>
      <c r="C9318" s="1" t="s">
        <v>26017</v>
      </c>
      <c r="D9318" s="2">
        <v>162146</v>
      </c>
      <c r="E9318" s="1" t="s">
        <v>0</v>
      </c>
    </row>
    <row r="9319" spans="1:5" x14ac:dyDescent="0.25">
      <c r="A9319" s="1" t="s">
        <v>26018</v>
      </c>
      <c r="B9319" s="1" t="s">
        <v>53148</v>
      </c>
      <c r="C9319" s="1" t="s">
        <v>26019</v>
      </c>
      <c r="D9319" s="2">
        <v>162147</v>
      </c>
      <c r="E9319" s="1" t="s">
        <v>0</v>
      </c>
    </row>
    <row r="9320" spans="1:5" ht="409.5" x14ac:dyDescent="0.25">
      <c r="A9320" s="4" t="s">
        <v>26020</v>
      </c>
      <c r="B9320" s="1" t="s">
        <v>53149</v>
      </c>
      <c r="C9320" s="1" t="s">
        <v>26021</v>
      </c>
      <c r="D9320" s="2">
        <v>162148</v>
      </c>
      <c r="E9320" s="1" t="s">
        <v>0</v>
      </c>
    </row>
    <row r="9321" spans="1:5" x14ac:dyDescent="0.25">
      <c r="A9321" s="1" t="s">
        <v>26022</v>
      </c>
      <c r="B9321" s="1" t="s">
        <v>53150</v>
      </c>
      <c r="C9321" s="1" t="s">
        <v>26023</v>
      </c>
      <c r="D9321" s="2">
        <v>162149</v>
      </c>
      <c r="E9321" s="1" t="s">
        <v>0</v>
      </c>
    </row>
    <row r="9322" spans="1:5" x14ac:dyDescent="0.25">
      <c r="A9322" s="2">
        <v>1864</v>
      </c>
      <c r="B9322" s="2">
        <v>1864</v>
      </c>
      <c r="C9322" s="1" t="s">
        <v>0</v>
      </c>
      <c r="D9322" s="2">
        <v>162150</v>
      </c>
      <c r="E9322" s="1" t="s">
        <v>0</v>
      </c>
    </row>
    <row r="9323" spans="1:5" x14ac:dyDescent="0.25">
      <c r="A9323" s="1" t="s">
        <v>1720</v>
      </c>
      <c r="B9323" s="1" t="s">
        <v>60818</v>
      </c>
      <c r="C9323" s="1" t="s">
        <v>26024</v>
      </c>
      <c r="D9323" s="2">
        <v>162151</v>
      </c>
      <c r="E9323" s="1" t="s">
        <v>0</v>
      </c>
    </row>
    <row r="9324" spans="1:5" x14ac:dyDescent="0.25">
      <c r="A9324" s="1" t="s">
        <v>26025</v>
      </c>
      <c r="B9324" s="1" t="s">
        <v>7687</v>
      </c>
      <c r="C9324" s="1" t="s">
        <v>26026</v>
      </c>
      <c r="D9324" s="2">
        <v>162152</v>
      </c>
      <c r="E9324" s="1" t="s">
        <v>0</v>
      </c>
    </row>
    <row r="9325" spans="1:5" ht="409.5" x14ac:dyDescent="0.25">
      <c r="A9325" s="4" t="s">
        <v>26027</v>
      </c>
      <c r="B9325" s="1" t="s">
        <v>58319</v>
      </c>
      <c r="C9325" s="1" t="s">
        <v>26028</v>
      </c>
      <c r="D9325" s="2">
        <v>162153</v>
      </c>
      <c r="E9325" s="1" t="s">
        <v>0</v>
      </c>
    </row>
    <row r="9326" spans="1:5" x14ac:dyDescent="0.25">
      <c r="A9326" s="1" t="s">
        <v>26029</v>
      </c>
      <c r="B9326" s="1" t="s">
        <v>7688</v>
      </c>
      <c r="C9326" s="1" t="s">
        <v>26030</v>
      </c>
      <c r="D9326" s="2">
        <v>162154</v>
      </c>
      <c r="E9326" s="1" t="s">
        <v>0</v>
      </c>
    </row>
    <row r="9327" spans="1:5" x14ac:dyDescent="0.25">
      <c r="A9327" s="2">
        <v>1865</v>
      </c>
      <c r="B9327" s="2">
        <v>1865</v>
      </c>
      <c r="C9327" s="1" t="s">
        <v>0</v>
      </c>
      <c r="D9327" s="2">
        <v>162155</v>
      </c>
      <c r="E9327" s="1" t="s">
        <v>0</v>
      </c>
    </row>
    <row r="9328" spans="1:5" x14ac:dyDescent="0.25">
      <c r="A9328" s="1" t="s">
        <v>1721</v>
      </c>
      <c r="B9328" s="1" t="s">
        <v>59931</v>
      </c>
      <c r="C9328" s="1" t="s">
        <v>26031</v>
      </c>
      <c r="D9328" s="2">
        <v>162156</v>
      </c>
      <c r="E9328" s="1" t="s">
        <v>0</v>
      </c>
    </row>
    <row r="9329" spans="1:5" x14ac:dyDescent="0.25">
      <c r="A9329" s="1" t="s">
        <v>26032</v>
      </c>
      <c r="B9329" s="1" t="s">
        <v>7689</v>
      </c>
      <c r="C9329" s="1" t="s">
        <v>26033</v>
      </c>
      <c r="D9329" s="2">
        <v>162157</v>
      </c>
      <c r="E9329" s="1" t="s">
        <v>0</v>
      </c>
    </row>
    <row r="9330" spans="1:5" ht="409.5" x14ac:dyDescent="0.25">
      <c r="A9330" s="4" t="s">
        <v>26034</v>
      </c>
      <c r="B9330" s="1" t="s">
        <v>59932</v>
      </c>
      <c r="C9330" s="1" t="s">
        <v>26035</v>
      </c>
      <c r="D9330" s="2">
        <v>162158</v>
      </c>
      <c r="E9330" s="1" t="s">
        <v>0</v>
      </c>
    </row>
    <row r="9331" spans="1:5" x14ac:dyDescent="0.25">
      <c r="A9331" s="1" t="s">
        <v>26036</v>
      </c>
      <c r="B9331" s="1" t="s">
        <v>53151</v>
      </c>
      <c r="C9331" s="1" t="s">
        <v>26037</v>
      </c>
      <c r="D9331" s="2">
        <v>162159</v>
      </c>
      <c r="E9331" s="1" t="s">
        <v>0</v>
      </c>
    </row>
    <row r="9332" spans="1:5" x14ac:dyDescent="0.25">
      <c r="A9332" s="2">
        <v>1866</v>
      </c>
      <c r="B9332" s="2">
        <v>1866</v>
      </c>
      <c r="C9332" s="1" t="s">
        <v>0</v>
      </c>
      <c r="D9332" s="2">
        <v>162160</v>
      </c>
      <c r="E9332" s="1" t="s">
        <v>0</v>
      </c>
    </row>
    <row r="9333" spans="1:5" x14ac:dyDescent="0.25">
      <c r="A9333" s="1" t="s">
        <v>1722</v>
      </c>
      <c r="B9333" s="1" t="s">
        <v>53152</v>
      </c>
      <c r="C9333" s="1" t="s">
        <v>26038</v>
      </c>
      <c r="D9333" s="2">
        <v>162161</v>
      </c>
      <c r="E9333" s="1" t="s">
        <v>0</v>
      </c>
    </row>
    <row r="9334" spans="1:5" x14ac:dyDescent="0.25">
      <c r="A9334" s="1" t="s">
        <v>26039</v>
      </c>
      <c r="B9334" s="1" t="s">
        <v>61066</v>
      </c>
      <c r="C9334" s="1" t="s">
        <v>26040</v>
      </c>
      <c r="D9334" s="2">
        <v>162162</v>
      </c>
      <c r="E9334" s="1" t="s">
        <v>0</v>
      </c>
    </row>
    <row r="9335" spans="1:5" ht="409.5" x14ac:dyDescent="0.25">
      <c r="A9335" s="4" t="s">
        <v>26041</v>
      </c>
      <c r="B9335" s="1" t="s">
        <v>61067</v>
      </c>
      <c r="C9335" s="1" t="s">
        <v>26042</v>
      </c>
      <c r="D9335" s="2">
        <v>162163</v>
      </c>
      <c r="E9335" s="1" t="s">
        <v>0</v>
      </c>
    </row>
    <row r="9336" spans="1:5" x14ac:dyDescent="0.25">
      <c r="A9336" s="1" t="s">
        <v>26043</v>
      </c>
      <c r="B9336" s="1" t="s">
        <v>53153</v>
      </c>
      <c r="C9336" s="1" t="s">
        <v>26044</v>
      </c>
      <c r="D9336" s="2">
        <v>162164</v>
      </c>
      <c r="E9336" s="1" t="s">
        <v>0</v>
      </c>
    </row>
    <row r="9337" spans="1:5" x14ac:dyDescent="0.25">
      <c r="A9337" s="2">
        <v>1867</v>
      </c>
      <c r="B9337" s="2">
        <v>1867</v>
      </c>
      <c r="C9337" s="1" t="s">
        <v>0</v>
      </c>
      <c r="D9337" s="2">
        <v>162165</v>
      </c>
      <c r="E9337" s="1" t="s">
        <v>0</v>
      </c>
    </row>
    <row r="9338" spans="1:5" x14ac:dyDescent="0.25">
      <c r="A9338" s="1" t="s">
        <v>1723</v>
      </c>
      <c r="B9338" s="1" t="s">
        <v>7690</v>
      </c>
      <c r="C9338" s="1" t="s">
        <v>26045</v>
      </c>
      <c r="D9338" s="2">
        <v>162166</v>
      </c>
      <c r="E9338" s="1" t="s">
        <v>0</v>
      </c>
    </row>
    <row r="9339" spans="1:5" x14ac:dyDescent="0.25">
      <c r="A9339" s="1" t="s">
        <v>26046</v>
      </c>
      <c r="B9339" s="1" t="s">
        <v>60418</v>
      </c>
      <c r="C9339" s="1" t="s">
        <v>26047</v>
      </c>
      <c r="D9339" s="2">
        <v>162167</v>
      </c>
      <c r="E9339" s="1" t="s">
        <v>0</v>
      </c>
    </row>
    <row r="9340" spans="1:5" ht="409.5" x14ac:dyDescent="0.25">
      <c r="A9340" s="4" t="s">
        <v>26048</v>
      </c>
      <c r="B9340" s="1" t="s">
        <v>60419</v>
      </c>
      <c r="C9340" s="1" t="s">
        <v>26049</v>
      </c>
      <c r="D9340" s="2">
        <v>162168</v>
      </c>
      <c r="E9340" s="1" t="s">
        <v>0</v>
      </c>
    </row>
    <row r="9341" spans="1:5" x14ac:dyDescent="0.25">
      <c r="A9341" s="1" t="s">
        <v>13588</v>
      </c>
      <c r="B9341" s="1" t="s">
        <v>60850</v>
      </c>
      <c r="C9341" s="1" t="s">
        <v>13589</v>
      </c>
      <c r="D9341" s="2">
        <v>162169</v>
      </c>
      <c r="E9341" s="1" t="s">
        <v>0</v>
      </c>
    </row>
    <row r="9342" spans="1:5" x14ac:dyDescent="0.25">
      <c r="A9342" s="2">
        <v>1868</v>
      </c>
      <c r="B9342" s="2">
        <v>1868</v>
      </c>
      <c r="C9342" s="1" t="s">
        <v>0</v>
      </c>
      <c r="D9342" s="2">
        <v>162170</v>
      </c>
      <c r="E9342" s="1" t="s">
        <v>0</v>
      </c>
    </row>
    <row r="9343" spans="1:5" x14ac:dyDescent="0.25">
      <c r="A9343" s="1" t="s">
        <v>26050</v>
      </c>
      <c r="B9343" s="1" t="s">
        <v>7691</v>
      </c>
      <c r="C9343" s="1" t="s">
        <v>26051</v>
      </c>
      <c r="D9343" s="2">
        <v>162171</v>
      </c>
      <c r="E9343" s="1" t="s">
        <v>0</v>
      </c>
    </row>
    <row r="9344" spans="1:5" x14ac:dyDescent="0.25">
      <c r="A9344" s="1" t="s">
        <v>26052</v>
      </c>
      <c r="B9344" s="1" t="s">
        <v>57077</v>
      </c>
      <c r="C9344" s="1" t="s">
        <v>26053</v>
      </c>
      <c r="D9344" s="2">
        <v>162172</v>
      </c>
      <c r="E9344" s="1" t="s">
        <v>0</v>
      </c>
    </row>
    <row r="9345" spans="1:5" ht="409.5" x14ac:dyDescent="0.25">
      <c r="A9345" s="4" t="s">
        <v>26054</v>
      </c>
      <c r="B9345" s="1" t="s">
        <v>57078</v>
      </c>
      <c r="C9345" s="1" t="s">
        <v>26055</v>
      </c>
      <c r="D9345" s="2">
        <v>162173</v>
      </c>
      <c r="E9345" s="1" t="s">
        <v>0</v>
      </c>
    </row>
    <row r="9346" spans="1:5" x14ac:dyDescent="0.25">
      <c r="A9346" s="1" t="s">
        <v>26056</v>
      </c>
      <c r="B9346" s="1" t="s">
        <v>57079</v>
      </c>
      <c r="C9346" s="1" t="s">
        <v>26057</v>
      </c>
      <c r="D9346" s="2">
        <v>162174</v>
      </c>
      <c r="E9346" s="1" t="s">
        <v>0</v>
      </c>
    </row>
    <row r="9347" spans="1:5" x14ac:dyDescent="0.25">
      <c r="A9347" s="2">
        <v>1869</v>
      </c>
      <c r="B9347" s="2">
        <v>1869</v>
      </c>
      <c r="C9347" s="1" t="s">
        <v>0</v>
      </c>
      <c r="D9347" s="2">
        <v>162175</v>
      </c>
      <c r="E9347" s="1" t="s">
        <v>0</v>
      </c>
    </row>
    <row r="9348" spans="1:5" x14ac:dyDescent="0.25">
      <c r="A9348" s="1" t="s">
        <v>1724</v>
      </c>
      <c r="B9348" s="1" t="s">
        <v>7692</v>
      </c>
      <c r="C9348" s="1" t="s">
        <v>26058</v>
      </c>
      <c r="D9348" s="2">
        <v>162176</v>
      </c>
      <c r="E9348" s="1" t="s">
        <v>0</v>
      </c>
    </row>
    <row r="9349" spans="1:5" x14ac:dyDescent="0.25">
      <c r="A9349" s="1" t="s">
        <v>26059</v>
      </c>
      <c r="B9349" s="1" t="s">
        <v>7693</v>
      </c>
      <c r="C9349" s="1" t="s">
        <v>26060</v>
      </c>
      <c r="D9349" s="2">
        <v>162177</v>
      </c>
      <c r="E9349" s="1" t="s">
        <v>0</v>
      </c>
    </row>
    <row r="9350" spans="1:5" ht="409.5" x14ac:dyDescent="0.25">
      <c r="A9350" s="4" t="s">
        <v>26061</v>
      </c>
      <c r="B9350" s="1" t="s">
        <v>57810</v>
      </c>
      <c r="C9350" s="1" t="s">
        <v>26062</v>
      </c>
      <c r="D9350" s="2">
        <v>162178</v>
      </c>
      <c r="E9350" s="1" t="s">
        <v>0</v>
      </c>
    </row>
    <row r="9351" spans="1:5" x14ac:dyDescent="0.25">
      <c r="A9351" s="1" t="s">
        <v>26063</v>
      </c>
      <c r="B9351" s="1" t="s">
        <v>7694</v>
      </c>
      <c r="C9351" s="1" t="s">
        <v>26064</v>
      </c>
      <c r="D9351" s="2">
        <v>162179</v>
      </c>
      <c r="E9351" s="1" t="s">
        <v>0</v>
      </c>
    </row>
    <row r="9352" spans="1:5" x14ac:dyDescent="0.25">
      <c r="A9352" s="2">
        <v>1870</v>
      </c>
      <c r="B9352" s="2">
        <v>1870</v>
      </c>
      <c r="C9352" s="1" t="s">
        <v>0</v>
      </c>
      <c r="D9352" s="2">
        <v>162180</v>
      </c>
      <c r="E9352" s="1" t="s">
        <v>0</v>
      </c>
    </row>
    <row r="9353" spans="1:5" x14ac:dyDescent="0.25">
      <c r="A9353" s="1" t="s">
        <v>1725</v>
      </c>
      <c r="B9353" s="1" t="s">
        <v>50640</v>
      </c>
      <c r="C9353" s="1" t="s">
        <v>26065</v>
      </c>
      <c r="D9353" s="2">
        <v>162181</v>
      </c>
      <c r="E9353" s="1" t="s">
        <v>0</v>
      </c>
    </row>
    <row r="9354" spans="1:5" x14ac:dyDescent="0.25">
      <c r="A9354" s="1" t="s">
        <v>26066</v>
      </c>
      <c r="B9354" s="1" t="s">
        <v>53154</v>
      </c>
      <c r="C9354" s="1" t="s">
        <v>26067</v>
      </c>
      <c r="D9354" s="2">
        <v>162182</v>
      </c>
      <c r="E9354" s="1" t="s">
        <v>0</v>
      </c>
    </row>
    <row r="9355" spans="1:5" ht="409.5" x14ac:dyDescent="0.25">
      <c r="A9355" s="4" t="s">
        <v>26068</v>
      </c>
      <c r="B9355" s="1" t="s">
        <v>53155</v>
      </c>
      <c r="C9355" s="1" t="s">
        <v>26069</v>
      </c>
      <c r="D9355" s="2">
        <v>162183</v>
      </c>
      <c r="E9355" s="1" t="s">
        <v>0</v>
      </c>
    </row>
    <row r="9356" spans="1:5" x14ac:dyDescent="0.25">
      <c r="A9356" s="1" t="s">
        <v>26070</v>
      </c>
      <c r="B9356" s="1" t="s">
        <v>53156</v>
      </c>
      <c r="C9356" s="1" t="s">
        <v>26071</v>
      </c>
      <c r="D9356" s="2">
        <v>162184</v>
      </c>
      <c r="E9356" s="1" t="s">
        <v>0</v>
      </c>
    </row>
    <row r="9357" spans="1:5" x14ac:dyDescent="0.25">
      <c r="A9357" s="2">
        <v>1871</v>
      </c>
      <c r="B9357" s="2">
        <v>1871</v>
      </c>
      <c r="C9357" s="1" t="s">
        <v>0</v>
      </c>
      <c r="D9357" s="2">
        <v>162185</v>
      </c>
      <c r="E9357" s="1" t="s">
        <v>0</v>
      </c>
    </row>
    <row r="9358" spans="1:5" x14ac:dyDescent="0.25">
      <c r="A9358" s="1" t="s">
        <v>1726</v>
      </c>
      <c r="B9358" s="1" t="s">
        <v>7695</v>
      </c>
      <c r="C9358" s="1" t="s">
        <v>26072</v>
      </c>
      <c r="D9358" s="2">
        <v>162186</v>
      </c>
      <c r="E9358" s="1" t="s">
        <v>0</v>
      </c>
    </row>
    <row r="9359" spans="1:5" x14ac:dyDescent="0.25">
      <c r="A9359" s="1" t="s">
        <v>26073</v>
      </c>
      <c r="B9359" s="1" t="s">
        <v>7696</v>
      </c>
      <c r="C9359" s="1" t="s">
        <v>26074</v>
      </c>
      <c r="D9359" s="2">
        <v>162187</v>
      </c>
      <c r="E9359" s="1" t="s">
        <v>0</v>
      </c>
    </row>
    <row r="9360" spans="1:5" ht="409.5" x14ac:dyDescent="0.25">
      <c r="A9360" s="4" t="s">
        <v>26075</v>
      </c>
      <c r="B9360" s="1" t="s">
        <v>50641</v>
      </c>
      <c r="C9360" s="1" t="s">
        <v>26076</v>
      </c>
      <c r="D9360" s="2">
        <v>162188</v>
      </c>
      <c r="E9360" s="1" t="s">
        <v>0</v>
      </c>
    </row>
    <row r="9361" spans="1:5" x14ac:dyDescent="0.25">
      <c r="A9361" s="1" t="s">
        <v>26077</v>
      </c>
      <c r="B9361" s="1" t="s">
        <v>7697</v>
      </c>
      <c r="C9361" s="1" t="s">
        <v>26078</v>
      </c>
      <c r="D9361" s="2">
        <v>162189</v>
      </c>
      <c r="E9361" s="1" t="s">
        <v>0</v>
      </c>
    </row>
    <row r="9362" spans="1:5" x14ac:dyDescent="0.25">
      <c r="A9362" s="2">
        <v>1872</v>
      </c>
      <c r="B9362" s="2">
        <v>1872</v>
      </c>
      <c r="C9362" s="1" t="s">
        <v>0</v>
      </c>
      <c r="D9362" s="2">
        <v>162190</v>
      </c>
      <c r="E9362" s="1" t="s">
        <v>0</v>
      </c>
    </row>
    <row r="9363" spans="1:5" x14ac:dyDescent="0.25">
      <c r="A9363" s="1" t="s">
        <v>1727</v>
      </c>
      <c r="B9363" s="1" t="s">
        <v>58320</v>
      </c>
      <c r="C9363" s="1" t="s">
        <v>26079</v>
      </c>
      <c r="D9363" s="2">
        <v>162191</v>
      </c>
      <c r="E9363" s="1" t="s">
        <v>0</v>
      </c>
    </row>
    <row r="9364" spans="1:5" x14ac:dyDescent="0.25">
      <c r="A9364" s="1" t="s">
        <v>26080</v>
      </c>
      <c r="B9364" s="1" t="s">
        <v>53157</v>
      </c>
      <c r="C9364" s="1" t="s">
        <v>26081</v>
      </c>
      <c r="D9364" s="2">
        <v>162192</v>
      </c>
      <c r="E9364" s="1" t="s">
        <v>0</v>
      </c>
    </row>
    <row r="9365" spans="1:5" ht="409.5" x14ac:dyDescent="0.25">
      <c r="A9365" s="4" t="s">
        <v>26082</v>
      </c>
      <c r="B9365" s="1" t="s">
        <v>62344</v>
      </c>
      <c r="C9365" s="1" t="s">
        <v>26083</v>
      </c>
      <c r="D9365" s="2">
        <v>162193</v>
      </c>
      <c r="E9365" s="1" t="s">
        <v>0</v>
      </c>
    </row>
    <row r="9366" spans="1:5" x14ac:dyDescent="0.25">
      <c r="A9366" s="1" t="s">
        <v>26084</v>
      </c>
      <c r="B9366" s="1" t="s">
        <v>53158</v>
      </c>
      <c r="C9366" s="1" t="s">
        <v>26085</v>
      </c>
      <c r="D9366" s="2">
        <v>162194</v>
      </c>
      <c r="E9366" s="1" t="s">
        <v>0</v>
      </c>
    </row>
    <row r="9367" spans="1:5" x14ac:dyDescent="0.25">
      <c r="A9367" s="2">
        <v>1873</v>
      </c>
      <c r="B9367" s="2">
        <v>1873</v>
      </c>
      <c r="C9367" s="1" t="s">
        <v>0</v>
      </c>
      <c r="D9367" s="2">
        <v>162195</v>
      </c>
      <c r="E9367" s="1" t="s">
        <v>0</v>
      </c>
    </row>
    <row r="9368" spans="1:5" x14ac:dyDescent="0.25">
      <c r="A9368" s="1" t="s">
        <v>1728</v>
      </c>
      <c r="B9368" s="1" t="s">
        <v>7698</v>
      </c>
      <c r="C9368" s="1" t="s">
        <v>26086</v>
      </c>
      <c r="D9368" s="2">
        <v>162196</v>
      </c>
      <c r="E9368" s="1" t="s">
        <v>0</v>
      </c>
    </row>
    <row r="9369" spans="1:5" x14ac:dyDescent="0.25">
      <c r="A9369" s="1" t="s">
        <v>26087</v>
      </c>
      <c r="B9369" s="1" t="s">
        <v>60496</v>
      </c>
      <c r="C9369" s="1" t="s">
        <v>26088</v>
      </c>
      <c r="D9369" s="2">
        <v>162197</v>
      </c>
      <c r="E9369" s="1" t="s">
        <v>0</v>
      </c>
    </row>
    <row r="9370" spans="1:5" ht="409.5" x14ac:dyDescent="0.25">
      <c r="A9370" s="4" t="s">
        <v>26089</v>
      </c>
      <c r="B9370" s="1" t="s">
        <v>60497</v>
      </c>
      <c r="C9370" s="1" t="s">
        <v>26090</v>
      </c>
      <c r="D9370" s="2">
        <v>162198</v>
      </c>
      <c r="E9370" s="1" t="s">
        <v>0</v>
      </c>
    </row>
    <row r="9371" spans="1:5" x14ac:dyDescent="0.25">
      <c r="A9371" s="1" t="s">
        <v>26091</v>
      </c>
      <c r="B9371" s="1" t="s">
        <v>61068</v>
      </c>
      <c r="C9371" s="1" t="s">
        <v>26092</v>
      </c>
      <c r="D9371" s="2">
        <v>162199</v>
      </c>
      <c r="E9371" s="1" t="s">
        <v>0</v>
      </c>
    </row>
    <row r="9372" spans="1:5" x14ac:dyDescent="0.25">
      <c r="A9372" s="2">
        <v>1874</v>
      </c>
      <c r="B9372" s="2">
        <v>1874</v>
      </c>
      <c r="C9372" s="1" t="s">
        <v>0</v>
      </c>
      <c r="D9372" s="2">
        <v>162200</v>
      </c>
      <c r="E9372" s="1" t="s">
        <v>0</v>
      </c>
    </row>
    <row r="9373" spans="1:5" x14ac:dyDescent="0.25">
      <c r="A9373" s="1" t="s">
        <v>1729</v>
      </c>
      <c r="B9373" s="1" t="s">
        <v>7699</v>
      </c>
      <c r="C9373" s="1" t="s">
        <v>26093</v>
      </c>
      <c r="D9373" s="2">
        <v>162201</v>
      </c>
      <c r="E9373" s="1" t="s">
        <v>0</v>
      </c>
    </row>
    <row r="9374" spans="1:5" x14ac:dyDescent="0.25">
      <c r="A9374" s="1" t="s">
        <v>26094</v>
      </c>
      <c r="B9374" s="1" t="s">
        <v>50642</v>
      </c>
      <c r="C9374" s="1" t="s">
        <v>26095</v>
      </c>
      <c r="D9374" s="2">
        <v>162202</v>
      </c>
      <c r="E9374" s="1" t="s">
        <v>0</v>
      </c>
    </row>
    <row r="9375" spans="1:5" ht="409.5" x14ac:dyDescent="0.25">
      <c r="A9375" s="4" t="s">
        <v>26096</v>
      </c>
      <c r="B9375" s="1" t="s">
        <v>50643</v>
      </c>
      <c r="C9375" s="1" t="s">
        <v>26097</v>
      </c>
      <c r="D9375" s="2">
        <v>162203</v>
      </c>
      <c r="E9375" s="1" t="s">
        <v>0</v>
      </c>
    </row>
    <row r="9376" spans="1:5" x14ac:dyDescent="0.25">
      <c r="A9376" s="1" t="s">
        <v>26098</v>
      </c>
      <c r="B9376" s="1" t="s">
        <v>7700</v>
      </c>
      <c r="C9376" s="1" t="s">
        <v>26099</v>
      </c>
      <c r="D9376" s="2">
        <v>162204</v>
      </c>
      <c r="E9376" s="1" t="s">
        <v>0</v>
      </c>
    </row>
    <row r="9377" spans="1:5" x14ac:dyDescent="0.25">
      <c r="A9377" s="2">
        <v>1875</v>
      </c>
      <c r="B9377" s="2">
        <v>1875</v>
      </c>
      <c r="C9377" s="1" t="s">
        <v>0</v>
      </c>
      <c r="D9377" s="2">
        <v>162205</v>
      </c>
      <c r="E9377" s="1" t="s">
        <v>0</v>
      </c>
    </row>
    <row r="9378" spans="1:5" x14ac:dyDescent="0.25">
      <c r="A9378" s="1" t="s">
        <v>1730</v>
      </c>
      <c r="B9378" s="1" t="s">
        <v>7701</v>
      </c>
      <c r="C9378" s="1" t="s">
        <v>26100</v>
      </c>
      <c r="D9378" s="2">
        <v>162206</v>
      </c>
      <c r="E9378" s="1" t="s">
        <v>0</v>
      </c>
    </row>
    <row r="9379" spans="1:5" x14ac:dyDescent="0.25">
      <c r="A9379" s="1" t="s">
        <v>26101</v>
      </c>
      <c r="B9379" s="1" t="s">
        <v>53159</v>
      </c>
      <c r="C9379" s="1" t="s">
        <v>26102</v>
      </c>
      <c r="D9379" s="2">
        <v>162207</v>
      </c>
      <c r="E9379" s="1" t="s">
        <v>0</v>
      </c>
    </row>
    <row r="9380" spans="1:5" ht="409.5" x14ac:dyDescent="0.25">
      <c r="A9380" s="4" t="s">
        <v>26103</v>
      </c>
      <c r="B9380" s="1" t="s">
        <v>60498</v>
      </c>
      <c r="C9380" s="1" t="s">
        <v>26104</v>
      </c>
      <c r="D9380" s="2">
        <v>162208</v>
      </c>
      <c r="E9380" s="1" t="s">
        <v>0</v>
      </c>
    </row>
    <row r="9381" spans="1:5" x14ac:dyDescent="0.25">
      <c r="A9381" s="1" t="s">
        <v>26105</v>
      </c>
      <c r="B9381" s="1" t="s">
        <v>53160</v>
      </c>
      <c r="C9381" s="1" t="s">
        <v>26106</v>
      </c>
      <c r="D9381" s="2">
        <v>162209</v>
      </c>
      <c r="E9381" s="1" t="s">
        <v>0</v>
      </c>
    </row>
    <row r="9382" spans="1:5" x14ac:dyDescent="0.25">
      <c r="A9382" s="2">
        <v>1876</v>
      </c>
      <c r="B9382" s="2">
        <v>1876</v>
      </c>
      <c r="C9382" s="1" t="s">
        <v>0</v>
      </c>
      <c r="D9382" s="2">
        <v>162210</v>
      </c>
      <c r="E9382" s="1" t="s">
        <v>0</v>
      </c>
    </row>
    <row r="9383" spans="1:5" x14ac:dyDescent="0.25">
      <c r="A9383" s="1" t="s">
        <v>1731</v>
      </c>
      <c r="B9383" s="1" t="s">
        <v>7702</v>
      </c>
      <c r="C9383" s="1" t="s">
        <v>26107</v>
      </c>
      <c r="D9383" s="2">
        <v>162211</v>
      </c>
      <c r="E9383" s="1" t="s">
        <v>0</v>
      </c>
    </row>
    <row r="9384" spans="1:5" x14ac:dyDescent="0.25">
      <c r="A9384" s="1" t="s">
        <v>26108</v>
      </c>
      <c r="B9384" s="1" t="s">
        <v>53161</v>
      </c>
      <c r="C9384" s="1" t="s">
        <v>26109</v>
      </c>
      <c r="D9384" s="2">
        <v>162212</v>
      </c>
      <c r="E9384" s="1" t="s">
        <v>0</v>
      </c>
    </row>
    <row r="9385" spans="1:5" ht="409.5" x14ac:dyDescent="0.25">
      <c r="A9385" s="4" t="s">
        <v>64119</v>
      </c>
      <c r="B9385" s="1" t="s">
        <v>53162</v>
      </c>
      <c r="C9385" s="1" t="s">
        <v>26110</v>
      </c>
      <c r="D9385" s="2">
        <v>162213</v>
      </c>
      <c r="E9385" s="1" t="s">
        <v>0</v>
      </c>
    </row>
    <row r="9386" spans="1:5" x14ac:dyDescent="0.25">
      <c r="A9386" s="1" t="s">
        <v>26111</v>
      </c>
      <c r="B9386" s="1" t="s">
        <v>53163</v>
      </c>
      <c r="C9386" s="1" t="s">
        <v>26112</v>
      </c>
      <c r="D9386" s="2">
        <v>162214</v>
      </c>
      <c r="E9386" s="1" t="s">
        <v>0</v>
      </c>
    </row>
    <row r="9387" spans="1:5" x14ac:dyDescent="0.25">
      <c r="A9387" s="2">
        <v>1877</v>
      </c>
      <c r="B9387" s="2">
        <v>1877</v>
      </c>
      <c r="C9387" s="1" t="s">
        <v>0</v>
      </c>
      <c r="D9387" s="2">
        <v>162215</v>
      </c>
      <c r="E9387" s="1" t="s">
        <v>0</v>
      </c>
    </row>
    <row r="9388" spans="1:5" x14ac:dyDescent="0.25">
      <c r="A9388" s="1" t="s">
        <v>7703</v>
      </c>
      <c r="B9388" s="1" t="s">
        <v>7704</v>
      </c>
      <c r="C9388" s="1" t="s">
        <v>26113</v>
      </c>
      <c r="D9388" s="2">
        <v>162216</v>
      </c>
      <c r="E9388" s="1" t="s">
        <v>0</v>
      </c>
    </row>
    <row r="9389" spans="1:5" x14ac:dyDescent="0.25">
      <c r="A9389" s="1" t="s">
        <v>26114</v>
      </c>
      <c r="B9389" s="1" t="s">
        <v>57811</v>
      </c>
      <c r="C9389" s="1" t="s">
        <v>26115</v>
      </c>
      <c r="D9389" s="2">
        <v>162217</v>
      </c>
      <c r="E9389" s="1" t="s">
        <v>0</v>
      </c>
    </row>
    <row r="9390" spans="1:5" ht="409.5" x14ac:dyDescent="0.25">
      <c r="A9390" s="4" t="s">
        <v>26116</v>
      </c>
      <c r="B9390" s="1" t="s">
        <v>60728</v>
      </c>
      <c r="C9390" s="1" t="s">
        <v>26117</v>
      </c>
      <c r="D9390" s="2">
        <v>162218</v>
      </c>
      <c r="E9390" s="1" t="s">
        <v>0</v>
      </c>
    </row>
    <row r="9391" spans="1:5" x14ac:dyDescent="0.25">
      <c r="A9391" s="1" t="s">
        <v>26118</v>
      </c>
      <c r="B9391" s="1" t="s">
        <v>53164</v>
      </c>
      <c r="C9391" s="1" t="s">
        <v>26119</v>
      </c>
      <c r="D9391" s="2">
        <v>162219</v>
      </c>
      <c r="E9391" s="1" t="s">
        <v>0</v>
      </c>
    </row>
    <row r="9392" spans="1:5" x14ac:dyDescent="0.25">
      <c r="A9392" s="2">
        <v>1878</v>
      </c>
      <c r="B9392" s="2">
        <v>1878</v>
      </c>
      <c r="C9392" s="1" t="s">
        <v>0</v>
      </c>
      <c r="D9392" s="2">
        <v>162220</v>
      </c>
      <c r="E9392" s="1" t="s">
        <v>0</v>
      </c>
    </row>
    <row r="9393" spans="1:5" x14ac:dyDescent="0.25">
      <c r="A9393" s="1" t="s">
        <v>1732</v>
      </c>
      <c r="B9393" s="1" t="s">
        <v>53165</v>
      </c>
      <c r="C9393" s="1" t="s">
        <v>26120</v>
      </c>
      <c r="D9393" s="2">
        <v>162221</v>
      </c>
      <c r="E9393" s="1" t="s">
        <v>0</v>
      </c>
    </row>
    <row r="9394" spans="1:5" x14ac:dyDescent="0.25">
      <c r="A9394" s="1" t="s">
        <v>26121</v>
      </c>
      <c r="B9394" s="1" t="s">
        <v>50644</v>
      </c>
      <c r="C9394" s="1" t="s">
        <v>26122</v>
      </c>
      <c r="D9394" s="2">
        <v>162222</v>
      </c>
      <c r="E9394" s="1" t="s">
        <v>0</v>
      </c>
    </row>
    <row r="9395" spans="1:5" ht="409.5" x14ac:dyDescent="0.25">
      <c r="A9395" s="4" t="s">
        <v>26123</v>
      </c>
      <c r="B9395" s="1" t="s">
        <v>53166</v>
      </c>
      <c r="C9395" s="1" t="s">
        <v>26124</v>
      </c>
      <c r="D9395" s="2">
        <v>162223</v>
      </c>
      <c r="E9395" s="1" t="s">
        <v>0</v>
      </c>
    </row>
    <row r="9396" spans="1:5" x14ac:dyDescent="0.25">
      <c r="A9396" s="1" t="s">
        <v>26125</v>
      </c>
      <c r="B9396" s="1" t="s">
        <v>7705</v>
      </c>
      <c r="C9396" s="1" t="s">
        <v>26126</v>
      </c>
      <c r="D9396" s="2">
        <v>162224</v>
      </c>
      <c r="E9396" s="1" t="s">
        <v>0</v>
      </c>
    </row>
    <row r="9397" spans="1:5" x14ac:dyDescent="0.25">
      <c r="A9397" s="2">
        <v>1879</v>
      </c>
      <c r="B9397" s="2">
        <v>1879</v>
      </c>
      <c r="C9397" s="1" t="s">
        <v>0</v>
      </c>
      <c r="D9397" s="2">
        <v>162225</v>
      </c>
      <c r="E9397" s="1" t="s">
        <v>0</v>
      </c>
    </row>
    <row r="9398" spans="1:5" x14ac:dyDescent="0.25">
      <c r="A9398" s="1" t="s">
        <v>1733</v>
      </c>
      <c r="B9398" s="1" t="s">
        <v>59007</v>
      </c>
      <c r="C9398" s="1" t="s">
        <v>26127</v>
      </c>
      <c r="D9398" s="2">
        <v>162226</v>
      </c>
      <c r="E9398" s="1" t="s">
        <v>0</v>
      </c>
    </row>
    <row r="9399" spans="1:5" x14ac:dyDescent="0.25">
      <c r="A9399" s="1" t="s">
        <v>26128</v>
      </c>
      <c r="B9399" s="1" t="s">
        <v>59008</v>
      </c>
      <c r="C9399" s="1" t="s">
        <v>26129</v>
      </c>
      <c r="D9399" s="2">
        <v>162227</v>
      </c>
      <c r="E9399" s="1" t="s">
        <v>0</v>
      </c>
    </row>
    <row r="9400" spans="1:5" ht="409.5" x14ac:dyDescent="0.25">
      <c r="A9400" s="4" t="s">
        <v>26130</v>
      </c>
      <c r="B9400" s="1" t="s">
        <v>59009</v>
      </c>
      <c r="C9400" s="1" t="s">
        <v>26131</v>
      </c>
      <c r="D9400" s="2">
        <v>162228</v>
      </c>
      <c r="E9400" s="1" t="s">
        <v>0</v>
      </c>
    </row>
    <row r="9401" spans="1:5" x14ac:dyDescent="0.25">
      <c r="A9401" s="1" t="s">
        <v>26132</v>
      </c>
      <c r="B9401" s="1" t="s">
        <v>59010</v>
      </c>
      <c r="C9401" s="1" t="s">
        <v>26133</v>
      </c>
      <c r="D9401" s="2">
        <v>162229</v>
      </c>
      <c r="E9401" s="1" t="s">
        <v>0</v>
      </c>
    </row>
    <row r="9402" spans="1:5" x14ac:dyDescent="0.25">
      <c r="A9402" s="2">
        <v>1880</v>
      </c>
      <c r="B9402" s="2">
        <v>1880</v>
      </c>
      <c r="C9402" s="1" t="s">
        <v>0</v>
      </c>
      <c r="D9402" s="2">
        <v>162230</v>
      </c>
      <c r="E9402" s="1" t="s">
        <v>0</v>
      </c>
    </row>
    <row r="9403" spans="1:5" x14ac:dyDescent="0.25">
      <c r="A9403" s="1" t="s">
        <v>1734</v>
      </c>
      <c r="B9403" s="1" t="s">
        <v>7706</v>
      </c>
      <c r="C9403" s="1" t="s">
        <v>26134</v>
      </c>
      <c r="D9403" s="2">
        <v>162231</v>
      </c>
      <c r="E9403" s="1" t="s">
        <v>0</v>
      </c>
    </row>
    <row r="9404" spans="1:5" x14ac:dyDescent="0.25">
      <c r="A9404" s="1" t="s">
        <v>26135</v>
      </c>
      <c r="B9404" s="1" t="s">
        <v>53167</v>
      </c>
      <c r="C9404" s="1" t="s">
        <v>26136</v>
      </c>
      <c r="D9404" s="2">
        <v>162232</v>
      </c>
      <c r="E9404" s="1" t="s">
        <v>0</v>
      </c>
    </row>
    <row r="9405" spans="1:5" ht="409.5" x14ac:dyDescent="0.25">
      <c r="A9405" s="4" t="s">
        <v>26137</v>
      </c>
      <c r="B9405" s="1" t="s">
        <v>53168</v>
      </c>
      <c r="C9405" s="1" t="s">
        <v>26138</v>
      </c>
      <c r="D9405" s="2">
        <v>162233</v>
      </c>
      <c r="E9405" s="1" t="s">
        <v>0</v>
      </c>
    </row>
    <row r="9406" spans="1:5" x14ac:dyDescent="0.25">
      <c r="A9406" s="1" t="s">
        <v>26139</v>
      </c>
      <c r="B9406" s="1" t="s">
        <v>7707</v>
      </c>
      <c r="C9406" s="1" t="s">
        <v>26140</v>
      </c>
      <c r="D9406" s="2">
        <v>162234</v>
      </c>
      <c r="E9406" s="1" t="s">
        <v>0</v>
      </c>
    </row>
    <row r="9407" spans="1:5" x14ac:dyDescent="0.25">
      <c r="A9407" s="2">
        <v>1881</v>
      </c>
      <c r="B9407" s="2">
        <v>1881</v>
      </c>
      <c r="C9407" s="1" t="s">
        <v>0</v>
      </c>
      <c r="D9407" s="2">
        <v>162235</v>
      </c>
      <c r="E9407" s="1" t="s">
        <v>0</v>
      </c>
    </row>
    <row r="9408" spans="1:5" x14ac:dyDescent="0.25">
      <c r="A9408" s="1" t="s">
        <v>1735</v>
      </c>
      <c r="B9408" s="1" t="s">
        <v>7708</v>
      </c>
      <c r="C9408" s="1" t="s">
        <v>26141</v>
      </c>
      <c r="D9408" s="2">
        <v>162236</v>
      </c>
      <c r="E9408" s="1" t="s">
        <v>0</v>
      </c>
    </row>
    <row r="9409" spans="1:5" x14ac:dyDescent="0.25">
      <c r="A9409" s="1" t="s">
        <v>26142</v>
      </c>
      <c r="B9409" s="1" t="s">
        <v>63676</v>
      </c>
      <c r="C9409" s="1" t="s">
        <v>26143</v>
      </c>
      <c r="D9409" s="2">
        <v>162237</v>
      </c>
      <c r="E9409" s="1" t="s">
        <v>0</v>
      </c>
    </row>
    <row r="9410" spans="1:5" ht="409.5" x14ac:dyDescent="0.25">
      <c r="A9410" s="4" t="s">
        <v>26144</v>
      </c>
      <c r="B9410" s="1" t="s">
        <v>63677</v>
      </c>
      <c r="C9410" s="1" t="s">
        <v>26145</v>
      </c>
      <c r="D9410" s="2">
        <v>162238</v>
      </c>
      <c r="E9410" s="1" t="s">
        <v>0</v>
      </c>
    </row>
    <row r="9411" spans="1:5" x14ac:dyDescent="0.25">
      <c r="A9411" s="1" t="s">
        <v>26146</v>
      </c>
      <c r="B9411" s="1" t="s">
        <v>53169</v>
      </c>
      <c r="C9411" s="1" t="s">
        <v>26147</v>
      </c>
      <c r="D9411" s="2">
        <v>162239</v>
      </c>
      <c r="E9411" s="1" t="s">
        <v>0</v>
      </c>
    </row>
    <row r="9412" spans="1:5" x14ac:dyDescent="0.25">
      <c r="A9412" s="2">
        <v>1882</v>
      </c>
      <c r="B9412" s="2">
        <v>1882</v>
      </c>
      <c r="C9412" s="1" t="s">
        <v>0</v>
      </c>
      <c r="D9412" s="2">
        <v>162240</v>
      </c>
      <c r="E9412" s="1" t="s">
        <v>0</v>
      </c>
    </row>
    <row r="9413" spans="1:5" x14ac:dyDescent="0.25">
      <c r="A9413" s="1" t="s">
        <v>1736</v>
      </c>
      <c r="B9413" s="1" t="s">
        <v>60729</v>
      </c>
      <c r="C9413" s="1" t="s">
        <v>26148</v>
      </c>
      <c r="D9413" s="2">
        <v>162241</v>
      </c>
      <c r="E9413" s="1" t="s">
        <v>0</v>
      </c>
    </row>
    <row r="9414" spans="1:5" x14ac:dyDescent="0.25">
      <c r="A9414" s="1" t="s">
        <v>26149</v>
      </c>
      <c r="B9414" s="1" t="s">
        <v>60730</v>
      </c>
      <c r="C9414" s="1" t="s">
        <v>26150</v>
      </c>
      <c r="D9414" s="2">
        <v>162242</v>
      </c>
      <c r="E9414" s="1" t="s">
        <v>0</v>
      </c>
    </row>
    <row r="9415" spans="1:5" ht="409.5" x14ac:dyDescent="0.25">
      <c r="A9415" s="4" t="s">
        <v>26151</v>
      </c>
      <c r="B9415" s="1" t="s">
        <v>60731</v>
      </c>
      <c r="C9415" s="1" t="s">
        <v>26152</v>
      </c>
      <c r="D9415" s="2">
        <v>162243</v>
      </c>
      <c r="E9415" s="1" t="s">
        <v>0</v>
      </c>
    </row>
    <row r="9416" spans="1:5" x14ac:dyDescent="0.25">
      <c r="A9416" s="1" t="s">
        <v>26153</v>
      </c>
      <c r="B9416" s="1" t="s">
        <v>53170</v>
      </c>
      <c r="C9416" s="1" t="s">
        <v>26154</v>
      </c>
      <c r="D9416" s="2">
        <v>162244</v>
      </c>
      <c r="E9416" s="1" t="s">
        <v>0</v>
      </c>
    </row>
    <row r="9417" spans="1:5" x14ac:dyDescent="0.25">
      <c r="A9417" s="2">
        <v>1883</v>
      </c>
      <c r="B9417" s="2">
        <v>1883</v>
      </c>
      <c r="C9417" s="1" t="s">
        <v>0</v>
      </c>
      <c r="D9417" s="2">
        <v>162245</v>
      </c>
      <c r="E9417" s="1" t="s">
        <v>0</v>
      </c>
    </row>
    <row r="9418" spans="1:5" x14ac:dyDescent="0.25">
      <c r="A9418" s="1" t="s">
        <v>1737</v>
      </c>
      <c r="B9418" s="1" t="s">
        <v>7709</v>
      </c>
      <c r="C9418" s="1" t="s">
        <v>26155</v>
      </c>
      <c r="D9418" s="2">
        <v>162246</v>
      </c>
      <c r="E9418" s="1" t="s">
        <v>0</v>
      </c>
    </row>
    <row r="9419" spans="1:5" x14ac:dyDescent="0.25">
      <c r="A9419" s="1" t="s">
        <v>26156</v>
      </c>
      <c r="B9419" s="1" t="s">
        <v>50645</v>
      </c>
      <c r="C9419" s="1" t="s">
        <v>26157</v>
      </c>
      <c r="D9419" s="2">
        <v>162247</v>
      </c>
      <c r="E9419" s="1" t="s">
        <v>0</v>
      </c>
    </row>
    <row r="9420" spans="1:5" ht="409.5" x14ac:dyDescent="0.25">
      <c r="A9420" s="4" t="s">
        <v>26158</v>
      </c>
      <c r="B9420" s="1" t="s">
        <v>50646</v>
      </c>
      <c r="C9420" s="1" t="s">
        <v>26159</v>
      </c>
      <c r="D9420" s="2">
        <v>162248</v>
      </c>
      <c r="E9420" s="1" t="s">
        <v>0</v>
      </c>
    </row>
    <row r="9421" spans="1:5" x14ac:dyDescent="0.25">
      <c r="A9421" s="1" t="s">
        <v>26160</v>
      </c>
      <c r="B9421" s="1" t="s">
        <v>7710</v>
      </c>
      <c r="C9421" s="1" t="s">
        <v>26161</v>
      </c>
      <c r="D9421" s="2">
        <v>162249</v>
      </c>
      <c r="E9421" s="1" t="s">
        <v>0</v>
      </c>
    </row>
    <row r="9422" spans="1:5" x14ac:dyDescent="0.25">
      <c r="A9422" s="2">
        <v>1884</v>
      </c>
      <c r="B9422" s="2">
        <v>1884</v>
      </c>
      <c r="C9422" s="1" t="s">
        <v>0</v>
      </c>
      <c r="D9422" s="2">
        <v>162250</v>
      </c>
      <c r="E9422" s="1" t="s">
        <v>0</v>
      </c>
    </row>
    <row r="9423" spans="1:5" x14ac:dyDescent="0.25">
      <c r="A9423" s="1" t="s">
        <v>1738</v>
      </c>
      <c r="B9423" s="1" t="s">
        <v>56935</v>
      </c>
      <c r="C9423" s="1" t="s">
        <v>26162</v>
      </c>
      <c r="D9423" s="2">
        <v>162251</v>
      </c>
      <c r="E9423" s="1" t="s">
        <v>0</v>
      </c>
    </row>
    <row r="9424" spans="1:5" x14ac:dyDescent="0.25">
      <c r="A9424" s="1" t="s">
        <v>26163</v>
      </c>
      <c r="B9424" s="1" t="s">
        <v>58321</v>
      </c>
      <c r="C9424" s="1" t="s">
        <v>26164</v>
      </c>
      <c r="D9424" s="2">
        <v>162252</v>
      </c>
      <c r="E9424" s="1" t="s">
        <v>0</v>
      </c>
    </row>
    <row r="9425" spans="1:5" ht="409.5" x14ac:dyDescent="0.25">
      <c r="A9425" s="4" t="s">
        <v>64120</v>
      </c>
      <c r="B9425" s="1" t="s">
        <v>64121</v>
      </c>
      <c r="C9425" s="1" t="s">
        <v>26165</v>
      </c>
      <c r="D9425" s="2">
        <v>162253</v>
      </c>
      <c r="E9425" s="1" t="s">
        <v>0</v>
      </c>
    </row>
    <row r="9426" spans="1:5" x14ac:dyDescent="0.25">
      <c r="A9426" s="1" t="s">
        <v>26166</v>
      </c>
      <c r="B9426" s="1" t="s">
        <v>7711</v>
      </c>
      <c r="C9426" s="1" t="s">
        <v>26167</v>
      </c>
      <c r="D9426" s="2">
        <v>162254</v>
      </c>
      <c r="E9426" s="1" t="s">
        <v>0</v>
      </c>
    </row>
    <row r="9427" spans="1:5" x14ac:dyDescent="0.25">
      <c r="A9427" s="2">
        <v>1885</v>
      </c>
      <c r="B9427" s="2">
        <v>1885</v>
      </c>
      <c r="C9427" s="1" t="s">
        <v>0</v>
      </c>
      <c r="D9427" s="2">
        <v>162255</v>
      </c>
      <c r="E9427" s="1" t="s">
        <v>0</v>
      </c>
    </row>
    <row r="9428" spans="1:5" x14ac:dyDescent="0.25">
      <c r="A9428" s="1" t="s">
        <v>7712</v>
      </c>
      <c r="B9428" s="1" t="s">
        <v>7713</v>
      </c>
      <c r="C9428" s="1" t="s">
        <v>26168</v>
      </c>
      <c r="D9428" s="2">
        <v>162256</v>
      </c>
      <c r="E9428" s="1" t="s">
        <v>0</v>
      </c>
    </row>
    <row r="9429" spans="1:5" x14ac:dyDescent="0.25">
      <c r="A9429" s="1" t="s">
        <v>26169</v>
      </c>
      <c r="B9429" s="1" t="s">
        <v>57812</v>
      </c>
      <c r="C9429" s="1" t="s">
        <v>26170</v>
      </c>
      <c r="D9429" s="2">
        <v>162257</v>
      </c>
      <c r="E9429" s="1" t="s">
        <v>0</v>
      </c>
    </row>
    <row r="9430" spans="1:5" ht="409.5" x14ac:dyDescent="0.25">
      <c r="A9430" s="4" t="s">
        <v>64122</v>
      </c>
      <c r="B9430" s="1" t="s">
        <v>57813</v>
      </c>
      <c r="C9430" s="1" t="s">
        <v>26171</v>
      </c>
      <c r="D9430" s="2">
        <v>162258</v>
      </c>
      <c r="E9430" s="1" t="s">
        <v>0</v>
      </c>
    </row>
    <row r="9431" spans="1:5" x14ac:dyDescent="0.25">
      <c r="A9431" s="1" t="s">
        <v>26172</v>
      </c>
      <c r="B9431" s="1" t="s">
        <v>7714</v>
      </c>
      <c r="C9431" s="1" t="s">
        <v>26173</v>
      </c>
      <c r="D9431" s="2">
        <v>162259</v>
      </c>
      <c r="E9431" s="1" t="s">
        <v>0</v>
      </c>
    </row>
    <row r="9432" spans="1:5" x14ac:dyDescent="0.25">
      <c r="A9432" s="2">
        <v>1886</v>
      </c>
      <c r="B9432" s="2">
        <v>1886</v>
      </c>
      <c r="C9432" s="1" t="s">
        <v>0</v>
      </c>
      <c r="D9432" s="2">
        <v>162260</v>
      </c>
      <c r="E9432" s="1" t="s">
        <v>0</v>
      </c>
    </row>
    <row r="9433" spans="1:5" x14ac:dyDescent="0.25">
      <c r="A9433" s="1" t="s">
        <v>1739</v>
      </c>
      <c r="B9433" s="1" t="s">
        <v>53171</v>
      </c>
      <c r="C9433" s="1" t="s">
        <v>26174</v>
      </c>
      <c r="D9433" s="2">
        <v>162261</v>
      </c>
      <c r="E9433" s="1" t="s">
        <v>0</v>
      </c>
    </row>
    <row r="9434" spans="1:5" x14ac:dyDescent="0.25">
      <c r="A9434" s="1" t="s">
        <v>26175</v>
      </c>
      <c r="B9434" s="1" t="s">
        <v>61069</v>
      </c>
      <c r="C9434" s="1" t="s">
        <v>26176</v>
      </c>
      <c r="D9434" s="2">
        <v>162262</v>
      </c>
      <c r="E9434" s="1" t="s">
        <v>0</v>
      </c>
    </row>
    <row r="9435" spans="1:5" ht="409.5" x14ac:dyDescent="0.25">
      <c r="A9435" s="4" t="s">
        <v>26177</v>
      </c>
      <c r="B9435" s="1" t="s">
        <v>61070</v>
      </c>
      <c r="C9435" s="1" t="s">
        <v>26178</v>
      </c>
      <c r="D9435" s="2">
        <v>162263</v>
      </c>
      <c r="E9435" s="1" t="s">
        <v>0</v>
      </c>
    </row>
    <row r="9436" spans="1:5" x14ac:dyDescent="0.25">
      <c r="A9436" s="1" t="s">
        <v>26179</v>
      </c>
      <c r="B9436" s="1" t="s">
        <v>61071</v>
      </c>
      <c r="C9436" s="1" t="s">
        <v>26180</v>
      </c>
      <c r="D9436" s="2">
        <v>162264</v>
      </c>
      <c r="E9436" s="1" t="s">
        <v>0</v>
      </c>
    </row>
    <row r="9437" spans="1:5" x14ac:dyDescent="0.25">
      <c r="A9437" s="2">
        <v>1887</v>
      </c>
      <c r="B9437" s="2">
        <v>1887</v>
      </c>
      <c r="C9437" s="1" t="s">
        <v>0</v>
      </c>
      <c r="D9437" s="2">
        <v>162265</v>
      </c>
      <c r="E9437" s="1" t="s">
        <v>0</v>
      </c>
    </row>
    <row r="9438" spans="1:5" x14ac:dyDescent="0.25">
      <c r="A9438" s="1" t="s">
        <v>1740</v>
      </c>
      <c r="B9438" s="1" t="s">
        <v>7715</v>
      </c>
      <c r="C9438" s="1" t="s">
        <v>26181</v>
      </c>
      <c r="D9438" s="2">
        <v>162266</v>
      </c>
      <c r="E9438" s="1" t="s">
        <v>0</v>
      </c>
    </row>
    <row r="9439" spans="1:5" x14ac:dyDescent="0.25">
      <c r="A9439" s="1" t="s">
        <v>26182</v>
      </c>
      <c r="B9439" s="1" t="s">
        <v>7716</v>
      </c>
      <c r="C9439" s="1" t="s">
        <v>26183</v>
      </c>
      <c r="D9439" s="2">
        <v>162267</v>
      </c>
      <c r="E9439" s="1" t="s">
        <v>0</v>
      </c>
    </row>
    <row r="9440" spans="1:5" ht="409.5" x14ac:dyDescent="0.25">
      <c r="A9440" s="4" t="s">
        <v>61789</v>
      </c>
      <c r="B9440" s="1" t="s">
        <v>58322</v>
      </c>
      <c r="C9440" s="1" t="s">
        <v>26184</v>
      </c>
      <c r="D9440" s="2">
        <v>162268</v>
      </c>
      <c r="E9440" s="1" t="s">
        <v>0</v>
      </c>
    </row>
    <row r="9441" spans="1:5" x14ac:dyDescent="0.25">
      <c r="A9441" s="1" t="s">
        <v>26185</v>
      </c>
      <c r="B9441" s="1" t="s">
        <v>61630</v>
      </c>
      <c r="C9441" s="1" t="s">
        <v>26186</v>
      </c>
      <c r="D9441" s="2">
        <v>162269</v>
      </c>
      <c r="E9441" s="1" t="s">
        <v>0</v>
      </c>
    </row>
    <row r="9442" spans="1:5" x14ac:dyDescent="0.25">
      <c r="A9442" s="2">
        <v>1888</v>
      </c>
      <c r="B9442" s="2">
        <v>1888</v>
      </c>
      <c r="C9442" s="1" t="s">
        <v>0</v>
      </c>
      <c r="D9442" s="2">
        <v>162270</v>
      </c>
      <c r="E9442" s="1" t="s">
        <v>0</v>
      </c>
    </row>
    <row r="9443" spans="1:5" x14ac:dyDescent="0.25">
      <c r="A9443" s="1" t="s">
        <v>1741</v>
      </c>
      <c r="B9443" s="1" t="s">
        <v>7717</v>
      </c>
      <c r="C9443" s="1" t="s">
        <v>26187</v>
      </c>
      <c r="D9443" s="2">
        <v>162271</v>
      </c>
      <c r="E9443" s="1" t="s">
        <v>0</v>
      </c>
    </row>
    <row r="9444" spans="1:5" x14ac:dyDescent="0.25">
      <c r="A9444" s="1" t="s">
        <v>26188</v>
      </c>
      <c r="B9444" s="1" t="s">
        <v>53172</v>
      </c>
      <c r="C9444" s="1" t="s">
        <v>26189</v>
      </c>
      <c r="D9444" s="2">
        <v>162272</v>
      </c>
      <c r="E9444" s="1" t="s">
        <v>0</v>
      </c>
    </row>
    <row r="9445" spans="1:5" ht="409.5" x14ac:dyDescent="0.25">
      <c r="A9445" s="4" t="s">
        <v>26190</v>
      </c>
      <c r="B9445" s="1" t="s">
        <v>53173</v>
      </c>
      <c r="C9445" s="1" t="s">
        <v>26191</v>
      </c>
      <c r="D9445" s="2">
        <v>162273</v>
      </c>
      <c r="E9445" s="1" t="s">
        <v>0</v>
      </c>
    </row>
    <row r="9446" spans="1:5" x14ac:dyDescent="0.25">
      <c r="A9446" s="1" t="s">
        <v>26192</v>
      </c>
      <c r="B9446" s="1" t="s">
        <v>57194</v>
      </c>
      <c r="C9446" s="1" t="s">
        <v>26193</v>
      </c>
      <c r="D9446" s="2">
        <v>162274</v>
      </c>
      <c r="E9446" s="1" t="s">
        <v>0</v>
      </c>
    </row>
    <row r="9447" spans="1:5" x14ac:dyDescent="0.25">
      <c r="A9447" s="2">
        <v>1889</v>
      </c>
      <c r="B9447" s="2">
        <v>1889</v>
      </c>
      <c r="C9447" s="1" t="s">
        <v>0</v>
      </c>
      <c r="D9447" s="2">
        <v>162275</v>
      </c>
      <c r="E9447" s="1" t="s">
        <v>0</v>
      </c>
    </row>
    <row r="9448" spans="1:5" x14ac:dyDescent="0.25">
      <c r="A9448" s="1" t="s">
        <v>1742</v>
      </c>
      <c r="B9448" s="1" t="s">
        <v>58323</v>
      </c>
      <c r="C9448" s="1" t="s">
        <v>26194</v>
      </c>
      <c r="D9448" s="2">
        <v>162276</v>
      </c>
      <c r="E9448" s="1" t="s">
        <v>0</v>
      </c>
    </row>
    <row r="9449" spans="1:5" x14ac:dyDescent="0.25">
      <c r="A9449" s="1" t="s">
        <v>26195</v>
      </c>
      <c r="B9449" s="1" t="s">
        <v>62345</v>
      </c>
      <c r="C9449" s="1" t="s">
        <v>26196</v>
      </c>
      <c r="D9449" s="2">
        <v>162277</v>
      </c>
      <c r="E9449" s="1" t="s">
        <v>0</v>
      </c>
    </row>
    <row r="9450" spans="1:5" ht="409.5" x14ac:dyDescent="0.25">
      <c r="A9450" s="4" t="s">
        <v>26197</v>
      </c>
      <c r="B9450" s="1" t="s">
        <v>62346</v>
      </c>
      <c r="C9450" s="1" t="s">
        <v>26198</v>
      </c>
      <c r="D9450" s="2">
        <v>162278</v>
      </c>
      <c r="E9450" s="1" t="s">
        <v>0</v>
      </c>
    </row>
    <row r="9451" spans="1:5" x14ac:dyDescent="0.25">
      <c r="A9451" s="1" t="s">
        <v>26199</v>
      </c>
      <c r="B9451" s="1" t="s">
        <v>7718</v>
      </c>
      <c r="C9451" s="1" t="s">
        <v>26200</v>
      </c>
      <c r="D9451" s="2">
        <v>162279</v>
      </c>
      <c r="E9451" s="1" t="s">
        <v>0</v>
      </c>
    </row>
    <row r="9452" spans="1:5" x14ac:dyDescent="0.25">
      <c r="A9452" s="2">
        <v>1890</v>
      </c>
      <c r="B9452" s="2">
        <v>1890</v>
      </c>
      <c r="C9452" s="1" t="s">
        <v>0</v>
      </c>
      <c r="D9452" s="2">
        <v>162280</v>
      </c>
      <c r="E9452" s="1" t="s">
        <v>0</v>
      </c>
    </row>
    <row r="9453" spans="1:5" x14ac:dyDescent="0.25">
      <c r="A9453" s="1" t="s">
        <v>13082</v>
      </c>
      <c r="B9453" s="1" t="s">
        <v>57484</v>
      </c>
      <c r="C9453" s="1" t="s">
        <v>26201</v>
      </c>
      <c r="D9453" s="2">
        <v>162281</v>
      </c>
      <c r="E9453" s="1" t="s">
        <v>0</v>
      </c>
    </row>
    <row r="9454" spans="1:5" x14ac:dyDescent="0.25">
      <c r="A9454" s="1" t="s">
        <v>26202</v>
      </c>
      <c r="B9454" s="1" t="s">
        <v>57485</v>
      </c>
      <c r="C9454" s="1" t="s">
        <v>26203</v>
      </c>
      <c r="D9454" s="2">
        <v>162282</v>
      </c>
      <c r="E9454" s="1" t="s">
        <v>0</v>
      </c>
    </row>
    <row r="9455" spans="1:5" ht="409.5" x14ac:dyDescent="0.25">
      <c r="A9455" s="4" t="s">
        <v>26204</v>
      </c>
      <c r="B9455" s="1" t="s">
        <v>57486</v>
      </c>
      <c r="C9455" s="1" t="s">
        <v>26205</v>
      </c>
      <c r="D9455" s="2">
        <v>162283</v>
      </c>
      <c r="E9455" s="1" t="s">
        <v>0</v>
      </c>
    </row>
    <row r="9456" spans="1:5" x14ac:dyDescent="0.25">
      <c r="A9456" s="1" t="s">
        <v>26206</v>
      </c>
      <c r="B9456" s="1" t="s">
        <v>57487</v>
      </c>
      <c r="C9456" s="1" t="s">
        <v>26207</v>
      </c>
      <c r="D9456" s="2">
        <v>162284</v>
      </c>
      <c r="E9456" s="1" t="s">
        <v>0</v>
      </c>
    </row>
    <row r="9457" spans="1:5" x14ac:dyDescent="0.25">
      <c r="A9457" s="2">
        <v>1891</v>
      </c>
      <c r="B9457" s="2">
        <v>1891</v>
      </c>
      <c r="C9457" s="1" t="s">
        <v>0</v>
      </c>
      <c r="D9457" s="2">
        <v>162285</v>
      </c>
      <c r="E9457" s="1" t="s">
        <v>0</v>
      </c>
    </row>
    <row r="9458" spans="1:5" x14ac:dyDescent="0.25">
      <c r="A9458" s="1" t="s">
        <v>1743</v>
      </c>
      <c r="B9458" s="1" t="s">
        <v>7719</v>
      </c>
      <c r="C9458" s="1" t="s">
        <v>26208</v>
      </c>
      <c r="D9458" s="2">
        <v>162286</v>
      </c>
      <c r="E9458" s="1" t="s">
        <v>0</v>
      </c>
    </row>
    <row r="9459" spans="1:5" x14ac:dyDescent="0.25">
      <c r="A9459" s="1" t="s">
        <v>26209</v>
      </c>
      <c r="B9459" s="1" t="s">
        <v>53174</v>
      </c>
      <c r="C9459" s="1" t="s">
        <v>26210</v>
      </c>
      <c r="D9459" s="2">
        <v>162287</v>
      </c>
      <c r="E9459" s="1" t="s">
        <v>0</v>
      </c>
    </row>
    <row r="9460" spans="1:5" ht="409.5" x14ac:dyDescent="0.25">
      <c r="A9460" s="4" t="s">
        <v>26211</v>
      </c>
      <c r="B9460" s="1" t="s">
        <v>53175</v>
      </c>
      <c r="C9460" s="1" t="s">
        <v>26212</v>
      </c>
      <c r="D9460" s="2">
        <v>162288</v>
      </c>
      <c r="E9460" s="1" t="s">
        <v>0</v>
      </c>
    </row>
    <row r="9461" spans="1:5" x14ac:dyDescent="0.25">
      <c r="A9461" s="1" t="s">
        <v>26213</v>
      </c>
      <c r="B9461" s="1" t="s">
        <v>53176</v>
      </c>
      <c r="C9461" s="1" t="s">
        <v>26214</v>
      </c>
      <c r="D9461" s="2">
        <v>162289</v>
      </c>
      <c r="E9461" s="1" t="s">
        <v>0</v>
      </c>
    </row>
    <row r="9462" spans="1:5" x14ac:dyDescent="0.25">
      <c r="A9462" s="2">
        <v>1892</v>
      </c>
      <c r="B9462" s="2">
        <v>1892</v>
      </c>
      <c r="C9462" s="1" t="s">
        <v>0</v>
      </c>
      <c r="D9462" s="2">
        <v>162290</v>
      </c>
      <c r="E9462" s="1" t="s">
        <v>0</v>
      </c>
    </row>
    <row r="9463" spans="1:5" x14ac:dyDescent="0.25">
      <c r="A9463" s="1" t="s">
        <v>1744</v>
      </c>
      <c r="B9463" s="1" t="s">
        <v>7720</v>
      </c>
      <c r="C9463" s="1" t="s">
        <v>26215</v>
      </c>
      <c r="D9463" s="2">
        <v>162291</v>
      </c>
      <c r="E9463" s="1" t="s">
        <v>0</v>
      </c>
    </row>
    <row r="9464" spans="1:5" x14ac:dyDescent="0.25">
      <c r="A9464" s="1" t="s">
        <v>26216</v>
      </c>
      <c r="B9464" s="1" t="s">
        <v>53177</v>
      </c>
      <c r="C9464" s="1" t="s">
        <v>26217</v>
      </c>
      <c r="D9464" s="2">
        <v>162292</v>
      </c>
      <c r="E9464" s="1" t="s">
        <v>0</v>
      </c>
    </row>
    <row r="9465" spans="1:5" ht="409.5" x14ac:dyDescent="0.25">
      <c r="A9465" s="4" t="s">
        <v>26218</v>
      </c>
      <c r="B9465" s="1" t="s">
        <v>53178</v>
      </c>
      <c r="C9465" s="1" t="s">
        <v>26219</v>
      </c>
      <c r="D9465" s="2">
        <v>162293</v>
      </c>
      <c r="E9465" s="1" t="s">
        <v>0</v>
      </c>
    </row>
    <row r="9466" spans="1:5" x14ac:dyDescent="0.25">
      <c r="A9466" s="1" t="s">
        <v>26220</v>
      </c>
      <c r="B9466" s="1" t="s">
        <v>57195</v>
      </c>
      <c r="C9466" s="1" t="s">
        <v>26221</v>
      </c>
      <c r="D9466" s="2">
        <v>162294</v>
      </c>
      <c r="E9466" s="1" t="s">
        <v>0</v>
      </c>
    </row>
    <row r="9467" spans="1:5" x14ac:dyDescent="0.25">
      <c r="A9467" s="2">
        <v>1893</v>
      </c>
      <c r="B9467" s="2">
        <v>1893</v>
      </c>
      <c r="C9467" s="1" t="s">
        <v>0</v>
      </c>
      <c r="D9467" s="2">
        <v>162295</v>
      </c>
      <c r="E9467" s="1" t="s">
        <v>0</v>
      </c>
    </row>
    <row r="9468" spans="1:5" x14ac:dyDescent="0.25">
      <c r="A9468" s="1" t="s">
        <v>1745</v>
      </c>
      <c r="B9468" s="1" t="s">
        <v>7721</v>
      </c>
      <c r="C9468" s="1" t="s">
        <v>26222</v>
      </c>
      <c r="D9468" s="2">
        <v>162296</v>
      </c>
      <c r="E9468" s="1" t="s">
        <v>0</v>
      </c>
    </row>
    <row r="9469" spans="1:5" x14ac:dyDescent="0.25">
      <c r="A9469" s="1" t="s">
        <v>26223</v>
      </c>
      <c r="B9469" s="1" t="s">
        <v>53179</v>
      </c>
      <c r="C9469" s="1" t="s">
        <v>26224</v>
      </c>
      <c r="D9469" s="2">
        <v>162297</v>
      </c>
      <c r="E9469" s="1" t="s">
        <v>0</v>
      </c>
    </row>
    <row r="9470" spans="1:5" ht="409.5" x14ac:dyDescent="0.25">
      <c r="A9470" s="4" t="s">
        <v>26225</v>
      </c>
      <c r="B9470" s="1" t="s">
        <v>59011</v>
      </c>
      <c r="C9470" s="1" t="s">
        <v>26226</v>
      </c>
      <c r="D9470" s="2">
        <v>162298</v>
      </c>
      <c r="E9470" s="1" t="s">
        <v>0</v>
      </c>
    </row>
    <row r="9471" spans="1:5" x14ac:dyDescent="0.25">
      <c r="A9471" s="1" t="s">
        <v>26227</v>
      </c>
      <c r="B9471" s="1" t="s">
        <v>53180</v>
      </c>
      <c r="C9471" s="1" t="s">
        <v>26228</v>
      </c>
      <c r="D9471" s="2">
        <v>162299</v>
      </c>
      <c r="E9471" s="1" t="s">
        <v>0</v>
      </c>
    </row>
    <row r="9472" spans="1:5" x14ac:dyDescent="0.25">
      <c r="A9472" s="2">
        <v>1894</v>
      </c>
      <c r="B9472" s="2">
        <v>1894</v>
      </c>
      <c r="C9472" s="1" t="s">
        <v>0</v>
      </c>
      <c r="D9472" s="2">
        <v>162300</v>
      </c>
      <c r="E9472" s="1" t="s">
        <v>0</v>
      </c>
    </row>
    <row r="9473" spans="1:5" x14ac:dyDescent="0.25">
      <c r="A9473" s="1" t="s">
        <v>1746</v>
      </c>
      <c r="B9473" s="1" t="s">
        <v>7722</v>
      </c>
      <c r="C9473" s="1" t="s">
        <v>26229</v>
      </c>
      <c r="D9473" s="2">
        <v>162301</v>
      </c>
      <c r="E9473" s="1" t="s">
        <v>0</v>
      </c>
    </row>
    <row r="9474" spans="1:5" x14ac:dyDescent="0.25">
      <c r="A9474" s="1" t="s">
        <v>26230</v>
      </c>
      <c r="B9474" s="1" t="s">
        <v>63678</v>
      </c>
      <c r="C9474" s="1" t="s">
        <v>26231</v>
      </c>
      <c r="D9474" s="2">
        <v>162302</v>
      </c>
      <c r="E9474" s="1" t="s">
        <v>0</v>
      </c>
    </row>
    <row r="9475" spans="1:5" ht="409.5" x14ac:dyDescent="0.25">
      <c r="A9475" s="4" t="s">
        <v>26232</v>
      </c>
      <c r="B9475" s="1" t="s">
        <v>63679</v>
      </c>
      <c r="C9475" s="1" t="s">
        <v>26233</v>
      </c>
      <c r="D9475" s="2">
        <v>162303</v>
      </c>
      <c r="E9475" s="1" t="s">
        <v>0</v>
      </c>
    </row>
    <row r="9476" spans="1:5" x14ac:dyDescent="0.25">
      <c r="A9476" s="1" t="s">
        <v>13413</v>
      </c>
      <c r="B9476" s="1" t="s">
        <v>60845</v>
      </c>
      <c r="C9476" s="1" t="s">
        <v>13414</v>
      </c>
      <c r="D9476" s="2">
        <v>162304</v>
      </c>
      <c r="E9476" s="1" t="s">
        <v>0</v>
      </c>
    </row>
    <row r="9477" spans="1:5" x14ac:dyDescent="0.25">
      <c r="A9477" s="2">
        <v>1895</v>
      </c>
      <c r="B9477" s="2">
        <v>1895</v>
      </c>
      <c r="C9477" s="1" t="s">
        <v>0</v>
      </c>
      <c r="D9477" s="2">
        <v>162305</v>
      </c>
      <c r="E9477" s="1" t="s">
        <v>0</v>
      </c>
    </row>
    <row r="9478" spans="1:5" x14ac:dyDescent="0.25">
      <c r="A9478" s="1" t="s">
        <v>1747</v>
      </c>
      <c r="B9478" s="1" t="s">
        <v>50647</v>
      </c>
      <c r="C9478" s="1" t="s">
        <v>26234</v>
      </c>
      <c r="D9478" s="2">
        <v>162306</v>
      </c>
      <c r="E9478" s="1" t="s">
        <v>0</v>
      </c>
    </row>
    <row r="9479" spans="1:5" x14ac:dyDescent="0.25">
      <c r="A9479" s="1" t="s">
        <v>26235</v>
      </c>
      <c r="B9479" s="1" t="s">
        <v>53181</v>
      </c>
      <c r="C9479" s="1" t="s">
        <v>26236</v>
      </c>
      <c r="D9479" s="2">
        <v>162307</v>
      </c>
      <c r="E9479" s="1" t="s">
        <v>0</v>
      </c>
    </row>
    <row r="9480" spans="1:5" ht="409.5" x14ac:dyDescent="0.25">
      <c r="A9480" s="4" t="s">
        <v>26237</v>
      </c>
      <c r="B9480" s="1" t="s">
        <v>53182</v>
      </c>
      <c r="C9480" s="1" t="s">
        <v>26238</v>
      </c>
      <c r="D9480" s="2">
        <v>162308</v>
      </c>
      <c r="E9480" s="1" t="s">
        <v>0</v>
      </c>
    </row>
    <row r="9481" spans="1:5" x14ac:dyDescent="0.25">
      <c r="A9481" s="1" t="s">
        <v>26239</v>
      </c>
      <c r="B9481" s="1" t="s">
        <v>7723</v>
      </c>
      <c r="C9481" s="1" t="s">
        <v>26240</v>
      </c>
      <c r="D9481" s="2">
        <v>162309</v>
      </c>
      <c r="E9481" s="1" t="s">
        <v>0</v>
      </c>
    </row>
    <row r="9482" spans="1:5" x14ac:dyDescent="0.25">
      <c r="A9482" s="2">
        <v>1896</v>
      </c>
      <c r="B9482" s="2">
        <v>1896</v>
      </c>
      <c r="C9482" s="1" t="s">
        <v>0</v>
      </c>
      <c r="D9482" s="2">
        <v>162310</v>
      </c>
      <c r="E9482" s="1" t="s">
        <v>0</v>
      </c>
    </row>
    <row r="9483" spans="1:5" x14ac:dyDescent="0.25">
      <c r="A9483" s="1" t="s">
        <v>1748</v>
      </c>
      <c r="B9483" s="1" t="s">
        <v>7724</v>
      </c>
      <c r="C9483" s="1" t="s">
        <v>26241</v>
      </c>
      <c r="D9483" s="2">
        <v>162311</v>
      </c>
      <c r="E9483" s="1" t="s">
        <v>0</v>
      </c>
    </row>
    <row r="9484" spans="1:5" x14ac:dyDescent="0.25">
      <c r="A9484" s="1" t="s">
        <v>26242</v>
      </c>
      <c r="B9484" s="1" t="s">
        <v>53183</v>
      </c>
      <c r="C9484" s="1" t="s">
        <v>26243</v>
      </c>
      <c r="D9484" s="2">
        <v>162312</v>
      </c>
      <c r="E9484" s="1" t="s">
        <v>0</v>
      </c>
    </row>
    <row r="9485" spans="1:5" ht="409.5" x14ac:dyDescent="0.25">
      <c r="A9485" s="4" t="s">
        <v>26244</v>
      </c>
      <c r="B9485" s="1" t="s">
        <v>53184</v>
      </c>
      <c r="C9485" s="1" t="s">
        <v>26245</v>
      </c>
      <c r="D9485" s="2">
        <v>162313</v>
      </c>
      <c r="E9485" s="1" t="s">
        <v>0</v>
      </c>
    </row>
    <row r="9486" spans="1:5" x14ac:dyDescent="0.25">
      <c r="A9486" s="1" t="s">
        <v>26246</v>
      </c>
      <c r="B9486" s="1" t="s">
        <v>53185</v>
      </c>
      <c r="C9486" s="1" t="s">
        <v>26247</v>
      </c>
      <c r="D9486" s="2">
        <v>162314</v>
      </c>
      <c r="E9486" s="1" t="s">
        <v>0</v>
      </c>
    </row>
    <row r="9487" spans="1:5" x14ac:dyDescent="0.25">
      <c r="A9487" s="2">
        <v>1897</v>
      </c>
      <c r="B9487" s="2">
        <v>1897</v>
      </c>
      <c r="C9487" s="1" t="s">
        <v>0</v>
      </c>
      <c r="D9487" s="2">
        <v>162315</v>
      </c>
      <c r="E9487" s="1" t="s">
        <v>0</v>
      </c>
    </row>
    <row r="9488" spans="1:5" x14ac:dyDescent="0.25">
      <c r="A9488" s="1" t="s">
        <v>1749</v>
      </c>
      <c r="B9488" s="1" t="s">
        <v>7725</v>
      </c>
      <c r="C9488" s="1" t="s">
        <v>26248</v>
      </c>
      <c r="D9488" s="2">
        <v>162316</v>
      </c>
      <c r="E9488" s="1" t="s">
        <v>0</v>
      </c>
    </row>
    <row r="9489" spans="1:5" x14ac:dyDescent="0.25">
      <c r="A9489" s="1" t="s">
        <v>26249</v>
      </c>
      <c r="B9489" s="1" t="s">
        <v>53186</v>
      </c>
      <c r="C9489" s="1" t="s">
        <v>26250</v>
      </c>
      <c r="D9489" s="2">
        <v>162317</v>
      </c>
      <c r="E9489" s="1" t="s">
        <v>0</v>
      </c>
    </row>
    <row r="9490" spans="1:5" ht="409.5" x14ac:dyDescent="0.25">
      <c r="A9490" s="4" t="s">
        <v>26251</v>
      </c>
      <c r="B9490" s="1" t="s">
        <v>57676</v>
      </c>
      <c r="C9490" s="1" t="s">
        <v>26252</v>
      </c>
      <c r="D9490" s="2">
        <v>162318</v>
      </c>
      <c r="E9490" s="1" t="s">
        <v>0</v>
      </c>
    </row>
    <row r="9491" spans="1:5" x14ac:dyDescent="0.25">
      <c r="A9491" s="1" t="s">
        <v>26253</v>
      </c>
      <c r="B9491" s="1" t="s">
        <v>7726</v>
      </c>
      <c r="C9491" s="1" t="s">
        <v>26254</v>
      </c>
      <c r="D9491" s="2">
        <v>162319</v>
      </c>
      <c r="E9491" s="1" t="s">
        <v>0</v>
      </c>
    </row>
    <row r="9492" spans="1:5" x14ac:dyDescent="0.25">
      <c r="A9492" s="2">
        <v>1898</v>
      </c>
      <c r="B9492" s="2">
        <v>1898</v>
      </c>
      <c r="C9492" s="1" t="s">
        <v>0</v>
      </c>
      <c r="D9492" s="2">
        <v>162320</v>
      </c>
      <c r="E9492" s="1" t="s">
        <v>0</v>
      </c>
    </row>
    <row r="9493" spans="1:5" x14ac:dyDescent="0.25">
      <c r="A9493" s="1" t="s">
        <v>1750</v>
      </c>
      <c r="B9493" s="1" t="s">
        <v>53187</v>
      </c>
      <c r="C9493" s="1" t="s">
        <v>26255</v>
      </c>
      <c r="D9493" s="2">
        <v>162321</v>
      </c>
      <c r="E9493" s="1" t="s">
        <v>0</v>
      </c>
    </row>
    <row r="9494" spans="1:5" x14ac:dyDescent="0.25">
      <c r="A9494" s="1" t="s">
        <v>26256</v>
      </c>
      <c r="B9494" s="1" t="s">
        <v>53188</v>
      </c>
      <c r="C9494" s="1" t="s">
        <v>26257</v>
      </c>
      <c r="D9494" s="2">
        <v>162322</v>
      </c>
      <c r="E9494" s="1" t="s">
        <v>0</v>
      </c>
    </row>
    <row r="9495" spans="1:5" ht="409.5" x14ac:dyDescent="0.25">
      <c r="A9495" s="4" t="s">
        <v>26258</v>
      </c>
      <c r="B9495" s="1" t="s">
        <v>53189</v>
      </c>
      <c r="C9495" s="1" t="s">
        <v>26259</v>
      </c>
      <c r="D9495" s="2">
        <v>162323</v>
      </c>
      <c r="E9495" s="1" t="s">
        <v>0</v>
      </c>
    </row>
    <row r="9496" spans="1:5" x14ac:dyDescent="0.25">
      <c r="A9496" s="1" t="s">
        <v>26260</v>
      </c>
      <c r="B9496" s="1" t="s">
        <v>61072</v>
      </c>
      <c r="C9496" s="1" t="s">
        <v>26261</v>
      </c>
      <c r="D9496" s="2">
        <v>162324</v>
      </c>
      <c r="E9496" s="1" t="s">
        <v>0</v>
      </c>
    </row>
    <row r="9497" spans="1:5" x14ac:dyDescent="0.25">
      <c r="A9497" s="2">
        <v>1899</v>
      </c>
      <c r="B9497" s="2">
        <v>1899</v>
      </c>
      <c r="C9497" s="1" t="s">
        <v>0</v>
      </c>
      <c r="D9497" s="2">
        <v>162325</v>
      </c>
      <c r="E9497" s="1" t="s">
        <v>0</v>
      </c>
    </row>
    <row r="9498" spans="1:5" x14ac:dyDescent="0.25">
      <c r="A9498" s="1" t="s">
        <v>1751</v>
      </c>
      <c r="B9498" s="1" t="s">
        <v>7727</v>
      </c>
      <c r="C9498" s="1" t="s">
        <v>26262</v>
      </c>
      <c r="D9498" s="2">
        <v>162326</v>
      </c>
      <c r="E9498" s="1" t="s">
        <v>0</v>
      </c>
    </row>
    <row r="9499" spans="1:5" x14ac:dyDescent="0.25">
      <c r="A9499" s="1" t="s">
        <v>26263</v>
      </c>
      <c r="B9499" s="1" t="s">
        <v>13083</v>
      </c>
      <c r="C9499" s="1" t="s">
        <v>26264</v>
      </c>
      <c r="D9499" s="2">
        <v>162327</v>
      </c>
      <c r="E9499" s="1" t="s">
        <v>0</v>
      </c>
    </row>
    <row r="9500" spans="1:5" ht="409.5" x14ac:dyDescent="0.25">
      <c r="A9500" s="4" t="s">
        <v>26265</v>
      </c>
      <c r="B9500" s="1" t="s">
        <v>53190</v>
      </c>
      <c r="C9500" s="1" t="s">
        <v>26266</v>
      </c>
      <c r="D9500" s="2">
        <v>162328</v>
      </c>
      <c r="E9500" s="1" t="s">
        <v>0</v>
      </c>
    </row>
    <row r="9501" spans="1:5" x14ac:dyDescent="0.25">
      <c r="A9501" s="1" t="s">
        <v>26267</v>
      </c>
      <c r="B9501" s="1" t="s">
        <v>7728</v>
      </c>
      <c r="C9501" s="1" t="s">
        <v>26268</v>
      </c>
      <c r="D9501" s="2">
        <v>162329</v>
      </c>
      <c r="E9501" s="1" t="s">
        <v>0</v>
      </c>
    </row>
    <row r="9502" spans="1:5" x14ac:dyDescent="0.25">
      <c r="A9502" s="2">
        <v>1900</v>
      </c>
      <c r="B9502" s="2">
        <v>1900</v>
      </c>
      <c r="C9502" s="1" t="s">
        <v>0</v>
      </c>
      <c r="D9502" s="2">
        <v>162330</v>
      </c>
      <c r="E9502" s="1" t="s">
        <v>0</v>
      </c>
    </row>
    <row r="9503" spans="1:5" x14ac:dyDescent="0.25">
      <c r="A9503" s="1" t="s">
        <v>1752</v>
      </c>
      <c r="B9503" s="1" t="s">
        <v>53191</v>
      </c>
      <c r="C9503" s="1" t="s">
        <v>26269</v>
      </c>
      <c r="D9503" s="2">
        <v>162331</v>
      </c>
      <c r="E9503" s="1" t="s">
        <v>0</v>
      </c>
    </row>
    <row r="9504" spans="1:5" x14ac:dyDescent="0.25">
      <c r="A9504" s="1" t="s">
        <v>26270</v>
      </c>
      <c r="B9504" s="1" t="s">
        <v>62347</v>
      </c>
      <c r="C9504" s="1" t="s">
        <v>26271</v>
      </c>
      <c r="D9504" s="2">
        <v>162332</v>
      </c>
      <c r="E9504" s="1" t="s">
        <v>0</v>
      </c>
    </row>
    <row r="9505" spans="1:5" ht="409.5" x14ac:dyDescent="0.25">
      <c r="A9505" s="4" t="s">
        <v>26272</v>
      </c>
      <c r="B9505" s="1" t="s">
        <v>62348</v>
      </c>
      <c r="C9505" s="1" t="s">
        <v>26273</v>
      </c>
      <c r="D9505" s="2">
        <v>162333</v>
      </c>
      <c r="E9505" s="1" t="s">
        <v>0</v>
      </c>
    </row>
    <row r="9506" spans="1:5" x14ac:dyDescent="0.25">
      <c r="A9506" s="1" t="s">
        <v>26274</v>
      </c>
      <c r="B9506" s="1" t="s">
        <v>62349</v>
      </c>
      <c r="C9506" s="1" t="s">
        <v>26275</v>
      </c>
      <c r="D9506" s="2">
        <v>162334</v>
      </c>
      <c r="E9506" s="1" t="s">
        <v>0</v>
      </c>
    </row>
    <row r="9507" spans="1:5" x14ac:dyDescent="0.25">
      <c r="A9507" s="2">
        <v>1901</v>
      </c>
      <c r="B9507" s="2">
        <v>1901</v>
      </c>
      <c r="C9507" s="1" t="s">
        <v>0</v>
      </c>
      <c r="D9507" s="2">
        <v>162335</v>
      </c>
      <c r="E9507" s="1" t="s">
        <v>0</v>
      </c>
    </row>
    <row r="9508" spans="1:5" x14ac:dyDescent="0.25">
      <c r="A9508" s="1" t="s">
        <v>1753</v>
      </c>
      <c r="B9508" s="1" t="s">
        <v>7729</v>
      </c>
      <c r="C9508" s="1" t="s">
        <v>26276</v>
      </c>
      <c r="D9508" s="2">
        <v>162336</v>
      </c>
      <c r="E9508" s="1" t="s">
        <v>0</v>
      </c>
    </row>
    <row r="9509" spans="1:5" x14ac:dyDescent="0.25">
      <c r="A9509" s="1" t="s">
        <v>26277</v>
      </c>
      <c r="B9509" s="1" t="s">
        <v>58733</v>
      </c>
      <c r="C9509" s="1" t="s">
        <v>26278</v>
      </c>
      <c r="D9509" s="2">
        <v>162337</v>
      </c>
      <c r="E9509" s="1" t="s">
        <v>0</v>
      </c>
    </row>
    <row r="9510" spans="1:5" ht="409.5" x14ac:dyDescent="0.25">
      <c r="A9510" s="4" t="s">
        <v>26279</v>
      </c>
      <c r="B9510" s="1" t="s">
        <v>58734</v>
      </c>
      <c r="C9510" s="1" t="s">
        <v>26280</v>
      </c>
      <c r="D9510" s="2">
        <v>162338</v>
      </c>
      <c r="E9510" s="1" t="s">
        <v>0</v>
      </c>
    </row>
    <row r="9511" spans="1:5" x14ac:dyDescent="0.25">
      <c r="A9511" s="1" t="s">
        <v>26281</v>
      </c>
      <c r="B9511" s="1" t="s">
        <v>7730</v>
      </c>
      <c r="C9511" s="1" t="s">
        <v>26282</v>
      </c>
      <c r="D9511" s="2">
        <v>162339</v>
      </c>
      <c r="E9511" s="1" t="s">
        <v>0</v>
      </c>
    </row>
    <row r="9512" spans="1:5" x14ac:dyDescent="0.25">
      <c r="A9512" s="2">
        <v>1902</v>
      </c>
      <c r="B9512" s="2">
        <v>1902</v>
      </c>
      <c r="C9512" s="1" t="s">
        <v>0</v>
      </c>
      <c r="D9512" s="2">
        <v>162340</v>
      </c>
      <c r="E9512" s="1" t="s">
        <v>0</v>
      </c>
    </row>
    <row r="9513" spans="1:5" x14ac:dyDescent="0.25">
      <c r="A9513" s="1" t="s">
        <v>1754</v>
      </c>
      <c r="B9513" s="1" t="s">
        <v>7731</v>
      </c>
      <c r="C9513" s="1" t="s">
        <v>26283</v>
      </c>
      <c r="D9513" s="2">
        <v>162341</v>
      </c>
      <c r="E9513" s="1" t="s">
        <v>0</v>
      </c>
    </row>
    <row r="9514" spans="1:5" x14ac:dyDescent="0.25">
      <c r="A9514" s="1" t="s">
        <v>26284</v>
      </c>
      <c r="B9514" s="1" t="s">
        <v>58324</v>
      </c>
      <c r="C9514" s="1" t="s">
        <v>26285</v>
      </c>
      <c r="D9514" s="2">
        <v>162342</v>
      </c>
      <c r="E9514" s="1" t="s">
        <v>0</v>
      </c>
    </row>
    <row r="9515" spans="1:5" ht="409.5" x14ac:dyDescent="0.25">
      <c r="A9515" s="4" t="s">
        <v>26286</v>
      </c>
      <c r="B9515" s="1" t="s">
        <v>58325</v>
      </c>
      <c r="C9515" s="1" t="s">
        <v>26287</v>
      </c>
      <c r="D9515" s="2">
        <v>162343</v>
      </c>
      <c r="E9515" s="1" t="s">
        <v>0</v>
      </c>
    </row>
    <row r="9516" spans="1:5" x14ac:dyDescent="0.25">
      <c r="A9516" s="1" t="s">
        <v>26288</v>
      </c>
      <c r="B9516" s="1" t="s">
        <v>7732</v>
      </c>
      <c r="C9516" s="1" t="s">
        <v>26289</v>
      </c>
      <c r="D9516" s="2">
        <v>162344</v>
      </c>
      <c r="E9516" s="1" t="s">
        <v>0</v>
      </c>
    </row>
    <row r="9517" spans="1:5" x14ac:dyDescent="0.25">
      <c r="A9517" s="2">
        <v>1903</v>
      </c>
      <c r="B9517" s="2">
        <v>1903</v>
      </c>
      <c r="C9517" s="1" t="s">
        <v>0</v>
      </c>
      <c r="D9517" s="2">
        <v>162345</v>
      </c>
      <c r="E9517" s="1" t="s">
        <v>0</v>
      </c>
    </row>
    <row r="9518" spans="1:5" x14ac:dyDescent="0.25">
      <c r="A9518" s="1" t="s">
        <v>1755</v>
      </c>
      <c r="B9518" s="1" t="s">
        <v>7733</v>
      </c>
      <c r="C9518" s="1" t="s">
        <v>26290</v>
      </c>
      <c r="D9518" s="2">
        <v>162346</v>
      </c>
      <c r="E9518" s="1" t="s">
        <v>0</v>
      </c>
    </row>
    <row r="9519" spans="1:5" x14ac:dyDescent="0.25">
      <c r="A9519" s="1" t="s">
        <v>26291</v>
      </c>
      <c r="B9519" s="1" t="s">
        <v>53192</v>
      </c>
      <c r="C9519" s="1" t="s">
        <v>26292</v>
      </c>
      <c r="D9519" s="2">
        <v>162347</v>
      </c>
      <c r="E9519" s="1" t="s">
        <v>0</v>
      </c>
    </row>
    <row r="9520" spans="1:5" ht="409.5" x14ac:dyDescent="0.25">
      <c r="A9520" s="4" t="s">
        <v>26293</v>
      </c>
      <c r="B9520" s="1" t="s">
        <v>61631</v>
      </c>
      <c r="C9520" s="1" t="s">
        <v>26294</v>
      </c>
      <c r="D9520" s="2">
        <v>162348</v>
      </c>
      <c r="E9520" s="1" t="s">
        <v>0</v>
      </c>
    </row>
    <row r="9521" spans="1:5" x14ac:dyDescent="0.25">
      <c r="A9521" s="1" t="s">
        <v>26295</v>
      </c>
      <c r="B9521" s="1" t="s">
        <v>53193</v>
      </c>
      <c r="C9521" s="1" t="s">
        <v>26296</v>
      </c>
      <c r="D9521" s="2">
        <v>162349</v>
      </c>
      <c r="E9521" s="1" t="s">
        <v>0</v>
      </c>
    </row>
    <row r="9522" spans="1:5" x14ac:dyDescent="0.25">
      <c r="A9522" s="2">
        <v>1904</v>
      </c>
      <c r="B9522" s="2">
        <v>1904</v>
      </c>
      <c r="C9522" s="1" t="s">
        <v>0</v>
      </c>
      <c r="D9522" s="2">
        <v>162350</v>
      </c>
      <c r="E9522" s="1" t="s">
        <v>0</v>
      </c>
    </row>
    <row r="9523" spans="1:5" x14ac:dyDescent="0.25">
      <c r="A9523" s="1" t="s">
        <v>7734</v>
      </c>
      <c r="B9523" s="1" t="s">
        <v>57814</v>
      </c>
      <c r="C9523" s="1" t="s">
        <v>26297</v>
      </c>
      <c r="D9523" s="2">
        <v>162351</v>
      </c>
      <c r="E9523" s="1" t="s">
        <v>0</v>
      </c>
    </row>
    <row r="9524" spans="1:5" x14ac:dyDescent="0.25">
      <c r="A9524" s="1" t="s">
        <v>26298</v>
      </c>
      <c r="B9524" s="1" t="s">
        <v>57815</v>
      </c>
      <c r="C9524" s="1" t="s">
        <v>26299</v>
      </c>
      <c r="D9524" s="2">
        <v>162352</v>
      </c>
      <c r="E9524" s="1" t="s">
        <v>0</v>
      </c>
    </row>
    <row r="9525" spans="1:5" ht="409.5" x14ac:dyDescent="0.25">
      <c r="A9525" s="4" t="s">
        <v>26300</v>
      </c>
      <c r="B9525" s="1" t="s">
        <v>58070</v>
      </c>
      <c r="C9525" s="1" t="s">
        <v>26301</v>
      </c>
      <c r="D9525" s="2">
        <v>162353</v>
      </c>
      <c r="E9525" s="1" t="s">
        <v>0</v>
      </c>
    </row>
    <row r="9526" spans="1:5" x14ac:dyDescent="0.25">
      <c r="A9526" s="1" t="s">
        <v>26302</v>
      </c>
      <c r="B9526" s="1" t="s">
        <v>7735</v>
      </c>
      <c r="C9526" s="1" t="s">
        <v>26303</v>
      </c>
      <c r="D9526" s="2">
        <v>162354</v>
      </c>
      <c r="E9526" s="1" t="s">
        <v>0</v>
      </c>
    </row>
    <row r="9527" spans="1:5" x14ac:dyDescent="0.25">
      <c r="A9527" s="2">
        <v>1905</v>
      </c>
      <c r="B9527" s="2">
        <v>1905</v>
      </c>
      <c r="C9527" s="1" t="s">
        <v>0</v>
      </c>
      <c r="D9527" s="2">
        <v>162355</v>
      </c>
      <c r="E9527" s="1" t="s">
        <v>0</v>
      </c>
    </row>
    <row r="9528" spans="1:5" x14ac:dyDescent="0.25">
      <c r="A9528" s="1" t="s">
        <v>1756</v>
      </c>
      <c r="B9528" s="1" t="s">
        <v>7736</v>
      </c>
      <c r="C9528" s="1" t="s">
        <v>26304</v>
      </c>
      <c r="D9528" s="2">
        <v>162356</v>
      </c>
      <c r="E9528" s="1" t="s">
        <v>0</v>
      </c>
    </row>
    <row r="9529" spans="1:5" x14ac:dyDescent="0.25">
      <c r="A9529" s="1" t="s">
        <v>26305</v>
      </c>
      <c r="B9529" s="1" t="s">
        <v>7737</v>
      </c>
      <c r="C9529" s="1" t="s">
        <v>26306</v>
      </c>
      <c r="D9529" s="2">
        <v>162357</v>
      </c>
      <c r="E9529" s="1" t="s">
        <v>0</v>
      </c>
    </row>
    <row r="9530" spans="1:5" ht="409.5" x14ac:dyDescent="0.25">
      <c r="A9530" s="4" t="s">
        <v>26307</v>
      </c>
      <c r="B9530" s="1" t="s">
        <v>63306</v>
      </c>
      <c r="C9530" s="1" t="s">
        <v>26308</v>
      </c>
      <c r="D9530" s="2">
        <v>162358</v>
      </c>
      <c r="E9530" s="1" t="s">
        <v>0</v>
      </c>
    </row>
    <row r="9531" spans="1:5" x14ac:dyDescent="0.25">
      <c r="A9531" s="1" t="s">
        <v>26309</v>
      </c>
      <c r="B9531" s="1" t="s">
        <v>7738</v>
      </c>
      <c r="C9531" s="1" t="s">
        <v>26310</v>
      </c>
      <c r="D9531" s="2">
        <v>162359</v>
      </c>
      <c r="E9531" s="1" t="s">
        <v>0</v>
      </c>
    </row>
    <row r="9532" spans="1:5" x14ac:dyDescent="0.25">
      <c r="A9532" s="2">
        <v>1906</v>
      </c>
      <c r="B9532" s="2">
        <v>1906</v>
      </c>
      <c r="C9532" s="1" t="s">
        <v>0</v>
      </c>
      <c r="D9532" s="2">
        <v>162360</v>
      </c>
      <c r="E9532" s="1" t="s">
        <v>0</v>
      </c>
    </row>
    <row r="9533" spans="1:5" x14ac:dyDescent="0.25">
      <c r="A9533" s="1" t="s">
        <v>1757</v>
      </c>
      <c r="B9533" s="1" t="s">
        <v>7739</v>
      </c>
      <c r="C9533" s="1" t="s">
        <v>26311</v>
      </c>
      <c r="D9533" s="2">
        <v>162361</v>
      </c>
      <c r="E9533" s="1" t="s">
        <v>0</v>
      </c>
    </row>
    <row r="9534" spans="1:5" x14ac:dyDescent="0.25">
      <c r="A9534" s="1" t="s">
        <v>26312</v>
      </c>
      <c r="B9534" s="1" t="s">
        <v>7740</v>
      </c>
      <c r="C9534" s="1" t="s">
        <v>26313</v>
      </c>
      <c r="D9534" s="2">
        <v>162362</v>
      </c>
      <c r="E9534" s="1" t="s">
        <v>0</v>
      </c>
    </row>
    <row r="9535" spans="1:5" ht="409.5" x14ac:dyDescent="0.25">
      <c r="A9535" s="4" t="s">
        <v>26314</v>
      </c>
      <c r="B9535" s="1" t="s">
        <v>53194</v>
      </c>
      <c r="C9535" s="1" t="s">
        <v>26315</v>
      </c>
      <c r="D9535" s="2">
        <v>162363</v>
      </c>
      <c r="E9535" s="1" t="s">
        <v>0</v>
      </c>
    </row>
    <row r="9536" spans="1:5" x14ac:dyDescent="0.25">
      <c r="A9536" s="1" t="s">
        <v>26316</v>
      </c>
      <c r="B9536" s="1" t="s">
        <v>53195</v>
      </c>
      <c r="C9536" s="1" t="s">
        <v>26317</v>
      </c>
      <c r="D9536" s="2">
        <v>162364</v>
      </c>
      <c r="E9536" s="1" t="s">
        <v>0</v>
      </c>
    </row>
    <row r="9537" spans="1:5" x14ac:dyDescent="0.25">
      <c r="A9537" s="2">
        <v>1907</v>
      </c>
      <c r="B9537" s="2">
        <v>1907</v>
      </c>
      <c r="C9537" s="1" t="s">
        <v>0</v>
      </c>
      <c r="D9537" s="2">
        <v>162365</v>
      </c>
      <c r="E9537" s="1" t="s">
        <v>0</v>
      </c>
    </row>
    <row r="9538" spans="1:5" x14ac:dyDescent="0.25">
      <c r="A9538" s="1" t="s">
        <v>64123</v>
      </c>
      <c r="B9538" s="1" t="s">
        <v>7741</v>
      </c>
      <c r="C9538" s="1" t="s">
        <v>26318</v>
      </c>
      <c r="D9538" s="2">
        <v>162366</v>
      </c>
      <c r="E9538" s="1" t="s">
        <v>0</v>
      </c>
    </row>
    <row r="9539" spans="1:5" x14ac:dyDescent="0.25">
      <c r="A9539" s="1" t="s">
        <v>26319</v>
      </c>
      <c r="B9539" s="1" t="s">
        <v>58071</v>
      </c>
      <c r="C9539" s="1" t="s">
        <v>26320</v>
      </c>
      <c r="D9539" s="2">
        <v>162367</v>
      </c>
      <c r="E9539" s="1" t="s">
        <v>0</v>
      </c>
    </row>
    <row r="9540" spans="1:5" ht="409.5" x14ac:dyDescent="0.25">
      <c r="A9540" s="4" t="s">
        <v>26321</v>
      </c>
      <c r="B9540" s="1" t="s">
        <v>58735</v>
      </c>
      <c r="C9540" s="1" t="s">
        <v>26322</v>
      </c>
      <c r="D9540" s="2">
        <v>162368</v>
      </c>
      <c r="E9540" s="1" t="s">
        <v>0</v>
      </c>
    </row>
    <row r="9541" spans="1:5" x14ac:dyDescent="0.25">
      <c r="A9541" s="1" t="s">
        <v>26323</v>
      </c>
      <c r="B9541" s="1" t="s">
        <v>53196</v>
      </c>
      <c r="C9541" s="1" t="s">
        <v>26324</v>
      </c>
      <c r="D9541" s="2">
        <v>162369</v>
      </c>
      <c r="E9541" s="1" t="s">
        <v>0</v>
      </c>
    </row>
    <row r="9542" spans="1:5" x14ac:dyDescent="0.25">
      <c r="A9542" s="2">
        <v>1908</v>
      </c>
      <c r="B9542" s="2">
        <v>1908</v>
      </c>
      <c r="C9542" s="1" t="s">
        <v>0</v>
      </c>
      <c r="D9542" s="2">
        <v>162370</v>
      </c>
      <c r="E9542" s="1" t="s">
        <v>0</v>
      </c>
    </row>
    <row r="9543" spans="1:5" x14ac:dyDescent="0.25">
      <c r="A9543" s="1" t="s">
        <v>1758</v>
      </c>
      <c r="B9543" s="1" t="s">
        <v>7742</v>
      </c>
      <c r="C9543" s="1" t="s">
        <v>26325</v>
      </c>
      <c r="D9543" s="2">
        <v>162371</v>
      </c>
      <c r="E9543" s="1" t="s">
        <v>0</v>
      </c>
    </row>
    <row r="9544" spans="1:5" x14ac:dyDescent="0.25">
      <c r="A9544" s="1" t="s">
        <v>26326</v>
      </c>
      <c r="B9544" s="1" t="s">
        <v>7743</v>
      </c>
      <c r="C9544" s="1" t="s">
        <v>61790</v>
      </c>
      <c r="D9544" s="2">
        <v>162372</v>
      </c>
      <c r="E9544" s="1" t="s">
        <v>0</v>
      </c>
    </row>
    <row r="9545" spans="1:5" ht="409.5" x14ac:dyDescent="0.25">
      <c r="A9545" s="4" t="s">
        <v>26327</v>
      </c>
      <c r="B9545" s="1" t="s">
        <v>62350</v>
      </c>
      <c r="C9545" s="1" t="s">
        <v>26328</v>
      </c>
      <c r="D9545" s="2">
        <v>162373</v>
      </c>
      <c r="E9545" s="1" t="s">
        <v>0</v>
      </c>
    </row>
    <row r="9546" spans="1:5" x14ac:dyDescent="0.25">
      <c r="A9546" s="1" t="s">
        <v>26329</v>
      </c>
      <c r="B9546" s="1" t="s">
        <v>58326</v>
      </c>
      <c r="C9546" s="1" t="s">
        <v>26330</v>
      </c>
      <c r="D9546" s="2">
        <v>162374</v>
      </c>
      <c r="E9546" s="1" t="s">
        <v>0</v>
      </c>
    </row>
    <row r="9547" spans="1:5" x14ac:dyDescent="0.25">
      <c r="A9547" s="2">
        <v>1909</v>
      </c>
      <c r="B9547" s="2">
        <v>1909</v>
      </c>
      <c r="C9547" s="1" t="s">
        <v>0</v>
      </c>
      <c r="D9547" s="2">
        <v>162375</v>
      </c>
      <c r="E9547" s="1" t="s">
        <v>0</v>
      </c>
    </row>
    <row r="9548" spans="1:5" x14ac:dyDescent="0.25">
      <c r="A9548" s="1" t="s">
        <v>1759</v>
      </c>
      <c r="B9548" s="1" t="s">
        <v>7744</v>
      </c>
      <c r="C9548" s="1" t="s">
        <v>26331</v>
      </c>
      <c r="D9548" s="2">
        <v>162376</v>
      </c>
      <c r="E9548" s="1" t="s">
        <v>0</v>
      </c>
    </row>
    <row r="9549" spans="1:5" x14ac:dyDescent="0.25">
      <c r="A9549" s="1" t="s">
        <v>26332</v>
      </c>
      <c r="B9549" s="1" t="s">
        <v>62351</v>
      </c>
      <c r="C9549" s="1" t="s">
        <v>26333</v>
      </c>
      <c r="D9549" s="2">
        <v>162377</v>
      </c>
      <c r="E9549" s="1" t="s">
        <v>0</v>
      </c>
    </row>
    <row r="9550" spans="1:5" ht="409.5" x14ac:dyDescent="0.25">
      <c r="A9550" s="4" t="s">
        <v>26334</v>
      </c>
      <c r="B9550" s="1" t="s">
        <v>62352</v>
      </c>
      <c r="C9550" s="1" t="s">
        <v>26335</v>
      </c>
      <c r="D9550" s="2">
        <v>162378</v>
      </c>
      <c r="E9550" s="1" t="s">
        <v>0</v>
      </c>
    </row>
    <row r="9551" spans="1:5" x14ac:dyDescent="0.25">
      <c r="A9551" s="1" t="s">
        <v>26336</v>
      </c>
      <c r="B9551" s="1" t="s">
        <v>58327</v>
      </c>
      <c r="C9551" s="1" t="s">
        <v>26337</v>
      </c>
      <c r="D9551" s="2">
        <v>162379</v>
      </c>
      <c r="E9551" s="1" t="s">
        <v>0</v>
      </c>
    </row>
    <row r="9552" spans="1:5" x14ac:dyDescent="0.25">
      <c r="A9552" s="2">
        <v>1910</v>
      </c>
      <c r="B9552" s="2">
        <v>1910</v>
      </c>
      <c r="C9552" s="1" t="s">
        <v>0</v>
      </c>
      <c r="D9552" s="2">
        <v>162380</v>
      </c>
      <c r="E9552" s="1" t="s">
        <v>0</v>
      </c>
    </row>
    <row r="9553" spans="1:5" x14ac:dyDescent="0.25">
      <c r="A9553" s="1" t="s">
        <v>1760</v>
      </c>
      <c r="B9553" s="1" t="s">
        <v>7745</v>
      </c>
      <c r="C9553" s="1" t="s">
        <v>26338</v>
      </c>
      <c r="D9553" s="2">
        <v>162381</v>
      </c>
      <c r="E9553" s="1" t="s">
        <v>0</v>
      </c>
    </row>
    <row r="9554" spans="1:5" x14ac:dyDescent="0.25">
      <c r="A9554" s="1" t="s">
        <v>26339</v>
      </c>
      <c r="B9554" s="1" t="s">
        <v>53197</v>
      </c>
      <c r="C9554" s="1" t="s">
        <v>26340</v>
      </c>
      <c r="D9554" s="2">
        <v>162382</v>
      </c>
      <c r="E9554" s="1" t="s">
        <v>0</v>
      </c>
    </row>
    <row r="9555" spans="1:5" ht="409.5" x14ac:dyDescent="0.25">
      <c r="A9555" s="4" t="s">
        <v>26341</v>
      </c>
      <c r="B9555" s="1" t="s">
        <v>53198</v>
      </c>
      <c r="C9555" s="1" t="s">
        <v>26342</v>
      </c>
      <c r="D9555" s="2">
        <v>162383</v>
      </c>
      <c r="E9555" s="1" t="s">
        <v>0</v>
      </c>
    </row>
    <row r="9556" spans="1:5" x14ac:dyDescent="0.25">
      <c r="A9556" s="1" t="s">
        <v>26343</v>
      </c>
      <c r="B9556" s="1" t="s">
        <v>53199</v>
      </c>
      <c r="C9556" s="1" t="s">
        <v>26344</v>
      </c>
      <c r="D9556" s="2">
        <v>162384</v>
      </c>
      <c r="E9556" s="1" t="s">
        <v>0</v>
      </c>
    </row>
    <row r="9557" spans="1:5" x14ac:dyDescent="0.25">
      <c r="A9557" s="2">
        <v>1911</v>
      </c>
      <c r="B9557" s="2">
        <v>1911</v>
      </c>
      <c r="C9557" s="1" t="s">
        <v>0</v>
      </c>
      <c r="D9557" s="2">
        <v>162385</v>
      </c>
      <c r="E9557" s="1" t="s">
        <v>0</v>
      </c>
    </row>
    <row r="9558" spans="1:5" x14ac:dyDescent="0.25">
      <c r="A9558" s="1" t="s">
        <v>1761</v>
      </c>
      <c r="B9558" s="1" t="s">
        <v>7746</v>
      </c>
      <c r="C9558" s="1" t="s">
        <v>26345</v>
      </c>
      <c r="D9558" s="2">
        <v>162386</v>
      </c>
      <c r="E9558" s="1" t="s">
        <v>0</v>
      </c>
    </row>
    <row r="9559" spans="1:5" x14ac:dyDescent="0.25">
      <c r="A9559" s="1" t="s">
        <v>26346</v>
      </c>
      <c r="B9559" s="1" t="s">
        <v>58328</v>
      </c>
      <c r="C9559" s="1" t="s">
        <v>26347</v>
      </c>
      <c r="D9559" s="2">
        <v>162387</v>
      </c>
      <c r="E9559" s="1" t="s">
        <v>0</v>
      </c>
    </row>
    <row r="9560" spans="1:5" ht="409.5" x14ac:dyDescent="0.25">
      <c r="A9560" s="4" t="s">
        <v>26348</v>
      </c>
      <c r="B9560" s="1" t="s">
        <v>63307</v>
      </c>
      <c r="C9560" s="1" t="s">
        <v>26349</v>
      </c>
      <c r="D9560" s="2">
        <v>162388</v>
      </c>
      <c r="E9560" s="1" t="s">
        <v>0</v>
      </c>
    </row>
    <row r="9561" spans="1:5" x14ac:dyDescent="0.25">
      <c r="A9561" s="1" t="s">
        <v>26350</v>
      </c>
      <c r="B9561" s="1" t="s">
        <v>53200</v>
      </c>
      <c r="C9561" s="1" t="s">
        <v>26351</v>
      </c>
      <c r="D9561" s="2">
        <v>162389</v>
      </c>
      <c r="E9561" s="1" t="s">
        <v>0</v>
      </c>
    </row>
    <row r="9562" spans="1:5" x14ac:dyDescent="0.25">
      <c r="A9562" s="2">
        <v>1912</v>
      </c>
      <c r="B9562" s="2">
        <v>1912</v>
      </c>
      <c r="C9562" s="1" t="s">
        <v>0</v>
      </c>
      <c r="D9562" s="2">
        <v>162390</v>
      </c>
      <c r="E9562" s="1" t="s">
        <v>0</v>
      </c>
    </row>
    <row r="9563" spans="1:5" x14ac:dyDescent="0.25">
      <c r="A9563" s="1" t="s">
        <v>1762</v>
      </c>
      <c r="B9563" s="1" t="s">
        <v>50648</v>
      </c>
      <c r="C9563" s="1" t="s">
        <v>26352</v>
      </c>
      <c r="D9563" s="2">
        <v>162391</v>
      </c>
      <c r="E9563" s="1" t="s">
        <v>0</v>
      </c>
    </row>
    <row r="9564" spans="1:5" x14ac:dyDescent="0.25">
      <c r="A9564" s="1" t="s">
        <v>26353</v>
      </c>
      <c r="B9564" s="1" t="s">
        <v>61487</v>
      </c>
      <c r="C9564" s="1" t="s">
        <v>26354</v>
      </c>
      <c r="D9564" s="2">
        <v>162392</v>
      </c>
      <c r="E9564" s="1" t="s">
        <v>0</v>
      </c>
    </row>
    <row r="9565" spans="1:5" ht="409.5" x14ac:dyDescent="0.25">
      <c r="A9565" s="4" t="s">
        <v>64124</v>
      </c>
      <c r="B9565" s="1" t="s">
        <v>61488</v>
      </c>
      <c r="C9565" s="1" t="s">
        <v>26355</v>
      </c>
      <c r="D9565" s="2">
        <v>162393</v>
      </c>
      <c r="E9565" s="1" t="s">
        <v>0</v>
      </c>
    </row>
    <row r="9566" spans="1:5" x14ac:dyDescent="0.25">
      <c r="A9566" s="1" t="s">
        <v>26356</v>
      </c>
      <c r="B9566" s="1" t="s">
        <v>57196</v>
      </c>
      <c r="C9566" s="1" t="s">
        <v>26357</v>
      </c>
      <c r="D9566" s="2">
        <v>162394</v>
      </c>
      <c r="E9566" s="1" t="s">
        <v>0</v>
      </c>
    </row>
    <row r="9567" spans="1:5" x14ac:dyDescent="0.25">
      <c r="A9567" s="2">
        <v>1913</v>
      </c>
      <c r="B9567" s="2">
        <v>1913</v>
      </c>
      <c r="C9567" s="1" t="s">
        <v>0</v>
      </c>
      <c r="D9567" s="2">
        <v>162395</v>
      </c>
      <c r="E9567" s="1" t="s">
        <v>0</v>
      </c>
    </row>
    <row r="9568" spans="1:5" x14ac:dyDescent="0.25">
      <c r="A9568" s="1" t="s">
        <v>26358</v>
      </c>
      <c r="B9568" s="1" t="s">
        <v>53201</v>
      </c>
      <c r="C9568" s="1" t="s">
        <v>26359</v>
      </c>
      <c r="D9568" s="2">
        <v>162396</v>
      </c>
      <c r="E9568" s="1" t="s">
        <v>0</v>
      </c>
    </row>
    <row r="9569" spans="1:5" x14ac:dyDescent="0.25">
      <c r="A9569" s="1" t="s">
        <v>26360</v>
      </c>
      <c r="B9569" s="1" t="s">
        <v>53202</v>
      </c>
      <c r="C9569" s="1" t="s">
        <v>26361</v>
      </c>
      <c r="D9569" s="2">
        <v>162397</v>
      </c>
      <c r="E9569" s="1" t="s">
        <v>0</v>
      </c>
    </row>
    <row r="9570" spans="1:5" ht="409.5" x14ac:dyDescent="0.25">
      <c r="A9570" s="4" t="s">
        <v>26362</v>
      </c>
      <c r="B9570" s="1" t="s">
        <v>63308</v>
      </c>
      <c r="C9570" s="1" t="s">
        <v>26363</v>
      </c>
      <c r="D9570" s="2">
        <v>162398</v>
      </c>
      <c r="E9570" s="1" t="s">
        <v>0</v>
      </c>
    </row>
    <row r="9571" spans="1:5" x14ac:dyDescent="0.25">
      <c r="A9571" s="1" t="s">
        <v>26364</v>
      </c>
      <c r="B9571" s="1" t="s">
        <v>7747</v>
      </c>
      <c r="C9571" s="1" t="s">
        <v>26365</v>
      </c>
      <c r="D9571" s="2">
        <v>162399</v>
      </c>
      <c r="E9571" s="1" t="s">
        <v>0</v>
      </c>
    </row>
    <row r="9572" spans="1:5" x14ac:dyDescent="0.25">
      <c r="A9572" s="2">
        <v>1914</v>
      </c>
      <c r="B9572" s="2">
        <v>1914</v>
      </c>
      <c r="C9572" s="1" t="s">
        <v>0</v>
      </c>
      <c r="D9572" s="2">
        <v>162400</v>
      </c>
      <c r="E9572" s="1" t="s">
        <v>0</v>
      </c>
    </row>
    <row r="9573" spans="1:5" x14ac:dyDescent="0.25">
      <c r="A9573" s="1" t="s">
        <v>1763</v>
      </c>
      <c r="B9573" s="1" t="s">
        <v>59933</v>
      </c>
      <c r="C9573" s="1" t="s">
        <v>26366</v>
      </c>
      <c r="D9573" s="2">
        <v>162401</v>
      </c>
      <c r="E9573" s="1" t="s">
        <v>0</v>
      </c>
    </row>
    <row r="9574" spans="1:5" x14ac:dyDescent="0.25">
      <c r="A9574" s="1" t="s">
        <v>26367</v>
      </c>
      <c r="B9574" s="1" t="s">
        <v>7748</v>
      </c>
      <c r="C9574" s="1" t="s">
        <v>26368</v>
      </c>
      <c r="D9574" s="2">
        <v>162402</v>
      </c>
      <c r="E9574" s="1" t="s">
        <v>0</v>
      </c>
    </row>
    <row r="9575" spans="1:5" ht="409.5" x14ac:dyDescent="0.25">
      <c r="A9575" s="4" t="s">
        <v>26369</v>
      </c>
      <c r="B9575" s="1" t="s">
        <v>59934</v>
      </c>
      <c r="C9575" s="1" t="s">
        <v>26370</v>
      </c>
      <c r="D9575" s="2">
        <v>162403</v>
      </c>
      <c r="E9575" s="1" t="s">
        <v>0</v>
      </c>
    </row>
    <row r="9576" spans="1:5" x14ac:dyDescent="0.25">
      <c r="A9576" s="1" t="s">
        <v>26371</v>
      </c>
      <c r="B9576" s="1" t="s">
        <v>59935</v>
      </c>
      <c r="C9576" s="1" t="s">
        <v>26372</v>
      </c>
      <c r="D9576" s="2">
        <v>162404</v>
      </c>
      <c r="E9576" s="1" t="s">
        <v>0</v>
      </c>
    </row>
    <row r="9577" spans="1:5" x14ac:dyDescent="0.25">
      <c r="A9577" s="2">
        <v>1915</v>
      </c>
      <c r="B9577" s="2">
        <v>1915</v>
      </c>
      <c r="C9577" s="1" t="s">
        <v>0</v>
      </c>
      <c r="D9577" s="2">
        <v>162405</v>
      </c>
      <c r="E9577" s="1" t="s">
        <v>0</v>
      </c>
    </row>
    <row r="9578" spans="1:5" x14ac:dyDescent="0.25">
      <c r="A9578" s="1" t="s">
        <v>1764</v>
      </c>
      <c r="B9578" s="1" t="s">
        <v>58736</v>
      </c>
      <c r="C9578" s="1" t="s">
        <v>26373</v>
      </c>
      <c r="D9578" s="2">
        <v>162406</v>
      </c>
      <c r="E9578" s="1" t="s">
        <v>0</v>
      </c>
    </row>
    <row r="9579" spans="1:5" x14ac:dyDescent="0.25">
      <c r="A9579" s="1" t="s">
        <v>26374</v>
      </c>
      <c r="B9579" s="1" t="s">
        <v>62353</v>
      </c>
      <c r="C9579" s="1" t="s">
        <v>26375</v>
      </c>
      <c r="D9579" s="2">
        <v>162407</v>
      </c>
      <c r="E9579" s="1" t="s">
        <v>0</v>
      </c>
    </row>
    <row r="9580" spans="1:5" ht="409.5" x14ac:dyDescent="0.25">
      <c r="A9580" s="4" t="s">
        <v>26376</v>
      </c>
      <c r="B9580" s="1" t="s">
        <v>62354</v>
      </c>
      <c r="C9580" s="1" t="s">
        <v>26377</v>
      </c>
      <c r="D9580" s="2">
        <v>162408</v>
      </c>
      <c r="E9580" s="1" t="s">
        <v>0</v>
      </c>
    </row>
    <row r="9581" spans="1:5" x14ac:dyDescent="0.25">
      <c r="A9581" s="1" t="s">
        <v>26378</v>
      </c>
      <c r="B9581" s="1" t="s">
        <v>58737</v>
      </c>
      <c r="C9581" s="1" t="s">
        <v>26379</v>
      </c>
      <c r="D9581" s="2">
        <v>162409</v>
      </c>
      <c r="E9581" s="1" t="s">
        <v>0</v>
      </c>
    </row>
    <row r="9582" spans="1:5" x14ac:dyDescent="0.25">
      <c r="A9582" s="2">
        <v>1916</v>
      </c>
      <c r="B9582" s="2">
        <v>1916</v>
      </c>
      <c r="C9582" s="1" t="s">
        <v>0</v>
      </c>
      <c r="D9582" s="2">
        <v>162410</v>
      </c>
      <c r="E9582" s="1" t="s">
        <v>0</v>
      </c>
    </row>
    <row r="9583" spans="1:5" x14ac:dyDescent="0.25">
      <c r="A9583" s="1" t="s">
        <v>13084</v>
      </c>
      <c r="B9583" s="1" t="s">
        <v>13085</v>
      </c>
      <c r="C9583" s="1" t="s">
        <v>26380</v>
      </c>
      <c r="D9583" s="2">
        <v>162411</v>
      </c>
      <c r="E9583" s="1" t="s">
        <v>0</v>
      </c>
    </row>
    <row r="9584" spans="1:5" x14ac:dyDescent="0.25">
      <c r="A9584" s="1" t="s">
        <v>26381</v>
      </c>
      <c r="B9584" s="1" t="s">
        <v>53203</v>
      </c>
      <c r="C9584" s="1" t="s">
        <v>26382</v>
      </c>
      <c r="D9584" s="2">
        <v>162412</v>
      </c>
      <c r="E9584" s="1" t="s">
        <v>0</v>
      </c>
    </row>
    <row r="9585" spans="1:5" ht="409.5" x14ac:dyDescent="0.25">
      <c r="A9585" s="4" t="s">
        <v>26383</v>
      </c>
      <c r="B9585" s="1" t="s">
        <v>53204</v>
      </c>
      <c r="C9585" s="1" t="s">
        <v>26384</v>
      </c>
      <c r="D9585" s="2">
        <v>162413</v>
      </c>
      <c r="E9585" s="1" t="s">
        <v>0</v>
      </c>
    </row>
    <row r="9586" spans="1:5" x14ac:dyDescent="0.25">
      <c r="A9586" s="1" t="s">
        <v>26385</v>
      </c>
      <c r="B9586" s="1" t="s">
        <v>50649</v>
      </c>
      <c r="C9586" s="1" t="s">
        <v>26386</v>
      </c>
      <c r="D9586" s="2">
        <v>162414</v>
      </c>
      <c r="E9586" s="1" t="s">
        <v>0</v>
      </c>
    </row>
    <row r="9587" spans="1:5" x14ac:dyDescent="0.25">
      <c r="A9587" s="2">
        <v>1917</v>
      </c>
      <c r="B9587" s="2">
        <v>1917</v>
      </c>
      <c r="C9587" s="1" t="s">
        <v>0</v>
      </c>
      <c r="D9587" s="2">
        <v>162415</v>
      </c>
      <c r="E9587" s="1" t="s">
        <v>0</v>
      </c>
    </row>
    <row r="9588" spans="1:5" x14ac:dyDescent="0.25">
      <c r="A9588" s="1" t="s">
        <v>1765</v>
      </c>
      <c r="B9588" s="1" t="s">
        <v>7749</v>
      </c>
      <c r="C9588" s="1" t="s">
        <v>26387</v>
      </c>
      <c r="D9588" s="2">
        <v>162416</v>
      </c>
      <c r="E9588" s="1" t="s">
        <v>0</v>
      </c>
    </row>
    <row r="9589" spans="1:5" x14ac:dyDescent="0.25">
      <c r="A9589" s="1" t="s">
        <v>26388</v>
      </c>
      <c r="B9589" s="1" t="s">
        <v>62355</v>
      </c>
      <c r="C9589" s="1" t="s">
        <v>26389</v>
      </c>
      <c r="D9589" s="2">
        <v>162417</v>
      </c>
      <c r="E9589" s="1" t="s">
        <v>0</v>
      </c>
    </row>
    <row r="9590" spans="1:5" ht="409.5" x14ac:dyDescent="0.25">
      <c r="A9590" s="4" t="s">
        <v>26390</v>
      </c>
      <c r="B9590" s="1" t="s">
        <v>62356</v>
      </c>
      <c r="C9590" s="1" t="s">
        <v>26391</v>
      </c>
      <c r="D9590" s="2">
        <v>162418</v>
      </c>
      <c r="E9590" s="1" t="s">
        <v>0</v>
      </c>
    </row>
    <row r="9591" spans="1:5" x14ac:dyDescent="0.25">
      <c r="A9591" s="1" t="s">
        <v>26392</v>
      </c>
      <c r="B9591" s="1" t="s">
        <v>53205</v>
      </c>
      <c r="C9591" s="1" t="s">
        <v>26393</v>
      </c>
      <c r="D9591" s="2">
        <v>162419</v>
      </c>
      <c r="E9591" s="1" t="s">
        <v>0</v>
      </c>
    </row>
    <row r="9592" spans="1:5" x14ac:dyDescent="0.25">
      <c r="A9592" s="2">
        <v>1918</v>
      </c>
      <c r="B9592" s="2">
        <v>1918</v>
      </c>
      <c r="C9592" s="1" t="s">
        <v>0</v>
      </c>
      <c r="D9592" s="2">
        <v>162420</v>
      </c>
      <c r="E9592" s="1" t="s">
        <v>0</v>
      </c>
    </row>
    <row r="9593" spans="1:5" x14ac:dyDescent="0.25">
      <c r="A9593" s="1" t="s">
        <v>1766</v>
      </c>
      <c r="B9593" s="1" t="s">
        <v>7750</v>
      </c>
      <c r="C9593" s="1" t="s">
        <v>26394</v>
      </c>
      <c r="D9593" s="2">
        <v>162421</v>
      </c>
      <c r="E9593" s="1" t="s">
        <v>0</v>
      </c>
    </row>
    <row r="9594" spans="1:5" x14ac:dyDescent="0.25">
      <c r="A9594" s="1" t="s">
        <v>26395</v>
      </c>
      <c r="B9594" s="1" t="s">
        <v>56744</v>
      </c>
      <c r="C9594" s="1" t="s">
        <v>26396</v>
      </c>
      <c r="D9594" s="2">
        <v>162422</v>
      </c>
      <c r="E9594" s="1" t="s">
        <v>0</v>
      </c>
    </row>
    <row r="9595" spans="1:5" ht="409.5" x14ac:dyDescent="0.25">
      <c r="A9595" s="4" t="s">
        <v>26397</v>
      </c>
      <c r="B9595" s="1" t="s">
        <v>61073</v>
      </c>
      <c r="C9595" s="1" t="s">
        <v>26398</v>
      </c>
      <c r="D9595" s="2">
        <v>162423</v>
      </c>
      <c r="E9595" s="1" t="s">
        <v>0</v>
      </c>
    </row>
    <row r="9596" spans="1:5" x14ac:dyDescent="0.25">
      <c r="A9596" s="1" t="s">
        <v>26399</v>
      </c>
      <c r="B9596" s="1" t="s">
        <v>53206</v>
      </c>
      <c r="C9596" s="1" t="s">
        <v>26400</v>
      </c>
      <c r="D9596" s="2">
        <v>162424</v>
      </c>
      <c r="E9596" s="1" t="s">
        <v>0</v>
      </c>
    </row>
    <row r="9597" spans="1:5" x14ac:dyDescent="0.25">
      <c r="A9597" s="2">
        <v>1919</v>
      </c>
      <c r="B9597" s="2">
        <v>1919</v>
      </c>
      <c r="C9597" s="1" t="s">
        <v>0</v>
      </c>
      <c r="D9597" s="2">
        <v>162425</v>
      </c>
      <c r="E9597" s="1" t="s">
        <v>0</v>
      </c>
    </row>
    <row r="9598" spans="1:5" x14ac:dyDescent="0.25">
      <c r="A9598" s="1" t="s">
        <v>1767</v>
      </c>
      <c r="B9598" s="1" t="s">
        <v>50650</v>
      </c>
      <c r="C9598" s="1" t="s">
        <v>1768</v>
      </c>
      <c r="D9598" s="2">
        <v>162426</v>
      </c>
      <c r="E9598" s="1" t="s">
        <v>0</v>
      </c>
    </row>
    <row r="9599" spans="1:5" x14ac:dyDescent="0.25">
      <c r="A9599" s="1" t="s">
        <v>26401</v>
      </c>
      <c r="B9599" s="1" t="s">
        <v>62357</v>
      </c>
      <c r="C9599" s="1" t="s">
        <v>26402</v>
      </c>
      <c r="D9599" s="2">
        <v>162427</v>
      </c>
      <c r="E9599" s="1" t="s">
        <v>0</v>
      </c>
    </row>
    <row r="9600" spans="1:5" ht="409.5" x14ac:dyDescent="0.25">
      <c r="A9600" s="4" t="s">
        <v>26403</v>
      </c>
      <c r="B9600" s="1" t="s">
        <v>62358</v>
      </c>
      <c r="C9600" s="1" t="s">
        <v>26404</v>
      </c>
      <c r="D9600" s="2">
        <v>162428</v>
      </c>
      <c r="E9600" s="1" t="s">
        <v>0</v>
      </c>
    </row>
    <row r="9601" spans="1:5" x14ac:dyDescent="0.25">
      <c r="A9601" s="1" t="s">
        <v>26405</v>
      </c>
      <c r="B9601" s="1" t="s">
        <v>7751</v>
      </c>
      <c r="C9601" s="1" t="s">
        <v>26406</v>
      </c>
      <c r="D9601" s="2">
        <v>162429</v>
      </c>
      <c r="E9601" s="1" t="s">
        <v>0</v>
      </c>
    </row>
    <row r="9602" spans="1:5" x14ac:dyDescent="0.25">
      <c r="A9602" s="2">
        <v>1920</v>
      </c>
      <c r="B9602" s="2">
        <v>1920</v>
      </c>
      <c r="C9602" s="1" t="s">
        <v>0</v>
      </c>
      <c r="D9602" s="2">
        <v>162430</v>
      </c>
      <c r="E9602" s="1" t="s">
        <v>0</v>
      </c>
    </row>
    <row r="9603" spans="1:5" x14ac:dyDescent="0.25">
      <c r="A9603" s="1" t="s">
        <v>13086</v>
      </c>
      <c r="B9603" s="1" t="s">
        <v>7752</v>
      </c>
      <c r="C9603" s="1" t="s">
        <v>26407</v>
      </c>
      <c r="D9603" s="2">
        <v>162431</v>
      </c>
      <c r="E9603" s="1" t="s">
        <v>0</v>
      </c>
    </row>
    <row r="9604" spans="1:5" x14ac:dyDescent="0.25">
      <c r="A9604" s="1" t="s">
        <v>26408</v>
      </c>
      <c r="B9604" s="1" t="s">
        <v>50651</v>
      </c>
      <c r="C9604" s="1" t="s">
        <v>26409</v>
      </c>
      <c r="D9604" s="2">
        <v>162432</v>
      </c>
      <c r="E9604" s="1" t="s">
        <v>0</v>
      </c>
    </row>
    <row r="9605" spans="1:5" ht="409.5" x14ac:dyDescent="0.25">
      <c r="A9605" s="4" t="s">
        <v>64125</v>
      </c>
      <c r="B9605" s="1" t="s">
        <v>53207</v>
      </c>
      <c r="C9605" s="1" t="s">
        <v>26410</v>
      </c>
      <c r="D9605" s="2">
        <v>162433</v>
      </c>
      <c r="E9605" s="1" t="s">
        <v>0</v>
      </c>
    </row>
    <row r="9606" spans="1:5" x14ac:dyDescent="0.25">
      <c r="A9606" s="1" t="s">
        <v>26411</v>
      </c>
      <c r="B9606" s="1" t="s">
        <v>7753</v>
      </c>
      <c r="C9606" s="1" t="s">
        <v>26412</v>
      </c>
      <c r="D9606" s="2">
        <v>162434</v>
      </c>
      <c r="E9606" s="1" t="s">
        <v>0</v>
      </c>
    </row>
    <row r="9607" spans="1:5" x14ac:dyDescent="0.25">
      <c r="A9607" s="2">
        <v>1921</v>
      </c>
      <c r="B9607" s="2">
        <v>1921</v>
      </c>
      <c r="C9607" s="1" t="s">
        <v>0</v>
      </c>
      <c r="D9607" s="2">
        <v>162435</v>
      </c>
      <c r="E9607" s="1" t="s">
        <v>0</v>
      </c>
    </row>
    <row r="9608" spans="1:5" x14ac:dyDescent="0.25">
      <c r="A9608" s="1" t="s">
        <v>1769</v>
      </c>
      <c r="B9608" s="1" t="s">
        <v>7754</v>
      </c>
      <c r="C9608" s="1" t="s">
        <v>26413</v>
      </c>
      <c r="D9608" s="2">
        <v>162436</v>
      </c>
      <c r="E9608" s="1" t="s">
        <v>0</v>
      </c>
    </row>
    <row r="9609" spans="1:5" x14ac:dyDescent="0.25">
      <c r="A9609" s="1" t="s">
        <v>26414</v>
      </c>
      <c r="B9609" s="1" t="s">
        <v>57816</v>
      </c>
      <c r="C9609" s="1" t="s">
        <v>26415</v>
      </c>
      <c r="D9609" s="2">
        <v>162437</v>
      </c>
      <c r="E9609" s="1" t="s">
        <v>0</v>
      </c>
    </row>
    <row r="9610" spans="1:5" ht="409.5" x14ac:dyDescent="0.25">
      <c r="A9610" s="4" t="s">
        <v>26416</v>
      </c>
      <c r="B9610" s="1" t="s">
        <v>57817</v>
      </c>
      <c r="C9610" s="1" t="s">
        <v>26417</v>
      </c>
      <c r="D9610" s="2">
        <v>162438</v>
      </c>
      <c r="E9610" s="1" t="s">
        <v>0</v>
      </c>
    </row>
    <row r="9611" spans="1:5" x14ac:dyDescent="0.25">
      <c r="A9611" s="1" t="s">
        <v>26418</v>
      </c>
      <c r="B9611" s="1" t="s">
        <v>61074</v>
      </c>
      <c r="C9611" s="1" t="s">
        <v>26419</v>
      </c>
      <c r="D9611" s="2">
        <v>162439</v>
      </c>
      <c r="E9611" s="1" t="s">
        <v>0</v>
      </c>
    </row>
    <row r="9612" spans="1:5" x14ac:dyDescent="0.25">
      <c r="A9612" s="2">
        <v>1922</v>
      </c>
      <c r="B9612" s="2">
        <v>1922</v>
      </c>
      <c r="C9612" s="1" t="s">
        <v>0</v>
      </c>
      <c r="D9612" s="2">
        <v>162440</v>
      </c>
      <c r="E9612" s="1" t="s">
        <v>0</v>
      </c>
    </row>
    <row r="9613" spans="1:5" x14ac:dyDescent="0.25">
      <c r="A9613" s="1" t="s">
        <v>1770</v>
      </c>
      <c r="B9613" s="1" t="s">
        <v>60594</v>
      </c>
      <c r="C9613" s="1" t="s">
        <v>26420</v>
      </c>
      <c r="D9613" s="2">
        <v>162441</v>
      </c>
      <c r="E9613" s="1" t="s">
        <v>0</v>
      </c>
    </row>
    <row r="9614" spans="1:5" x14ac:dyDescent="0.25">
      <c r="A9614" s="1" t="s">
        <v>26421</v>
      </c>
      <c r="B9614" s="1" t="s">
        <v>60595</v>
      </c>
      <c r="C9614" s="1" t="s">
        <v>26422</v>
      </c>
      <c r="D9614" s="2">
        <v>162442</v>
      </c>
      <c r="E9614" s="1" t="s">
        <v>0</v>
      </c>
    </row>
    <row r="9615" spans="1:5" ht="409.5" x14ac:dyDescent="0.25">
      <c r="A9615" s="4" t="s">
        <v>26423</v>
      </c>
      <c r="B9615" s="1" t="s">
        <v>60596</v>
      </c>
      <c r="C9615" s="1" t="s">
        <v>26424</v>
      </c>
      <c r="D9615" s="2">
        <v>162443</v>
      </c>
      <c r="E9615" s="1" t="s">
        <v>0</v>
      </c>
    </row>
    <row r="9616" spans="1:5" x14ac:dyDescent="0.25">
      <c r="A9616" s="1" t="s">
        <v>26425</v>
      </c>
      <c r="B9616" s="1" t="s">
        <v>7755</v>
      </c>
      <c r="C9616" s="1" t="s">
        <v>26426</v>
      </c>
      <c r="D9616" s="2">
        <v>162444</v>
      </c>
      <c r="E9616" s="1" t="s">
        <v>0</v>
      </c>
    </row>
    <row r="9617" spans="1:5" x14ac:dyDescent="0.25">
      <c r="A9617" s="2">
        <v>1923</v>
      </c>
      <c r="B9617" s="2">
        <v>1923</v>
      </c>
      <c r="C9617" s="1" t="s">
        <v>0</v>
      </c>
      <c r="D9617" s="2">
        <v>162445</v>
      </c>
      <c r="E9617" s="1" t="s">
        <v>0</v>
      </c>
    </row>
    <row r="9618" spans="1:5" x14ac:dyDescent="0.25">
      <c r="A9618" s="1" t="s">
        <v>1771</v>
      </c>
      <c r="B9618" s="1" t="s">
        <v>7756</v>
      </c>
      <c r="C9618" s="1" t="s">
        <v>26427</v>
      </c>
      <c r="D9618" s="2">
        <v>162446</v>
      </c>
      <c r="E9618" s="1" t="s">
        <v>0</v>
      </c>
    </row>
    <row r="9619" spans="1:5" x14ac:dyDescent="0.25">
      <c r="A9619" s="1" t="s">
        <v>26428</v>
      </c>
      <c r="B9619" s="1" t="s">
        <v>53208</v>
      </c>
      <c r="C9619" s="1" t="s">
        <v>26429</v>
      </c>
      <c r="D9619" s="2">
        <v>162447</v>
      </c>
      <c r="E9619" s="1" t="s">
        <v>0</v>
      </c>
    </row>
    <row r="9620" spans="1:5" ht="409.5" x14ac:dyDescent="0.25">
      <c r="A9620" s="4" t="s">
        <v>26430</v>
      </c>
      <c r="B9620" s="1" t="s">
        <v>62359</v>
      </c>
      <c r="C9620" s="1" t="s">
        <v>26431</v>
      </c>
      <c r="D9620" s="2">
        <v>162448</v>
      </c>
      <c r="E9620" s="1" t="s">
        <v>0</v>
      </c>
    </row>
    <row r="9621" spans="1:5" x14ac:dyDescent="0.25">
      <c r="A9621" s="1" t="s">
        <v>26432</v>
      </c>
      <c r="B9621" s="1" t="s">
        <v>61075</v>
      </c>
      <c r="C9621" s="1" t="s">
        <v>26433</v>
      </c>
      <c r="D9621" s="2">
        <v>162449</v>
      </c>
      <c r="E9621" s="1" t="s">
        <v>0</v>
      </c>
    </row>
    <row r="9622" spans="1:5" x14ac:dyDescent="0.25">
      <c r="A9622" s="2">
        <v>1924</v>
      </c>
      <c r="B9622" s="2">
        <v>1924</v>
      </c>
      <c r="C9622" s="1" t="s">
        <v>0</v>
      </c>
      <c r="D9622" s="2">
        <v>162450</v>
      </c>
      <c r="E9622" s="1" t="s">
        <v>0</v>
      </c>
    </row>
    <row r="9623" spans="1:5" x14ac:dyDescent="0.25">
      <c r="A9623" s="1" t="s">
        <v>1772</v>
      </c>
      <c r="B9623" s="1" t="s">
        <v>7757</v>
      </c>
      <c r="C9623" s="1" t="s">
        <v>26434</v>
      </c>
      <c r="D9623" s="2">
        <v>162451</v>
      </c>
      <c r="E9623" s="1" t="s">
        <v>0</v>
      </c>
    </row>
    <row r="9624" spans="1:5" x14ac:dyDescent="0.25">
      <c r="A9624" s="1" t="s">
        <v>26435</v>
      </c>
      <c r="B9624" s="1" t="s">
        <v>7758</v>
      </c>
      <c r="C9624" s="1" t="s">
        <v>26436</v>
      </c>
      <c r="D9624" s="2">
        <v>162452</v>
      </c>
      <c r="E9624" s="1" t="s">
        <v>0</v>
      </c>
    </row>
    <row r="9625" spans="1:5" ht="409.5" x14ac:dyDescent="0.25">
      <c r="A9625" s="4" t="s">
        <v>26437</v>
      </c>
      <c r="B9625" s="1" t="s">
        <v>7759</v>
      </c>
      <c r="C9625" s="1" t="s">
        <v>26438</v>
      </c>
      <c r="D9625" s="2">
        <v>162453</v>
      </c>
      <c r="E9625" s="1" t="s">
        <v>0</v>
      </c>
    </row>
    <row r="9626" spans="1:5" x14ac:dyDescent="0.25">
      <c r="A9626" s="1" t="s">
        <v>26439</v>
      </c>
      <c r="B9626" s="1" t="s">
        <v>53209</v>
      </c>
      <c r="C9626" s="1" t="s">
        <v>26440</v>
      </c>
      <c r="D9626" s="2">
        <v>162454</v>
      </c>
      <c r="E9626" s="1" t="s">
        <v>0</v>
      </c>
    </row>
    <row r="9627" spans="1:5" x14ac:dyDescent="0.25">
      <c r="A9627" s="2">
        <v>1925</v>
      </c>
      <c r="B9627" s="2">
        <v>1925</v>
      </c>
      <c r="C9627" s="1" t="s">
        <v>0</v>
      </c>
      <c r="D9627" s="2">
        <v>162455</v>
      </c>
      <c r="E9627" s="1" t="s">
        <v>0</v>
      </c>
    </row>
    <row r="9628" spans="1:5" x14ac:dyDescent="0.25">
      <c r="A9628" s="1" t="s">
        <v>1773</v>
      </c>
      <c r="B9628" s="1" t="s">
        <v>50652</v>
      </c>
      <c r="C9628" s="1" t="s">
        <v>26441</v>
      </c>
      <c r="D9628" s="2">
        <v>162456</v>
      </c>
      <c r="E9628" s="1" t="s">
        <v>0</v>
      </c>
    </row>
    <row r="9629" spans="1:5" x14ac:dyDescent="0.25">
      <c r="A9629" s="1" t="s">
        <v>26442</v>
      </c>
      <c r="B9629" s="1" t="s">
        <v>53210</v>
      </c>
      <c r="C9629" s="1" t="s">
        <v>26443</v>
      </c>
      <c r="D9629" s="2">
        <v>162457</v>
      </c>
      <c r="E9629" s="1" t="s">
        <v>0</v>
      </c>
    </row>
    <row r="9630" spans="1:5" ht="409.5" x14ac:dyDescent="0.25">
      <c r="A9630" s="4" t="s">
        <v>26444</v>
      </c>
      <c r="B9630" s="1" t="s">
        <v>59592</v>
      </c>
      <c r="C9630" s="1" t="s">
        <v>26445</v>
      </c>
      <c r="D9630" s="2">
        <v>162458</v>
      </c>
      <c r="E9630" s="1" t="s">
        <v>0</v>
      </c>
    </row>
    <row r="9631" spans="1:5" x14ac:dyDescent="0.25">
      <c r="A9631" s="1" t="s">
        <v>18056</v>
      </c>
      <c r="B9631" s="1" t="s">
        <v>60928</v>
      </c>
      <c r="C9631" s="1" t="s">
        <v>18057</v>
      </c>
      <c r="D9631" s="2">
        <v>162459</v>
      </c>
      <c r="E9631" s="1" t="s">
        <v>0</v>
      </c>
    </row>
    <row r="9632" spans="1:5" x14ac:dyDescent="0.25">
      <c r="A9632" s="2">
        <v>1926</v>
      </c>
      <c r="B9632" s="2">
        <v>1926</v>
      </c>
      <c r="C9632" s="1" t="s">
        <v>0</v>
      </c>
      <c r="D9632" s="2">
        <v>162460</v>
      </c>
      <c r="E9632" s="1" t="s">
        <v>0</v>
      </c>
    </row>
    <row r="9633" spans="1:5" x14ac:dyDescent="0.25">
      <c r="A9633" s="1" t="s">
        <v>1774</v>
      </c>
      <c r="B9633" s="1" t="s">
        <v>7760</v>
      </c>
      <c r="C9633" s="1" t="s">
        <v>26446</v>
      </c>
      <c r="D9633" s="2">
        <v>162461</v>
      </c>
      <c r="E9633" s="1" t="s">
        <v>0</v>
      </c>
    </row>
    <row r="9634" spans="1:5" x14ac:dyDescent="0.25">
      <c r="A9634" s="1" t="s">
        <v>26447</v>
      </c>
      <c r="B9634" s="1" t="s">
        <v>7761</v>
      </c>
      <c r="C9634" s="1" t="s">
        <v>26448</v>
      </c>
      <c r="D9634" s="2">
        <v>162462</v>
      </c>
      <c r="E9634" s="1" t="s">
        <v>0</v>
      </c>
    </row>
    <row r="9635" spans="1:5" ht="409.5" x14ac:dyDescent="0.25">
      <c r="A9635" s="4" t="s">
        <v>26449</v>
      </c>
      <c r="B9635" s="1" t="s">
        <v>57488</v>
      </c>
      <c r="C9635" s="1" t="s">
        <v>26450</v>
      </c>
      <c r="D9635" s="2">
        <v>162463</v>
      </c>
      <c r="E9635" s="1" t="s">
        <v>0</v>
      </c>
    </row>
    <row r="9636" spans="1:5" x14ac:dyDescent="0.25">
      <c r="A9636" s="1" t="s">
        <v>26451</v>
      </c>
      <c r="B9636" s="1" t="s">
        <v>7762</v>
      </c>
      <c r="C9636" s="1" t="s">
        <v>26452</v>
      </c>
      <c r="D9636" s="2">
        <v>162464</v>
      </c>
      <c r="E9636" s="1" t="s">
        <v>0</v>
      </c>
    </row>
    <row r="9637" spans="1:5" x14ac:dyDescent="0.25">
      <c r="A9637" s="2">
        <v>1927</v>
      </c>
      <c r="B9637" s="2">
        <v>1927</v>
      </c>
      <c r="C9637" s="1" t="s">
        <v>0</v>
      </c>
      <c r="D9637" s="2">
        <v>162465</v>
      </c>
      <c r="E9637" s="1" t="s">
        <v>0</v>
      </c>
    </row>
    <row r="9638" spans="1:5" x14ac:dyDescent="0.25">
      <c r="A9638" s="1" t="s">
        <v>13087</v>
      </c>
      <c r="B9638" s="1" t="s">
        <v>53211</v>
      </c>
      <c r="C9638" s="1" t="s">
        <v>26453</v>
      </c>
      <c r="D9638" s="2">
        <v>162466</v>
      </c>
      <c r="E9638" s="1" t="s">
        <v>0</v>
      </c>
    </row>
    <row r="9639" spans="1:5" x14ac:dyDescent="0.25">
      <c r="A9639" s="1" t="s">
        <v>26454</v>
      </c>
      <c r="B9639" s="1" t="s">
        <v>53212</v>
      </c>
      <c r="C9639" s="1" t="s">
        <v>26455</v>
      </c>
      <c r="D9639" s="2">
        <v>162467</v>
      </c>
      <c r="E9639" s="1" t="s">
        <v>0</v>
      </c>
    </row>
    <row r="9640" spans="1:5" ht="409.5" x14ac:dyDescent="0.25">
      <c r="A9640" s="4" t="s">
        <v>26456</v>
      </c>
      <c r="B9640" s="1" t="s">
        <v>63309</v>
      </c>
      <c r="C9640" s="1" t="s">
        <v>26457</v>
      </c>
      <c r="D9640" s="2">
        <v>162468</v>
      </c>
      <c r="E9640" s="1" t="s">
        <v>0</v>
      </c>
    </row>
    <row r="9641" spans="1:5" x14ac:dyDescent="0.25">
      <c r="A9641" s="1" t="s">
        <v>26458</v>
      </c>
      <c r="B9641" s="1" t="s">
        <v>7763</v>
      </c>
      <c r="C9641" s="1" t="s">
        <v>26459</v>
      </c>
      <c r="D9641" s="2">
        <v>162469</v>
      </c>
      <c r="E9641" s="1" t="s">
        <v>0</v>
      </c>
    </row>
    <row r="9642" spans="1:5" x14ac:dyDescent="0.25">
      <c r="A9642" s="2">
        <v>1928</v>
      </c>
      <c r="B9642" s="2">
        <v>1928</v>
      </c>
      <c r="C9642" s="1" t="s">
        <v>0</v>
      </c>
      <c r="D9642" s="2">
        <v>162470</v>
      </c>
      <c r="E9642" s="1" t="s">
        <v>0</v>
      </c>
    </row>
    <row r="9643" spans="1:5" x14ac:dyDescent="0.25">
      <c r="A9643" s="1" t="s">
        <v>1775</v>
      </c>
      <c r="B9643" s="1" t="s">
        <v>50653</v>
      </c>
      <c r="C9643" s="1" t="s">
        <v>26460</v>
      </c>
      <c r="D9643" s="2">
        <v>162471</v>
      </c>
      <c r="E9643" s="1" t="s">
        <v>0</v>
      </c>
    </row>
    <row r="9644" spans="1:5" x14ac:dyDescent="0.25">
      <c r="A9644" s="1" t="s">
        <v>26461</v>
      </c>
      <c r="B9644" s="1" t="s">
        <v>53213</v>
      </c>
      <c r="C9644" s="1" t="s">
        <v>26462</v>
      </c>
      <c r="D9644" s="2">
        <v>162472</v>
      </c>
      <c r="E9644" s="1" t="s">
        <v>0</v>
      </c>
    </row>
    <row r="9645" spans="1:5" ht="409.5" x14ac:dyDescent="0.25">
      <c r="A9645" s="4" t="s">
        <v>26463</v>
      </c>
      <c r="B9645" s="1" t="s">
        <v>53214</v>
      </c>
      <c r="C9645" s="1" t="s">
        <v>26464</v>
      </c>
      <c r="D9645" s="2">
        <v>162473</v>
      </c>
      <c r="E9645" s="1" t="s">
        <v>0</v>
      </c>
    </row>
    <row r="9646" spans="1:5" x14ac:dyDescent="0.25">
      <c r="A9646" s="1" t="s">
        <v>26465</v>
      </c>
      <c r="B9646" s="1" t="s">
        <v>50654</v>
      </c>
      <c r="C9646" s="1" t="s">
        <v>26466</v>
      </c>
      <c r="D9646" s="2">
        <v>162474</v>
      </c>
      <c r="E9646" s="1" t="s">
        <v>0</v>
      </c>
    </row>
    <row r="9647" spans="1:5" x14ac:dyDescent="0.25">
      <c r="A9647" s="2">
        <v>1929</v>
      </c>
      <c r="B9647" s="2">
        <v>1929</v>
      </c>
      <c r="C9647" s="1" t="s">
        <v>0</v>
      </c>
      <c r="D9647" s="2">
        <v>162475</v>
      </c>
      <c r="E9647" s="1" t="s">
        <v>0</v>
      </c>
    </row>
    <row r="9648" spans="1:5" x14ac:dyDescent="0.25">
      <c r="A9648" s="1" t="s">
        <v>1776</v>
      </c>
      <c r="B9648" s="1" t="s">
        <v>7764</v>
      </c>
      <c r="C9648" s="1" t="s">
        <v>26467</v>
      </c>
      <c r="D9648" s="2">
        <v>162476</v>
      </c>
      <c r="E9648" s="1" t="s">
        <v>0</v>
      </c>
    </row>
    <row r="9649" spans="1:5" x14ac:dyDescent="0.25">
      <c r="A9649" s="1" t="s">
        <v>26468</v>
      </c>
      <c r="B9649" s="1" t="s">
        <v>59012</v>
      </c>
      <c r="C9649" s="1" t="s">
        <v>26469</v>
      </c>
      <c r="D9649" s="2">
        <v>162477</v>
      </c>
      <c r="E9649" s="1" t="s">
        <v>0</v>
      </c>
    </row>
    <row r="9650" spans="1:5" ht="409.5" x14ac:dyDescent="0.25">
      <c r="A9650" s="4" t="s">
        <v>26470</v>
      </c>
      <c r="B9650" s="1" t="s">
        <v>59013</v>
      </c>
      <c r="C9650" s="1" t="s">
        <v>26471</v>
      </c>
      <c r="D9650" s="2">
        <v>162478</v>
      </c>
      <c r="E9650" s="1" t="s">
        <v>0</v>
      </c>
    </row>
    <row r="9651" spans="1:5" x14ac:dyDescent="0.25">
      <c r="A9651" s="1" t="s">
        <v>26472</v>
      </c>
      <c r="B9651" s="1" t="s">
        <v>7765</v>
      </c>
      <c r="C9651" s="1" t="s">
        <v>26473</v>
      </c>
      <c r="D9651" s="2">
        <v>162479</v>
      </c>
      <c r="E9651" s="1" t="s">
        <v>0</v>
      </c>
    </row>
    <row r="9652" spans="1:5" x14ac:dyDescent="0.25">
      <c r="A9652" s="2">
        <v>1930</v>
      </c>
      <c r="B9652" s="2">
        <v>1930</v>
      </c>
      <c r="C9652" s="1" t="s">
        <v>0</v>
      </c>
      <c r="D9652" s="2">
        <v>162480</v>
      </c>
      <c r="E9652" s="1" t="s">
        <v>0</v>
      </c>
    </row>
    <row r="9653" spans="1:5" x14ac:dyDescent="0.25">
      <c r="A9653" s="1" t="s">
        <v>64126</v>
      </c>
      <c r="B9653" s="1" t="s">
        <v>64127</v>
      </c>
      <c r="C9653" s="1" t="s">
        <v>64128</v>
      </c>
      <c r="D9653" s="2">
        <v>162481</v>
      </c>
      <c r="E9653" s="1" t="s">
        <v>0</v>
      </c>
    </row>
    <row r="9654" spans="1:5" x14ac:dyDescent="0.25">
      <c r="A9654" s="1" t="s">
        <v>26474</v>
      </c>
      <c r="B9654" s="1" t="s">
        <v>7766</v>
      </c>
      <c r="C9654" s="1" t="s">
        <v>26475</v>
      </c>
      <c r="D9654" s="2">
        <v>162482</v>
      </c>
      <c r="E9654" s="1" t="s">
        <v>0</v>
      </c>
    </row>
    <row r="9655" spans="1:5" ht="409.5" x14ac:dyDescent="0.25">
      <c r="A9655" s="4" t="s">
        <v>26476</v>
      </c>
      <c r="B9655" s="1" t="s">
        <v>62360</v>
      </c>
      <c r="C9655" s="1" t="s">
        <v>26477</v>
      </c>
      <c r="D9655" s="2">
        <v>162483</v>
      </c>
      <c r="E9655" s="1" t="s">
        <v>0</v>
      </c>
    </row>
    <row r="9656" spans="1:5" x14ac:dyDescent="0.25">
      <c r="A9656" s="1" t="s">
        <v>26478</v>
      </c>
      <c r="B9656" s="1" t="s">
        <v>7767</v>
      </c>
      <c r="C9656" s="1" t="s">
        <v>26479</v>
      </c>
      <c r="D9656" s="2">
        <v>162484</v>
      </c>
      <c r="E9656" s="1" t="s">
        <v>0</v>
      </c>
    </row>
    <row r="9657" spans="1:5" x14ac:dyDescent="0.25">
      <c r="A9657" s="2">
        <v>1931</v>
      </c>
      <c r="B9657" s="2">
        <v>1931</v>
      </c>
      <c r="C9657" s="1" t="s">
        <v>0</v>
      </c>
      <c r="D9657" s="2">
        <v>162485</v>
      </c>
      <c r="E9657" s="1" t="s">
        <v>0</v>
      </c>
    </row>
    <row r="9658" spans="1:5" x14ac:dyDescent="0.25">
      <c r="A9658" s="1" t="s">
        <v>13088</v>
      </c>
      <c r="B9658" s="1" t="s">
        <v>7768</v>
      </c>
      <c r="C9658" s="1" t="s">
        <v>26480</v>
      </c>
      <c r="D9658" s="2">
        <v>162486</v>
      </c>
      <c r="E9658" s="1" t="s">
        <v>0</v>
      </c>
    </row>
    <row r="9659" spans="1:5" x14ac:dyDescent="0.25">
      <c r="A9659" s="1" t="s">
        <v>26481</v>
      </c>
      <c r="B9659" s="1" t="s">
        <v>53215</v>
      </c>
      <c r="C9659" s="1" t="s">
        <v>26482</v>
      </c>
      <c r="D9659" s="2">
        <v>162487</v>
      </c>
      <c r="E9659" s="1" t="s">
        <v>0</v>
      </c>
    </row>
    <row r="9660" spans="1:5" ht="409.5" x14ac:dyDescent="0.25">
      <c r="A9660" s="4" t="s">
        <v>26483</v>
      </c>
      <c r="B9660" s="1" t="s">
        <v>60597</v>
      </c>
      <c r="C9660" s="1" t="s">
        <v>26484</v>
      </c>
      <c r="D9660" s="2">
        <v>162488</v>
      </c>
      <c r="E9660" s="1" t="s">
        <v>0</v>
      </c>
    </row>
    <row r="9661" spans="1:5" x14ac:dyDescent="0.25">
      <c r="A9661" s="1" t="s">
        <v>26485</v>
      </c>
      <c r="B9661" s="1" t="s">
        <v>53216</v>
      </c>
      <c r="C9661" s="1" t="s">
        <v>26486</v>
      </c>
      <c r="D9661" s="2">
        <v>162489</v>
      </c>
      <c r="E9661" s="1" t="s">
        <v>0</v>
      </c>
    </row>
    <row r="9662" spans="1:5" x14ac:dyDescent="0.25">
      <c r="A9662" s="2">
        <v>1932</v>
      </c>
      <c r="B9662" s="2">
        <v>1932</v>
      </c>
      <c r="C9662" s="1" t="s">
        <v>0</v>
      </c>
      <c r="D9662" s="2">
        <v>162490</v>
      </c>
      <c r="E9662" s="1" t="s">
        <v>0</v>
      </c>
    </row>
    <row r="9663" spans="1:5" x14ac:dyDescent="0.25">
      <c r="A9663" s="1" t="s">
        <v>1777</v>
      </c>
      <c r="B9663" s="1" t="s">
        <v>7769</v>
      </c>
      <c r="C9663" s="1" t="s">
        <v>26487</v>
      </c>
      <c r="D9663" s="2">
        <v>162491</v>
      </c>
      <c r="E9663" s="1" t="s">
        <v>0</v>
      </c>
    </row>
    <row r="9664" spans="1:5" x14ac:dyDescent="0.25">
      <c r="A9664" s="1" t="s">
        <v>26488</v>
      </c>
      <c r="B9664" s="1" t="s">
        <v>60499</v>
      </c>
      <c r="C9664" s="1" t="s">
        <v>26489</v>
      </c>
      <c r="D9664" s="2">
        <v>162492</v>
      </c>
      <c r="E9664" s="1" t="s">
        <v>0</v>
      </c>
    </row>
    <row r="9665" spans="1:5" ht="409.5" x14ac:dyDescent="0.25">
      <c r="A9665" s="4" t="s">
        <v>26490</v>
      </c>
      <c r="B9665" s="1" t="s">
        <v>60500</v>
      </c>
      <c r="C9665" s="1" t="s">
        <v>26491</v>
      </c>
      <c r="D9665" s="2">
        <v>162493</v>
      </c>
      <c r="E9665" s="1" t="s">
        <v>0</v>
      </c>
    </row>
    <row r="9666" spans="1:5" x14ac:dyDescent="0.25">
      <c r="A9666" s="1" t="s">
        <v>25908</v>
      </c>
      <c r="B9666" s="1" t="s">
        <v>61063</v>
      </c>
      <c r="C9666" s="1" t="s">
        <v>25909</v>
      </c>
      <c r="D9666" s="2">
        <v>162494</v>
      </c>
      <c r="E9666" s="1" t="s">
        <v>0</v>
      </c>
    </row>
    <row r="9667" spans="1:5" x14ac:dyDescent="0.25">
      <c r="A9667" s="2">
        <v>1933</v>
      </c>
      <c r="B9667" s="2">
        <v>1933</v>
      </c>
      <c r="C9667" s="1" t="s">
        <v>0</v>
      </c>
      <c r="D9667" s="2">
        <v>162495</v>
      </c>
      <c r="E9667" s="1" t="s">
        <v>0</v>
      </c>
    </row>
    <row r="9668" spans="1:5" x14ac:dyDescent="0.25">
      <c r="A9668" s="1" t="s">
        <v>1778</v>
      </c>
      <c r="B9668" s="1" t="s">
        <v>7770</v>
      </c>
      <c r="C9668" s="1" t="s">
        <v>26492</v>
      </c>
      <c r="D9668" s="2">
        <v>162496</v>
      </c>
      <c r="E9668" s="1" t="s">
        <v>0</v>
      </c>
    </row>
    <row r="9669" spans="1:5" x14ac:dyDescent="0.25">
      <c r="A9669" s="1" t="s">
        <v>26493</v>
      </c>
      <c r="B9669" s="1" t="s">
        <v>7771</v>
      </c>
      <c r="C9669" s="1" t="s">
        <v>26494</v>
      </c>
      <c r="D9669" s="2">
        <v>162497</v>
      </c>
      <c r="E9669" s="1" t="s">
        <v>0</v>
      </c>
    </row>
    <row r="9670" spans="1:5" ht="409.5" x14ac:dyDescent="0.25">
      <c r="A9670" s="4" t="s">
        <v>26495</v>
      </c>
      <c r="B9670" s="1" t="s">
        <v>63310</v>
      </c>
      <c r="C9670" s="1" t="s">
        <v>26496</v>
      </c>
      <c r="D9670" s="2">
        <v>162498</v>
      </c>
      <c r="E9670" s="1" t="s">
        <v>0</v>
      </c>
    </row>
    <row r="9671" spans="1:5" x14ac:dyDescent="0.25">
      <c r="A9671" s="1" t="s">
        <v>26497</v>
      </c>
      <c r="B9671" s="1" t="s">
        <v>7772</v>
      </c>
      <c r="C9671" s="1" t="s">
        <v>26498</v>
      </c>
      <c r="D9671" s="2">
        <v>162499</v>
      </c>
      <c r="E9671" s="1" t="s">
        <v>0</v>
      </c>
    </row>
    <row r="9672" spans="1:5" x14ac:dyDescent="0.25">
      <c r="A9672" s="2">
        <v>1934</v>
      </c>
      <c r="B9672" s="2">
        <v>1934</v>
      </c>
      <c r="C9672" s="1" t="s">
        <v>0</v>
      </c>
      <c r="D9672" s="2">
        <v>162500</v>
      </c>
      <c r="E9672" s="1" t="s">
        <v>0</v>
      </c>
    </row>
    <row r="9673" spans="1:5" x14ac:dyDescent="0.25">
      <c r="A9673" s="1" t="s">
        <v>1779</v>
      </c>
      <c r="B9673" s="1" t="s">
        <v>7773</v>
      </c>
      <c r="C9673" s="1" t="s">
        <v>26499</v>
      </c>
      <c r="D9673" s="2">
        <v>162501</v>
      </c>
      <c r="E9673" s="1" t="s">
        <v>0</v>
      </c>
    </row>
    <row r="9674" spans="1:5" x14ac:dyDescent="0.25">
      <c r="A9674" s="1" t="s">
        <v>26500</v>
      </c>
      <c r="B9674" s="1" t="s">
        <v>57818</v>
      </c>
      <c r="C9674" s="1" t="s">
        <v>26501</v>
      </c>
      <c r="D9674" s="2">
        <v>162502</v>
      </c>
      <c r="E9674" s="1" t="s">
        <v>0</v>
      </c>
    </row>
    <row r="9675" spans="1:5" ht="409.5" x14ac:dyDescent="0.25">
      <c r="A9675" s="4" t="s">
        <v>26502</v>
      </c>
      <c r="B9675" s="1" t="s">
        <v>57819</v>
      </c>
      <c r="C9675" s="1" t="s">
        <v>26503</v>
      </c>
      <c r="D9675" s="2">
        <v>162503</v>
      </c>
      <c r="E9675" s="1" t="s">
        <v>0</v>
      </c>
    </row>
    <row r="9676" spans="1:5" x14ac:dyDescent="0.25">
      <c r="A9676" s="1" t="s">
        <v>26504</v>
      </c>
      <c r="B9676" s="1" t="s">
        <v>53217</v>
      </c>
      <c r="C9676" s="1" t="s">
        <v>26505</v>
      </c>
      <c r="D9676" s="2">
        <v>162504</v>
      </c>
      <c r="E9676" s="1" t="s">
        <v>0</v>
      </c>
    </row>
    <row r="9677" spans="1:5" x14ac:dyDescent="0.25">
      <c r="A9677" s="2">
        <v>1935</v>
      </c>
      <c r="B9677" s="2">
        <v>1935</v>
      </c>
      <c r="C9677" s="1" t="s">
        <v>0</v>
      </c>
      <c r="D9677" s="2">
        <v>162505</v>
      </c>
      <c r="E9677" s="1" t="s">
        <v>0</v>
      </c>
    </row>
    <row r="9678" spans="1:5" x14ac:dyDescent="0.25">
      <c r="A9678" s="1" t="s">
        <v>1780</v>
      </c>
      <c r="B9678" s="1" t="s">
        <v>7774</v>
      </c>
      <c r="C9678" s="1" t="s">
        <v>26506</v>
      </c>
      <c r="D9678" s="2">
        <v>162506</v>
      </c>
      <c r="E9678" s="1" t="s">
        <v>0</v>
      </c>
    </row>
    <row r="9679" spans="1:5" x14ac:dyDescent="0.25">
      <c r="A9679" s="1" t="s">
        <v>26507</v>
      </c>
      <c r="B9679" s="1" t="s">
        <v>7775</v>
      </c>
      <c r="C9679" s="1" t="s">
        <v>26508</v>
      </c>
      <c r="D9679" s="2">
        <v>162507</v>
      </c>
      <c r="E9679" s="1" t="s">
        <v>0</v>
      </c>
    </row>
    <row r="9680" spans="1:5" ht="409.5" x14ac:dyDescent="0.25">
      <c r="A9680" s="4" t="s">
        <v>26509</v>
      </c>
      <c r="B9680" s="1" t="s">
        <v>26510</v>
      </c>
      <c r="C9680" s="1" t="s">
        <v>26511</v>
      </c>
      <c r="D9680" s="2">
        <v>162508</v>
      </c>
      <c r="E9680" s="1" t="s">
        <v>0</v>
      </c>
    </row>
    <row r="9681" spans="1:5" x14ac:dyDescent="0.25">
      <c r="A9681" s="1" t="s">
        <v>26512</v>
      </c>
      <c r="B9681" s="1" t="s">
        <v>53218</v>
      </c>
      <c r="C9681" s="1" t="s">
        <v>26513</v>
      </c>
      <c r="D9681" s="2">
        <v>162509</v>
      </c>
      <c r="E9681" s="1" t="s">
        <v>0</v>
      </c>
    </row>
    <row r="9682" spans="1:5" x14ac:dyDescent="0.25">
      <c r="A9682" s="2">
        <v>1936</v>
      </c>
      <c r="B9682" s="2">
        <v>1936</v>
      </c>
      <c r="C9682" s="1" t="s">
        <v>0</v>
      </c>
      <c r="D9682" s="2">
        <v>162510</v>
      </c>
      <c r="E9682" s="1" t="s">
        <v>0</v>
      </c>
    </row>
    <row r="9683" spans="1:5" x14ac:dyDescent="0.25">
      <c r="A9683" s="1" t="s">
        <v>1781</v>
      </c>
      <c r="B9683" s="1" t="s">
        <v>7776</v>
      </c>
      <c r="C9683" s="1" t="s">
        <v>26514</v>
      </c>
      <c r="D9683" s="2">
        <v>162511</v>
      </c>
      <c r="E9683" s="1" t="s">
        <v>0</v>
      </c>
    </row>
    <row r="9684" spans="1:5" x14ac:dyDescent="0.25">
      <c r="A9684" s="1" t="s">
        <v>26515</v>
      </c>
      <c r="B9684" s="1" t="s">
        <v>53219</v>
      </c>
      <c r="C9684" s="1" t="s">
        <v>26516</v>
      </c>
      <c r="D9684" s="2">
        <v>162512</v>
      </c>
      <c r="E9684" s="1" t="s">
        <v>0</v>
      </c>
    </row>
    <row r="9685" spans="1:5" ht="409.5" x14ac:dyDescent="0.25">
      <c r="A9685" s="4" t="s">
        <v>64129</v>
      </c>
      <c r="B9685" s="1" t="s">
        <v>64130</v>
      </c>
      <c r="C9685" s="1" t="s">
        <v>26517</v>
      </c>
      <c r="D9685" s="2">
        <v>162513</v>
      </c>
      <c r="E9685" s="1" t="s">
        <v>0</v>
      </c>
    </row>
    <row r="9686" spans="1:5" x14ac:dyDescent="0.25">
      <c r="A9686" s="1" t="s">
        <v>26518</v>
      </c>
      <c r="B9686" s="1" t="s">
        <v>7777</v>
      </c>
      <c r="C9686" s="1" t="s">
        <v>26519</v>
      </c>
      <c r="D9686" s="2">
        <v>162514</v>
      </c>
      <c r="E9686" s="1" t="s">
        <v>0</v>
      </c>
    </row>
    <row r="9687" spans="1:5" x14ac:dyDescent="0.25">
      <c r="A9687" s="2">
        <v>1937</v>
      </c>
      <c r="B9687" s="2">
        <v>1937</v>
      </c>
      <c r="C9687" s="1" t="s">
        <v>0</v>
      </c>
      <c r="D9687" s="2">
        <v>162515</v>
      </c>
      <c r="E9687" s="1" t="s">
        <v>0</v>
      </c>
    </row>
    <row r="9688" spans="1:5" x14ac:dyDescent="0.25">
      <c r="A9688" s="1" t="s">
        <v>1782</v>
      </c>
      <c r="B9688" s="1" t="s">
        <v>53220</v>
      </c>
      <c r="C9688" s="1" t="s">
        <v>26520</v>
      </c>
      <c r="D9688" s="2">
        <v>162516</v>
      </c>
      <c r="E9688" s="1" t="s">
        <v>0</v>
      </c>
    </row>
    <row r="9689" spans="1:5" x14ac:dyDescent="0.25">
      <c r="A9689" s="1" t="s">
        <v>26521</v>
      </c>
      <c r="B9689" s="1" t="s">
        <v>57197</v>
      </c>
      <c r="C9689" s="1" t="s">
        <v>26522</v>
      </c>
      <c r="D9689" s="2">
        <v>162517</v>
      </c>
      <c r="E9689" s="1" t="s">
        <v>0</v>
      </c>
    </row>
    <row r="9690" spans="1:5" ht="409.5" x14ac:dyDescent="0.25">
      <c r="A9690" s="4" t="s">
        <v>26523</v>
      </c>
      <c r="B9690" s="1" t="s">
        <v>61489</v>
      </c>
      <c r="C9690" s="1" t="s">
        <v>26524</v>
      </c>
      <c r="D9690" s="2">
        <v>162518</v>
      </c>
      <c r="E9690" s="1" t="s">
        <v>0</v>
      </c>
    </row>
    <row r="9691" spans="1:5" x14ac:dyDescent="0.25">
      <c r="A9691" s="1" t="s">
        <v>26525</v>
      </c>
      <c r="B9691" s="1" t="s">
        <v>7778</v>
      </c>
      <c r="C9691" s="1" t="s">
        <v>26526</v>
      </c>
      <c r="D9691" s="2">
        <v>162519</v>
      </c>
      <c r="E9691" s="1" t="s">
        <v>0</v>
      </c>
    </row>
    <row r="9692" spans="1:5" x14ac:dyDescent="0.25">
      <c r="A9692" s="2">
        <v>1938</v>
      </c>
      <c r="B9692" s="2">
        <v>1938</v>
      </c>
      <c r="C9692" s="1" t="s">
        <v>0</v>
      </c>
      <c r="D9692" s="2">
        <v>162520</v>
      </c>
      <c r="E9692" s="1" t="s">
        <v>0</v>
      </c>
    </row>
    <row r="9693" spans="1:5" x14ac:dyDescent="0.25">
      <c r="A9693" s="1" t="s">
        <v>1783</v>
      </c>
      <c r="B9693" s="1" t="s">
        <v>58738</v>
      </c>
      <c r="C9693" s="1" t="s">
        <v>26527</v>
      </c>
      <c r="D9693" s="2">
        <v>162521</v>
      </c>
      <c r="E9693" s="1" t="s">
        <v>0</v>
      </c>
    </row>
    <row r="9694" spans="1:5" x14ac:dyDescent="0.25">
      <c r="A9694" s="1" t="s">
        <v>26528</v>
      </c>
      <c r="B9694" s="1" t="s">
        <v>58739</v>
      </c>
      <c r="C9694" s="1" t="s">
        <v>26529</v>
      </c>
      <c r="D9694" s="2">
        <v>162522</v>
      </c>
      <c r="E9694" s="1" t="s">
        <v>0</v>
      </c>
    </row>
    <row r="9695" spans="1:5" ht="409.5" x14ac:dyDescent="0.25">
      <c r="A9695" s="4" t="s">
        <v>26530</v>
      </c>
      <c r="B9695" s="1" t="s">
        <v>58740</v>
      </c>
      <c r="C9695" s="1" t="s">
        <v>26531</v>
      </c>
      <c r="D9695" s="2">
        <v>162523</v>
      </c>
      <c r="E9695" s="1" t="s">
        <v>0</v>
      </c>
    </row>
    <row r="9696" spans="1:5" x14ac:dyDescent="0.25">
      <c r="A9696" s="1" t="s">
        <v>26532</v>
      </c>
      <c r="B9696" s="1" t="s">
        <v>53221</v>
      </c>
      <c r="C9696" s="1" t="s">
        <v>26533</v>
      </c>
      <c r="D9696" s="2">
        <v>162524</v>
      </c>
      <c r="E9696" s="1" t="s">
        <v>0</v>
      </c>
    </row>
    <row r="9697" spans="1:5" x14ac:dyDescent="0.25">
      <c r="A9697" s="2">
        <v>1939</v>
      </c>
      <c r="B9697" s="2">
        <v>1939</v>
      </c>
      <c r="C9697" s="1" t="s">
        <v>0</v>
      </c>
      <c r="D9697" s="2">
        <v>162525</v>
      </c>
      <c r="E9697" s="1" t="s">
        <v>0</v>
      </c>
    </row>
    <row r="9698" spans="1:5" x14ac:dyDescent="0.25">
      <c r="A9698" s="1" t="s">
        <v>1784</v>
      </c>
      <c r="B9698" s="1" t="s">
        <v>57025</v>
      </c>
      <c r="C9698" s="1" t="s">
        <v>26534</v>
      </c>
      <c r="D9698" s="2">
        <v>162526</v>
      </c>
      <c r="E9698" s="1" t="s">
        <v>0</v>
      </c>
    </row>
    <row r="9699" spans="1:5" x14ac:dyDescent="0.25">
      <c r="A9699" s="1" t="s">
        <v>26535</v>
      </c>
      <c r="B9699" s="1" t="s">
        <v>7779</v>
      </c>
      <c r="C9699" s="1" t="s">
        <v>26536</v>
      </c>
      <c r="D9699" s="2">
        <v>162527</v>
      </c>
      <c r="E9699" s="1" t="s">
        <v>0</v>
      </c>
    </row>
    <row r="9700" spans="1:5" ht="409.5" x14ac:dyDescent="0.25">
      <c r="A9700" s="4" t="s">
        <v>26537</v>
      </c>
      <c r="B9700" s="1" t="s">
        <v>57489</v>
      </c>
      <c r="C9700" s="1" t="s">
        <v>26538</v>
      </c>
      <c r="D9700" s="2">
        <v>162528</v>
      </c>
      <c r="E9700" s="1" t="s">
        <v>0</v>
      </c>
    </row>
    <row r="9701" spans="1:5" x14ac:dyDescent="0.25">
      <c r="A9701" s="1" t="s">
        <v>26539</v>
      </c>
      <c r="B9701" s="1" t="s">
        <v>53222</v>
      </c>
      <c r="C9701" s="1" t="s">
        <v>26540</v>
      </c>
      <c r="D9701" s="2">
        <v>162529</v>
      </c>
      <c r="E9701" s="1" t="s">
        <v>0</v>
      </c>
    </row>
    <row r="9702" spans="1:5" x14ac:dyDescent="0.25">
      <c r="A9702" s="2">
        <v>1940</v>
      </c>
      <c r="B9702" s="2">
        <v>1940</v>
      </c>
      <c r="C9702" s="1" t="s">
        <v>0</v>
      </c>
      <c r="D9702" s="2">
        <v>162530</v>
      </c>
      <c r="E9702" s="1" t="s">
        <v>0</v>
      </c>
    </row>
    <row r="9703" spans="1:5" x14ac:dyDescent="0.25">
      <c r="A9703" s="1" t="s">
        <v>1785</v>
      </c>
      <c r="B9703" s="1" t="s">
        <v>7780</v>
      </c>
      <c r="C9703" s="1" t="s">
        <v>26541</v>
      </c>
      <c r="D9703" s="2">
        <v>162531</v>
      </c>
      <c r="E9703" s="1" t="s">
        <v>0</v>
      </c>
    </row>
    <row r="9704" spans="1:5" x14ac:dyDescent="0.25">
      <c r="A9704" s="1" t="s">
        <v>26542</v>
      </c>
      <c r="B9704" s="1" t="s">
        <v>58329</v>
      </c>
      <c r="C9704" s="1" t="s">
        <v>26543</v>
      </c>
      <c r="D9704" s="2">
        <v>162532</v>
      </c>
      <c r="E9704" s="1" t="s">
        <v>0</v>
      </c>
    </row>
    <row r="9705" spans="1:5" ht="409.5" x14ac:dyDescent="0.25">
      <c r="A9705" s="4" t="s">
        <v>26544</v>
      </c>
      <c r="B9705" s="1" t="s">
        <v>60501</v>
      </c>
      <c r="C9705" s="1" t="s">
        <v>26545</v>
      </c>
      <c r="D9705" s="2">
        <v>162533</v>
      </c>
      <c r="E9705" s="1" t="s">
        <v>0</v>
      </c>
    </row>
    <row r="9706" spans="1:5" x14ac:dyDescent="0.25">
      <c r="A9706" s="1" t="s">
        <v>26546</v>
      </c>
      <c r="B9706" s="1" t="s">
        <v>53223</v>
      </c>
      <c r="C9706" s="1" t="s">
        <v>26547</v>
      </c>
      <c r="D9706" s="2">
        <v>162534</v>
      </c>
      <c r="E9706" s="1" t="s">
        <v>0</v>
      </c>
    </row>
    <row r="9707" spans="1:5" x14ac:dyDescent="0.25">
      <c r="A9707" s="2">
        <v>1941</v>
      </c>
      <c r="B9707" s="2">
        <v>1941</v>
      </c>
      <c r="C9707" s="1" t="s">
        <v>0</v>
      </c>
      <c r="D9707" s="2">
        <v>162535</v>
      </c>
      <c r="E9707" s="1" t="s">
        <v>0</v>
      </c>
    </row>
    <row r="9708" spans="1:5" x14ac:dyDescent="0.25">
      <c r="A9708" s="1" t="s">
        <v>7781</v>
      </c>
      <c r="B9708" s="1" t="s">
        <v>7782</v>
      </c>
      <c r="C9708" s="1" t="s">
        <v>26548</v>
      </c>
      <c r="D9708" s="2">
        <v>162536</v>
      </c>
      <c r="E9708" s="1" t="s">
        <v>0</v>
      </c>
    </row>
    <row r="9709" spans="1:5" x14ac:dyDescent="0.25">
      <c r="A9709" s="1" t="s">
        <v>26549</v>
      </c>
      <c r="B9709" s="1" t="s">
        <v>62361</v>
      </c>
      <c r="C9709" s="1" t="s">
        <v>26550</v>
      </c>
      <c r="D9709" s="2">
        <v>162537</v>
      </c>
      <c r="E9709" s="1" t="s">
        <v>0</v>
      </c>
    </row>
    <row r="9710" spans="1:5" ht="409.5" x14ac:dyDescent="0.25">
      <c r="A9710" s="4" t="s">
        <v>26551</v>
      </c>
      <c r="B9710" s="1" t="s">
        <v>62362</v>
      </c>
      <c r="C9710" s="1" t="s">
        <v>26552</v>
      </c>
      <c r="D9710" s="2">
        <v>162538</v>
      </c>
      <c r="E9710" s="1" t="s">
        <v>0</v>
      </c>
    </row>
    <row r="9711" spans="1:5" x14ac:dyDescent="0.25">
      <c r="A9711" s="1" t="s">
        <v>26553</v>
      </c>
      <c r="B9711" s="1" t="s">
        <v>7783</v>
      </c>
      <c r="C9711" s="1" t="s">
        <v>26554</v>
      </c>
      <c r="D9711" s="2">
        <v>162539</v>
      </c>
      <c r="E9711" s="1" t="s">
        <v>0</v>
      </c>
    </row>
    <row r="9712" spans="1:5" x14ac:dyDescent="0.25">
      <c r="A9712" s="2">
        <v>1942</v>
      </c>
      <c r="B9712" s="2">
        <v>1942</v>
      </c>
      <c r="C9712" s="1" t="s">
        <v>0</v>
      </c>
      <c r="D9712" s="2">
        <v>162540</v>
      </c>
      <c r="E9712" s="1" t="s">
        <v>0</v>
      </c>
    </row>
    <row r="9713" spans="1:5" x14ac:dyDescent="0.25">
      <c r="A9713" s="1" t="s">
        <v>1786</v>
      </c>
      <c r="B9713" s="1" t="s">
        <v>50655</v>
      </c>
      <c r="C9713" s="1" t="s">
        <v>1787</v>
      </c>
      <c r="D9713" s="2">
        <v>162541</v>
      </c>
      <c r="E9713" s="1" t="s">
        <v>0</v>
      </c>
    </row>
    <row r="9714" spans="1:5" x14ac:dyDescent="0.25">
      <c r="A9714" s="1" t="s">
        <v>26555</v>
      </c>
      <c r="B9714" s="1" t="s">
        <v>53224</v>
      </c>
      <c r="C9714" s="1" t="s">
        <v>26556</v>
      </c>
      <c r="D9714" s="2">
        <v>162542</v>
      </c>
      <c r="E9714" s="1" t="s">
        <v>0</v>
      </c>
    </row>
    <row r="9715" spans="1:5" ht="409.5" x14ac:dyDescent="0.25">
      <c r="A9715" s="4" t="s">
        <v>26557</v>
      </c>
      <c r="B9715" s="1" t="s">
        <v>59936</v>
      </c>
      <c r="C9715" s="1" t="s">
        <v>26558</v>
      </c>
      <c r="D9715" s="2">
        <v>162543</v>
      </c>
      <c r="E9715" s="1" t="s">
        <v>0</v>
      </c>
    </row>
    <row r="9716" spans="1:5" x14ac:dyDescent="0.25">
      <c r="A9716" s="1" t="s">
        <v>26559</v>
      </c>
      <c r="B9716" s="1" t="s">
        <v>7784</v>
      </c>
      <c r="C9716" s="1" t="s">
        <v>26560</v>
      </c>
      <c r="D9716" s="2">
        <v>162544</v>
      </c>
      <c r="E9716" s="1" t="s">
        <v>0</v>
      </c>
    </row>
    <row r="9717" spans="1:5" x14ac:dyDescent="0.25">
      <c r="A9717" s="2">
        <v>1943</v>
      </c>
      <c r="B9717" s="2">
        <v>1943</v>
      </c>
      <c r="C9717" s="1" t="s">
        <v>0</v>
      </c>
      <c r="D9717" s="2">
        <v>162545</v>
      </c>
      <c r="E9717" s="1" t="s">
        <v>0</v>
      </c>
    </row>
    <row r="9718" spans="1:5" x14ac:dyDescent="0.25">
      <c r="A9718" s="1" t="s">
        <v>1788</v>
      </c>
      <c r="B9718" s="1" t="s">
        <v>7785</v>
      </c>
      <c r="C9718" s="1" t="s">
        <v>26561</v>
      </c>
      <c r="D9718" s="2">
        <v>162546</v>
      </c>
      <c r="E9718" s="1" t="s">
        <v>0</v>
      </c>
    </row>
    <row r="9719" spans="1:5" x14ac:dyDescent="0.25">
      <c r="A9719" s="1" t="s">
        <v>26562</v>
      </c>
      <c r="B9719" s="1" t="s">
        <v>7786</v>
      </c>
      <c r="C9719" s="1" t="s">
        <v>26563</v>
      </c>
      <c r="D9719" s="2">
        <v>162547</v>
      </c>
      <c r="E9719" s="1" t="s">
        <v>0</v>
      </c>
    </row>
    <row r="9720" spans="1:5" ht="409.5" x14ac:dyDescent="0.25">
      <c r="A9720" s="4" t="s">
        <v>26564</v>
      </c>
      <c r="B9720" s="1" t="s">
        <v>7787</v>
      </c>
      <c r="C9720" s="1" t="s">
        <v>26565</v>
      </c>
      <c r="D9720" s="2">
        <v>162548</v>
      </c>
      <c r="E9720" s="1" t="s">
        <v>0</v>
      </c>
    </row>
    <row r="9721" spans="1:5" x14ac:dyDescent="0.25">
      <c r="A9721" s="1" t="s">
        <v>26566</v>
      </c>
      <c r="B9721" s="1" t="s">
        <v>53225</v>
      </c>
      <c r="C9721" s="1" t="s">
        <v>26567</v>
      </c>
      <c r="D9721" s="2">
        <v>162549</v>
      </c>
      <c r="E9721" s="1" t="s">
        <v>0</v>
      </c>
    </row>
    <row r="9722" spans="1:5" x14ac:dyDescent="0.25">
      <c r="A9722" s="2">
        <v>1944</v>
      </c>
      <c r="B9722" s="2">
        <v>1944</v>
      </c>
      <c r="C9722" s="1" t="s">
        <v>0</v>
      </c>
      <c r="D9722" s="2">
        <v>162550</v>
      </c>
      <c r="E9722" s="1" t="s">
        <v>0</v>
      </c>
    </row>
    <row r="9723" spans="1:5" x14ac:dyDescent="0.25">
      <c r="A9723" s="1" t="s">
        <v>1789</v>
      </c>
      <c r="B9723" s="1" t="s">
        <v>7788</v>
      </c>
      <c r="C9723" s="1" t="s">
        <v>26568</v>
      </c>
      <c r="D9723" s="2">
        <v>162551</v>
      </c>
      <c r="E9723" s="1" t="s">
        <v>0</v>
      </c>
    </row>
    <row r="9724" spans="1:5" x14ac:dyDescent="0.25">
      <c r="A9724" s="1" t="s">
        <v>26569</v>
      </c>
      <c r="B9724" s="1" t="s">
        <v>53226</v>
      </c>
      <c r="C9724" s="1" t="s">
        <v>26570</v>
      </c>
      <c r="D9724" s="2">
        <v>162552</v>
      </c>
      <c r="E9724" s="1" t="s">
        <v>0</v>
      </c>
    </row>
    <row r="9725" spans="1:5" ht="409.5" x14ac:dyDescent="0.25">
      <c r="A9725" s="4" t="s">
        <v>26571</v>
      </c>
      <c r="B9725" s="1" t="s">
        <v>59593</v>
      </c>
      <c r="C9725" s="1" t="s">
        <v>26572</v>
      </c>
      <c r="D9725" s="2">
        <v>162553</v>
      </c>
      <c r="E9725" s="1" t="s">
        <v>0</v>
      </c>
    </row>
    <row r="9726" spans="1:5" x14ac:dyDescent="0.25">
      <c r="A9726" s="1" t="s">
        <v>26573</v>
      </c>
      <c r="B9726" s="1" t="s">
        <v>7789</v>
      </c>
      <c r="C9726" s="1" t="s">
        <v>26574</v>
      </c>
      <c r="D9726" s="2">
        <v>162554</v>
      </c>
      <c r="E9726" s="1" t="s">
        <v>0</v>
      </c>
    </row>
    <row r="9727" spans="1:5" x14ac:dyDescent="0.25">
      <c r="A9727" s="2">
        <v>1945</v>
      </c>
      <c r="B9727" s="2">
        <v>1945</v>
      </c>
      <c r="C9727" s="1" t="s">
        <v>0</v>
      </c>
      <c r="D9727" s="2">
        <v>162555</v>
      </c>
      <c r="E9727" s="1" t="s">
        <v>0</v>
      </c>
    </row>
    <row r="9728" spans="1:5" x14ac:dyDescent="0.25">
      <c r="A9728" s="1" t="s">
        <v>1790</v>
      </c>
      <c r="B9728" s="1" t="s">
        <v>7790</v>
      </c>
      <c r="C9728" s="1" t="s">
        <v>26575</v>
      </c>
      <c r="D9728" s="2">
        <v>162556</v>
      </c>
      <c r="E9728" s="1" t="s">
        <v>0</v>
      </c>
    </row>
    <row r="9729" spans="1:5" x14ac:dyDescent="0.25">
      <c r="A9729" s="1" t="s">
        <v>26576</v>
      </c>
      <c r="B9729" s="1" t="s">
        <v>53227</v>
      </c>
      <c r="C9729" s="1" t="s">
        <v>26577</v>
      </c>
      <c r="D9729" s="2">
        <v>162557</v>
      </c>
      <c r="E9729" s="1" t="s">
        <v>0</v>
      </c>
    </row>
    <row r="9730" spans="1:5" ht="409.5" x14ac:dyDescent="0.25">
      <c r="A9730" s="4" t="s">
        <v>26578</v>
      </c>
      <c r="B9730" s="1" t="s">
        <v>53228</v>
      </c>
      <c r="C9730" s="1" t="s">
        <v>26579</v>
      </c>
      <c r="D9730" s="2">
        <v>162558</v>
      </c>
      <c r="E9730" s="1" t="s">
        <v>0</v>
      </c>
    </row>
    <row r="9731" spans="1:5" x14ac:dyDescent="0.25">
      <c r="A9731" s="1" t="s">
        <v>26580</v>
      </c>
      <c r="B9731" s="1" t="s">
        <v>53229</v>
      </c>
      <c r="C9731" s="1" t="s">
        <v>26581</v>
      </c>
      <c r="D9731" s="2">
        <v>162559</v>
      </c>
      <c r="E9731" s="1" t="s">
        <v>0</v>
      </c>
    </row>
    <row r="9732" spans="1:5" x14ac:dyDescent="0.25">
      <c r="A9732" s="2">
        <v>1946</v>
      </c>
      <c r="B9732" s="2">
        <v>1946</v>
      </c>
      <c r="C9732" s="1" t="s">
        <v>0</v>
      </c>
      <c r="D9732" s="2">
        <v>162560</v>
      </c>
      <c r="E9732" s="1" t="s">
        <v>0</v>
      </c>
    </row>
    <row r="9733" spans="1:5" x14ac:dyDescent="0.25">
      <c r="A9733" s="1" t="s">
        <v>1791</v>
      </c>
      <c r="B9733" s="1" t="s">
        <v>7791</v>
      </c>
      <c r="C9733" s="1" t="s">
        <v>26582</v>
      </c>
      <c r="D9733" s="2">
        <v>162561</v>
      </c>
      <c r="E9733" s="1" t="s">
        <v>0</v>
      </c>
    </row>
    <row r="9734" spans="1:5" x14ac:dyDescent="0.25">
      <c r="A9734" s="1" t="s">
        <v>26583</v>
      </c>
      <c r="B9734" s="1" t="s">
        <v>56745</v>
      </c>
      <c r="C9734" s="1" t="s">
        <v>26584</v>
      </c>
      <c r="D9734" s="2">
        <v>162562</v>
      </c>
      <c r="E9734" s="1" t="s">
        <v>0</v>
      </c>
    </row>
    <row r="9735" spans="1:5" ht="409.5" x14ac:dyDescent="0.25">
      <c r="A9735" s="4" t="s">
        <v>64131</v>
      </c>
      <c r="B9735" s="1" t="s">
        <v>57677</v>
      </c>
      <c r="C9735" s="1" t="s">
        <v>26585</v>
      </c>
      <c r="D9735" s="2">
        <v>162563</v>
      </c>
      <c r="E9735" s="1" t="s">
        <v>0</v>
      </c>
    </row>
    <row r="9736" spans="1:5" x14ac:dyDescent="0.25">
      <c r="A9736" s="1" t="s">
        <v>26586</v>
      </c>
      <c r="B9736" s="1" t="s">
        <v>7792</v>
      </c>
      <c r="C9736" s="1" t="s">
        <v>26587</v>
      </c>
      <c r="D9736" s="2">
        <v>162564</v>
      </c>
      <c r="E9736" s="1" t="s">
        <v>0</v>
      </c>
    </row>
    <row r="9737" spans="1:5" x14ac:dyDescent="0.25">
      <c r="A9737" s="2">
        <v>1947</v>
      </c>
      <c r="B9737" s="2">
        <v>1947</v>
      </c>
      <c r="C9737" s="1" t="s">
        <v>0</v>
      </c>
      <c r="D9737" s="2">
        <v>162565</v>
      </c>
      <c r="E9737" s="1" t="s">
        <v>0</v>
      </c>
    </row>
    <row r="9738" spans="1:5" x14ac:dyDescent="0.25">
      <c r="A9738" s="1" t="s">
        <v>1792</v>
      </c>
      <c r="B9738" s="1" t="s">
        <v>7793</v>
      </c>
      <c r="C9738" s="1" t="s">
        <v>26588</v>
      </c>
      <c r="D9738" s="2">
        <v>162566</v>
      </c>
      <c r="E9738" s="1" t="s">
        <v>0</v>
      </c>
    </row>
    <row r="9739" spans="1:5" x14ac:dyDescent="0.25">
      <c r="A9739" s="1" t="s">
        <v>26589</v>
      </c>
      <c r="B9739" s="1" t="s">
        <v>53230</v>
      </c>
      <c r="C9739" s="1" t="s">
        <v>26590</v>
      </c>
      <c r="D9739" s="2">
        <v>162567</v>
      </c>
      <c r="E9739" s="1" t="s">
        <v>0</v>
      </c>
    </row>
    <row r="9740" spans="1:5" ht="409.5" x14ac:dyDescent="0.25">
      <c r="A9740" s="4" t="s">
        <v>26591</v>
      </c>
      <c r="B9740" s="1" t="s">
        <v>60420</v>
      </c>
      <c r="C9740" s="1" t="s">
        <v>26592</v>
      </c>
      <c r="D9740" s="2">
        <v>162568</v>
      </c>
      <c r="E9740" s="1" t="s">
        <v>0</v>
      </c>
    </row>
    <row r="9741" spans="1:5" x14ac:dyDescent="0.25">
      <c r="A9741" s="1" t="s">
        <v>26593</v>
      </c>
      <c r="B9741" s="1" t="s">
        <v>7794</v>
      </c>
      <c r="C9741" s="1" t="s">
        <v>26594</v>
      </c>
      <c r="D9741" s="2">
        <v>162569</v>
      </c>
      <c r="E9741" s="1" t="s">
        <v>0</v>
      </c>
    </row>
    <row r="9742" spans="1:5" x14ac:dyDescent="0.25">
      <c r="A9742" s="2">
        <v>1948</v>
      </c>
      <c r="B9742" s="2">
        <v>1948</v>
      </c>
      <c r="C9742" s="1" t="s">
        <v>0</v>
      </c>
      <c r="D9742" s="2">
        <v>162570</v>
      </c>
      <c r="E9742" s="1" t="s">
        <v>0</v>
      </c>
    </row>
    <row r="9743" spans="1:5" x14ac:dyDescent="0.25">
      <c r="A9743" s="1" t="s">
        <v>1793</v>
      </c>
      <c r="B9743" s="1" t="s">
        <v>7795</v>
      </c>
      <c r="C9743" s="1" t="s">
        <v>26595</v>
      </c>
      <c r="D9743" s="2">
        <v>162571</v>
      </c>
      <c r="E9743" s="1" t="s">
        <v>0</v>
      </c>
    </row>
    <row r="9744" spans="1:5" x14ac:dyDescent="0.25">
      <c r="A9744" s="1" t="s">
        <v>26596</v>
      </c>
      <c r="B9744" s="1" t="s">
        <v>13089</v>
      </c>
      <c r="C9744" s="1" t="s">
        <v>26597</v>
      </c>
      <c r="D9744" s="2">
        <v>162572</v>
      </c>
      <c r="E9744" s="1" t="s">
        <v>0</v>
      </c>
    </row>
    <row r="9745" spans="1:5" ht="409.5" x14ac:dyDescent="0.25">
      <c r="A9745" s="4" t="s">
        <v>26598</v>
      </c>
      <c r="B9745" s="1" t="s">
        <v>59594</v>
      </c>
      <c r="C9745" s="1" t="s">
        <v>26599</v>
      </c>
      <c r="D9745" s="2">
        <v>162573</v>
      </c>
      <c r="E9745" s="1" t="s">
        <v>0</v>
      </c>
    </row>
    <row r="9746" spans="1:5" x14ac:dyDescent="0.25">
      <c r="A9746" s="1" t="s">
        <v>26600</v>
      </c>
      <c r="B9746" s="1" t="s">
        <v>7796</v>
      </c>
      <c r="C9746" s="1" t="s">
        <v>26601</v>
      </c>
      <c r="D9746" s="2">
        <v>162574</v>
      </c>
      <c r="E9746" s="1" t="s">
        <v>0</v>
      </c>
    </row>
    <row r="9747" spans="1:5" x14ac:dyDescent="0.25">
      <c r="A9747" s="2">
        <v>1949</v>
      </c>
      <c r="B9747" s="2">
        <v>1949</v>
      </c>
      <c r="C9747" s="1" t="s">
        <v>0</v>
      </c>
      <c r="D9747" s="2">
        <v>162575</v>
      </c>
      <c r="E9747" s="1" t="s">
        <v>0</v>
      </c>
    </row>
    <row r="9748" spans="1:5" x14ac:dyDescent="0.25">
      <c r="A9748" s="1" t="s">
        <v>26602</v>
      </c>
      <c r="B9748" s="1" t="s">
        <v>7797</v>
      </c>
      <c r="C9748" s="1" t="s">
        <v>26603</v>
      </c>
      <c r="D9748" s="2">
        <v>162576</v>
      </c>
      <c r="E9748" s="1" t="s">
        <v>0</v>
      </c>
    </row>
    <row r="9749" spans="1:5" x14ac:dyDescent="0.25">
      <c r="A9749" s="1" t="s">
        <v>26604</v>
      </c>
      <c r="B9749" s="1" t="s">
        <v>53231</v>
      </c>
      <c r="C9749" s="1" t="s">
        <v>26605</v>
      </c>
      <c r="D9749" s="2">
        <v>162577</v>
      </c>
      <c r="E9749" s="1" t="s">
        <v>0</v>
      </c>
    </row>
    <row r="9750" spans="1:5" ht="409.5" x14ac:dyDescent="0.25">
      <c r="A9750" s="4" t="s">
        <v>26606</v>
      </c>
      <c r="B9750" s="1" t="s">
        <v>63311</v>
      </c>
      <c r="C9750" s="1" t="s">
        <v>26607</v>
      </c>
      <c r="D9750" s="2">
        <v>162578</v>
      </c>
      <c r="E9750" s="1" t="s">
        <v>0</v>
      </c>
    </row>
    <row r="9751" spans="1:5" x14ac:dyDescent="0.25">
      <c r="A9751" s="1" t="s">
        <v>26608</v>
      </c>
      <c r="B9751" s="1" t="s">
        <v>53232</v>
      </c>
      <c r="C9751" s="1" t="s">
        <v>26609</v>
      </c>
      <c r="D9751" s="2">
        <v>162579</v>
      </c>
      <c r="E9751" s="1" t="s">
        <v>0</v>
      </c>
    </row>
    <row r="9752" spans="1:5" x14ac:dyDescent="0.25">
      <c r="A9752" s="2">
        <v>1950</v>
      </c>
      <c r="B9752" s="2">
        <v>1950</v>
      </c>
      <c r="C9752" s="1" t="s">
        <v>0</v>
      </c>
      <c r="D9752" s="2">
        <v>162580</v>
      </c>
      <c r="E9752" s="1" t="s">
        <v>0</v>
      </c>
    </row>
    <row r="9753" spans="1:5" x14ac:dyDescent="0.25">
      <c r="A9753" s="1" t="s">
        <v>1794</v>
      </c>
      <c r="B9753" s="1" t="s">
        <v>7798</v>
      </c>
      <c r="C9753" s="1" t="s">
        <v>26610</v>
      </c>
      <c r="D9753" s="2">
        <v>162581</v>
      </c>
      <c r="E9753" s="1" t="s">
        <v>0</v>
      </c>
    </row>
    <row r="9754" spans="1:5" x14ac:dyDescent="0.25">
      <c r="A9754" s="1" t="s">
        <v>26611</v>
      </c>
      <c r="B9754" s="1" t="s">
        <v>53233</v>
      </c>
      <c r="C9754" s="1" t="s">
        <v>26612</v>
      </c>
      <c r="D9754" s="2">
        <v>162582</v>
      </c>
      <c r="E9754" s="1" t="s">
        <v>0</v>
      </c>
    </row>
    <row r="9755" spans="1:5" ht="409.5" x14ac:dyDescent="0.25">
      <c r="A9755" s="4" t="s">
        <v>26613</v>
      </c>
      <c r="B9755" s="1" t="s">
        <v>53234</v>
      </c>
      <c r="C9755" s="1" t="s">
        <v>26614</v>
      </c>
      <c r="D9755" s="2">
        <v>162583</v>
      </c>
      <c r="E9755" s="1" t="s">
        <v>0</v>
      </c>
    </row>
    <row r="9756" spans="1:5" x14ac:dyDescent="0.25">
      <c r="A9756" s="1" t="s">
        <v>26615</v>
      </c>
      <c r="B9756" s="1" t="s">
        <v>7799</v>
      </c>
      <c r="C9756" s="1" t="s">
        <v>26616</v>
      </c>
      <c r="D9756" s="2">
        <v>162584</v>
      </c>
      <c r="E9756" s="1" t="s">
        <v>0</v>
      </c>
    </row>
    <row r="9757" spans="1:5" x14ac:dyDescent="0.25">
      <c r="A9757" s="2">
        <v>1951</v>
      </c>
      <c r="B9757" s="2">
        <v>1951</v>
      </c>
      <c r="C9757" s="1" t="s">
        <v>0</v>
      </c>
      <c r="D9757" s="2">
        <v>162585</v>
      </c>
      <c r="E9757" s="1" t="s">
        <v>0</v>
      </c>
    </row>
    <row r="9758" spans="1:5" x14ac:dyDescent="0.25">
      <c r="A9758" s="1" t="s">
        <v>1795</v>
      </c>
      <c r="B9758" s="1" t="s">
        <v>7800</v>
      </c>
      <c r="C9758" s="1" t="s">
        <v>26617</v>
      </c>
      <c r="D9758" s="2">
        <v>162586</v>
      </c>
      <c r="E9758" s="1" t="s">
        <v>0</v>
      </c>
    </row>
    <row r="9759" spans="1:5" x14ac:dyDescent="0.25">
      <c r="A9759" s="1" t="s">
        <v>26618</v>
      </c>
      <c r="B9759" s="1" t="s">
        <v>7801</v>
      </c>
      <c r="C9759" s="1" t="s">
        <v>26619</v>
      </c>
      <c r="D9759" s="2">
        <v>162587</v>
      </c>
      <c r="E9759" s="1" t="s">
        <v>0</v>
      </c>
    </row>
    <row r="9760" spans="1:5" ht="409.5" x14ac:dyDescent="0.25">
      <c r="A9760" s="4" t="s">
        <v>26620</v>
      </c>
      <c r="B9760" s="1" t="s">
        <v>57490</v>
      </c>
      <c r="C9760" s="1" t="s">
        <v>26621</v>
      </c>
      <c r="D9760" s="2">
        <v>162588</v>
      </c>
      <c r="E9760" s="1" t="s">
        <v>0</v>
      </c>
    </row>
    <row r="9761" spans="1:5" x14ac:dyDescent="0.25">
      <c r="A9761" s="1" t="s">
        <v>26622</v>
      </c>
      <c r="B9761" s="1" t="s">
        <v>53235</v>
      </c>
      <c r="C9761" s="1" t="s">
        <v>26623</v>
      </c>
      <c r="D9761" s="2">
        <v>162589</v>
      </c>
      <c r="E9761" s="1" t="s">
        <v>0</v>
      </c>
    </row>
    <row r="9762" spans="1:5" x14ac:dyDescent="0.25">
      <c r="A9762" s="2">
        <v>1952</v>
      </c>
      <c r="B9762" s="2">
        <v>1952</v>
      </c>
      <c r="C9762" s="1" t="s">
        <v>0</v>
      </c>
      <c r="D9762" s="2">
        <v>162590</v>
      </c>
      <c r="E9762" s="1" t="s">
        <v>0</v>
      </c>
    </row>
    <row r="9763" spans="1:5" x14ac:dyDescent="0.25">
      <c r="A9763" s="1" t="s">
        <v>1796</v>
      </c>
      <c r="B9763" s="1" t="s">
        <v>7802</v>
      </c>
      <c r="C9763" s="1" t="s">
        <v>26624</v>
      </c>
      <c r="D9763" s="2">
        <v>162591</v>
      </c>
      <c r="E9763" s="1" t="s">
        <v>0</v>
      </c>
    </row>
    <row r="9764" spans="1:5" x14ac:dyDescent="0.25">
      <c r="A9764" s="1" t="s">
        <v>26625</v>
      </c>
      <c r="B9764" s="1" t="s">
        <v>57820</v>
      </c>
      <c r="C9764" s="1" t="s">
        <v>26626</v>
      </c>
      <c r="D9764" s="2">
        <v>162592</v>
      </c>
      <c r="E9764" s="1" t="s">
        <v>0</v>
      </c>
    </row>
    <row r="9765" spans="1:5" ht="409.5" x14ac:dyDescent="0.25">
      <c r="A9765" s="4" t="s">
        <v>26627</v>
      </c>
      <c r="B9765" s="1" t="s">
        <v>59937</v>
      </c>
      <c r="C9765" s="1" t="s">
        <v>26628</v>
      </c>
      <c r="D9765" s="2">
        <v>162593</v>
      </c>
      <c r="E9765" s="1" t="s">
        <v>0</v>
      </c>
    </row>
    <row r="9766" spans="1:5" x14ac:dyDescent="0.25">
      <c r="A9766" s="1" t="s">
        <v>26629</v>
      </c>
      <c r="B9766" s="1" t="s">
        <v>7803</v>
      </c>
      <c r="C9766" s="1" t="s">
        <v>26630</v>
      </c>
      <c r="D9766" s="2">
        <v>162594</v>
      </c>
      <c r="E9766" s="1" t="s">
        <v>0</v>
      </c>
    </row>
    <row r="9767" spans="1:5" x14ac:dyDescent="0.25">
      <c r="A9767" s="2">
        <v>1953</v>
      </c>
      <c r="B9767" s="2">
        <v>1953</v>
      </c>
      <c r="C9767" s="1" t="s">
        <v>0</v>
      </c>
      <c r="D9767" s="2">
        <v>162595</v>
      </c>
      <c r="E9767" s="1" t="s">
        <v>0</v>
      </c>
    </row>
    <row r="9768" spans="1:5" x14ac:dyDescent="0.25">
      <c r="A9768" s="1" t="s">
        <v>1797</v>
      </c>
      <c r="B9768" s="1" t="s">
        <v>7804</v>
      </c>
      <c r="C9768" s="1" t="s">
        <v>26631</v>
      </c>
      <c r="D9768" s="2">
        <v>162596</v>
      </c>
      <c r="E9768" s="1" t="s">
        <v>0</v>
      </c>
    </row>
    <row r="9769" spans="1:5" x14ac:dyDescent="0.25">
      <c r="A9769" s="1" t="s">
        <v>26632</v>
      </c>
      <c r="B9769" s="1" t="s">
        <v>53236</v>
      </c>
      <c r="C9769" s="1" t="s">
        <v>26633</v>
      </c>
      <c r="D9769" s="2">
        <v>162597</v>
      </c>
      <c r="E9769" s="1" t="s">
        <v>0</v>
      </c>
    </row>
    <row r="9770" spans="1:5" ht="409.5" x14ac:dyDescent="0.25">
      <c r="A9770" s="4" t="s">
        <v>26634</v>
      </c>
      <c r="B9770" s="1" t="s">
        <v>60502</v>
      </c>
      <c r="C9770" s="1" t="s">
        <v>26635</v>
      </c>
      <c r="D9770" s="2">
        <v>162598</v>
      </c>
      <c r="E9770" s="1" t="s">
        <v>0</v>
      </c>
    </row>
    <row r="9771" spans="1:5" x14ac:dyDescent="0.25">
      <c r="A9771" s="1" t="s">
        <v>26636</v>
      </c>
      <c r="B9771" s="1" t="s">
        <v>7805</v>
      </c>
      <c r="C9771" s="1" t="s">
        <v>26637</v>
      </c>
      <c r="D9771" s="2">
        <v>162599</v>
      </c>
      <c r="E9771" s="1" t="s">
        <v>0</v>
      </c>
    </row>
    <row r="9772" spans="1:5" x14ac:dyDescent="0.25">
      <c r="A9772" s="2">
        <v>1954</v>
      </c>
      <c r="B9772" s="2">
        <v>1954</v>
      </c>
      <c r="C9772" s="1" t="s">
        <v>0</v>
      </c>
      <c r="D9772" s="2">
        <v>162600</v>
      </c>
      <c r="E9772" s="1" t="s">
        <v>0</v>
      </c>
    </row>
    <row r="9773" spans="1:5" x14ac:dyDescent="0.25">
      <c r="A9773" s="1" t="s">
        <v>1798</v>
      </c>
      <c r="B9773" s="1" t="s">
        <v>7806</v>
      </c>
      <c r="C9773" s="1" t="s">
        <v>26638</v>
      </c>
      <c r="D9773" s="2">
        <v>162601</v>
      </c>
      <c r="E9773" s="1" t="s">
        <v>0</v>
      </c>
    </row>
    <row r="9774" spans="1:5" x14ac:dyDescent="0.25">
      <c r="A9774" s="1" t="s">
        <v>26639</v>
      </c>
      <c r="B9774" s="1" t="s">
        <v>53237</v>
      </c>
      <c r="C9774" s="1" t="s">
        <v>26640</v>
      </c>
      <c r="D9774" s="2">
        <v>162602</v>
      </c>
      <c r="E9774" s="1" t="s">
        <v>0</v>
      </c>
    </row>
    <row r="9775" spans="1:5" ht="409.5" x14ac:dyDescent="0.25">
      <c r="A9775" s="4" t="s">
        <v>26641</v>
      </c>
      <c r="B9775" s="1" t="s">
        <v>53238</v>
      </c>
      <c r="C9775" s="1" t="s">
        <v>26642</v>
      </c>
      <c r="D9775" s="2">
        <v>162603</v>
      </c>
      <c r="E9775" s="1" t="s">
        <v>0</v>
      </c>
    </row>
    <row r="9776" spans="1:5" x14ac:dyDescent="0.25">
      <c r="A9776" s="1" t="s">
        <v>26643</v>
      </c>
      <c r="B9776" s="1" t="s">
        <v>57198</v>
      </c>
      <c r="C9776" s="1" t="s">
        <v>26644</v>
      </c>
      <c r="D9776" s="2">
        <v>162604</v>
      </c>
      <c r="E9776" s="1" t="s">
        <v>0</v>
      </c>
    </row>
    <row r="9777" spans="1:5" x14ac:dyDescent="0.25">
      <c r="A9777" s="2">
        <v>1955</v>
      </c>
      <c r="B9777" s="2">
        <v>1955</v>
      </c>
      <c r="C9777" s="1" t="s">
        <v>0</v>
      </c>
      <c r="D9777" s="2">
        <v>162605</v>
      </c>
      <c r="E9777" s="1" t="s">
        <v>0</v>
      </c>
    </row>
    <row r="9778" spans="1:5" x14ac:dyDescent="0.25">
      <c r="A9778" s="1" t="s">
        <v>1799</v>
      </c>
      <c r="B9778" s="1" t="s">
        <v>7807</v>
      </c>
      <c r="C9778" s="1" t="s">
        <v>26645</v>
      </c>
      <c r="D9778" s="2">
        <v>162606</v>
      </c>
      <c r="E9778" s="1" t="s">
        <v>0</v>
      </c>
    </row>
    <row r="9779" spans="1:5" x14ac:dyDescent="0.25">
      <c r="A9779" s="1" t="s">
        <v>26646</v>
      </c>
      <c r="B9779" s="1" t="s">
        <v>60732</v>
      </c>
      <c r="C9779" s="1" t="s">
        <v>26647</v>
      </c>
      <c r="D9779" s="2">
        <v>162607</v>
      </c>
      <c r="E9779" s="1" t="s">
        <v>0</v>
      </c>
    </row>
    <row r="9780" spans="1:5" ht="409.5" x14ac:dyDescent="0.25">
      <c r="A9780" s="4" t="s">
        <v>26648</v>
      </c>
      <c r="B9780" s="1" t="s">
        <v>60733</v>
      </c>
      <c r="C9780" s="1" t="s">
        <v>26649</v>
      </c>
      <c r="D9780" s="2">
        <v>162608</v>
      </c>
      <c r="E9780" s="1" t="s">
        <v>0</v>
      </c>
    </row>
    <row r="9781" spans="1:5" x14ac:dyDescent="0.25">
      <c r="A9781" s="1" t="s">
        <v>26650</v>
      </c>
      <c r="B9781" s="1" t="s">
        <v>53239</v>
      </c>
      <c r="C9781" s="1" t="s">
        <v>26651</v>
      </c>
      <c r="D9781" s="2">
        <v>162609</v>
      </c>
      <c r="E9781" s="1" t="s">
        <v>0</v>
      </c>
    </row>
    <row r="9782" spans="1:5" x14ac:dyDescent="0.25">
      <c r="A9782" s="2">
        <v>1956</v>
      </c>
      <c r="B9782" s="2">
        <v>1956</v>
      </c>
      <c r="C9782" s="1" t="s">
        <v>0</v>
      </c>
      <c r="D9782" s="2">
        <v>162610</v>
      </c>
      <c r="E9782" s="1" t="s">
        <v>0</v>
      </c>
    </row>
    <row r="9783" spans="1:5" x14ac:dyDescent="0.25">
      <c r="A9783" s="1" t="s">
        <v>1800</v>
      </c>
      <c r="B9783" s="1" t="s">
        <v>7808</v>
      </c>
      <c r="C9783" s="1" t="s">
        <v>26652</v>
      </c>
      <c r="D9783" s="2">
        <v>162611</v>
      </c>
      <c r="E9783" s="1" t="s">
        <v>0</v>
      </c>
    </row>
    <row r="9784" spans="1:5" x14ac:dyDescent="0.25">
      <c r="A9784" s="1" t="s">
        <v>26653</v>
      </c>
      <c r="B9784" s="1" t="s">
        <v>7809</v>
      </c>
      <c r="C9784" s="1" t="s">
        <v>26654</v>
      </c>
      <c r="D9784" s="2">
        <v>162612</v>
      </c>
      <c r="E9784" s="1" t="s">
        <v>0</v>
      </c>
    </row>
    <row r="9785" spans="1:5" ht="409.5" x14ac:dyDescent="0.25">
      <c r="A9785" s="4" t="s">
        <v>26655</v>
      </c>
      <c r="B9785" s="1" t="s">
        <v>57491</v>
      </c>
      <c r="C9785" s="1" t="s">
        <v>26656</v>
      </c>
      <c r="D9785" s="2">
        <v>162613</v>
      </c>
      <c r="E9785" s="1" t="s">
        <v>0</v>
      </c>
    </row>
    <row r="9786" spans="1:5" x14ac:dyDescent="0.25">
      <c r="A9786" s="1" t="s">
        <v>26657</v>
      </c>
      <c r="B9786" s="1" t="s">
        <v>57199</v>
      </c>
      <c r="C9786" s="1" t="s">
        <v>26658</v>
      </c>
      <c r="D9786" s="2">
        <v>162614</v>
      </c>
      <c r="E9786" s="1" t="s">
        <v>0</v>
      </c>
    </row>
    <row r="9787" spans="1:5" x14ac:dyDescent="0.25">
      <c r="A9787" s="2">
        <v>1957</v>
      </c>
      <c r="B9787" s="2">
        <v>1957</v>
      </c>
      <c r="C9787" s="1" t="s">
        <v>0</v>
      </c>
      <c r="D9787" s="2">
        <v>162615</v>
      </c>
      <c r="E9787" s="1" t="s">
        <v>0</v>
      </c>
    </row>
    <row r="9788" spans="1:5" x14ac:dyDescent="0.25">
      <c r="A9788" s="1" t="s">
        <v>1801</v>
      </c>
      <c r="B9788" s="1" t="s">
        <v>7810</v>
      </c>
      <c r="C9788" s="1" t="s">
        <v>26659</v>
      </c>
      <c r="D9788" s="2">
        <v>162616</v>
      </c>
      <c r="E9788" s="1" t="s">
        <v>0</v>
      </c>
    </row>
    <row r="9789" spans="1:5" x14ac:dyDescent="0.25">
      <c r="A9789" s="1" t="s">
        <v>26660</v>
      </c>
      <c r="B9789" s="1" t="s">
        <v>63312</v>
      </c>
      <c r="C9789" s="1" t="s">
        <v>26661</v>
      </c>
      <c r="D9789" s="2">
        <v>162617</v>
      </c>
      <c r="E9789" s="1" t="s">
        <v>0</v>
      </c>
    </row>
    <row r="9790" spans="1:5" ht="409.5" x14ac:dyDescent="0.25">
      <c r="A9790" s="4" t="s">
        <v>26662</v>
      </c>
      <c r="B9790" s="1" t="s">
        <v>63313</v>
      </c>
      <c r="C9790" s="1" t="s">
        <v>26663</v>
      </c>
      <c r="D9790" s="2">
        <v>162618</v>
      </c>
      <c r="E9790" s="1" t="s">
        <v>0</v>
      </c>
    </row>
    <row r="9791" spans="1:5" x14ac:dyDescent="0.25">
      <c r="A9791" s="1" t="s">
        <v>26664</v>
      </c>
      <c r="B9791" s="1" t="s">
        <v>7811</v>
      </c>
      <c r="C9791" s="1" t="s">
        <v>26665</v>
      </c>
      <c r="D9791" s="2">
        <v>162619</v>
      </c>
      <c r="E9791" s="1" t="s">
        <v>0</v>
      </c>
    </row>
    <row r="9792" spans="1:5" x14ac:dyDescent="0.25">
      <c r="A9792" s="2">
        <v>1958</v>
      </c>
      <c r="B9792" s="2">
        <v>1958</v>
      </c>
      <c r="C9792" s="1" t="s">
        <v>0</v>
      </c>
      <c r="D9792" s="2">
        <v>162620</v>
      </c>
      <c r="E9792" s="1" t="s">
        <v>0</v>
      </c>
    </row>
    <row r="9793" spans="1:5" x14ac:dyDescent="0.25">
      <c r="A9793" s="1" t="s">
        <v>7812</v>
      </c>
      <c r="B9793" s="1" t="s">
        <v>7813</v>
      </c>
      <c r="C9793" s="1" t="s">
        <v>26666</v>
      </c>
      <c r="D9793" s="2">
        <v>162621</v>
      </c>
      <c r="E9793" s="1" t="s">
        <v>0</v>
      </c>
    </row>
    <row r="9794" spans="1:5" x14ac:dyDescent="0.25">
      <c r="A9794" s="1" t="s">
        <v>26667</v>
      </c>
      <c r="B9794" s="1" t="s">
        <v>62363</v>
      </c>
      <c r="C9794" s="1" t="s">
        <v>26668</v>
      </c>
      <c r="D9794" s="2">
        <v>162622</v>
      </c>
      <c r="E9794" s="1" t="s">
        <v>0</v>
      </c>
    </row>
    <row r="9795" spans="1:5" ht="409.5" x14ac:dyDescent="0.25">
      <c r="A9795" s="4" t="s">
        <v>26669</v>
      </c>
      <c r="B9795" s="1" t="s">
        <v>62364</v>
      </c>
      <c r="C9795" s="1" t="s">
        <v>26670</v>
      </c>
      <c r="D9795" s="2">
        <v>162623</v>
      </c>
      <c r="E9795" s="1" t="s">
        <v>0</v>
      </c>
    </row>
    <row r="9796" spans="1:5" x14ac:dyDescent="0.25">
      <c r="A9796" s="1" t="s">
        <v>26671</v>
      </c>
      <c r="B9796" s="1" t="s">
        <v>62365</v>
      </c>
      <c r="C9796" s="1" t="s">
        <v>26672</v>
      </c>
      <c r="D9796" s="2">
        <v>162624</v>
      </c>
      <c r="E9796" s="1" t="s">
        <v>0</v>
      </c>
    </row>
    <row r="9797" spans="1:5" x14ac:dyDescent="0.25">
      <c r="A9797" s="2">
        <v>1959</v>
      </c>
      <c r="B9797" s="2">
        <v>1959</v>
      </c>
      <c r="C9797" s="1" t="s">
        <v>0</v>
      </c>
      <c r="D9797" s="2">
        <v>162625</v>
      </c>
      <c r="E9797" s="1" t="s">
        <v>0</v>
      </c>
    </row>
    <row r="9798" spans="1:5" x14ac:dyDescent="0.25">
      <c r="A9798" s="1" t="s">
        <v>1802</v>
      </c>
      <c r="B9798" s="1" t="s">
        <v>7814</v>
      </c>
      <c r="C9798" s="1" t="s">
        <v>26673</v>
      </c>
      <c r="D9798" s="2">
        <v>162626</v>
      </c>
      <c r="E9798" s="1" t="s">
        <v>0</v>
      </c>
    </row>
    <row r="9799" spans="1:5" x14ac:dyDescent="0.25">
      <c r="A9799" s="1" t="s">
        <v>26674</v>
      </c>
      <c r="B9799" s="1" t="s">
        <v>53240</v>
      </c>
      <c r="C9799" s="1" t="s">
        <v>26675</v>
      </c>
      <c r="D9799" s="2">
        <v>162627</v>
      </c>
      <c r="E9799" s="1" t="s">
        <v>0</v>
      </c>
    </row>
    <row r="9800" spans="1:5" ht="409.5" x14ac:dyDescent="0.25">
      <c r="A9800" s="4" t="s">
        <v>26676</v>
      </c>
      <c r="B9800" s="1" t="s">
        <v>53241</v>
      </c>
      <c r="C9800" s="1" t="s">
        <v>26677</v>
      </c>
      <c r="D9800" s="2">
        <v>162628</v>
      </c>
      <c r="E9800" s="1" t="s">
        <v>0</v>
      </c>
    </row>
    <row r="9801" spans="1:5" x14ac:dyDescent="0.25">
      <c r="A9801" s="1" t="s">
        <v>26678</v>
      </c>
      <c r="B9801" s="1" t="s">
        <v>53242</v>
      </c>
      <c r="C9801" s="1" t="s">
        <v>26679</v>
      </c>
      <c r="D9801" s="2">
        <v>162629</v>
      </c>
      <c r="E9801" s="1" t="s">
        <v>0</v>
      </c>
    </row>
    <row r="9802" spans="1:5" x14ac:dyDescent="0.25">
      <c r="A9802" s="2">
        <v>1960</v>
      </c>
      <c r="B9802" s="2">
        <v>1960</v>
      </c>
      <c r="C9802" s="1" t="s">
        <v>0</v>
      </c>
      <c r="D9802" s="2">
        <v>162630</v>
      </c>
      <c r="E9802" s="1" t="s">
        <v>0</v>
      </c>
    </row>
    <row r="9803" spans="1:5" x14ac:dyDescent="0.25">
      <c r="A9803" s="1" t="s">
        <v>1803</v>
      </c>
      <c r="B9803" s="1" t="s">
        <v>7815</v>
      </c>
      <c r="C9803" s="1" t="s">
        <v>26680</v>
      </c>
      <c r="D9803" s="2">
        <v>162631</v>
      </c>
      <c r="E9803" s="1" t="s">
        <v>0</v>
      </c>
    </row>
    <row r="9804" spans="1:5" x14ac:dyDescent="0.25">
      <c r="A9804" s="1" t="s">
        <v>26681</v>
      </c>
      <c r="B9804" s="1" t="s">
        <v>59938</v>
      </c>
      <c r="C9804" s="1" t="s">
        <v>26682</v>
      </c>
      <c r="D9804" s="2">
        <v>162632</v>
      </c>
      <c r="E9804" s="1" t="s">
        <v>0</v>
      </c>
    </row>
    <row r="9805" spans="1:5" ht="409.5" x14ac:dyDescent="0.25">
      <c r="A9805" s="4" t="s">
        <v>26683</v>
      </c>
      <c r="B9805" s="1" t="s">
        <v>59939</v>
      </c>
      <c r="C9805" s="1" t="s">
        <v>26684</v>
      </c>
      <c r="D9805" s="2">
        <v>162633</v>
      </c>
      <c r="E9805" s="1" t="s">
        <v>0</v>
      </c>
    </row>
    <row r="9806" spans="1:5" x14ac:dyDescent="0.25">
      <c r="A9806" s="1" t="s">
        <v>26685</v>
      </c>
      <c r="B9806" s="1" t="s">
        <v>53243</v>
      </c>
      <c r="C9806" s="1" t="s">
        <v>26686</v>
      </c>
      <c r="D9806" s="2">
        <v>162634</v>
      </c>
      <c r="E9806" s="1" t="s">
        <v>0</v>
      </c>
    </row>
    <row r="9807" spans="1:5" x14ac:dyDescent="0.25">
      <c r="A9807" s="2">
        <v>1961</v>
      </c>
      <c r="B9807" s="2">
        <v>1961</v>
      </c>
      <c r="C9807" s="1" t="s">
        <v>0</v>
      </c>
      <c r="D9807" s="2">
        <v>162635</v>
      </c>
      <c r="E9807" s="1" t="s">
        <v>0</v>
      </c>
    </row>
    <row r="9808" spans="1:5" x14ac:dyDescent="0.25">
      <c r="A9808" s="1" t="s">
        <v>1804</v>
      </c>
      <c r="B9808" s="1" t="s">
        <v>53244</v>
      </c>
      <c r="C9808" s="1" t="s">
        <v>26687</v>
      </c>
      <c r="D9808" s="2">
        <v>162636</v>
      </c>
      <c r="E9808" s="1" t="s">
        <v>0</v>
      </c>
    </row>
    <row r="9809" spans="1:5" x14ac:dyDescent="0.25">
      <c r="A9809" s="1" t="s">
        <v>26688</v>
      </c>
      <c r="B9809" s="1" t="s">
        <v>57821</v>
      </c>
      <c r="C9809" s="1" t="s">
        <v>26689</v>
      </c>
      <c r="D9809" s="2">
        <v>162637</v>
      </c>
      <c r="E9809" s="1" t="s">
        <v>0</v>
      </c>
    </row>
    <row r="9810" spans="1:5" ht="409.5" x14ac:dyDescent="0.25">
      <c r="A9810" s="4" t="s">
        <v>26690</v>
      </c>
      <c r="B9810" s="1" t="s">
        <v>57822</v>
      </c>
      <c r="C9810" s="1" t="s">
        <v>26691</v>
      </c>
      <c r="D9810" s="2">
        <v>162638</v>
      </c>
      <c r="E9810" s="1" t="s">
        <v>0</v>
      </c>
    </row>
    <row r="9811" spans="1:5" x14ac:dyDescent="0.25">
      <c r="A9811" s="1" t="s">
        <v>26692</v>
      </c>
      <c r="B9811" s="1" t="s">
        <v>53245</v>
      </c>
      <c r="C9811" s="1" t="s">
        <v>26693</v>
      </c>
      <c r="D9811" s="2">
        <v>162639</v>
      </c>
      <c r="E9811" s="1" t="s">
        <v>0</v>
      </c>
    </row>
    <row r="9812" spans="1:5" x14ac:dyDescent="0.25">
      <c r="A9812" s="2">
        <v>1962</v>
      </c>
      <c r="B9812" s="2">
        <v>1962</v>
      </c>
      <c r="C9812" s="1" t="s">
        <v>0</v>
      </c>
      <c r="D9812" s="2">
        <v>162640</v>
      </c>
      <c r="E9812" s="1" t="s">
        <v>0</v>
      </c>
    </row>
    <row r="9813" spans="1:5" x14ac:dyDescent="0.25">
      <c r="A9813" s="1" t="s">
        <v>1805</v>
      </c>
      <c r="B9813" s="1" t="s">
        <v>7816</v>
      </c>
      <c r="C9813" s="1" t="s">
        <v>26694</v>
      </c>
      <c r="D9813" s="2">
        <v>162641</v>
      </c>
      <c r="E9813" s="1" t="s">
        <v>0</v>
      </c>
    </row>
    <row r="9814" spans="1:5" x14ac:dyDescent="0.25">
      <c r="A9814" s="1" t="s">
        <v>26695</v>
      </c>
      <c r="B9814" s="1" t="s">
        <v>7817</v>
      </c>
      <c r="C9814" s="1" t="s">
        <v>26696</v>
      </c>
      <c r="D9814" s="2">
        <v>162642</v>
      </c>
      <c r="E9814" s="1" t="s">
        <v>0</v>
      </c>
    </row>
    <row r="9815" spans="1:5" ht="409.5" x14ac:dyDescent="0.25">
      <c r="A9815" s="4" t="s">
        <v>26697</v>
      </c>
      <c r="B9815" s="1" t="s">
        <v>57492</v>
      </c>
      <c r="C9815" s="1" t="s">
        <v>26698</v>
      </c>
      <c r="D9815" s="2">
        <v>162643</v>
      </c>
      <c r="E9815" s="1" t="s">
        <v>0</v>
      </c>
    </row>
    <row r="9816" spans="1:5" x14ac:dyDescent="0.25">
      <c r="A9816" s="1" t="s">
        <v>26699</v>
      </c>
      <c r="B9816" s="1" t="s">
        <v>7818</v>
      </c>
      <c r="C9816" s="1" t="s">
        <v>26700</v>
      </c>
      <c r="D9816" s="2">
        <v>162644</v>
      </c>
      <c r="E9816" s="1" t="s">
        <v>0</v>
      </c>
    </row>
    <row r="9817" spans="1:5" x14ac:dyDescent="0.25">
      <c r="A9817" s="2">
        <v>1963</v>
      </c>
      <c r="B9817" s="2">
        <v>1963</v>
      </c>
      <c r="C9817" s="1" t="s">
        <v>0</v>
      </c>
      <c r="D9817" s="2">
        <v>162645</v>
      </c>
      <c r="E9817" s="1" t="s">
        <v>0</v>
      </c>
    </row>
    <row r="9818" spans="1:5" x14ac:dyDescent="0.25">
      <c r="A9818" s="1" t="s">
        <v>1806</v>
      </c>
      <c r="B9818" s="1" t="s">
        <v>7819</v>
      </c>
      <c r="C9818" s="1" t="s">
        <v>26701</v>
      </c>
      <c r="D9818" s="2">
        <v>162646</v>
      </c>
      <c r="E9818" s="1" t="s">
        <v>0</v>
      </c>
    </row>
    <row r="9819" spans="1:5" x14ac:dyDescent="0.25">
      <c r="A9819" s="1" t="s">
        <v>61791</v>
      </c>
      <c r="B9819" s="1" t="s">
        <v>62366</v>
      </c>
      <c r="C9819" s="1" t="s">
        <v>61792</v>
      </c>
      <c r="D9819" s="2">
        <v>162647</v>
      </c>
      <c r="E9819" s="1" t="s">
        <v>0</v>
      </c>
    </row>
    <row r="9820" spans="1:5" ht="409.5" x14ac:dyDescent="0.25">
      <c r="A9820" s="4" t="s">
        <v>61793</v>
      </c>
      <c r="B9820" s="1" t="s">
        <v>62367</v>
      </c>
      <c r="C9820" s="1" t="s">
        <v>26702</v>
      </c>
      <c r="D9820" s="2">
        <v>162648</v>
      </c>
      <c r="E9820" s="1" t="s">
        <v>0</v>
      </c>
    </row>
    <row r="9821" spans="1:5" x14ac:dyDescent="0.25">
      <c r="A9821" s="1" t="s">
        <v>26703</v>
      </c>
      <c r="B9821" s="1" t="s">
        <v>7820</v>
      </c>
      <c r="C9821" s="1" t="s">
        <v>26704</v>
      </c>
      <c r="D9821" s="2">
        <v>162649</v>
      </c>
      <c r="E9821" s="1" t="s">
        <v>0</v>
      </c>
    </row>
    <row r="9822" spans="1:5" x14ac:dyDescent="0.25">
      <c r="A9822" s="2">
        <v>1964</v>
      </c>
      <c r="B9822" s="2">
        <v>1964</v>
      </c>
      <c r="C9822" s="1" t="s">
        <v>0</v>
      </c>
      <c r="D9822" s="2">
        <v>162650</v>
      </c>
      <c r="E9822" s="1" t="s">
        <v>0</v>
      </c>
    </row>
    <row r="9823" spans="1:5" x14ac:dyDescent="0.25">
      <c r="A9823" s="1" t="s">
        <v>7821</v>
      </c>
      <c r="B9823" s="1" t="s">
        <v>7822</v>
      </c>
      <c r="C9823" s="1" t="s">
        <v>26705</v>
      </c>
      <c r="D9823" s="2">
        <v>162651</v>
      </c>
      <c r="E9823" s="1" t="s">
        <v>0</v>
      </c>
    </row>
    <row r="9824" spans="1:5" x14ac:dyDescent="0.25">
      <c r="A9824" s="1" t="s">
        <v>26706</v>
      </c>
      <c r="B9824" s="1" t="s">
        <v>13090</v>
      </c>
      <c r="C9824" s="1" t="s">
        <v>26707</v>
      </c>
      <c r="D9824" s="2">
        <v>162652</v>
      </c>
      <c r="E9824" s="1" t="s">
        <v>0</v>
      </c>
    </row>
    <row r="9825" spans="1:5" ht="409.5" x14ac:dyDescent="0.25">
      <c r="A9825" s="4" t="s">
        <v>26708</v>
      </c>
      <c r="B9825" s="1" t="s">
        <v>13091</v>
      </c>
      <c r="C9825" s="1" t="s">
        <v>26709</v>
      </c>
      <c r="D9825" s="2">
        <v>162653</v>
      </c>
      <c r="E9825" s="1" t="s">
        <v>0</v>
      </c>
    </row>
    <row r="9826" spans="1:5" x14ac:dyDescent="0.25">
      <c r="A9826" s="1" t="s">
        <v>26710</v>
      </c>
      <c r="B9826" s="1" t="s">
        <v>53246</v>
      </c>
      <c r="C9826" s="1" t="s">
        <v>26711</v>
      </c>
      <c r="D9826" s="2">
        <v>162654</v>
      </c>
      <c r="E9826" s="1" t="s">
        <v>0</v>
      </c>
    </row>
    <row r="9827" spans="1:5" x14ac:dyDescent="0.25">
      <c r="A9827" s="2">
        <v>1965</v>
      </c>
      <c r="B9827" s="2">
        <v>1965</v>
      </c>
      <c r="C9827" s="1" t="s">
        <v>0</v>
      </c>
      <c r="D9827" s="2">
        <v>162655</v>
      </c>
      <c r="E9827" s="1" t="s">
        <v>0</v>
      </c>
    </row>
    <row r="9828" spans="1:5" x14ac:dyDescent="0.25">
      <c r="A9828" s="1" t="s">
        <v>1807</v>
      </c>
      <c r="B9828" s="1" t="s">
        <v>7823</v>
      </c>
      <c r="C9828" s="1" t="s">
        <v>26712</v>
      </c>
      <c r="D9828" s="2">
        <v>162656</v>
      </c>
      <c r="E9828" s="1" t="s">
        <v>0</v>
      </c>
    </row>
    <row r="9829" spans="1:5" x14ac:dyDescent="0.25">
      <c r="A9829" s="1" t="s">
        <v>26713</v>
      </c>
      <c r="B9829" s="1" t="s">
        <v>53247</v>
      </c>
      <c r="C9829" s="1" t="s">
        <v>26714</v>
      </c>
      <c r="D9829" s="2">
        <v>162657</v>
      </c>
      <c r="E9829" s="1" t="s">
        <v>0</v>
      </c>
    </row>
    <row r="9830" spans="1:5" ht="409.5" x14ac:dyDescent="0.25">
      <c r="A9830" s="4" t="s">
        <v>26715</v>
      </c>
      <c r="B9830" s="1" t="s">
        <v>53248</v>
      </c>
      <c r="C9830" s="1" t="s">
        <v>26716</v>
      </c>
      <c r="D9830" s="2">
        <v>162658</v>
      </c>
      <c r="E9830" s="1" t="s">
        <v>0</v>
      </c>
    </row>
    <row r="9831" spans="1:5" x14ac:dyDescent="0.25">
      <c r="A9831" s="1" t="s">
        <v>26717</v>
      </c>
      <c r="B9831" s="1" t="s">
        <v>61076</v>
      </c>
      <c r="C9831" s="1" t="s">
        <v>26718</v>
      </c>
      <c r="D9831" s="2">
        <v>162659</v>
      </c>
      <c r="E9831" s="1" t="s">
        <v>0</v>
      </c>
    </row>
    <row r="9832" spans="1:5" x14ac:dyDescent="0.25">
      <c r="A9832" s="2">
        <v>1966</v>
      </c>
      <c r="B9832" s="2">
        <v>1966</v>
      </c>
      <c r="C9832" s="1" t="s">
        <v>0</v>
      </c>
      <c r="D9832" s="2">
        <v>162660</v>
      </c>
      <c r="E9832" s="1" t="s">
        <v>0</v>
      </c>
    </row>
    <row r="9833" spans="1:5" x14ac:dyDescent="0.25">
      <c r="A9833" s="1" t="s">
        <v>1808</v>
      </c>
      <c r="B9833" s="1" t="s">
        <v>7824</v>
      </c>
      <c r="C9833" s="1" t="s">
        <v>26719</v>
      </c>
      <c r="D9833" s="2">
        <v>162661</v>
      </c>
      <c r="E9833" s="1" t="s">
        <v>0</v>
      </c>
    </row>
    <row r="9834" spans="1:5" x14ac:dyDescent="0.25">
      <c r="A9834" s="1" t="s">
        <v>26720</v>
      </c>
      <c r="B9834" s="1" t="s">
        <v>7825</v>
      </c>
      <c r="C9834" s="1" t="s">
        <v>26721</v>
      </c>
      <c r="D9834" s="2">
        <v>162662</v>
      </c>
      <c r="E9834" s="1" t="s">
        <v>0</v>
      </c>
    </row>
    <row r="9835" spans="1:5" ht="409.5" x14ac:dyDescent="0.25">
      <c r="A9835" s="4" t="s">
        <v>26722</v>
      </c>
      <c r="B9835" s="1" t="s">
        <v>59014</v>
      </c>
      <c r="C9835" s="1" t="s">
        <v>26723</v>
      </c>
      <c r="D9835" s="2">
        <v>162663</v>
      </c>
      <c r="E9835" s="1" t="s">
        <v>0</v>
      </c>
    </row>
    <row r="9836" spans="1:5" x14ac:dyDescent="0.25">
      <c r="A9836" s="1" t="s">
        <v>26724</v>
      </c>
      <c r="B9836" s="1" t="s">
        <v>7826</v>
      </c>
      <c r="C9836" s="1" t="s">
        <v>26725</v>
      </c>
      <c r="D9836" s="2">
        <v>162664</v>
      </c>
      <c r="E9836" s="1" t="s">
        <v>0</v>
      </c>
    </row>
    <row r="9837" spans="1:5" x14ac:dyDescent="0.25">
      <c r="A9837" s="2">
        <v>1967</v>
      </c>
      <c r="B9837" s="2">
        <v>1967</v>
      </c>
      <c r="C9837" s="1" t="s">
        <v>0</v>
      </c>
      <c r="D9837" s="2">
        <v>162665</v>
      </c>
      <c r="E9837" s="1" t="s">
        <v>0</v>
      </c>
    </row>
    <row r="9838" spans="1:5" x14ac:dyDescent="0.25">
      <c r="A9838" s="1" t="s">
        <v>1809</v>
      </c>
      <c r="B9838" s="1" t="s">
        <v>7827</v>
      </c>
      <c r="C9838" s="1" t="s">
        <v>26726</v>
      </c>
      <c r="D9838" s="2">
        <v>162666</v>
      </c>
      <c r="E9838" s="1" t="s">
        <v>0</v>
      </c>
    </row>
    <row r="9839" spans="1:5" x14ac:dyDescent="0.25">
      <c r="A9839" s="1" t="s">
        <v>26727</v>
      </c>
      <c r="B9839" s="1" t="s">
        <v>53249</v>
      </c>
      <c r="C9839" s="1" t="s">
        <v>26728</v>
      </c>
      <c r="D9839" s="2">
        <v>162667</v>
      </c>
      <c r="E9839" s="1" t="s">
        <v>0</v>
      </c>
    </row>
    <row r="9840" spans="1:5" ht="409.5" x14ac:dyDescent="0.25">
      <c r="A9840" s="4" t="s">
        <v>26729</v>
      </c>
      <c r="B9840" s="1" t="s">
        <v>63680</v>
      </c>
      <c r="C9840" s="1" t="s">
        <v>26730</v>
      </c>
      <c r="D9840" s="2">
        <v>162668</v>
      </c>
      <c r="E9840" s="1" t="s">
        <v>0</v>
      </c>
    </row>
    <row r="9841" spans="1:5" x14ac:dyDescent="0.25">
      <c r="A9841" s="1" t="s">
        <v>26731</v>
      </c>
      <c r="B9841" s="1" t="s">
        <v>7828</v>
      </c>
      <c r="C9841" s="1" t="s">
        <v>26732</v>
      </c>
      <c r="D9841" s="2">
        <v>162669</v>
      </c>
      <c r="E9841" s="1" t="s">
        <v>0</v>
      </c>
    </row>
    <row r="9842" spans="1:5" x14ac:dyDescent="0.25">
      <c r="A9842" s="2">
        <v>1968</v>
      </c>
      <c r="B9842" s="2">
        <v>1968</v>
      </c>
      <c r="C9842" s="1" t="s">
        <v>0</v>
      </c>
      <c r="D9842" s="2">
        <v>162670</v>
      </c>
      <c r="E9842" s="1" t="s">
        <v>0</v>
      </c>
    </row>
    <row r="9843" spans="1:5" x14ac:dyDescent="0.25">
      <c r="A9843" s="1" t="s">
        <v>1810</v>
      </c>
      <c r="B9843" s="1" t="s">
        <v>7829</v>
      </c>
      <c r="C9843" s="1" t="s">
        <v>26733</v>
      </c>
      <c r="D9843" s="2">
        <v>162671</v>
      </c>
      <c r="E9843" s="1" t="s">
        <v>0</v>
      </c>
    </row>
    <row r="9844" spans="1:5" x14ac:dyDescent="0.25">
      <c r="A9844" s="1" t="s">
        <v>26734</v>
      </c>
      <c r="B9844" s="1" t="s">
        <v>53250</v>
      </c>
      <c r="C9844" s="1" t="s">
        <v>26735</v>
      </c>
      <c r="D9844" s="2">
        <v>162672</v>
      </c>
      <c r="E9844" s="1" t="s">
        <v>0</v>
      </c>
    </row>
    <row r="9845" spans="1:5" ht="409.5" x14ac:dyDescent="0.25">
      <c r="A9845" s="4" t="s">
        <v>26736</v>
      </c>
      <c r="B9845" s="1" t="s">
        <v>53251</v>
      </c>
      <c r="C9845" s="1" t="s">
        <v>26737</v>
      </c>
      <c r="D9845" s="2">
        <v>162673</v>
      </c>
      <c r="E9845" s="1" t="s">
        <v>0</v>
      </c>
    </row>
    <row r="9846" spans="1:5" x14ac:dyDescent="0.25">
      <c r="A9846" s="1" t="s">
        <v>13413</v>
      </c>
      <c r="B9846" s="1" t="s">
        <v>60845</v>
      </c>
      <c r="C9846" s="1" t="s">
        <v>13414</v>
      </c>
      <c r="D9846" s="2">
        <v>162674</v>
      </c>
      <c r="E9846" s="1" t="s">
        <v>0</v>
      </c>
    </row>
    <row r="9847" spans="1:5" x14ac:dyDescent="0.25">
      <c r="A9847" s="2">
        <v>1969</v>
      </c>
      <c r="B9847" s="2">
        <v>1969</v>
      </c>
      <c r="C9847" s="1" t="s">
        <v>0</v>
      </c>
      <c r="D9847" s="2">
        <v>162675</v>
      </c>
      <c r="E9847" s="1" t="s">
        <v>0</v>
      </c>
    </row>
    <row r="9848" spans="1:5" x14ac:dyDescent="0.25">
      <c r="A9848" s="1" t="s">
        <v>1811</v>
      </c>
      <c r="B9848" s="1" t="s">
        <v>7830</v>
      </c>
      <c r="C9848" s="1" t="s">
        <v>26738</v>
      </c>
      <c r="D9848" s="2">
        <v>162676</v>
      </c>
      <c r="E9848" s="1" t="s">
        <v>0</v>
      </c>
    </row>
    <row r="9849" spans="1:5" x14ac:dyDescent="0.25">
      <c r="A9849" s="1" t="s">
        <v>26739</v>
      </c>
      <c r="B9849" s="1" t="s">
        <v>7831</v>
      </c>
      <c r="C9849" s="1" t="s">
        <v>26740</v>
      </c>
      <c r="D9849" s="2">
        <v>162677</v>
      </c>
      <c r="E9849" s="1" t="s">
        <v>0</v>
      </c>
    </row>
    <row r="9850" spans="1:5" ht="409.5" x14ac:dyDescent="0.25">
      <c r="A9850" s="4" t="s">
        <v>26741</v>
      </c>
      <c r="B9850" s="1" t="s">
        <v>7832</v>
      </c>
      <c r="C9850" s="1" t="s">
        <v>26742</v>
      </c>
      <c r="D9850" s="2">
        <v>162678</v>
      </c>
      <c r="E9850" s="1" t="s">
        <v>0</v>
      </c>
    </row>
    <row r="9851" spans="1:5" x14ac:dyDescent="0.25">
      <c r="A9851" s="1" t="s">
        <v>26743</v>
      </c>
      <c r="B9851" s="1" t="s">
        <v>7833</v>
      </c>
      <c r="C9851" s="1" t="s">
        <v>26744</v>
      </c>
      <c r="D9851" s="2">
        <v>162679</v>
      </c>
      <c r="E9851" s="1" t="s">
        <v>0</v>
      </c>
    </row>
    <row r="9852" spans="1:5" x14ac:dyDescent="0.25">
      <c r="A9852" s="2">
        <v>1970</v>
      </c>
      <c r="B9852" s="2">
        <v>1970</v>
      </c>
      <c r="C9852" s="1" t="s">
        <v>0</v>
      </c>
      <c r="D9852" s="2">
        <v>162680</v>
      </c>
      <c r="E9852" s="1" t="s">
        <v>0</v>
      </c>
    </row>
    <row r="9853" spans="1:5" x14ac:dyDescent="0.25">
      <c r="A9853" s="1" t="s">
        <v>1812</v>
      </c>
      <c r="B9853" s="1" t="s">
        <v>7834</v>
      </c>
      <c r="C9853" s="1" t="s">
        <v>26745</v>
      </c>
      <c r="D9853" s="2">
        <v>162681</v>
      </c>
      <c r="E9853" s="1" t="s">
        <v>0</v>
      </c>
    </row>
    <row r="9854" spans="1:5" x14ac:dyDescent="0.25">
      <c r="A9854" s="1" t="s">
        <v>26746</v>
      </c>
      <c r="B9854" s="1" t="s">
        <v>59015</v>
      </c>
      <c r="C9854" s="1" t="s">
        <v>26747</v>
      </c>
      <c r="D9854" s="2">
        <v>162682</v>
      </c>
      <c r="E9854" s="1" t="s">
        <v>0</v>
      </c>
    </row>
    <row r="9855" spans="1:5" ht="409.5" x14ac:dyDescent="0.25">
      <c r="A9855" s="4" t="s">
        <v>26748</v>
      </c>
      <c r="B9855" s="1" t="s">
        <v>63314</v>
      </c>
      <c r="C9855" s="1" t="s">
        <v>26749</v>
      </c>
      <c r="D9855" s="2">
        <v>162683</v>
      </c>
      <c r="E9855" s="1" t="s">
        <v>0</v>
      </c>
    </row>
    <row r="9856" spans="1:5" x14ac:dyDescent="0.25">
      <c r="A9856" s="1" t="s">
        <v>26750</v>
      </c>
      <c r="B9856" s="1" t="s">
        <v>7835</v>
      </c>
      <c r="C9856" s="1" t="s">
        <v>26751</v>
      </c>
      <c r="D9856" s="2">
        <v>162684</v>
      </c>
      <c r="E9856" s="1" t="s">
        <v>0</v>
      </c>
    </row>
    <row r="9857" spans="1:5" x14ac:dyDescent="0.25">
      <c r="A9857" s="2">
        <v>1971</v>
      </c>
      <c r="B9857" s="2">
        <v>1971</v>
      </c>
      <c r="C9857" s="1" t="s">
        <v>0</v>
      </c>
      <c r="D9857" s="2">
        <v>162685</v>
      </c>
      <c r="E9857" s="1" t="s">
        <v>0</v>
      </c>
    </row>
    <row r="9858" spans="1:5" x14ac:dyDescent="0.25">
      <c r="A9858" s="1" t="s">
        <v>1813</v>
      </c>
      <c r="B9858" s="1" t="s">
        <v>7836</v>
      </c>
      <c r="C9858" s="1" t="s">
        <v>26752</v>
      </c>
      <c r="D9858" s="2">
        <v>162686</v>
      </c>
      <c r="E9858" s="1" t="s">
        <v>0</v>
      </c>
    </row>
    <row r="9859" spans="1:5" x14ac:dyDescent="0.25">
      <c r="A9859" s="1" t="s">
        <v>26753</v>
      </c>
      <c r="B9859" s="1" t="s">
        <v>7837</v>
      </c>
      <c r="C9859" s="1" t="s">
        <v>26754</v>
      </c>
      <c r="D9859" s="2">
        <v>162687</v>
      </c>
      <c r="E9859" s="1" t="s">
        <v>0</v>
      </c>
    </row>
    <row r="9860" spans="1:5" ht="409.5" x14ac:dyDescent="0.25">
      <c r="A9860" s="4" t="s">
        <v>26755</v>
      </c>
      <c r="B9860" s="1" t="s">
        <v>7838</v>
      </c>
      <c r="C9860" s="1" t="s">
        <v>26756</v>
      </c>
      <c r="D9860" s="2">
        <v>162688</v>
      </c>
      <c r="E9860" s="1" t="s">
        <v>0</v>
      </c>
    </row>
    <row r="9861" spans="1:5" x14ac:dyDescent="0.25">
      <c r="A9861" s="1" t="s">
        <v>26757</v>
      </c>
      <c r="B9861" s="1" t="s">
        <v>53252</v>
      </c>
      <c r="C9861" s="1" t="s">
        <v>26758</v>
      </c>
      <c r="D9861" s="2">
        <v>162689</v>
      </c>
      <c r="E9861" s="1" t="s">
        <v>0</v>
      </c>
    </row>
    <row r="9862" spans="1:5" x14ac:dyDescent="0.25">
      <c r="A9862" s="2">
        <v>1972</v>
      </c>
      <c r="B9862" s="2">
        <v>1972</v>
      </c>
      <c r="C9862" s="1" t="s">
        <v>0</v>
      </c>
      <c r="D9862" s="2">
        <v>162690</v>
      </c>
      <c r="E9862" s="1" t="s">
        <v>0</v>
      </c>
    </row>
    <row r="9863" spans="1:5" x14ac:dyDescent="0.25">
      <c r="A9863" s="1" t="s">
        <v>1814</v>
      </c>
      <c r="B9863" s="1" t="s">
        <v>58330</v>
      </c>
      <c r="C9863" s="1" t="s">
        <v>26759</v>
      </c>
      <c r="D9863" s="2">
        <v>162691</v>
      </c>
      <c r="E9863" s="1" t="s">
        <v>0</v>
      </c>
    </row>
    <row r="9864" spans="1:5" x14ac:dyDescent="0.25">
      <c r="A9864" s="1" t="s">
        <v>26760</v>
      </c>
      <c r="B9864" s="1" t="s">
        <v>62368</v>
      </c>
      <c r="C9864" s="1" t="s">
        <v>26761</v>
      </c>
      <c r="D9864" s="2">
        <v>162692</v>
      </c>
      <c r="E9864" s="1" t="s">
        <v>0</v>
      </c>
    </row>
    <row r="9865" spans="1:5" ht="409.5" x14ac:dyDescent="0.25">
      <c r="A9865" s="4" t="s">
        <v>26762</v>
      </c>
      <c r="B9865" s="1" t="s">
        <v>62369</v>
      </c>
      <c r="C9865" s="1" t="s">
        <v>26763</v>
      </c>
      <c r="D9865" s="2">
        <v>162693</v>
      </c>
      <c r="E9865" s="1" t="s">
        <v>0</v>
      </c>
    </row>
    <row r="9866" spans="1:5" x14ac:dyDescent="0.25">
      <c r="A9866" s="1" t="s">
        <v>26764</v>
      </c>
      <c r="B9866" s="1" t="s">
        <v>53253</v>
      </c>
      <c r="C9866" s="1" t="s">
        <v>26765</v>
      </c>
      <c r="D9866" s="2">
        <v>162694</v>
      </c>
      <c r="E9866" s="1" t="s">
        <v>0</v>
      </c>
    </row>
    <row r="9867" spans="1:5" x14ac:dyDescent="0.25">
      <c r="A9867" s="2">
        <v>1973</v>
      </c>
      <c r="B9867" s="2">
        <v>1973</v>
      </c>
      <c r="C9867" s="1" t="s">
        <v>0</v>
      </c>
      <c r="D9867" s="2">
        <v>162695</v>
      </c>
      <c r="E9867" s="1" t="s">
        <v>0</v>
      </c>
    </row>
    <row r="9868" spans="1:5" x14ac:dyDescent="0.25">
      <c r="A9868" s="1" t="s">
        <v>13092</v>
      </c>
      <c r="B9868" s="1" t="s">
        <v>50656</v>
      </c>
      <c r="C9868" s="1" t="s">
        <v>26766</v>
      </c>
      <c r="D9868" s="2">
        <v>162696</v>
      </c>
      <c r="E9868" s="1" t="s">
        <v>0</v>
      </c>
    </row>
    <row r="9869" spans="1:5" x14ac:dyDescent="0.25">
      <c r="A9869" s="1" t="s">
        <v>26767</v>
      </c>
      <c r="B9869" s="1" t="s">
        <v>50657</v>
      </c>
      <c r="C9869" s="1" t="s">
        <v>26768</v>
      </c>
      <c r="D9869" s="2">
        <v>162697</v>
      </c>
      <c r="E9869" s="1" t="s">
        <v>0</v>
      </c>
    </row>
    <row r="9870" spans="1:5" ht="409.5" x14ac:dyDescent="0.25">
      <c r="A9870" s="4" t="s">
        <v>26769</v>
      </c>
      <c r="B9870" s="1" t="s">
        <v>53254</v>
      </c>
      <c r="C9870" s="1" t="s">
        <v>26770</v>
      </c>
      <c r="D9870" s="2">
        <v>162698</v>
      </c>
      <c r="E9870" s="1" t="s">
        <v>0</v>
      </c>
    </row>
    <row r="9871" spans="1:5" x14ac:dyDescent="0.25">
      <c r="A9871" s="1" t="s">
        <v>26771</v>
      </c>
      <c r="B9871" s="1" t="s">
        <v>50658</v>
      </c>
      <c r="C9871" s="1" t="s">
        <v>26772</v>
      </c>
      <c r="D9871" s="2">
        <v>162699</v>
      </c>
      <c r="E9871" s="1" t="s">
        <v>0</v>
      </c>
    </row>
    <row r="9872" spans="1:5" x14ac:dyDescent="0.25">
      <c r="A9872" s="2">
        <v>1974</v>
      </c>
      <c r="B9872" s="2">
        <v>1974</v>
      </c>
      <c r="C9872" s="1" t="s">
        <v>0</v>
      </c>
      <c r="D9872" s="2">
        <v>162700</v>
      </c>
      <c r="E9872" s="1" t="s">
        <v>0</v>
      </c>
    </row>
    <row r="9873" spans="1:5" x14ac:dyDescent="0.25">
      <c r="A9873" s="1" t="s">
        <v>1815</v>
      </c>
      <c r="B9873" s="1" t="s">
        <v>7839</v>
      </c>
      <c r="C9873" s="1" t="s">
        <v>26773</v>
      </c>
      <c r="D9873" s="2">
        <v>162701</v>
      </c>
      <c r="E9873" s="1" t="s">
        <v>0</v>
      </c>
    </row>
    <row r="9874" spans="1:5" x14ac:dyDescent="0.25">
      <c r="A9874" s="1" t="s">
        <v>26774</v>
      </c>
      <c r="B9874" s="1" t="s">
        <v>58741</v>
      </c>
      <c r="C9874" s="1" t="s">
        <v>26775</v>
      </c>
      <c r="D9874" s="2">
        <v>162702</v>
      </c>
      <c r="E9874" s="1" t="s">
        <v>0</v>
      </c>
    </row>
    <row r="9875" spans="1:5" ht="409.5" x14ac:dyDescent="0.25">
      <c r="A9875" s="4" t="s">
        <v>64132</v>
      </c>
      <c r="B9875" s="1" t="s">
        <v>58742</v>
      </c>
      <c r="C9875" s="1" t="s">
        <v>26776</v>
      </c>
      <c r="D9875" s="2">
        <v>162703</v>
      </c>
      <c r="E9875" s="1" t="s">
        <v>0</v>
      </c>
    </row>
    <row r="9876" spans="1:5" x14ac:dyDescent="0.25">
      <c r="A9876" s="1" t="s">
        <v>26777</v>
      </c>
      <c r="B9876" s="1" t="s">
        <v>7840</v>
      </c>
      <c r="C9876" s="1" t="s">
        <v>26778</v>
      </c>
      <c r="D9876" s="2">
        <v>162704</v>
      </c>
      <c r="E9876" s="1" t="s">
        <v>0</v>
      </c>
    </row>
    <row r="9877" spans="1:5" x14ac:dyDescent="0.25">
      <c r="A9877" s="2">
        <v>1975</v>
      </c>
      <c r="B9877" s="2">
        <v>1975</v>
      </c>
      <c r="C9877" s="1" t="s">
        <v>0</v>
      </c>
      <c r="D9877" s="2">
        <v>162705</v>
      </c>
      <c r="E9877" s="1" t="s">
        <v>0</v>
      </c>
    </row>
    <row r="9878" spans="1:5" x14ac:dyDescent="0.25">
      <c r="A9878" s="1" t="s">
        <v>1816</v>
      </c>
      <c r="B9878" s="1" t="s">
        <v>50659</v>
      </c>
      <c r="C9878" s="1" t="s">
        <v>26779</v>
      </c>
      <c r="D9878" s="2">
        <v>162706</v>
      </c>
      <c r="E9878" s="1" t="s">
        <v>0</v>
      </c>
    </row>
    <row r="9879" spans="1:5" x14ac:dyDescent="0.25">
      <c r="A9879" s="1" t="s">
        <v>26780</v>
      </c>
      <c r="B9879" s="1" t="s">
        <v>53255</v>
      </c>
      <c r="C9879" s="1" t="s">
        <v>26781</v>
      </c>
      <c r="D9879" s="2">
        <v>162707</v>
      </c>
      <c r="E9879" s="1" t="s">
        <v>0</v>
      </c>
    </row>
    <row r="9880" spans="1:5" ht="409.5" x14ac:dyDescent="0.25">
      <c r="A9880" s="4" t="s">
        <v>26782</v>
      </c>
      <c r="B9880" s="1" t="s">
        <v>61490</v>
      </c>
      <c r="C9880" s="1" t="s">
        <v>26783</v>
      </c>
      <c r="D9880" s="2">
        <v>162708</v>
      </c>
      <c r="E9880" s="1" t="s">
        <v>0</v>
      </c>
    </row>
    <row r="9881" spans="1:5" x14ac:dyDescent="0.25">
      <c r="A9881" s="1" t="s">
        <v>26784</v>
      </c>
      <c r="B9881" s="1" t="s">
        <v>53256</v>
      </c>
      <c r="C9881" s="1" t="s">
        <v>26785</v>
      </c>
      <c r="D9881" s="2">
        <v>162709</v>
      </c>
      <c r="E9881" s="1" t="s">
        <v>0</v>
      </c>
    </row>
    <row r="9882" spans="1:5" x14ac:dyDescent="0.25">
      <c r="A9882" s="2">
        <v>1976</v>
      </c>
      <c r="B9882" s="2">
        <v>1976</v>
      </c>
      <c r="C9882" s="1" t="s">
        <v>0</v>
      </c>
      <c r="D9882" s="2">
        <v>162710</v>
      </c>
      <c r="E9882" s="1" t="s">
        <v>0</v>
      </c>
    </row>
    <row r="9883" spans="1:5" x14ac:dyDescent="0.25">
      <c r="A9883" s="1" t="s">
        <v>1817</v>
      </c>
      <c r="B9883" s="1" t="s">
        <v>7841</v>
      </c>
      <c r="C9883" s="1" t="s">
        <v>26786</v>
      </c>
      <c r="D9883" s="2">
        <v>162711</v>
      </c>
      <c r="E9883" s="1" t="s">
        <v>0</v>
      </c>
    </row>
    <row r="9884" spans="1:5" x14ac:dyDescent="0.25">
      <c r="A9884" s="1" t="s">
        <v>26787</v>
      </c>
      <c r="B9884" s="1" t="s">
        <v>50660</v>
      </c>
      <c r="C9884" s="1" t="s">
        <v>26788</v>
      </c>
      <c r="D9884" s="2">
        <v>162712</v>
      </c>
      <c r="E9884" s="1" t="s">
        <v>0</v>
      </c>
    </row>
    <row r="9885" spans="1:5" ht="409.5" x14ac:dyDescent="0.25">
      <c r="A9885" s="4" t="s">
        <v>26789</v>
      </c>
      <c r="B9885" s="1" t="s">
        <v>53257</v>
      </c>
      <c r="C9885" s="1" t="s">
        <v>26790</v>
      </c>
      <c r="D9885" s="2">
        <v>162713</v>
      </c>
      <c r="E9885" s="1" t="s">
        <v>0</v>
      </c>
    </row>
    <row r="9886" spans="1:5" x14ac:dyDescent="0.25">
      <c r="A9886" s="1" t="s">
        <v>26791</v>
      </c>
      <c r="B9886" s="1" t="s">
        <v>50661</v>
      </c>
      <c r="C9886" s="1" t="s">
        <v>26792</v>
      </c>
      <c r="D9886" s="2">
        <v>162714</v>
      </c>
      <c r="E9886" s="1" t="s">
        <v>0</v>
      </c>
    </row>
    <row r="9887" spans="1:5" x14ac:dyDescent="0.25">
      <c r="A9887" s="2">
        <v>1977</v>
      </c>
      <c r="B9887" s="2">
        <v>1977</v>
      </c>
      <c r="C9887" s="1" t="s">
        <v>0</v>
      </c>
      <c r="D9887" s="2">
        <v>162715</v>
      </c>
      <c r="E9887" s="1" t="s">
        <v>0</v>
      </c>
    </row>
    <row r="9888" spans="1:5" x14ac:dyDescent="0.25">
      <c r="A9888" s="1" t="s">
        <v>1818</v>
      </c>
      <c r="B9888" s="1" t="s">
        <v>7842</v>
      </c>
      <c r="C9888" s="1" t="s">
        <v>26793</v>
      </c>
      <c r="D9888" s="2">
        <v>162716</v>
      </c>
      <c r="E9888" s="1" t="s">
        <v>0</v>
      </c>
    </row>
    <row r="9889" spans="1:5" x14ac:dyDescent="0.25">
      <c r="A9889" s="1" t="s">
        <v>26794</v>
      </c>
      <c r="B9889" s="1" t="s">
        <v>61632</v>
      </c>
      <c r="C9889" s="1" t="s">
        <v>26795</v>
      </c>
      <c r="D9889" s="2">
        <v>162717</v>
      </c>
      <c r="E9889" s="1" t="s">
        <v>0</v>
      </c>
    </row>
    <row r="9890" spans="1:5" ht="409.5" x14ac:dyDescent="0.25">
      <c r="A9890" s="4" t="s">
        <v>26796</v>
      </c>
      <c r="B9890" s="1" t="s">
        <v>61633</v>
      </c>
      <c r="C9890" s="1" t="s">
        <v>26797</v>
      </c>
      <c r="D9890" s="2">
        <v>162718</v>
      </c>
      <c r="E9890" s="1" t="s">
        <v>0</v>
      </c>
    </row>
    <row r="9891" spans="1:5" x14ac:dyDescent="0.25">
      <c r="A9891" s="1" t="s">
        <v>26798</v>
      </c>
      <c r="B9891" s="1" t="s">
        <v>61634</v>
      </c>
      <c r="C9891" s="1" t="s">
        <v>26799</v>
      </c>
      <c r="D9891" s="2">
        <v>162719</v>
      </c>
      <c r="E9891" s="1" t="s">
        <v>0</v>
      </c>
    </row>
    <row r="9892" spans="1:5" x14ac:dyDescent="0.25">
      <c r="A9892" s="2">
        <v>1978</v>
      </c>
      <c r="B9892" s="2">
        <v>1978</v>
      </c>
      <c r="C9892" s="1" t="s">
        <v>0</v>
      </c>
      <c r="D9892" s="2">
        <v>162720</v>
      </c>
      <c r="E9892" s="1" t="s">
        <v>0</v>
      </c>
    </row>
    <row r="9893" spans="1:5" x14ac:dyDescent="0.25">
      <c r="A9893" s="1" t="s">
        <v>1819</v>
      </c>
      <c r="B9893" s="1" t="s">
        <v>7843</v>
      </c>
      <c r="C9893" s="1" t="s">
        <v>26800</v>
      </c>
      <c r="D9893" s="2">
        <v>162721</v>
      </c>
      <c r="E9893" s="1" t="s">
        <v>0</v>
      </c>
    </row>
    <row r="9894" spans="1:5" x14ac:dyDescent="0.25">
      <c r="A9894" s="1" t="s">
        <v>26801</v>
      </c>
      <c r="B9894" s="1" t="s">
        <v>58914</v>
      </c>
      <c r="C9894" s="1" t="s">
        <v>26802</v>
      </c>
      <c r="D9894" s="2">
        <v>162722</v>
      </c>
      <c r="E9894" s="1" t="s">
        <v>0</v>
      </c>
    </row>
    <row r="9895" spans="1:5" ht="409.5" x14ac:dyDescent="0.25">
      <c r="A9895" s="4" t="s">
        <v>26803</v>
      </c>
      <c r="B9895" s="1" t="s">
        <v>58915</v>
      </c>
      <c r="C9895" s="1" t="s">
        <v>26804</v>
      </c>
      <c r="D9895" s="2">
        <v>162723</v>
      </c>
      <c r="E9895" s="1" t="s">
        <v>0</v>
      </c>
    </row>
    <row r="9896" spans="1:5" x14ac:dyDescent="0.25">
      <c r="A9896" s="1" t="s">
        <v>26805</v>
      </c>
      <c r="B9896" s="1" t="s">
        <v>53258</v>
      </c>
      <c r="C9896" s="1" t="s">
        <v>26806</v>
      </c>
      <c r="D9896" s="2">
        <v>162724</v>
      </c>
      <c r="E9896" s="1" t="s">
        <v>0</v>
      </c>
    </row>
    <row r="9897" spans="1:5" x14ac:dyDescent="0.25">
      <c r="A9897" s="2">
        <v>1979</v>
      </c>
      <c r="B9897" s="2">
        <v>1979</v>
      </c>
      <c r="C9897" s="1" t="s">
        <v>0</v>
      </c>
      <c r="D9897" s="2">
        <v>162725</v>
      </c>
      <c r="E9897" s="1" t="s">
        <v>0</v>
      </c>
    </row>
    <row r="9898" spans="1:5" x14ac:dyDescent="0.25">
      <c r="A9898" s="1" t="s">
        <v>1820</v>
      </c>
      <c r="B9898" s="1" t="s">
        <v>7844</v>
      </c>
      <c r="C9898" s="1" t="s">
        <v>26807</v>
      </c>
      <c r="D9898" s="2">
        <v>162726</v>
      </c>
      <c r="E9898" s="1" t="s">
        <v>0</v>
      </c>
    </row>
    <row r="9899" spans="1:5" x14ac:dyDescent="0.25">
      <c r="A9899" s="1" t="s">
        <v>26808</v>
      </c>
      <c r="B9899" s="1" t="s">
        <v>53259</v>
      </c>
      <c r="C9899" s="1" t="s">
        <v>26809</v>
      </c>
      <c r="D9899" s="2">
        <v>162727</v>
      </c>
      <c r="E9899" s="1" t="s">
        <v>0</v>
      </c>
    </row>
    <row r="9900" spans="1:5" ht="409.5" x14ac:dyDescent="0.25">
      <c r="A9900" s="4" t="s">
        <v>64133</v>
      </c>
      <c r="B9900" s="1" t="s">
        <v>63315</v>
      </c>
      <c r="C9900" s="1" t="s">
        <v>26810</v>
      </c>
      <c r="D9900" s="2">
        <v>162728</v>
      </c>
      <c r="E9900" s="1" t="s">
        <v>0</v>
      </c>
    </row>
    <row r="9901" spans="1:5" x14ac:dyDescent="0.25">
      <c r="A9901" s="1" t="s">
        <v>26811</v>
      </c>
      <c r="B9901" s="1" t="s">
        <v>7845</v>
      </c>
      <c r="C9901" s="1" t="s">
        <v>26812</v>
      </c>
      <c r="D9901" s="2">
        <v>162729</v>
      </c>
      <c r="E9901" s="1" t="s">
        <v>0</v>
      </c>
    </row>
    <row r="9902" spans="1:5" x14ac:dyDescent="0.25">
      <c r="A9902" s="2">
        <v>1980</v>
      </c>
      <c r="B9902" s="2">
        <v>1980</v>
      </c>
      <c r="C9902" s="1" t="s">
        <v>0</v>
      </c>
      <c r="D9902" s="2">
        <v>162730</v>
      </c>
      <c r="E9902" s="1" t="s">
        <v>0</v>
      </c>
    </row>
    <row r="9903" spans="1:5" x14ac:dyDescent="0.25">
      <c r="A9903" s="1" t="s">
        <v>1821</v>
      </c>
      <c r="B9903" s="1" t="s">
        <v>53260</v>
      </c>
      <c r="C9903" s="1" t="s">
        <v>26813</v>
      </c>
      <c r="D9903" s="2">
        <v>162731</v>
      </c>
      <c r="E9903" s="1" t="s">
        <v>0</v>
      </c>
    </row>
    <row r="9904" spans="1:5" x14ac:dyDescent="0.25">
      <c r="A9904" s="1" t="s">
        <v>26814</v>
      </c>
      <c r="B9904" s="1" t="s">
        <v>53261</v>
      </c>
      <c r="C9904" s="1" t="s">
        <v>26815</v>
      </c>
      <c r="D9904" s="2">
        <v>162732</v>
      </c>
      <c r="E9904" s="1" t="s">
        <v>0</v>
      </c>
    </row>
    <row r="9905" spans="1:5" ht="409.5" x14ac:dyDescent="0.25">
      <c r="A9905" s="4" t="s">
        <v>26816</v>
      </c>
      <c r="B9905" s="1" t="s">
        <v>53262</v>
      </c>
      <c r="C9905" s="1" t="s">
        <v>26817</v>
      </c>
      <c r="D9905" s="2">
        <v>162733</v>
      </c>
      <c r="E9905" s="1" t="s">
        <v>0</v>
      </c>
    </row>
    <row r="9906" spans="1:5" x14ac:dyDescent="0.25">
      <c r="A9906" s="1" t="s">
        <v>26818</v>
      </c>
      <c r="B9906" s="1" t="s">
        <v>53263</v>
      </c>
      <c r="C9906" s="1" t="s">
        <v>26819</v>
      </c>
      <c r="D9906" s="2">
        <v>162734</v>
      </c>
      <c r="E9906" s="1" t="s">
        <v>0</v>
      </c>
    </row>
    <row r="9907" spans="1:5" x14ac:dyDescent="0.25">
      <c r="A9907" s="2">
        <v>1981</v>
      </c>
      <c r="B9907" s="2">
        <v>1981</v>
      </c>
      <c r="C9907" s="1" t="s">
        <v>0</v>
      </c>
      <c r="D9907" s="2">
        <v>162735</v>
      </c>
      <c r="E9907" s="1" t="s">
        <v>0</v>
      </c>
    </row>
    <row r="9908" spans="1:5" x14ac:dyDescent="0.25">
      <c r="A9908" s="1" t="s">
        <v>1822</v>
      </c>
      <c r="B9908" s="1" t="s">
        <v>7846</v>
      </c>
      <c r="C9908" s="1" t="s">
        <v>26820</v>
      </c>
      <c r="D9908" s="2">
        <v>162736</v>
      </c>
      <c r="E9908" s="1" t="s">
        <v>0</v>
      </c>
    </row>
    <row r="9909" spans="1:5" x14ac:dyDescent="0.25">
      <c r="A9909" s="1" t="s">
        <v>26821</v>
      </c>
      <c r="B9909" s="1" t="s">
        <v>7847</v>
      </c>
      <c r="C9909" s="1" t="s">
        <v>26822</v>
      </c>
      <c r="D9909" s="2">
        <v>162737</v>
      </c>
      <c r="E9909" s="1" t="s">
        <v>0</v>
      </c>
    </row>
    <row r="9910" spans="1:5" ht="409.5" x14ac:dyDescent="0.25">
      <c r="A9910" s="4" t="s">
        <v>26823</v>
      </c>
      <c r="B9910" s="1" t="s">
        <v>7848</v>
      </c>
      <c r="C9910" s="1" t="s">
        <v>26824</v>
      </c>
      <c r="D9910" s="2">
        <v>162738</v>
      </c>
      <c r="E9910" s="1" t="s">
        <v>0</v>
      </c>
    </row>
    <row r="9911" spans="1:5" x14ac:dyDescent="0.25">
      <c r="A9911" s="1" t="s">
        <v>26825</v>
      </c>
      <c r="B9911" s="1" t="s">
        <v>53264</v>
      </c>
      <c r="C9911" s="1" t="s">
        <v>26826</v>
      </c>
      <c r="D9911" s="2">
        <v>162739</v>
      </c>
      <c r="E9911" s="1" t="s">
        <v>0</v>
      </c>
    </row>
    <row r="9912" spans="1:5" x14ac:dyDescent="0.25">
      <c r="A9912" s="2">
        <v>1982</v>
      </c>
      <c r="B9912" s="2">
        <v>1982</v>
      </c>
      <c r="C9912" s="1" t="s">
        <v>0</v>
      </c>
      <c r="D9912" s="2">
        <v>162740</v>
      </c>
      <c r="E9912" s="1" t="s">
        <v>0</v>
      </c>
    </row>
    <row r="9913" spans="1:5" x14ac:dyDescent="0.25">
      <c r="A9913" s="1" t="s">
        <v>1823</v>
      </c>
      <c r="B9913" s="1" t="s">
        <v>7849</v>
      </c>
      <c r="C9913" s="1" t="s">
        <v>26827</v>
      </c>
      <c r="D9913" s="2">
        <v>162741</v>
      </c>
      <c r="E9913" s="1" t="s">
        <v>0</v>
      </c>
    </row>
    <row r="9914" spans="1:5" x14ac:dyDescent="0.25">
      <c r="A9914" s="1" t="s">
        <v>26828</v>
      </c>
      <c r="B9914" s="1" t="s">
        <v>59940</v>
      </c>
      <c r="C9914" s="1" t="s">
        <v>26829</v>
      </c>
      <c r="D9914" s="2">
        <v>162742</v>
      </c>
      <c r="E9914" s="1" t="s">
        <v>0</v>
      </c>
    </row>
    <row r="9915" spans="1:5" ht="409.5" x14ac:dyDescent="0.25">
      <c r="A9915" s="4" t="s">
        <v>26830</v>
      </c>
      <c r="B9915" s="1" t="s">
        <v>59941</v>
      </c>
      <c r="C9915" s="1" t="s">
        <v>26831</v>
      </c>
      <c r="D9915" s="2">
        <v>162743</v>
      </c>
      <c r="E9915" s="1" t="s">
        <v>0</v>
      </c>
    </row>
    <row r="9916" spans="1:5" x14ac:dyDescent="0.25">
      <c r="A9916" s="1" t="s">
        <v>26832</v>
      </c>
      <c r="B9916" s="1" t="s">
        <v>53265</v>
      </c>
      <c r="C9916" s="1" t="s">
        <v>26833</v>
      </c>
      <c r="D9916" s="2">
        <v>162744</v>
      </c>
      <c r="E9916" s="1" t="s">
        <v>0</v>
      </c>
    </row>
    <row r="9917" spans="1:5" x14ac:dyDescent="0.25">
      <c r="A9917" s="2">
        <v>1983</v>
      </c>
      <c r="B9917" s="2">
        <v>1983</v>
      </c>
      <c r="C9917" s="1" t="s">
        <v>0</v>
      </c>
      <c r="D9917" s="2">
        <v>162745</v>
      </c>
      <c r="E9917" s="1" t="s">
        <v>0</v>
      </c>
    </row>
    <row r="9918" spans="1:5" x14ac:dyDescent="0.25">
      <c r="A9918" s="1" t="s">
        <v>1824</v>
      </c>
      <c r="B9918" s="1" t="s">
        <v>7850</v>
      </c>
      <c r="C9918" s="1" t="s">
        <v>26834</v>
      </c>
      <c r="D9918" s="2">
        <v>162746</v>
      </c>
      <c r="E9918" s="1" t="s">
        <v>0</v>
      </c>
    </row>
    <row r="9919" spans="1:5" x14ac:dyDescent="0.25">
      <c r="A9919" s="1" t="s">
        <v>26835</v>
      </c>
      <c r="B9919" s="1" t="s">
        <v>7851</v>
      </c>
      <c r="C9919" s="1" t="s">
        <v>26836</v>
      </c>
      <c r="D9919" s="2">
        <v>162747</v>
      </c>
      <c r="E9919" s="1" t="s">
        <v>0</v>
      </c>
    </row>
    <row r="9920" spans="1:5" ht="409.5" x14ac:dyDescent="0.25">
      <c r="A9920" s="4" t="s">
        <v>26837</v>
      </c>
      <c r="B9920" s="1" t="s">
        <v>57493</v>
      </c>
      <c r="C9920" s="1" t="s">
        <v>26838</v>
      </c>
      <c r="D9920" s="2">
        <v>162748</v>
      </c>
      <c r="E9920" s="1" t="s">
        <v>0</v>
      </c>
    </row>
    <row r="9921" spans="1:5" x14ac:dyDescent="0.25">
      <c r="A9921" s="1" t="s">
        <v>26839</v>
      </c>
      <c r="B9921" s="1" t="s">
        <v>53266</v>
      </c>
      <c r="C9921" s="1" t="s">
        <v>26840</v>
      </c>
      <c r="D9921" s="2">
        <v>162749</v>
      </c>
      <c r="E9921" s="1" t="s">
        <v>0</v>
      </c>
    </row>
    <row r="9922" spans="1:5" x14ac:dyDescent="0.25">
      <c r="A9922" s="2">
        <v>1984</v>
      </c>
      <c r="B9922" s="2">
        <v>1984</v>
      </c>
      <c r="C9922" s="1" t="s">
        <v>0</v>
      </c>
      <c r="D9922" s="2">
        <v>162750</v>
      </c>
      <c r="E9922" s="1" t="s">
        <v>0</v>
      </c>
    </row>
    <row r="9923" spans="1:5" x14ac:dyDescent="0.25">
      <c r="A9923" s="1" t="s">
        <v>1825</v>
      </c>
      <c r="B9923" s="1" t="s">
        <v>7852</v>
      </c>
      <c r="C9923" s="1" t="s">
        <v>26841</v>
      </c>
      <c r="D9923" s="2">
        <v>162751</v>
      </c>
      <c r="E9923" s="1" t="s">
        <v>0</v>
      </c>
    </row>
    <row r="9924" spans="1:5" x14ac:dyDescent="0.25">
      <c r="A9924" s="1" t="s">
        <v>26842</v>
      </c>
      <c r="B9924" s="1" t="s">
        <v>62370</v>
      </c>
      <c r="C9924" s="1" t="s">
        <v>26843</v>
      </c>
      <c r="D9924" s="2">
        <v>162752</v>
      </c>
      <c r="E9924" s="1" t="s">
        <v>0</v>
      </c>
    </row>
    <row r="9925" spans="1:5" ht="409.5" x14ac:dyDescent="0.25">
      <c r="A9925" s="4" t="s">
        <v>26844</v>
      </c>
      <c r="B9925" s="1" t="s">
        <v>62371</v>
      </c>
      <c r="C9925" s="1" t="s">
        <v>26845</v>
      </c>
      <c r="D9925" s="2">
        <v>162753</v>
      </c>
      <c r="E9925" s="1" t="s">
        <v>0</v>
      </c>
    </row>
    <row r="9926" spans="1:5" x14ac:dyDescent="0.25">
      <c r="A9926" s="1" t="s">
        <v>26846</v>
      </c>
      <c r="B9926" s="1" t="s">
        <v>7853</v>
      </c>
      <c r="C9926" s="1" t="s">
        <v>26847</v>
      </c>
      <c r="D9926" s="2">
        <v>162754</v>
      </c>
      <c r="E9926" s="1" t="s">
        <v>0</v>
      </c>
    </row>
    <row r="9927" spans="1:5" x14ac:dyDescent="0.25">
      <c r="A9927" s="2">
        <v>1985</v>
      </c>
      <c r="B9927" s="2">
        <v>1985</v>
      </c>
      <c r="C9927" s="1" t="s">
        <v>0</v>
      </c>
      <c r="D9927" s="2">
        <v>162755</v>
      </c>
      <c r="E9927" s="1" t="s">
        <v>0</v>
      </c>
    </row>
    <row r="9928" spans="1:5" x14ac:dyDescent="0.25">
      <c r="A9928" s="1" t="s">
        <v>7854</v>
      </c>
      <c r="B9928" s="1" t="s">
        <v>7855</v>
      </c>
      <c r="C9928" s="1" t="s">
        <v>26848</v>
      </c>
      <c r="D9928" s="2">
        <v>162756</v>
      </c>
      <c r="E9928" s="1" t="s">
        <v>0</v>
      </c>
    </row>
    <row r="9929" spans="1:5" x14ac:dyDescent="0.25">
      <c r="A9929" s="1" t="s">
        <v>26849</v>
      </c>
      <c r="B9929" s="1" t="s">
        <v>53267</v>
      </c>
      <c r="C9929" s="1" t="s">
        <v>26850</v>
      </c>
      <c r="D9929" s="2">
        <v>162757</v>
      </c>
      <c r="E9929" s="1" t="s">
        <v>0</v>
      </c>
    </row>
    <row r="9930" spans="1:5" ht="409.5" x14ac:dyDescent="0.25">
      <c r="A9930" s="4" t="s">
        <v>26851</v>
      </c>
      <c r="B9930" s="1" t="s">
        <v>53268</v>
      </c>
      <c r="C9930" s="1" t="s">
        <v>26852</v>
      </c>
      <c r="D9930" s="2">
        <v>162758</v>
      </c>
      <c r="E9930" s="1" t="s">
        <v>0</v>
      </c>
    </row>
    <row r="9931" spans="1:5" x14ac:dyDescent="0.25">
      <c r="A9931" s="1" t="s">
        <v>26853</v>
      </c>
      <c r="B9931" s="1" t="s">
        <v>7856</v>
      </c>
      <c r="C9931" s="1" t="s">
        <v>26854</v>
      </c>
      <c r="D9931" s="2">
        <v>162759</v>
      </c>
      <c r="E9931" s="1" t="s">
        <v>0</v>
      </c>
    </row>
    <row r="9932" spans="1:5" x14ac:dyDescent="0.25">
      <c r="A9932" s="2">
        <v>1986</v>
      </c>
      <c r="B9932" s="2">
        <v>1986</v>
      </c>
      <c r="C9932" s="1" t="s">
        <v>0</v>
      </c>
      <c r="D9932" s="2">
        <v>162760</v>
      </c>
      <c r="E9932" s="1" t="s">
        <v>0</v>
      </c>
    </row>
    <row r="9933" spans="1:5" x14ac:dyDescent="0.25">
      <c r="A9933" s="1" t="s">
        <v>1826</v>
      </c>
      <c r="B9933" s="1" t="s">
        <v>7857</v>
      </c>
      <c r="C9933" s="1" t="s">
        <v>26855</v>
      </c>
      <c r="D9933" s="2">
        <v>162761</v>
      </c>
      <c r="E9933" s="1" t="s">
        <v>0</v>
      </c>
    </row>
    <row r="9934" spans="1:5" x14ac:dyDescent="0.25">
      <c r="A9934" s="1" t="s">
        <v>26856</v>
      </c>
      <c r="B9934" s="1" t="s">
        <v>7858</v>
      </c>
      <c r="C9934" s="1" t="s">
        <v>26857</v>
      </c>
      <c r="D9934" s="2">
        <v>162762</v>
      </c>
      <c r="E9934" s="1" t="s">
        <v>0</v>
      </c>
    </row>
    <row r="9935" spans="1:5" ht="409.5" x14ac:dyDescent="0.25">
      <c r="A9935" s="4" t="s">
        <v>26858</v>
      </c>
      <c r="B9935" s="1" t="s">
        <v>7859</v>
      </c>
      <c r="C9935" s="1" t="s">
        <v>26859</v>
      </c>
      <c r="D9935" s="2">
        <v>162763</v>
      </c>
      <c r="E9935" s="1" t="s">
        <v>0</v>
      </c>
    </row>
    <row r="9936" spans="1:5" x14ac:dyDescent="0.25">
      <c r="A9936" s="1" t="s">
        <v>26860</v>
      </c>
      <c r="B9936" s="1" t="s">
        <v>61077</v>
      </c>
      <c r="C9936" s="1" t="s">
        <v>26861</v>
      </c>
      <c r="D9936" s="2">
        <v>162764</v>
      </c>
      <c r="E9936" s="1" t="s">
        <v>0</v>
      </c>
    </row>
    <row r="9937" spans="1:5" x14ac:dyDescent="0.25">
      <c r="A9937" s="2">
        <v>1987</v>
      </c>
      <c r="B9937" s="2">
        <v>1987</v>
      </c>
      <c r="C9937" s="1" t="s">
        <v>0</v>
      </c>
      <c r="D9937" s="2">
        <v>162765</v>
      </c>
      <c r="E9937" s="1" t="s">
        <v>0</v>
      </c>
    </row>
    <row r="9938" spans="1:5" x14ac:dyDescent="0.25">
      <c r="A9938" s="1" t="s">
        <v>1827</v>
      </c>
      <c r="B9938" s="1" t="s">
        <v>59942</v>
      </c>
      <c r="C9938" s="1" t="s">
        <v>26862</v>
      </c>
      <c r="D9938" s="2">
        <v>162766</v>
      </c>
      <c r="E9938" s="1" t="s">
        <v>0</v>
      </c>
    </row>
    <row r="9939" spans="1:5" x14ac:dyDescent="0.25">
      <c r="A9939" s="1" t="s">
        <v>26863</v>
      </c>
      <c r="B9939" s="1" t="s">
        <v>53269</v>
      </c>
      <c r="C9939" s="1" t="s">
        <v>26864</v>
      </c>
      <c r="D9939" s="2">
        <v>162767</v>
      </c>
      <c r="E9939" s="1" t="s">
        <v>0</v>
      </c>
    </row>
    <row r="9940" spans="1:5" ht="409.5" x14ac:dyDescent="0.25">
      <c r="A9940" s="4" t="s">
        <v>26865</v>
      </c>
      <c r="B9940" s="1" t="s">
        <v>59943</v>
      </c>
      <c r="C9940" s="1" t="s">
        <v>26866</v>
      </c>
      <c r="D9940" s="2">
        <v>162768</v>
      </c>
      <c r="E9940" s="1" t="s">
        <v>0</v>
      </c>
    </row>
    <row r="9941" spans="1:5" x14ac:dyDescent="0.25">
      <c r="A9941" s="1" t="s">
        <v>14855</v>
      </c>
      <c r="B9941" s="1" t="s">
        <v>60879</v>
      </c>
      <c r="C9941" s="1" t="s">
        <v>14856</v>
      </c>
      <c r="D9941" s="2">
        <v>162769</v>
      </c>
      <c r="E9941" s="1" t="s">
        <v>0</v>
      </c>
    </row>
    <row r="9942" spans="1:5" x14ac:dyDescent="0.25">
      <c r="A9942" s="2">
        <v>1988</v>
      </c>
      <c r="B9942" s="2">
        <v>1988</v>
      </c>
      <c r="C9942" s="1" t="s">
        <v>0</v>
      </c>
      <c r="D9942" s="2">
        <v>162770</v>
      </c>
      <c r="E9942" s="1" t="s">
        <v>0</v>
      </c>
    </row>
    <row r="9943" spans="1:5" x14ac:dyDescent="0.25">
      <c r="A9943" s="1" t="s">
        <v>13093</v>
      </c>
      <c r="B9943" s="1" t="s">
        <v>13094</v>
      </c>
      <c r="C9943" s="1" t="s">
        <v>26867</v>
      </c>
      <c r="D9943" s="2">
        <v>162771</v>
      </c>
      <c r="E9943" s="1" t="s">
        <v>0</v>
      </c>
    </row>
    <row r="9944" spans="1:5" x14ac:dyDescent="0.25">
      <c r="A9944" s="1" t="s">
        <v>26868</v>
      </c>
      <c r="B9944" s="1" t="s">
        <v>53270</v>
      </c>
      <c r="C9944" s="1" t="s">
        <v>26869</v>
      </c>
      <c r="D9944" s="2">
        <v>162772</v>
      </c>
      <c r="E9944" s="1" t="s">
        <v>0</v>
      </c>
    </row>
    <row r="9945" spans="1:5" ht="409.5" x14ac:dyDescent="0.25">
      <c r="A9945" s="4" t="s">
        <v>26870</v>
      </c>
      <c r="B9945" s="1" t="s">
        <v>63316</v>
      </c>
      <c r="C9945" s="1" t="s">
        <v>26871</v>
      </c>
      <c r="D9945" s="2">
        <v>162773</v>
      </c>
      <c r="E9945" s="1" t="s">
        <v>0</v>
      </c>
    </row>
    <row r="9946" spans="1:5" x14ac:dyDescent="0.25">
      <c r="A9946" s="1" t="s">
        <v>26872</v>
      </c>
      <c r="B9946" s="1" t="s">
        <v>7860</v>
      </c>
      <c r="C9946" s="1" t="s">
        <v>26873</v>
      </c>
      <c r="D9946" s="2">
        <v>162774</v>
      </c>
      <c r="E9946" s="1" t="s">
        <v>0</v>
      </c>
    </row>
    <row r="9947" spans="1:5" x14ac:dyDescent="0.25">
      <c r="A9947" s="2">
        <v>1989</v>
      </c>
      <c r="B9947" s="2">
        <v>1989</v>
      </c>
      <c r="C9947" s="1" t="s">
        <v>0</v>
      </c>
      <c r="D9947" s="2">
        <v>162775</v>
      </c>
      <c r="E9947" s="1" t="s">
        <v>0</v>
      </c>
    </row>
    <row r="9948" spans="1:5" x14ac:dyDescent="0.25">
      <c r="A9948" s="1" t="s">
        <v>1828</v>
      </c>
      <c r="B9948" s="1" t="s">
        <v>7861</v>
      </c>
      <c r="C9948" s="1" t="s">
        <v>26874</v>
      </c>
      <c r="D9948" s="2">
        <v>162776</v>
      </c>
      <c r="E9948" s="1" t="s">
        <v>0</v>
      </c>
    </row>
    <row r="9949" spans="1:5" x14ac:dyDescent="0.25">
      <c r="A9949" s="1" t="s">
        <v>26875</v>
      </c>
      <c r="B9949" s="1" t="s">
        <v>7862</v>
      </c>
      <c r="C9949" s="1" t="s">
        <v>26876</v>
      </c>
      <c r="D9949" s="2">
        <v>162777</v>
      </c>
      <c r="E9949" s="1" t="s">
        <v>0</v>
      </c>
    </row>
    <row r="9950" spans="1:5" ht="409.5" x14ac:dyDescent="0.25">
      <c r="A9950" s="4" t="s">
        <v>26877</v>
      </c>
      <c r="B9950" s="1" t="s">
        <v>7863</v>
      </c>
      <c r="C9950" s="1" t="s">
        <v>26878</v>
      </c>
      <c r="D9950" s="2">
        <v>162778</v>
      </c>
      <c r="E9950" s="1" t="s">
        <v>0</v>
      </c>
    </row>
    <row r="9951" spans="1:5" x14ac:dyDescent="0.25">
      <c r="A9951" s="1" t="s">
        <v>26879</v>
      </c>
      <c r="B9951" s="1" t="s">
        <v>53271</v>
      </c>
      <c r="C9951" s="1" t="s">
        <v>26880</v>
      </c>
      <c r="D9951" s="2">
        <v>162779</v>
      </c>
      <c r="E9951" s="1" t="s">
        <v>0</v>
      </c>
    </row>
    <row r="9952" spans="1:5" x14ac:dyDescent="0.25">
      <c r="A9952" s="2">
        <v>1990</v>
      </c>
      <c r="B9952" s="2">
        <v>1990</v>
      </c>
      <c r="C9952" s="1" t="s">
        <v>0</v>
      </c>
      <c r="D9952" s="2">
        <v>162780</v>
      </c>
      <c r="E9952" s="1" t="s">
        <v>0</v>
      </c>
    </row>
    <row r="9953" spans="1:5" x14ac:dyDescent="0.25">
      <c r="A9953" s="1" t="s">
        <v>1829</v>
      </c>
      <c r="B9953" s="1" t="s">
        <v>58743</v>
      </c>
      <c r="C9953" s="1" t="s">
        <v>26881</v>
      </c>
      <c r="D9953" s="2">
        <v>162781</v>
      </c>
      <c r="E9953" s="1" t="s">
        <v>0</v>
      </c>
    </row>
    <row r="9954" spans="1:5" x14ac:dyDescent="0.25">
      <c r="A9954" s="1" t="s">
        <v>26882</v>
      </c>
      <c r="B9954" s="1" t="s">
        <v>62372</v>
      </c>
      <c r="C9954" s="1" t="s">
        <v>26883</v>
      </c>
      <c r="D9954" s="2">
        <v>162782</v>
      </c>
      <c r="E9954" s="1" t="s">
        <v>0</v>
      </c>
    </row>
    <row r="9955" spans="1:5" ht="409.5" x14ac:dyDescent="0.25">
      <c r="A9955" s="4" t="s">
        <v>26884</v>
      </c>
      <c r="B9955" s="1" t="s">
        <v>62373</v>
      </c>
      <c r="C9955" s="1" t="s">
        <v>26885</v>
      </c>
      <c r="D9955" s="2">
        <v>162783</v>
      </c>
      <c r="E9955" s="1" t="s">
        <v>0</v>
      </c>
    </row>
    <row r="9956" spans="1:5" x14ac:dyDescent="0.25">
      <c r="A9956" s="1" t="s">
        <v>26886</v>
      </c>
      <c r="B9956" s="1" t="s">
        <v>58744</v>
      </c>
      <c r="C9956" s="1" t="s">
        <v>26887</v>
      </c>
      <c r="D9956" s="2">
        <v>162784</v>
      </c>
      <c r="E9956" s="1" t="s">
        <v>0</v>
      </c>
    </row>
    <row r="9957" spans="1:5" x14ac:dyDescent="0.25">
      <c r="A9957" s="2">
        <v>1991</v>
      </c>
      <c r="B9957" s="2">
        <v>1991</v>
      </c>
      <c r="C9957" s="1" t="s">
        <v>0</v>
      </c>
      <c r="D9957" s="2">
        <v>162785</v>
      </c>
      <c r="E9957" s="1" t="s">
        <v>0</v>
      </c>
    </row>
    <row r="9958" spans="1:5" x14ac:dyDescent="0.25">
      <c r="A9958" s="1" t="s">
        <v>1830</v>
      </c>
      <c r="B9958" s="1" t="s">
        <v>50662</v>
      </c>
      <c r="C9958" s="1" t="s">
        <v>26888</v>
      </c>
      <c r="D9958" s="2">
        <v>162786</v>
      </c>
      <c r="E9958" s="1" t="s">
        <v>0</v>
      </c>
    </row>
    <row r="9959" spans="1:5" x14ac:dyDescent="0.25">
      <c r="A9959" s="1" t="s">
        <v>26889</v>
      </c>
      <c r="B9959" s="1" t="s">
        <v>53272</v>
      </c>
      <c r="C9959" s="1" t="s">
        <v>26890</v>
      </c>
      <c r="D9959" s="2">
        <v>162787</v>
      </c>
      <c r="E9959" s="1" t="s">
        <v>0</v>
      </c>
    </row>
    <row r="9960" spans="1:5" ht="409.5" x14ac:dyDescent="0.25">
      <c r="A9960" s="4" t="s">
        <v>26891</v>
      </c>
      <c r="B9960" s="1" t="s">
        <v>59944</v>
      </c>
      <c r="C9960" s="1" t="s">
        <v>26892</v>
      </c>
      <c r="D9960" s="2">
        <v>162788</v>
      </c>
      <c r="E9960" s="1" t="s">
        <v>0</v>
      </c>
    </row>
    <row r="9961" spans="1:5" x14ac:dyDescent="0.25">
      <c r="A9961" s="1" t="s">
        <v>13413</v>
      </c>
      <c r="B9961" s="1" t="s">
        <v>60845</v>
      </c>
      <c r="C9961" s="1" t="s">
        <v>13414</v>
      </c>
      <c r="D9961" s="2">
        <v>162789</v>
      </c>
      <c r="E9961" s="1" t="s">
        <v>0</v>
      </c>
    </row>
    <row r="9962" spans="1:5" x14ac:dyDescent="0.25">
      <c r="A9962" s="2">
        <v>1992</v>
      </c>
      <c r="B9962" s="2">
        <v>1992</v>
      </c>
      <c r="C9962" s="1" t="s">
        <v>0</v>
      </c>
      <c r="D9962" s="2">
        <v>162790</v>
      </c>
      <c r="E9962" s="1" t="s">
        <v>0</v>
      </c>
    </row>
    <row r="9963" spans="1:5" x14ac:dyDescent="0.25">
      <c r="A9963" s="1" t="s">
        <v>7864</v>
      </c>
      <c r="B9963" s="1" t="s">
        <v>53273</v>
      </c>
      <c r="C9963" s="1" t="s">
        <v>26893</v>
      </c>
      <c r="D9963" s="2">
        <v>162791</v>
      </c>
      <c r="E9963" s="1" t="s">
        <v>0</v>
      </c>
    </row>
    <row r="9964" spans="1:5" x14ac:dyDescent="0.25">
      <c r="A9964" s="1" t="s">
        <v>26894</v>
      </c>
      <c r="B9964" s="1" t="s">
        <v>53274</v>
      </c>
      <c r="C9964" s="1" t="s">
        <v>26895</v>
      </c>
      <c r="D9964" s="2">
        <v>162792</v>
      </c>
      <c r="E9964" s="1" t="s">
        <v>0</v>
      </c>
    </row>
    <row r="9965" spans="1:5" ht="409.5" x14ac:dyDescent="0.25">
      <c r="A9965" s="4" t="s">
        <v>26896</v>
      </c>
      <c r="B9965" s="1" t="s">
        <v>58331</v>
      </c>
      <c r="C9965" s="1" t="s">
        <v>26897</v>
      </c>
      <c r="D9965" s="2">
        <v>162793</v>
      </c>
      <c r="E9965" s="1" t="s">
        <v>0</v>
      </c>
    </row>
    <row r="9966" spans="1:5" x14ac:dyDescent="0.25">
      <c r="A9966" s="1" t="s">
        <v>14855</v>
      </c>
      <c r="B9966" s="1" t="s">
        <v>60879</v>
      </c>
      <c r="C9966" s="1" t="s">
        <v>14856</v>
      </c>
      <c r="D9966" s="2">
        <v>162794</v>
      </c>
      <c r="E9966" s="1" t="s">
        <v>0</v>
      </c>
    </row>
    <row r="9967" spans="1:5" x14ac:dyDescent="0.25">
      <c r="A9967" s="2">
        <v>1993</v>
      </c>
      <c r="B9967" s="2">
        <v>1993</v>
      </c>
      <c r="C9967" s="1" t="s">
        <v>0</v>
      </c>
      <c r="D9967" s="2">
        <v>162795</v>
      </c>
      <c r="E9967" s="1" t="s">
        <v>0</v>
      </c>
    </row>
    <row r="9968" spans="1:5" x14ac:dyDescent="0.25">
      <c r="A9968" s="1" t="s">
        <v>1831</v>
      </c>
      <c r="B9968" s="1" t="s">
        <v>7865</v>
      </c>
      <c r="C9968" s="1" t="s">
        <v>1832</v>
      </c>
      <c r="D9968" s="2">
        <v>162796</v>
      </c>
      <c r="E9968" s="1" t="s">
        <v>0</v>
      </c>
    </row>
    <row r="9969" spans="1:5" x14ac:dyDescent="0.25">
      <c r="A9969" s="1" t="s">
        <v>26898</v>
      </c>
      <c r="B9969" s="1" t="s">
        <v>53275</v>
      </c>
      <c r="C9969" s="1" t="s">
        <v>26899</v>
      </c>
      <c r="D9969" s="2">
        <v>162797</v>
      </c>
      <c r="E9969" s="1" t="s">
        <v>0</v>
      </c>
    </row>
    <row r="9970" spans="1:5" ht="409.5" x14ac:dyDescent="0.25">
      <c r="A9970" s="4" t="s">
        <v>26900</v>
      </c>
      <c r="B9970" s="1" t="s">
        <v>53276</v>
      </c>
      <c r="C9970" s="1" t="s">
        <v>26901</v>
      </c>
      <c r="D9970" s="2">
        <v>162798</v>
      </c>
      <c r="E9970" s="1" t="s">
        <v>0</v>
      </c>
    </row>
    <row r="9971" spans="1:5" x14ac:dyDescent="0.25">
      <c r="A9971" s="1" t="s">
        <v>26902</v>
      </c>
      <c r="B9971" s="1" t="s">
        <v>53277</v>
      </c>
      <c r="C9971" s="1" t="s">
        <v>26903</v>
      </c>
      <c r="D9971" s="2">
        <v>162799</v>
      </c>
      <c r="E9971" s="1" t="s">
        <v>0</v>
      </c>
    </row>
    <row r="9972" spans="1:5" x14ac:dyDescent="0.25">
      <c r="A9972" s="2">
        <v>1994</v>
      </c>
      <c r="B9972" s="2">
        <v>1994</v>
      </c>
      <c r="C9972" s="1" t="s">
        <v>0</v>
      </c>
      <c r="D9972" s="2">
        <v>162800</v>
      </c>
      <c r="E9972" s="1" t="s">
        <v>0</v>
      </c>
    </row>
    <row r="9973" spans="1:5" x14ac:dyDescent="0.25">
      <c r="A9973" s="1" t="s">
        <v>1833</v>
      </c>
      <c r="B9973" s="1" t="s">
        <v>7866</v>
      </c>
      <c r="C9973" s="1" t="s">
        <v>26904</v>
      </c>
      <c r="D9973" s="2">
        <v>162801</v>
      </c>
      <c r="E9973" s="1" t="s">
        <v>0</v>
      </c>
    </row>
    <row r="9974" spans="1:5" x14ac:dyDescent="0.25">
      <c r="A9974" s="1" t="s">
        <v>26905</v>
      </c>
      <c r="B9974" s="1" t="s">
        <v>7867</v>
      </c>
      <c r="C9974" s="1" t="s">
        <v>26906</v>
      </c>
      <c r="D9974" s="2">
        <v>162802</v>
      </c>
      <c r="E9974" s="1" t="s">
        <v>0</v>
      </c>
    </row>
    <row r="9975" spans="1:5" ht="409.5" x14ac:dyDescent="0.25">
      <c r="A9975" s="4" t="s">
        <v>64134</v>
      </c>
      <c r="B9975" s="1" t="s">
        <v>57494</v>
      </c>
      <c r="C9975" s="1" t="s">
        <v>26907</v>
      </c>
      <c r="D9975" s="2">
        <v>162803</v>
      </c>
      <c r="E9975" s="1" t="s">
        <v>0</v>
      </c>
    </row>
    <row r="9976" spans="1:5" x14ac:dyDescent="0.25">
      <c r="A9976" s="1" t="s">
        <v>26908</v>
      </c>
      <c r="B9976" s="1" t="s">
        <v>1834</v>
      </c>
      <c r="C9976" s="1" t="s">
        <v>26909</v>
      </c>
      <c r="D9976" s="2">
        <v>162804</v>
      </c>
      <c r="E9976" s="1" t="s">
        <v>0</v>
      </c>
    </row>
    <row r="9977" spans="1:5" x14ac:dyDescent="0.25">
      <c r="A9977" s="2">
        <v>1995</v>
      </c>
      <c r="B9977" s="2">
        <v>1995</v>
      </c>
      <c r="C9977" s="1" t="s">
        <v>0</v>
      </c>
      <c r="D9977" s="2">
        <v>162805</v>
      </c>
      <c r="E9977" s="1" t="s">
        <v>0</v>
      </c>
    </row>
    <row r="9978" spans="1:5" x14ac:dyDescent="0.25">
      <c r="A9978" s="1" t="s">
        <v>1835</v>
      </c>
      <c r="B9978" s="1" t="s">
        <v>7868</v>
      </c>
      <c r="C9978" s="1" t="s">
        <v>26910</v>
      </c>
      <c r="D9978" s="2">
        <v>162806</v>
      </c>
      <c r="E9978" s="1" t="s">
        <v>0</v>
      </c>
    </row>
    <row r="9979" spans="1:5" x14ac:dyDescent="0.25">
      <c r="A9979" s="1" t="s">
        <v>26911</v>
      </c>
      <c r="B9979" s="1" t="s">
        <v>7869</v>
      </c>
      <c r="C9979" s="1" t="s">
        <v>26912</v>
      </c>
      <c r="D9979" s="2">
        <v>162807</v>
      </c>
      <c r="E9979" s="1" t="s">
        <v>0</v>
      </c>
    </row>
    <row r="9980" spans="1:5" ht="409.5" x14ac:dyDescent="0.25">
      <c r="A9980" s="4" t="s">
        <v>26913</v>
      </c>
      <c r="B9980" s="1" t="s">
        <v>7870</v>
      </c>
      <c r="C9980" s="1" t="s">
        <v>26914</v>
      </c>
      <c r="D9980" s="2">
        <v>162808</v>
      </c>
      <c r="E9980" s="1" t="s">
        <v>0</v>
      </c>
    </row>
    <row r="9981" spans="1:5" x14ac:dyDescent="0.25">
      <c r="A9981" s="1" t="s">
        <v>26915</v>
      </c>
      <c r="B9981" s="1" t="s">
        <v>53278</v>
      </c>
      <c r="C9981" s="1" t="s">
        <v>26916</v>
      </c>
      <c r="D9981" s="2">
        <v>162809</v>
      </c>
      <c r="E9981" s="1" t="s">
        <v>0</v>
      </c>
    </row>
    <row r="9982" spans="1:5" x14ac:dyDescent="0.25">
      <c r="A9982" s="2">
        <v>1996</v>
      </c>
      <c r="B9982" s="2">
        <v>1996</v>
      </c>
      <c r="C9982" s="1" t="s">
        <v>0</v>
      </c>
      <c r="D9982" s="2">
        <v>162810</v>
      </c>
      <c r="E9982" s="1" t="s">
        <v>0</v>
      </c>
    </row>
    <row r="9983" spans="1:5" x14ac:dyDescent="0.25">
      <c r="A9983" s="1" t="s">
        <v>1836</v>
      </c>
      <c r="B9983" s="1" t="s">
        <v>53279</v>
      </c>
      <c r="C9983" s="1" t="s">
        <v>26917</v>
      </c>
      <c r="D9983" s="2">
        <v>162811</v>
      </c>
      <c r="E9983" s="1" t="s">
        <v>0</v>
      </c>
    </row>
    <row r="9984" spans="1:5" x14ac:dyDescent="0.25">
      <c r="A9984" s="1" t="s">
        <v>26918</v>
      </c>
      <c r="B9984" s="1" t="s">
        <v>61078</v>
      </c>
      <c r="C9984" s="1" t="s">
        <v>26919</v>
      </c>
      <c r="D9984" s="2">
        <v>162812</v>
      </c>
      <c r="E9984" s="1" t="s">
        <v>0</v>
      </c>
    </row>
    <row r="9985" spans="1:5" ht="409.5" x14ac:dyDescent="0.25">
      <c r="A9985" s="4" t="s">
        <v>64135</v>
      </c>
      <c r="B9985" s="1" t="s">
        <v>61079</v>
      </c>
      <c r="C9985" s="1" t="s">
        <v>26920</v>
      </c>
      <c r="D9985" s="2">
        <v>162813</v>
      </c>
      <c r="E9985" s="1" t="s">
        <v>0</v>
      </c>
    </row>
    <row r="9986" spans="1:5" x14ac:dyDescent="0.25">
      <c r="A9986" s="1" t="s">
        <v>26921</v>
      </c>
      <c r="B9986" s="1" t="s">
        <v>7871</v>
      </c>
      <c r="C9986" s="1" t="s">
        <v>26922</v>
      </c>
      <c r="D9986" s="2">
        <v>162814</v>
      </c>
      <c r="E9986" s="1" t="s">
        <v>0</v>
      </c>
    </row>
    <row r="9987" spans="1:5" x14ac:dyDescent="0.25">
      <c r="A9987" s="2">
        <v>1997</v>
      </c>
      <c r="B9987" s="2">
        <v>1997</v>
      </c>
      <c r="C9987" s="1" t="s">
        <v>0</v>
      </c>
      <c r="D9987" s="2">
        <v>162815</v>
      </c>
      <c r="E9987" s="1" t="s">
        <v>0</v>
      </c>
    </row>
    <row r="9988" spans="1:5" x14ac:dyDescent="0.25">
      <c r="A9988" s="1" t="s">
        <v>1837</v>
      </c>
      <c r="B9988" s="1" t="s">
        <v>59945</v>
      </c>
      <c r="C9988" s="1" t="s">
        <v>26923</v>
      </c>
      <c r="D9988" s="2">
        <v>162816</v>
      </c>
      <c r="E9988" s="1" t="s">
        <v>0</v>
      </c>
    </row>
    <row r="9989" spans="1:5" x14ac:dyDescent="0.25">
      <c r="A9989" s="1" t="s">
        <v>26924</v>
      </c>
      <c r="B9989" s="1" t="s">
        <v>53280</v>
      </c>
      <c r="C9989" s="1" t="s">
        <v>26925</v>
      </c>
      <c r="D9989" s="2">
        <v>162817</v>
      </c>
      <c r="E9989" s="1" t="s">
        <v>0</v>
      </c>
    </row>
    <row r="9990" spans="1:5" ht="409.5" x14ac:dyDescent="0.25">
      <c r="A9990" s="4" t="s">
        <v>26926</v>
      </c>
      <c r="B9990" s="1" t="s">
        <v>53281</v>
      </c>
      <c r="C9990" s="1" t="s">
        <v>26927</v>
      </c>
      <c r="D9990" s="2">
        <v>162818</v>
      </c>
      <c r="E9990" s="1" t="s">
        <v>0</v>
      </c>
    </row>
    <row r="9991" spans="1:5" x14ac:dyDescent="0.25">
      <c r="A9991" s="1" t="s">
        <v>26928</v>
      </c>
      <c r="B9991" s="1" t="s">
        <v>53282</v>
      </c>
      <c r="C9991" s="1" t="s">
        <v>26929</v>
      </c>
      <c r="D9991" s="2">
        <v>162819</v>
      </c>
      <c r="E9991" s="1" t="s">
        <v>0</v>
      </c>
    </row>
    <row r="9992" spans="1:5" x14ac:dyDescent="0.25">
      <c r="A9992" s="2">
        <v>1998</v>
      </c>
      <c r="B9992" s="2">
        <v>1998</v>
      </c>
      <c r="C9992" s="1" t="s">
        <v>0</v>
      </c>
      <c r="D9992" s="2">
        <v>162820</v>
      </c>
      <c r="E9992" s="1" t="s">
        <v>0</v>
      </c>
    </row>
    <row r="9993" spans="1:5" x14ac:dyDescent="0.25">
      <c r="A9993" s="1" t="s">
        <v>1838</v>
      </c>
      <c r="B9993" s="1" t="s">
        <v>7872</v>
      </c>
      <c r="C9993" s="1" t="s">
        <v>26930</v>
      </c>
      <c r="D9993" s="2">
        <v>162821</v>
      </c>
      <c r="E9993" s="1" t="s">
        <v>0</v>
      </c>
    </row>
    <row r="9994" spans="1:5" x14ac:dyDescent="0.25">
      <c r="A9994" s="1" t="s">
        <v>26931</v>
      </c>
      <c r="B9994" s="1" t="s">
        <v>7873</v>
      </c>
      <c r="C9994" s="1" t="s">
        <v>26932</v>
      </c>
      <c r="D9994" s="2">
        <v>162822</v>
      </c>
      <c r="E9994" s="1" t="s">
        <v>0</v>
      </c>
    </row>
    <row r="9995" spans="1:5" ht="409.5" x14ac:dyDescent="0.25">
      <c r="A9995" s="4" t="s">
        <v>26933</v>
      </c>
      <c r="B9995" s="1" t="s">
        <v>53283</v>
      </c>
      <c r="C9995" s="1" t="s">
        <v>26934</v>
      </c>
      <c r="D9995" s="2">
        <v>162823</v>
      </c>
      <c r="E9995" s="1" t="s">
        <v>0</v>
      </c>
    </row>
    <row r="9996" spans="1:5" x14ac:dyDescent="0.25">
      <c r="A9996" s="1" t="s">
        <v>26935</v>
      </c>
      <c r="B9996" s="1" t="s">
        <v>53284</v>
      </c>
      <c r="C9996" s="1" t="s">
        <v>26936</v>
      </c>
      <c r="D9996" s="2">
        <v>162824</v>
      </c>
      <c r="E9996" s="1" t="s">
        <v>0</v>
      </c>
    </row>
    <row r="9997" spans="1:5" x14ac:dyDescent="0.25">
      <c r="A9997" s="2">
        <v>1999</v>
      </c>
      <c r="B9997" s="2">
        <v>1999</v>
      </c>
      <c r="C9997" s="1" t="s">
        <v>0</v>
      </c>
      <c r="D9997" s="2">
        <v>162825</v>
      </c>
      <c r="E9997" s="1" t="s">
        <v>0</v>
      </c>
    </row>
    <row r="9998" spans="1:5" x14ac:dyDescent="0.25">
      <c r="A9998" s="1" t="s">
        <v>1839</v>
      </c>
      <c r="B9998" s="1" t="s">
        <v>59946</v>
      </c>
      <c r="C9998" s="1" t="s">
        <v>26937</v>
      </c>
      <c r="D9998" s="2">
        <v>162826</v>
      </c>
      <c r="E9998" s="1" t="s">
        <v>0</v>
      </c>
    </row>
    <row r="9999" spans="1:5" x14ac:dyDescent="0.25">
      <c r="A9999" s="1" t="s">
        <v>26938</v>
      </c>
      <c r="B9999" s="1" t="s">
        <v>7874</v>
      </c>
      <c r="C9999" s="1" t="s">
        <v>26939</v>
      </c>
      <c r="D9999" s="2">
        <v>162827</v>
      </c>
      <c r="E9999" s="1" t="s">
        <v>0</v>
      </c>
    </row>
    <row r="10000" spans="1:5" ht="409.5" x14ac:dyDescent="0.25">
      <c r="A10000" s="4" t="s">
        <v>26940</v>
      </c>
      <c r="B10000" s="1" t="s">
        <v>60421</v>
      </c>
      <c r="C10000" s="1" t="s">
        <v>26941</v>
      </c>
      <c r="D10000" s="2">
        <v>162828</v>
      </c>
      <c r="E10000" s="1" t="s">
        <v>0</v>
      </c>
    </row>
    <row r="10001" spans="1:5" x14ac:dyDescent="0.25">
      <c r="A10001" s="1" t="s">
        <v>26942</v>
      </c>
      <c r="B10001" s="1" t="s">
        <v>53285</v>
      </c>
      <c r="C10001" s="1" t="s">
        <v>26943</v>
      </c>
      <c r="D10001" s="2">
        <v>162829</v>
      </c>
      <c r="E10001" s="1" t="s">
        <v>0</v>
      </c>
    </row>
    <row r="10002" spans="1:5" x14ac:dyDescent="0.25">
      <c r="A10002" s="2">
        <v>2000</v>
      </c>
      <c r="B10002" s="2">
        <v>2000</v>
      </c>
      <c r="C10002" s="1" t="s">
        <v>0</v>
      </c>
      <c r="D10002" s="2">
        <v>162830</v>
      </c>
      <c r="E10002" s="1" t="s">
        <v>0</v>
      </c>
    </row>
    <row r="10003" spans="1:5" x14ac:dyDescent="0.25">
      <c r="A10003" s="1" t="s">
        <v>1840</v>
      </c>
      <c r="B10003" s="1" t="s">
        <v>7875</v>
      </c>
      <c r="C10003" s="1" t="s">
        <v>26944</v>
      </c>
      <c r="D10003" s="2">
        <v>162831</v>
      </c>
      <c r="E10003" s="1" t="s">
        <v>0</v>
      </c>
    </row>
    <row r="10004" spans="1:5" x14ac:dyDescent="0.25">
      <c r="A10004" s="1" t="s">
        <v>26945</v>
      </c>
      <c r="B10004" s="1" t="s">
        <v>53286</v>
      </c>
      <c r="C10004" s="1" t="s">
        <v>26946</v>
      </c>
      <c r="D10004" s="2">
        <v>162832</v>
      </c>
      <c r="E10004" s="1" t="s">
        <v>0</v>
      </c>
    </row>
    <row r="10005" spans="1:5" ht="409.5" x14ac:dyDescent="0.25">
      <c r="A10005" s="4" t="s">
        <v>26947</v>
      </c>
      <c r="B10005" s="1" t="s">
        <v>59947</v>
      </c>
      <c r="C10005" s="1" t="s">
        <v>26948</v>
      </c>
      <c r="D10005" s="2">
        <v>162833</v>
      </c>
      <c r="E10005" s="1" t="s">
        <v>0</v>
      </c>
    </row>
    <row r="10006" spans="1:5" x14ac:dyDescent="0.25">
      <c r="A10006" s="1" t="s">
        <v>26949</v>
      </c>
      <c r="B10006" s="1" t="s">
        <v>53287</v>
      </c>
      <c r="C10006" s="1" t="s">
        <v>26950</v>
      </c>
      <c r="D10006" s="2">
        <v>162834</v>
      </c>
      <c r="E10006" s="1" t="s">
        <v>0</v>
      </c>
    </row>
    <row r="10007" spans="1:5" x14ac:dyDescent="0.25">
      <c r="A10007" s="2">
        <v>2001</v>
      </c>
      <c r="B10007" s="2">
        <v>2001</v>
      </c>
      <c r="C10007" s="1" t="s">
        <v>0</v>
      </c>
      <c r="D10007" s="2">
        <v>162835</v>
      </c>
      <c r="E10007" s="1" t="s">
        <v>0</v>
      </c>
    </row>
    <row r="10008" spans="1:5" x14ac:dyDescent="0.25">
      <c r="A10008" s="1" t="s">
        <v>1841</v>
      </c>
      <c r="B10008" s="1" t="s">
        <v>7876</v>
      </c>
      <c r="C10008" s="1" t="s">
        <v>26951</v>
      </c>
      <c r="D10008" s="2">
        <v>162836</v>
      </c>
      <c r="E10008" s="1" t="s">
        <v>0</v>
      </c>
    </row>
    <row r="10009" spans="1:5" x14ac:dyDescent="0.25">
      <c r="A10009" s="1" t="s">
        <v>26952</v>
      </c>
      <c r="B10009" s="1" t="s">
        <v>7877</v>
      </c>
      <c r="C10009" s="1" t="s">
        <v>26953</v>
      </c>
      <c r="D10009" s="2">
        <v>162837</v>
      </c>
      <c r="E10009" s="1" t="s">
        <v>0</v>
      </c>
    </row>
    <row r="10010" spans="1:5" ht="409.5" x14ac:dyDescent="0.25">
      <c r="A10010" s="4" t="s">
        <v>26954</v>
      </c>
      <c r="B10010" s="1" t="s">
        <v>59595</v>
      </c>
      <c r="C10010" s="1" t="s">
        <v>26955</v>
      </c>
      <c r="D10010" s="2">
        <v>162838</v>
      </c>
      <c r="E10010" s="1" t="s">
        <v>0</v>
      </c>
    </row>
    <row r="10011" spans="1:5" x14ac:dyDescent="0.25">
      <c r="A10011" s="1" t="s">
        <v>26956</v>
      </c>
      <c r="B10011" s="1" t="s">
        <v>7878</v>
      </c>
      <c r="C10011" s="1" t="s">
        <v>26957</v>
      </c>
      <c r="D10011" s="2">
        <v>162839</v>
      </c>
      <c r="E10011" s="1" t="s">
        <v>0</v>
      </c>
    </row>
    <row r="10012" spans="1:5" x14ac:dyDescent="0.25">
      <c r="A10012" s="2">
        <v>2002</v>
      </c>
      <c r="B10012" s="2">
        <v>2002</v>
      </c>
      <c r="C10012" s="1" t="s">
        <v>0</v>
      </c>
      <c r="D10012" s="2">
        <v>162840</v>
      </c>
      <c r="E10012" s="1" t="s">
        <v>0</v>
      </c>
    </row>
    <row r="10013" spans="1:5" x14ac:dyDescent="0.25">
      <c r="A10013" s="1" t="s">
        <v>1842</v>
      </c>
      <c r="B10013" s="1" t="s">
        <v>7879</v>
      </c>
      <c r="C10013" s="1" t="s">
        <v>26958</v>
      </c>
      <c r="D10013" s="2">
        <v>162841</v>
      </c>
      <c r="E10013" s="1" t="s">
        <v>0</v>
      </c>
    </row>
    <row r="10014" spans="1:5" x14ac:dyDescent="0.25">
      <c r="A10014" s="1" t="s">
        <v>26959</v>
      </c>
      <c r="B10014" s="1" t="s">
        <v>62374</v>
      </c>
      <c r="C10014" s="1" t="s">
        <v>26960</v>
      </c>
      <c r="D10014" s="2">
        <v>162842</v>
      </c>
      <c r="E10014" s="1" t="s">
        <v>0</v>
      </c>
    </row>
    <row r="10015" spans="1:5" ht="409.5" x14ac:dyDescent="0.25">
      <c r="A10015" s="4" t="s">
        <v>26961</v>
      </c>
      <c r="B10015" s="1" t="s">
        <v>62375</v>
      </c>
      <c r="C10015" s="1" t="s">
        <v>26962</v>
      </c>
      <c r="D10015" s="2">
        <v>162843</v>
      </c>
      <c r="E10015" s="1" t="s">
        <v>0</v>
      </c>
    </row>
    <row r="10016" spans="1:5" x14ac:dyDescent="0.25">
      <c r="A10016" s="1" t="s">
        <v>26963</v>
      </c>
      <c r="B10016" s="1" t="s">
        <v>7880</v>
      </c>
      <c r="C10016" s="1" t="s">
        <v>26964</v>
      </c>
      <c r="D10016" s="2">
        <v>162844</v>
      </c>
      <c r="E10016" s="1" t="s">
        <v>0</v>
      </c>
    </row>
    <row r="10017" spans="1:5" x14ac:dyDescent="0.25">
      <c r="A10017" s="2">
        <v>2003</v>
      </c>
      <c r="B10017" s="2">
        <v>2003</v>
      </c>
      <c r="C10017" s="1" t="s">
        <v>0</v>
      </c>
      <c r="D10017" s="2">
        <v>162845</v>
      </c>
      <c r="E10017" s="1" t="s">
        <v>0</v>
      </c>
    </row>
    <row r="10018" spans="1:5" x14ac:dyDescent="0.25">
      <c r="A10018" s="1" t="s">
        <v>1843</v>
      </c>
      <c r="B10018" s="1" t="s">
        <v>7881</v>
      </c>
      <c r="C10018" s="1" t="s">
        <v>26965</v>
      </c>
      <c r="D10018" s="2">
        <v>162846</v>
      </c>
      <c r="E10018" s="1" t="s">
        <v>0</v>
      </c>
    </row>
    <row r="10019" spans="1:5" x14ac:dyDescent="0.25">
      <c r="A10019" s="1" t="s">
        <v>26966</v>
      </c>
      <c r="B10019" s="1" t="s">
        <v>53288</v>
      </c>
      <c r="C10019" s="1" t="s">
        <v>26967</v>
      </c>
      <c r="D10019" s="2">
        <v>162847</v>
      </c>
      <c r="E10019" s="1" t="s">
        <v>0</v>
      </c>
    </row>
    <row r="10020" spans="1:5" ht="409.5" x14ac:dyDescent="0.25">
      <c r="A10020" s="4" t="s">
        <v>26968</v>
      </c>
      <c r="B10020" s="1" t="s">
        <v>53289</v>
      </c>
      <c r="C10020" s="1" t="s">
        <v>26969</v>
      </c>
      <c r="D10020" s="2">
        <v>162848</v>
      </c>
      <c r="E10020" s="1" t="s">
        <v>0</v>
      </c>
    </row>
    <row r="10021" spans="1:5" x14ac:dyDescent="0.25">
      <c r="A10021" s="1" t="s">
        <v>26970</v>
      </c>
      <c r="B10021" s="1" t="s">
        <v>53290</v>
      </c>
      <c r="C10021" s="1" t="s">
        <v>26971</v>
      </c>
      <c r="D10021" s="2">
        <v>162849</v>
      </c>
      <c r="E10021" s="1" t="s">
        <v>0</v>
      </c>
    </row>
    <row r="10022" spans="1:5" x14ac:dyDescent="0.25">
      <c r="A10022" s="2">
        <v>2004</v>
      </c>
      <c r="B10022" s="2">
        <v>2004</v>
      </c>
      <c r="C10022" s="1" t="s">
        <v>0</v>
      </c>
      <c r="D10022" s="2">
        <v>162850</v>
      </c>
      <c r="E10022" s="1" t="s">
        <v>0</v>
      </c>
    </row>
    <row r="10023" spans="1:5" x14ac:dyDescent="0.25">
      <c r="A10023" s="1" t="s">
        <v>1844</v>
      </c>
      <c r="B10023" s="1" t="s">
        <v>50663</v>
      </c>
      <c r="C10023" s="1" t="s">
        <v>26972</v>
      </c>
      <c r="D10023" s="2">
        <v>162851</v>
      </c>
      <c r="E10023" s="1" t="s">
        <v>0</v>
      </c>
    </row>
    <row r="10024" spans="1:5" x14ac:dyDescent="0.25">
      <c r="A10024" s="1" t="s">
        <v>26973</v>
      </c>
      <c r="B10024" s="1" t="s">
        <v>56746</v>
      </c>
      <c r="C10024" s="1" t="s">
        <v>26974</v>
      </c>
      <c r="D10024" s="2">
        <v>162852</v>
      </c>
      <c r="E10024" s="1" t="s">
        <v>0</v>
      </c>
    </row>
    <row r="10025" spans="1:5" ht="409.5" x14ac:dyDescent="0.25">
      <c r="A10025" s="4" t="s">
        <v>26975</v>
      </c>
      <c r="B10025" s="1" t="s">
        <v>59948</v>
      </c>
      <c r="C10025" s="1" t="s">
        <v>26976</v>
      </c>
      <c r="D10025" s="2">
        <v>162853</v>
      </c>
      <c r="E10025" s="1" t="s">
        <v>0</v>
      </c>
    </row>
    <row r="10026" spans="1:5" x14ac:dyDescent="0.25">
      <c r="A10026" s="1" t="s">
        <v>26977</v>
      </c>
      <c r="B10026" s="1" t="s">
        <v>50664</v>
      </c>
      <c r="C10026" s="1" t="s">
        <v>26978</v>
      </c>
      <c r="D10026" s="2">
        <v>162854</v>
      </c>
      <c r="E10026" s="1" t="s">
        <v>0</v>
      </c>
    </row>
    <row r="10027" spans="1:5" x14ac:dyDescent="0.25">
      <c r="A10027" s="2">
        <v>2005</v>
      </c>
      <c r="B10027" s="2">
        <v>2005</v>
      </c>
      <c r="C10027" s="1" t="s">
        <v>0</v>
      </c>
      <c r="D10027" s="2">
        <v>162855</v>
      </c>
      <c r="E10027" s="1" t="s">
        <v>0</v>
      </c>
    </row>
    <row r="10028" spans="1:5" x14ac:dyDescent="0.25">
      <c r="A10028" s="1" t="s">
        <v>1845</v>
      </c>
      <c r="B10028" s="1" t="s">
        <v>50665</v>
      </c>
      <c r="C10028" s="1" t="s">
        <v>26979</v>
      </c>
      <c r="D10028" s="2">
        <v>162856</v>
      </c>
      <c r="E10028" s="1" t="s">
        <v>0</v>
      </c>
    </row>
    <row r="10029" spans="1:5" x14ac:dyDescent="0.25">
      <c r="A10029" s="1" t="s">
        <v>26980</v>
      </c>
      <c r="B10029" s="1" t="s">
        <v>53291</v>
      </c>
      <c r="C10029" s="1" t="s">
        <v>26981</v>
      </c>
      <c r="D10029" s="2">
        <v>162857</v>
      </c>
      <c r="E10029" s="1" t="s">
        <v>0</v>
      </c>
    </row>
    <row r="10030" spans="1:5" ht="409.5" x14ac:dyDescent="0.25">
      <c r="A10030" s="4" t="s">
        <v>26982</v>
      </c>
      <c r="B10030" s="1" t="s">
        <v>61080</v>
      </c>
      <c r="C10030" s="1" t="s">
        <v>26983</v>
      </c>
      <c r="D10030" s="2">
        <v>162858</v>
      </c>
      <c r="E10030" s="1" t="s">
        <v>0</v>
      </c>
    </row>
    <row r="10031" spans="1:5" x14ac:dyDescent="0.25">
      <c r="A10031" s="1" t="s">
        <v>13413</v>
      </c>
      <c r="B10031" s="1" t="s">
        <v>60845</v>
      </c>
      <c r="C10031" s="1" t="s">
        <v>13414</v>
      </c>
      <c r="D10031" s="2">
        <v>162859</v>
      </c>
      <c r="E10031" s="1" t="s">
        <v>0</v>
      </c>
    </row>
    <row r="10032" spans="1:5" x14ac:dyDescent="0.25">
      <c r="A10032" s="2">
        <v>2006</v>
      </c>
      <c r="B10032" s="2">
        <v>2006</v>
      </c>
      <c r="C10032" s="1" t="s">
        <v>0</v>
      </c>
      <c r="D10032" s="2">
        <v>162860</v>
      </c>
      <c r="E10032" s="1" t="s">
        <v>0</v>
      </c>
    </row>
    <row r="10033" spans="1:5" x14ac:dyDescent="0.25">
      <c r="A10033" s="1" t="s">
        <v>1846</v>
      </c>
      <c r="B10033" s="1" t="s">
        <v>7882</v>
      </c>
      <c r="C10033" s="1" t="s">
        <v>26984</v>
      </c>
      <c r="D10033" s="2">
        <v>162861</v>
      </c>
      <c r="E10033" s="1" t="s">
        <v>0</v>
      </c>
    </row>
    <row r="10034" spans="1:5" x14ac:dyDescent="0.25">
      <c r="A10034" s="1" t="s">
        <v>26985</v>
      </c>
      <c r="B10034" s="1" t="s">
        <v>62376</v>
      </c>
      <c r="C10034" s="1" t="s">
        <v>26986</v>
      </c>
      <c r="D10034" s="2">
        <v>162862</v>
      </c>
      <c r="E10034" s="1" t="s">
        <v>0</v>
      </c>
    </row>
    <row r="10035" spans="1:5" ht="409.5" x14ac:dyDescent="0.25">
      <c r="A10035" s="4" t="s">
        <v>26987</v>
      </c>
      <c r="B10035" s="1" t="s">
        <v>62377</v>
      </c>
      <c r="C10035" s="1" t="s">
        <v>26988</v>
      </c>
      <c r="D10035" s="2">
        <v>162863</v>
      </c>
      <c r="E10035" s="1" t="s">
        <v>0</v>
      </c>
    </row>
    <row r="10036" spans="1:5" x14ac:dyDescent="0.25">
      <c r="A10036" s="1" t="s">
        <v>26989</v>
      </c>
      <c r="B10036" s="1" t="s">
        <v>53292</v>
      </c>
      <c r="C10036" s="1" t="s">
        <v>26990</v>
      </c>
      <c r="D10036" s="2">
        <v>162864</v>
      </c>
      <c r="E10036" s="1" t="s">
        <v>0</v>
      </c>
    </row>
    <row r="10037" spans="1:5" x14ac:dyDescent="0.25">
      <c r="A10037" s="2">
        <v>2007</v>
      </c>
      <c r="B10037" s="2">
        <v>2007</v>
      </c>
      <c r="C10037" s="1" t="s">
        <v>0</v>
      </c>
      <c r="D10037" s="2">
        <v>162865</v>
      </c>
      <c r="E10037" s="1" t="s">
        <v>0</v>
      </c>
    </row>
    <row r="10038" spans="1:5" x14ac:dyDescent="0.25">
      <c r="A10038" s="1" t="s">
        <v>1847</v>
      </c>
      <c r="B10038" s="1" t="s">
        <v>7883</v>
      </c>
      <c r="C10038" s="1" t="s">
        <v>26991</v>
      </c>
      <c r="D10038" s="2">
        <v>162866</v>
      </c>
      <c r="E10038" s="1" t="s">
        <v>0</v>
      </c>
    </row>
    <row r="10039" spans="1:5" x14ac:dyDescent="0.25">
      <c r="A10039" s="1" t="s">
        <v>26992</v>
      </c>
      <c r="B10039" s="1" t="s">
        <v>26993</v>
      </c>
      <c r="C10039" s="1" t="s">
        <v>26994</v>
      </c>
      <c r="D10039" s="2">
        <v>162867</v>
      </c>
      <c r="E10039" s="1" t="s">
        <v>0</v>
      </c>
    </row>
    <row r="10040" spans="1:5" ht="409.5" x14ac:dyDescent="0.25">
      <c r="A10040" s="4" t="s">
        <v>26995</v>
      </c>
      <c r="B10040" s="1" t="s">
        <v>53293</v>
      </c>
      <c r="C10040" s="1" t="s">
        <v>26996</v>
      </c>
      <c r="D10040" s="2">
        <v>162868</v>
      </c>
      <c r="E10040" s="1" t="s">
        <v>0</v>
      </c>
    </row>
    <row r="10041" spans="1:5" x14ac:dyDescent="0.25">
      <c r="A10041" s="1" t="s">
        <v>26997</v>
      </c>
      <c r="B10041" s="1" t="s">
        <v>7884</v>
      </c>
      <c r="C10041" s="1" t="s">
        <v>26998</v>
      </c>
      <c r="D10041" s="2">
        <v>162869</v>
      </c>
      <c r="E10041" s="1" t="s">
        <v>0</v>
      </c>
    </row>
    <row r="10042" spans="1:5" x14ac:dyDescent="0.25">
      <c r="A10042" s="2">
        <v>2008</v>
      </c>
      <c r="B10042" s="2">
        <v>2008</v>
      </c>
      <c r="C10042" s="1" t="s">
        <v>0</v>
      </c>
      <c r="D10042" s="2">
        <v>162870</v>
      </c>
      <c r="E10042" s="1" t="s">
        <v>0</v>
      </c>
    </row>
    <row r="10043" spans="1:5" x14ac:dyDescent="0.25">
      <c r="A10043" s="1" t="s">
        <v>13095</v>
      </c>
      <c r="B10043" s="1" t="s">
        <v>7885</v>
      </c>
      <c r="C10043" s="1" t="s">
        <v>26999</v>
      </c>
      <c r="D10043" s="2">
        <v>162871</v>
      </c>
      <c r="E10043" s="1" t="s">
        <v>0</v>
      </c>
    </row>
    <row r="10044" spans="1:5" x14ac:dyDescent="0.25">
      <c r="A10044" s="1" t="s">
        <v>27000</v>
      </c>
      <c r="B10044" s="1" t="s">
        <v>53294</v>
      </c>
      <c r="C10044" s="1" t="s">
        <v>27001</v>
      </c>
      <c r="D10044" s="2">
        <v>162872</v>
      </c>
      <c r="E10044" s="1" t="s">
        <v>0</v>
      </c>
    </row>
    <row r="10045" spans="1:5" ht="409.5" x14ac:dyDescent="0.25">
      <c r="A10045" s="4" t="s">
        <v>27002</v>
      </c>
      <c r="B10045" s="1" t="s">
        <v>53295</v>
      </c>
      <c r="C10045" s="1" t="s">
        <v>27003</v>
      </c>
      <c r="D10045" s="2">
        <v>162873</v>
      </c>
      <c r="E10045" s="1" t="s">
        <v>0</v>
      </c>
    </row>
    <row r="10046" spans="1:5" x14ac:dyDescent="0.25">
      <c r="A10046" s="1" t="s">
        <v>27004</v>
      </c>
      <c r="B10046" s="1" t="s">
        <v>53296</v>
      </c>
      <c r="C10046" s="1" t="s">
        <v>27005</v>
      </c>
      <c r="D10046" s="2">
        <v>162874</v>
      </c>
      <c r="E10046" s="1" t="s">
        <v>0</v>
      </c>
    </row>
    <row r="10047" spans="1:5" x14ac:dyDescent="0.25">
      <c r="A10047" s="2">
        <v>2009</v>
      </c>
      <c r="B10047" s="2">
        <v>2009</v>
      </c>
      <c r="C10047" s="1" t="s">
        <v>0</v>
      </c>
      <c r="D10047" s="2">
        <v>162875</v>
      </c>
      <c r="E10047" s="1" t="s">
        <v>0</v>
      </c>
    </row>
    <row r="10048" spans="1:5" x14ac:dyDescent="0.25">
      <c r="A10048" s="1" t="s">
        <v>1848</v>
      </c>
      <c r="B10048" s="1" t="s">
        <v>7886</v>
      </c>
      <c r="C10048" s="1" t="s">
        <v>27006</v>
      </c>
      <c r="D10048" s="2">
        <v>162876</v>
      </c>
      <c r="E10048" s="1" t="s">
        <v>0</v>
      </c>
    </row>
    <row r="10049" spans="1:5" x14ac:dyDescent="0.25">
      <c r="A10049" s="1" t="s">
        <v>27007</v>
      </c>
      <c r="B10049" s="1" t="s">
        <v>60598</v>
      </c>
      <c r="C10049" s="1" t="s">
        <v>27008</v>
      </c>
      <c r="D10049" s="2">
        <v>162877</v>
      </c>
      <c r="E10049" s="1" t="s">
        <v>0</v>
      </c>
    </row>
    <row r="10050" spans="1:5" ht="409.5" x14ac:dyDescent="0.25">
      <c r="A10050" s="4" t="s">
        <v>27009</v>
      </c>
      <c r="B10050" s="1" t="s">
        <v>60599</v>
      </c>
      <c r="C10050" s="1" t="s">
        <v>27010</v>
      </c>
      <c r="D10050" s="2">
        <v>162878</v>
      </c>
      <c r="E10050" s="1" t="s">
        <v>0</v>
      </c>
    </row>
    <row r="10051" spans="1:5" x14ac:dyDescent="0.25">
      <c r="A10051" s="1" t="s">
        <v>27011</v>
      </c>
      <c r="B10051" s="1" t="s">
        <v>7887</v>
      </c>
      <c r="C10051" s="1" t="s">
        <v>27012</v>
      </c>
      <c r="D10051" s="2">
        <v>162879</v>
      </c>
      <c r="E10051" s="1" t="s">
        <v>0</v>
      </c>
    </row>
    <row r="10052" spans="1:5" x14ac:dyDescent="0.25">
      <c r="A10052" s="2">
        <v>2010</v>
      </c>
      <c r="B10052" s="2">
        <v>2010</v>
      </c>
      <c r="C10052" s="1" t="s">
        <v>0</v>
      </c>
      <c r="D10052" s="2">
        <v>162880</v>
      </c>
      <c r="E10052" s="1" t="s">
        <v>0</v>
      </c>
    </row>
    <row r="10053" spans="1:5" x14ac:dyDescent="0.25">
      <c r="A10053" s="1" t="s">
        <v>13096</v>
      </c>
      <c r="B10053" s="1" t="s">
        <v>7888</v>
      </c>
      <c r="C10053" s="1" t="s">
        <v>27013</v>
      </c>
      <c r="D10053" s="2">
        <v>162881</v>
      </c>
      <c r="E10053" s="1" t="s">
        <v>0</v>
      </c>
    </row>
    <row r="10054" spans="1:5" x14ac:dyDescent="0.25">
      <c r="A10054" s="1" t="s">
        <v>27014</v>
      </c>
      <c r="B10054" s="1" t="s">
        <v>63317</v>
      </c>
      <c r="C10054" s="1" t="s">
        <v>27015</v>
      </c>
      <c r="D10054" s="2">
        <v>162882</v>
      </c>
      <c r="E10054" s="1" t="s">
        <v>0</v>
      </c>
    </row>
    <row r="10055" spans="1:5" ht="409.5" x14ac:dyDescent="0.25">
      <c r="A10055" s="4" t="s">
        <v>27016</v>
      </c>
      <c r="B10055" s="1" t="s">
        <v>63318</v>
      </c>
      <c r="C10055" s="1" t="s">
        <v>27017</v>
      </c>
      <c r="D10055" s="2">
        <v>162883</v>
      </c>
      <c r="E10055" s="1" t="s">
        <v>0</v>
      </c>
    </row>
    <row r="10056" spans="1:5" x14ac:dyDescent="0.25">
      <c r="A10056" s="1" t="s">
        <v>27018</v>
      </c>
      <c r="B10056" s="1" t="s">
        <v>53297</v>
      </c>
      <c r="C10056" s="1" t="s">
        <v>27019</v>
      </c>
      <c r="D10056" s="2">
        <v>162884</v>
      </c>
      <c r="E10056" s="1" t="s">
        <v>0</v>
      </c>
    </row>
    <row r="10057" spans="1:5" x14ac:dyDescent="0.25">
      <c r="A10057" s="2">
        <v>2011</v>
      </c>
      <c r="B10057" s="2">
        <v>2011</v>
      </c>
      <c r="C10057" s="1" t="s">
        <v>0</v>
      </c>
      <c r="D10057" s="2">
        <v>162885</v>
      </c>
      <c r="E10057" s="1" t="s">
        <v>0</v>
      </c>
    </row>
    <row r="10058" spans="1:5" x14ac:dyDescent="0.25">
      <c r="A10058" s="1" t="s">
        <v>1849</v>
      </c>
      <c r="B10058" s="1" t="s">
        <v>7889</v>
      </c>
      <c r="C10058" s="1" t="s">
        <v>27020</v>
      </c>
      <c r="D10058" s="2">
        <v>162886</v>
      </c>
      <c r="E10058" s="1" t="s">
        <v>0</v>
      </c>
    </row>
    <row r="10059" spans="1:5" x14ac:dyDescent="0.25">
      <c r="A10059" s="1" t="s">
        <v>27021</v>
      </c>
      <c r="B10059" s="1" t="s">
        <v>13097</v>
      </c>
      <c r="C10059" s="1" t="s">
        <v>27022</v>
      </c>
      <c r="D10059" s="2">
        <v>162887</v>
      </c>
      <c r="E10059" s="1" t="s">
        <v>0</v>
      </c>
    </row>
    <row r="10060" spans="1:5" ht="409.5" x14ac:dyDescent="0.25">
      <c r="A10060" s="4" t="s">
        <v>27023</v>
      </c>
      <c r="B10060" s="1" t="s">
        <v>13098</v>
      </c>
      <c r="C10060" s="1" t="s">
        <v>27024</v>
      </c>
      <c r="D10060" s="2">
        <v>162888</v>
      </c>
      <c r="E10060" s="1" t="s">
        <v>0</v>
      </c>
    </row>
    <row r="10061" spans="1:5" x14ac:dyDescent="0.25">
      <c r="A10061" s="1" t="s">
        <v>27025</v>
      </c>
      <c r="B10061" s="1" t="s">
        <v>7890</v>
      </c>
      <c r="C10061" s="1" t="s">
        <v>27026</v>
      </c>
      <c r="D10061" s="2">
        <v>162889</v>
      </c>
      <c r="E10061" s="1" t="s">
        <v>0</v>
      </c>
    </row>
    <row r="10062" spans="1:5" x14ac:dyDescent="0.25">
      <c r="A10062" s="2">
        <v>2012</v>
      </c>
      <c r="B10062" s="2">
        <v>2012</v>
      </c>
      <c r="C10062" s="1" t="s">
        <v>0</v>
      </c>
      <c r="D10062" s="2">
        <v>162890</v>
      </c>
      <c r="E10062" s="1" t="s">
        <v>0</v>
      </c>
    </row>
    <row r="10063" spans="1:5" x14ac:dyDescent="0.25">
      <c r="A10063" s="1" t="s">
        <v>1850</v>
      </c>
      <c r="B10063" s="1" t="s">
        <v>58745</v>
      </c>
      <c r="C10063" s="1" t="s">
        <v>27027</v>
      </c>
      <c r="D10063" s="2">
        <v>162891</v>
      </c>
      <c r="E10063" s="1" t="s">
        <v>0</v>
      </c>
    </row>
    <row r="10064" spans="1:5" x14ac:dyDescent="0.25">
      <c r="A10064" s="1" t="s">
        <v>27028</v>
      </c>
      <c r="B10064" s="1" t="s">
        <v>62378</v>
      </c>
      <c r="C10064" s="1" t="s">
        <v>27029</v>
      </c>
      <c r="D10064" s="2">
        <v>162892</v>
      </c>
      <c r="E10064" s="1" t="s">
        <v>0</v>
      </c>
    </row>
    <row r="10065" spans="1:5" ht="409.5" x14ac:dyDescent="0.25">
      <c r="A10065" s="4" t="s">
        <v>27030</v>
      </c>
      <c r="B10065" s="1" t="s">
        <v>62379</v>
      </c>
      <c r="C10065" s="1" t="s">
        <v>27031</v>
      </c>
      <c r="D10065" s="2">
        <v>162893</v>
      </c>
      <c r="E10065" s="1" t="s">
        <v>0</v>
      </c>
    </row>
    <row r="10066" spans="1:5" x14ac:dyDescent="0.25">
      <c r="A10066" s="1" t="s">
        <v>27032</v>
      </c>
      <c r="B10066" s="1" t="s">
        <v>58746</v>
      </c>
      <c r="C10066" s="1" t="s">
        <v>27033</v>
      </c>
      <c r="D10066" s="2">
        <v>162894</v>
      </c>
      <c r="E10066" s="1" t="s">
        <v>0</v>
      </c>
    </row>
    <row r="10067" spans="1:5" x14ac:dyDescent="0.25">
      <c r="A10067" s="2">
        <v>2013</v>
      </c>
      <c r="B10067" s="2">
        <v>2013</v>
      </c>
      <c r="C10067" s="1" t="s">
        <v>0</v>
      </c>
      <c r="D10067" s="2">
        <v>162895</v>
      </c>
      <c r="E10067" s="1" t="s">
        <v>0</v>
      </c>
    </row>
    <row r="10068" spans="1:5" x14ac:dyDescent="0.25">
      <c r="A10068" s="1" t="s">
        <v>1851</v>
      </c>
      <c r="B10068" s="1" t="s">
        <v>56936</v>
      </c>
      <c r="C10068" s="1" t="s">
        <v>27034</v>
      </c>
      <c r="D10068" s="2">
        <v>162896</v>
      </c>
      <c r="E10068" s="1" t="s">
        <v>0</v>
      </c>
    </row>
    <row r="10069" spans="1:5" x14ac:dyDescent="0.25">
      <c r="A10069" s="1" t="s">
        <v>27035</v>
      </c>
      <c r="B10069" s="1" t="s">
        <v>62380</v>
      </c>
      <c r="C10069" s="1" t="s">
        <v>27036</v>
      </c>
      <c r="D10069" s="2">
        <v>162897</v>
      </c>
      <c r="E10069" s="1" t="s">
        <v>0</v>
      </c>
    </row>
    <row r="10070" spans="1:5" ht="409.5" x14ac:dyDescent="0.25">
      <c r="A10070" s="4" t="s">
        <v>61794</v>
      </c>
      <c r="B10070" s="1" t="s">
        <v>62381</v>
      </c>
      <c r="C10070" s="1" t="s">
        <v>27037</v>
      </c>
      <c r="D10070" s="2">
        <v>162898</v>
      </c>
      <c r="E10070" s="1" t="s">
        <v>0</v>
      </c>
    </row>
    <row r="10071" spans="1:5" x14ac:dyDescent="0.25">
      <c r="A10071" s="1" t="s">
        <v>27038</v>
      </c>
      <c r="B10071" s="1" t="s">
        <v>53298</v>
      </c>
      <c r="C10071" s="1" t="s">
        <v>27039</v>
      </c>
      <c r="D10071" s="2">
        <v>162899</v>
      </c>
      <c r="E10071" s="1" t="s">
        <v>0</v>
      </c>
    </row>
    <row r="10072" spans="1:5" x14ac:dyDescent="0.25">
      <c r="A10072" s="2">
        <v>2014</v>
      </c>
      <c r="B10072" s="2">
        <v>2014</v>
      </c>
      <c r="C10072" s="1" t="s">
        <v>0</v>
      </c>
      <c r="D10072" s="2">
        <v>162900</v>
      </c>
      <c r="E10072" s="1" t="s">
        <v>0</v>
      </c>
    </row>
    <row r="10073" spans="1:5" x14ac:dyDescent="0.25">
      <c r="A10073" s="1" t="s">
        <v>1852</v>
      </c>
      <c r="B10073" s="1" t="s">
        <v>7891</v>
      </c>
      <c r="C10073" s="1" t="s">
        <v>27040</v>
      </c>
      <c r="D10073" s="2">
        <v>162901</v>
      </c>
      <c r="E10073" s="1" t="s">
        <v>0</v>
      </c>
    </row>
    <row r="10074" spans="1:5" x14ac:dyDescent="0.25">
      <c r="A10074" s="1" t="s">
        <v>61795</v>
      </c>
      <c r="B10074" s="1" t="s">
        <v>61635</v>
      </c>
      <c r="C10074" s="1" t="s">
        <v>61796</v>
      </c>
      <c r="D10074" s="2">
        <v>162902</v>
      </c>
      <c r="E10074" s="1" t="s">
        <v>0</v>
      </c>
    </row>
    <row r="10075" spans="1:5" ht="409.5" x14ac:dyDescent="0.25">
      <c r="A10075" s="4" t="s">
        <v>61797</v>
      </c>
      <c r="B10075" s="1" t="s">
        <v>61636</v>
      </c>
      <c r="C10075" s="1" t="s">
        <v>27041</v>
      </c>
      <c r="D10075" s="2">
        <v>162903</v>
      </c>
      <c r="E10075" s="1" t="s">
        <v>0</v>
      </c>
    </row>
    <row r="10076" spans="1:5" x14ac:dyDescent="0.25">
      <c r="A10076" s="1" t="s">
        <v>27042</v>
      </c>
      <c r="B10076" s="1" t="s">
        <v>7892</v>
      </c>
      <c r="C10076" s="1" t="s">
        <v>27043</v>
      </c>
      <c r="D10076" s="2">
        <v>162904</v>
      </c>
      <c r="E10076" s="1" t="s">
        <v>0</v>
      </c>
    </row>
    <row r="10077" spans="1:5" x14ac:dyDescent="0.25">
      <c r="A10077" s="2">
        <v>2015</v>
      </c>
      <c r="B10077" s="2">
        <v>2015</v>
      </c>
      <c r="C10077" s="1" t="s">
        <v>0</v>
      </c>
      <c r="D10077" s="2">
        <v>162905</v>
      </c>
      <c r="E10077" s="1" t="s">
        <v>0</v>
      </c>
    </row>
    <row r="10078" spans="1:5" x14ac:dyDescent="0.25">
      <c r="A10078" s="1" t="s">
        <v>1853</v>
      </c>
      <c r="B10078" s="1" t="s">
        <v>7893</v>
      </c>
      <c r="C10078" s="1" t="s">
        <v>27044</v>
      </c>
      <c r="D10078" s="2">
        <v>162906</v>
      </c>
      <c r="E10078" s="1" t="s">
        <v>0</v>
      </c>
    </row>
    <row r="10079" spans="1:5" x14ac:dyDescent="0.25">
      <c r="A10079" s="1" t="s">
        <v>27045</v>
      </c>
      <c r="B10079" s="1" t="s">
        <v>53299</v>
      </c>
      <c r="C10079" s="1" t="s">
        <v>27046</v>
      </c>
      <c r="D10079" s="2">
        <v>162907</v>
      </c>
      <c r="E10079" s="1" t="s">
        <v>0</v>
      </c>
    </row>
    <row r="10080" spans="1:5" ht="409.5" x14ac:dyDescent="0.25">
      <c r="A10080" s="4" t="s">
        <v>27047</v>
      </c>
      <c r="B10080" s="1" t="s">
        <v>60819</v>
      </c>
      <c r="C10080" s="1" t="s">
        <v>27048</v>
      </c>
      <c r="D10080" s="2">
        <v>162908</v>
      </c>
      <c r="E10080" s="1" t="s">
        <v>0</v>
      </c>
    </row>
    <row r="10081" spans="1:5" x14ac:dyDescent="0.25">
      <c r="A10081" s="1" t="s">
        <v>27049</v>
      </c>
      <c r="B10081" s="1" t="s">
        <v>53300</v>
      </c>
      <c r="C10081" s="1" t="s">
        <v>27050</v>
      </c>
      <c r="D10081" s="2">
        <v>162909</v>
      </c>
      <c r="E10081" s="1" t="s">
        <v>0</v>
      </c>
    </row>
    <row r="10082" spans="1:5" x14ac:dyDescent="0.25">
      <c r="A10082" s="2">
        <v>2016</v>
      </c>
      <c r="B10082" s="2">
        <v>2016</v>
      </c>
      <c r="C10082" s="1" t="s">
        <v>0</v>
      </c>
      <c r="D10082" s="2">
        <v>162910</v>
      </c>
      <c r="E10082" s="1" t="s">
        <v>0</v>
      </c>
    </row>
    <row r="10083" spans="1:5" x14ac:dyDescent="0.25">
      <c r="A10083" s="1" t="s">
        <v>1854</v>
      </c>
      <c r="B10083" s="1" t="s">
        <v>7894</v>
      </c>
      <c r="C10083" s="1" t="s">
        <v>27051</v>
      </c>
      <c r="D10083" s="2">
        <v>162911</v>
      </c>
      <c r="E10083" s="1" t="s">
        <v>0</v>
      </c>
    </row>
    <row r="10084" spans="1:5" x14ac:dyDescent="0.25">
      <c r="A10084" s="1" t="s">
        <v>27052</v>
      </c>
      <c r="B10084" s="1" t="s">
        <v>7895</v>
      </c>
      <c r="C10084" s="1" t="s">
        <v>27053</v>
      </c>
      <c r="D10084" s="2">
        <v>162912</v>
      </c>
      <c r="E10084" s="1" t="s">
        <v>0</v>
      </c>
    </row>
    <row r="10085" spans="1:5" ht="409.5" x14ac:dyDescent="0.25">
      <c r="A10085" s="4" t="s">
        <v>27054</v>
      </c>
      <c r="B10085" s="1" t="s">
        <v>60734</v>
      </c>
      <c r="C10085" s="1" t="s">
        <v>27055</v>
      </c>
      <c r="D10085" s="2">
        <v>162913</v>
      </c>
      <c r="E10085" s="1" t="s">
        <v>0</v>
      </c>
    </row>
    <row r="10086" spans="1:5" x14ac:dyDescent="0.25">
      <c r="A10086" s="1" t="s">
        <v>27056</v>
      </c>
      <c r="B10086" s="1" t="s">
        <v>53301</v>
      </c>
      <c r="C10086" s="1" t="s">
        <v>27057</v>
      </c>
      <c r="D10086" s="2">
        <v>162914</v>
      </c>
      <c r="E10086" s="1" t="s">
        <v>0</v>
      </c>
    </row>
    <row r="10087" spans="1:5" x14ac:dyDescent="0.25">
      <c r="A10087" s="2">
        <v>2017</v>
      </c>
      <c r="B10087" s="2">
        <v>2017</v>
      </c>
      <c r="C10087" s="1" t="s">
        <v>0</v>
      </c>
      <c r="D10087" s="2">
        <v>162915</v>
      </c>
      <c r="E10087" s="1" t="s">
        <v>0</v>
      </c>
    </row>
    <row r="10088" spans="1:5" x14ac:dyDescent="0.25">
      <c r="A10088" s="1" t="s">
        <v>1855</v>
      </c>
      <c r="B10088" s="1" t="s">
        <v>7896</v>
      </c>
      <c r="C10088" s="1" t="s">
        <v>27058</v>
      </c>
      <c r="D10088" s="2">
        <v>162916</v>
      </c>
      <c r="E10088" s="1" t="s">
        <v>0</v>
      </c>
    </row>
    <row r="10089" spans="1:5" x14ac:dyDescent="0.25">
      <c r="A10089" s="1" t="s">
        <v>27059</v>
      </c>
      <c r="B10089" s="1" t="s">
        <v>7897</v>
      </c>
      <c r="C10089" s="1" t="s">
        <v>27060</v>
      </c>
      <c r="D10089" s="2">
        <v>162917</v>
      </c>
      <c r="E10089" s="1" t="s">
        <v>0</v>
      </c>
    </row>
    <row r="10090" spans="1:5" ht="409.5" x14ac:dyDescent="0.25">
      <c r="A10090" s="4" t="s">
        <v>27061</v>
      </c>
      <c r="B10090" s="1" t="s">
        <v>7898</v>
      </c>
      <c r="C10090" s="1" t="s">
        <v>27062</v>
      </c>
      <c r="D10090" s="2">
        <v>162918</v>
      </c>
      <c r="E10090" s="1" t="s">
        <v>0</v>
      </c>
    </row>
    <row r="10091" spans="1:5" x14ac:dyDescent="0.25">
      <c r="A10091" s="1" t="s">
        <v>27063</v>
      </c>
      <c r="B10091" s="1" t="s">
        <v>53302</v>
      </c>
      <c r="C10091" s="1" t="s">
        <v>27064</v>
      </c>
      <c r="D10091" s="2">
        <v>162919</v>
      </c>
      <c r="E10091" s="1" t="s">
        <v>0</v>
      </c>
    </row>
    <row r="10092" spans="1:5" x14ac:dyDescent="0.25">
      <c r="A10092" s="2">
        <v>2018</v>
      </c>
      <c r="B10092" s="2">
        <v>2018</v>
      </c>
      <c r="C10092" s="1" t="s">
        <v>0</v>
      </c>
      <c r="D10092" s="2">
        <v>162920</v>
      </c>
      <c r="E10092" s="1" t="s">
        <v>0</v>
      </c>
    </row>
    <row r="10093" spans="1:5" x14ac:dyDescent="0.25">
      <c r="A10093" s="1" t="s">
        <v>1856</v>
      </c>
      <c r="B10093" s="1" t="s">
        <v>7899</v>
      </c>
      <c r="C10093" s="1" t="s">
        <v>27065</v>
      </c>
      <c r="D10093" s="2">
        <v>162921</v>
      </c>
      <c r="E10093" s="1" t="s">
        <v>0</v>
      </c>
    </row>
    <row r="10094" spans="1:5" x14ac:dyDescent="0.25">
      <c r="A10094" s="1" t="s">
        <v>27066</v>
      </c>
      <c r="B10094" s="1" t="s">
        <v>56747</v>
      </c>
      <c r="C10094" s="1" t="s">
        <v>27067</v>
      </c>
      <c r="D10094" s="2">
        <v>162922</v>
      </c>
      <c r="E10094" s="1" t="s">
        <v>0</v>
      </c>
    </row>
    <row r="10095" spans="1:5" ht="409.5" x14ac:dyDescent="0.25">
      <c r="A10095" s="4" t="s">
        <v>27068</v>
      </c>
      <c r="B10095" s="1" t="s">
        <v>56748</v>
      </c>
      <c r="C10095" s="1" t="s">
        <v>27069</v>
      </c>
      <c r="D10095" s="2">
        <v>162923</v>
      </c>
      <c r="E10095" s="1" t="s">
        <v>0</v>
      </c>
    </row>
    <row r="10096" spans="1:5" x14ac:dyDescent="0.25">
      <c r="A10096" s="1" t="s">
        <v>27070</v>
      </c>
      <c r="B10096" s="1" t="s">
        <v>53303</v>
      </c>
      <c r="C10096" s="1" t="s">
        <v>27071</v>
      </c>
      <c r="D10096" s="2">
        <v>162924</v>
      </c>
      <c r="E10096" s="1" t="s">
        <v>0</v>
      </c>
    </row>
    <row r="10097" spans="1:5" x14ac:dyDescent="0.25">
      <c r="A10097" s="2">
        <v>2019</v>
      </c>
      <c r="B10097" s="2">
        <v>2019</v>
      </c>
      <c r="C10097" s="1" t="s">
        <v>0</v>
      </c>
      <c r="D10097" s="2">
        <v>162925</v>
      </c>
      <c r="E10097" s="1" t="s">
        <v>0</v>
      </c>
    </row>
    <row r="10098" spans="1:5" x14ac:dyDescent="0.25">
      <c r="A10098" s="1" t="s">
        <v>1857</v>
      </c>
      <c r="B10098" s="1" t="s">
        <v>7900</v>
      </c>
      <c r="C10098" s="1" t="s">
        <v>27072</v>
      </c>
      <c r="D10098" s="2">
        <v>162926</v>
      </c>
      <c r="E10098" s="1" t="s">
        <v>0</v>
      </c>
    </row>
    <row r="10099" spans="1:5" x14ac:dyDescent="0.25">
      <c r="A10099" s="1" t="s">
        <v>27073</v>
      </c>
      <c r="B10099" s="1" t="s">
        <v>50666</v>
      </c>
      <c r="C10099" s="1" t="s">
        <v>27074</v>
      </c>
      <c r="D10099" s="2">
        <v>162927</v>
      </c>
      <c r="E10099" s="1" t="s">
        <v>0</v>
      </c>
    </row>
    <row r="10100" spans="1:5" ht="409.5" x14ac:dyDescent="0.25">
      <c r="A10100" s="4" t="s">
        <v>27075</v>
      </c>
      <c r="B10100" s="1" t="s">
        <v>53304</v>
      </c>
      <c r="C10100" s="1" t="s">
        <v>27076</v>
      </c>
      <c r="D10100" s="2">
        <v>162928</v>
      </c>
      <c r="E10100" s="1" t="s">
        <v>0</v>
      </c>
    </row>
    <row r="10101" spans="1:5" x14ac:dyDescent="0.25">
      <c r="A10101" s="1" t="s">
        <v>27077</v>
      </c>
      <c r="B10101" s="1" t="s">
        <v>7901</v>
      </c>
      <c r="C10101" s="1" t="s">
        <v>27078</v>
      </c>
      <c r="D10101" s="2">
        <v>162929</v>
      </c>
      <c r="E10101" s="1" t="s">
        <v>0</v>
      </c>
    </row>
    <row r="10102" spans="1:5" x14ac:dyDescent="0.25">
      <c r="A10102" s="2">
        <v>2020</v>
      </c>
      <c r="B10102" s="2">
        <v>2020</v>
      </c>
      <c r="C10102" s="1" t="s">
        <v>0</v>
      </c>
      <c r="D10102" s="2">
        <v>162930</v>
      </c>
      <c r="E10102" s="1" t="s">
        <v>0</v>
      </c>
    </row>
    <row r="10103" spans="1:5" x14ac:dyDescent="0.25">
      <c r="A10103" s="1" t="s">
        <v>27079</v>
      </c>
      <c r="B10103" s="1" t="s">
        <v>50667</v>
      </c>
      <c r="C10103" s="1" t="s">
        <v>27080</v>
      </c>
      <c r="D10103" s="2">
        <v>162931</v>
      </c>
      <c r="E10103" s="1" t="s">
        <v>0</v>
      </c>
    </row>
    <row r="10104" spans="1:5" x14ac:dyDescent="0.25">
      <c r="A10104" s="1" t="s">
        <v>27081</v>
      </c>
      <c r="B10104" s="1" t="s">
        <v>61081</v>
      </c>
      <c r="C10104" s="1" t="s">
        <v>27082</v>
      </c>
      <c r="D10104" s="2">
        <v>162932</v>
      </c>
      <c r="E10104" s="1" t="s">
        <v>0</v>
      </c>
    </row>
    <row r="10105" spans="1:5" ht="409.5" x14ac:dyDescent="0.25">
      <c r="A10105" s="4" t="s">
        <v>64136</v>
      </c>
      <c r="B10105" s="1" t="s">
        <v>61082</v>
      </c>
      <c r="C10105" s="1" t="s">
        <v>27083</v>
      </c>
      <c r="D10105" s="2">
        <v>162933</v>
      </c>
      <c r="E10105" s="1" t="s">
        <v>0</v>
      </c>
    </row>
    <row r="10106" spans="1:5" x14ac:dyDescent="0.25">
      <c r="A10106" s="1" t="s">
        <v>27084</v>
      </c>
      <c r="B10106" s="1" t="s">
        <v>53305</v>
      </c>
      <c r="C10106" s="1" t="s">
        <v>27085</v>
      </c>
      <c r="D10106" s="2">
        <v>162934</v>
      </c>
      <c r="E10106" s="1" t="s">
        <v>0</v>
      </c>
    </row>
    <row r="10107" spans="1:5" x14ac:dyDescent="0.25">
      <c r="A10107" s="2">
        <v>2021</v>
      </c>
      <c r="B10107" s="2">
        <v>2021</v>
      </c>
      <c r="C10107" s="1" t="s">
        <v>0</v>
      </c>
      <c r="D10107" s="2">
        <v>162935</v>
      </c>
      <c r="E10107" s="1" t="s">
        <v>0</v>
      </c>
    </row>
    <row r="10108" spans="1:5" x14ac:dyDescent="0.25">
      <c r="A10108" s="1" t="s">
        <v>1858</v>
      </c>
      <c r="B10108" s="1" t="s">
        <v>7902</v>
      </c>
      <c r="C10108" s="1" t="s">
        <v>27086</v>
      </c>
      <c r="D10108" s="2">
        <v>162936</v>
      </c>
      <c r="E10108" s="1" t="s">
        <v>0</v>
      </c>
    </row>
    <row r="10109" spans="1:5" x14ac:dyDescent="0.25">
      <c r="A10109" s="1" t="s">
        <v>27087</v>
      </c>
      <c r="B10109" s="1" t="s">
        <v>7903</v>
      </c>
      <c r="C10109" s="1" t="s">
        <v>27088</v>
      </c>
      <c r="D10109" s="2">
        <v>162937</v>
      </c>
      <c r="E10109" s="1" t="s">
        <v>0</v>
      </c>
    </row>
    <row r="10110" spans="1:5" ht="409.5" x14ac:dyDescent="0.25">
      <c r="A10110" s="4" t="s">
        <v>27089</v>
      </c>
      <c r="B10110" s="1" t="s">
        <v>7904</v>
      </c>
      <c r="C10110" s="1" t="s">
        <v>27090</v>
      </c>
      <c r="D10110" s="2">
        <v>162938</v>
      </c>
      <c r="E10110" s="1" t="s">
        <v>0</v>
      </c>
    </row>
    <row r="10111" spans="1:5" x14ac:dyDescent="0.25">
      <c r="A10111" s="1" t="s">
        <v>27091</v>
      </c>
      <c r="B10111" s="1" t="s">
        <v>53306</v>
      </c>
      <c r="C10111" s="1" t="s">
        <v>27092</v>
      </c>
      <c r="D10111" s="2">
        <v>162939</v>
      </c>
      <c r="E10111" s="1" t="s">
        <v>0</v>
      </c>
    </row>
    <row r="10112" spans="1:5" x14ac:dyDescent="0.25">
      <c r="A10112" s="2">
        <v>2022</v>
      </c>
      <c r="B10112" s="2">
        <v>2022</v>
      </c>
      <c r="C10112" s="1" t="s">
        <v>0</v>
      </c>
      <c r="D10112" s="2">
        <v>162940</v>
      </c>
      <c r="E10112" s="1" t="s">
        <v>0</v>
      </c>
    </row>
    <row r="10113" spans="1:5" x14ac:dyDescent="0.25">
      <c r="A10113" s="1" t="s">
        <v>1859</v>
      </c>
      <c r="B10113" s="1" t="s">
        <v>50668</v>
      </c>
      <c r="C10113" s="1" t="s">
        <v>27093</v>
      </c>
      <c r="D10113" s="2">
        <v>162941</v>
      </c>
      <c r="E10113" s="1" t="s">
        <v>0</v>
      </c>
    </row>
    <row r="10114" spans="1:5" x14ac:dyDescent="0.25">
      <c r="A10114" s="1" t="s">
        <v>27094</v>
      </c>
      <c r="B10114" s="1" t="s">
        <v>58332</v>
      </c>
      <c r="C10114" s="1" t="s">
        <v>27095</v>
      </c>
      <c r="D10114" s="2">
        <v>162942</v>
      </c>
      <c r="E10114" s="1" t="s">
        <v>0</v>
      </c>
    </row>
    <row r="10115" spans="1:5" ht="409.5" x14ac:dyDescent="0.25">
      <c r="A10115" s="4" t="s">
        <v>27096</v>
      </c>
      <c r="B10115" s="1" t="s">
        <v>58333</v>
      </c>
      <c r="C10115" s="1" t="s">
        <v>27097</v>
      </c>
      <c r="D10115" s="2">
        <v>162943</v>
      </c>
      <c r="E10115" s="1" t="s">
        <v>0</v>
      </c>
    </row>
    <row r="10116" spans="1:5" x14ac:dyDescent="0.25">
      <c r="A10116" s="1" t="s">
        <v>27098</v>
      </c>
      <c r="B10116" s="1" t="s">
        <v>7905</v>
      </c>
      <c r="C10116" s="1" t="s">
        <v>27099</v>
      </c>
      <c r="D10116" s="2">
        <v>162944</v>
      </c>
      <c r="E10116" s="1" t="s">
        <v>0</v>
      </c>
    </row>
    <row r="10117" spans="1:5" x14ac:dyDescent="0.25">
      <c r="A10117" s="2">
        <v>2023</v>
      </c>
      <c r="B10117" s="2">
        <v>2023</v>
      </c>
      <c r="C10117" s="1" t="s">
        <v>0</v>
      </c>
      <c r="D10117" s="2">
        <v>162945</v>
      </c>
      <c r="E10117" s="1" t="s">
        <v>0</v>
      </c>
    </row>
    <row r="10118" spans="1:5" x14ac:dyDescent="0.25">
      <c r="A10118" s="1" t="s">
        <v>1860</v>
      </c>
      <c r="B10118" s="1" t="s">
        <v>7906</v>
      </c>
      <c r="C10118" s="1" t="s">
        <v>27100</v>
      </c>
      <c r="D10118" s="2">
        <v>162946</v>
      </c>
      <c r="E10118" s="1" t="s">
        <v>0</v>
      </c>
    </row>
    <row r="10119" spans="1:5" x14ac:dyDescent="0.25">
      <c r="A10119" s="1" t="s">
        <v>27101</v>
      </c>
      <c r="B10119" s="1" t="s">
        <v>53307</v>
      </c>
      <c r="C10119" s="1" t="s">
        <v>27102</v>
      </c>
      <c r="D10119" s="2">
        <v>162947</v>
      </c>
      <c r="E10119" s="1" t="s">
        <v>0</v>
      </c>
    </row>
    <row r="10120" spans="1:5" ht="409.5" x14ac:dyDescent="0.25">
      <c r="A10120" s="4" t="s">
        <v>27103</v>
      </c>
      <c r="B10120" s="1" t="s">
        <v>53308</v>
      </c>
      <c r="C10120" s="1" t="s">
        <v>27104</v>
      </c>
      <c r="D10120" s="2">
        <v>162948</v>
      </c>
      <c r="E10120" s="1" t="s">
        <v>0</v>
      </c>
    </row>
    <row r="10121" spans="1:5" x14ac:dyDescent="0.25">
      <c r="A10121" s="1" t="s">
        <v>27105</v>
      </c>
      <c r="B10121" s="1" t="s">
        <v>7907</v>
      </c>
      <c r="C10121" s="1" t="s">
        <v>27106</v>
      </c>
      <c r="D10121" s="2">
        <v>162949</v>
      </c>
      <c r="E10121" s="1" t="s">
        <v>0</v>
      </c>
    </row>
    <row r="10122" spans="1:5" x14ac:dyDescent="0.25">
      <c r="A10122" s="2">
        <v>2024</v>
      </c>
      <c r="B10122" s="2">
        <v>2024</v>
      </c>
      <c r="C10122" s="1" t="s">
        <v>0</v>
      </c>
      <c r="D10122" s="2">
        <v>162950</v>
      </c>
      <c r="E10122" s="1" t="s">
        <v>0</v>
      </c>
    </row>
    <row r="10123" spans="1:5" x14ac:dyDescent="0.25">
      <c r="A10123" s="1" t="s">
        <v>1861</v>
      </c>
      <c r="B10123" s="1" t="s">
        <v>7908</v>
      </c>
      <c r="C10123" s="1" t="s">
        <v>27107</v>
      </c>
      <c r="D10123" s="2">
        <v>162951</v>
      </c>
      <c r="E10123" s="1" t="s">
        <v>0</v>
      </c>
    </row>
    <row r="10124" spans="1:5" x14ac:dyDescent="0.25">
      <c r="A10124" s="1" t="s">
        <v>27108</v>
      </c>
      <c r="B10124" s="1" t="s">
        <v>56749</v>
      </c>
      <c r="C10124" s="1" t="s">
        <v>27109</v>
      </c>
      <c r="D10124" s="2">
        <v>162952</v>
      </c>
      <c r="E10124" s="1" t="s">
        <v>0</v>
      </c>
    </row>
    <row r="10125" spans="1:5" ht="409.5" x14ac:dyDescent="0.25">
      <c r="A10125" s="4" t="s">
        <v>27110</v>
      </c>
      <c r="B10125" s="1" t="s">
        <v>56750</v>
      </c>
      <c r="C10125" s="1" t="s">
        <v>27111</v>
      </c>
      <c r="D10125" s="2">
        <v>162953</v>
      </c>
      <c r="E10125" s="1" t="s">
        <v>0</v>
      </c>
    </row>
    <row r="10126" spans="1:5" x14ac:dyDescent="0.25">
      <c r="A10126" s="1" t="s">
        <v>27112</v>
      </c>
      <c r="B10126" s="1" t="s">
        <v>7909</v>
      </c>
      <c r="C10126" s="1" t="s">
        <v>27113</v>
      </c>
      <c r="D10126" s="2">
        <v>162954</v>
      </c>
      <c r="E10126" s="1" t="s">
        <v>0</v>
      </c>
    </row>
    <row r="10127" spans="1:5" x14ac:dyDescent="0.25">
      <c r="A10127" s="2">
        <v>2025</v>
      </c>
      <c r="B10127" s="2">
        <v>2025</v>
      </c>
      <c r="C10127" s="1" t="s">
        <v>0</v>
      </c>
      <c r="D10127" s="2">
        <v>162955</v>
      </c>
      <c r="E10127" s="1" t="s">
        <v>0</v>
      </c>
    </row>
    <row r="10128" spans="1:5" x14ac:dyDescent="0.25">
      <c r="A10128" s="1" t="s">
        <v>1862</v>
      </c>
      <c r="B10128" s="1" t="s">
        <v>50669</v>
      </c>
      <c r="C10128" s="1" t="s">
        <v>27114</v>
      </c>
      <c r="D10128" s="2">
        <v>162956</v>
      </c>
      <c r="E10128" s="1" t="s">
        <v>0</v>
      </c>
    </row>
    <row r="10129" spans="1:5" x14ac:dyDescent="0.25">
      <c r="A10129" s="1" t="s">
        <v>27115</v>
      </c>
      <c r="B10129" s="1" t="s">
        <v>53309</v>
      </c>
      <c r="C10129" s="1" t="s">
        <v>27116</v>
      </c>
      <c r="D10129" s="2">
        <v>162957</v>
      </c>
      <c r="E10129" s="1" t="s">
        <v>0</v>
      </c>
    </row>
    <row r="10130" spans="1:5" ht="409.5" x14ac:dyDescent="0.25">
      <c r="A10130" s="4" t="s">
        <v>27117</v>
      </c>
      <c r="B10130" s="1" t="s">
        <v>62382</v>
      </c>
      <c r="C10130" s="1" t="s">
        <v>27118</v>
      </c>
      <c r="D10130" s="2">
        <v>162958</v>
      </c>
      <c r="E10130" s="1" t="s">
        <v>0</v>
      </c>
    </row>
    <row r="10131" spans="1:5" x14ac:dyDescent="0.25">
      <c r="A10131" s="1" t="s">
        <v>27119</v>
      </c>
      <c r="B10131" s="1" t="s">
        <v>50670</v>
      </c>
      <c r="C10131" s="1" t="s">
        <v>27120</v>
      </c>
      <c r="D10131" s="2">
        <v>162959</v>
      </c>
      <c r="E10131" s="1" t="s">
        <v>0</v>
      </c>
    </row>
    <row r="10132" spans="1:5" x14ac:dyDescent="0.25">
      <c r="A10132" s="2">
        <v>2026</v>
      </c>
      <c r="B10132" s="2">
        <v>2026</v>
      </c>
      <c r="C10132" s="1" t="s">
        <v>0</v>
      </c>
      <c r="D10132" s="2">
        <v>162960</v>
      </c>
      <c r="E10132" s="1" t="s">
        <v>0</v>
      </c>
    </row>
    <row r="10133" spans="1:5" x14ac:dyDescent="0.25">
      <c r="A10133" s="1" t="s">
        <v>7910</v>
      </c>
      <c r="B10133" s="1" t="s">
        <v>7911</v>
      </c>
      <c r="C10133" s="1" t="s">
        <v>27121</v>
      </c>
      <c r="D10133" s="2">
        <v>162961</v>
      </c>
      <c r="E10133" s="1" t="s">
        <v>0</v>
      </c>
    </row>
    <row r="10134" spans="1:5" x14ac:dyDescent="0.25">
      <c r="A10134" s="1" t="s">
        <v>27122</v>
      </c>
      <c r="B10134" s="1" t="s">
        <v>63681</v>
      </c>
      <c r="C10134" s="1" t="s">
        <v>27123</v>
      </c>
      <c r="D10134" s="2">
        <v>162962</v>
      </c>
      <c r="E10134" s="1" t="s">
        <v>0</v>
      </c>
    </row>
    <row r="10135" spans="1:5" ht="409.5" x14ac:dyDescent="0.25">
      <c r="A10135" s="4" t="s">
        <v>27124</v>
      </c>
      <c r="B10135" s="1" t="s">
        <v>63682</v>
      </c>
      <c r="C10135" s="1" t="s">
        <v>27125</v>
      </c>
      <c r="D10135" s="2">
        <v>162963</v>
      </c>
      <c r="E10135" s="1" t="s">
        <v>0</v>
      </c>
    </row>
    <row r="10136" spans="1:5" x14ac:dyDescent="0.25">
      <c r="A10136" s="1" t="s">
        <v>16086</v>
      </c>
      <c r="B10136" s="1" t="s">
        <v>60897</v>
      </c>
      <c r="C10136" s="1" t="s">
        <v>16087</v>
      </c>
      <c r="D10136" s="2">
        <v>162964</v>
      </c>
      <c r="E10136" s="1" t="s">
        <v>0</v>
      </c>
    </row>
    <row r="10137" spans="1:5" x14ac:dyDescent="0.25">
      <c r="A10137" s="2">
        <v>2027</v>
      </c>
      <c r="B10137" s="2">
        <v>2027</v>
      </c>
      <c r="C10137" s="1" t="s">
        <v>0</v>
      </c>
      <c r="D10137" s="2">
        <v>162965</v>
      </c>
      <c r="E10137" s="1" t="s">
        <v>0</v>
      </c>
    </row>
    <row r="10138" spans="1:5" x14ac:dyDescent="0.25">
      <c r="A10138" s="1" t="s">
        <v>7912</v>
      </c>
      <c r="B10138" s="1" t="s">
        <v>50671</v>
      </c>
      <c r="C10138" s="1" t="s">
        <v>27126</v>
      </c>
      <c r="D10138" s="2">
        <v>162966</v>
      </c>
      <c r="E10138" s="1" t="s">
        <v>0</v>
      </c>
    </row>
    <row r="10139" spans="1:5" x14ac:dyDescent="0.25">
      <c r="A10139" s="1" t="s">
        <v>27127</v>
      </c>
      <c r="B10139" s="1" t="s">
        <v>53310</v>
      </c>
      <c r="C10139" s="1" t="s">
        <v>27128</v>
      </c>
      <c r="D10139" s="2">
        <v>162967</v>
      </c>
      <c r="E10139" s="1" t="s">
        <v>0</v>
      </c>
    </row>
    <row r="10140" spans="1:5" ht="409.5" x14ac:dyDescent="0.25">
      <c r="A10140" s="4" t="s">
        <v>27129</v>
      </c>
      <c r="B10140" s="1" t="s">
        <v>59949</v>
      </c>
      <c r="C10140" s="1" t="s">
        <v>27130</v>
      </c>
      <c r="D10140" s="2">
        <v>162968</v>
      </c>
      <c r="E10140" s="1" t="s">
        <v>0</v>
      </c>
    </row>
    <row r="10141" spans="1:5" x14ac:dyDescent="0.25">
      <c r="A10141" s="1" t="s">
        <v>27131</v>
      </c>
      <c r="B10141" s="1" t="s">
        <v>53311</v>
      </c>
      <c r="C10141" s="1" t="s">
        <v>27132</v>
      </c>
      <c r="D10141" s="2">
        <v>162969</v>
      </c>
      <c r="E10141" s="1" t="s">
        <v>0</v>
      </c>
    </row>
    <row r="10142" spans="1:5" x14ac:dyDescent="0.25">
      <c r="A10142" s="2">
        <v>2028</v>
      </c>
      <c r="B10142" s="2">
        <v>2028</v>
      </c>
      <c r="C10142" s="1" t="s">
        <v>0</v>
      </c>
      <c r="D10142" s="2">
        <v>162970</v>
      </c>
      <c r="E10142" s="1" t="s">
        <v>0</v>
      </c>
    </row>
    <row r="10143" spans="1:5" x14ac:dyDescent="0.25">
      <c r="A10143" s="1" t="s">
        <v>7913</v>
      </c>
      <c r="B10143" s="1" t="s">
        <v>7914</v>
      </c>
      <c r="C10143" s="1" t="s">
        <v>27133</v>
      </c>
      <c r="D10143" s="2">
        <v>162971</v>
      </c>
      <c r="E10143" s="1" t="s">
        <v>0</v>
      </c>
    </row>
    <row r="10144" spans="1:5" x14ac:dyDescent="0.25">
      <c r="A10144" s="1" t="s">
        <v>27134</v>
      </c>
      <c r="B10144" s="1" t="s">
        <v>50672</v>
      </c>
      <c r="C10144" s="1" t="s">
        <v>27135</v>
      </c>
      <c r="D10144" s="2">
        <v>162972</v>
      </c>
      <c r="E10144" s="1" t="s">
        <v>0</v>
      </c>
    </row>
    <row r="10145" spans="1:5" ht="409.5" x14ac:dyDescent="0.25">
      <c r="A10145" s="4" t="s">
        <v>27136</v>
      </c>
      <c r="B10145" s="1" t="s">
        <v>50673</v>
      </c>
      <c r="C10145" s="1" t="s">
        <v>27137</v>
      </c>
      <c r="D10145" s="2">
        <v>162973</v>
      </c>
      <c r="E10145" s="1" t="s">
        <v>0</v>
      </c>
    </row>
    <row r="10146" spans="1:5" x14ac:dyDescent="0.25">
      <c r="A10146" s="1" t="s">
        <v>27138</v>
      </c>
      <c r="B10146" s="1" t="s">
        <v>53312</v>
      </c>
      <c r="C10146" s="1" t="s">
        <v>27139</v>
      </c>
      <c r="D10146" s="2">
        <v>162974</v>
      </c>
      <c r="E10146" s="1" t="s">
        <v>0</v>
      </c>
    </row>
    <row r="10147" spans="1:5" x14ac:dyDescent="0.25">
      <c r="A10147" s="2">
        <v>2029</v>
      </c>
      <c r="B10147" s="2">
        <v>2029</v>
      </c>
      <c r="C10147" s="1" t="s">
        <v>0</v>
      </c>
      <c r="D10147" s="2">
        <v>162975</v>
      </c>
      <c r="E10147" s="1" t="s">
        <v>0</v>
      </c>
    </row>
    <row r="10148" spans="1:5" x14ac:dyDescent="0.25">
      <c r="A10148" s="1" t="s">
        <v>1863</v>
      </c>
      <c r="B10148" s="1" t="s">
        <v>7915</v>
      </c>
      <c r="C10148" s="1" t="s">
        <v>27140</v>
      </c>
      <c r="D10148" s="2">
        <v>162976</v>
      </c>
      <c r="E10148" s="1" t="s">
        <v>0</v>
      </c>
    </row>
    <row r="10149" spans="1:5" x14ac:dyDescent="0.25">
      <c r="A10149" s="1" t="s">
        <v>27141</v>
      </c>
      <c r="B10149" s="1" t="s">
        <v>7916</v>
      </c>
      <c r="C10149" s="1" t="s">
        <v>27142</v>
      </c>
      <c r="D10149" s="2">
        <v>162977</v>
      </c>
      <c r="E10149" s="1" t="s">
        <v>0</v>
      </c>
    </row>
    <row r="10150" spans="1:5" ht="409.5" x14ac:dyDescent="0.25">
      <c r="A10150" s="4" t="s">
        <v>27143</v>
      </c>
      <c r="B10150" s="1" t="s">
        <v>53313</v>
      </c>
      <c r="C10150" s="1" t="s">
        <v>27144</v>
      </c>
      <c r="D10150" s="2">
        <v>162978</v>
      </c>
      <c r="E10150" s="1" t="s">
        <v>0</v>
      </c>
    </row>
    <row r="10151" spans="1:5" x14ac:dyDescent="0.25">
      <c r="A10151" s="1" t="s">
        <v>27145</v>
      </c>
      <c r="B10151" s="1" t="s">
        <v>61083</v>
      </c>
      <c r="C10151" s="1" t="s">
        <v>27146</v>
      </c>
      <c r="D10151" s="2">
        <v>162979</v>
      </c>
      <c r="E10151" s="1" t="s">
        <v>0</v>
      </c>
    </row>
    <row r="10152" spans="1:5" x14ac:dyDescent="0.25">
      <c r="A10152" s="2">
        <v>2030</v>
      </c>
      <c r="B10152" s="2">
        <v>2030</v>
      </c>
      <c r="C10152" s="1" t="s">
        <v>0</v>
      </c>
      <c r="D10152" s="2">
        <v>162980</v>
      </c>
      <c r="E10152" s="1" t="s">
        <v>0</v>
      </c>
    </row>
    <row r="10153" spans="1:5" x14ac:dyDescent="0.25">
      <c r="A10153" s="1" t="s">
        <v>1864</v>
      </c>
      <c r="B10153" s="1" t="s">
        <v>53314</v>
      </c>
      <c r="C10153" s="1" t="s">
        <v>27147</v>
      </c>
      <c r="D10153" s="2">
        <v>162981</v>
      </c>
      <c r="E10153" s="1" t="s">
        <v>0</v>
      </c>
    </row>
    <row r="10154" spans="1:5" x14ac:dyDescent="0.25">
      <c r="A10154" s="1" t="s">
        <v>27148</v>
      </c>
      <c r="B10154" s="1" t="s">
        <v>7917</v>
      </c>
      <c r="C10154" s="1" t="s">
        <v>27149</v>
      </c>
      <c r="D10154" s="2">
        <v>162982</v>
      </c>
      <c r="E10154" s="1" t="s">
        <v>0</v>
      </c>
    </row>
    <row r="10155" spans="1:5" ht="409.5" x14ac:dyDescent="0.25">
      <c r="A10155" s="4" t="s">
        <v>27150</v>
      </c>
      <c r="B10155" s="1" t="s">
        <v>53315</v>
      </c>
      <c r="C10155" s="1" t="s">
        <v>27151</v>
      </c>
      <c r="D10155" s="2">
        <v>162983</v>
      </c>
      <c r="E10155" s="1" t="s">
        <v>0</v>
      </c>
    </row>
    <row r="10156" spans="1:5" x14ac:dyDescent="0.25">
      <c r="A10156" s="1" t="s">
        <v>27152</v>
      </c>
      <c r="B10156" s="1" t="s">
        <v>7918</v>
      </c>
      <c r="C10156" s="1" t="s">
        <v>27153</v>
      </c>
      <c r="D10156" s="2">
        <v>162984</v>
      </c>
      <c r="E10156" s="1" t="s">
        <v>0</v>
      </c>
    </row>
    <row r="10157" spans="1:5" x14ac:dyDescent="0.25">
      <c r="A10157" s="2">
        <v>2031</v>
      </c>
      <c r="B10157" s="2">
        <v>2031</v>
      </c>
      <c r="C10157" s="1" t="s">
        <v>0</v>
      </c>
      <c r="D10157" s="2">
        <v>162985</v>
      </c>
      <c r="E10157" s="1" t="s">
        <v>0</v>
      </c>
    </row>
    <row r="10158" spans="1:5" x14ac:dyDescent="0.25">
      <c r="A10158" s="1" t="s">
        <v>1865</v>
      </c>
      <c r="B10158" s="1" t="s">
        <v>7919</v>
      </c>
      <c r="C10158" s="1" t="s">
        <v>27154</v>
      </c>
      <c r="D10158" s="2">
        <v>162986</v>
      </c>
      <c r="E10158" s="1" t="s">
        <v>0</v>
      </c>
    </row>
    <row r="10159" spans="1:5" x14ac:dyDescent="0.25">
      <c r="A10159" s="1" t="s">
        <v>27155</v>
      </c>
      <c r="B10159" s="1" t="s">
        <v>53316</v>
      </c>
      <c r="C10159" s="1" t="s">
        <v>27156</v>
      </c>
      <c r="D10159" s="2">
        <v>162987</v>
      </c>
      <c r="E10159" s="1" t="s">
        <v>0</v>
      </c>
    </row>
    <row r="10160" spans="1:5" ht="409.5" x14ac:dyDescent="0.25">
      <c r="A10160" s="4" t="s">
        <v>27157</v>
      </c>
      <c r="B10160" s="1" t="s">
        <v>59950</v>
      </c>
      <c r="C10160" s="1" t="s">
        <v>27158</v>
      </c>
      <c r="D10160" s="2">
        <v>162988</v>
      </c>
      <c r="E10160" s="1" t="s">
        <v>0</v>
      </c>
    </row>
    <row r="10161" spans="1:5" x14ac:dyDescent="0.25">
      <c r="A10161" s="1" t="s">
        <v>27159</v>
      </c>
      <c r="B10161" s="1" t="s">
        <v>59951</v>
      </c>
      <c r="C10161" s="1" t="s">
        <v>27160</v>
      </c>
      <c r="D10161" s="2">
        <v>162989</v>
      </c>
      <c r="E10161" s="1" t="s">
        <v>0</v>
      </c>
    </row>
    <row r="10162" spans="1:5" x14ac:dyDescent="0.25">
      <c r="A10162" s="2">
        <v>2032</v>
      </c>
      <c r="B10162" s="2">
        <v>2032</v>
      </c>
      <c r="C10162" s="1" t="s">
        <v>0</v>
      </c>
      <c r="D10162" s="2">
        <v>162990</v>
      </c>
      <c r="E10162" s="1" t="s">
        <v>0</v>
      </c>
    </row>
    <row r="10163" spans="1:5" x14ac:dyDescent="0.25">
      <c r="A10163" s="1" t="s">
        <v>1866</v>
      </c>
      <c r="B10163" s="1" t="s">
        <v>50674</v>
      </c>
      <c r="C10163" s="1" t="s">
        <v>27161</v>
      </c>
      <c r="D10163" s="2">
        <v>162991</v>
      </c>
      <c r="E10163" s="1" t="s">
        <v>0</v>
      </c>
    </row>
    <row r="10164" spans="1:5" x14ac:dyDescent="0.25">
      <c r="A10164" s="1" t="s">
        <v>27162</v>
      </c>
      <c r="B10164" s="1" t="s">
        <v>57823</v>
      </c>
      <c r="C10164" s="1" t="s">
        <v>27163</v>
      </c>
      <c r="D10164" s="2">
        <v>162992</v>
      </c>
      <c r="E10164" s="1" t="s">
        <v>0</v>
      </c>
    </row>
    <row r="10165" spans="1:5" ht="409.5" x14ac:dyDescent="0.25">
      <c r="A10165" s="4" t="s">
        <v>27164</v>
      </c>
      <c r="B10165" s="1" t="s">
        <v>61084</v>
      </c>
      <c r="C10165" s="1" t="s">
        <v>27165</v>
      </c>
      <c r="D10165" s="2">
        <v>162993</v>
      </c>
      <c r="E10165" s="1" t="s">
        <v>0</v>
      </c>
    </row>
    <row r="10166" spans="1:5" x14ac:dyDescent="0.25">
      <c r="A10166" s="1" t="s">
        <v>27166</v>
      </c>
      <c r="B10166" s="1" t="s">
        <v>61085</v>
      </c>
      <c r="C10166" s="1" t="s">
        <v>27167</v>
      </c>
      <c r="D10166" s="2">
        <v>162994</v>
      </c>
      <c r="E10166" s="1" t="s">
        <v>0</v>
      </c>
    </row>
    <row r="10167" spans="1:5" x14ac:dyDescent="0.25">
      <c r="A10167" s="2">
        <v>2033</v>
      </c>
      <c r="B10167" s="2">
        <v>2033</v>
      </c>
      <c r="C10167" s="1" t="s">
        <v>0</v>
      </c>
      <c r="D10167" s="2">
        <v>162995</v>
      </c>
      <c r="E10167" s="1" t="s">
        <v>0</v>
      </c>
    </row>
    <row r="10168" spans="1:5" x14ac:dyDescent="0.25">
      <c r="A10168" s="1" t="s">
        <v>1867</v>
      </c>
      <c r="B10168" s="1" t="s">
        <v>7920</v>
      </c>
      <c r="C10168" s="1" t="s">
        <v>27168</v>
      </c>
      <c r="D10168" s="2">
        <v>162996</v>
      </c>
      <c r="E10168" s="1" t="s">
        <v>0</v>
      </c>
    </row>
    <row r="10169" spans="1:5" x14ac:dyDescent="0.25">
      <c r="A10169" s="1" t="s">
        <v>27169</v>
      </c>
      <c r="B10169" s="1" t="s">
        <v>7921</v>
      </c>
      <c r="C10169" s="1" t="s">
        <v>27170</v>
      </c>
      <c r="D10169" s="2">
        <v>162997</v>
      </c>
      <c r="E10169" s="1" t="s">
        <v>0</v>
      </c>
    </row>
    <row r="10170" spans="1:5" ht="409.5" x14ac:dyDescent="0.25">
      <c r="A10170" s="4" t="s">
        <v>27171</v>
      </c>
      <c r="B10170" s="1" t="s">
        <v>57495</v>
      </c>
      <c r="C10170" s="1" t="s">
        <v>27172</v>
      </c>
      <c r="D10170" s="2">
        <v>162998</v>
      </c>
      <c r="E10170" s="1" t="s">
        <v>0</v>
      </c>
    </row>
    <row r="10171" spans="1:5" x14ac:dyDescent="0.25">
      <c r="A10171" s="1" t="s">
        <v>27173</v>
      </c>
      <c r="B10171" s="1" t="s">
        <v>53317</v>
      </c>
      <c r="C10171" s="1" t="s">
        <v>27174</v>
      </c>
      <c r="D10171" s="2">
        <v>162999</v>
      </c>
      <c r="E10171" s="1" t="s">
        <v>0</v>
      </c>
    </row>
    <row r="10172" spans="1:5" x14ac:dyDescent="0.25">
      <c r="A10172" s="2">
        <v>2034</v>
      </c>
      <c r="B10172" s="2">
        <v>2034</v>
      </c>
      <c r="C10172" s="1" t="s">
        <v>0</v>
      </c>
      <c r="D10172" s="2">
        <v>163000</v>
      </c>
      <c r="E10172" s="1" t="s">
        <v>0</v>
      </c>
    </row>
    <row r="10173" spans="1:5" x14ac:dyDescent="0.25">
      <c r="A10173" s="1" t="s">
        <v>1868</v>
      </c>
      <c r="B10173" s="1" t="s">
        <v>50675</v>
      </c>
      <c r="C10173" s="1" t="s">
        <v>27175</v>
      </c>
      <c r="D10173" s="2">
        <v>163001</v>
      </c>
      <c r="E10173" s="1" t="s">
        <v>0</v>
      </c>
    </row>
    <row r="10174" spans="1:5" x14ac:dyDescent="0.25">
      <c r="A10174" s="1" t="s">
        <v>27176</v>
      </c>
      <c r="B10174" s="1" t="s">
        <v>53318</v>
      </c>
      <c r="C10174" s="1" t="s">
        <v>27177</v>
      </c>
      <c r="D10174" s="2">
        <v>163002</v>
      </c>
      <c r="E10174" s="1" t="s">
        <v>0</v>
      </c>
    </row>
    <row r="10175" spans="1:5" ht="409.5" x14ac:dyDescent="0.25">
      <c r="A10175" s="4" t="s">
        <v>27178</v>
      </c>
      <c r="B10175" s="1" t="s">
        <v>53319</v>
      </c>
      <c r="C10175" s="1" t="s">
        <v>27179</v>
      </c>
      <c r="D10175" s="2">
        <v>163003</v>
      </c>
      <c r="E10175" s="1" t="s">
        <v>0</v>
      </c>
    </row>
    <row r="10176" spans="1:5" x14ac:dyDescent="0.25">
      <c r="A10176" s="1" t="s">
        <v>27180</v>
      </c>
      <c r="B10176" s="1" t="s">
        <v>7922</v>
      </c>
      <c r="C10176" s="1" t="s">
        <v>27181</v>
      </c>
      <c r="D10176" s="2">
        <v>163004</v>
      </c>
      <c r="E10176" s="1" t="s">
        <v>0</v>
      </c>
    </row>
    <row r="10177" spans="1:5" x14ac:dyDescent="0.25">
      <c r="A10177" s="2">
        <v>2035</v>
      </c>
      <c r="B10177" s="2">
        <v>2035</v>
      </c>
      <c r="C10177" s="1" t="s">
        <v>0</v>
      </c>
      <c r="D10177" s="2">
        <v>163005</v>
      </c>
      <c r="E10177" s="1" t="s">
        <v>0</v>
      </c>
    </row>
    <row r="10178" spans="1:5" x14ac:dyDescent="0.25">
      <c r="A10178" s="1" t="s">
        <v>1869</v>
      </c>
      <c r="B10178" s="1" t="s">
        <v>7923</v>
      </c>
      <c r="C10178" s="1" t="s">
        <v>27182</v>
      </c>
      <c r="D10178" s="2">
        <v>163006</v>
      </c>
      <c r="E10178" s="1" t="s">
        <v>0</v>
      </c>
    </row>
    <row r="10179" spans="1:5" x14ac:dyDescent="0.25">
      <c r="A10179" s="1" t="s">
        <v>27183</v>
      </c>
      <c r="B10179" s="1" t="s">
        <v>53320</v>
      </c>
      <c r="C10179" s="1" t="s">
        <v>27184</v>
      </c>
      <c r="D10179" s="2">
        <v>163007</v>
      </c>
      <c r="E10179" s="1" t="s">
        <v>0</v>
      </c>
    </row>
    <row r="10180" spans="1:5" ht="409.5" x14ac:dyDescent="0.25">
      <c r="A10180" s="4" t="s">
        <v>27185</v>
      </c>
      <c r="B10180" s="1" t="s">
        <v>53321</v>
      </c>
      <c r="C10180" s="1" t="s">
        <v>27186</v>
      </c>
      <c r="D10180" s="2">
        <v>163008</v>
      </c>
      <c r="E10180" s="1" t="s">
        <v>0</v>
      </c>
    </row>
    <row r="10181" spans="1:5" x14ac:dyDescent="0.25">
      <c r="A10181" s="1" t="s">
        <v>27187</v>
      </c>
      <c r="B10181" s="1" t="s">
        <v>7924</v>
      </c>
      <c r="C10181" s="1" t="s">
        <v>27188</v>
      </c>
      <c r="D10181" s="2">
        <v>163009</v>
      </c>
      <c r="E10181" s="1" t="s">
        <v>0</v>
      </c>
    </row>
    <row r="10182" spans="1:5" x14ac:dyDescent="0.25">
      <c r="A10182" s="2">
        <v>2036</v>
      </c>
      <c r="B10182" s="2">
        <v>2036</v>
      </c>
      <c r="C10182" s="1" t="s">
        <v>0</v>
      </c>
      <c r="D10182" s="2">
        <v>163010</v>
      </c>
      <c r="E10182" s="1" t="s">
        <v>0</v>
      </c>
    </row>
    <row r="10183" spans="1:5" x14ac:dyDescent="0.25">
      <c r="A10183" s="1" t="s">
        <v>1870</v>
      </c>
      <c r="B10183" s="1" t="s">
        <v>7925</v>
      </c>
      <c r="C10183" s="1" t="s">
        <v>27189</v>
      </c>
      <c r="D10183" s="2">
        <v>163011</v>
      </c>
      <c r="E10183" s="1" t="s">
        <v>0</v>
      </c>
    </row>
    <row r="10184" spans="1:5" x14ac:dyDescent="0.25">
      <c r="A10184" s="1" t="s">
        <v>27190</v>
      </c>
      <c r="B10184" s="1" t="s">
        <v>62383</v>
      </c>
      <c r="C10184" s="1" t="s">
        <v>27191</v>
      </c>
      <c r="D10184" s="2">
        <v>163012</v>
      </c>
      <c r="E10184" s="1" t="s">
        <v>0</v>
      </c>
    </row>
    <row r="10185" spans="1:5" ht="409.5" x14ac:dyDescent="0.25">
      <c r="A10185" s="4" t="s">
        <v>27192</v>
      </c>
      <c r="B10185" s="1" t="s">
        <v>62384</v>
      </c>
      <c r="C10185" s="1" t="s">
        <v>27193</v>
      </c>
      <c r="D10185" s="2">
        <v>163013</v>
      </c>
      <c r="E10185" s="1" t="s">
        <v>0</v>
      </c>
    </row>
    <row r="10186" spans="1:5" x14ac:dyDescent="0.25">
      <c r="A10186" s="1" t="s">
        <v>27194</v>
      </c>
      <c r="B10186" s="1" t="s">
        <v>7926</v>
      </c>
      <c r="C10186" s="1" t="s">
        <v>27195</v>
      </c>
      <c r="D10186" s="2">
        <v>163014</v>
      </c>
      <c r="E10186" s="1" t="s">
        <v>0</v>
      </c>
    </row>
    <row r="10187" spans="1:5" x14ac:dyDescent="0.25">
      <c r="A10187" s="2">
        <v>2037</v>
      </c>
      <c r="B10187" s="2">
        <v>2037</v>
      </c>
      <c r="C10187" s="1" t="s">
        <v>0</v>
      </c>
      <c r="D10187" s="2">
        <v>163015</v>
      </c>
      <c r="E10187" s="1" t="s">
        <v>0</v>
      </c>
    </row>
    <row r="10188" spans="1:5" x14ac:dyDescent="0.25">
      <c r="A10188" s="1" t="s">
        <v>27196</v>
      </c>
      <c r="B10188" s="1" t="s">
        <v>7927</v>
      </c>
      <c r="C10188" s="1" t="s">
        <v>27197</v>
      </c>
      <c r="D10188" s="2">
        <v>163016</v>
      </c>
      <c r="E10188" s="1" t="s">
        <v>0</v>
      </c>
    </row>
    <row r="10189" spans="1:5" x14ac:dyDescent="0.25">
      <c r="A10189" s="1" t="s">
        <v>27198</v>
      </c>
      <c r="B10189" s="1" t="s">
        <v>59016</v>
      </c>
      <c r="C10189" s="1" t="s">
        <v>27199</v>
      </c>
      <c r="D10189" s="2">
        <v>163017</v>
      </c>
      <c r="E10189" s="1" t="s">
        <v>0</v>
      </c>
    </row>
    <row r="10190" spans="1:5" ht="409.5" x14ac:dyDescent="0.25">
      <c r="A10190" s="4" t="s">
        <v>27200</v>
      </c>
      <c r="B10190" s="1" t="s">
        <v>59017</v>
      </c>
      <c r="C10190" s="1" t="s">
        <v>27201</v>
      </c>
      <c r="D10190" s="2">
        <v>163018</v>
      </c>
      <c r="E10190" s="1" t="s">
        <v>0</v>
      </c>
    </row>
    <row r="10191" spans="1:5" x14ac:dyDescent="0.25">
      <c r="A10191" s="1" t="s">
        <v>27202</v>
      </c>
      <c r="B10191" s="1" t="s">
        <v>53322</v>
      </c>
      <c r="C10191" s="1" t="s">
        <v>27203</v>
      </c>
      <c r="D10191" s="2">
        <v>163019</v>
      </c>
      <c r="E10191" s="1" t="s">
        <v>0</v>
      </c>
    </row>
    <row r="10192" spans="1:5" x14ac:dyDescent="0.25">
      <c r="A10192" s="2">
        <v>2038</v>
      </c>
      <c r="B10192" s="2">
        <v>2038</v>
      </c>
      <c r="C10192" s="1" t="s">
        <v>0</v>
      </c>
      <c r="D10192" s="2">
        <v>163020</v>
      </c>
      <c r="E10192" s="1" t="s">
        <v>0</v>
      </c>
    </row>
    <row r="10193" spans="1:5" x14ac:dyDescent="0.25">
      <c r="A10193" s="1" t="s">
        <v>1871</v>
      </c>
      <c r="B10193" s="1" t="s">
        <v>53323</v>
      </c>
      <c r="C10193" s="1" t="s">
        <v>27204</v>
      </c>
      <c r="D10193" s="2">
        <v>163021</v>
      </c>
      <c r="E10193" s="1" t="s">
        <v>0</v>
      </c>
    </row>
    <row r="10194" spans="1:5" x14ac:dyDescent="0.25">
      <c r="A10194" s="1" t="s">
        <v>27205</v>
      </c>
      <c r="B10194" s="1" t="s">
        <v>53324</v>
      </c>
      <c r="C10194" s="1" t="s">
        <v>27206</v>
      </c>
      <c r="D10194" s="2">
        <v>163022</v>
      </c>
      <c r="E10194" s="1" t="s">
        <v>0</v>
      </c>
    </row>
    <row r="10195" spans="1:5" ht="409.5" x14ac:dyDescent="0.25">
      <c r="A10195" s="4" t="s">
        <v>27207</v>
      </c>
      <c r="B10195" s="1" t="s">
        <v>62385</v>
      </c>
      <c r="C10195" s="1" t="s">
        <v>27208</v>
      </c>
      <c r="D10195" s="2">
        <v>163023</v>
      </c>
      <c r="E10195" s="1" t="s">
        <v>0</v>
      </c>
    </row>
    <row r="10196" spans="1:5" x14ac:dyDescent="0.25">
      <c r="A10196" s="1" t="s">
        <v>14855</v>
      </c>
      <c r="B10196" s="1" t="s">
        <v>60879</v>
      </c>
      <c r="C10196" s="1" t="s">
        <v>14856</v>
      </c>
      <c r="D10196" s="2">
        <v>163024</v>
      </c>
      <c r="E10196" s="1" t="s">
        <v>0</v>
      </c>
    </row>
    <row r="10197" spans="1:5" x14ac:dyDescent="0.25">
      <c r="A10197" s="2">
        <v>2039</v>
      </c>
      <c r="B10197" s="2">
        <v>2039</v>
      </c>
      <c r="C10197" s="1" t="s">
        <v>0</v>
      </c>
      <c r="D10197" s="2">
        <v>163025</v>
      </c>
      <c r="E10197" s="1" t="s">
        <v>0</v>
      </c>
    </row>
    <row r="10198" spans="1:5" x14ac:dyDescent="0.25">
      <c r="A10198" s="1" t="s">
        <v>1872</v>
      </c>
      <c r="B10198" s="1" t="s">
        <v>7928</v>
      </c>
      <c r="C10198" s="1" t="s">
        <v>27209</v>
      </c>
      <c r="D10198" s="2">
        <v>163026</v>
      </c>
      <c r="E10198" s="1" t="s">
        <v>0</v>
      </c>
    </row>
    <row r="10199" spans="1:5" x14ac:dyDescent="0.25">
      <c r="A10199" s="1" t="s">
        <v>27210</v>
      </c>
      <c r="B10199" s="1" t="s">
        <v>62386</v>
      </c>
      <c r="C10199" s="1" t="s">
        <v>27211</v>
      </c>
      <c r="D10199" s="2">
        <v>163027</v>
      </c>
      <c r="E10199" s="1" t="s">
        <v>0</v>
      </c>
    </row>
    <row r="10200" spans="1:5" ht="409.5" x14ac:dyDescent="0.25">
      <c r="A10200" s="4" t="s">
        <v>27212</v>
      </c>
      <c r="B10200" s="1" t="s">
        <v>62387</v>
      </c>
      <c r="C10200" s="1" t="s">
        <v>27213</v>
      </c>
      <c r="D10200" s="2">
        <v>163028</v>
      </c>
      <c r="E10200" s="1" t="s">
        <v>0</v>
      </c>
    </row>
    <row r="10201" spans="1:5" x14ac:dyDescent="0.25">
      <c r="A10201" s="1" t="s">
        <v>27214</v>
      </c>
      <c r="B10201" s="1" t="s">
        <v>61637</v>
      </c>
      <c r="C10201" s="1" t="s">
        <v>27215</v>
      </c>
      <c r="D10201" s="2">
        <v>163029</v>
      </c>
      <c r="E10201" s="1" t="s">
        <v>0</v>
      </c>
    </row>
    <row r="10202" spans="1:5" x14ac:dyDescent="0.25">
      <c r="A10202" s="2">
        <v>2040</v>
      </c>
      <c r="B10202" s="2">
        <v>2040</v>
      </c>
      <c r="C10202" s="1" t="s">
        <v>0</v>
      </c>
      <c r="D10202" s="2">
        <v>163030</v>
      </c>
      <c r="E10202" s="1" t="s">
        <v>0</v>
      </c>
    </row>
    <row r="10203" spans="1:5" x14ac:dyDescent="0.25">
      <c r="A10203" s="1" t="s">
        <v>1873</v>
      </c>
      <c r="B10203" s="1" t="s">
        <v>7929</v>
      </c>
      <c r="C10203" s="1" t="s">
        <v>7930</v>
      </c>
      <c r="D10203" s="2">
        <v>163031</v>
      </c>
      <c r="E10203" s="1" t="s">
        <v>0</v>
      </c>
    </row>
    <row r="10204" spans="1:5" x14ac:dyDescent="0.25">
      <c r="A10204" s="1" t="s">
        <v>27216</v>
      </c>
      <c r="B10204" s="1" t="s">
        <v>53325</v>
      </c>
      <c r="C10204" s="1" t="s">
        <v>27217</v>
      </c>
      <c r="D10204" s="2">
        <v>163032</v>
      </c>
      <c r="E10204" s="1" t="s">
        <v>0</v>
      </c>
    </row>
    <row r="10205" spans="1:5" ht="409.5" x14ac:dyDescent="0.25">
      <c r="A10205" s="4" t="s">
        <v>27218</v>
      </c>
      <c r="B10205" s="1" t="s">
        <v>60820</v>
      </c>
      <c r="C10205" s="1" t="s">
        <v>27219</v>
      </c>
      <c r="D10205" s="2">
        <v>163033</v>
      </c>
      <c r="E10205" s="1" t="s">
        <v>0</v>
      </c>
    </row>
    <row r="10206" spans="1:5" x14ac:dyDescent="0.25">
      <c r="A10206" s="1" t="s">
        <v>27220</v>
      </c>
      <c r="B10206" s="1" t="s">
        <v>7931</v>
      </c>
      <c r="C10206" s="1" t="s">
        <v>27221</v>
      </c>
      <c r="D10206" s="2">
        <v>163034</v>
      </c>
      <c r="E10206" s="1" t="s">
        <v>0</v>
      </c>
    </row>
    <row r="10207" spans="1:5" x14ac:dyDescent="0.25">
      <c r="A10207" s="2">
        <v>2041</v>
      </c>
      <c r="B10207" s="2">
        <v>2041</v>
      </c>
      <c r="C10207" s="1" t="s">
        <v>0</v>
      </c>
      <c r="D10207" s="2">
        <v>163035</v>
      </c>
      <c r="E10207" s="1" t="s">
        <v>0</v>
      </c>
    </row>
    <row r="10208" spans="1:5" x14ac:dyDescent="0.25">
      <c r="A10208" s="1" t="s">
        <v>13099</v>
      </c>
      <c r="B10208" s="1" t="s">
        <v>7932</v>
      </c>
      <c r="C10208" s="1" t="s">
        <v>27222</v>
      </c>
      <c r="D10208" s="2">
        <v>163036</v>
      </c>
      <c r="E10208" s="1" t="s">
        <v>0</v>
      </c>
    </row>
    <row r="10209" spans="1:5" x14ac:dyDescent="0.25">
      <c r="A10209" s="1" t="s">
        <v>27223</v>
      </c>
      <c r="B10209" s="1" t="s">
        <v>13100</v>
      </c>
      <c r="C10209" s="1" t="s">
        <v>27224</v>
      </c>
      <c r="D10209" s="2">
        <v>163037</v>
      </c>
      <c r="E10209" s="1" t="s">
        <v>0</v>
      </c>
    </row>
    <row r="10210" spans="1:5" ht="409.5" x14ac:dyDescent="0.25">
      <c r="A10210" s="4" t="s">
        <v>27225</v>
      </c>
      <c r="B10210" s="1" t="s">
        <v>53326</v>
      </c>
      <c r="C10210" s="1" t="s">
        <v>27226</v>
      </c>
      <c r="D10210" s="2">
        <v>163038</v>
      </c>
      <c r="E10210" s="1" t="s">
        <v>0</v>
      </c>
    </row>
    <row r="10211" spans="1:5" x14ac:dyDescent="0.25">
      <c r="A10211" s="1" t="s">
        <v>27227</v>
      </c>
      <c r="B10211" s="1" t="s">
        <v>7933</v>
      </c>
      <c r="C10211" s="1" t="s">
        <v>27228</v>
      </c>
      <c r="D10211" s="2">
        <v>163039</v>
      </c>
      <c r="E10211" s="1" t="s">
        <v>0</v>
      </c>
    </row>
    <row r="10212" spans="1:5" x14ac:dyDescent="0.25">
      <c r="A10212" s="2">
        <v>2042</v>
      </c>
      <c r="B10212" s="2">
        <v>2042</v>
      </c>
      <c r="C10212" s="1" t="s">
        <v>0</v>
      </c>
      <c r="D10212" s="2">
        <v>163040</v>
      </c>
      <c r="E10212" s="1" t="s">
        <v>0</v>
      </c>
    </row>
    <row r="10213" spans="1:5" x14ac:dyDescent="0.25">
      <c r="A10213" s="1" t="s">
        <v>1874</v>
      </c>
      <c r="B10213" s="1" t="s">
        <v>7934</v>
      </c>
      <c r="C10213" s="1" t="s">
        <v>27229</v>
      </c>
      <c r="D10213" s="2">
        <v>163041</v>
      </c>
      <c r="E10213" s="1" t="s">
        <v>0</v>
      </c>
    </row>
    <row r="10214" spans="1:5" x14ac:dyDescent="0.25">
      <c r="A10214" s="1" t="s">
        <v>27230</v>
      </c>
      <c r="B10214" s="1" t="s">
        <v>7935</v>
      </c>
      <c r="C10214" s="1" t="s">
        <v>27231</v>
      </c>
      <c r="D10214" s="2">
        <v>163042</v>
      </c>
      <c r="E10214" s="1" t="s">
        <v>0</v>
      </c>
    </row>
    <row r="10215" spans="1:5" ht="409.5" x14ac:dyDescent="0.25">
      <c r="A10215" s="4" t="s">
        <v>27232</v>
      </c>
      <c r="B10215" s="1" t="s">
        <v>53327</v>
      </c>
      <c r="C10215" s="1" t="s">
        <v>27233</v>
      </c>
      <c r="D10215" s="2">
        <v>163043</v>
      </c>
      <c r="E10215" s="1" t="s">
        <v>0</v>
      </c>
    </row>
    <row r="10216" spans="1:5" x14ac:dyDescent="0.25">
      <c r="A10216" s="1" t="s">
        <v>27234</v>
      </c>
      <c r="B10216" s="1" t="s">
        <v>7936</v>
      </c>
      <c r="C10216" s="1" t="s">
        <v>27235</v>
      </c>
      <c r="D10216" s="2">
        <v>163044</v>
      </c>
      <c r="E10216" s="1" t="s">
        <v>0</v>
      </c>
    </row>
    <row r="10217" spans="1:5" x14ac:dyDescent="0.25">
      <c r="A10217" s="2">
        <v>2043</v>
      </c>
      <c r="B10217" s="2">
        <v>2043</v>
      </c>
      <c r="C10217" s="1" t="s">
        <v>0</v>
      </c>
      <c r="D10217" s="2">
        <v>163045</v>
      </c>
      <c r="E10217" s="1" t="s">
        <v>0</v>
      </c>
    </row>
    <row r="10218" spans="1:5" x14ac:dyDescent="0.25">
      <c r="A10218" s="1" t="s">
        <v>1875</v>
      </c>
      <c r="B10218" s="1" t="s">
        <v>7937</v>
      </c>
      <c r="C10218" s="1" t="s">
        <v>27236</v>
      </c>
      <c r="D10218" s="2">
        <v>163046</v>
      </c>
      <c r="E10218" s="1" t="s">
        <v>0</v>
      </c>
    </row>
    <row r="10219" spans="1:5" x14ac:dyDescent="0.25">
      <c r="A10219" s="1" t="s">
        <v>27237</v>
      </c>
      <c r="B10219" s="1" t="s">
        <v>53328</v>
      </c>
      <c r="C10219" s="1" t="s">
        <v>27238</v>
      </c>
      <c r="D10219" s="2">
        <v>163047</v>
      </c>
      <c r="E10219" s="1" t="s">
        <v>0</v>
      </c>
    </row>
    <row r="10220" spans="1:5" ht="409.5" x14ac:dyDescent="0.25">
      <c r="A10220" s="4" t="s">
        <v>27239</v>
      </c>
      <c r="B10220" s="1" t="s">
        <v>53329</v>
      </c>
      <c r="C10220" s="1" t="s">
        <v>27240</v>
      </c>
      <c r="D10220" s="2">
        <v>163048</v>
      </c>
      <c r="E10220" s="1" t="s">
        <v>0</v>
      </c>
    </row>
    <row r="10221" spans="1:5" x14ac:dyDescent="0.25">
      <c r="A10221" s="1" t="s">
        <v>27241</v>
      </c>
      <c r="B10221" s="1" t="s">
        <v>7938</v>
      </c>
      <c r="C10221" s="1" t="s">
        <v>27242</v>
      </c>
      <c r="D10221" s="2">
        <v>163049</v>
      </c>
      <c r="E10221" s="1" t="s">
        <v>0</v>
      </c>
    </row>
    <row r="10222" spans="1:5" x14ac:dyDescent="0.25">
      <c r="A10222" s="2">
        <v>2044</v>
      </c>
      <c r="B10222" s="2">
        <v>2044</v>
      </c>
      <c r="C10222" s="1" t="s">
        <v>0</v>
      </c>
      <c r="D10222" s="2">
        <v>163050</v>
      </c>
      <c r="E10222" s="1" t="s">
        <v>0</v>
      </c>
    </row>
    <row r="10223" spans="1:5" x14ac:dyDescent="0.25">
      <c r="A10223" s="1" t="s">
        <v>1876</v>
      </c>
      <c r="B10223" s="1" t="s">
        <v>7939</v>
      </c>
      <c r="C10223" s="1" t="s">
        <v>27243</v>
      </c>
      <c r="D10223" s="2">
        <v>163051</v>
      </c>
      <c r="E10223" s="1" t="s">
        <v>0</v>
      </c>
    </row>
    <row r="10224" spans="1:5" x14ac:dyDescent="0.25">
      <c r="A10224" s="1" t="s">
        <v>27244</v>
      </c>
      <c r="B10224" s="1" t="s">
        <v>63319</v>
      </c>
      <c r="C10224" s="1" t="s">
        <v>27245</v>
      </c>
      <c r="D10224" s="2">
        <v>163052</v>
      </c>
      <c r="E10224" s="1" t="s">
        <v>0</v>
      </c>
    </row>
    <row r="10225" spans="1:5" ht="409.5" x14ac:dyDescent="0.25">
      <c r="A10225" s="4" t="s">
        <v>27246</v>
      </c>
      <c r="B10225" s="1" t="s">
        <v>63320</v>
      </c>
      <c r="C10225" s="1" t="s">
        <v>27247</v>
      </c>
      <c r="D10225" s="2">
        <v>163053</v>
      </c>
      <c r="E10225" s="1" t="s">
        <v>0</v>
      </c>
    </row>
    <row r="10226" spans="1:5" x14ac:dyDescent="0.25">
      <c r="A10226" s="1" t="s">
        <v>27248</v>
      </c>
      <c r="B10226" s="1" t="s">
        <v>1877</v>
      </c>
      <c r="C10226" s="1" t="s">
        <v>27249</v>
      </c>
      <c r="D10226" s="2">
        <v>163054</v>
      </c>
      <c r="E10226" s="1" t="s">
        <v>0</v>
      </c>
    </row>
    <row r="10227" spans="1:5" x14ac:dyDescent="0.25">
      <c r="A10227" s="2">
        <v>2045</v>
      </c>
      <c r="B10227" s="2">
        <v>2045</v>
      </c>
      <c r="C10227" s="1" t="s">
        <v>0</v>
      </c>
      <c r="D10227" s="2">
        <v>163055</v>
      </c>
      <c r="E10227" s="1" t="s">
        <v>0</v>
      </c>
    </row>
    <row r="10228" spans="1:5" x14ac:dyDescent="0.25">
      <c r="A10228" s="1" t="s">
        <v>1878</v>
      </c>
      <c r="B10228" s="1" t="s">
        <v>7940</v>
      </c>
      <c r="C10228" s="1" t="s">
        <v>27250</v>
      </c>
      <c r="D10228" s="2">
        <v>163056</v>
      </c>
      <c r="E10228" s="1" t="s">
        <v>0</v>
      </c>
    </row>
    <row r="10229" spans="1:5" x14ac:dyDescent="0.25">
      <c r="A10229" s="1" t="s">
        <v>27251</v>
      </c>
      <c r="B10229" s="1" t="s">
        <v>62388</v>
      </c>
      <c r="C10229" s="1" t="s">
        <v>27252</v>
      </c>
      <c r="D10229" s="2">
        <v>163057</v>
      </c>
      <c r="E10229" s="1" t="s">
        <v>0</v>
      </c>
    </row>
    <row r="10230" spans="1:5" ht="409.5" x14ac:dyDescent="0.25">
      <c r="A10230" s="4" t="s">
        <v>27253</v>
      </c>
      <c r="B10230" s="1" t="s">
        <v>62389</v>
      </c>
      <c r="C10230" s="1" t="s">
        <v>27254</v>
      </c>
      <c r="D10230" s="2">
        <v>163058</v>
      </c>
      <c r="E10230" s="1" t="s">
        <v>0</v>
      </c>
    </row>
    <row r="10231" spans="1:5" x14ac:dyDescent="0.25">
      <c r="A10231" s="1" t="s">
        <v>27255</v>
      </c>
      <c r="B10231" s="1" t="s">
        <v>7941</v>
      </c>
      <c r="C10231" s="1" t="s">
        <v>27256</v>
      </c>
      <c r="D10231" s="2">
        <v>163059</v>
      </c>
      <c r="E10231" s="1" t="s">
        <v>0</v>
      </c>
    </row>
    <row r="10232" spans="1:5" x14ac:dyDescent="0.25">
      <c r="A10232" s="2">
        <v>2046</v>
      </c>
      <c r="B10232" s="2">
        <v>2046</v>
      </c>
      <c r="C10232" s="1" t="s">
        <v>0</v>
      </c>
      <c r="D10232" s="2">
        <v>163060</v>
      </c>
      <c r="E10232" s="1" t="s">
        <v>0</v>
      </c>
    </row>
    <row r="10233" spans="1:5" x14ac:dyDescent="0.25">
      <c r="A10233" s="1" t="s">
        <v>1879</v>
      </c>
      <c r="B10233" s="1" t="s">
        <v>7942</v>
      </c>
      <c r="C10233" s="1" t="s">
        <v>27257</v>
      </c>
      <c r="D10233" s="2">
        <v>163061</v>
      </c>
      <c r="E10233" s="1" t="s">
        <v>0</v>
      </c>
    </row>
    <row r="10234" spans="1:5" x14ac:dyDescent="0.25">
      <c r="A10234" s="1" t="s">
        <v>27258</v>
      </c>
      <c r="B10234" s="1" t="s">
        <v>7943</v>
      </c>
      <c r="C10234" s="1" t="s">
        <v>27259</v>
      </c>
      <c r="D10234" s="2">
        <v>163062</v>
      </c>
      <c r="E10234" s="1" t="s">
        <v>0</v>
      </c>
    </row>
    <row r="10235" spans="1:5" ht="409.5" x14ac:dyDescent="0.25">
      <c r="A10235" s="4" t="s">
        <v>27260</v>
      </c>
      <c r="B10235" s="1" t="s">
        <v>53330</v>
      </c>
      <c r="C10235" s="1" t="s">
        <v>27261</v>
      </c>
      <c r="D10235" s="2">
        <v>163063</v>
      </c>
      <c r="E10235" s="1" t="s">
        <v>0</v>
      </c>
    </row>
    <row r="10236" spans="1:5" x14ac:dyDescent="0.25">
      <c r="A10236" s="1" t="s">
        <v>27262</v>
      </c>
      <c r="B10236" s="1" t="s">
        <v>7944</v>
      </c>
      <c r="C10236" s="1" t="s">
        <v>27263</v>
      </c>
      <c r="D10236" s="2">
        <v>163064</v>
      </c>
      <c r="E10236" s="1" t="s">
        <v>0</v>
      </c>
    </row>
    <row r="10237" spans="1:5" x14ac:dyDescent="0.25">
      <c r="A10237" s="2">
        <v>2047</v>
      </c>
      <c r="B10237" s="2">
        <v>2047</v>
      </c>
      <c r="C10237" s="1" t="s">
        <v>0</v>
      </c>
      <c r="D10237" s="2">
        <v>163065</v>
      </c>
      <c r="E10237" s="1" t="s">
        <v>0</v>
      </c>
    </row>
    <row r="10238" spans="1:5" x14ac:dyDescent="0.25">
      <c r="A10238" s="1" t="s">
        <v>1880</v>
      </c>
      <c r="B10238" s="1" t="s">
        <v>7945</v>
      </c>
      <c r="C10238" s="1" t="s">
        <v>27264</v>
      </c>
      <c r="D10238" s="2">
        <v>163066</v>
      </c>
      <c r="E10238" s="1" t="s">
        <v>0</v>
      </c>
    </row>
    <row r="10239" spans="1:5" x14ac:dyDescent="0.25">
      <c r="A10239" s="1" t="s">
        <v>27265</v>
      </c>
      <c r="B10239" s="1" t="s">
        <v>53331</v>
      </c>
      <c r="C10239" s="1" t="s">
        <v>27266</v>
      </c>
      <c r="D10239" s="2">
        <v>163067</v>
      </c>
      <c r="E10239" s="1" t="s">
        <v>0</v>
      </c>
    </row>
    <row r="10240" spans="1:5" ht="409.5" x14ac:dyDescent="0.25">
      <c r="A10240" s="4" t="s">
        <v>27267</v>
      </c>
      <c r="B10240" s="1" t="s">
        <v>53332</v>
      </c>
      <c r="C10240" s="1" t="s">
        <v>27268</v>
      </c>
      <c r="D10240" s="2">
        <v>163068</v>
      </c>
      <c r="E10240" s="1" t="s">
        <v>0</v>
      </c>
    </row>
    <row r="10241" spans="1:5" x14ac:dyDescent="0.25">
      <c r="A10241" s="1" t="s">
        <v>27269</v>
      </c>
      <c r="B10241" s="1" t="s">
        <v>7946</v>
      </c>
      <c r="C10241" s="1" t="s">
        <v>27270</v>
      </c>
      <c r="D10241" s="2">
        <v>163069</v>
      </c>
      <c r="E10241" s="1" t="s">
        <v>0</v>
      </c>
    </row>
    <row r="10242" spans="1:5" x14ac:dyDescent="0.25">
      <c r="A10242" s="2">
        <v>2048</v>
      </c>
      <c r="B10242" s="2">
        <v>2048</v>
      </c>
      <c r="C10242" s="1" t="s">
        <v>0</v>
      </c>
      <c r="D10242" s="2">
        <v>163070</v>
      </c>
      <c r="E10242" s="1" t="s">
        <v>0</v>
      </c>
    </row>
    <row r="10243" spans="1:5" x14ac:dyDescent="0.25">
      <c r="A10243" s="1" t="s">
        <v>1881</v>
      </c>
      <c r="B10243" s="1" t="s">
        <v>53333</v>
      </c>
      <c r="C10243" s="1" t="s">
        <v>27271</v>
      </c>
      <c r="D10243" s="2">
        <v>163071</v>
      </c>
      <c r="E10243" s="1" t="s">
        <v>0</v>
      </c>
    </row>
    <row r="10244" spans="1:5" x14ac:dyDescent="0.25">
      <c r="A10244" s="1" t="s">
        <v>27272</v>
      </c>
      <c r="B10244" s="1" t="s">
        <v>53334</v>
      </c>
      <c r="C10244" s="1" t="s">
        <v>27273</v>
      </c>
      <c r="D10244" s="2">
        <v>163072</v>
      </c>
      <c r="E10244" s="1" t="s">
        <v>0</v>
      </c>
    </row>
    <row r="10245" spans="1:5" ht="409.5" x14ac:dyDescent="0.25">
      <c r="A10245" s="4" t="s">
        <v>27274</v>
      </c>
      <c r="B10245" s="1" t="s">
        <v>59952</v>
      </c>
      <c r="C10245" s="1" t="s">
        <v>27275</v>
      </c>
      <c r="D10245" s="2">
        <v>163073</v>
      </c>
      <c r="E10245" s="1" t="s">
        <v>0</v>
      </c>
    </row>
    <row r="10246" spans="1:5" x14ac:dyDescent="0.25">
      <c r="A10246" s="1" t="s">
        <v>27276</v>
      </c>
      <c r="B10246" s="1" t="s">
        <v>53335</v>
      </c>
      <c r="C10246" s="1" t="s">
        <v>27277</v>
      </c>
      <c r="D10246" s="2">
        <v>163074</v>
      </c>
      <c r="E10246" s="1" t="s">
        <v>0</v>
      </c>
    </row>
    <row r="10247" spans="1:5" x14ac:dyDescent="0.25">
      <c r="A10247" s="2">
        <v>2049</v>
      </c>
      <c r="B10247" s="2">
        <v>2049</v>
      </c>
      <c r="C10247" s="1" t="s">
        <v>0</v>
      </c>
      <c r="D10247" s="2">
        <v>163075</v>
      </c>
      <c r="E10247" s="1" t="s">
        <v>0</v>
      </c>
    </row>
    <row r="10248" spans="1:5" x14ac:dyDescent="0.25">
      <c r="A10248" s="1" t="s">
        <v>7947</v>
      </c>
      <c r="B10248" s="1" t="s">
        <v>7948</v>
      </c>
      <c r="C10248" s="1" t="s">
        <v>27278</v>
      </c>
      <c r="D10248" s="2">
        <v>163076</v>
      </c>
      <c r="E10248" s="1" t="s">
        <v>0</v>
      </c>
    </row>
    <row r="10249" spans="1:5" x14ac:dyDescent="0.25">
      <c r="A10249" s="1" t="s">
        <v>27279</v>
      </c>
      <c r="B10249" s="1" t="s">
        <v>62390</v>
      </c>
      <c r="C10249" s="1" t="s">
        <v>27280</v>
      </c>
      <c r="D10249" s="2">
        <v>163077</v>
      </c>
      <c r="E10249" s="1" t="s">
        <v>0</v>
      </c>
    </row>
    <row r="10250" spans="1:5" ht="409.5" x14ac:dyDescent="0.25">
      <c r="A10250" s="4" t="s">
        <v>27281</v>
      </c>
      <c r="B10250" s="1" t="s">
        <v>62391</v>
      </c>
      <c r="C10250" s="1" t="s">
        <v>27282</v>
      </c>
      <c r="D10250" s="2">
        <v>163078</v>
      </c>
      <c r="E10250" s="1" t="s">
        <v>0</v>
      </c>
    </row>
    <row r="10251" spans="1:5" x14ac:dyDescent="0.25">
      <c r="A10251" s="1" t="s">
        <v>27283</v>
      </c>
      <c r="B10251" s="1" t="s">
        <v>61086</v>
      </c>
      <c r="C10251" s="1" t="s">
        <v>27284</v>
      </c>
      <c r="D10251" s="2">
        <v>163079</v>
      </c>
      <c r="E10251" s="1" t="s">
        <v>0</v>
      </c>
    </row>
    <row r="10252" spans="1:5" x14ac:dyDescent="0.25">
      <c r="A10252" s="2">
        <v>2050</v>
      </c>
      <c r="B10252" s="2">
        <v>2050</v>
      </c>
      <c r="C10252" s="1" t="s">
        <v>0</v>
      </c>
      <c r="D10252" s="2">
        <v>163080</v>
      </c>
      <c r="E10252" s="1" t="s">
        <v>0</v>
      </c>
    </row>
    <row r="10253" spans="1:5" x14ac:dyDescent="0.25">
      <c r="A10253" s="1" t="s">
        <v>1882</v>
      </c>
      <c r="B10253" s="1" t="s">
        <v>7949</v>
      </c>
      <c r="C10253" s="1" t="s">
        <v>27285</v>
      </c>
      <c r="D10253" s="2">
        <v>163081</v>
      </c>
      <c r="E10253" s="1" t="s">
        <v>0</v>
      </c>
    </row>
    <row r="10254" spans="1:5" x14ac:dyDescent="0.25">
      <c r="A10254" s="1" t="s">
        <v>27286</v>
      </c>
      <c r="B10254" s="1" t="s">
        <v>7950</v>
      </c>
      <c r="C10254" s="1" t="s">
        <v>27287</v>
      </c>
      <c r="D10254" s="2">
        <v>163082</v>
      </c>
      <c r="E10254" s="1" t="s">
        <v>0</v>
      </c>
    </row>
    <row r="10255" spans="1:5" ht="409.5" x14ac:dyDescent="0.25">
      <c r="A10255" s="4" t="s">
        <v>27288</v>
      </c>
      <c r="B10255" s="1" t="s">
        <v>7951</v>
      </c>
      <c r="C10255" s="1" t="s">
        <v>27289</v>
      </c>
      <c r="D10255" s="2">
        <v>163083</v>
      </c>
      <c r="E10255" s="1" t="s">
        <v>0</v>
      </c>
    </row>
    <row r="10256" spans="1:5" x14ac:dyDescent="0.25">
      <c r="A10256" s="1" t="s">
        <v>27290</v>
      </c>
      <c r="B10256" s="1" t="s">
        <v>53336</v>
      </c>
      <c r="C10256" s="1" t="s">
        <v>27291</v>
      </c>
      <c r="D10256" s="2">
        <v>163084</v>
      </c>
      <c r="E10256" s="1" t="s">
        <v>0</v>
      </c>
    </row>
    <row r="10257" spans="1:5" x14ac:dyDescent="0.25">
      <c r="A10257" s="2">
        <v>2051</v>
      </c>
      <c r="B10257" s="2">
        <v>2051</v>
      </c>
      <c r="C10257" s="1" t="s">
        <v>0</v>
      </c>
      <c r="D10257" s="2">
        <v>163085</v>
      </c>
      <c r="E10257" s="1" t="s">
        <v>0</v>
      </c>
    </row>
    <row r="10258" spans="1:5" x14ac:dyDescent="0.25">
      <c r="A10258" s="1" t="s">
        <v>1883</v>
      </c>
      <c r="B10258" s="1" t="s">
        <v>56937</v>
      </c>
      <c r="C10258" s="1" t="s">
        <v>27292</v>
      </c>
      <c r="D10258" s="2">
        <v>163086</v>
      </c>
      <c r="E10258" s="1" t="s">
        <v>0</v>
      </c>
    </row>
    <row r="10259" spans="1:5" x14ac:dyDescent="0.25">
      <c r="A10259" s="1" t="s">
        <v>27293</v>
      </c>
      <c r="B10259" s="1" t="s">
        <v>53337</v>
      </c>
      <c r="C10259" s="1" t="s">
        <v>27294</v>
      </c>
      <c r="D10259" s="2">
        <v>163087</v>
      </c>
      <c r="E10259" s="1" t="s">
        <v>0</v>
      </c>
    </row>
    <row r="10260" spans="1:5" ht="409.5" x14ac:dyDescent="0.25">
      <c r="A10260" s="4" t="s">
        <v>27295</v>
      </c>
      <c r="B10260" s="1" t="s">
        <v>58747</v>
      </c>
      <c r="C10260" s="1" t="s">
        <v>27296</v>
      </c>
      <c r="D10260" s="2">
        <v>163088</v>
      </c>
      <c r="E10260" s="1" t="s">
        <v>0</v>
      </c>
    </row>
    <row r="10261" spans="1:5" x14ac:dyDescent="0.25">
      <c r="A10261" s="1" t="s">
        <v>27297</v>
      </c>
      <c r="B10261" s="1" t="s">
        <v>59953</v>
      </c>
      <c r="C10261" s="1" t="s">
        <v>27298</v>
      </c>
      <c r="D10261" s="2">
        <v>163089</v>
      </c>
      <c r="E10261" s="1" t="s">
        <v>0</v>
      </c>
    </row>
    <row r="10262" spans="1:5" x14ac:dyDescent="0.25">
      <c r="A10262" s="2">
        <v>2052</v>
      </c>
      <c r="B10262" s="2">
        <v>2052</v>
      </c>
      <c r="C10262" s="1" t="s">
        <v>0</v>
      </c>
      <c r="D10262" s="2">
        <v>163090</v>
      </c>
      <c r="E10262" s="1" t="s">
        <v>0</v>
      </c>
    </row>
    <row r="10263" spans="1:5" x14ac:dyDescent="0.25">
      <c r="A10263" s="1" t="s">
        <v>1884</v>
      </c>
      <c r="B10263" s="1" t="s">
        <v>7952</v>
      </c>
      <c r="C10263" s="1" t="s">
        <v>27299</v>
      </c>
      <c r="D10263" s="2">
        <v>163091</v>
      </c>
      <c r="E10263" s="1" t="s">
        <v>0</v>
      </c>
    </row>
    <row r="10264" spans="1:5" x14ac:dyDescent="0.25">
      <c r="A10264" s="1" t="s">
        <v>27300</v>
      </c>
      <c r="B10264" s="1" t="s">
        <v>7953</v>
      </c>
      <c r="C10264" s="1" t="s">
        <v>27301</v>
      </c>
      <c r="D10264" s="2">
        <v>163092</v>
      </c>
      <c r="E10264" s="1" t="s">
        <v>0</v>
      </c>
    </row>
    <row r="10265" spans="1:5" ht="409.5" x14ac:dyDescent="0.25">
      <c r="A10265" s="4" t="s">
        <v>27302</v>
      </c>
      <c r="B10265" s="1" t="s">
        <v>7954</v>
      </c>
      <c r="C10265" s="1" t="s">
        <v>27303</v>
      </c>
      <c r="D10265" s="2">
        <v>163093</v>
      </c>
      <c r="E10265" s="1" t="s">
        <v>0</v>
      </c>
    </row>
    <row r="10266" spans="1:5" x14ac:dyDescent="0.25">
      <c r="A10266" s="1" t="s">
        <v>27304</v>
      </c>
      <c r="B10266" s="1" t="s">
        <v>7955</v>
      </c>
      <c r="C10266" s="1" t="s">
        <v>27305</v>
      </c>
      <c r="D10266" s="2">
        <v>163094</v>
      </c>
      <c r="E10266" s="1" t="s">
        <v>0</v>
      </c>
    </row>
    <row r="10267" spans="1:5" x14ac:dyDescent="0.25">
      <c r="A10267" s="2">
        <v>2053</v>
      </c>
      <c r="B10267" s="2">
        <v>2053</v>
      </c>
      <c r="C10267" s="1" t="s">
        <v>0</v>
      </c>
      <c r="D10267" s="2">
        <v>163095</v>
      </c>
      <c r="E10267" s="1" t="s">
        <v>0</v>
      </c>
    </row>
    <row r="10268" spans="1:5" x14ac:dyDescent="0.25">
      <c r="A10268" s="1" t="s">
        <v>1885</v>
      </c>
      <c r="B10268" s="1" t="s">
        <v>7956</v>
      </c>
      <c r="C10268" s="1" t="s">
        <v>27306</v>
      </c>
      <c r="D10268" s="2">
        <v>163096</v>
      </c>
      <c r="E10268" s="1" t="s">
        <v>0</v>
      </c>
    </row>
    <row r="10269" spans="1:5" x14ac:dyDescent="0.25">
      <c r="A10269" s="1" t="s">
        <v>27307</v>
      </c>
      <c r="B10269" s="1" t="s">
        <v>53338</v>
      </c>
      <c r="C10269" s="1" t="s">
        <v>27308</v>
      </c>
      <c r="D10269" s="2">
        <v>163097</v>
      </c>
      <c r="E10269" s="1" t="s">
        <v>0</v>
      </c>
    </row>
    <row r="10270" spans="1:5" ht="409.5" x14ac:dyDescent="0.25">
      <c r="A10270" s="4" t="s">
        <v>27309</v>
      </c>
      <c r="B10270" s="1" t="s">
        <v>53339</v>
      </c>
      <c r="C10270" s="1" t="s">
        <v>27310</v>
      </c>
      <c r="D10270" s="2">
        <v>163098</v>
      </c>
      <c r="E10270" s="1" t="s">
        <v>0</v>
      </c>
    </row>
    <row r="10271" spans="1:5" x14ac:dyDescent="0.25">
      <c r="A10271" s="1" t="s">
        <v>27311</v>
      </c>
      <c r="B10271" s="1" t="s">
        <v>53340</v>
      </c>
      <c r="C10271" s="1" t="s">
        <v>27312</v>
      </c>
      <c r="D10271" s="2">
        <v>163099</v>
      </c>
      <c r="E10271" s="1" t="s">
        <v>0</v>
      </c>
    </row>
    <row r="10272" spans="1:5" x14ac:dyDescent="0.25">
      <c r="A10272" s="2">
        <v>2054</v>
      </c>
      <c r="B10272" s="2">
        <v>2054</v>
      </c>
      <c r="C10272" s="1" t="s">
        <v>0</v>
      </c>
      <c r="D10272" s="2">
        <v>163100</v>
      </c>
      <c r="E10272" s="1" t="s">
        <v>0</v>
      </c>
    </row>
    <row r="10273" spans="1:5" x14ac:dyDescent="0.25">
      <c r="A10273" s="1" t="s">
        <v>1886</v>
      </c>
      <c r="B10273" s="1" t="s">
        <v>7957</v>
      </c>
      <c r="C10273" s="1" t="s">
        <v>27313</v>
      </c>
      <c r="D10273" s="2">
        <v>163101</v>
      </c>
      <c r="E10273" s="1" t="s">
        <v>0</v>
      </c>
    </row>
    <row r="10274" spans="1:5" x14ac:dyDescent="0.25">
      <c r="A10274" s="1" t="s">
        <v>27314</v>
      </c>
      <c r="B10274" s="1" t="s">
        <v>7958</v>
      </c>
      <c r="C10274" s="1" t="s">
        <v>27315</v>
      </c>
      <c r="D10274" s="2">
        <v>163102</v>
      </c>
      <c r="E10274" s="1" t="s">
        <v>0</v>
      </c>
    </row>
    <row r="10275" spans="1:5" x14ac:dyDescent="0.25">
      <c r="A10275" s="1" t="s">
        <v>27316</v>
      </c>
      <c r="B10275" s="1" t="s">
        <v>7959</v>
      </c>
      <c r="C10275" s="1" t="s">
        <v>27317</v>
      </c>
      <c r="D10275" s="2">
        <v>163103</v>
      </c>
      <c r="E10275" s="1" t="s">
        <v>0</v>
      </c>
    </row>
    <row r="10276" spans="1:5" x14ac:dyDescent="0.25">
      <c r="A10276" s="1" t="s">
        <v>27318</v>
      </c>
      <c r="B10276" s="1" t="s">
        <v>7960</v>
      </c>
      <c r="C10276" s="1" t="s">
        <v>27319</v>
      </c>
      <c r="D10276" s="2">
        <v>163104</v>
      </c>
      <c r="E10276" s="1" t="s">
        <v>0</v>
      </c>
    </row>
    <row r="10277" spans="1:5" x14ac:dyDescent="0.25">
      <c r="A10277" s="2">
        <v>2055</v>
      </c>
      <c r="B10277" s="2">
        <v>2055</v>
      </c>
      <c r="C10277" s="1" t="s">
        <v>0</v>
      </c>
      <c r="D10277" s="2">
        <v>163105</v>
      </c>
      <c r="E10277" s="1" t="s">
        <v>0</v>
      </c>
    </row>
    <row r="10278" spans="1:5" x14ac:dyDescent="0.25">
      <c r="A10278" s="1" t="s">
        <v>1887</v>
      </c>
      <c r="B10278" s="1" t="s">
        <v>7961</v>
      </c>
      <c r="C10278" s="1" t="s">
        <v>27320</v>
      </c>
      <c r="D10278" s="2">
        <v>163106</v>
      </c>
      <c r="E10278" s="1" t="s">
        <v>0</v>
      </c>
    </row>
    <row r="10279" spans="1:5" x14ac:dyDescent="0.25">
      <c r="A10279" s="1" t="s">
        <v>27321</v>
      </c>
      <c r="B10279" s="1" t="s">
        <v>7962</v>
      </c>
      <c r="C10279" s="1" t="s">
        <v>27322</v>
      </c>
      <c r="D10279" s="2">
        <v>163107</v>
      </c>
      <c r="E10279" s="1" t="s">
        <v>0</v>
      </c>
    </row>
    <row r="10280" spans="1:5" ht="409.5" x14ac:dyDescent="0.25">
      <c r="A10280" s="4" t="s">
        <v>27323</v>
      </c>
      <c r="B10280" s="1" t="s">
        <v>53341</v>
      </c>
      <c r="C10280" s="1" t="s">
        <v>27324</v>
      </c>
      <c r="D10280" s="2">
        <v>163108</v>
      </c>
      <c r="E10280" s="1" t="s">
        <v>0</v>
      </c>
    </row>
    <row r="10281" spans="1:5" x14ac:dyDescent="0.25">
      <c r="A10281" s="1" t="s">
        <v>27325</v>
      </c>
      <c r="B10281" s="1" t="s">
        <v>7963</v>
      </c>
      <c r="C10281" s="1" t="s">
        <v>27326</v>
      </c>
      <c r="D10281" s="2">
        <v>163109</v>
      </c>
      <c r="E10281" s="1" t="s">
        <v>0</v>
      </c>
    </row>
    <row r="10282" spans="1:5" x14ac:dyDescent="0.25">
      <c r="A10282" s="2">
        <v>2056</v>
      </c>
      <c r="B10282" s="2">
        <v>2056</v>
      </c>
      <c r="C10282" s="1" t="s">
        <v>0</v>
      </c>
      <c r="D10282" s="2">
        <v>163110</v>
      </c>
      <c r="E10282" s="1" t="s">
        <v>0</v>
      </c>
    </row>
    <row r="10283" spans="1:5" x14ac:dyDescent="0.25">
      <c r="A10283" s="1" t="s">
        <v>1888</v>
      </c>
      <c r="B10283" s="1" t="s">
        <v>7964</v>
      </c>
      <c r="C10283" s="1" t="s">
        <v>27327</v>
      </c>
      <c r="D10283" s="2">
        <v>163111</v>
      </c>
      <c r="E10283" s="1" t="s">
        <v>0</v>
      </c>
    </row>
    <row r="10284" spans="1:5" x14ac:dyDescent="0.25">
      <c r="A10284" s="1" t="s">
        <v>27328</v>
      </c>
      <c r="B10284" s="1" t="s">
        <v>53342</v>
      </c>
      <c r="C10284" s="1" t="s">
        <v>27329</v>
      </c>
      <c r="D10284" s="2">
        <v>163112</v>
      </c>
      <c r="E10284" s="1" t="s">
        <v>0</v>
      </c>
    </row>
    <row r="10285" spans="1:5" ht="409.5" x14ac:dyDescent="0.25">
      <c r="A10285" s="4" t="s">
        <v>27330</v>
      </c>
      <c r="B10285" s="1" t="s">
        <v>53343</v>
      </c>
      <c r="C10285" s="1" t="s">
        <v>27331</v>
      </c>
      <c r="D10285" s="2">
        <v>163113</v>
      </c>
      <c r="E10285" s="1" t="s">
        <v>0</v>
      </c>
    </row>
    <row r="10286" spans="1:5" x14ac:dyDescent="0.25">
      <c r="A10286" s="1" t="s">
        <v>27332</v>
      </c>
      <c r="B10286" s="1" t="s">
        <v>53344</v>
      </c>
      <c r="C10286" s="1" t="s">
        <v>27333</v>
      </c>
      <c r="D10286" s="2">
        <v>163114</v>
      </c>
      <c r="E10286" s="1" t="s">
        <v>0</v>
      </c>
    </row>
    <row r="10287" spans="1:5" x14ac:dyDescent="0.25">
      <c r="A10287" s="2">
        <v>2057</v>
      </c>
      <c r="B10287" s="2">
        <v>2057</v>
      </c>
      <c r="C10287" s="1" t="s">
        <v>0</v>
      </c>
      <c r="D10287" s="2">
        <v>163115</v>
      </c>
      <c r="E10287" s="1" t="s">
        <v>0</v>
      </c>
    </row>
    <row r="10288" spans="1:5" x14ac:dyDescent="0.25">
      <c r="A10288" s="1" t="s">
        <v>1889</v>
      </c>
      <c r="B10288" s="1" t="s">
        <v>7965</v>
      </c>
      <c r="C10288" s="1" t="s">
        <v>27334</v>
      </c>
      <c r="D10288" s="2">
        <v>163116</v>
      </c>
      <c r="E10288" s="1" t="s">
        <v>0</v>
      </c>
    </row>
    <row r="10289" spans="1:5" x14ac:dyDescent="0.25">
      <c r="A10289" s="1" t="s">
        <v>27335</v>
      </c>
      <c r="B10289" s="1" t="s">
        <v>56751</v>
      </c>
      <c r="C10289" s="1" t="s">
        <v>27336</v>
      </c>
      <c r="D10289" s="2">
        <v>163117</v>
      </c>
      <c r="E10289" s="1" t="s">
        <v>0</v>
      </c>
    </row>
    <row r="10290" spans="1:5" ht="409.5" x14ac:dyDescent="0.25">
      <c r="A10290" s="4" t="s">
        <v>64137</v>
      </c>
      <c r="B10290" s="1" t="s">
        <v>57200</v>
      </c>
      <c r="C10290" s="1" t="s">
        <v>27337</v>
      </c>
      <c r="D10290" s="2">
        <v>163118</v>
      </c>
      <c r="E10290" s="1" t="s">
        <v>0</v>
      </c>
    </row>
    <row r="10291" spans="1:5" x14ac:dyDescent="0.25">
      <c r="A10291" s="1" t="s">
        <v>27338</v>
      </c>
      <c r="B10291" s="1" t="s">
        <v>7966</v>
      </c>
      <c r="C10291" s="1" t="s">
        <v>27339</v>
      </c>
      <c r="D10291" s="2">
        <v>163119</v>
      </c>
      <c r="E10291" s="1" t="s">
        <v>0</v>
      </c>
    </row>
    <row r="10292" spans="1:5" x14ac:dyDescent="0.25">
      <c r="A10292" s="2">
        <v>2058</v>
      </c>
      <c r="B10292" s="2">
        <v>2058</v>
      </c>
      <c r="C10292" s="1" t="s">
        <v>0</v>
      </c>
      <c r="D10292" s="2">
        <v>163120</v>
      </c>
      <c r="E10292" s="1" t="s">
        <v>0</v>
      </c>
    </row>
    <row r="10293" spans="1:5" x14ac:dyDescent="0.25">
      <c r="A10293" s="1" t="s">
        <v>1890</v>
      </c>
      <c r="B10293" s="1" t="s">
        <v>7967</v>
      </c>
      <c r="C10293" s="1" t="s">
        <v>27340</v>
      </c>
      <c r="D10293" s="2">
        <v>163121</v>
      </c>
      <c r="E10293" s="1" t="s">
        <v>0</v>
      </c>
    </row>
    <row r="10294" spans="1:5" x14ac:dyDescent="0.25">
      <c r="A10294" s="1" t="s">
        <v>27341</v>
      </c>
      <c r="B10294" s="1" t="s">
        <v>7968</v>
      </c>
      <c r="C10294" s="1" t="s">
        <v>27342</v>
      </c>
      <c r="D10294" s="2">
        <v>163122</v>
      </c>
      <c r="E10294" s="1" t="s">
        <v>0</v>
      </c>
    </row>
    <row r="10295" spans="1:5" ht="409.5" x14ac:dyDescent="0.25">
      <c r="A10295" s="4" t="s">
        <v>27343</v>
      </c>
      <c r="B10295" s="1" t="s">
        <v>7969</v>
      </c>
      <c r="C10295" s="1" t="s">
        <v>27344</v>
      </c>
      <c r="D10295" s="2">
        <v>163123</v>
      </c>
      <c r="E10295" s="1" t="s">
        <v>0</v>
      </c>
    </row>
    <row r="10296" spans="1:5" x14ac:dyDescent="0.25">
      <c r="A10296" s="1" t="s">
        <v>27345</v>
      </c>
      <c r="B10296" s="1" t="s">
        <v>53345</v>
      </c>
      <c r="C10296" s="1" t="s">
        <v>27346</v>
      </c>
      <c r="D10296" s="2">
        <v>163124</v>
      </c>
      <c r="E10296" s="1" t="s">
        <v>0</v>
      </c>
    </row>
    <row r="10297" spans="1:5" x14ac:dyDescent="0.25">
      <c r="A10297" s="2">
        <v>2059</v>
      </c>
      <c r="B10297" s="2">
        <v>2059</v>
      </c>
      <c r="C10297" s="1" t="s">
        <v>0</v>
      </c>
      <c r="D10297" s="2">
        <v>163125</v>
      </c>
      <c r="E10297" s="1" t="s">
        <v>0</v>
      </c>
    </row>
    <row r="10298" spans="1:5" x14ac:dyDescent="0.25">
      <c r="A10298" s="1" t="s">
        <v>1891</v>
      </c>
      <c r="B10298" s="1" t="s">
        <v>7970</v>
      </c>
      <c r="C10298" s="1" t="s">
        <v>27347</v>
      </c>
      <c r="D10298" s="2">
        <v>163126</v>
      </c>
      <c r="E10298" s="1" t="s">
        <v>0</v>
      </c>
    </row>
    <row r="10299" spans="1:5" x14ac:dyDescent="0.25">
      <c r="A10299" s="1" t="s">
        <v>27348</v>
      </c>
      <c r="B10299" s="1" t="s">
        <v>50676</v>
      </c>
      <c r="C10299" s="1" t="s">
        <v>27349</v>
      </c>
      <c r="D10299" s="2">
        <v>163127</v>
      </c>
      <c r="E10299" s="1" t="s">
        <v>0</v>
      </c>
    </row>
    <row r="10300" spans="1:5" ht="409.5" x14ac:dyDescent="0.25">
      <c r="A10300" s="4" t="s">
        <v>27350</v>
      </c>
      <c r="B10300" s="1" t="s">
        <v>59954</v>
      </c>
      <c r="C10300" s="1" t="s">
        <v>27351</v>
      </c>
      <c r="D10300" s="2">
        <v>163128</v>
      </c>
      <c r="E10300" s="1" t="s">
        <v>0</v>
      </c>
    </row>
    <row r="10301" spans="1:5" x14ac:dyDescent="0.25">
      <c r="A10301" s="1" t="s">
        <v>27352</v>
      </c>
      <c r="B10301" s="1" t="s">
        <v>59955</v>
      </c>
      <c r="C10301" s="1" t="s">
        <v>27353</v>
      </c>
      <c r="D10301" s="2">
        <v>163129</v>
      </c>
      <c r="E10301" s="1" t="s">
        <v>0</v>
      </c>
    </row>
    <row r="10302" spans="1:5" x14ac:dyDescent="0.25">
      <c r="A10302" s="2">
        <v>2060</v>
      </c>
      <c r="B10302" s="2">
        <v>2060</v>
      </c>
      <c r="C10302" s="1" t="s">
        <v>0</v>
      </c>
      <c r="D10302" s="2">
        <v>163130</v>
      </c>
      <c r="E10302" s="1" t="s">
        <v>0</v>
      </c>
    </row>
    <row r="10303" spans="1:5" x14ac:dyDescent="0.25">
      <c r="A10303" s="1" t="s">
        <v>1892</v>
      </c>
      <c r="B10303" s="1" t="s">
        <v>7971</v>
      </c>
      <c r="C10303" s="1" t="s">
        <v>27354</v>
      </c>
      <c r="D10303" s="2">
        <v>163131</v>
      </c>
      <c r="E10303" s="1" t="s">
        <v>0</v>
      </c>
    </row>
    <row r="10304" spans="1:5" x14ac:dyDescent="0.25">
      <c r="A10304" s="1" t="s">
        <v>27355</v>
      </c>
      <c r="B10304" s="1" t="s">
        <v>7972</v>
      </c>
      <c r="C10304" s="1" t="s">
        <v>27356</v>
      </c>
      <c r="D10304" s="2">
        <v>163132</v>
      </c>
      <c r="E10304" s="1" t="s">
        <v>0</v>
      </c>
    </row>
    <row r="10305" spans="1:5" ht="409.5" x14ac:dyDescent="0.25">
      <c r="A10305" s="4" t="s">
        <v>27357</v>
      </c>
      <c r="B10305" s="1" t="s">
        <v>57824</v>
      </c>
      <c r="C10305" s="1" t="s">
        <v>27358</v>
      </c>
      <c r="D10305" s="2">
        <v>163133</v>
      </c>
      <c r="E10305" s="1" t="s">
        <v>0</v>
      </c>
    </row>
    <row r="10306" spans="1:5" x14ac:dyDescent="0.25">
      <c r="A10306" s="1" t="s">
        <v>27359</v>
      </c>
      <c r="B10306" s="1" t="s">
        <v>7973</v>
      </c>
      <c r="C10306" s="1" t="s">
        <v>27360</v>
      </c>
      <c r="D10306" s="2">
        <v>163134</v>
      </c>
      <c r="E10306" s="1" t="s">
        <v>0</v>
      </c>
    </row>
    <row r="10307" spans="1:5" x14ac:dyDescent="0.25">
      <c r="A10307" s="2">
        <v>2061</v>
      </c>
      <c r="B10307" s="2">
        <v>2061</v>
      </c>
      <c r="C10307" s="1" t="s">
        <v>0</v>
      </c>
      <c r="D10307" s="2">
        <v>163135</v>
      </c>
      <c r="E10307" s="1" t="s">
        <v>0</v>
      </c>
    </row>
    <row r="10308" spans="1:5" x14ac:dyDescent="0.25">
      <c r="A10308" s="1" t="s">
        <v>1893</v>
      </c>
      <c r="B10308" s="1" t="s">
        <v>7974</v>
      </c>
      <c r="C10308" s="1" t="s">
        <v>27361</v>
      </c>
      <c r="D10308" s="2">
        <v>163136</v>
      </c>
      <c r="E10308" s="1" t="s">
        <v>0</v>
      </c>
    </row>
    <row r="10309" spans="1:5" x14ac:dyDescent="0.25">
      <c r="A10309" s="1" t="s">
        <v>27362</v>
      </c>
      <c r="B10309" s="1" t="s">
        <v>7975</v>
      </c>
      <c r="C10309" s="1" t="s">
        <v>27363</v>
      </c>
      <c r="D10309" s="2">
        <v>163137</v>
      </c>
      <c r="E10309" s="1" t="s">
        <v>0</v>
      </c>
    </row>
    <row r="10310" spans="1:5" ht="409.5" x14ac:dyDescent="0.25">
      <c r="A10310" s="4" t="s">
        <v>27364</v>
      </c>
      <c r="B10310" s="1" t="s">
        <v>13101</v>
      </c>
      <c r="C10310" s="1" t="s">
        <v>27365</v>
      </c>
      <c r="D10310" s="2">
        <v>163138</v>
      </c>
      <c r="E10310" s="1" t="s">
        <v>0</v>
      </c>
    </row>
    <row r="10311" spans="1:5" x14ac:dyDescent="0.25">
      <c r="A10311" s="1" t="s">
        <v>27366</v>
      </c>
      <c r="B10311" s="1" t="s">
        <v>57201</v>
      </c>
      <c r="C10311" s="1" t="s">
        <v>27367</v>
      </c>
      <c r="D10311" s="2">
        <v>163139</v>
      </c>
      <c r="E10311" s="1" t="s">
        <v>0</v>
      </c>
    </row>
    <row r="10312" spans="1:5" x14ac:dyDescent="0.25">
      <c r="A10312" s="2">
        <v>2062</v>
      </c>
      <c r="B10312" s="2">
        <v>2062</v>
      </c>
      <c r="C10312" s="1" t="s">
        <v>0</v>
      </c>
      <c r="D10312" s="2">
        <v>163140</v>
      </c>
      <c r="E10312" s="1" t="s">
        <v>0</v>
      </c>
    </row>
    <row r="10313" spans="1:5" x14ac:dyDescent="0.25">
      <c r="A10313" s="1" t="s">
        <v>1894</v>
      </c>
      <c r="B10313" s="1" t="s">
        <v>61491</v>
      </c>
      <c r="C10313" s="1" t="s">
        <v>27368</v>
      </c>
      <c r="D10313" s="2">
        <v>163141</v>
      </c>
      <c r="E10313" s="1" t="s">
        <v>0</v>
      </c>
    </row>
    <row r="10314" spans="1:5" x14ac:dyDescent="0.25">
      <c r="A10314" s="1" t="s">
        <v>27369</v>
      </c>
      <c r="B10314" s="1" t="s">
        <v>53346</v>
      </c>
      <c r="C10314" s="1" t="s">
        <v>27370</v>
      </c>
      <c r="D10314" s="2">
        <v>163142</v>
      </c>
      <c r="E10314" s="1" t="s">
        <v>0</v>
      </c>
    </row>
    <row r="10315" spans="1:5" ht="409.5" x14ac:dyDescent="0.25">
      <c r="A10315" s="4" t="s">
        <v>27371</v>
      </c>
      <c r="B10315" s="1" t="s">
        <v>53347</v>
      </c>
      <c r="C10315" s="1" t="s">
        <v>27372</v>
      </c>
      <c r="D10315" s="2">
        <v>163143</v>
      </c>
      <c r="E10315" s="1" t="s">
        <v>0</v>
      </c>
    </row>
    <row r="10316" spans="1:5" x14ac:dyDescent="0.25">
      <c r="A10316" s="1" t="s">
        <v>27373</v>
      </c>
      <c r="B10316" s="1" t="s">
        <v>53348</v>
      </c>
      <c r="C10316" s="1" t="s">
        <v>27374</v>
      </c>
      <c r="D10316" s="2">
        <v>163144</v>
      </c>
      <c r="E10316" s="1" t="s">
        <v>0</v>
      </c>
    </row>
    <row r="10317" spans="1:5" x14ac:dyDescent="0.25">
      <c r="A10317" s="2">
        <v>2063</v>
      </c>
      <c r="B10317" s="2">
        <v>2063</v>
      </c>
      <c r="C10317" s="1" t="s">
        <v>0</v>
      </c>
      <c r="D10317" s="2">
        <v>163145</v>
      </c>
      <c r="E10317" s="1" t="s">
        <v>0</v>
      </c>
    </row>
    <row r="10318" spans="1:5" x14ac:dyDescent="0.25">
      <c r="A10318" s="1" t="s">
        <v>1895</v>
      </c>
      <c r="B10318" s="1" t="s">
        <v>53349</v>
      </c>
      <c r="C10318" s="1" t="s">
        <v>27375</v>
      </c>
      <c r="D10318" s="2">
        <v>163146</v>
      </c>
      <c r="E10318" s="1" t="s">
        <v>0</v>
      </c>
    </row>
    <row r="10319" spans="1:5" x14ac:dyDescent="0.25">
      <c r="A10319" s="1" t="s">
        <v>27376</v>
      </c>
      <c r="B10319" s="1" t="s">
        <v>50677</v>
      </c>
      <c r="C10319" s="1" t="s">
        <v>27377</v>
      </c>
      <c r="D10319" s="2">
        <v>163147</v>
      </c>
      <c r="E10319" s="1" t="s">
        <v>0</v>
      </c>
    </row>
    <row r="10320" spans="1:5" ht="409.5" x14ac:dyDescent="0.25">
      <c r="A10320" s="4" t="s">
        <v>27378</v>
      </c>
      <c r="B10320" s="1" t="s">
        <v>50678</v>
      </c>
      <c r="C10320" s="1" t="s">
        <v>27379</v>
      </c>
      <c r="D10320" s="2">
        <v>163148</v>
      </c>
      <c r="E10320" s="1" t="s">
        <v>0</v>
      </c>
    </row>
    <row r="10321" spans="1:5" x14ac:dyDescent="0.25">
      <c r="A10321" s="1" t="s">
        <v>27380</v>
      </c>
      <c r="B10321" s="1" t="s">
        <v>53350</v>
      </c>
      <c r="C10321" s="1" t="s">
        <v>27381</v>
      </c>
      <c r="D10321" s="2">
        <v>163149</v>
      </c>
      <c r="E10321" s="1" t="s">
        <v>0</v>
      </c>
    </row>
    <row r="10322" spans="1:5" x14ac:dyDescent="0.25">
      <c r="A10322" s="2">
        <v>2064</v>
      </c>
      <c r="B10322" s="2">
        <v>2064</v>
      </c>
      <c r="C10322" s="1" t="s">
        <v>0</v>
      </c>
      <c r="D10322" s="2">
        <v>163150</v>
      </c>
      <c r="E10322" s="1" t="s">
        <v>0</v>
      </c>
    </row>
    <row r="10323" spans="1:5" x14ac:dyDescent="0.25">
      <c r="A10323" s="1" t="s">
        <v>1896</v>
      </c>
      <c r="B10323" s="1" t="s">
        <v>7976</v>
      </c>
      <c r="C10323" s="1" t="s">
        <v>27382</v>
      </c>
      <c r="D10323" s="2">
        <v>163151</v>
      </c>
      <c r="E10323" s="1" t="s">
        <v>0</v>
      </c>
    </row>
    <row r="10324" spans="1:5" x14ac:dyDescent="0.25">
      <c r="A10324" s="1" t="s">
        <v>27383</v>
      </c>
      <c r="B10324" s="1" t="s">
        <v>7977</v>
      </c>
      <c r="C10324" s="1" t="s">
        <v>27384</v>
      </c>
      <c r="D10324" s="2">
        <v>163152</v>
      </c>
      <c r="E10324" s="1" t="s">
        <v>0</v>
      </c>
    </row>
    <row r="10325" spans="1:5" ht="409.5" x14ac:dyDescent="0.25">
      <c r="A10325" s="4" t="s">
        <v>27385</v>
      </c>
      <c r="B10325" s="1" t="s">
        <v>57496</v>
      </c>
      <c r="C10325" s="1" t="s">
        <v>27386</v>
      </c>
      <c r="D10325" s="2">
        <v>163153</v>
      </c>
      <c r="E10325" s="1" t="s">
        <v>0</v>
      </c>
    </row>
    <row r="10326" spans="1:5" x14ac:dyDescent="0.25">
      <c r="A10326" s="1" t="s">
        <v>27387</v>
      </c>
      <c r="B10326" s="1" t="s">
        <v>53351</v>
      </c>
      <c r="C10326" s="1" t="s">
        <v>27388</v>
      </c>
      <c r="D10326" s="2">
        <v>163154</v>
      </c>
      <c r="E10326" s="1" t="s">
        <v>0</v>
      </c>
    </row>
    <row r="10327" spans="1:5" x14ac:dyDescent="0.25">
      <c r="A10327" s="2">
        <v>2065</v>
      </c>
      <c r="B10327" s="2">
        <v>2065</v>
      </c>
      <c r="C10327" s="1" t="s">
        <v>0</v>
      </c>
      <c r="D10327" s="2">
        <v>163155</v>
      </c>
      <c r="E10327" s="1" t="s">
        <v>0</v>
      </c>
    </row>
    <row r="10328" spans="1:5" x14ac:dyDescent="0.25">
      <c r="A10328" s="1" t="s">
        <v>13102</v>
      </c>
      <c r="B10328" s="1" t="s">
        <v>13103</v>
      </c>
      <c r="C10328" s="1" t="s">
        <v>27389</v>
      </c>
      <c r="D10328" s="2">
        <v>163156</v>
      </c>
      <c r="E10328" s="1" t="s">
        <v>0</v>
      </c>
    </row>
    <row r="10329" spans="1:5" x14ac:dyDescent="0.25">
      <c r="A10329" s="1" t="s">
        <v>27390</v>
      </c>
      <c r="B10329" s="1" t="s">
        <v>53352</v>
      </c>
      <c r="C10329" s="1" t="s">
        <v>27391</v>
      </c>
      <c r="D10329" s="2">
        <v>163157</v>
      </c>
      <c r="E10329" s="1" t="s">
        <v>0</v>
      </c>
    </row>
    <row r="10330" spans="1:5" ht="409.5" x14ac:dyDescent="0.25">
      <c r="A10330" s="4" t="s">
        <v>27392</v>
      </c>
      <c r="B10330" s="1" t="s">
        <v>53353</v>
      </c>
      <c r="C10330" s="1" t="s">
        <v>27393</v>
      </c>
      <c r="D10330" s="2">
        <v>163158</v>
      </c>
      <c r="E10330" s="1" t="s">
        <v>0</v>
      </c>
    </row>
    <row r="10331" spans="1:5" x14ac:dyDescent="0.25">
      <c r="A10331" s="1" t="s">
        <v>27394</v>
      </c>
      <c r="B10331" s="1" t="s">
        <v>53354</v>
      </c>
      <c r="C10331" s="1" t="s">
        <v>27395</v>
      </c>
      <c r="D10331" s="2">
        <v>163159</v>
      </c>
      <c r="E10331" s="1" t="s">
        <v>0</v>
      </c>
    </row>
    <row r="10332" spans="1:5" x14ac:dyDescent="0.25">
      <c r="A10332" s="2">
        <v>2066</v>
      </c>
      <c r="B10332" s="2">
        <v>2066</v>
      </c>
      <c r="C10332" s="1" t="s">
        <v>0</v>
      </c>
      <c r="D10332" s="2">
        <v>163160</v>
      </c>
      <c r="E10332" s="1" t="s">
        <v>0</v>
      </c>
    </row>
    <row r="10333" spans="1:5" x14ac:dyDescent="0.25">
      <c r="A10333" s="1" t="s">
        <v>1897</v>
      </c>
      <c r="B10333" s="1" t="s">
        <v>7978</v>
      </c>
      <c r="C10333" s="1" t="s">
        <v>27396</v>
      </c>
      <c r="D10333" s="2">
        <v>163161</v>
      </c>
      <c r="E10333" s="1" t="s">
        <v>0</v>
      </c>
    </row>
    <row r="10334" spans="1:5" x14ac:dyDescent="0.25">
      <c r="A10334" s="1" t="s">
        <v>27397</v>
      </c>
      <c r="B10334" s="1" t="s">
        <v>63683</v>
      </c>
      <c r="C10334" s="1" t="s">
        <v>27398</v>
      </c>
      <c r="D10334" s="2">
        <v>163162</v>
      </c>
      <c r="E10334" s="1" t="s">
        <v>0</v>
      </c>
    </row>
    <row r="10335" spans="1:5" ht="409.5" x14ac:dyDescent="0.25">
      <c r="A10335" s="4" t="s">
        <v>27399</v>
      </c>
      <c r="B10335" s="1" t="s">
        <v>63684</v>
      </c>
      <c r="C10335" s="1" t="s">
        <v>27400</v>
      </c>
      <c r="D10335" s="2">
        <v>163163</v>
      </c>
      <c r="E10335" s="1" t="s">
        <v>0</v>
      </c>
    </row>
    <row r="10336" spans="1:5" x14ac:dyDescent="0.25">
      <c r="A10336" s="1" t="s">
        <v>27401</v>
      </c>
      <c r="B10336" s="1" t="s">
        <v>57202</v>
      </c>
      <c r="C10336" s="1" t="s">
        <v>27402</v>
      </c>
      <c r="D10336" s="2">
        <v>163164</v>
      </c>
      <c r="E10336" s="1" t="s">
        <v>0</v>
      </c>
    </row>
    <row r="10337" spans="1:5" x14ac:dyDescent="0.25">
      <c r="A10337" s="2">
        <v>2067</v>
      </c>
      <c r="B10337" s="2">
        <v>2067</v>
      </c>
      <c r="C10337" s="1" t="s">
        <v>0</v>
      </c>
      <c r="D10337" s="2">
        <v>163165</v>
      </c>
      <c r="E10337" s="1" t="s">
        <v>0</v>
      </c>
    </row>
    <row r="10338" spans="1:5" x14ac:dyDescent="0.25">
      <c r="A10338" s="1" t="s">
        <v>1898</v>
      </c>
      <c r="B10338" s="1" t="s">
        <v>53355</v>
      </c>
      <c r="C10338" s="1" t="s">
        <v>27403</v>
      </c>
      <c r="D10338" s="2">
        <v>163166</v>
      </c>
      <c r="E10338" s="1" t="s">
        <v>0</v>
      </c>
    </row>
    <row r="10339" spans="1:5" x14ac:dyDescent="0.25">
      <c r="A10339" s="1" t="s">
        <v>27404</v>
      </c>
      <c r="B10339" s="1" t="s">
        <v>57203</v>
      </c>
      <c r="C10339" s="1" t="s">
        <v>27405</v>
      </c>
      <c r="D10339" s="2">
        <v>163167</v>
      </c>
      <c r="E10339" s="1" t="s">
        <v>0</v>
      </c>
    </row>
    <row r="10340" spans="1:5" ht="409.5" x14ac:dyDescent="0.25">
      <c r="A10340" s="4" t="s">
        <v>27406</v>
      </c>
      <c r="B10340" s="1" t="s">
        <v>61087</v>
      </c>
      <c r="C10340" s="1" t="s">
        <v>27407</v>
      </c>
      <c r="D10340" s="2">
        <v>163168</v>
      </c>
      <c r="E10340" s="1" t="s">
        <v>0</v>
      </c>
    </row>
    <row r="10341" spans="1:5" x14ac:dyDescent="0.25">
      <c r="A10341" s="1" t="s">
        <v>27408</v>
      </c>
      <c r="B10341" s="1" t="s">
        <v>7979</v>
      </c>
      <c r="C10341" s="1" t="s">
        <v>27409</v>
      </c>
      <c r="D10341" s="2">
        <v>163169</v>
      </c>
      <c r="E10341" s="1" t="s">
        <v>0</v>
      </c>
    </row>
    <row r="10342" spans="1:5" x14ac:dyDescent="0.25">
      <c r="A10342" s="2">
        <v>2068</v>
      </c>
      <c r="B10342" s="2">
        <v>2068</v>
      </c>
      <c r="C10342" s="1" t="s">
        <v>0</v>
      </c>
      <c r="D10342" s="2">
        <v>163170</v>
      </c>
      <c r="E10342" s="1" t="s">
        <v>0</v>
      </c>
    </row>
    <row r="10343" spans="1:5" x14ac:dyDescent="0.25">
      <c r="A10343" s="1" t="s">
        <v>1899</v>
      </c>
      <c r="B10343" s="1" t="s">
        <v>7980</v>
      </c>
      <c r="C10343" s="1" t="s">
        <v>27410</v>
      </c>
      <c r="D10343" s="2">
        <v>163171</v>
      </c>
      <c r="E10343" s="1" t="s">
        <v>0</v>
      </c>
    </row>
    <row r="10344" spans="1:5" x14ac:dyDescent="0.25">
      <c r="A10344" s="1" t="s">
        <v>27411</v>
      </c>
      <c r="B10344" s="1" t="s">
        <v>53356</v>
      </c>
      <c r="C10344" s="1" t="s">
        <v>27412</v>
      </c>
      <c r="D10344" s="2">
        <v>163172</v>
      </c>
      <c r="E10344" s="1" t="s">
        <v>0</v>
      </c>
    </row>
    <row r="10345" spans="1:5" ht="409.5" x14ac:dyDescent="0.25">
      <c r="A10345" s="4" t="s">
        <v>27413</v>
      </c>
      <c r="B10345" s="1" t="s">
        <v>57825</v>
      </c>
      <c r="C10345" s="1" t="s">
        <v>27414</v>
      </c>
      <c r="D10345" s="2">
        <v>163173</v>
      </c>
      <c r="E10345" s="1" t="s">
        <v>0</v>
      </c>
    </row>
    <row r="10346" spans="1:5" x14ac:dyDescent="0.25">
      <c r="A10346" s="1" t="s">
        <v>27415</v>
      </c>
      <c r="B10346" s="1" t="s">
        <v>7981</v>
      </c>
      <c r="C10346" s="1" t="s">
        <v>27416</v>
      </c>
      <c r="D10346" s="2">
        <v>163174</v>
      </c>
      <c r="E10346" s="1" t="s">
        <v>0</v>
      </c>
    </row>
    <row r="10347" spans="1:5" x14ac:dyDescent="0.25">
      <c r="A10347" s="2">
        <v>2069</v>
      </c>
      <c r="B10347" s="2">
        <v>2069</v>
      </c>
      <c r="C10347" s="1" t="s">
        <v>0</v>
      </c>
      <c r="D10347" s="2">
        <v>163175</v>
      </c>
      <c r="E10347" s="1" t="s">
        <v>0</v>
      </c>
    </row>
    <row r="10348" spans="1:5" x14ac:dyDescent="0.25">
      <c r="A10348" s="1" t="s">
        <v>1900</v>
      </c>
      <c r="B10348" s="1" t="s">
        <v>7982</v>
      </c>
      <c r="C10348" s="1" t="s">
        <v>27417</v>
      </c>
      <c r="D10348" s="2">
        <v>163176</v>
      </c>
      <c r="E10348" s="1" t="s">
        <v>0</v>
      </c>
    </row>
    <row r="10349" spans="1:5" x14ac:dyDescent="0.25">
      <c r="A10349" s="1" t="s">
        <v>27418</v>
      </c>
      <c r="B10349" s="1" t="s">
        <v>63685</v>
      </c>
      <c r="C10349" s="1" t="s">
        <v>27419</v>
      </c>
      <c r="D10349" s="2">
        <v>163177</v>
      </c>
      <c r="E10349" s="1" t="s">
        <v>0</v>
      </c>
    </row>
    <row r="10350" spans="1:5" ht="409.5" x14ac:dyDescent="0.25">
      <c r="A10350" s="4" t="s">
        <v>27420</v>
      </c>
      <c r="B10350" s="1" t="s">
        <v>63686</v>
      </c>
      <c r="C10350" s="1" t="s">
        <v>27421</v>
      </c>
      <c r="D10350" s="2">
        <v>163178</v>
      </c>
      <c r="E10350" s="1" t="s">
        <v>0</v>
      </c>
    </row>
    <row r="10351" spans="1:5" x14ac:dyDescent="0.25">
      <c r="A10351" s="1" t="s">
        <v>27422</v>
      </c>
      <c r="B10351" s="1" t="s">
        <v>61088</v>
      </c>
      <c r="C10351" s="1" t="s">
        <v>27423</v>
      </c>
      <c r="D10351" s="2">
        <v>163179</v>
      </c>
      <c r="E10351" s="1" t="s">
        <v>0</v>
      </c>
    </row>
    <row r="10352" spans="1:5" x14ac:dyDescent="0.25">
      <c r="A10352" s="2">
        <v>2070</v>
      </c>
      <c r="B10352" s="2">
        <v>2070</v>
      </c>
      <c r="C10352" s="1" t="s">
        <v>0</v>
      </c>
      <c r="D10352" s="2">
        <v>163180</v>
      </c>
      <c r="E10352" s="1" t="s">
        <v>0</v>
      </c>
    </row>
    <row r="10353" spans="1:5" x14ac:dyDescent="0.25">
      <c r="A10353" s="1" t="s">
        <v>1901</v>
      </c>
      <c r="B10353" s="1" t="s">
        <v>7983</v>
      </c>
      <c r="C10353" s="1" t="s">
        <v>27424</v>
      </c>
      <c r="D10353" s="2">
        <v>163181</v>
      </c>
      <c r="E10353" s="1" t="s">
        <v>0</v>
      </c>
    </row>
    <row r="10354" spans="1:5" x14ac:dyDescent="0.25">
      <c r="A10354" s="1" t="s">
        <v>27425</v>
      </c>
      <c r="B10354" s="1" t="s">
        <v>63687</v>
      </c>
      <c r="C10354" s="1" t="s">
        <v>27426</v>
      </c>
      <c r="D10354" s="2">
        <v>163182</v>
      </c>
      <c r="E10354" s="1" t="s">
        <v>0</v>
      </c>
    </row>
    <row r="10355" spans="1:5" ht="409.5" x14ac:dyDescent="0.25">
      <c r="A10355" s="4" t="s">
        <v>27427</v>
      </c>
      <c r="B10355" s="1" t="s">
        <v>63688</v>
      </c>
      <c r="C10355" s="1" t="s">
        <v>27428</v>
      </c>
      <c r="D10355" s="2">
        <v>163183</v>
      </c>
      <c r="E10355" s="1" t="s">
        <v>0</v>
      </c>
    </row>
    <row r="10356" spans="1:5" x14ac:dyDescent="0.25">
      <c r="A10356" s="1" t="s">
        <v>27429</v>
      </c>
      <c r="B10356" s="1" t="s">
        <v>61089</v>
      </c>
      <c r="C10356" s="1" t="s">
        <v>27430</v>
      </c>
      <c r="D10356" s="2">
        <v>163184</v>
      </c>
      <c r="E10356" s="1" t="s">
        <v>0</v>
      </c>
    </row>
    <row r="10357" spans="1:5" x14ac:dyDescent="0.25">
      <c r="A10357" s="2">
        <v>2071</v>
      </c>
      <c r="B10357" s="2">
        <v>2071</v>
      </c>
      <c r="C10357" s="1" t="s">
        <v>0</v>
      </c>
      <c r="D10357" s="2">
        <v>163185</v>
      </c>
      <c r="E10357" s="1" t="s">
        <v>0</v>
      </c>
    </row>
    <row r="10358" spans="1:5" x14ac:dyDescent="0.25">
      <c r="A10358" s="1" t="s">
        <v>1902</v>
      </c>
      <c r="B10358" s="1" t="s">
        <v>7984</v>
      </c>
      <c r="C10358" s="1" t="s">
        <v>27431</v>
      </c>
      <c r="D10358" s="2">
        <v>163186</v>
      </c>
      <c r="E10358" s="1" t="s">
        <v>0</v>
      </c>
    </row>
    <row r="10359" spans="1:5" x14ac:dyDescent="0.25">
      <c r="A10359" s="1" t="s">
        <v>27432</v>
      </c>
      <c r="B10359" s="1" t="s">
        <v>53357</v>
      </c>
      <c r="C10359" s="1" t="s">
        <v>27433</v>
      </c>
      <c r="D10359" s="2">
        <v>163187</v>
      </c>
      <c r="E10359" s="1" t="s">
        <v>0</v>
      </c>
    </row>
    <row r="10360" spans="1:5" ht="409.5" x14ac:dyDescent="0.25">
      <c r="A10360" s="4" t="s">
        <v>27434</v>
      </c>
      <c r="B10360" s="1" t="s">
        <v>53358</v>
      </c>
      <c r="C10360" s="1" t="s">
        <v>27435</v>
      </c>
      <c r="D10360" s="2">
        <v>163188</v>
      </c>
      <c r="E10360" s="1" t="s">
        <v>0</v>
      </c>
    </row>
    <row r="10361" spans="1:5" x14ac:dyDescent="0.25">
      <c r="A10361" s="1" t="s">
        <v>27436</v>
      </c>
      <c r="B10361" s="1" t="s">
        <v>61090</v>
      </c>
      <c r="C10361" s="1" t="s">
        <v>27437</v>
      </c>
      <c r="D10361" s="2">
        <v>163189</v>
      </c>
      <c r="E10361" s="1" t="s">
        <v>0</v>
      </c>
    </row>
    <row r="10362" spans="1:5" x14ac:dyDescent="0.25">
      <c r="A10362" s="2">
        <v>2072</v>
      </c>
      <c r="B10362" s="2">
        <v>2072</v>
      </c>
      <c r="C10362" s="1" t="s">
        <v>0</v>
      </c>
      <c r="D10362" s="2">
        <v>163190</v>
      </c>
      <c r="E10362" s="1" t="s">
        <v>0</v>
      </c>
    </row>
    <row r="10363" spans="1:5" x14ac:dyDescent="0.25">
      <c r="A10363" s="1" t="s">
        <v>1903</v>
      </c>
      <c r="B10363" s="1" t="s">
        <v>7985</v>
      </c>
      <c r="C10363" s="1" t="s">
        <v>27438</v>
      </c>
      <c r="D10363" s="2">
        <v>163191</v>
      </c>
      <c r="E10363" s="1" t="s">
        <v>0</v>
      </c>
    </row>
    <row r="10364" spans="1:5" x14ac:dyDescent="0.25">
      <c r="A10364" s="1" t="s">
        <v>27439</v>
      </c>
      <c r="B10364" s="1" t="s">
        <v>50679</v>
      </c>
      <c r="C10364" s="1" t="s">
        <v>27440</v>
      </c>
      <c r="D10364" s="2">
        <v>163192</v>
      </c>
      <c r="E10364" s="1" t="s">
        <v>0</v>
      </c>
    </row>
    <row r="10365" spans="1:5" ht="409.5" x14ac:dyDescent="0.25">
      <c r="A10365" s="4" t="s">
        <v>27441</v>
      </c>
      <c r="B10365" s="1" t="s">
        <v>53359</v>
      </c>
      <c r="C10365" s="1" t="s">
        <v>27442</v>
      </c>
      <c r="D10365" s="2">
        <v>163193</v>
      </c>
      <c r="E10365" s="1" t="s">
        <v>0</v>
      </c>
    </row>
    <row r="10366" spans="1:5" x14ac:dyDescent="0.25">
      <c r="A10366" s="1" t="s">
        <v>27443</v>
      </c>
      <c r="B10366" s="1" t="s">
        <v>53360</v>
      </c>
      <c r="C10366" s="1" t="s">
        <v>27444</v>
      </c>
      <c r="D10366" s="2">
        <v>163194</v>
      </c>
      <c r="E10366" s="1" t="s">
        <v>0</v>
      </c>
    </row>
    <row r="10367" spans="1:5" x14ac:dyDescent="0.25">
      <c r="A10367" s="2">
        <v>2073</v>
      </c>
      <c r="B10367" s="2">
        <v>2073</v>
      </c>
      <c r="C10367" s="1" t="s">
        <v>0</v>
      </c>
      <c r="D10367" s="2">
        <v>163195</v>
      </c>
      <c r="E10367" s="1" t="s">
        <v>0</v>
      </c>
    </row>
    <row r="10368" spans="1:5" x14ac:dyDescent="0.25">
      <c r="A10368" s="1" t="s">
        <v>1904</v>
      </c>
      <c r="B10368" s="1" t="s">
        <v>7986</v>
      </c>
      <c r="C10368" s="1" t="s">
        <v>27445</v>
      </c>
      <c r="D10368" s="2">
        <v>163196</v>
      </c>
      <c r="E10368" s="1" t="s">
        <v>0</v>
      </c>
    </row>
    <row r="10369" spans="1:5" x14ac:dyDescent="0.25">
      <c r="A10369" s="1" t="s">
        <v>27446</v>
      </c>
      <c r="B10369" s="1" t="s">
        <v>58072</v>
      </c>
      <c r="C10369" s="1" t="s">
        <v>27447</v>
      </c>
      <c r="D10369" s="2">
        <v>163197</v>
      </c>
      <c r="E10369" s="1" t="s">
        <v>0</v>
      </c>
    </row>
    <row r="10370" spans="1:5" ht="409.5" x14ac:dyDescent="0.25">
      <c r="A10370" s="4" t="s">
        <v>27448</v>
      </c>
      <c r="B10370" s="1" t="s">
        <v>58073</v>
      </c>
      <c r="C10370" s="1" t="s">
        <v>27449</v>
      </c>
      <c r="D10370" s="2">
        <v>163198</v>
      </c>
      <c r="E10370" s="1" t="s">
        <v>0</v>
      </c>
    </row>
    <row r="10371" spans="1:5" x14ac:dyDescent="0.25">
      <c r="A10371" s="1" t="s">
        <v>27450</v>
      </c>
      <c r="B10371" s="1" t="s">
        <v>61091</v>
      </c>
      <c r="C10371" s="1" t="s">
        <v>27451</v>
      </c>
      <c r="D10371" s="2">
        <v>163199</v>
      </c>
      <c r="E10371" s="1" t="s">
        <v>0</v>
      </c>
    </row>
    <row r="10372" spans="1:5" x14ac:dyDescent="0.25">
      <c r="A10372" s="2">
        <v>2074</v>
      </c>
      <c r="B10372" s="2">
        <v>2074</v>
      </c>
      <c r="C10372" s="1" t="s">
        <v>0</v>
      </c>
      <c r="D10372" s="2">
        <v>163200</v>
      </c>
      <c r="E10372" s="1" t="s">
        <v>0</v>
      </c>
    </row>
    <row r="10373" spans="1:5" x14ac:dyDescent="0.25">
      <c r="A10373" s="1" t="s">
        <v>1905</v>
      </c>
      <c r="B10373" s="1" t="s">
        <v>7987</v>
      </c>
      <c r="C10373" s="1" t="s">
        <v>27452</v>
      </c>
      <c r="D10373" s="2">
        <v>163201</v>
      </c>
      <c r="E10373" s="1" t="s">
        <v>0</v>
      </c>
    </row>
    <row r="10374" spans="1:5" x14ac:dyDescent="0.25">
      <c r="A10374" s="1" t="s">
        <v>27453</v>
      </c>
      <c r="B10374" s="1" t="s">
        <v>57826</v>
      </c>
      <c r="C10374" s="1" t="s">
        <v>27454</v>
      </c>
      <c r="D10374" s="2">
        <v>163202</v>
      </c>
      <c r="E10374" s="1" t="s">
        <v>0</v>
      </c>
    </row>
    <row r="10375" spans="1:5" ht="409.5" x14ac:dyDescent="0.25">
      <c r="A10375" s="4" t="s">
        <v>27455</v>
      </c>
      <c r="B10375" s="1" t="s">
        <v>59596</v>
      </c>
      <c r="C10375" s="1" t="s">
        <v>27456</v>
      </c>
      <c r="D10375" s="2">
        <v>163203</v>
      </c>
      <c r="E10375" s="1" t="s">
        <v>0</v>
      </c>
    </row>
    <row r="10376" spans="1:5" x14ac:dyDescent="0.25">
      <c r="A10376" s="1" t="s">
        <v>27457</v>
      </c>
      <c r="B10376" s="1" t="s">
        <v>7988</v>
      </c>
      <c r="C10376" s="1" t="s">
        <v>27458</v>
      </c>
      <c r="D10376" s="2">
        <v>163204</v>
      </c>
      <c r="E10376" s="1" t="s">
        <v>0</v>
      </c>
    </row>
    <row r="10377" spans="1:5" x14ac:dyDescent="0.25">
      <c r="A10377" s="2">
        <v>2075</v>
      </c>
      <c r="B10377" s="2">
        <v>2075</v>
      </c>
      <c r="C10377" s="1" t="s">
        <v>0</v>
      </c>
      <c r="D10377" s="2">
        <v>163205</v>
      </c>
      <c r="E10377" s="1" t="s">
        <v>0</v>
      </c>
    </row>
    <row r="10378" spans="1:5" x14ac:dyDescent="0.25">
      <c r="A10378" s="1" t="s">
        <v>1906</v>
      </c>
      <c r="B10378" s="1" t="s">
        <v>7989</v>
      </c>
      <c r="C10378" s="1" t="s">
        <v>27459</v>
      </c>
      <c r="D10378" s="2">
        <v>163206</v>
      </c>
      <c r="E10378" s="1" t="s">
        <v>0</v>
      </c>
    </row>
    <row r="10379" spans="1:5" x14ac:dyDescent="0.25">
      <c r="A10379" s="1" t="s">
        <v>27460</v>
      </c>
      <c r="B10379" s="1" t="s">
        <v>58334</v>
      </c>
      <c r="C10379" s="1" t="s">
        <v>27461</v>
      </c>
      <c r="D10379" s="2">
        <v>163207</v>
      </c>
      <c r="E10379" s="1" t="s">
        <v>0</v>
      </c>
    </row>
    <row r="10380" spans="1:5" ht="409.5" x14ac:dyDescent="0.25">
      <c r="A10380" s="4" t="s">
        <v>27462</v>
      </c>
      <c r="B10380" s="1" t="s">
        <v>58335</v>
      </c>
      <c r="C10380" s="1" t="s">
        <v>27463</v>
      </c>
      <c r="D10380" s="2">
        <v>163208</v>
      </c>
      <c r="E10380" s="1" t="s">
        <v>0</v>
      </c>
    </row>
    <row r="10381" spans="1:5" x14ac:dyDescent="0.25">
      <c r="A10381" s="1" t="s">
        <v>14855</v>
      </c>
      <c r="B10381" s="1" t="s">
        <v>60879</v>
      </c>
      <c r="C10381" s="1" t="s">
        <v>14856</v>
      </c>
      <c r="D10381" s="2">
        <v>163209</v>
      </c>
      <c r="E10381" s="1" t="s">
        <v>0</v>
      </c>
    </row>
    <row r="10382" spans="1:5" x14ac:dyDescent="0.25">
      <c r="A10382" s="2">
        <v>2076</v>
      </c>
      <c r="B10382" s="2">
        <v>2076</v>
      </c>
      <c r="C10382" s="1" t="s">
        <v>0</v>
      </c>
      <c r="D10382" s="2">
        <v>163210</v>
      </c>
      <c r="E10382" s="1" t="s">
        <v>0</v>
      </c>
    </row>
    <row r="10383" spans="1:5" x14ac:dyDescent="0.25">
      <c r="A10383" s="1" t="s">
        <v>1907</v>
      </c>
      <c r="B10383" s="1" t="s">
        <v>7990</v>
      </c>
      <c r="C10383" s="1" t="s">
        <v>27464</v>
      </c>
      <c r="D10383" s="2">
        <v>163211</v>
      </c>
      <c r="E10383" s="1" t="s">
        <v>0</v>
      </c>
    </row>
    <row r="10384" spans="1:5" x14ac:dyDescent="0.25">
      <c r="A10384" s="1" t="s">
        <v>27465</v>
      </c>
      <c r="B10384" s="1" t="s">
        <v>7991</v>
      </c>
      <c r="C10384" s="1" t="s">
        <v>27466</v>
      </c>
      <c r="D10384" s="2">
        <v>163212</v>
      </c>
      <c r="E10384" s="1" t="s">
        <v>0</v>
      </c>
    </row>
    <row r="10385" spans="1:5" ht="409.5" x14ac:dyDescent="0.25">
      <c r="A10385" s="4" t="s">
        <v>27467</v>
      </c>
      <c r="B10385" s="1" t="s">
        <v>59597</v>
      </c>
      <c r="C10385" s="1" t="s">
        <v>27468</v>
      </c>
      <c r="D10385" s="2">
        <v>163213</v>
      </c>
      <c r="E10385" s="1" t="s">
        <v>0</v>
      </c>
    </row>
    <row r="10386" spans="1:5" x14ac:dyDescent="0.25">
      <c r="A10386" s="1" t="s">
        <v>27469</v>
      </c>
      <c r="B10386" s="1" t="s">
        <v>53361</v>
      </c>
      <c r="C10386" s="1" t="s">
        <v>27470</v>
      </c>
      <c r="D10386" s="2">
        <v>163214</v>
      </c>
      <c r="E10386" s="1" t="s">
        <v>0</v>
      </c>
    </row>
    <row r="10387" spans="1:5" x14ac:dyDescent="0.25">
      <c r="A10387" s="2">
        <v>2077</v>
      </c>
      <c r="B10387" s="2">
        <v>2077</v>
      </c>
      <c r="C10387" s="1" t="s">
        <v>0</v>
      </c>
      <c r="D10387" s="2">
        <v>163215</v>
      </c>
      <c r="E10387" s="1" t="s">
        <v>0</v>
      </c>
    </row>
    <row r="10388" spans="1:5" x14ac:dyDescent="0.25">
      <c r="A10388" s="1" t="s">
        <v>1908</v>
      </c>
      <c r="B10388" s="1" t="s">
        <v>7992</v>
      </c>
      <c r="C10388" s="1" t="s">
        <v>27471</v>
      </c>
      <c r="D10388" s="2">
        <v>163216</v>
      </c>
      <c r="E10388" s="1" t="s">
        <v>0</v>
      </c>
    </row>
    <row r="10389" spans="1:5" x14ac:dyDescent="0.25">
      <c r="A10389" s="1" t="s">
        <v>27472</v>
      </c>
      <c r="B10389" s="1" t="s">
        <v>53362</v>
      </c>
      <c r="C10389" s="1" t="s">
        <v>27473</v>
      </c>
      <c r="D10389" s="2">
        <v>163217</v>
      </c>
      <c r="E10389" s="1" t="s">
        <v>0</v>
      </c>
    </row>
    <row r="10390" spans="1:5" ht="409.5" x14ac:dyDescent="0.25">
      <c r="A10390" s="4" t="s">
        <v>27474</v>
      </c>
      <c r="B10390" s="1" t="s">
        <v>53363</v>
      </c>
      <c r="C10390" s="1" t="s">
        <v>27475</v>
      </c>
      <c r="D10390" s="2">
        <v>163218</v>
      </c>
      <c r="E10390" s="1" t="s">
        <v>0</v>
      </c>
    </row>
    <row r="10391" spans="1:5" x14ac:dyDescent="0.25">
      <c r="A10391" s="1" t="s">
        <v>27476</v>
      </c>
      <c r="B10391" s="1" t="s">
        <v>53364</v>
      </c>
      <c r="C10391" s="1" t="s">
        <v>27477</v>
      </c>
      <c r="D10391" s="2">
        <v>163219</v>
      </c>
      <c r="E10391" s="1" t="s">
        <v>0</v>
      </c>
    </row>
    <row r="10392" spans="1:5" x14ac:dyDescent="0.25">
      <c r="A10392" s="2">
        <v>2078</v>
      </c>
      <c r="B10392" s="2">
        <v>2078</v>
      </c>
      <c r="C10392" s="1" t="s">
        <v>0</v>
      </c>
      <c r="D10392" s="2">
        <v>163220</v>
      </c>
      <c r="E10392" s="1" t="s">
        <v>0</v>
      </c>
    </row>
    <row r="10393" spans="1:5" x14ac:dyDescent="0.25">
      <c r="A10393" s="1" t="s">
        <v>1909</v>
      </c>
      <c r="B10393" s="1" t="s">
        <v>7993</v>
      </c>
      <c r="C10393" s="1" t="s">
        <v>27478</v>
      </c>
      <c r="D10393" s="2">
        <v>163221</v>
      </c>
      <c r="E10393" s="1" t="s">
        <v>0</v>
      </c>
    </row>
    <row r="10394" spans="1:5" x14ac:dyDescent="0.25">
      <c r="A10394" s="1" t="s">
        <v>27479</v>
      </c>
      <c r="B10394" s="1" t="s">
        <v>57026</v>
      </c>
      <c r="C10394" s="1" t="s">
        <v>27480</v>
      </c>
      <c r="D10394" s="2">
        <v>163222</v>
      </c>
      <c r="E10394" s="1" t="s">
        <v>0</v>
      </c>
    </row>
    <row r="10395" spans="1:5" ht="409.5" x14ac:dyDescent="0.25">
      <c r="A10395" s="4" t="s">
        <v>27481</v>
      </c>
      <c r="B10395" s="1" t="s">
        <v>58074</v>
      </c>
      <c r="C10395" s="1" t="s">
        <v>27482</v>
      </c>
      <c r="D10395" s="2">
        <v>163223</v>
      </c>
      <c r="E10395" s="1" t="s">
        <v>0</v>
      </c>
    </row>
    <row r="10396" spans="1:5" x14ac:dyDescent="0.25">
      <c r="A10396" s="1" t="s">
        <v>27483</v>
      </c>
      <c r="B10396" s="1" t="s">
        <v>53365</v>
      </c>
      <c r="C10396" s="1" t="s">
        <v>27484</v>
      </c>
      <c r="D10396" s="2">
        <v>163224</v>
      </c>
      <c r="E10396" s="1" t="s">
        <v>0</v>
      </c>
    </row>
    <row r="10397" spans="1:5" x14ac:dyDescent="0.25">
      <c r="A10397" s="2">
        <v>2079</v>
      </c>
      <c r="B10397" s="2">
        <v>2079</v>
      </c>
      <c r="C10397" s="1" t="s">
        <v>0</v>
      </c>
      <c r="D10397" s="2">
        <v>163225</v>
      </c>
      <c r="E10397" s="1" t="s">
        <v>0</v>
      </c>
    </row>
    <row r="10398" spans="1:5" x14ac:dyDescent="0.25">
      <c r="A10398" s="1" t="s">
        <v>1910</v>
      </c>
      <c r="B10398" s="1" t="s">
        <v>7994</v>
      </c>
      <c r="C10398" s="1" t="s">
        <v>27485</v>
      </c>
      <c r="D10398" s="2">
        <v>163226</v>
      </c>
      <c r="E10398" s="1" t="s">
        <v>0</v>
      </c>
    </row>
    <row r="10399" spans="1:5" x14ac:dyDescent="0.25">
      <c r="A10399" s="1" t="s">
        <v>27486</v>
      </c>
      <c r="B10399" s="1" t="s">
        <v>58748</v>
      </c>
      <c r="C10399" s="1" t="s">
        <v>27487</v>
      </c>
      <c r="D10399" s="2">
        <v>163227</v>
      </c>
      <c r="E10399" s="1" t="s">
        <v>0</v>
      </c>
    </row>
    <row r="10400" spans="1:5" ht="409.5" x14ac:dyDescent="0.25">
      <c r="A10400" s="4" t="s">
        <v>27488</v>
      </c>
      <c r="B10400" s="1" t="s">
        <v>58749</v>
      </c>
      <c r="C10400" s="1" t="s">
        <v>27489</v>
      </c>
      <c r="D10400" s="2">
        <v>163228</v>
      </c>
      <c r="E10400" s="1" t="s">
        <v>0</v>
      </c>
    </row>
    <row r="10401" spans="1:5" x14ac:dyDescent="0.25">
      <c r="A10401" s="1" t="s">
        <v>27490</v>
      </c>
      <c r="B10401" s="1" t="s">
        <v>61092</v>
      </c>
      <c r="C10401" s="1" t="s">
        <v>27491</v>
      </c>
      <c r="D10401" s="2">
        <v>163229</v>
      </c>
      <c r="E10401" s="1" t="s">
        <v>0</v>
      </c>
    </row>
    <row r="10402" spans="1:5" x14ac:dyDescent="0.25">
      <c r="A10402" s="2">
        <v>2080</v>
      </c>
      <c r="B10402" s="2">
        <v>2080</v>
      </c>
      <c r="C10402" s="1" t="s">
        <v>0</v>
      </c>
      <c r="D10402" s="2">
        <v>163230</v>
      </c>
      <c r="E10402" s="1" t="s">
        <v>0</v>
      </c>
    </row>
    <row r="10403" spans="1:5" x14ac:dyDescent="0.25">
      <c r="A10403" s="1" t="s">
        <v>1911</v>
      </c>
      <c r="B10403" s="1" t="s">
        <v>7995</v>
      </c>
      <c r="C10403" s="1" t="s">
        <v>27492</v>
      </c>
      <c r="D10403" s="2">
        <v>163231</v>
      </c>
      <c r="E10403" s="1" t="s">
        <v>0</v>
      </c>
    </row>
    <row r="10404" spans="1:5" x14ac:dyDescent="0.25">
      <c r="A10404" s="1" t="s">
        <v>27493</v>
      </c>
      <c r="B10404" s="1" t="s">
        <v>61638</v>
      </c>
      <c r="C10404" s="1" t="s">
        <v>27494</v>
      </c>
      <c r="D10404" s="2">
        <v>163232</v>
      </c>
      <c r="E10404" s="1" t="s">
        <v>0</v>
      </c>
    </row>
    <row r="10405" spans="1:5" ht="409.5" x14ac:dyDescent="0.25">
      <c r="A10405" s="4" t="s">
        <v>27495</v>
      </c>
      <c r="B10405" s="1" t="s">
        <v>61639</v>
      </c>
      <c r="C10405" s="1" t="s">
        <v>27496</v>
      </c>
      <c r="D10405" s="2">
        <v>163233</v>
      </c>
      <c r="E10405" s="1" t="s">
        <v>0</v>
      </c>
    </row>
    <row r="10406" spans="1:5" x14ac:dyDescent="0.25">
      <c r="A10406" s="1" t="s">
        <v>27497</v>
      </c>
      <c r="B10406" s="1" t="s">
        <v>53366</v>
      </c>
      <c r="C10406" s="1" t="s">
        <v>27498</v>
      </c>
      <c r="D10406" s="2">
        <v>163234</v>
      </c>
      <c r="E10406" s="1" t="s">
        <v>0</v>
      </c>
    </row>
    <row r="10407" spans="1:5" x14ac:dyDescent="0.25">
      <c r="A10407" s="2">
        <v>2081</v>
      </c>
      <c r="B10407" s="2">
        <v>2081</v>
      </c>
      <c r="C10407" s="1" t="s">
        <v>0</v>
      </c>
      <c r="D10407" s="2">
        <v>163235</v>
      </c>
      <c r="E10407" s="1" t="s">
        <v>0</v>
      </c>
    </row>
    <row r="10408" spans="1:5" x14ac:dyDescent="0.25">
      <c r="A10408" s="1" t="s">
        <v>1912</v>
      </c>
      <c r="B10408" s="1" t="s">
        <v>7996</v>
      </c>
      <c r="C10408" s="1" t="s">
        <v>27499</v>
      </c>
      <c r="D10408" s="2">
        <v>163236</v>
      </c>
      <c r="E10408" s="1" t="s">
        <v>0</v>
      </c>
    </row>
    <row r="10409" spans="1:5" x14ac:dyDescent="0.25">
      <c r="A10409" s="1" t="s">
        <v>27500</v>
      </c>
      <c r="B10409" s="1" t="s">
        <v>53367</v>
      </c>
      <c r="C10409" s="1" t="s">
        <v>27501</v>
      </c>
      <c r="D10409" s="2">
        <v>163237</v>
      </c>
      <c r="E10409" s="1" t="s">
        <v>0</v>
      </c>
    </row>
    <row r="10410" spans="1:5" ht="409.5" x14ac:dyDescent="0.25">
      <c r="A10410" s="4" t="s">
        <v>27502</v>
      </c>
      <c r="B10410" s="1" t="s">
        <v>53368</v>
      </c>
      <c r="C10410" s="1" t="s">
        <v>27503</v>
      </c>
      <c r="D10410" s="2">
        <v>163238</v>
      </c>
      <c r="E10410" s="1" t="s">
        <v>0</v>
      </c>
    </row>
    <row r="10411" spans="1:5" x14ac:dyDescent="0.25">
      <c r="A10411" s="1" t="s">
        <v>27504</v>
      </c>
      <c r="B10411" s="1" t="s">
        <v>57204</v>
      </c>
      <c r="C10411" s="1" t="s">
        <v>27505</v>
      </c>
      <c r="D10411" s="2">
        <v>163239</v>
      </c>
      <c r="E10411" s="1" t="s">
        <v>0</v>
      </c>
    </row>
    <row r="10412" spans="1:5" x14ac:dyDescent="0.25">
      <c r="A10412" s="2">
        <v>2082</v>
      </c>
      <c r="B10412" s="2">
        <v>2082</v>
      </c>
      <c r="C10412" s="1" t="s">
        <v>0</v>
      </c>
      <c r="D10412" s="2">
        <v>163240</v>
      </c>
      <c r="E10412" s="1" t="s">
        <v>0</v>
      </c>
    </row>
    <row r="10413" spans="1:5" x14ac:dyDescent="0.25">
      <c r="A10413" s="1" t="s">
        <v>1913</v>
      </c>
      <c r="B10413" s="1" t="s">
        <v>7997</v>
      </c>
      <c r="C10413" s="1" t="s">
        <v>27506</v>
      </c>
      <c r="D10413" s="2">
        <v>163241</v>
      </c>
      <c r="E10413" s="1" t="s">
        <v>0</v>
      </c>
    </row>
    <row r="10414" spans="1:5" x14ac:dyDescent="0.25">
      <c r="A10414" s="1" t="s">
        <v>27507</v>
      </c>
      <c r="B10414" s="1" t="s">
        <v>53369</v>
      </c>
      <c r="C10414" s="1" t="s">
        <v>27508</v>
      </c>
      <c r="D10414" s="2">
        <v>163242</v>
      </c>
      <c r="E10414" s="1" t="s">
        <v>0</v>
      </c>
    </row>
    <row r="10415" spans="1:5" ht="409.5" x14ac:dyDescent="0.25">
      <c r="A10415" s="4" t="s">
        <v>27509</v>
      </c>
      <c r="B10415" s="1" t="s">
        <v>63689</v>
      </c>
      <c r="C10415" s="1" t="s">
        <v>27510</v>
      </c>
      <c r="D10415" s="2">
        <v>163243</v>
      </c>
      <c r="E10415" s="1" t="s">
        <v>0</v>
      </c>
    </row>
    <row r="10416" spans="1:5" x14ac:dyDescent="0.25">
      <c r="A10416" s="1" t="s">
        <v>27511</v>
      </c>
      <c r="B10416" s="1" t="s">
        <v>53370</v>
      </c>
      <c r="C10416" s="1" t="s">
        <v>27512</v>
      </c>
      <c r="D10416" s="2">
        <v>163244</v>
      </c>
      <c r="E10416" s="1" t="s">
        <v>0</v>
      </c>
    </row>
    <row r="10417" spans="1:5" x14ac:dyDescent="0.25">
      <c r="A10417" s="2">
        <v>2083</v>
      </c>
      <c r="B10417" s="2">
        <v>2083</v>
      </c>
      <c r="C10417" s="1" t="s">
        <v>0</v>
      </c>
      <c r="D10417" s="2">
        <v>163245</v>
      </c>
      <c r="E10417" s="1" t="s">
        <v>0</v>
      </c>
    </row>
    <row r="10418" spans="1:5" x14ac:dyDescent="0.25">
      <c r="A10418" s="1" t="s">
        <v>1914</v>
      </c>
      <c r="B10418" s="1" t="s">
        <v>7998</v>
      </c>
      <c r="C10418" s="1" t="s">
        <v>27513</v>
      </c>
      <c r="D10418" s="2">
        <v>163246</v>
      </c>
      <c r="E10418" s="1" t="s">
        <v>0</v>
      </c>
    </row>
    <row r="10419" spans="1:5" x14ac:dyDescent="0.25">
      <c r="A10419" s="1" t="s">
        <v>27514</v>
      </c>
      <c r="B10419" s="1" t="s">
        <v>53371</v>
      </c>
      <c r="C10419" s="1" t="s">
        <v>27515</v>
      </c>
      <c r="D10419" s="2">
        <v>163247</v>
      </c>
      <c r="E10419" s="1" t="s">
        <v>0</v>
      </c>
    </row>
    <row r="10420" spans="1:5" ht="409.5" x14ac:dyDescent="0.25">
      <c r="A10420" s="4" t="s">
        <v>27516</v>
      </c>
      <c r="B10420" s="1" t="s">
        <v>53372</v>
      </c>
      <c r="C10420" s="1" t="s">
        <v>27517</v>
      </c>
      <c r="D10420" s="2">
        <v>163248</v>
      </c>
      <c r="E10420" s="1" t="s">
        <v>0</v>
      </c>
    </row>
    <row r="10421" spans="1:5" x14ac:dyDescent="0.25">
      <c r="A10421" s="1" t="s">
        <v>27518</v>
      </c>
      <c r="B10421" s="1" t="s">
        <v>53373</v>
      </c>
      <c r="C10421" s="1" t="s">
        <v>27519</v>
      </c>
      <c r="D10421" s="2">
        <v>163249</v>
      </c>
      <c r="E10421" s="1" t="s">
        <v>0</v>
      </c>
    </row>
    <row r="10422" spans="1:5" x14ac:dyDescent="0.25">
      <c r="A10422" s="2">
        <v>2084</v>
      </c>
      <c r="B10422" s="2">
        <v>2084</v>
      </c>
      <c r="C10422" s="1" t="s">
        <v>0</v>
      </c>
      <c r="D10422" s="2">
        <v>163250</v>
      </c>
      <c r="E10422" s="1" t="s">
        <v>0</v>
      </c>
    </row>
    <row r="10423" spans="1:5" x14ac:dyDescent="0.25">
      <c r="A10423" s="1" t="s">
        <v>1915</v>
      </c>
      <c r="B10423" s="1" t="s">
        <v>56938</v>
      </c>
      <c r="C10423" s="1" t="s">
        <v>27520</v>
      </c>
      <c r="D10423" s="2">
        <v>163251</v>
      </c>
      <c r="E10423" s="1" t="s">
        <v>0</v>
      </c>
    </row>
    <row r="10424" spans="1:5" x14ac:dyDescent="0.25">
      <c r="A10424" s="1" t="s">
        <v>27521</v>
      </c>
      <c r="B10424" s="1" t="s">
        <v>53374</v>
      </c>
      <c r="C10424" s="1" t="s">
        <v>27522</v>
      </c>
      <c r="D10424" s="2">
        <v>163252</v>
      </c>
      <c r="E10424" s="1" t="s">
        <v>0</v>
      </c>
    </row>
    <row r="10425" spans="1:5" ht="409.5" x14ac:dyDescent="0.25">
      <c r="A10425" s="4" t="s">
        <v>27523</v>
      </c>
      <c r="B10425" s="1" t="s">
        <v>62392</v>
      </c>
      <c r="C10425" s="1" t="s">
        <v>27524</v>
      </c>
      <c r="D10425" s="2">
        <v>163253</v>
      </c>
      <c r="E10425" s="1" t="s">
        <v>0</v>
      </c>
    </row>
    <row r="10426" spans="1:5" x14ac:dyDescent="0.25">
      <c r="A10426" s="1" t="s">
        <v>27525</v>
      </c>
      <c r="B10426" s="1" t="s">
        <v>53375</v>
      </c>
      <c r="C10426" s="1" t="s">
        <v>27526</v>
      </c>
      <c r="D10426" s="2">
        <v>163254</v>
      </c>
      <c r="E10426" s="1" t="s">
        <v>0</v>
      </c>
    </row>
    <row r="10427" spans="1:5" x14ac:dyDescent="0.25">
      <c r="A10427" s="2">
        <v>2085</v>
      </c>
      <c r="B10427" s="2">
        <v>2085</v>
      </c>
      <c r="C10427" s="1" t="s">
        <v>0</v>
      </c>
      <c r="D10427" s="2">
        <v>163255</v>
      </c>
      <c r="E10427" s="1" t="s">
        <v>0</v>
      </c>
    </row>
    <row r="10428" spans="1:5" x14ac:dyDescent="0.25">
      <c r="A10428" s="1" t="s">
        <v>1916</v>
      </c>
      <c r="B10428" s="1" t="s">
        <v>59956</v>
      </c>
      <c r="C10428" s="1" t="s">
        <v>27527</v>
      </c>
      <c r="D10428" s="2">
        <v>163256</v>
      </c>
      <c r="E10428" s="1" t="s">
        <v>0</v>
      </c>
    </row>
    <row r="10429" spans="1:5" x14ac:dyDescent="0.25">
      <c r="A10429" s="1" t="s">
        <v>27528</v>
      </c>
      <c r="B10429" s="1" t="s">
        <v>53376</v>
      </c>
      <c r="C10429" s="1" t="s">
        <v>27529</v>
      </c>
      <c r="D10429" s="2">
        <v>163257</v>
      </c>
      <c r="E10429" s="1" t="s">
        <v>0</v>
      </c>
    </row>
    <row r="10430" spans="1:5" ht="409.5" x14ac:dyDescent="0.25">
      <c r="A10430" s="4" t="s">
        <v>27530</v>
      </c>
      <c r="B10430" s="1" t="s">
        <v>57497</v>
      </c>
      <c r="C10430" s="1" t="s">
        <v>27531</v>
      </c>
      <c r="D10430" s="2">
        <v>163258</v>
      </c>
      <c r="E10430" s="1" t="s">
        <v>0</v>
      </c>
    </row>
    <row r="10431" spans="1:5" x14ac:dyDescent="0.25">
      <c r="A10431" s="1" t="s">
        <v>27532</v>
      </c>
      <c r="B10431" s="1" t="s">
        <v>53377</v>
      </c>
      <c r="C10431" s="1" t="s">
        <v>27533</v>
      </c>
      <c r="D10431" s="2">
        <v>163259</v>
      </c>
      <c r="E10431" s="1" t="s">
        <v>0</v>
      </c>
    </row>
    <row r="10432" spans="1:5" x14ac:dyDescent="0.25">
      <c r="A10432" s="2">
        <v>2086</v>
      </c>
      <c r="B10432" s="2">
        <v>2086</v>
      </c>
      <c r="C10432" s="1" t="s">
        <v>0</v>
      </c>
      <c r="D10432" s="2">
        <v>163260</v>
      </c>
      <c r="E10432" s="1" t="s">
        <v>0</v>
      </c>
    </row>
    <row r="10433" spans="1:5" x14ac:dyDescent="0.25">
      <c r="A10433" s="1" t="s">
        <v>1917</v>
      </c>
      <c r="B10433" s="1" t="s">
        <v>7999</v>
      </c>
      <c r="C10433" s="1" t="s">
        <v>27534</v>
      </c>
      <c r="D10433" s="2">
        <v>163261</v>
      </c>
      <c r="E10433" s="1" t="s">
        <v>0</v>
      </c>
    </row>
    <row r="10434" spans="1:5" x14ac:dyDescent="0.25">
      <c r="A10434" s="1" t="s">
        <v>27535</v>
      </c>
      <c r="B10434" s="1" t="s">
        <v>53378</v>
      </c>
      <c r="C10434" s="1" t="s">
        <v>27536</v>
      </c>
      <c r="D10434" s="2">
        <v>163262</v>
      </c>
      <c r="E10434" s="1" t="s">
        <v>0</v>
      </c>
    </row>
    <row r="10435" spans="1:5" ht="409.5" x14ac:dyDescent="0.25">
      <c r="A10435" s="4" t="s">
        <v>27537</v>
      </c>
      <c r="B10435" s="1" t="s">
        <v>53379</v>
      </c>
      <c r="C10435" s="1" t="s">
        <v>27538</v>
      </c>
      <c r="D10435" s="2">
        <v>163263</v>
      </c>
      <c r="E10435" s="1" t="s">
        <v>0</v>
      </c>
    </row>
    <row r="10436" spans="1:5" x14ac:dyDescent="0.25">
      <c r="A10436" s="1" t="s">
        <v>27539</v>
      </c>
      <c r="B10436" s="1" t="s">
        <v>53380</v>
      </c>
      <c r="C10436" s="1" t="s">
        <v>27540</v>
      </c>
      <c r="D10436" s="2">
        <v>163264</v>
      </c>
      <c r="E10436" s="1" t="s">
        <v>0</v>
      </c>
    </row>
    <row r="10437" spans="1:5" x14ac:dyDescent="0.25">
      <c r="A10437" s="2">
        <v>2087</v>
      </c>
      <c r="B10437" s="2">
        <v>2087</v>
      </c>
      <c r="C10437" s="1" t="s">
        <v>0</v>
      </c>
      <c r="D10437" s="2">
        <v>163265</v>
      </c>
      <c r="E10437" s="1" t="s">
        <v>0</v>
      </c>
    </row>
    <row r="10438" spans="1:5" x14ac:dyDescent="0.25">
      <c r="A10438" s="1" t="s">
        <v>1918</v>
      </c>
      <c r="B10438" s="1" t="s">
        <v>8000</v>
      </c>
      <c r="C10438" s="1" t="s">
        <v>27541</v>
      </c>
      <c r="D10438" s="2">
        <v>163266</v>
      </c>
      <c r="E10438" s="1" t="s">
        <v>0</v>
      </c>
    </row>
    <row r="10439" spans="1:5" x14ac:dyDescent="0.25">
      <c r="A10439" s="1" t="s">
        <v>27542</v>
      </c>
      <c r="B10439" s="1" t="s">
        <v>57027</v>
      </c>
      <c r="C10439" s="1" t="s">
        <v>27543</v>
      </c>
      <c r="D10439" s="2">
        <v>163267</v>
      </c>
      <c r="E10439" s="1" t="s">
        <v>0</v>
      </c>
    </row>
    <row r="10440" spans="1:5" ht="409.5" x14ac:dyDescent="0.25">
      <c r="A10440" s="4" t="s">
        <v>27544</v>
      </c>
      <c r="B10440" s="1" t="s">
        <v>59957</v>
      </c>
      <c r="C10440" s="1" t="s">
        <v>27545</v>
      </c>
      <c r="D10440" s="2">
        <v>163268</v>
      </c>
      <c r="E10440" s="1" t="s">
        <v>0</v>
      </c>
    </row>
    <row r="10441" spans="1:5" x14ac:dyDescent="0.25">
      <c r="A10441" s="1" t="s">
        <v>27546</v>
      </c>
      <c r="B10441" s="1" t="s">
        <v>53381</v>
      </c>
      <c r="C10441" s="1" t="s">
        <v>27547</v>
      </c>
      <c r="D10441" s="2">
        <v>163269</v>
      </c>
      <c r="E10441" s="1" t="s">
        <v>0</v>
      </c>
    </row>
    <row r="10442" spans="1:5" x14ac:dyDescent="0.25">
      <c r="A10442" s="2">
        <v>2088</v>
      </c>
      <c r="B10442" s="2">
        <v>2088</v>
      </c>
      <c r="C10442" s="1" t="s">
        <v>0</v>
      </c>
      <c r="D10442" s="2">
        <v>163270</v>
      </c>
      <c r="E10442" s="1" t="s">
        <v>0</v>
      </c>
    </row>
    <row r="10443" spans="1:5" x14ac:dyDescent="0.25">
      <c r="A10443" s="1" t="s">
        <v>1919</v>
      </c>
      <c r="B10443" s="1" t="s">
        <v>8001</v>
      </c>
      <c r="C10443" s="1" t="s">
        <v>27548</v>
      </c>
      <c r="D10443" s="2">
        <v>163271</v>
      </c>
      <c r="E10443" s="1" t="s">
        <v>0</v>
      </c>
    </row>
    <row r="10444" spans="1:5" x14ac:dyDescent="0.25">
      <c r="A10444" s="1" t="s">
        <v>27549</v>
      </c>
      <c r="B10444" s="1" t="s">
        <v>58336</v>
      </c>
      <c r="C10444" s="1" t="s">
        <v>27550</v>
      </c>
      <c r="D10444" s="2">
        <v>163272</v>
      </c>
      <c r="E10444" s="1" t="s">
        <v>0</v>
      </c>
    </row>
    <row r="10445" spans="1:5" ht="409.5" x14ac:dyDescent="0.25">
      <c r="A10445" s="4" t="s">
        <v>61798</v>
      </c>
      <c r="B10445" s="1" t="s">
        <v>58750</v>
      </c>
      <c r="C10445" s="1" t="s">
        <v>27551</v>
      </c>
      <c r="D10445" s="2">
        <v>163273</v>
      </c>
      <c r="E10445" s="1" t="s">
        <v>0</v>
      </c>
    </row>
    <row r="10446" spans="1:5" x14ac:dyDescent="0.25">
      <c r="A10446" s="1" t="s">
        <v>27552</v>
      </c>
      <c r="B10446" s="1" t="s">
        <v>8002</v>
      </c>
      <c r="C10446" s="1" t="s">
        <v>27553</v>
      </c>
      <c r="D10446" s="2">
        <v>163274</v>
      </c>
      <c r="E10446" s="1" t="s">
        <v>0</v>
      </c>
    </row>
    <row r="10447" spans="1:5" x14ac:dyDescent="0.25">
      <c r="A10447" s="2">
        <v>2089</v>
      </c>
      <c r="B10447" s="2">
        <v>2089</v>
      </c>
      <c r="C10447" s="1" t="s">
        <v>0</v>
      </c>
      <c r="D10447" s="2">
        <v>163275</v>
      </c>
      <c r="E10447" s="1" t="s">
        <v>0</v>
      </c>
    </row>
    <row r="10448" spans="1:5" x14ac:dyDescent="0.25">
      <c r="A10448" s="1" t="s">
        <v>1920</v>
      </c>
      <c r="B10448" s="1" t="s">
        <v>58751</v>
      </c>
      <c r="C10448" s="1" t="s">
        <v>27554</v>
      </c>
      <c r="D10448" s="2">
        <v>163276</v>
      </c>
      <c r="E10448" s="1" t="s">
        <v>0</v>
      </c>
    </row>
    <row r="10449" spans="1:5" x14ac:dyDescent="0.25">
      <c r="A10449" s="1" t="s">
        <v>27555</v>
      </c>
      <c r="B10449" s="1" t="s">
        <v>62393</v>
      </c>
      <c r="C10449" s="1" t="s">
        <v>27556</v>
      </c>
      <c r="D10449" s="2">
        <v>163277</v>
      </c>
      <c r="E10449" s="1" t="s">
        <v>0</v>
      </c>
    </row>
    <row r="10450" spans="1:5" ht="409.5" x14ac:dyDescent="0.25">
      <c r="A10450" s="4" t="s">
        <v>27557</v>
      </c>
      <c r="B10450" s="1" t="s">
        <v>62394</v>
      </c>
      <c r="C10450" s="1" t="s">
        <v>27558</v>
      </c>
      <c r="D10450" s="2">
        <v>163278</v>
      </c>
      <c r="E10450" s="1" t="s">
        <v>0</v>
      </c>
    </row>
    <row r="10451" spans="1:5" x14ac:dyDescent="0.25">
      <c r="A10451" s="1" t="s">
        <v>27559</v>
      </c>
      <c r="B10451" s="1" t="s">
        <v>58337</v>
      </c>
      <c r="C10451" s="1" t="s">
        <v>27560</v>
      </c>
      <c r="D10451" s="2">
        <v>163279</v>
      </c>
      <c r="E10451" s="1" t="s">
        <v>0</v>
      </c>
    </row>
    <row r="10452" spans="1:5" x14ac:dyDescent="0.25">
      <c r="A10452" s="2">
        <v>2090</v>
      </c>
      <c r="B10452" s="2">
        <v>2090</v>
      </c>
      <c r="C10452" s="1" t="s">
        <v>0</v>
      </c>
      <c r="D10452" s="2">
        <v>163280</v>
      </c>
      <c r="E10452" s="1" t="s">
        <v>0</v>
      </c>
    </row>
    <row r="10453" spans="1:5" x14ac:dyDescent="0.25">
      <c r="A10453" s="1" t="s">
        <v>1921</v>
      </c>
      <c r="B10453" s="1" t="s">
        <v>8003</v>
      </c>
      <c r="C10453" s="1" t="s">
        <v>27561</v>
      </c>
      <c r="D10453" s="2">
        <v>163281</v>
      </c>
      <c r="E10453" s="1" t="s">
        <v>0</v>
      </c>
    </row>
    <row r="10454" spans="1:5" x14ac:dyDescent="0.25">
      <c r="A10454" s="1" t="s">
        <v>27562</v>
      </c>
      <c r="B10454" s="1" t="s">
        <v>62395</v>
      </c>
      <c r="C10454" s="1" t="s">
        <v>27563</v>
      </c>
      <c r="D10454" s="2">
        <v>163282</v>
      </c>
      <c r="E10454" s="1" t="s">
        <v>0</v>
      </c>
    </row>
    <row r="10455" spans="1:5" ht="409.5" x14ac:dyDescent="0.25">
      <c r="A10455" s="4" t="s">
        <v>27564</v>
      </c>
      <c r="B10455" s="1" t="s">
        <v>62396</v>
      </c>
      <c r="C10455" s="1" t="s">
        <v>27565</v>
      </c>
      <c r="D10455" s="2">
        <v>163283</v>
      </c>
      <c r="E10455" s="1" t="s">
        <v>0</v>
      </c>
    </row>
    <row r="10456" spans="1:5" x14ac:dyDescent="0.25">
      <c r="A10456" s="1" t="s">
        <v>27566</v>
      </c>
      <c r="B10456" s="1" t="s">
        <v>8004</v>
      </c>
      <c r="C10456" s="1" t="s">
        <v>27567</v>
      </c>
      <c r="D10456" s="2">
        <v>163284</v>
      </c>
      <c r="E10456" s="1" t="s">
        <v>0</v>
      </c>
    </row>
    <row r="10457" spans="1:5" x14ac:dyDescent="0.25">
      <c r="A10457" s="2">
        <v>2091</v>
      </c>
      <c r="B10457" s="2">
        <v>2091</v>
      </c>
      <c r="C10457" s="1" t="s">
        <v>0</v>
      </c>
      <c r="D10457" s="2">
        <v>163285</v>
      </c>
      <c r="E10457" s="1" t="s">
        <v>0</v>
      </c>
    </row>
    <row r="10458" spans="1:5" x14ac:dyDescent="0.25">
      <c r="A10458" s="1" t="s">
        <v>1922</v>
      </c>
      <c r="B10458" s="1" t="s">
        <v>59958</v>
      </c>
      <c r="C10458" s="1" t="s">
        <v>27568</v>
      </c>
      <c r="D10458" s="2">
        <v>163286</v>
      </c>
      <c r="E10458" s="1" t="s">
        <v>0</v>
      </c>
    </row>
    <row r="10459" spans="1:5" x14ac:dyDescent="0.25">
      <c r="A10459" s="1" t="s">
        <v>27569</v>
      </c>
      <c r="B10459" s="1" t="s">
        <v>62397</v>
      </c>
      <c r="C10459" s="1" t="s">
        <v>27570</v>
      </c>
      <c r="D10459" s="2">
        <v>163287</v>
      </c>
      <c r="E10459" s="1" t="s">
        <v>0</v>
      </c>
    </row>
    <row r="10460" spans="1:5" ht="409.5" x14ac:dyDescent="0.25">
      <c r="A10460" s="4" t="s">
        <v>27571</v>
      </c>
      <c r="B10460" s="1" t="s">
        <v>62398</v>
      </c>
      <c r="C10460" s="1" t="s">
        <v>27572</v>
      </c>
      <c r="D10460" s="2">
        <v>163288</v>
      </c>
      <c r="E10460" s="1" t="s">
        <v>0</v>
      </c>
    </row>
    <row r="10461" spans="1:5" x14ac:dyDescent="0.25">
      <c r="A10461" s="1" t="s">
        <v>27573</v>
      </c>
      <c r="B10461" s="1" t="s">
        <v>58752</v>
      </c>
      <c r="C10461" s="1" t="s">
        <v>27574</v>
      </c>
      <c r="D10461" s="2">
        <v>163289</v>
      </c>
      <c r="E10461" s="1" t="s">
        <v>0</v>
      </c>
    </row>
    <row r="10462" spans="1:5" x14ac:dyDescent="0.25">
      <c r="A10462" s="2">
        <v>2092</v>
      </c>
      <c r="B10462" s="2">
        <v>2092</v>
      </c>
      <c r="C10462" s="1" t="s">
        <v>0</v>
      </c>
      <c r="D10462" s="2">
        <v>163290</v>
      </c>
      <c r="E10462" s="1" t="s">
        <v>0</v>
      </c>
    </row>
    <row r="10463" spans="1:5" x14ac:dyDescent="0.25">
      <c r="A10463" s="1" t="s">
        <v>1923</v>
      </c>
      <c r="B10463" s="1" t="s">
        <v>8005</v>
      </c>
      <c r="C10463" s="1" t="s">
        <v>27575</v>
      </c>
      <c r="D10463" s="2">
        <v>163291</v>
      </c>
      <c r="E10463" s="1" t="s">
        <v>0</v>
      </c>
    </row>
    <row r="10464" spans="1:5" x14ac:dyDescent="0.25">
      <c r="A10464" s="1" t="s">
        <v>27576</v>
      </c>
      <c r="B10464" s="1" t="s">
        <v>56752</v>
      </c>
      <c r="C10464" s="1" t="s">
        <v>27577</v>
      </c>
      <c r="D10464" s="2">
        <v>163292</v>
      </c>
      <c r="E10464" s="1" t="s">
        <v>0</v>
      </c>
    </row>
    <row r="10465" spans="1:5" ht="409.5" x14ac:dyDescent="0.25">
      <c r="A10465" s="4" t="s">
        <v>27578</v>
      </c>
      <c r="B10465" s="1" t="s">
        <v>59959</v>
      </c>
      <c r="C10465" s="1" t="s">
        <v>27579</v>
      </c>
      <c r="D10465" s="2">
        <v>163293</v>
      </c>
      <c r="E10465" s="1" t="s">
        <v>0</v>
      </c>
    </row>
    <row r="10466" spans="1:5" x14ac:dyDescent="0.25">
      <c r="A10466" s="1" t="s">
        <v>27580</v>
      </c>
      <c r="B10466" s="1" t="s">
        <v>53382</v>
      </c>
      <c r="C10466" s="1" t="s">
        <v>27581</v>
      </c>
      <c r="D10466" s="2">
        <v>163294</v>
      </c>
      <c r="E10466" s="1" t="s">
        <v>0</v>
      </c>
    </row>
    <row r="10467" spans="1:5" x14ac:dyDescent="0.25">
      <c r="A10467" s="2">
        <v>2093</v>
      </c>
      <c r="B10467" s="2">
        <v>2093</v>
      </c>
      <c r="C10467" s="1" t="s">
        <v>0</v>
      </c>
      <c r="D10467" s="2">
        <v>163295</v>
      </c>
      <c r="E10467" s="1" t="s">
        <v>0</v>
      </c>
    </row>
    <row r="10468" spans="1:5" x14ac:dyDescent="0.25">
      <c r="A10468" s="1" t="s">
        <v>1924</v>
      </c>
      <c r="B10468" s="1" t="s">
        <v>50680</v>
      </c>
      <c r="C10468" s="1" t="s">
        <v>27582</v>
      </c>
      <c r="D10468" s="2">
        <v>163296</v>
      </c>
      <c r="E10468" s="1" t="s">
        <v>0</v>
      </c>
    </row>
    <row r="10469" spans="1:5" x14ac:dyDescent="0.25">
      <c r="A10469" s="1" t="s">
        <v>27583</v>
      </c>
      <c r="B10469" s="1" t="s">
        <v>53383</v>
      </c>
      <c r="C10469" s="1" t="s">
        <v>27584</v>
      </c>
      <c r="D10469" s="2">
        <v>163297</v>
      </c>
      <c r="E10469" s="1" t="s">
        <v>0</v>
      </c>
    </row>
    <row r="10470" spans="1:5" ht="409.5" x14ac:dyDescent="0.25">
      <c r="A10470" s="4" t="s">
        <v>27585</v>
      </c>
      <c r="B10470" s="1" t="s">
        <v>53384</v>
      </c>
      <c r="C10470" s="1" t="s">
        <v>27586</v>
      </c>
      <c r="D10470" s="2">
        <v>163298</v>
      </c>
      <c r="E10470" s="1" t="s">
        <v>0</v>
      </c>
    </row>
    <row r="10471" spans="1:5" x14ac:dyDescent="0.25">
      <c r="A10471" s="1" t="s">
        <v>27587</v>
      </c>
      <c r="B10471" s="1" t="s">
        <v>8006</v>
      </c>
      <c r="C10471" s="1" t="s">
        <v>27588</v>
      </c>
      <c r="D10471" s="2">
        <v>163299</v>
      </c>
      <c r="E10471" s="1" t="s">
        <v>0</v>
      </c>
    </row>
    <row r="10472" spans="1:5" x14ac:dyDescent="0.25">
      <c r="A10472" s="2">
        <v>2094</v>
      </c>
      <c r="B10472" s="2">
        <v>2094</v>
      </c>
      <c r="C10472" s="1" t="s">
        <v>0</v>
      </c>
      <c r="D10472" s="2">
        <v>163300</v>
      </c>
      <c r="E10472" s="1" t="s">
        <v>0</v>
      </c>
    </row>
    <row r="10473" spans="1:5" x14ac:dyDescent="0.25">
      <c r="A10473" s="1" t="s">
        <v>1925</v>
      </c>
      <c r="B10473" s="1" t="s">
        <v>8007</v>
      </c>
      <c r="C10473" s="1" t="s">
        <v>27589</v>
      </c>
      <c r="D10473" s="2">
        <v>163301</v>
      </c>
      <c r="E10473" s="1" t="s">
        <v>0</v>
      </c>
    </row>
    <row r="10474" spans="1:5" x14ac:dyDescent="0.25">
      <c r="A10474" s="1" t="s">
        <v>27590</v>
      </c>
      <c r="B10474" s="1" t="s">
        <v>53385</v>
      </c>
      <c r="C10474" s="1" t="s">
        <v>27591</v>
      </c>
      <c r="D10474" s="2">
        <v>163302</v>
      </c>
      <c r="E10474" s="1" t="s">
        <v>0</v>
      </c>
    </row>
    <row r="10475" spans="1:5" ht="409.5" x14ac:dyDescent="0.25">
      <c r="A10475" s="4" t="s">
        <v>64138</v>
      </c>
      <c r="B10475" s="1" t="s">
        <v>57827</v>
      </c>
      <c r="C10475" s="1" t="s">
        <v>27592</v>
      </c>
      <c r="D10475" s="2">
        <v>163303</v>
      </c>
      <c r="E10475" s="1" t="s">
        <v>0</v>
      </c>
    </row>
    <row r="10476" spans="1:5" x14ac:dyDescent="0.25">
      <c r="A10476" s="1" t="s">
        <v>27593</v>
      </c>
      <c r="B10476" s="1" t="s">
        <v>8008</v>
      </c>
      <c r="C10476" s="1" t="s">
        <v>27594</v>
      </c>
      <c r="D10476" s="2">
        <v>163304</v>
      </c>
      <c r="E10476" s="1" t="s">
        <v>0</v>
      </c>
    </row>
    <row r="10477" spans="1:5" x14ac:dyDescent="0.25">
      <c r="A10477" s="2">
        <v>2095</v>
      </c>
      <c r="B10477" s="2">
        <v>2095</v>
      </c>
      <c r="C10477" s="1" t="s">
        <v>0</v>
      </c>
      <c r="D10477" s="2">
        <v>163305</v>
      </c>
      <c r="E10477" s="1" t="s">
        <v>0</v>
      </c>
    </row>
    <row r="10478" spans="1:5" x14ac:dyDescent="0.25">
      <c r="A10478" s="1" t="s">
        <v>1926</v>
      </c>
      <c r="B10478" s="1" t="s">
        <v>58338</v>
      </c>
      <c r="C10478" s="1" t="s">
        <v>27595</v>
      </c>
      <c r="D10478" s="2">
        <v>163306</v>
      </c>
      <c r="E10478" s="1" t="s">
        <v>0</v>
      </c>
    </row>
    <row r="10479" spans="1:5" x14ac:dyDescent="0.25">
      <c r="A10479" s="1" t="s">
        <v>27596</v>
      </c>
      <c r="B10479" s="1" t="s">
        <v>62399</v>
      </c>
      <c r="C10479" s="1" t="s">
        <v>27597</v>
      </c>
      <c r="D10479" s="2">
        <v>163307</v>
      </c>
      <c r="E10479" s="1" t="s">
        <v>0</v>
      </c>
    </row>
    <row r="10480" spans="1:5" ht="409.5" x14ac:dyDescent="0.25">
      <c r="A10480" s="4" t="s">
        <v>27598</v>
      </c>
      <c r="B10480" s="1" t="s">
        <v>62400</v>
      </c>
      <c r="C10480" s="1" t="s">
        <v>27599</v>
      </c>
      <c r="D10480" s="2">
        <v>163308</v>
      </c>
      <c r="E10480" s="1" t="s">
        <v>0</v>
      </c>
    </row>
    <row r="10481" spans="1:5" x14ac:dyDescent="0.25">
      <c r="A10481" s="1" t="s">
        <v>27600</v>
      </c>
      <c r="B10481" s="1" t="s">
        <v>53386</v>
      </c>
      <c r="C10481" s="1" t="s">
        <v>27601</v>
      </c>
      <c r="D10481" s="2">
        <v>163309</v>
      </c>
      <c r="E10481" s="1" t="s">
        <v>0</v>
      </c>
    </row>
    <row r="10482" spans="1:5" x14ac:dyDescent="0.25">
      <c r="A10482" s="2">
        <v>2096</v>
      </c>
      <c r="B10482" s="2">
        <v>2096</v>
      </c>
      <c r="C10482" s="1" t="s">
        <v>0</v>
      </c>
      <c r="D10482" s="2">
        <v>163310</v>
      </c>
      <c r="E10482" s="1" t="s">
        <v>0</v>
      </c>
    </row>
    <row r="10483" spans="1:5" x14ac:dyDescent="0.25">
      <c r="A10483" s="1" t="s">
        <v>1927</v>
      </c>
      <c r="B10483" s="1" t="s">
        <v>56939</v>
      </c>
      <c r="C10483" s="1" t="s">
        <v>27602</v>
      </c>
      <c r="D10483" s="2">
        <v>163311</v>
      </c>
      <c r="E10483" s="1" t="s">
        <v>0</v>
      </c>
    </row>
    <row r="10484" spans="1:5" x14ac:dyDescent="0.25">
      <c r="A10484" s="1" t="s">
        <v>27603</v>
      </c>
      <c r="B10484" s="1" t="s">
        <v>62401</v>
      </c>
      <c r="C10484" s="1" t="s">
        <v>27604</v>
      </c>
      <c r="D10484" s="2">
        <v>163312</v>
      </c>
      <c r="E10484" s="1" t="s">
        <v>0</v>
      </c>
    </row>
    <row r="10485" spans="1:5" ht="409.5" x14ac:dyDescent="0.25">
      <c r="A10485" s="4" t="s">
        <v>27605</v>
      </c>
      <c r="B10485" s="1" t="s">
        <v>62402</v>
      </c>
      <c r="C10485" s="1" t="s">
        <v>27606</v>
      </c>
      <c r="D10485" s="2">
        <v>163313</v>
      </c>
      <c r="E10485" s="1" t="s">
        <v>0</v>
      </c>
    </row>
    <row r="10486" spans="1:5" x14ac:dyDescent="0.25">
      <c r="A10486" s="1" t="s">
        <v>27607</v>
      </c>
      <c r="B10486" s="1" t="s">
        <v>53387</v>
      </c>
      <c r="C10486" s="1" t="s">
        <v>27608</v>
      </c>
      <c r="D10486" s="2">
        <v>163314</v>
      </c>
      <c r="E10486" s="1" t="s">
        <v>0</v>
      </c>
    </row>
    <row r="10487" spans="1:5" x14ac:dyDescent="0.25">
      <c r="A10487" s="2">
        <v>2097</v>
      </c>
      <c r="B10487" s="2">
        <v>2097</v>
      </c>
      <c r="C10487" s="1" t="s">
        <v>0</v>
      </c>
      <c r="D10487" s="2">
        <v>163315</v>
      </c>
      <c r="E10487" s="1" t="s">
        <v>0</v>
      </c>
    </row>
    <row r="10488" spans="1:5" x14ac:dyDescent="0.25">
      <c r="A10488" s="1" t="s">
        <v>1928</v>
      </c>
      <c r="B10488" s="1" t="s">
        <v>8009</v>
      </c>
      <c r="C10488" s="1" t="s">
        <v>27609</v>
      </c>
      <c r="D10488" s="2">
        <v>163316</v>
      </c>
      <c r="E10488" s="1" t="s">
        <v>0</v>
      </c>
    </row>
    <row r="10489" spans="1:5" x14ac:dyDescent="0.25">
      <c r="A10489" s="1" t="s">
        <v>27610</v>
      </c>
      <c r="B10489" s="1" t="s">
        <v>53388</v>
      </c>
      <c r="C10489" s="1" t="s">
        <v>27611</v>
      </c>
      <c r="D10489" s="2">
        <v>163317</v>
      </c>
      <c r="E10489" s="1" t="s">
        <v>0</v>
      </c>
    </row>
    <row r="10490" spans="1:5" ht="409.5" x14ac:dyDescent="0.25">
      <c r="A10490" s="4" t="s">
        <v>64139</v>
      </c>
      <c r="B10490" s="1" t="s">
        <v>58916</v>
      </c>
      <c r="C10490" s="1" t="s">
        <v>27612</v>
      </c>
      <c r="D10490" s="2">
        <v>163318</v>
      </c>
      <c r="E10490" s="1" t="s">
        <v>0</v>
      </c>
    </row>
    <row r="10491" spans="1:5" x14ac:dyDescent="0.25">
      <c r="A10491" s="1" t="s">
        <v>27613</v>
      </c>
      <c r="B10491" s="1" t="s">
        <v>8010</v>
      </c>
      <c r="C10491" s="1" t="s">
        <v>27614</v>
      </c>
      <c r="D10491" s="2">
        <v>163319</v>
      </c>
      <c r="E10491" s="1" t="s">
        <v>0</v>
      </c>
    </row>
    <row r="10492" spans="1:5" x14ac:dyDescent="0.25">
      <c r="A10492" s="2">
        <v>2098</v>
      </c>
      <c r="B10492" s="2">
        <v>2098</v>
      </c>
      <c r="C10492" s="1" t="s">
        <v>0</v>
      </c>
      <c r="D10492" s="2">
        <v>163320</v>
      </c>
      <c r="E10492" s="1" t="s">
        <v>0</v>
      </c>
    </row>
    <row r="10493" spans="1:5" x14ac:dyDescent="0.25">
      <c r="A10493" s="1" t="s">
        <v>1929</v>
      </c>
      <c r="B10493" s="1" t="s">
        <v>8011</v>
      </c>
      <c r="C10493" s="1" t="s">
        <v>27615</v>
      </c>
      <c r="D10493" s="2">
        <v>163321</v>
      </c>
      <c r="E10493" s="1" t="s">
        <v>0</v>
      </c>
    </row>
    <row r="10494" spans="1:5" x14ac:dyDescent="0.25">
      <c r="A10494" s="1" t="s">
        <v>27616</v>
      </c>
      <c r="B10494" s="1" t="s">
        <v>53389</v>
      </c>
      <c r="C10494" s="1" t="s">
        <v>27617</v>
      </c>
      <c r="D10494" s="2">
        <v>163322</v>
      </c>
      <c r="E10494" s="1" t="s">
        <v>0</v>
      </c>
    </row>
    <row r="10495" spans="1:5" ht="409.5" x14ac:dyDescent="0.25">
      <c r="A10495" s="4" t="s">
        <v>27618</v>
      </c>
      <c r="B10495" s="1" t="s">
        <v>53390</v>
      </c>
      <c r="C10495" s="1" t="s">
        <v>27619</v>
      </c>
      <c r="D10495" s="2">
        <v>163323</v>
      </c>
      <c r="E10495" s="1" t="s">
        <v>0</v>
      </c>
    </row>
    <row r="10496" spans="1:5" x14ac:dyDescent="0.25">
      <c r="A10496" s="1" t="s">
        <v>27620</v>
      </c>
      <c r="B10496" s="1" t="s">
        <v>8012</v>
      </c>
      <c r="C10496" s="1" t="s">
        <v>27621</v>
      </c>
      <c r="D10496" s="2">
        <v>163324</v>
      </c>
      <c r="E10496" s="1" t="s">
        <v>0</v>
      </c>
    </row>
    <row r="10497" spans="1:5" x14ac:dyDescent="0.25">
      <c r="A10497" s="2">
        <v>2099</v>
      </c>
      <c r="B10497" s="2">
        <v>2099</v>
      </c>
      <c r="C10497" s="1" t="s">
        <v>0</v>
      </c>
      <c r="D10497" s="2">
        <v>163325</v>
      </c>
      <c r="E10497" s="1" t="s">
        <v>0</v>
      </c>
    </row>
    <row r="10498" spans="1:5" x14ac:dyDescent="0.25">
      <c r="A10498" s="1" t="s">
        <v>1930</v>
      </c>
      <c r="B10498" s="1" t="s">
        <v>8013</v>
      </c>
      <c r="C10498" s="1" t="s">
        <v>27622</v>
      </c>
      <c r="D10498" s="2">
        <v>163326</v>
      </c>
      <c r="E10498" s="1" t="s">
        <v>0</v>
      </c>
    </row>
    <row r="10499" spans="1:5" x14ac:dyDescent="0.25">
      <c r="A10499" s="1" t="s">
        <v>27623</v>
      </c>
      <c r="B10499" s="1" t="s">
        <v>53391</v>
      </c>
      <c r="C10499" s="1" t="s">
        <v>27624</v>
      </c>
      <c r="D10499" s="2">
        <v>163327</v>
      </c>
      <c r="E10499" s="1" t="s">
        <v>0</v>
      </c>
    </row>
    <row r="10500" spans="1:5" ht="409.5" x14ac:dyDescent="0.25">
      <c r="A10500" s="4" t="s">
        <v>27625</v>
      </c>
      <c r="B10500" s="1" t="s">
        <v>53392</v>
      </c>
      <c r="C10500" s="1" t="s">
        <v>27626</v>
      </c>
      <c r="D10500" s="2">
        <v>163328</v>
      </c>
      <c r="E10500" s="1" t="s">
        <v>0</v>
      </c>
    </row>
    <row r="10501" spans="1:5" x14ac:dyDescent="0.25">
      <c r="A10501" s="1" t="s">
        <v>27627</v>
      </c>
      <c r="B10501" s="1" t="s">
        <v>57205</v>
      </c>
      <c r="C10501" s="1" t="s">
        <v>27628</v>
      </c>
      <c r="D10501" s="2">
        <v>163329</v>
      </c>
      <c r="E10501" s="1" t="s">
        <v>0</v>
      </c>
    </row>
    <row r="10502" spans="1:5" x14ac:dyDescent="0.25">
      <c r="A10502" s="2">
        <v>2100</v>
      </c>
      <c r="B10502" s="2">
        <v>2100</v>
      </c>
      <c r="C10502" s="1" t="s">
        <v>0</v>
      </c>
      <c r="D10502" s="2">
        <v>163330</v>
      </c>
      <c r="E10502" s="1" t="s">
        <v>0</v>
      </c>
    </row>
    <row r="10503" spans="1:5" x14ac:dyDescent="0.25">
      <c r="A10503" s="1" t="s">
        <v>1931</v>
      </c>
      <c r="B10503" s="1" t="s">
        <v>8014</v>
      </c>
      <c r="C10503" s="1" t="s">
        <v>27629</v>
      </c>
      <c r="D10503" s="2">
        <v>163331</v>
      </c>
      <c r="E10503" s="1" t="s">
        <v>0</v>
      </c>
    </row>
    <row r="10504" spans="1:5" x14ac:dyDescent="0.25">
      <c r="A10504" s="1" t="s">
        <v>27630</v>
      </c>
      <c r="B10504" s="1" t="s">
        <v>53393</v>
      </c>
      <c r="C10504" s="1" t="s">
        <v>27631</v>
      </c>
      <c r="D10504" s="2">
        <v>163332</v>
      </c>
      <c r="E10504" s="1" t="s">
        <v>0</v>
      </c>
    </row>
    <row r="10505" spans="1:5" ht="409.5" x14ac:dyDescent="0.25">
      <c r="A10505" s="4" t="s">
        <v>27632</v>
      </c>
      <c r="B10505" s="1" t="s">
        <v>53394</v>
      </c>
      <c r="C10505" s="1" t="s">
        <v>27633</v>
      </c>
      <c r="D10505" s="2">
        <v>163333</v>
      </c>
      <c r="E10505" s="1" t="s">
        <v>0</v>
      </c>
    </row>
    <row r="10506" spans="1:5" x14ac:dyDescent="0.25">
      <c r="A10506" s="1" t="s">
        <v>27634</v>
      </c>
      <c r="B10506" s="1" t="s">
        <v>8015</v>
      </c>
      <c r="C10506" s="1" t="s">
        <v>27635</v>
      </c>
      <c r="D10506" s="2">
        <v>163334</v>
      </c>
      <c r="E10506" s="1" t="s">
        <v>0</v>
      </c>
    </row>
    <row r="10507" spans="1:5" x14ac:dyDescent="0.25">
      <c r="A10507" s="2">
        <v>2101</v>
      </c>
      <c r="B10507" s="2">
        <v>2101</v>
      </c>
      <c r="C10507" s="1" t="s">
        <v>0</v>
      </c>
      <c r="D10507" s="2">
        <v>163335</v>
      </c>
      <c r="E10507" s="1" t="s">
        <v>0</v>
      </c>
    </row>
    <row r="10508" spans="1:5" x14ac:dyDescent="0.25">
      <c r="A10508" s="1" t="s">
        <v>1932</v>
      </c>
      <c r="B10508" s="1" t="s">
        <v>8016</v>
      </c>
      <c r="C10508" s="1" t="s">
        <v>27636</v>
      </c>
      <c r="D10508" s="2">
        <v>163336</v>
      </c>
      <c r="E10508" s="1" t="s">
        <v>0</v>
      </c>
    </row>
    <row r="10509" spans="1:5" x14ac:dyDescent="0.25">
      <c r="A10509" s="1" t="s">
        <v>27637</v>
      </c>
      <c r="B10509" s="1" t="s">
        <v>53395</v>
      </c>
      <c r="C10509" s="1" t="s">
        <v>27638</v>
      </c>
      <c r="D10509" s="2">
        <v>163337</v>
      </c>
      <c r="E10509" s="1" t="s">
        <v>0</v>
      </c>
    </row>
    <row r="10510" spans="1:5" ht="409.5" x14ac:dyDescent="0.25">
      <c r="A10510" s="4" t="s">
        <v>27639</v>
      </c>
      <c r="B10510" s="1" t="s">
        <v>63321</v>
      </c>
      <c r="C10510" s="1" t="s">
        <v>27640</v>
      </c>
      <c r="D10510" s="2">
        <v>163338</v>
      </c>
      <c r="E10510" s="1" t="s">
        <v>0</v>
      </c>
    </row>
    <row r="10511" spans="1:5" x14ac:dyDescent="0.25">
      <c r="A10511" s="1" t="s">
        <v>27641</v>
      </c>
      <c r="B10511" s="1" t="s">
        <v>8017</v>
      </c>
      <c r="C10511" s="1" t="s">
        <v>27642</v>
      </c>
      <c r="D10511" s="2">
        <v>163339</v>
      </c>
      <c r="E10511" s="1" t="s">
        <v>0</v>
      </c>
    </row>
    <row r="10512" spans="1:5" x14ac:dyDescent="0.25">
      <c r="A10512" s="2">
        <v>2102</v>
      </c>
      <c r="B10512" s="2">
        <v>2102</v>
      </c>
      <c r="C10512" s="1" t="s">
        <v>0</v>
      </c>
      <c r="D10512" s="2">
        <v>163340</v>
      </c>
      <c r="E10512" s="1" t="s">
        <v>0</v>
      </c>
    </row>
    <row r="10513" spans="1:5" x14ac:dyDescent="0.25">
      <c r="A10513" s="1" t="s">
        <v>1933</v>
      </c>
      <c r="B10513" s="1" t="s">
        <v>8018</v>
      </c>
      <c r="C10513" s="1" t="s">
        <v>27643</v>
      </c>
      <c r="D10513" s="2">
        <v>163341</v>
      </c>
      <c r="E10513" s="1" t="s">
        <v>0</v>
      </c>
    </row>
    <row r="10514" spans="1:5" x14ac:dyDescent="0.25">
      <c r="A10514" s="1" t="s">
        <v>27644</v>
      </c>
      <c r="B10514" s="1" t="s">
        <v>57498</v>
      </c>
      <c r="C10514" s="1" t="s">
        <v>27645</v>
      </c>
      <c r="D10514" s="2">
        <v>163342</v>
      </c>
      <c r="E10514" s="1" t="s">
        <v>0</v>
      </c>
    </row>
    <row r="10515" spans="1:5" ht="409.5" x14ac:dyDescent="0.25">
      <c r="A10515" s="4" t="s">
        <v>27646</v>
      </c>
      <c r="B10515" s="1" t="s">
        <v>57499</v>
      </c>
      <c r="C10515" s="1" t="s">
        <v>27647</v>
      </c>
      <c r="D10515" s="2">
        <v>163343</v>
      </c>
      <c r="E10515" s="1" t="s">
        <v>0</v>
      </c>
    </row>
    <row r="10516" spans="1:5" x14ac:dyDescent="0.25">
      <c r="A10516" s="1" t="s">
        <v>27648</v>
      </c>
      <c r="B10516" s="1" t="s">
        <v>53396</v>
      </c>
      <c r="C10516" s="1" t="s">
        <v>27649</v>
      </c>
      <c r="D10516" s="2">
        <v>163344</v>
      </c>
      <c r="E10516" s="1" t="s">
        <v>0</v>
      </c>
    </row>
    <row r="10517" spans="1:5" x14ac:dyDescent="0.25">
      <c r="A10517" s="2">
        <v>2103</v>
      </c>
      <c r="B10517" s="2">
        <v>2103</v>
      </c>
      <c r="C10517" s="1" t="s">
        <v>0</v>
      </c>
      <c r="D10517" s="2">
        <v>163345</v>
      </c>
      <c r="E10517" s="1" t="s">
        <v>0</v>
      </c>
    </row>
    <row r="10518" spans="1:5" x14ac:dyDescent="0.25">
      <c r="A10518" s="1" t="s">
        <v>1934</v>
      </c>
      <c r="B10518" s="1" t="s">
        <v>8019</v>
      </c>
      <c r="C10518" s="1" t="s">
        <v>27650</v>
      </c>
      <c r="D10518" s="2">
        <v>163346</v>
      </c>
      <c r="E10518" s="1" t="s">
        <v>0</v>
      </c>
    </row>
    <row r="10519" spans="1:5" x14ac:dyDescent="0.25">
      <c r="A10519" s="1" t="s">
        <v>27651</v>
      </c>
      <c r="B10519" s="1" t="s">
        <v>53397</v>
      </c>
      <c r="C10519" s="1" t="s">
        <v>27652</v>
      </c>
      <c r="D10519" s="2">
        <v>163347</v>
      </c>
      <c r="E10519" s="1" t="s">
        <v>0</v>
      </c>
    </row>
    <row r="10520" spans="1:5" ht="409.5" x14ac:dyDescent="0.25">
      <c r="A10520" s="4" t="s">
        <v>27653</v>
      </c>
      <c r="B10520" s="1" t="s">
        <v>59598</v>
      </c>
      <c r="C10520" s="1" t="s">
        <v>27654</v>
      </c>
      <c r="D10520" s="2">
        <v>163348</v>
      </c>
      <c r="E10520" s="1" t="s">
        <v>0</v>
      </c>
    </row>
    <row r="10521" spans="1:5" x14ac:dyDescent="0.25">
      <c r="A10521" s="1" t="s">
        <v>27655</v>
      </c>
      <c r="B10521" s="1" t="s">
        <v>53398</v>
      </c>
      <c r="C10521" s="1" t="s">
        <v>27656</v>
      </c>
      <c r="D10521" s="2">
        <v>163349</v>
      </c>
      <c r="E10521" s="1" t="s">
        <v>0</v>
      </c>
    </row>
    <row r="10522" spans="1:5" x14ac:dyDescent="0.25">
      <c r="A10522" s="2">
        <v>2104</v>
      </c>
      <c r="B10522" s="2">
        <v>2104</v>
      </c>
      <c r="C10522" s="1" t="s">
        <v>0</v>
      </c>
      <c r="D10522" s="2">
        <v>163350</v>
      </c>
      <c r="E10522" s="1" t="s">
        <v>0</v>
      </c>
    </row>
    <row r="10523" spans="1:5" x14ac:dyDescent="0.25">
      <c r="A10523" s="1" t="s">
        <v>1935</v>
      </c>
      <c r="B10523" s="1" t="s">
        <v>8020</v>
      </c>
      <c r="C10523" s="1" t="s">
        <v>27657</v>
      </c>
      <c r="D10523" s="2">
        <v>163351</v>
      </c>
      <c r="E10523" s="1" t="s">
        <v>0</v>
      </c>
    </row>
    <row r="10524" spans="1:5" x14ac:dyDescent="0.25">
      <c r="A10524" s="1" t="s">
        <v>27658</v>
      </c>
      <c r="B10524" s="1" t="s">
        <v>8021</v>
      </c>
      <c r="C10524" s="1" t="s">
        <v>27659</v>
      </c>
      <c r="D10524" s="2">
        <v>163352</v>
      </c>
      <c r="E10524" s="1" t="s">
        <v>0</v>
      </c>
    </row>
    <row r="10525" spans="1:5" ht="409.5" x14ac:dyDescent="0.25">
      <c r="A10525" s="4" t="s">
        <v>27660</v>
      </c>
      <c r="B10525" s="1" t="s">
        <v>8022</v>
      </c>
      <c r="C10525" s="1" t="s">
        <v>27661</v>
      </c>
      <c r="D10525" s="2">
        <v>163353</v>
      </c>
      <c r="E10525" s="1" t="s">
        <v>0</v>
      </c>
    </row>
    <row r="10526" spans="1:5" x14ac:dyDescent="0.25">
      <c r="A10526" s="1" t="s">
        <v>27662</v>
      </c>
      <c r="B10526" s="1" t="s">
        <v>8023</v>
      </c>
      <c r="C10526" s="1" t="s">
        <v>27663</v>
      </c>
      <c r="D10526" s="2">
        <v>163354</v>
      </c>
      <c r="E10526" s="1" t="s">
        <v>0</v>
      </c>
    </row>
    <row r="10527" spans="1:5" x14ac:dyDescent="0.25">
      <c r="A10527" s="2">
        <v>2105</v>
      </c>
      <c r="B10527" s="2">
        <v>2105</v>
      </c>
      <c r="C10527" s="1" t="s">
        <v>0</v>
      </c>
      <c r="D10527" s="2">
        <v>163355</v>
      </c>
      <c r="E10527" s="1" t="s">
        <v>0</v>
      </c>
    </row>
    <row r="10528" spans="1:5" x14ac:dyDescent="0.25">
      <c r="A10528" s="1" t="s">
        <v>1936</v>
      </c>
      <c r="B10528" s="1" t="s">
        <v>8024</v>
      </c>
      <c r="C10528" s="1" t="s">
        <v>27664</v>
      </c>
      <c r="D10528" s="2">
        <v>163356</v>
      </c>
      <c r="E10528" s="1" t="s">
        <v>0</v>
      </c>
    </row>
    <row r="10529" spans="1:5" x14ac:dyDescent="0.25">
      <c r="A10529" s="1" t="s">
        <v>27665</v>
      </c>
      <c r="B10529" s="1" t="s">
        <v>58753</v>
      </c>
      <c r="C10529" s="1" t="s">
        <v>27666</v>
      </c>
      <c r="D10529" s="2">
        <v>163357</v>
      </c>
      <c r="E10529" s="1" t="s">
        <v>0</v>
      </c>
    </row>
    <row r="10530" spans="1:5" ht="409.5" x14ac:dyDescent="0.25">
      <c r="A10530" s="4" t="s">
        <v>27667</v>
      </c>
      <c r="B10530" s="1" t="s">
        <v>58754</v>
      </c>
      <c r="C10530" s="1" t="s">
        <v>27668</v>
      </c>
      <c r="D10530" s="2">
        <v>163358</v>
      </c>
      <c r="E10530" s="1" t="s">
        <v>0</v>
      </c>
    </row>
    <row r="10531" spans="1:5" x14ac:dyDescent="0.25">
      <c r="A10531" s="1" t="s">
        <v>27669</v>
      </c>
      <c r="B10531" s="1" t="s">
        <v>8025</v>
      </c>
      <c r="C10531" s="1" t="s">
        <v>27670</v>
      </c>
      <c r="D10531" s="2">
        <v>163359</v>
      </c>
      <c r="E10531" s="1" t="s">
        <v>0</v>
      </c>
    </row>
    <row r="10532" spans="1:5" x14ac:dyDescent="0.25">
      <c r="A10532" s="2">
        <v>2106</v>
      </c>
      <c r="B10532" s="2">
        <v>2106</v>
      </c>
      <c r="C10532" s="1" t="s">
        <v>0</v>
      </c>
      <c r="D10532" s="2">
        <v>163360</v>
      </c>
      <c r="E10532" s="1" t="s">
        <v>0</v>
      </c>
    </row>
    <row r="10533" spans="1:5" x14ac:dyDescent="0.25">
      <c r="A10533" s="1" t="s">
        <v>1937</v>
      </c>
      <c r="B10533" s="1" t="s">
        <v>8026</v>
      </c>
      <c r="C10533" s="1" t="s">
        <v>27671</v>
      </c>
      <c r="D10533" s="2">
        <v>163361</v>
      </c>
      <c r="E10533" s="1" t="s">
        <v>0</v>
      </c>
    </row>
    <row r="10534" spans="1:5" x14ac:dyDescent="0.25">
      <c r="A10534" s="1" t="s">
        <v>27672</v>
      </c>
      <c r="B10534" s="1" t="s">
        <v>53399</v>
      </c>
      <c r="C10534" s="1" t="s">
        <v>27673</v>
      </c>
      <c r="D10534" s="2">
        <v>163362</v>
      </c>
      <c r="E10534" s="1" t="s">
        <v>0</v>
      </c>
    </row>
    <row r="10535" spans="1:5" ht="409.5" x14ac:dyDescent="0.25">
      <c r="A10535" s="4" t="s">
        <v>27674</v>
      </c>
      <c r="B10535" s="1" t="s">
        <v>62403</v>
      </c>
      <c r="C10535" s="1" t="s">
        <v>27675</v>
      </c>
      <c r="D10535" s="2">
        <v>163363</v>
      </c>
      <c r="E10535" s="1" t="s">
        <v>0</v>
      </c>
    </row>
    <row r="10536" spans="1:5" x14ac:dyDescent="0.25">
      <c r="A10536" s="1" t="s">
        <v>27676</v>
      </c>
      <c r="B10536" s="1" t="s">
        <v>8027</v>
      </c>
      <c r="C10536" s="1" t="s">
        <v>27677</v>
      </c>
      <c r="D10536" s="2">
        <v>163364</v>
      </c>
      <c r="E10536" s="1" t="s">
        <v>0</v>
      </c>
    </row>
    <row r="10537" spans="1:5" x14ac:dyDescent="0.25">
      <c r="A10537" s="2">
        <v>2107</v>
      </c>
      <c r="B10537" s="2">
        <v>2107</v>
      </c>
      <c r="C10537" s="1" t="s">
        <v>0</v>
      </c>
      <c r="D10537" s="2">
        <v>163365</v>
      </c>
      <c r="E10537" s="1" t="s">
        <v>0</v>
      </c>
    </row>
    <row r="10538" spans="1:5" x14ac:dyDescent="0.25">
      <c r="A10538" s="1" t="s">
        <v>1938</v>
      </c>
      <c r="B10538" s="1" t="s">
        <v>8028</v>
      </c>
      <c r="C10538" s="1" t="s">
        <v>27678</v>
      </c>
      <c r="D10538" s="2">
        <v>163366</v>
      </c>
      <c r="E10538" s="1" t="s">
        <v>0</v>
      </c>
    </row>
    <row r="10539" spans="1:5" x14ac:dyDescent="0.25">
      <c r="A10539" s="1" t="s">
        <v>27679</v>
      </c>
      <c r="B10539" s="1" t="s">
        <v>63690</v>
      </c>
      <c r="C10539" s="1" t="s">
        <v>27680</v>
      </c>
      <c r="D10539" s="2">
        <v>163367</v>
      </c>
      <c r="E10539" s="1" t="s">
        <v>0</v>
      </c>
    </row>
    <row r="10540" spans="1:5" ht="409.5" x14ac:dyDescent="0.25">
      <c r="A10540" s="4" t="s">
        <v>27681</v>
      </c>
      <c r="B10540" s="1" t="s">
        <v>63691</v>
      </c>
      <c r="C10540" s="1" t="s">
        <v>27682</v>
      </c>
      <c r="D10540" s="2">
        <v>163368</v>
      </c>
      <c r="E10540" s="1" t="s">
        <v>0</v>
      </c>
    </row>
    <row r="10541" spans="1:5" x14ac:dyDescent="0.25">
      <c r="A10541" s="1" t="s">
        <v>27683</v>
      </c>
      <c r="B10541" s="1" t="s">
        <v>8029</v>
      </c>
      <c r="C10541" s="1" t="s">
        <v>27684</v>
      </c>
      <c r="D10541" s="2">
        <v>163369</v>
      </c>
      <c r="E10541" s="1" t="s">
        <v>0</v>
      </c>
    </row>
    <row r="10542" spans="1:5" x14ac:dyDescent="0.25">
      <c r="A10542" s="2">
        <v>2108</v>
      </c>
      <c r="B10542" s="2">
        <v>2108</v>
      </c>
      <c r="C10542" s="1" t="s">
        <v>0</v>
      </c>
      <c r="D10542" s="2">
        <v>163370</v>
      </c>
      <c r="E10542" s="1" t="s">
        <v>0</v>
      </c>
    </row>
    <row r="10543" spans="1:5" x14ac:dyDescent="0.25">
      <c r="A10543" s="1" t="s">
        <v>1939</v>
      </c>
      <c r="B10543" s="1" t="s">
        <v>8030</v>
      </c>
      <c r="C10543" s="1" t="s">
        <v>27685</v>
      </c>
      <c r="D10543" s="2">
        <v>163371</v>
      </c>
      <c r="E10543" s="1" t="s">
        <v>0</v>
      </c>
    </row>
    <row r="10544" spans="1:5" x14ac:dyDescent="0.25">
      <c r="A10544" s="1" t="s">
        <v>27686</v>
      </c>
      <c r="B10544" s="1" t="s">
        <v>53400</v>
      </c>
      <c r="C10544" s="1" t="s">
        <v>27687</v>
      </c>
      <c r="D10544" s="2">
        <v>163372</v>
      </c>
      <c r="E10544" s="1" t="s">
        <v>0</v>
      </c>
    </row>
    <row r="10545" spans="1:5" ht="409.5" x14ac:dyDescent="0.25">
      <c r="A10545" s="4" t="s">
        <v>27688</v>
      </c>
      <c r="B10545" s="1" t="s">
        <v>60735</v>
      </c>
      <c r="C10545" s="1" t="s">
        <v>27689</v>
      </c>
      <c r="D10545" s="2">
        <v>163373</v>
      </c>
      <c r="E10545" s="1" t="s">
        <v>0</v>
      </c>
    </row>
    <row r="10546" spans="1:5" x14ac:dyDescent="0.25">
      <c r="A10546" s="1" t="s">
        <v>27690</v>
      </c>
      <c r="B10546" s="1" t="s">
        <v>8031</v>
      </c>
      <c r="C10546" s="1" t="s">
        <v>27691</v>
      </c>
      <c r="D10546" s="2">
        <v>163374</v>
      </c>
      <c r="E10546" s="1" t="s">
        <v>0</v>
      </c>
    </row>
    <row r="10547" spans="1:5" x14ac:dyDescent="0.25">
      <c r="A10547" s="2">
        <v>2109</v>
      </c>
      <c r="B10547" s="2">
        <v>2109</v>
      </c>
      <c r="C10547" s="1" t="s">
        <v>0</v>
      </c>
      <c r="D10547" s="2">
        <v>163375</v>
      </c>
      <c r="E10547" s="1" t="s">
        <v>0</v>
      </c>
    </row>
    <row r="10548" spans="1:5" x14ac:dyDescent="0.25">
      <c r="A10548" s="1" t="s">
        <v>1940</v>
      </c>
      <c r="B10548" s="1" t="s">
        <v>8032</v>
      </c>
      <c r="C10548" s="1" t="s">
        <v>27692</v>
      </c>
      <c r="D10548" s="2">
        <v>163376</v>
      </c>
      <c r="E10548" s="1" t="s">
        <v>0</v>
      </c>
    </row>
    <row r="10549" spans="1:5" x14ac:dyDescent="0.25">
      <c r="A10549" s="1" t="s">
        <v>27693</v>
      </c>
      <c r="B10549" s="1" t="s">
        <v>53401</v>
      </c>
      <c r="C10549" s="1" t="s">
        <v>27694</v>
      </c>
      <c r="D10549" s="2">
        <v>163377</v>
      </c>
      <c r="E10549" s="1" t="s">
        <v>0</v>
      </c>
    </row>
    <row r="10550" spans="1:5" ht="409.5" x14ac:dyDescent="0.25">
      <c r="A10550" s="4" t="s">
        <v>27695</v>
      </c>
      <c r="B10550" s="1" t="s">
        <v>53402</v>
      </c>
      <c r="C10550" s="1" t="s">
        <v>27696</v>
      </c>
      <c r="D10550" s="2">
        <v>163378</v>
      </c>
      <c r="E10550" s="1" t="s">
        <v>0</v>
      </c>
    </row>
    <row r="10551" spans="1:5" x14ac:dyDescent="0.25">
      <c r="A10551" s="1" t="s">
        <v>27697</v>
      </c>
      <c r="B10551" s="1" t="s">
        <v>53403</v>
      </c>
      <c r="C10551" s="1" t="s">
        <v>27698</v>
      </c>
      <c r="D10551" s="2">
        <v>163379</v>
      </c>
      <c r="E10551" s="1" t="s">
        <v>0</v>
      </c>
    </row>
    <row r="10552" spans="1:5" x14ac:dyDescent="0.25">
      <c r="A10552" s="2">
        <v>2110</v>
      </c>
      <c r="B10552" s="2">
        <v>2110</v>
      </c>
      <c r="C10552" s="1" t="s">
        <v>0</v>
      </c>
      <c r="D10552" s="2">
        <v>163380</v>
      </c>
      <c r="E10552" s="1" t="s">
        <v>0</v>
      </c>
    </row>
    <row r="10553" spans="1:5" x14ac:dyDescent="0.25">
      <c r="A10553" s="1" t="s">
        <v>1941</v>
      </c>
      <c r="B10553" s="1" t="s">
        <v>8033</v>
      </c>
      <c r="C10553" s="1" t="s">
        <v>27699</v>
      </c>
      <c r="D10553" s="2">
        <v>163381</v>
      </c>
      <c r="E10553" s="1" t="s">
        <v>0</v>
      </c>
    </row>
    <row r="10554" spans="1:5" x14ac:dyDescent="0.25">
      <c r="A10554" s="1" t="s">
        <v>27700</v>
      </c>
      <c r="B10554" s="1" t="s">
        <v>58339</v>
      </c>
      <c r="C10554" s="1" t="s">
        <v>27701</v>
      </c>
      <c r="D10554" s="2">
        <v>163382</v>
      </c>
      <c r="E10554" s="1" t="s">
        <v>0</v>
      </c>
    </row>
    <row r="10555" spans="1:5" ht="409.5" x14ac:dyDescent="0.25">
      <c r="A10555" s="4" t="s">
        <v>27702</v>
      </c>
      <c r="B10555" s="1" t="s">
        <v>60422</v>
      </c>
      <c r="C10555" s="1" t="s">
        <v>27703</v>
      </c>
      <c r="D10555" s="2">
        <v>163383</v>
      </c>
      <c r="E10555" s="1" t="s">
        <v>0</v>
      </c>
    </row>
    <row r="10556" spans="1:5" x14ac:dyDescent="0.25">
      <c r="A10556" s="1" t="s">
        <v>27704</v>
      </c>
      <c r="B10556" s="1" t="s">
        <v>57206</v>
      </c>
      <c r="C10556" s="1" t="s">
        <v>27705</v>
      </c>
      <c r="D10556" s="2">
        <v>163384</v>
      </c>
      <c r="E10556" s="1" t="s">
        <v>0</v>
      </c>
    </row>
    <row r="10557" spans="1:5" x14ac:dyDescent="0.25">
      <c r="A10557" s="2">
        <v>2111</v>
      </c>
      <c r="B10557" s="2">
        <v>2111</v>
      </c>
      <c r="C10557" s="1" t="s">
        <v>0</v>
      </c>
      <c r="D10557" s="2">
        <v>163385</v>
      </c>
      <c r="E10557" s="1" t="s">
        <v>0</v>
      </c>
    </row>
    <row r="10558" spans="1:5" x14ac:dyDescent="0.25">
      <c r="A10558" s="1" t="s">
        <v>1942</v>
      </c>
      <c r="B10558" s="1" t="s">
        <v>8034</v>
      </c>
      <c r="C10558" s="1" t="s">
        <v>27706</v>
      </c>
      <c r="D10558" s="2">
        <v>163386</v>
      </c>
      <c r="E10558" s="1" t="s">
        <v>0</v>
      </c>
    </row>
    <row r="10559" spans="1:5" x14ac:dyDescent="0.25">
      <c r="A10559" s="1" t="s">
        <v>27707</v>
      </c>
      <c r="B10559" s="1" t="s">
        <v>57028</v>
      </c>
      <c r="C10559" s="1" t="s">
        <v>27708</v>
      </c>
      <c r="D10559" s="2">
        <v>163387</v>
      </c>
      <c r="E10559" s="1" t="s">
        <v>0</v>
      </c>
    </row>
    <row r="10560" spans="1:5" ht="409.5" x14ac:dyDescent="0.25">
      <c r="A10560" s="4" t="s">
        <v>27709</v>
      </c>
      <c r="B10560" s="1" t="s">
        <v>59960</v>
      </c>
      <c r="C10560" s="1" t="s">
        <v>27710</v>
      </c>
      <c r="D10560" s="2">
        <v>163388</v>
      </c>
      <c r="E10560" s="1" t="s">
        <v>0</v>
      </c>
    </row>
    <row r="10561" spans="1:5" x14ac:dyDescent="0.25">
      <c r="A10561" s="1" t="s">
        <v>27711</v>
      </c>
      <c r="B10561" s="1" t="s">
        <v>53404</v>
      </c>
      <c r="C10561" s="1" t="s">
        <v>27712</v>
      </c>
      <c r="D10561" s="2">
        <v>163389</v>
      </c>
      <c r="E10561" s="1" t="s">
        <v>0</v>
      </c>
    </row>
    <row r="10562" spans="1:5" x14ac:dyDescent="0.25">
      <c r="A10562" s="2">
        <v>2112</v>
      </c>
      <c r="B10562" s="2">
        <v>2112</v>
      </c>
      <c r="C10562" s="1" t="s">
        <v>0</v>
      </c>
      <c r="D10562" s="2">
        <v>163390</v>
      </c>
      <c r="E10562" s="1" t="s">
        <v>0</v>
      </c>
    </row>
    <row r="10563" spans="1:5" x14ac:dyDescent="0.25">
      <c r="A10563" s="1" t="s">
        <v>1943</v>
      </c>
      <c r="B10563" s="1" t="s">
        <v>58340</v>
      </c>
      <c r="C10563" s="1" t="s">
        <v>27713</v>
      </c>
      <c r="D10563" s="2">
        <v>163391</v>
      </c>
      <c r="E10563" s="1" t="s">
        <v>0</v>
      </c>
    </row>
    <row r="10564" spans="1:5" x14ac:dyDescent="0.25">
      <c r="A10564" s="1" t="s">
        <v>27714</v>
      </c>
      <c r="B10564" s="1" t="s">
        <v>62404</v>
      </c>
      <c r="C10564" s="1" t="s">
        <v>27715</v>
      </c>
      <c r="D10564" s="2">
        <v>163392</v>
      </c>
      <c r="E10564" s="1" t="s">
        <v>0</v>
      </c>
    </row>
    <row r="10565" spans="1:5" ht="409.5" x14ac:dyDescent="0.25">
      <c r="A10565" s="4" t="s">
        <v>27716</v>
      </c>
      <c r="B10565" s="1" t="s">
        <v>62405</v>
      </c>
      <c r="C10565" s="1" t="s">
        <v>27717</v>
      </c>
      <c r="D10565" s="2">
        <v>163393</v>
      </c>
      <c r="E10565" s="1" t="s">
        <v>0</v>
      </c>
    </row>
    <row r="10566" spans="1:5" x14ac:dyDescent="0.25">
      <c r="A10566" s="1" t="s">
        <v>27718</v>
      </c>
      <c r="B10566" s="1" t="s">
        <v>61640</v>
      </c>
      <c r="C10566" s="1" t="s">
        <v>27719</v>
      </c>
      <c r="D10566" s="2">
        <v>163394</v>
      </c>
      <c r="E10566" s="1" t="s">
        <v>0</v>
      </c>
    </row>
    <row r="10567" spans="1:5" x14ac:dyDescent="0.25">
      <c r="A10567" s="2">
        <v>2113</v>
      </c>
      <c r="B10567" s="2">
        <v>2113</v>
      </c>
      <c r="C10567" s="1" t="s">
        <v>0</v>
      </c>
      <c r="D10567" s="2">
        <v>163395</v>
      </c>
      <c r="E10567" s="1" t="s">
        <v>0</v>
      </c>
    </row>
    <row r="10568" spans="1:5" x14ac:dyDescent="0.25">
      <c r="A10568" s="1" t="s">
        <v>1944</v>
      </c>
      <c r="B10568" s="1" t="s">
        <v>8035</v>
      </c>
      <c r="C10568" s="1" t="s">
        <v>27720</v>
      </c>
      <c r="D10568" s="2">
        <v>163396</v>
      </c>
      <c r="E10568" s="1" t="s">
        <v>0</v>
      </c>
    </row>
    <row r="10569" spans="1:5" x14ac:dyDescent="0.25">
      <c r="A10569" s="1" t="s">
        <v>27721</v>
      </c>
      <c r="B10569" s="1" t="s">
        <v>58341</v>
      </c>
      <c r="C10569" s="1" t="s">
        <v>27722</v>
      </c>
      <c r="D10569" s="2">
        <v>163397</v>
      </c>
      <c r="E10569" s="1" t="s">
        <v>0</v>
      </c>
    </row>
    <row r="10570" spans="1:5" ht="409.5" x14ac:dyDescent="0.25">
      <c r="A10570" s="4" t="s">
        <v>27723</v>
      </c>
      <c r="B10570" s="1" t="s">
        <v>58342</v>
      </c>
      <c r="C10570" s="1" t="s">
        <v>27724</v>
      </c>
      <c r="D10570" s="2">
        <v>163398</v>
      </c>
      <c r="E10570" s="1" t="s">
        <v>0</v>
      </c>
    </row>
    <row r="10571" spans="1:5" x14ac:dyDescent="0.25">
      <c r="A10571" s="1" t="s">
        <v>27725</v>
      </c>
      <c r="B10571" s="1" t="s">
        <v>53405</v>
      </c>
      <c r="C10571" s="1" t="s">
        <v>27726</v>
      </c>
      <c r="D10571" s="2">
        <v>163399</v>
      </c>
      <c r="E10571" s="1" t="s">
        <v>0</v>
      </c>
    </row>
    <row r="10572" spans="1:5" x14ac:dyDescent="0.25">
      <c r="A10572" s="2">
        <v>2114</v>
      </c>
      <c r="B10572" s="2">
        <v>2114</v>
      </c>
      <c r="C10572" s="1" t="s">
        <v>0</v>
      </c>
      <c r="D10572" s="2">
        <v>163400</v>
      </c>
      <c r="E10572" s="1" t="s">
        <v>0</v>
      </c>
    </row>
    <row r="10573" spans="1:5" x14ac:dyDescent="0.25">
      <c r="A10573" s="1" t="s">
        <v>13104</v>
      </c>
      <c r="B10573" s="1" t="s">
        <v>8036</v>
      </c>
      <c r="C10573" s="1" t="s">
        <v>27727</v>
      </c>
      <c r="D10573" s="2">
        <v>163401</v>
      </c>
      <c r="E10573" s="1" t="s">
        <v>0</v>
      </c>
    </row>
    <row r="10574" spans="1:5" x14ac:dyDescent="0.25">
      <c r="A10574" s="1" t="s">
        <v>27728</v>
      </c>
      <c r="B10574" s="1" t="s">
        <v>13105</v>
      </c>
      <c r="C10574" s="1" t="s">
        <v>27729</v>
      </c>
      <c r="D10574" s="2">
        <v>163402</v>
      </c>
      <c r="E10574" s="1" t="s">
        <v>0</v>
      </c>
    </row>
    <row r="10575" spans="1:5" ht="409.5" x14ac:dyDescent="0.25">
      <c r="A10575" s="4" t="s">
        <v>27730</v>
      </c>
      <c r="B10575" s="1" t="s">
        <v>53406</v>
      </c>
      <c r="C10575" s="1" t="s">
        <v>27731</v>
      </c>
      <c r="D10575" s="2">
        <v>163403</v>
      </c>
      <c r="E10575" s="1" t="s">
        <v>0</v>
      </c>
    </row>
    <row r="10576" spans="1:5" x14ac:dyDescent="0.25">
      <c r="A10576" s="1" t="s">
        <v>27732</v>
      </c>
      <c r="B10576" s="1" t="s">
        <v>8037</v>
      </c>
      <c r="C10576" s="1" t="s">
        <v>27733</v>
      </c>
      <c r="D10576" s="2">
        <v>163404</v>
      </c>
      <c r="E10576" s="1" t="s">
        <v>0</v>
      </c>
    </row>
    <row r="10577" spans="1:5" x14ac:dyDescent="0.25">
      <c r="A10577" s="2">
        <v>2115</v>
      </c>
      <c r="B10577" s="2">
        <v>2115</v>
      </c>
      <c r="C10577" s="1" t="s">
        <v>0</v>
      </c>
      <c r="D10577" s="2">
        <v>163405</v>
      </c>
      <c r="E10577" s="1" t="s">
        <v>0</v>
      </c>
    </row>
    <row r="10578" spans="1:5" x14ac:dyDescent="0.25">
      <c r="A10578" s="1" t="s">
        <v>1945</v>
      </c>
      <c r="B10578" s="1" t="s">
        <v>8038</v>
      </c>
      <c r="C10578" s="1" t="s">
        <v>27734</v>
      </c>
      <c r="D10578" s="2">
        <v>163406</v>
      </c>
      <c r="E10578" s="1" t="s">
        <v>0</v>
      </c>
    </row>
    <row r="10579" spans="1:5" x14ac:dyDescent="0.25">
      <c r="A10579" s="1" t="s">
        <v>27735</v>
      </c>
      <c r="B10579" s="1" t="s">
        <v>8039</v>
      </c>
      <c r="C10579" s="1" t="s">
        <v>27736</v>
      </c>
      <c r="D10579" s="2">
        <v>163407</v>
      </c>
      <c r="E10579" s="1" t="s">
        <v>0</v>
      </c>
    </row>
    <row r="10580" spans="1:5" ht="409.5" x14ac:dyDescent="0.25">
      <c r="A10580" s="4" t="s">
        <v>27737</v>
      </c>
      <c r="B10580" s="1" t="s">
        <v>53407</v>
      </c>
      <c r="C10580" s="1" t="s">
        <v>27738</v>
      </c>
      <c r="D10580" s="2">
        <v>163408</v>
      </c>
      <c r="E10580" s="1" t="s">
        <v>0</v>
      </c>
    </row>
    <row r="10581" spans="1:5" x14ac:dyDescent="0.25">
      <c r="A10581" s="1" t="s">
        <v>27739</v>
      </c>
      <c r="B10581" s="1" t="s">
        <v>27740</v>
      </c>
      <c r="C10581" s="1" t="s">
        <v>27741</v>
      </c>
      <c r="D10581" s="2">
        <v>163409</v>
      </c>
      <c r="E10581" s="1" t="s">
        <v>0</v>
      </c>
    </row>
    <row r="10582" spans="1:5" x14ac:dyDescent="0.25">
      <c r="A10582" s="2">
        <v>2116</v>
      </c>
      <c r="B10582" s="2">
        <v>2116</v>
      </c>
      <c r="C10582" s="1" t="s">
        <v>0</v>
      </c>
      <c r="D10582" s="2">
        <v>163410</v>
      </c>
      <c r="E10582" s="1" t="s">
        <v>0</v>
      </c>
    </row>
    <row r="10583" spans="1:5" x14ac:dyDescent="0.25">
      <c r="A10583" s="1" t="s">
        <v>1946</v>
      </c>
      <c r="B10583" s="1" t="s">
        <v>50681</v>
      </c>
      <c r="C10583" s="1" t="s">
        <v>27742</v>
      </c>
      <c r="D10583" s="2">
        <v>163411</v>
      </c>
      <c r="E10583" s="1" t="s">
        <v>0</v>
      </c>
    </row>
    <row r="10584" spans="1:5" x14ac:dyDescent="0.25">
      <c r="A10584" s="1" t="s">
        <v>27743</v>
      </c>
      <c r="B10584" s="1" t="s">
        <v>53408</v>
      </c>
      <c r="C10584" s="1" t="s">
        <v>27744</v>
      </c>
      <c r="D10584" s="2">
        <v>163412</v>
      </c>
      <c r="E10584" s="1" t="s">
        <v>0</v>
      </c>
    </row>
    <row r="10585" spans="1:5" ht="409.5" x14ac:dyDescent="0.25">
      <c r="A10585" s="4" t="s">
        <v>27745</v>
      </c>
      <c r="B10585" s="1" t="s">
        <v>63692</v>
      </c>
      <c r="C10585" s="1" t="s">
        <v>27746</v>
      </c>
      <c r="D10585" s="2">
        <v>163413</v>
      </c>
      <c r="E10585" s="1" t="s">
        <v>0</v>
      </c>
    </row>
    <row r="10586" spans="1:5" x14ac:dyDescent="0.25">
      <c r="A10586" s="1" t="s">
        <v>27747</v>
      </c>
      <c r="B10586" s="1" t="s">
        <v>57207</v>
      </c>
      <c r="C10586" s="1" t="s">
        <v>27748</v>
      </c>
      <c r="D10586" s="2">
        <v>163414</v>
      </c>
      <c r="E10586" s="1" t="s">
        <v>0</v>
      </c>
    </row>
    <row r="10587" spans="1:5" x14ac:dyDescent="0.25">
      <c r="A10587" s="2">
        <v>2117</v>
      </c>
      <c r="B10587" s="2">
        <v>2117</v>
      </c>
      <c r="C10587" s="1" t="s">
        <v>0</v>
      </c>
      <c r="D10587" s="2">
        <v>163415</v>
      </c>
      <c r="E10587" s="1" t="s">
        <v>0</v>
      </c>
    </row>
    <row r="10588" spans="1:5" x14ac:dyDescent="0.25">
      <c r="A10588" s="1" t="s">
        <v>1947</v>
      </c>
      <c r="B10588" s="1" t="s">
        <v>8040</v>
      </c>
      <c r="C10588" s="1" t="s">
        <v>27749</v>
      </c>
      <c r="D10588" s="2">
        <v>163416</v>
      </c>
      <c r="E10588" s="1" t="s">
        <v>0</v>
      </c>
    </row>
    <row r="10589" spans="1:5" x14ac:dyDescent="0.25">
      <c r="A10589" s="1" t="s">
        <v>27750</v>
      </c>
      <c r="B10589" s="1" t="s">
        <v>8041</v>
      </c>
      <c r="C10589" s="1" t="s">
        <v>27751</v>
      </c>
      <c r="D10589" s="2">
        <v>163417</v>
      </c>
      <c r="E10589" s="1" t="s">
        <v>0</v>
      </c>
    </row>
    <row r="10590" spans="1:5" ht="409.5" x14ac:dyDescent="0.25">
      <c r="A10590" s="4" t="s">
        <v>27752</v>
      </c>
      <c r="B10590" s="1" t="s">
        <v>8042</v>
      </c>
      <c r="C10590" s="1" t="s">
        <v>27753</v>
      </c>
      <c r="D10590" s="2">
        <v>163418</v>
      </c>
      <c r="E10590" s="1" t="s">
        <v>0</v>
      </c>
    </row>
    <row r="10591" spans="1:5" x14ac:dyDescent="0.25">
      <c r="A10591" s="1" t="s">
        <v>27754</v>
      </c>
      <c r="B10591" s="1" t="s">
        <v>53409</v>
      </c>
      <c r="C10591" s="1" t="s">
        <v>27755</v>
      </c>
      <c r="D10591" s="2">
        <v>163419</v>
      </c>
      <c r="E10591" s="1" t="s">
        <v>0</v>
      </c>
    </row>
    <row r="10592" spans="1:5" x14ac:dyDescent="0.25">
      <c r="A10592" s="2">
        <v>2118</v>
      </c>
      <c r="B10592" s="2">
        <v>2118</v>
      </c>
      <c r="C10592" s="1" t="s">
        <v>0</v>
      </c>
      <c r="D10592" s="2">
        <v>163420</v>
      </c>
      <c r="E10592" s="1" t="s">
        <v>0</v>
      </c>
    </row>
    <row r="10593" spans="1:5" x14ac:dyDescent="0.25">
      <c r="A10593" s="1" t="s">
        <v>1948</v>
      </c>
      <c r="B10593" s="1" t="s">
        <v>8043</v>
      </c>
      <c r="C10593" s="1" t="s">
        <v>27756</v>
      </c>
      <c r="D10593" s="2">
        <v>163421</v>
      </c>
      <c r="E10593" s="1" t="s">
        <v>0</v>
      </c>
    </row>
    <row r="10594" spans="1:5" x14ac:dyDescent="0.25">
      <c r="A10594" s="1" t="s">
        <v>27757</v>
      </c>
      <c r="B10594" s="1" t="s">
        <v>53410</v>
      </c>
      <c r="C10594" s="1" t="s">
        <v>27758</v>
      </c>
      <c r="D10594" s="2">
        <v>163422</v>
      </c>
      <c r="E10594" s="1" t="s">
        <v>0</v>
      </c>
    </row>
    <row r="10595" spans="1:5" ht="409.5" x14ac:dyDescent="0.25">
      <c r="A10595" s="4" t="s">
        <v>27759</v>
      </c>
      <c r="B10595" s="1" t="s">
        <v>56753</v>
      </c>
      <c r="C10595" s="1" t="s">
        <v>27760</v>
      </c>
      <c r="D10595" s="2">
        <v>163423</v>
      </c>
      <c r="E10595" s="1" t="s">
        <v>0</v>
      </c>
    </row>
    <row r="10596" spans="1:5" x14ac:dyDescent="0.25">
      <c r="A10596" s="1" t="s">
        <v>27761</v>
      </c>
      <c r="B10596" s="1" t="s">
        <v>53411</v>
      </c>
      <c r="C10596" s="1" t="s">
        <v>27762</v>
      </c>
      <c r="D10596" s="2">
        <v>163424</v>
      </c>
      <c r="E10596" s="1" t="s">
        <v>0</v>
      </c>
    </row>
    <row r="10597" spans="1:5" x14ac:dyDescent="0.25">
      <c r="A10597" s="2">
        <v>2119</v>
      </c>
      <c r="B10597" s="2">
        <v>2119</v>
      </c>
      <c r="C10597" s="1" t="s">
        <v>0</v>
      </c>
      <c r="D10597" s="2">
        <v>163425</v>
      </c>
      <c r="E10597" s="1" t="s">
        <v>0</v>
      </c>
    </row>
    <row r="10598" spans="1:5" x14ac:dyDescent="0.25">
      <c r="A10598" s="1" t="s">
        <v>1949</v>
      </c>
      <c r="B10598" s="1" t="s">
        <v>8044</v>
      </c>
      <c r="C10598" s="1" t="s">
        <v>27763</v>
      </c>
      <c r="D10598" s="2">
        <v>163426</v>
      </c>
      <c r="E10598" s="1" t="s">
        <v>0</v>
      </c>
    </row>
    <row r="10599" spans="1:5" x14ac:dyDescent="0.25">
      <c r="A10599" s="1" t="s">
        <v>27764</v>
      </c>
      <c r="B10599" s="1" t="s">
        <v>53412</v>
      </c>
      <c r="C10599" s="1" t="s">
        <v>27765</v>
      </c>
      <c r="D10599" s="2">
        <v>163427</v>
      </c>
      <c r="E10599" s="1" t="s">
        <v>0</v>
      </c>
    </row>
    <row r="10600" spans="1:5" ht="409.5" x14ac:dyDescent="0.25">
      <c r="A10600" s="4" t="s">
        <v>64140</v>
      </c>
      <c r="B10600" s="1" t="s">
        <v>63693</v>
      </c>
      <c r="C10600" s="1" t="s">
        <v>27766</v>
      </c>
      <c r="D10600" s="2">
        <v>163428</v>
      </c>
      <c r="E10600" s="1" t="s">
        <v>0</v>
      </c>
    </row>
    <row r="10601" spans="1:5" x14ac:dyDescent="0.25">
      <c r="A10601" s="1" t="s">
        <v>27767</v>
      </c>
      <c r="B10601" s="1" t="s">
        <v>61093</v>
      </c>
      <c r="C10601" s="1" t="s">
        <v>27768</v>
      </c>
      <c r="D10601" s="2">
        <v>163429</v>
      </c>
      <c r="E10601" s="1" t="s">
        <v>0</v>
      </c>
    </row>
    <row r="10602" spans="1:5" x14ac:dyDescent="0.25">
      <c r="A10602" s="2">
        <v>2120</v>
      </c>
      <c r="B10602" s="2">
        <v>2120</v>
      </c>
      <c r="C10602" s="1" t="s">
        <v>0</v>
      </c>
      <c r="D10602" s="2">
        <v>163430</v>
      </c>
      <c r="E10602" s="1" t="s">
        <v>0</v>
      </c>
    </row>
    <row r="10603" spans="1:5" x14ac:dyDescent="0.25">
      <c r="A10603" s="1" t="s">
        <v>1950</v>
      </c>
      <c r="B10603" s="1" t="s">
        <v>8045</v>
      </c>
      <c r="C10603" s="1" t="s">
        <v>27769</v>
      </c>
      <c r="D10603" s="2">
        <v>163431</v>
      </c>
      <c r="E10603" s="1" t="s">
        <v>0</v>
      </c>
    </row>
    <row r="10604" spans="1:5" x14ac:dyDescent="0.25">
      <c r="A10604" s="1" t="s">
        <v>27770</v>
      </c>
      <c r="B10604" s="1" t="s">
        <v>27771</v>
      </c>
      <c r="C10604" s="1" t="s">
        <v>27772</v>
      </c>
      <c r="D10604" s="2">
        <v>163432</v>
      </c>
      <c r="E10604" s="1" t="s">
        <v>0</v>
      </c>
    </row>
    <row r="10605" spans="1:5" ht="409.5" x14ac:dyDescent="0.25">
      <c r="A10605" s="4" t="s">
        <v>27773</v>
      </c>
      <c r="B10605" s="1" t="s">
        <v>53413</v>
      </c>
      <c r="C10605" s="1" t="s">
        <v>27774</v>
      </c>
      <c r="D10605" s="2">
        <v>163433</v>
      </c>
      <c r="E10605" s="1" t="s">
        <v>0</v>
      </c>
    </row>
    <row r="10606" spans="1:5" x14ac:dyDescent="0.25">
      <c r="A10606" s="1" t="s">
        <v>27775</v>
      </c>
      <c r="B10606" s="1" t="s">
        <v>8046</v>
      </c>
      <c r="C10606" s="1" t="s">
        <v>27776</v>
      </c>
      <c r="D10606" s="2">
        <v>163434</v>
      </c>
      <c r="E10606" s="1" t="s">
        <v>0</v>
      </c>
    </row>
    <row r="10607" spans="1:5" x14ac:dyDescent="0.25">
      <c r="A10607" s="2">
        <v>2121</v>
      </c>
      <c r="B10607" s="2">
        <v>2121</v>
      </c>
      <c r="C10607" s="1" t="s">
        <v>0</v>
      </c>
      <c r="D10607" s="2">
        <v>163435</v>
      </c>
      <c r="E10607" s="1" t="s">
        <v>0</v>
      </c>
    </row>
    <row r="10608" spans="1:5" x14ac:dyDescent="0.25">
      <c r="A10608" s="1" t="s">
        <v>8047</v>
      </c>
      <c r="B10608" s="1" t="s">
        <v>8048</v>
      </c>
      <c r="C10608" s="1" t="s">
        <v>27777</v>
      </c>
      <c r="D10608" s="2">
        <v>163436</v>
      </c>
      <c r="E10608" s="1" t="s">
        <v>0</v>
      </c>
    </row>
    <row r="10609" spans="1:5" x14ac:dyDescent="0.25">
      <c r="A10609" s="1" t="s">
        <v>27778</v>
      </c>
      <c r="B10609" s="1" t="s">
        <v>62406</v>
      </c>
      <c r="C10609" s="1" t="s">
        <v>27779</v>
      </c>
      <c r="D10609" s="2">
        <v>163437</v>
      </c>
      <c r="E10609" s="1" t="s">
        <v>0</v>
      </c>
    </row>
    <row r="10610" spans="1:5" ht="409.5" x14ac:dyDescent="0.25">
      <c r="A10610" s="4" t="s">
        <v>27780</v>
      </c>
      <c r="B10610" s="1" t="s">
        <v>62407</v>
      </c>
      <c r="C10610" s="1" t="s">
        <v>27781</v>
      </c>
      <c r="D10610" s="2">
        <v>163438</v>
      </c>
      <c r="E10610" s="1" t="s">
        <v>0</v>
      </c>
    </row>
    <row r="10611" spans="1:5" x14ac:dyDescent="0.25">
      <c r="A10611" s="1" t="s">
        <v>27782</v>
      </c>
      <c r="B10611" s="1" t="s">
        <v>53414</v>
      </c>
      <c r="C10611" s="1" t="s">
        <v>27783</v>
      </c>
      <c r="D10611" s="2">
        <v>163439</v>
      </c>
      <c r="E10611" s="1" t="s">
        <v>0</v>
      </c>
    </row>
    <row r="10612" spans="1:5" x14ac:dyDescent="0.25">
      <c r="A10612" s="2">
        <v>2122</v>
      </c>
      <c r="B10612" s="2">
        <v>2122</v>
      </c>
      <c r="C10612" s="1" t="s">
        <v>0</v>
      </c>
      <c r="D10612" s="2">
        <v>163440</v>
      </c>
      <c r="E10612" s="1" t="s">
        <v>0</v>
      </c>
    </row>
    <row r="10613" spans="1:5" x14ac:dyDescent="0.25">
      <c r="A10613" s="1" t="s">
        <v>1951</v>
      </c>
      <c r="B10613" s="1" t="s">
        <v>8049</v>
      </c>
      <c r="C10613" s="1" t="s">
        <v>27784</v>
      </c>
      <c r="D10613" s="2">
        <v>163441</v>
      </c>
      <c r="E10613" s="1" t="s">
        <v>0</v>
      </c>
    </row>
    <row r="10614" spans="1:5" x14ac:dyDescent="0.25">
      <c r="A10614" s="1" t="s">
        <v>27785</v>
      </c>
      <c r="B10614" s="1" t="s">
        <v>8050</v>
      </c>
      <c r="C10614" s="1" t="s">
        <v>27786</v>
      </c>
      <c r="D10614" s="2">
        <v>163442</v>
      </c>
      <c r="E10614" s="1" t="s">
        <v>0</v>
      </c>
    </row>
    <row r="10615" spans="1:5" ht="409.5" x14ac:dyDescent="0.25">
      <c r="A10615" s="4" t="s">
        <v>27787</v>
      </c>
      <c r="B10615" s="1" t="s">
        <v>8051</v>
      </c>
      <c r="C10615" s="1" t="s">
        <v>27788</v>
      </c>
      <c r="D10615" s="2">
        <v>163443</v>
      </c>
      <c r="E10615" s="1" t="s">
        <v>0</v>
      </c>
    </row>
    <row r="10616" spans="1:5" x14ac:dyDescent="0.25">
      <c r="A10616" s="1" t="s">
        <v>14855</v>
      </c>
      <c r="B10616" s="1" t="s">
        <v>60879</v>
      </c>
      <c r="C10616" s="1" t="s">
        <v>14856</v>
      </c>
      <c r="D10616" s="2">
        <v>163444</v>
      </c>
      <c r="E10616" s="1" t="s">
        <v>0</v>
      </c>
    </row>
    <row r="10617" spans="1:5" x14ac:dyDescent="0.25">
      <c r="A10617" s="2">
        <v>2123</v>
      </c>
      <c r="B10617" s="2">
        <v>2123</v>
      </c>
      <c r="C10617" s="1" t="s">
        <v>0</v>
      </c>
      <c r="D10617" s="2">
        <v>163445</v>
      </c>
      <c r="E10617" s="1" t="s">
        <v>0</v>
      </c>
    </row>
    <row r="10618" spans="1:5" x14ac:dyDescent="0.25">
      <c r="A10618" s="1" t="s">
        <v>1952</v>
      </c>
      <c r="B10618" s="1" t="s">
        <v>50682</v>
      </c>
      <c r="C10618" s="1" t="s">
        <v>27789</v>
      </c>
      <c r="D10618" s="2">
        <v>163446</v>
      </c>
      <c r="E10618" s="1" t="s">
        <v>0</v>
      </c>
    </row>
    <row r="10619" spans="1:5" x14ac:dyDescent="0.25">
      <c r="A10619" s="1" t="s">
        <v>27790</v>
      </c>
      <c r="B10619" s="1" t="s">
        <v>57828</v>
      </c>
      <c r="C10619" s="1" t="s">
        <v>27791</v>
      </c>
      <c r="D10619" s="2">
        <v>163447</v>
      </c>
      <c r="E10619" s="1" t="s">
        <v>0</v>
      </c>
    </row>
    <row r="10620" spans="1:5" ht="409.5" x14ac:dyDescent="0.25">
      <c r="A10620" s="4" t="s">
        <v>27792</v>
      </c>
      <c r="B10620" s="1" t="s">
        <v>57829</v>
      </c>
      <c r="C10620" s="1" t="s">
        <v>27793</v>
      </c>
      <c r="D10620" s="2">
        <v>163448</v>
      </c>
      <c r="E10620" s="1" t="s">
        <v>0</v>
      </c>
    </row>
    <row r="10621" spans="1:5" x14ac:dyDescent="0.25">
      <c r="A10621" s="1" t="s">
        <v>27794</v>
      </c>
      <c r="B10621" s="1" t="s">
        <v>53415</v>
      </c>
      <c r="C10621" s="1" t="s">
        <v>27795</v>
      </c>
      <c r="D10621" s="2">
        <v>163449</v>
      </c>
      <c r="E10621" s="1" t="s">
        <v>0</v>
      </c>
    </row>
    <row r="10622" spans="1:5" x14ac:dyDescent="0.25">
      <c r="A10622" s="2">
        <v>2124</v>
      </c>
      <c r="B10622" s="2">
        <v>2124</v>
      </c>
      <c r="C10622" s="1" t="s">
        <v>0</v>
      </c>
      <c r="D10622" s="2">
        <v>163450</v>
      </c>
      <c r="E10622" s="1" t="s">
        <v>0</v>
      </c>
    </row>
    <row r="10623" spans="1:5" x14ac:dyDescent="0.25">
      <c r="A10623" s="1" t="s">
        <v>1953</v>
      </c>
      <c r="B10623" s="1" t="s">
        <v>8052</v>
      </c>
      <c r="C10623" s="1" t="s">
        <v>27796</v>
      </c>
      <c r="D10623" s="2">
        <v>163451</v>
      </c>
      <c r="E10623" s="1" t="s">
        <v>0</v>
      </c>
    </row>
    <row r="10624" spans="1:5" x14ac:dyDescent="0.25">
      <c r="A10624" s="1" t="s">
        <v>27797</v>
      </c>
      <c r="B10624" s="1" t="s">
        <v>8053</v>
      </c>
      <c r="C10624" s="1" t="s">
        <v>27798</v>
      </c>
      <c r="D10624" s="2">
        <v>163452</v>
      </c>
      <c r="E10624" s="1" t="s">
        <v>0</v>
      </c>
    </row>
    <row r="10625" spans="1:5" ht="409.5" x14ac:dyDescent="0.25">
      <c r="A10625" s="4" t="s">
        <v>27799</v>
      </c>
      <c r="B10625" s="1" t="s">
        <v>59961</v>
      </c>
      <c r="C10625" s="1" t="s">
        <v>27800</v>
      </c>
      <c r="D10625" s="2">
        <v>163453</v>
      </c>
      <c r="E10625" s="1" t="s">
        <v>0</v>
      </c>
    </row>
    <row r="10626" spans="1:5" x14ac:dyDescent="0.25">
      <c r="A10626" s="1" t="s">
        <v>27801</v>
      </c>
      <c r="B10626" s="1" t="s">
        <v>8054</v>
      </c>
      <c r="C10626" s="1" t="s">
        <v>27802</v>
      </c>
      <c r="D10626" s="2">
        <v>163454</v>
      </c>
      <c r="E10626" s="1" t="s">
        <v>0</v>
      </c>
    </row>
    <row r="10627" spans="1:5" x14ac:dyDescent="0.25">
      <c r="A10627" s="2">
        <v>2125</v>
      </c>
      <c r="B10627" s="2">
        <v>2125</v>
      </c>
      <c r="C10627" s="1" t="s">
        <v>0</v>
      </c>
      <c r="D10627" s="2">
        <v>163455</v>
      </c>
      <c r="E10627" s="1" t="s">
        <v>0</v>
      </c>
    </row>
    <row r="10628" spans="1:5" x14ac:dyDescent="0.25">
      <c r="A10628" s="1" t="s">
        <v>1954</v>
      </c>
      <c r="B10628" s="1" t="s">
        <v>56940</v>
      </c>
      <c r="C10628" s="1" t="s">
        <v>27803</v>
      </c>
      <c r="D10628" s="2">
        <v>163456</v>
      </c>
      <c r="E10628" s="1" t="s">
        <v>0</v>
      </c>
    </row>
    <row r="10629" spans="1:5" x14ac:dyDescent="0.25">
      <c r="A10629" s="1" t="s">
        <v>27804</v>
      </c>
      <c r="B10629" s="1" t="s">
        <v>62408</v>
      </c>
      <c r="C10629" s="1" t="s">
        <v>27805</v>
      </c>
      <c r="D10629" s="2">
        <v>163457</v>
      </c>
      <c r="E10629" s="1" t="s">
        <v>0</v>
      </c>
    </row>
    <row r="10630" spans="1:5" ht="409.5" x14ac:dyDescent="0.25">
      <c r="A10630" s="4" t="s">
        <v>27806</v>
      </c>
      <c r="B10630" s="1" t="s">
        <v>62409</v>
      </c>
      <c r="C10630" s="1" t="s">
        <v>27807</v>
      </c>
      <c r="D10630" s="2">
        <v>163458</v>
      </c>
      <c r="E10630" s="1" t="s">
        <v>0</v>
      </c>
    </row>
    <row r="10631" spans="1:5" x14ac:dyDescent="0.25">
      <c r="A10631" s="1" t="s">
        <v>27808</v>
      </c>
      <c r="B10631" s="1" t="s">
        <v>61094</v>
      </c>
      <c r="C10631" s="1" t="s">
        <v>27809</v>
      </c>
      <c r="D10631" s="2">
        <v>163459</v>
      </c>
      <c r="E10631" s="1" t="s">
        <v>0</v>
      </c>
    </row>
    <row r="10632" spans="1:5" x14ac:dyDescent="0.25">
      <c r="A10632" s="2">
        <v>2126</v>
      </c>
      <c r="B10632" s="2">
        <v>2126</v>
      </c>
      <c r="C10632" s="1" t="s">
        <v>0</v>
      </c>
      <c r="D10632" s="2">
        <v>163460</v>
      </c>
      <c r="E10632" s="1" t="s">
        <v>0</v>
      </c>
    </row>
    <row r="10633" spans="1:5" x14ac:dyDescent="0.25">
      <c r="A10633" s="1" t="s">
        <v>1955</v>
      </c>
      <c r="B10633" s="1" t="s">
        <v>8055</v>
      </c>
      <c r="C10633" s="1" t="s">
        <v>27810</v>
      </c>
      <c r="D10633" s="2">
        <v>163461</v>
      </c>
      <c r="E10633" s="1" t="s">
        <v>0</v>
      </c>
    </row>
    <row r="10634" spans="1:5" x14ac:dyDescent="0.25">
      <c r="A10634" s="1" t="s">
        <v>27811</v>
      </c>
      <c r="B10634" s="1" t="s">
        <v>8056</v>
      </c>
      <c r="C10634" s="1" t="s">
        <v>27812</v>
      </c>
      <c r="D10634" s="2">
        <v>163462</v>
      </c>
      <c r="E10634" s="1" t="s">
        <v>0</v>
      </c>
    </row>
    <row r="10635" spans="1:5" ht="409.5" x14ac:dyDescent="0.25">
      <c r="A10635" s="4" t="s">
        <v>27813</v>
      </c>
      <c r="B10635" s="1" t="s">
        <v>63322</v>
      </c>
      <c r="C10635" s="1" t="s">
        <v>27814</v>
      </c>
      <c r="D10635" s="2">
        <v>163463</v>
      </c>
      <c r="E10635" s="1" t="s">
        <v>0</v>
      </c>
    </row>
    <row r="10636" spans="1:5" x14ac:dyDescent="0.25">
      <c r="A10636" s="1" t="s">
        <v>27815</v>
      </c>
      <c r="B10636" s="1" t="s">
        <v>53416</v>
      </c>
      <c r="C10636" s="1" t="s">
        <v>27816</v>
      </c>
      <c r="D10636" s="2">
        <v>163464</v>
      </c>
      <c r="E10636" s="1" t="s">
        <v>0</v>
      </c>
    </row>
    <row r="10637" spans="1:5" x14ac:dyDescent="0.25">
      <c r="A10637" s="2">
        <v>2127</v>
      </c>
      <c r="B10637" s="2">
        <v>2127</v>
      </c>
      <c r="C10637" s="1" t="s">
        <v>0</v>
      </c>
      <c r="D10637" s="2">
        <v>163465</v>
      </c>
      <c r="E10637" s="1" t="s">
        <v>0</v>
      </c>
    </row>
    <row r="10638" spans="1:5" x14ac:dyDescent="0.25">
      <c r="A10638" s="1" t="s">
        <v>1956</v>
      </c>
      <c r="B10638" s="1" t="s">
        <v>8057</v>
      </c>
      <c r="C10638" s="1" t="s">
        <v>27817</v>
      </c>
      <c r="D10638" s="2">
        <v>163466</v>
      </c>
      <c r="E10638" s="1" t="s">
        <v>0</v>
      </c>
    </row>
    <row r="10639" spans="1:5" x14ac:dyDescent="0.25">
      <c r="A10639" s="1" t="s">
        <v>27818</v>
      </c>
      <c r="B10639" s="1" t="s">
        <v>53417</v>
      </c>
      <c r="C10639" s="1" t="s">
        <v>27819</v>
      </c>
      <c r="D10639" s="2">
        <v>163467</v>
      </c>
      <c r="E10639" s="1" t="s">
        <v>0</v>
      </c>
    </row>
    <row r="10640" spans="1:5" ht="409.5" x14ac:dyDescent="0.25">
      <c r="A10640" s="4" t="s">
        <v>27820</v>
      </c>
      <c r="B10640" s="1" t="s">
        <v>53418</v>
      </c>
      <c r="C10640" s="1" t="s">
        <v>27821</v>
      </c>
      <c r="D10640" s="2">
        <v>163468</v>
      </c>
      <c r="E10640" s="1" t="s">
        <v>0</v>
      </c>
    </row>
    <row r="10641" spans="1:5" x14ac:dyDescent="0.25">
      <c r="A10641" s="1" t="s">
        <v>27822</v>
      </c>
      <c r="B10641" s="1" t="s">
        <v>8058</v>
      </c>
      <c r="C10641" s="1" t="s">
        <v>27823</v>
      </c>
      <c r="D10641" s="2">
        <v>163469</v>
      </c>
      <c r="E10641" s="1" t="s">
        <v>0</v>
      </c>
    </row>
    <row r="10642" spans="1:5" x14ac:dyDescent="0.25">
      <c r="A10642" s="2">
        <v>2128</v>
      </c>
      <c r="B10642" s="2">
        <v>2128</v>
      </c>
      <c r="C10642" s="1" t="s">
        <v>0</v>
      </c>
      <c r="D10642" s="2">
        <v>163470</v>
      </c>
      <c r="E10642" s="1" t="s">
        <v>0</v>
      </c>
    </row>
    <row r="10643" spans="1:5" x14ac:dyDescent="0.25">
      <c r="A10643" s="1" t="s">
        <v>1957</v>
      </c>
      <c r="B10643" s="1" t="s">
        <v>8059</v>
      </c>
      <c r="C10643" s="1" t="s">
        <v>27824</v>
      </c>
      <c r="D10643" s="2">
        <v>163471</v>
      </c>
      <c r="E10643" s="1" t="s">
        <v>0</v>
      </c>
    </row>
    <row r="10644" spans="1:5" x14ac:dyDescent="0.25">
      <c r="A10644" s="1" t="s">
        <v>27825</v>
      </c>
      <c r="B10644" s="1" t="s">
        <v>8060</v>
      </c>
      <c r="C10644" s="1" t="s">
        <v>27826</v>
      </c>
      <c r="D10644" s="2">
        <v>163472</v>
      </c>
      <c r="E10644" s="1" t="s">
        <v>0</v>
      </c>
    </row>
    <row r="10645" spans="1:5" ht="409.5" x14ac:dyDescent="0.25">
      <c r="A10645" s="4" t="s">
        <v>27827</v>
      </c>
      <c r="B10645" s="1" t="s">
        <v>8061</v>
      </c>
      <c r="C10645" s="1" t="s">
        <v>27828</v>
      </c>
      <c r="D10645" s="2">
        <v>163473</v>
      </c>
      <c r="E10645" s="1" t="s">
        <v>0</v>
      </c>
    </row>
    <row r="10646" spans="1:5" x14ac:dyDescent="0.25">
      <c r="A10646" s="1" t="s">
        <v>27829</v>
      </c>
      <c r="B10646" s="1" t="s">
        <v>53419</v>
      </c>
      <c r="C10646" s="1" t="s">
        <v>27830</v>
      </c>
      <c r="D10646" s="2">
        <v>163474</v>
      </c>
      <c r="E10646" s="1" t="s">
        <v>0</v>
      </c>
    </row>
    <row r="10647" spans="1:5" x14ac:dyDescent="0.25">
      <c r="A10647" s="2">
        <v>2129</v>
      </c>
      <c r="B10647" s="2">
        <v>2129</v>
      </c>
      <c r="C10647" s="1" t="s">
        <v>0</v>
      </c>
      <c r="D10647" s="2">
        <v>163475</v>
      </c>
      <c r="E10647" s="1" t="s">
        <v>0</v>
      </c>
    </row>
    <row r="10648" spans="1:5" x14ac:dyDescent="0.25">
      <c r="A10648" s="1" t="s">
        <v>1958</v>
      </c>
      <c r="B10648" s="1" t="s">
        <v>8062</v>
      </c>
      <c r="C10648" s="1" t="s">
        <v>27831</v>
      </c>
      <c r="D10648" s="2">
        <v>163476</v>
      </c>
      <c r="E10648" s="1" t="s">
        <v>0</v>
      </c>
    </row>
    <row r="10649" spans="1:5" x14ac:dyDescent="0.25">
      <c r="A10649" s="1" t="s">
        <v>27832</v>
      </c>
      <c r="B10649" s="1" t="s">
        <v>59962</v>
      </c>
      <c r="C10649" s="1" t="s">
        <v>27833</v>
      </c>
      <c r="D10649" s="2">
        <v>163477</v>
      </c>
      <c r="E10649" s="1" t="s">
        <v>0</v>
      </c>
    </row>
    <row r="10650" spans="1:5" ht="409.5" x14ac:dyDescent="0.25">
      <c r="A10650" s="4" t="s">
        <v>27834</v>
      </c>
      <c r="B10650" s="1" t="s">
        <v>59963</v>
      </c>
      <c r="C10650" s="1" t="s">
        <v>27835</v>
      </c>
      <c r="D10650" s="2">
        <v>163478</v>
      </c>
      <c r="E10650" s="1" t="s">
        <v>0</v>
      </c>
    </row>
    <row r="10651" spans="1:5" x14ac:dyDescent="0.25">
      <c r="A10651" s="1" t="s">
        <v>27836</v>
      </c>
      <c r="B10651" s="1" t="s">
        <v>53420</v>
      </c>
      <c r="C10651" s="1" t="s">
        <v>27837</v>
      </c>
      <c r="D10651" s="2">
        <v>163479</v>
      </c>
      <c r="E10651" s="1" t="s">
        <v>0</v>
      </c>
    </row>
    <row r="10652" spans="1:5" x14ac:dyDescent="0.25">
      <c r="A10652" s="2">
        <v>2130</v>
      </c>
      <c r="B10652" s="2">
        <v>2130</v>
      </c>
      <c r="C10652" s="1" t="s">
        <v>0</v>
      </c>
      <c r="D10652" s="2">
        <v>163480</v>
      </c>
      <c r="E10652" s="1" t="s">
        <v>0</v>
      </c>
    </row>
    <row r="10653" spans="1:5" x14ac:dyDescent="0.25">
      <c r="A10653" s="1" t="s">
        <v>1959</v>
      </c>
      <c r="B10653" s="1" t="s">
        <v>8063</v>
      </c>
      <c r="C10653" s="1" t="s">
        <v>27838</v>
      </c>
      <c r="D10653" s="2">
        <v>163481</v>
      </c>
      <c r="E10653" s="1" t="s">
        <v>0</v>
      </c>
    </row>
    <row r="10654" spans="1:5" x14ac:dyDescent="0.25">
      <c r="A10654" s="1" t="s">
        <v>27839</v>
      </c>
      <c r="B10654" s="1" t="s">
        <v>53421</v>
      </c>
      <c r="C10654" s="1" t="s">
        <v>27840</v>
      </c>
      <c r="D10654" s="2">
        <v>163482</v>
      </c>
      <c r="E10654" s="1" t="s">
        <v>0</v>
      </c>
    </row>
    <row r="10655" spans="1:5" ht="409.5" x14ac:dyDescent="0.25">
      <c r="A10655" s="4" t="s">
        <v>64141</v>
      </c>
      <c r="B10655" s="1" t="s">
        <v>53422</v>
      </c>
      <c r="C10655" s="1" t="s">
        <v>27841</v>
      </c>
      <c r="D10655" s="2">
        <v>163483</v>
      </c>
      <c r="E10655" s="1" t="s">
        <v>0</v>
      </c>
    </row>
    <row r="10656" spans="1:5" x14ac:dyDescent="0.25">
      <c r="A10656" s="1" t="s">
        <v>64142</v>
      </c>
      <c r="B10656" s="1" t="s">
        <v>8064</v>
      </c>
      <c r="C10656" s="1" t="s">
        <v>27842</v>
      </c>
      <c r="D10656" s="2">
        <v>163484</v>
      </c>
      <c r="E10656" s="1" t="s">
        <v>0</v>
      </c>
    </row>
    <row r="10657" spans="1:5" x14ac:dyDescent="0.25">
      <c r="A10657" s="2">
        <v>2131</v>
      </c>
      <c r="B10657" s="2">
        <v>2131</v>
      </c>
      <c r="C10657" s="1" t="s">
        <v>0</v>
      </c>
      <c r="D10657" s="2">
        <v>163485</v>
      </c>
      <c r="E10657" s="1" t="s">
        <v>0</v>
      </c>
    </row>
    <row r="10658" spans="1:5" x14ac:dyDescent="0.25">
      <c r="A10658" s="1" t="s">
        <v>8065</v>
      </c>
      <c r="B10658" s="1" t="s">
        <v>8066</v>
      </c>
      <c r="C10658" s="1" t="s">
        <v>27843</v>
      </c>
      <c r="D10658" s="2">
        <v>163486</v>
      </c>
      <c r="E10658" s="1" t="s">
        <v>0</v>
      </c>
    </row>
    <row r="10659" spans="1:5" x14ac:dyDescent="0.25">
      <c r="A10659" s="1" t="s">
        <v>27844</v>
      </c>
      <c r="B10659" s="1" t="s">
        <v>53423</v>
      </c>
      <c r="C10659" s="1" t="s">
        <v>27845</v>
      </c>
      <c r="D10659" s="2">
        <v>163487</v>
      </c>
      <c r="E10659" s="1" t="s">
        <v>0</v>
      </c>
    </row>
    <row r="10660" spans="1:5" ht="409.5" x14ac:dyDescent="0.25">
      <c r="A10660" s="4" t="s">
        <v>27846</v>
      </c>
      <c r="B10660" s="1" t="s">
        <v>53424</v>
      </c>
      <c r="C10660" s="1" t="s">
        <v>27847</v>
      </c>
      <c r="D10660" s="2">
        <v>163488</v>
      </c>
      <c r="E10660" s="1" t="s">
        <v>0</v>
      </c>
    </row>
    <row r="10661" spans="1:5" x14ac:dyDescent="0.25">
      <c r="A10661" s="1" t="s">
        <v>27848</v>
      </c>
      <c r="B10661" s="1" t="s">
        <v>8067</v>
      </c>
      <c r="C10661" s="1" t="s">
        <v>27849</v>
      </c>
      <c r="D10661" s="2">
        <v>163489</v>
      </c>
      <c r="E10661" s="1" t="s">
        <v>0</v>
      </c>
    </row>
    <row r="10662" spans="1:5" x14ac:dyDescent="0.25">
      <c r="A10662" s="2">
        <v>2132</v>
      </c>
      <c r="B10662" s="2">
        <v>2132</v>
      </c>
      <c r="C10662" s="1" t="s">
        <v>0</v>
      </c>
      <c r="D10662" s="2">
        <v>163490</v>
      </c>
      <c r="E10662" s="1" t="s">
        <v>0</v>
      </c>
    </row>
    <row r="10663" spans="1:5" x14ac:dyDescent="0.25">
      <c r="A10663" s="1" t="s">
        <v>1960</v>
      </c>
      <c r="B10663" s="1" t="s">
        <v>8068</v>
      </c>
      <c r="C10663" s="1" t="s">
        <v>27850</v>
      </c>
      <c r="D10663" s="2">
        <v>163491</v>
      </c>
      <c r="E10663" s="1" t="s">
        <v>0</v>
      </c>
    </row>
    <row r="10664" spans="1:5" x14ac:dyDescent="0.25">
      <c r="A10664" s="1" t="s">
        <v>27851</v>
      </c>
      <c r="B10664" s="1" t="s">
        <v>8069</v>
      </c>
      <c r="C10664" s="1" t="s">
        <v>27852</v>
      </c>
      <c r="D10664" s="2">
        <v>163492</v>
      </c>
      <c r="E10664" s="1" t="s">
        <v>0</v>
      </c>
    </row>
    <row r="10665" spans="1:5" ht="409.5" x14ac:dyDescent="0.25">
      <c r="A10665" s="4" t="s">
        <v>27853</v>
      </c>
      <c r="B10665" s="1" t="s">
        <v>13106</v>
      </c>
      <c r="C10665" s="1" t="s">
        <v>27854</v>
      </c>
      <c r="D10665" s="2">
        <v>163493</v>
      </c>
      <c r="E10665" s="1" t="s">
        <v>0</v>
      </c>
    </row>
    <row r="10666" spans="1:5" x14ac:dyDescent="0.25">
      <c r="A10666" s="1" t="s">
        <v>27855</v>
      </c>
      <c r="B10666" s="1" t="s">
        <v>8070</v>
      </c>
      <c r="C10666" s="1" t="s">
        <v>27856</v>
      </c>
      <c r="D10666" s="2">
        <v>163494</v>
      </c>
      <c r="E10666" s="1" t="s">
        <v>0</v>
      </c>
    </row>
    <row r="10667" spans="1:5" x14ac:dyDescent="0.25">
      <c r="A10667" s="2">
        <v>2133</v>
      </c>
      <c r="B10667" s="2">
        <v>2133</v>
      </c>
      <c r="C10667" s="1" t="s">
        <v>0</v>
      </c>
      <c r="D10667" s="2">
        <v>163495</v>
      </c>
      <c r="E10667" s="1" t="s">
        <v>0</v>
      </c>
    </row>
    <row r="10668" spans="1:5" x14ac:dyDescent="0.25">
      <c r="A10668" s="1" t="s">
        <v>1961</v>
      </c>
      <c r="B10668" s="1" t="s">
        <v>8071</v>
      </c>
      <c r="C10668" s="1" t="s">
        <v>27857</v>
      </c>
      <c r="D10668" s="2">
        <v>163496</v>
      </c>
      <c r="E10668" s="1" t="s">
        <v>0</v>
      </c>
    </row>
    <row r="10669" spans="1:5" x14ac:dyDescent="0.25">
      <c r="A10669" s="1" t="s">
        <v>27858</v>
      </c>
      <c r="B10669" s="1" t="s">
        <v>13107</v>
      </c>
      <c r="C10669" s="1" t="s">
        <v>27859</v>
      </c>
      <c r="D10669" s="2">
        <v>163497</v>
      </c>
      <c r="E10669" s="1" t="s">
        <v>0</v>
      </c>
    </row>
    <row r="10670" spans="1:5" ht="409.5" x14ac:dyDescent="0.25">
      <c r="A10670" s="4" t="s">
        <v>27860</v>
      </c>
      <c r="B10670" s="1" t="s">
        <v>59964</v>
      </c>
      <c r="C10670" s="1" t="s">
        <v>27861</v>
      </c>
      <c r="D10670" s="2">
        <v>163498</v>
      </c>
      <c r="E10670" s="1" t="s">
        <v>0</v>
      </c>
    </row>
    <row r="10671" spans="1:5" x14ac:dyDescent="0.25">
      <c r="A10671" s="1" t="s">
        <v>27862</v>
      </c>
      <c r="B10671" s="1" t="s">
        <v>8072</v>
      </c>
      <c r="C10671" s="1" t="s">
        <v>27863</v>
      </c>
      <c r="D10671" s="2">
        <v>163499</v>
      </c>
      <c r="E10671" s="1" t="s">
        <v>0</v>
      </c>
    </row>
    <row r="10672" spans="1:5" x14ac:dyDescent="0.25">
      <c r="A10672" s="2">
        <v>2134</v>
      </c>
      <c r="B10672" s="2">
        <v>2134</v>
      </c>
      <c r="C10672" s="1" t="s">
        <v>0</v>
      </c>
      <c r="D10672" s="2">
        <v>163500</v>
      </c>
      <c r="E10672" s="1" t="s">
        <v>0</v>
      </c>
    </row>
    <row r="10673" spans="1:5" x14ac:dyDescent="0.25">
      <c r="A10673" s="1" t="s">
        <v>1962</v>
      </c>
      <c r="B10673" s="1" t="s">
        <v>8073</v>
      </c>
      <c r="C10673" s="1" t="s">
        <v>27864</v>
      </c>
      <c r="D10673" s="2">
        <v>163501</v>
      </c>
      <c r="E10673" s="1" t="s">
        <v>0</v>
      </c>
    </row>
    <row r="10674" spans="1:5" x14ac:dyDescent="0.25">
      <c r="A10674" s="1" t="s">
        <v>27865</v>
      </c>
      <c r="B10674" s="1" t="s">
        <v>53425</v>
      </c>
      <c r="C10674" s="1" t="s">
        <v>27866</v>
      </c>
      <c r="D10674" s="2">
        <v>163502</v>
      </c>
      <c r="E10674" s="1" t="s">
        <v>0</v>
      </c>
    </row>
    <row r="10675" spans="1:5" ht="409.5" x14ac:dyDescent="0.25">
      <c r="A10675" s="4" t="s">
        <v>27867</v>
      </c>
      <c r="B10675" s="1" t="s">
        <v>53426</v>
      </c>
      <c r="C10675" s="1" t="s">
        <v>27868</v>
      </c>
      <c r="D10675" s="2">
        <v>163503</v>
      </c>
      <c r="E10675" s="1" t="s">
        <v>0</v>
      </c>
    </row>
    <row r="10676" spans="1:5" x14ac:dyDescent="0.25">
      <c r="A10676" s="1" t="s">
        <v>27869</v>
      </c>
      <c r="B10676" s="1" t="s">
        <v>53427</v>
      </c>
      <c r="C10676" s="1" t="s">
        <v>27870</v>
      </c>
      <c r="D10676" s="2">
        <v>163504</v>
      </c>
      <c r="E10676" s="1" t="s">
        <v>0</v>
      </c>
    </row>
    <row r="10677" spans="1:5" x14ac:dyDescent="0.25">
      <c r="A10677" s="2">
        <v>2135</v>
      </c>
      <c r="B10677" s="2">
        <v>2135</v>
      </c>
      <c r="C10677" s="1" t="s">
        <v>0</v>
      </c>
      <c r="D10677" s="2">
        <v>163505</v>
      </c>
      <c r="E10677" s="1" t="s">
        <v>0</v>
      </c>
    </row>
    <row r="10678" spans="1:5" x14ac:dyDescent="0.25">
      <c r="A10678" s="1" t="s">
        <v>1963</v>
      </c>
      <c r="B10678" s="1" t="s">
        <v>8074</v>
      </c>
      <c r="C10678" s="1" t="s">
        <v>27871</v>
      </c>
      <c r="D10678" s="2">
        <v>163506</v>
      </c>
      <c r="E10678" s="1" t="s">
        <v>0</v>
      </c>
    </row>
    <row r="10679" spans="1:5" x14ac:dyDescent="0.25">
      <c r="A10679" s="1" t="s">
        <v>27872</v>
      </c>
      <c r="B10679" s="1" t="s">
        <v>59965</v>
      </c>
      <c r="C10679" s="1" t="s">
        <v>27873</v>
      </c>
      <c r="D10679" s="2">
        <v>163507</v>
      </c>
      <c r="E10679" s="1" t="s">
        <v>0</v>
      </c>
    </row>
    <row r="10680" spans="1:5" ht="409.5" x14ac:dyDescent="0.25">
      <c r="A10680" s="4" t="s">
        <v>27874</v>
      </c>
      <c r="B10680" s="1" t="s">
        <v>59966</v>
      </c>
      <c r="C10680" s="1" t="s">
        <v>27875</v>
      </c>
      <c r="D10680" s="2">
        <v>163508</v>
      </c>
      <c r="E10680" s="1" t="s">
        <v>0</v>
      </c>
    </row>
    <row r="10681" spans="1:5" x14ac:dyDescent="0.25">
      <c r="A10681" s="1" t="s">
        <v>27876</v>
      </c>
      <c r="B10681" s="1" t="s">
        <v>53428</v>
      </c>
      <c r="C10681" s="1" t="s">
        <v>27877</v>
      </c>
      <c r="D10681" s="2">
        <v>163509</v>
      </c>
      <c r="E10681" s="1" t="s">
        <v>0</v>
      </c>
    </row>
    <row r="10682" spans="1:5" x14ac:dyDescent="0.25">
      <c r="A10682" s="2">
        <v>2136</v>
      </c>
      <c r="B10682" s="2">
        <v>2136</v>
      </c>
      <c r="C10682" s="1" t="s">
        <v>0</v>
      </c>
      <c r="D10682" s="2">
        <v>163510</v>
      </c>
      <c r="E10682" s="1" t="s">
        <v>0</v>
      </c>
    </row>
    <row r="10683" spans="1:5" x14ac:dyDescent="0.25">
      <c r="A10683" s="1" t="s">
        <v>1964</v>
      </c>
      <c r="B10683" s="1" t="s">
        <v>8075</v>
      </c>
      <c r="C10683" s="1" t="s">
        <v>27878</v>
      </c>
      <c r="D10683" s="2">
        <v>163511</v>
      </c>
      <c r="E10683" s="1" t="s">
        <v>0</v>
      </c>
    </row>
    <row r="10684" spans="1:5" x14ac:dyDescent="0.25">
      <c r="A10684" s="1" t="s">
        <v>27879</v>
      </c>
      <c r="B10684" s="1" t="s">
        <v>8076</v>
      </c>
      <c r="C10684" s="1" t="s">
        <v>27880</v>
      </c>
      <c r="D10684" s="2">
        <v>163512</v>
      </c>
      <c r="E10684" s="1" t="s">
        <v>0</v>
      </c>
    </row>
    <row r="10685" spans="1:5" ht="409.5" x14ac:dyDescent="0.25">
      <c r="A10685" s="4" t="s">
        <v>27881</v>
      </c>
      <c r="B10685" s="1" t="s">
        <v>58343</v>
      </c>
      <c r="C10685" s="1" t="s">
        <v>27882</v>
      </c>
      <c r="D10685" s="2">
        <v>163513</v>
      </c>
      <c r="E10685" s="1" t="s">
        <v>0</v>
      </c>
    </row>
    <row r="10686" spans="1:5" x14ac:dyDescent="0.25">
      <c r="A10686" s="1" t="s">
        <v>27883</v>
      </c>
      <c r="B10686" s="1" t="s">
        <v>8077</v>
      </c>
      <c r="C10686" s="1" t="s">
        <v>27884</v>
      </c>
      <c r="D10686" s="2">
        <v>163514</v>
      </c>
      <c r="E10686" s="1" t="s">
        <v>0</v>
      </c>
    </row>
    <row r="10687" spans="1:5" x14ac:dyDescent="0.25">
      <c r="A10687" s="2">
        <v>2137</v>
      </c>
      <c r="B10687" s="2">
        <v>2137</v>
      </c>
      <c r="C10687" s="1" t="s">
        <v>0</v>
      </c>
      <c r="D10687" s="2">
        <v>163515</v>
      </c>
      <c r="E10687" s="1" t="s">
        <v>0</v>
      </c>
    </row>
    <row r="10688" spans="1:5" x14ac:dyDescent="0.25">
      <c r="A10688" s="1" t="s">
        <v>1965</v>
      </c>
      <c r="B10688" s="1" t="s">
        <v>8078</v>
      </c>
      <c r="C10688" s="1" t="s">
        <v>27885</v>
      </c>
      <c r="D10688" s="2">
        <v>163516</v>
      </c>
      <c r="E10688" s="1" t="s">
        <v>0</v>
      </c>
    </row>
    <row r="10689" spans="1:5" x14ac:dyDescent="0.25">
      <c r="A10689" s="1" t="s">
        <v>27886</v>
      </c>
      <c r="B10689" s="1" t="s">
        <v>57830</v>
      </c>
      <c r="C10689" s="1" t="s">
        <v>27887</v>
      </c>
      <c r="D10689" s="2">
        <v>163517</v>
      </c>
      <c r="E10689" s="1" t="s">
        <v>0</v>
      </c>
    </row>
    <row r="10690" spans="1:5" ht="409.5" x14ac:dyDescent="0.25">
      <c r="A10690" s="4" t="s">
        <v>27888</v>
      </c>
      <c r="B10690" s="1" t="s">
        <v>57831</v>
      </c>
      <c r="C10690" s="1" t="s">
        <v>27889</v>
      </c>
      <c r="D10690" s="2">
        <v>163518</v>
      </c>
      <c r="E10690" s="1" t="s">
        <v>0</v>
      </c>
    </row>
    <row r="10691" spans="1:5" x14ac:dyDescent="0.25">
      <c r="A10691" s="1" t="s">
        <v>27890</v>
      </c>
      <c r="B10691" s="1" t="s">
        <v>53429</v>
      </c>
      <c r="C10691" s="1" t="s">
        <v>27891</v>
      </c>
      <c r="D10691" s="2">
        <v>163519</v>
      </c>
      <c r="E10691" s="1" t="s">
        <v>0</v>
      </c>
    </row>
    <row r="10692" spans="1:5" x14ac:dyDescent="0.25">
      <c r="A10692" s="2">
        <v>2138</v>
      </c>
      <c r="B10692" s="2">
        <v>2138</v>
      </c>
      <c r="C10692" s="1" t="s">
        <v>0</v>
      </c>
      <c r="D10692" s="2">
        <v>163520</v>
      </c>
      <c r="E10692" s="1" t="s">
        <v>0</v>
      </c>
    </row>
    <row r="10693" spans="1:5" x14ac:dyDescent="0.25">
      <c r="A10693" s="1" t="s">
        <v>1966</v>
      </c>
      <c r="B10693" s="1" t="s">
        <v>8079</v>
      </c>
      <c r="C10693" s="1" t="s">
        <v>27892</v>
      </c>
      <c r="D10693" s="2">
        <v>163521</v>
      </c>
      <c r="E10693" s="1" t="s">
        <v>0</v>
      </c>
    </row>
    <row r="10694" spans="1:5" x14ac:dyDescent="0.25">
      <c r="A10694" s="1" t="s">
        <v>27893</v>
      </c>
      <c r="B10694" s="1" t="s">
        <v>53430</v>
      </c>
      <c r="C10694" s="1" t="s">
        <v>27894</v>
      </c>
      <c r="D10694" s="2">
        <v>163522</v>
      </c>
      <c r="E10694" s="1" t="s">
        <v>0</v>
      </c>
    </row>
    <row r="10695" spans="1:5" ht="409.5" x14ac:dyDescent="0.25">
      <c r="A10695" s="4" t="s">
        <v>27895</v>
      </c>
      <c r="B10695" s="1" t="s">
        <v>53431</v>
      </c>
      <c r="C10695" s="1" t="s">
        <v>27896</v>
      </c>
      <c r="D10695" s="2">
        <v>163523</v>
      </c>
      <c r="E10695" s="1" t="s">
        <v>0</v>
      </c>
    </row>
    <row r="10696" spans="1:5" x14ac:dyDescent="0.25">
      <c r="A10696" s="1" t="s">
        <v>27897</v>
      </c>
      <c r="B10696" s="1" t="s">
        <v>53432</v>
      </c>
      <c r="C10696" s="1" t="s">
        <v>27898</v>
      </c>
      <c r="D10696" s="2">
        <v>163524</v>
      </c>
      <c r="E10696" s="1" t="s">
        <v>0</v>
      </c>
    </row>
    <row r="10697" spans="1:5" x14ac:dyDescent="0.25">
      <c r="A10697" s="2">
        <v>2139</v>
      </c>
      <c r="B10697" s="2">
        <v>2139</v>
      </c>
      <c r="C10697" s="1" t="s">
        <v>0</v>
      </c>
      <c r="D10697" s="2">
        <v>163525</v>
      </c>
      <c r="E10697" s="1" t="s">
        <v>0</v>
      </c>
    </row>
    <row r="10698" spans="1:5" x14ac:dyDescent="0.25">
      <c r="A10698" s="1" t="s">
        <v>1967</v>
      </c>
      <c r="B10698" s="1" t="s">
        <v>8080</v>
      </c>
      <c r="C10698" s="1" t="s">
        <v>27899</v>
      </c>
      <c r="D10698" s="2">
        <v>163526</v>
      </c>
      <c r="E10698" s="1" t="s">
        <v>0</v>
      </c>
    </row>
    <row r="10699" spans="1:5" x14ac:dyDescent="0.25">
      <c r="A10699" s="1" t="s">
        <v>27900</v>
      </c>
      <c r="B10699" s="1" t="s">
        <v>62410</v>
      </c>
      <c r="C10699" s="1" t="s">
        <v>27901</v>
      </c>
      <c r="D10699" s="2">
        <v>163527</v>
      </c>
      <c r="E10699" s="1" t="s">
        <v>0</v>
      </c>
    </row>
    <row r="10700" spans="1:5" ht="409.5" x14ac:dyDescent="0.25">
      <c r="A10700" s="4" t="s">
        <v>27902</v>
      </c>
      <c r="B10700" s="1" t="s">
        <v>62411</v>
      </c>
      <c r="C10700" s="1" t="s">
        <v>27903</v>
      </c>
      <c r="D10700" s="2">
        <v>163528</v>
      </c>
      <c r="E10700" s="1" t="s">
        <v>0</v>
      </c>
    </row>
    <row r="10701" spans="1:5" x14ac:dyDescent="0.25">
      <c r="A10701" s="1" t="s">
        <v>27904</v>
      </c>
      <c r="B10701" s="1" t="s">
        <v>53433</v>
      </c>
      <c r="C10701" s="1" t="s">
        <v>27905</v>
      </c>
      <c r="D10701" s="2">
        <v>163529</v>
      </c>
      <c r="E10701" s="1" t="s">
        <v>0</v>
      </c>
    </row>
    <row r="10702" spans="1:5" x14ac:dyDescent="0.25">
      <c r="A10702" s="2">
        <v>2140</v>
      </c>
      <c r="B10702" s="2">
        <v>2140</v>
      </c>
      <c r="C10702" s="1" t="s">
        <v>0</v>
      </c>
      <c r="D10702" s="2">
        <v>163530</v>
      </c>
      <c r="E10702" s="1" t="s">
        <v>0</v>
      </c>
    </row>
    <row r="10703" spans="1:5" x14ac:dyDescent="0.25">
      <c r="A10703" s="1" t="s">
        <v>1968</v>
      </c>
      <c r="B10703" s="1" t="s">
        <v>59967</v>
      </c>
      <c r="C10703" s="1" t="s">
        <v>27906</v>
      </c>
      <c r="D10703" s="2">
        <v>163531</v>
      </c>
      <c r="E10703" s="1" t="s">
        <v>0</v>
      </c>
    </row>
    <row r="10704" spans="1:5" x14ac:dyDescent="0.25">
      <c r="A10704" s="1" t="s">
        <v>27907</v>
      </c>
      <c r="B10704" s="1" t="s">
        <v>59968</v>
      </c>
      <c r="C10704" s="1" t="s">
        <v>27908</v>
      </c>
      <c r="D10704" s="2">
        <v>163532</v>
      </c>
      <c r="E10704" s="1" t="s">
        <v>0</v>
      </c>
    </row>
    <row r="10705" spans="1:5" ht="409.5" x14ac:dyDescent="0.25">
      <c r="A10705" s="4" t="s">
        <v>27909</v>
      </c>
      <c r="B10705" s="1" t="s">
        <v>59969</v>
      </c>
      <c r="C10705" s="1" t="s">
        <v>27910</v>
      </c>
      <c r="D10705" s="2">
        <v>163533</v>
      </c>
      <c r="E10705" s="1" t="s">
        <v>0</v>
      </c>
    </row>
    <row r="10706" spans="1:5" x14ac:dyDescent="0.25">
      <c r="A10706" s="1" t="s">
        <v>27911</v>
      </c>
      <c r="B10706" s="1" t="s">
        <v>53434</v>
      </c>
      <c r="C10706" s="1" t="s">
        <v>27912</v>
      </c>
      <c r="D10706" s="2">
        <v>163534</v>
      </c>
      <c r="E10706" s="1" t="s">
        <v>0</v>
      </c>
    </row>
    <row r="10707" spans="1:5" x14ac:dyDescent="0.25">
      <c r="A10707" s="2">
        <v>2141</v>
      </c>
      <c r="B10707" s="2">
        <v>2141</v>
      </c>
      <c r="C10707" s="1" t="s">
        <v>0</v>
      </c>
      <c r="D10707" s="2">
        <v>163535</v>
      </c>
      <c r="E10707" s="1" t="s">
        <v>0</v>
      </c>
    </row>
    <row r="10708" spans="1:5" x14ac:dyDescent="0.25">
      <c r="A10708" s="1" t="s">
        <v>1969</v>
      </c>
      <c r="B10708" s="1" t="s">
        <v>8081</v>
      </c>
      <c r="C10708" s="1" t="s">
        <v>27913</v>
      </c>
      <c r="D10708" s="2">
        <v>163536</v>
      </c>
      <c r="E10708" s="1" t="s">
        <v>0</v>
      </c>
    </row>
    <row r="10709" spans="1:5" x14ac:dyDescent="0.25">
      <c r="A10709" s="1" t="s">
        <v>27914</v>
      </c>
      <c r="B10709" s="1" t="s">
        <v>53435</v>
      </c>
      <c r="C10709" s="1" t="s">
        <v>27915</v>
      </c>
      <c r="D10709" s="2">
        <v>163537</v>
      </c>
      <c r="E10709" s="1" t="s">
        <v>0</v>
      </c>
    </row>
    <row r="10710" spans="1:5" ht="409.5" x14ac:dyDescent="0.25">
      <c r="A10710" s="4" t="s">
        <v>27916</v>
      </c>
      <c r="B10710" s="1" t="s">
        <v>53436</v>
      </c>
      <c r="C10710" s="1" t="s">
        <v>27917</v>
      </c>
      <c r="D10710" s="2">
        <v>163538</v>
      </c>
      <c r="E10710" s="1" t="s">
        <v>0</v>
      </c>
    </row>
    <row r="10711" spans="1:5" x14ac:dyDescent="0.25">
      <c r="A10711" s="1" t="s">
        <v>27918</v>
      </c>
      <c r="B10711" s="1" t="s">
        <v>8082</v>
      </c>
      <c r="C10711" s="1" t="s">
        <v>27919</v>
      </c>
      <c r="D10711" s="2">
        <v>163539</v>
      </c>
      <c r="E10711" s="1" t="s">
        <v>0</v>
      </c>
    </row>
    <row r="10712" spans="1:5" x14ac:dyDescent="0.25">
      <c r="A10712" s="2">
        <v>2142</v>
      </c>
      <c r="B10712" s="2">
        <v>2142</v>
      </c>
      <c r="C10712" s="1" t="s">
        <v>0</v>
      </c>
      <c r="D10712" s="2">
        <v>163540</v>
      </c>
      <c r="E10712" s="1" t="s">
        <v>0</v>
      </c>
    </row>
    <row r="10713" spans="1:5" x14ac:dyDescent="0.25">
      <c r="A10713" s="1" t="s">
        <v>1970</v>
      </c>
      <c r="B10713" s="1" t="s">
        <v>50683</v>
      </c>
      <c r="C10713" s="1" t="s">
        <v>27920</v>
      </c>
      <c r="D10713" s="2">
        <v>163541</v>
      </c>
      <c r="E10713" s="1" t="s">
        <v>0</v>
      </c>
    </row>
    <row r="10714" spans="1:5" x14ac:dyDescent="0.25">
      <c r="A10714" s="1" t="s">
        <v>27921</v>
      </c>
      <c r="B10714" s="1" t="s">
        <v>53437</v>
      </c>
      <c r="C10714" s="1" t="s">
        <v>27922</v>
      </c>
      <c r="D10714" s="2">
        <v>163542</v>
      </c>
      <c r="E10714" s="1" t="s">
        <v>0</v>
      </c>
    </row>
    <row r="10715" spans="1:5" ht="409.5" x14ac:dyDescent="0.25">
      <c r="A10715" s="4" t="s">
        <v>27923</v>
      </c>
      <c r="B10715" s="1" t="s">
        <v>62412</v>
      </c>
      <c r="C10715" s="1" t="s">
        <v>27924</v>
      </c>
      <c r="D10715" s="2">
        <v>163543</v>
      </c>
      <c r="E10715" s="1" t="s">
        <v>0</v>
      </c>
    </row>
    <row r="10716" spans="1:5" x14ac:dyDescent="0.25">
      <c r="A10716" s="1" t="s">
        <v>27925</v>
      </c>
      <c r="B10716" s="1" t="s">
        <v>53438</v>
      </c>
      <c r="C10716" s="1" t="s">
        <v>27926</v>
      </c>
      <c r="D10716" s="2">
        <v>163544</v>
      </c>
      <c r="E10716" s="1" t="s">
        <v>0</v>
      </c>
    </row>
    <row r="10717" spans="1:5" x14ac:dyDescent="0.25">
      <c r="A10717" s="2">
        <v>2143</v>
      </c>
      <c r="B10717" s="2">
        <v>2143</v>
      </c>
      <c r="C10717" s="1" t="s">
        <v>0</v>
      </c>
      <c r="D10717" s="2">
        <v>163545</v>
      </c>
      <c r="E10717" s="1" t="s">
        <v>0</v>
      </c>
    </row>
    <row r="10718" spans="1:5" x14ac:dyDescent="0.25">
      <c r="A10718" s="1" t="s">
        <v>1971</v>
      </c>
      <c r="B10718" s="1" t="s">
        <v>50684</v>
      </c>
      <c r="C10718" s="1" t="s">
        <v>27927</v>
      </c>
      <c r="D10718" s="2">
        <v>163546</v>
      </c>
      <c r="E10718" s="1" t="s">
        <v>0</v>
      </c>
    </row>
    <row r="10719" spans="1:5" x14ac:dyDescent="0.25">
      <c r="A10719" s="1" t="s">
        <v>27928</v>
      </c>
      <c r="B10719" s="1" t="s">
        <v>8083</v>
      </c>
      <c r="C10719" s="1" t="s">
        <v>27929</v>
      </c>
      <c r="D10719" s="2">
        <v>163547</v>
      </c>
      <c r="E10719" s="1" t="s">
        <v>0</v>
      </c>
    </row>
    <row r="10720" spans="1:5" ht="409.5" x14ac:dyDescent="0.25">
      <c r="A10720" s="4" t="s">
        <v>27930</v>
      </c>
      <c r="B10720" s="1" t="s">
        <v>53439</v>
      </c>
      <c r="C10720" s="1" t="s">
        <v>27931</v>
      </c>
      <c r="D10720" s="2">
        <v>163548</v>
      </c>
      <c r="E10720" s="1" t="s">
        <v>0</v>
      </c>
    </row>
    <row r="10721" spans="1:5" x14ac:dyDescent="0.25">
      <c r="A10721" s="1" t="s">
        <v>27932</v>
      </c>
      <c r="B10721" s="1" t="s">
        <v>53440</v>
      </c>
      <c r="C10721" s="1" t="s">
        <v>27933</v>
      </c>
      <c r="D10721" s="2">
        <v>163549</v>
      </c>
      <c r="E10721" s="1" t="s">
        <v>0</v>
      </c>
    </row>
    <row r="10722" spans="1:5" x14ac:dyDescent="0.25">
      <c r="A10722" s="2">
        <v>2144</v>
      </c>
      <c r="B10722" s="2">
        <v>2144</v>
      </c>
      <c r="C10722" s="1" t="s">
        <v>0</v>
      </c>
      <c r="D10722" s="2">
        <v>163550</v>
      </c>
      <c r="E10722" s="1" t="s">
        <v>0</v>
      </c>
    </row>
    <row r="10723" spans="1:5" x14ac:dyDescent="0.25">
      <c r="A10723" s="1" t="s">
        <v>1972</v>
      </c>
      <c r="B10723" s="1" t="s">
        <v>8084</v>
      </c>
      <c r="C10723" s="1" t="s">
        <v>27934</v>
      </c>
      <c r="D10723" s="2">
        <v>163551</v>
      </c>
      <c r="E10723" s="1" t="s">
        <v>0</v>
      </c>
    </row>
    <row r="10724" spans="1:5" x14ac:dyDescent="0.25">
      <c r="A10724" s="1" t="s">
        <v>27935</v>
      </c>
      <c r="B10724" s="1" t="s">
        <v>8085</v>
      </c>
      <c r="C10724" s="1" t="s">
        <v>27936</v>
      </c>
      <c r="D10724" s="2">
        <v>163552</v>
      </c>
      <c r="E10724" s="1" t="s">
        <v>0</v>
      </c>
    </row>
    <row r="10725" spans="1:5" ht="409.5" x14ac:dyDescent="0.25">
      <c r="A10725" s="4" t="s">
        <v>27937</v>
      </c>
      <c r="B10725" s="1" t="s">
        <v>8086</v>
      </c>
      <c r="C10725" s="1" t="s">
        <v>27938</v>
      </c>
      <c r="D10725" s="2">
        <v>163553</v>
      </c>
      <c r="E10725" s="1" t="s">
        <v>0</v>
      </c>
    </row>
    <row r="10726" spans="1:5" x14ac:dyDescent="0.25">
      <c r="A10726" s="1" t="s">
        <v>27939</v>
      </c>
      <c r="B10726" s="1" t="s">
        <v>53441</v>
      </c>
      <c r="C10726" s="1" t="s">
        <v>27940</v>
      </c>
      <c r="D10726" s="2">
        <v>163554</v>
      </c>
      <c r="E10726" s="1" t="s">
        <v>0</v>
      </c>
    </row>
    <row r="10727" spans="1:5" x14ac:dyDescent="0.25">
      <c r="A10727" s="2">
        <v>2145</v>
      </c>
      <c r="B10727" s="2">
        <v>2145</v>
      </c>
      <c r="C10727" s="1" t="s">
        <v>0</v>
      </c>
      <c r="D10727" s="2">
        <v>163555</v>
      </c>
      <c r="E10727" s="1" t="s">
        <v>0</v>
      </c>
    </row>
    <row r="10728" spans="1:5" x14ac:dyDescent="0.25">
      <c r="A10728" s="1" t="s">
        <v>1973</v>
      </c>
      <c r="B10728" s="1" t="s">
        <v>8087</v>
      </c>
      <c r="C10728" s="1" t="s">
        <v>27941</v>
      </c>
      <c r="D10728" s="2">
        <v>163556</v>
      </c>
      <c r="E10728" s="1" t="s">
        <v>0</v>
      </c>
    </row>
    <row r="10729" spans="1:5" x14ac:dyDescent="0.25">
      <c r="A10729" s="1" t="s">
        <v>27942</v>
      </c>
      <c r="B10729" s="1" t="s">
        <v>60600</v>
      </c>
      <c r="C10729" s="1" t="s">
        <v>27943</v>
      </c>
      <c r="D10729" s="2">
        <v>163557</v>
      </c>
      <c r="E10729" s="1" t="s">
        <v>0</v>
      </c>
    </row>
    <row r="10730" spans="1:5" ht="409.5" x14ac:dyDescent="0.25">
      <c r="A10730" s="4" t="s">
        <v>27944</v>
      </c>
      <c r="B10730" s="1" t="s">
        <v>60736</v>
      </c>
      <c r="C10730" s="1" t="s">
        <v>27945</v>
      </c>
      <c r="D10730" s="2">
        <v>163558</v>
      </c>
      <c r="E10730" s="1" t="s">
        <v>0</v>
      </c>
    </row>
    <row r="10731" spans="1:5" x14ac:dyDescent="0.25">
      <c r="A10731" s="1" t="s">
        <v>27946</v>
      </c>
      <c r="B10731" s="1" t="s">
        <v>53442</v>
      </c>
      <c r="C10731" s="1" t="s">
        <v>27947</v>
      </c>
      <c r="D10731" s="2">
        <v>163559</v>
      </c>
      <c r="E10731" s="1" t="s">
        <v>0</v>
      </c>
    </row>
    <row r="10732" spans="1:5" x14ac:dyDescent="0.25">
      <c r="A10732" s="2">
        <v>2146</v>
      </c>
      <c r="B10732" s="2">
        <v>2146</v>
      </c>
      <c r="C10732" s="1" t="s">
        <v>0</v>
      </c>
      <c r="D10732" s="2">
        <v>163560</v>
      </c>
      <c r="E10732" s="1" t="s">
        <v>0</v>
      </c>
    </row>
    <row r="10733" spans="1:5" x14ac:dyDescent="0.25">
      <c r="A10733" s="1" t="s">
        <v>1974</v>
      </c>
      <c r="B10733" s="1" t="s">
        <v>8088</v>
      </c>
      <c r="C10733" s="1" t="s">
        <v>27948</v>
      </c>
      <c r="D10733" s="2">
        <v>163561</v>
      </c>
      <c r="E10733" s="1" t="s">
        <v>0</v>
      </c>
    </row>
    <row r="10734" spans="1:5" x14ac:dyDescent="0.25">
      <c r="A10734" s="1" t="s">
        <v>27949</v>
      </c>
      <c r="B10734" s="1" t="s">
        <v>8089</v>
      </c>
      <c r="C10734" s="1" t="s">
        <v>27950</v>
      </c>
      <c r="D10734" s="2">
        <v>163562</v>
      </c>
      <c r="E10734" s="1" t="s">
        <v>0</v>
      </c>
    </row>
    <row r="10735" spans="1:5" ht="409.5" x14ac:dyDescent="0.25">
      <c r="A10735" s="4" t="s">
        <v>27951</v>
      </c>
      <c r="B10735" s="1" t="s">
        <v>57500</v>
      </c>
      <c r="C10735" s="1" t="s">
        <v>27952</v>
      </c>
      <c r="D10735" s="2">
        <v>163563</v>
      </c>
      <c r="E10735" s="1" t="s">
        <v>0</v>
      </c>
    </row>
    <row r="10736" spans="1:5" x14ac:dyDescent="0.25">
      <c r="A10736" s="1" t="s">
        <v>27953</v>
      </c>
      <c r="B10736" s="1" t="s">
        <v>53443</v>
      </c>
      <c r="C10736" s="1" t="s">
        <v>27954</v>
      </c>
      <c r="D10736" s="2">
        <v>163564</v>
      </c>
      <c r="E10736" s="1" t="s">
        <v>0</v>
      </c>
    </row>
    <row r="10737" spans="1:5" x14ac:dyDescent="0.25">
      <c r="A10737" s="2">
        <v>2147</v>
      </c>
      <c r="B10737" s="2">
        <v>2147</v>
      </c>
      <c r="C10737" s="1" t="s">
        <v>0</v>
      </c>
      <c r="D10737" s="2">
        <v>163565</v>
      </c>
      <c r="E10737" s="1" t="s">
        <v>0</v>
      </c>
    </row>
    <row r="10738" spans="1:5" x14ac:dyDescent="0.25">
      <c r="A10738" s="1" t="s">
        <v>1975</v>
      </c>
      <c r="B10738" s="1" t="s">
        <v>59970</v>
      </c>
      <c r="C10738" s="1" t="s">
        <v>27955</v>
      </c>
      <c r="D10738" s="2">
        <v>163566</v>
      </c>
      <c r="E10738" s="1" t="s">
        <v>0</v>
      </c>
    </row>
    <row r="10739" spans="1:5" x14ac:dyDescent="0.25">
      <c r="A10739" s="1" t="s">
        <v>27956</v>
      </c>
      <c r="B10739" s="1" t="s">
        <v>53444</v>
      </c>
      <c r="C10739" s="1" t="s">
        <v>27957</v>
      </c>
      <c r="D10739" s="2">
        <v>163567</v>
      </c>
      <c r="E10739" s="1" t="s">
        <v>0</v>
      </c>
    </row>
    <row r="10740" spans="1:5" ht="409.5" x14ac:dyDescent="0.25">
      <c r="A10740" s="4" t="s">
        <v>27958</v>
      </c>
      <c r="B10740" s="1" t="s">
        <v>56754</v>
      </c>
      <c r="C10740" s="1" t="s">
        <v>27959</v>
      </c>
      <c r="D10740" s="2">
        <v>163568</v>
      </c>
      <c r="E10740" s="1" t="s">
        <v>0</v>
      </c>
    </row>
    <row r="10741" spans="1:5" x14ac:dyDescent="0.25">
      <c r="A10741" s="1" t="s">
        <v>27960</v>
      </c>
      <c r="B10741" s="1" t="s">
        <v>53445</v>
      </c>
      <c r="C10741" s="1" t="s">
        <v>27961</v>
      </c>
      <c r="D10741" s="2">
        <v>163569</v>
      </c>
      <c r="E10741" s="1" t="s">
        <v>0</v>
      </c>
    </row>
    <row r="10742" spans="1:5" x14ac:dyDescent="0.25">
      <c r="A10742" s="2">
        <v>2148</v>
      </c>
      <c r="B10742" s="2">
        <v>2148</v>
      </c>
      <c r="C10742" s="1" t="s">
        <v>0</v>
      </c>
      <c r="D10742" s="2">
        <v>163570</v>
      </c>
      <c r="E10742" s="1" t="s">
        <v>0</v>
      </c>
    </row>
    <row r="10743" spans="1:5" x14ac:dyDescent="0.25">
      <c r="A10743" s="1" t="s">
        <v>1976</v>
      </c>
      <c r="B10743" s="1" t="s">
        <v>8090</v>
      </c>
      <c r="C10743" s="1" t="s">
        <v>27962</v>
      </c>
      <c r="D10743" s="2">
        <v>163571</v>
      </c>
      <c r="E10743" s="1" t="s">
        <v>0</v>
      </c>
    </row>
    <row r="10744" spans="1:5" x14ac:dyDescent="0.25">
      <c r="A10744" s="1" t="s">
        <v>27963</v>
      </c>
      <c r="B10744" s="1" t="s">
        <v>53446</v>
      </c>
      <c r="C10744" s="1" t="s">
        <v>27964</v>
      </c>
      <c r="D10744" s="2">
        <v>163572</v>
      </c>
      <c r="E10744" s="1" t="s">
        <v>0</v>
      </c>
    </row>
    <row r="10745" spans="1:5" ht="409.5" x14ac:dyDescent="0.25">
      <c r="A10745" s="4" t="s">
        <v>27965</v>
      </c>
      <c r="B10745" s="1" t="s">
        <v>60423</v>
      </c>
      <c r="C10745" s="1" t="s">
        <v>27966</v>
      </c>
      <c r="D10745" s="2">
        <v>163573</v>
      </c>
      <c r="E10745" s="1" t="s">
        <v>0</v>
      </c>
    </row>
    <row r="10746" spans="1:5" x14ac:dyDescent="0.25">
      <c r="A10746" s="1" t="s">
        <v>27967</v>
      </c>
      <c r="B10746" s="1" t="s">
        <v>8091</v>
      </c>
      <c r="C10746" s="1" t="s">
        <v>27968</v>
      </c>
      <c r="D10746" s="2">
        <v>163574</v>
      </c>
      <c r="E10746" s="1" t="s">
        <v>0</v>
      </c>
    </row>
    <row r="10747" spans="1:5" x14ac:dyDescent="0.25">
      <c r="A10747" s="2">
        <v>2149</v>
      </c>
      <c r="B10747" s="2">
        <v>2149</v>
      </c>
      <c r="C10747" s="1" t="s">
        <v>0</v>
      </c>
      <c r="D10747" s="2">
        <v>163575</v>
      </c>
      <c r="E10747" s="1" t="s">
        <v>0</v>
      </c>
    </row>
    <row r="10748" spans="1:5" x14ac:dyDescent="0.25">
      <c r="A10748" s="1" t="s">
        <v>1977</v>
      </c>
      <c r="B10748" s="1" t="s">
        <v>8092</v>
      </c>
      <c r="C10748" s="1" t="s">
        <v>27969</v>
      </c>
      <c r="D10748" s="2">
        <v>163576</v>
      </c>
      <c r="E10748" s="1" t="s">
        <v>0</v>
      </c>
    </row>
    <row r="10749" spans="1:5" x14ac:dyDescent="0.25">
      <c r="A10749" s="1" t="s">
        <v>27970</v>
      </c>
      <c r="B10749" s="1" t="s">
        <v>8093</v>
      </c>
      <c r="C10749" s="1" t="s">
        <v>27971</v>
      </c>
      <c r="D10749" s="2">
        <v>163577</v>
      </c>
      <c r="E10749" s="1" t="s">
        <v>0</v>
      </c>
    </row>
    <row r="10750" spans="1:5" ht="409.5" x14ac:dyDescent="0.25">
      <c r="A10750" s="4" t="s">
        <v>27972</v>
      </c>
      <c r="B10750" s="1" t="s">
        <v>62413</v>
      </c>
      <c r="C10750" s="1" t="s">
        <v>27973</v>
      </c>
      <c r="D10750" s="2">
        <v>163578</v>
      </c>
      <c r="E10750" s="1" t="s">
        <v>0</v>
      </c>
    </row>
    <row r="10751" spans="1:5" x14ac:dyDescent="0.25">
      <c r="A10751" s="1" t="s">
        <v>27974</v>
      </c>
      <c r="B10751" s="1" t="s">
        <v>53447</v>
      </c>
      <c r="C10751" s="1" t="s">
        <v>27975</v>
      </c>
      <c r="D10751" s="2">
        <v>163579</v>
      </c>
      <c r="E10751" s="1" t="s">
        <v>0</v>
      </c>
    </row>
    <row r="10752" spans="1:5" x14ac:dyDescent="0.25">
      <c r="A10752" s="2">
        <v>2150</v>
      </c>
      <c r="B10752" s="2">
        <v>2150</v>
      </c>
      <c r="C10752" s="1" t="s">
        <v>0</v>
      </c>
      <c r="D10752" s="2">
        <v>163580</v>
      </c>
      <c r="E10752" s="1" t="s">
        <v>0</v>
      </c>
    </row>
    <row r="10753" spans="1:5" x14ac:dyDescent="0.25">
      <c r="A10753" s="1" t="s">
        <v>1978</v>
      </c>
      <c r="B10753" s="1" t="s">
        <v>8094</v>
      </c>
      <c r="C10753" s="1" t="s">
        <v>27976</v>
      </c>
      <c r="D10753" s="2">
        <v>163581</v>
      </c>
      <c r="E10753" s="1" t="s">
        <v>0</v>
      </c>
    </row>
    <row r="10754" spans="1:5" x14ac:dyDescent="0.25">
      <c r="A10754" s="1" t="s">
        <v>27977</v>
      </c>
      <c r="B10754" s="1" t="s">
        <v>8095</v>
      </c>
      <c r="C10754" s="1" t="s">
        <v>27978</v>
      </c>
      <c r="D10754" s="2">
        <v>163582</v>
      </c>
      <c r="E10754" s="1" t="s">
        <v>0</v>
      </c>
    </row>
    <row r="10755" spans="1:5" ht="409.5" x14ac:dyDescent="0.25">
      <c r="A10755" s="4" t="s">
        <v>27979</v>
      </c>
      <c r="B10755" s="1" t="s">
        <v>8096</v>
      </c>
      <c r="C10755" s="1" t="s">
        <v>27980</v>
      </c>
      <c r="D10755" s="2">
        <v>163583</v>
      </c>
      <c r="E10755" s="1" t="s">
        <v>0</v>
      </c>
    </row>
    <row r="10756" spans="1:5" x14ac:dyDescent="0.25">
      <c r="A10756" s="1" t="s">
        <v>27981</v>
      </c>
      <c r="B10756" s="1" t="s">
        <v>53448</v>
      </c>
      <c r="C10756" s="1" t="s">
        <v>27982</v>
      </c>
      <c r="D10756" s="2">
        <v>163584</v>
      </c>
      <c r="E10756" s="1" t="s">
        <v>0</v>
      </c>
    </row>
    <row r="10757" spans="1:5" x14ac:dyDescent="0.25">
      <c r="A10757" s="2">
        <v>2151</v>
      </c>
      <c r="B10757" s="2">
        <v>2151</v>
      </c>
      <c r="C10757" s="1" t="s">
        <v>0</v>
      </c>
      <c r="D10757" s="2">
        <v>163585</v>
      </c>
      <c r="E10757" s="1" t="s">
        <v>0</v>
      </c>
    </row>
    <row r="10758" spans="1:5" x14ac:dyDescent="0.25">
      <c r="A10758" s="1" t="s">
        <v>1979</v>
      </c>
      <c r="B10758" s="1" t="s">
        <v>8097</v>
      </c>
      <c r="C10758" s="1" t="s">
        <v>27983</v>
      </c>
      <c r="D10758" s="2">
        <v>163586</v>
      </c>
      <c r="E10758" s="1" t="s">
        <v>0</v>
      </c>
    </row>
    <row r="10759" spans="1:5" x14ac:dyDescent="0.25">
      <c r="A10759" s="1" t="s">
        <v>27984</v>
      </c>
      <c r="B10759" s="1" t="s">
        <v>8098</v>
      </c>
      <c r="C10759" s="1" t="s">
        <v>27985</v>
      </c>
      <c r="D10759" s="2">
        <v>163587</v>
      </c>
      <c r="E10759" s="1" t="s">
        <v>0</v>
      </c>
    </row>
    <row r="10760" spans="1:5" ht="409.5" x14ac:dyDescent="0.25">
      <c r="A10760" s="4" t="s">
        <v>27986</v>
      </c>
      <c r="B10760" s="1" t="s">
        <v>58344</v>
      </c>
      <c r="C10760" s="1" t="s">
        <v>27987</v>
      </c>
      <c r="D10760" s="2">
        <v>163588</v>
      </c>
      <c r="E10760" s="1" t="s">
        <v>0</v>
      </c>
    </row>
    <row r="10761" spans="1:5" x14ac:dyDescent="0.25">
      <c r="A10761" s="1" t="s">
        <v>27988</v>
      </c>
      <c r="B10761" s="1" t="s">
        <v>53449</v>
      </c>
      <c r="C10761" s="1" t="s">
        <v>27989</v>
      </c>
      <c r="D10761" s="2">
        <v>163589</v>
      </c>
      <c r="E10761" s="1" t="s">
        <v>0</v>
      </c>
    </row>
    <row r="10762" spans="1:5" x14ac:dyDescent="0.25">
      <c r="A10762" s="2">
        <v>2152</v>
      </c>
      <c r="B10762" s="2">
        <v>2152</v>
      </c>
      <c r="C10762" s="1" t="s">
        <v>0</v>
      </c>
      <c r="D10762" s="2">
        <v>163590</v>
      </c>
      <c r="E10762" s="1" t="s">
        <v>0</v>
      </c>
    </row>
    <row r="10763" spans="1:5" x14ac:dyDescent="0.25">
      <c r="A10763" s="1" t="s">
        <v>13108</v>
      </c>
      <c r="B10763" s="1" t="s">
        <v>53450</v>
      </c>
      <c r="C10763" s="1" t="s">
        <v>27990</v>
      </c>
      <c r="D10763" s="2">
        <v>163591</v>
      </c>
      <c r="E10763" s="1" t="s">
        <v>0</v>
      </c>
    </row>
    <row r="10764" spans="1:5" x14ac:dyDescent="0.25">
      <c r="A10764" s="1" t="s">
        <v>27991</v>
      </c>
      <c r="B10764" s="1" t="s">
        <v>63694</v>
      </c>
      <c r="C10764" s="1" t="s">
        <v>27992</v>
      </c>
      <c r="D10764" s="2">
        <v>163592</v>
      </c>
      <c r="E10764" s="1" t="s">
        <v>0</v>
      </c>
    </row>
    <row r="10765" spans="1:5" ht="409.5" x14ac:dyDescent="0.25">
      <c r="A10765" s="4" t="s">
        <v>27993</v>
      </c>
      <c r="B10765" s="1" t="s">
        <v>63695</v>
      </c>
      <c r="C10765" s="1" t="s">
        <v>27994</v>
      </c>
      <c r="D10765" s="2">
        <v>163593</v>
      </c>
      <c r="E10765" s="1" t="s">
        <v>0</v>
      </c>
    </row>
    <row r="10766" spans="1:5" x14ac:dyDescent="0.25">
      <c r="A10766" s="1" t="s">
        <v>27995</v>
      </c>
      <c r="B10766" s="1" t="s">
        <v>57208</v>
      </c>
      <c r="C10766" s="1" t="s">
        <v>27996</v>
      </c>
      <c r="D10766" s="2">
        <v>163594</v>
      </c>
      <c r="E10766" s="1" t="s">
        <v>0</v>
      </c>
    </row>
    <row r="10767" spans="1:5" x14ac:dyDescent="0.25">
      <c r="A10767" s="2">
        <v>2153</v>
      </c>
      <c r="B10767" s="2">
        <v>2153</v>
      </c>
      <c r="C10767" s="1" t="s">
        <v>0</v>
      </c>
      <c r="D10767" s="2">
        <v>163595</v>
      </c>
      <c r="E10767" s="1" t="s">
        <v>0</v>
      </c>
    </row>
    <row r="10768" spans="1:5" x14ac:dyDescent="0.25">
      <c r="A10768" s="1" t="s">
        <v>1980</v>
      </c>
      <c r="B10768" s="1" t="s">
        <v>8099</v>
      </c>
      <c r="C10768" s="1" t="s">
        <v>27997</v>
      </c>
      <c r="D10768" s="2">
        <v>163596</v>
      </c>
      <c r="E10768" s="1" t="s">
        <v>0</v>
      </c>
    </row>
    <row r="10769" spans="1:5" x14ac:dyDescent="0.25">
      <c r="A10769" s="1" t="s">
        <v>27998</v>
      </c>
      <c r="B10769" s="1" t="s">
        <v>58345</v>
      </c>
      <c r="C10769" s="1" t="s">
        <v>27999</v>
      </c>
      <c r="D10769" s="2">
        <v>163597</v>
      </c>
      <c r="E10769" s="1" t="s">
        <v>0</v>
      </c>
    </row>
    <row r="10770" spans="1:5" ht="409.5" x14ac:dyDescent="0.25">
      <c r="A10770" s="4" t="s">
        <v>28000</v>
      </c>
      <c r="B10770" s="1" t="s">
        <v>58346</v>
      </c>
      <c r="C10770" s="1" t="s">
        <v>28001</v>
      </c>
      <c r="D10770" s="2">
        <v>163598</v>
      </c>
      <c r="E10770" s="1" t="s">
        <v>0</v>
      </c>
    </row>
    <row r="10771" spans="1:5" x14ac:dyDescent="0.25">
      <c r="A10771" s="1" t="s">
        <v>28002</v>
      </c>
      <c r="B10771" s="1" t="s">
        <v>53451</v>
      </c>
      <c r="C10771" s="1" t="s">
        <v>28003</v>
      </c>
      <c r="D10771" s="2">
        <v>163599</v>
      </c>
      <c r="E10771" s="1" t="s">
        <v>0</v>
      </c>
    </row>
    <row r="10772" spans="1:5" x14ac:dyDescent="0.25">
      <c r="A10772" s="2">
        <v>2154</v>
      </c>
      <c r="B10772" s="2">
        <v>2154</v>
      </c>
      <c r="C10772" s="1" t="s">
        <v>0</v>
      </c>
      <c r="D10772" s="2">
        <v>163600</v>
      </c>
      <c r="E10772" s="1" t="s">
        <v>0</v>
      </c>
    </row>
    <row r="10773" spans="1:5" x14ac:dyDescent="0.25">
      <c r="A10773" s="1" t="s">
        <v>1981</v>
      </c>
      <c r="B10773" s="1" t="s">
        <v>53452</v>
      </c>
      <c r="C10773" s="1" t="s">
        <v>28004</v>
      </c>
      <c r="D10773" s="2">
        <v>163601</v>
      </c>
      <c r="E10773" s="1" t="s">
        <v>0</v>
      </c>
    </row>
    <row r="10774" spans="1:5" x14ac:dyDescent="0.25">
      <c r="A10774" s="1" t="s">
        <v>28005</v>
      </c>
      <c r="B10774" s="1" t="s">
        <v>28006</v>
      </c>
      <c r="C10774" s="1" t="s">
        <v>28007</v>
      </c>
      <c r="D10774" s="2">
        <v>163602</v>
      </c>
      <c r="E10774" s="1" t="s">
        <v>0</v>
      </c>
    </row>
    <row r="10775" spans="1:5" ht="409.5" x14ac:dyDescent="0.25">
      <c r="A10775" s="4" t="s">
        <v>28008</v>
      </c>
      <c r="B10775" s="1" t="s">
        <v>53453</v>
      </c>
      <c r="C10775" s="1" t="s">
        <v>28009</v>
      </c>
      <c r="D10775" s="2">
        <v>163603</v>
      </c>
      <c r="E10775" s="1" t="s">
        <v>0</v>
      </c>
    </row>
    <row r="10776" spans="1:5" x14ac:dyDescent="0.25">
      <c r="A10776" s="1" t="s">
        <v>28010</v>
      </c>
      <c r="B10776" s="1" t="s">
        <v>8100</v>
      </c>
      <c r="C10776" s="1" t="s">
        <v>28011</v>
      </c>
      <c r="D10776" s="2">
        <v>163604</v>
      </c>
      <c r="E10776" s="1" t="s">
        <v>0</v>
      </c>
    </row>
    <row r="10777" spans="1:5" x14ac:dyDescent="0.25">
      <c r="A10777" s="2">
        <v>2155</v>
      </c>
      <c r="B10777" s="2">
        <v>2155</v>
      </c>
      <c r="C10777" s="1" t="s">
        <v>0</v>
      </c>
      <c r="D10777" s="2">
        <v>163605</v>
      </c>
      <c r="E10777" s="1" t="s">
        <v>0</v>
      </c>
    </row>
    <row r="10778" spans="1:5" x14ac:dyDescent="0.25">
      <c r="A10778" s="1" t="s">
        <v>13109</v>
      </c>
      <c r="B10778" s="1" t="s">
        <v>8101</v>
      </c>
      <c r="C10778" s="1" t="s">
        <v>28012</v>
      </c>
      <c r="D10778" s="2">
        <v>163606</v>
      </c>
      <c r="E10778" s="1" t="s">
        <v>0</v>
      </c>
    </row>
    <row r="10779" spans="1:5" x14ac:dyDescent="0.25">
      <c r="A10779" s="1" t="s">
        <v>28013</v>
      </c>
      <c r="B10779" s="1" t="s">
        <v>58347</v>
      </c>
      <c r="C10779" s="1" t="s">
        <v>28014</v>
      </c>
      <c r="D10779" s="2">
        <v>163607</v>
      </c>
      <c r="E10779" s="1" t="s">
        <v>0</v>
      </c>
    </row>
    <row r="10780" spans="1:5" ht="409.5" x14ac:dyDescent="0.25">
      <c r="A10780" s="4" t="s">
        <v>28015</v>
      </c>
      <c r="B10780" s="1" t="s">
        <v>58755</v>
      </c>
      <c r="C10780" s="1" t="s">
        <v>28016</v>
      </c>
      <c r="D10780" s="2">
        <v>163608</v>
      </c>
      <c r="E10780" s="1" t="s">
        <v>0</v>
      </c>
    </row>
    <row r="10781" spans="1:5" x14ac:dyDescent="0.25">
      <c r="A10781" s="1" t="s">
        <v>28017</v>
      </c>
      <c r="B10781" s="1" t="s">
        <v>8102</v>
      </c>
      <c r="C10781" s="1" t="s">
        <v>28018</v>
      </c>
      <c r="D10781" s="2">
        <v>163609</v>
      </c>
      <c r="E10781" s="1" t="s">
        <v>0</v>
      </c>
    </row>
    <row r="10782" spans="1:5" x14ac:dyDescent="0.25">
      <c r="A10782" s="2">
        <v>2156</v>
      </c>
      <c r="B10782" s="2">
        <v>2156</v>
      </c>
      <c r="C10782" s="1" t="s">
        <v>0</v>
      </c>
      <c r="D10782" s="2">
        <v>163610</v>
      </c>
      <c r="E10782" s="1" t="s">
        <v>0</v>
      </c>
    </row>
    <row r="10783" spans="1:5" x14ac:dyDescent="0.25">
      <c r="A10783" s="1" t="s">
        <v>1982</v>
      </c>
      <c r="B10783" s="1" t="s">
        <v>8103</v>
      </c>
      <c r="C10783" s="1" t="s">
        <v>28019</v>
      </c>
      <c r="D10783" s="2">
        <v>163611</v>
      </c>
      <c r="E10783" s="1" t="s">
        <v>0</v>
      </c>
    </row>
    <row r="10784" spans="1:5" x14ac:dyDescent="0.25">
      <c r="A10784" s="1" t="s">
        <v>28020</v>
      </c>
      <c r="B10784" s="1" t="s">
        <v>8104</v>
      </c>
      <c r="C10784" s="1" t="s">
        <v>28021</v>
      </c>
      <c r="D10784" s="2">
        <v>163612</v>
      </c>
      <c r="E10784" s="1" t="s">
        <v>0</v>
      </c>
    </row>
    <row r="10785" spans="1:5" ht="409.5" x14ac:dyDescent="0.25">
      <c r="A10785" s="4" t="s">
        <v>28022</v>
      </c>
      <c r="B10785" s="1" t="s">
        <v>56755</v>
      </c>
      <c r="C10785" s="1" t="s">
        <v>28023</v>
      </c>
      <c r="D10785" s="2">
        <v>163613</v>
      </c>
      <c r="E10785" s="1" t="s">
        <v>0</v>
      </c>
    </row>
    <row r="10786" spans="1:5" x14ac:dyDescent="0.25">
      <c r="A10786" s="1" t="s">
        <v>28024</v>
      </c>
      <c r="B10786" s="1" t="s">
        <v>8105</v>
      </c>
      <c r="C10786" s="1" t="s">
        <v>28025</v>
      </c>
      <c r="D10786" s="2">
        <v>163614</v>
      </c>
      <c r="E10786" s="1" t="s">
        <v>0</v>
      </c>
    </row>
    <row r="10787" spans="1:5" x14ac:dyDescent="0.25">
      <c r="A10787" s="2">
        <v>2157</v>
      </c>
      <c r="B10787" s="2">
        <v>2157</v>
      </c>
      <c r="C10787" s="1" t="s">
        <v>0</v>
      </c>
      <c r="D10787" s="2">
        <v>163615</v>
      </c>
      <c r="E10787" s="1" t="s">
        <v>0</v>
      </c>
    </row>
    <row r="10788" spans="1:5" x14ac:dyDescent="0.25">
      <c r="A10788" s="1" t="s">
        <v>1983</v>
      </c>
      <c r="B10788" s="1" t="s">
        <v>53454</v>
      </c>
      <c r="C10788" s="1" t="s">
        <v>28026</v>
      </c>
      <c r="D10788" s="2">
        <v>163616</v>
      </c>
      <c r="E10788" s="1" t="s">
        <v>0</v>
      </c>
    </row>
    <row r="10789" spans="1:5" x14ac:dyDescent="0.25">
      <c r="A10789" s="1" t="s">
        <v>28027</v>
      </c>
      <c r="B10789" s="1" t="s">
        <v>53455</v>
      </c>
      <c r="C10789" s="1" t="s">
        <v>28028</v>
      </c>
      <c r="D10789" s="2">
        <v>163617</v>
      </c>
      <c r="E10789" s="1" t="s">
        <v>0</v>
      </c>
    </row>
    <row r="10790" spans="1:5" ht="409.5" x14ac:dyDescent="0.25">
      <c r="A10790" s="4" t="s">
        <v>28029</v>
      </c>
      <c r="B10790" s="1" t="s">
        <v>59971</v>
      </c>
      <c r="C10790" s="1" t="s">
        <v>28030</v>
      </c>
      <c r="D10790" s="2">
        <v>163618</v>
      </c>
      <c r="E10790" s="1" t="s">
        <v>0</v>
      </c>
    </row>
    <row r="10791" spans="1:5" x14ac:dyDescent="0.25">
      <c r="A10791" s="1" t="s">
        <v>28031</v>
      </c>
      <c r="B10791" s="1" t="s">
        <v>53456</v>
      </c>
      <c r="C10791" s="1" t="s">
        <v>28032</v>
      </c>
      <c r="D10791" s="2">
        <v>163619</v>
      </c>
      <c r="E10791" s="1" t="s">
        <v>0</v>
      </c>
    </row>
    <row r="10792" spans="1:5" x14ac:dyDescent="0.25">
      <c r="A10792" s="2">
        <v>2158</v>
      </c>
      <c r="B10792" s="2">
        <v>2158</v>
      </c>
      <c r="C10792" s="1" t="s">
        <v>0</v>
      </c>
      <c r="D10792" s="2">
        <v>163620</v>
      </c>
      <c r="E10792" s="1" t="s">
        <v>0</v>
      </c>
    </row>
    <row r="10793" spans="1:5" x14ac:dyDescent="0.25">
      <c r="A10793" s="1" t="s">
        <v>1984</v>
      </c>
      <c r="B10793" s="1" t="s">
        <v>8106</v>
      </c>
      <c r="C10793" s="1" t="s">
        <v>28033</v>
      </c>
      <c r="D10793" s="2">
        <v>163621</v>
      </c>
      <c r="E10793" s="1" t="s">
        <v>0</v>
      </c>
    </row>
    <row r="10794" spans="1:5" x14ac:dyDescent="0.25">
      <c r="A10794" s="1" t="s">
        <v>28034</v>
      </c>
      <c r="B10794" s="1" t="s">
        <v>53457</v>
      </c>
      <c r="C10794" s="1" t="s">
        <v>28035</v>
      </c>
      <c r="D10794" s="2">
        <v>163622</v>
      </c>
      <c r="E10794" s="1" t="s">
        <v>0</v>
      </c>
    </row>
    <row r="10795" spans="1:5" ht="409.5" x14ac:dyDescent="0.25">
      <c r="A10795" s="4" t="s">
        <v>28036</v>
      </c>
      <c r="B10795" s="1" t="s">
        <v>53458</v>
      </c>
      <c r="C10795" s="1" t="s">
        <v>28037</v>
      </c>
      <c r="D10795" s="2">
        <v>163623</v>
      </c>
      <c r="E10795" s="1" t="s">
        <v>0</v>
      </c>
    </row>
    <row r="10796" spans="1:5" x14ac:dyDescent="0.25">
      <c r="A10796" s="1" t="s">
        <v>28038</v>
      </c>
      <c r="B10796" s="1" t="s">
        <v>8107</v>
      </c>
      <c r="C10796" s="1" t="s">
        <v>28039</v>
      </c>
      <c r="D10796" s="2">
        <v>163624</v>
      </c>
      <c r="E10796" s="1" t="s">
        <v>0</v>
      </c>
    </row>
    <row r="10797" spans="1:5" x14ac:dyDescent="0.25">
      <c r="A10797" s="2">
        <v>2159</v>
      </c>
      <c r="B10797" s="2">
        <v>2159</v>
      </c>
      <c r="C10797" s="1" t="s">
        <v>0</v>
      </c>
      <c r="D10797" s="2">
        <v>163625</v>
      </c>
      <c r="E10797" s="1" t="s">
        <v>0</v>
      </c>
    </row>
    <row r="10798" spans="1:5" x14ac:dyDescent="0.25">
      <c r="A10798" s="1" t="s">
        <v>1985</v>
      </c>
      <c r="B10798" s="1" t="s">
        <v>58756</v>
      </c>
      <c r="C10798" s="1" t="s">
        <v>28040</v>
      </c>
      <c r="D10798" s="2">
        <v>163626</v>
      </c>
      <c r="E10798" s="1" t="s">
        <v>0</v>
      </c>
    </row>
    <row r="10799" spans="1:5" x14ac:dyDescent="0.25">
      <c r="A10799" s="1" t="s">
        <v>28041</v>
      </c>
      <c r="B10799" s="1" t="s">
        <v>62414</v>
      </c>
      <c r="C10799" s="1" t="s">
        <v>28042</v>
      </c>
      <c r="D10799" s="2">
        <v>163627</v>
      </c>
      <c r="E10799" s="1" t="s">
        <v>0</v>
      </c>
    </row>
    <row r="10800" spans="1:5" ht="409.5" x14ac:dyDescent="0.25">
      <c r="A10800" s="4" t="s">
        <v>28043</v>
      </c>
      <c r="B10800" s="1" t="s">
        <v>62415</v>
      </c>
      <c r="C10800" s="1" t="s">
        <v>28044</v>
      </c>
      <c r="D10800" s="2">
        <v>163628</v>
      </c>
      <c r="E10800" s="1" t="s">
        <v>0</v>
      </c>
    </row>
    <row r="10801" spans="1:5" x14ac:dyDescent="0.25">
      <c r="A10801" s="1" t="s">
        <v>28045</v>
      </c>
      <c r="B10801" s="1" t="s">
        <v>58757</v>
      </c>
      <c r="C10801" s="1" t="s">
        <v>28046</v>
      </c>
      <c r="D10801" s="2">
        <v>163629</v>
      </c>
      <c r="E10801" s="1" t="s">
        <v>0</v>
      </c>
    </row>
    <row r="10802" spans="1:5" x14ac:dyDescent="0.25">
      <c r="A10802" s="2">
        <v>2160</v>
      </c>
      <c r="B10802" s="2">
        <v>2160</v>
      </c>
      <c r="C10802" s="1" t="s">
        <v>0</v>
      </c>
      <c r="D10802" s="2">
        <v>163630</v>
      </c>
      <c r="E10802" s="1" t="s">
        <v>0</v>
      </c>
    </row>
    <row r="10803" spans="1:5" x14ac:dyDescent="0.25">
      <c r="A10803" s="1" t="s">
        <v>1986</v>
      </c>
      <c r="B10803" s="1" t="s">
        <v>8108</v>
      </c>
      <c r="C10803" s="1" t="s">
        <v>28047</v>
      </c>
      <c r="D10803" s="2">
        <v>163631</v>
      </c>
      <c r="E10803" s="1" t="s">
        <v>0</v>
      </c>
    </row>
    <row r="10804" spans="1:5" x14ac:dyDescent="0.25">
      <c r="A10804" s="1" t="s">
        <v>28048</v>
      </c>
      <c r="B10804" s="1" t="s">
        <v>62416</v>
      </c>
      <c r="C10804" s="1" t="s">
        <v>28049</v>
      </c>
      <c r="D10804" s="2">
        <v>163632</v>
      </c>
      <c r="E10804" s="1" t="s">
        <v>0</v>
      </c>
    </row>
    <row r="10805" spans="1:5" ht="409.5" x14ac:dyDescent="0.25">
      <c r="A10805" s="4" t="s">
        <v>28050</v>
      </c>
      <c r="B10805" s="1" t="s">
        <v>62417</v>
      </c>
      <c r="C10805" s="1" t="s">
        <v>28051</v>
      </c>
      <c r="D10805" s="2">
        <v>163633</v>
      </c>
      <c r="E10805" s="1" t="s">
        <v>0</v>
      </c>
    </row>
    <row r="10806" spans="1:5" x14ac:dyDescent="0.25">
      <c r="A10806" s="1" t="s">
        <v>28052</v>
      </c>
      <c r="B10806" s="1" t="s">
        <v>8109</v>
      </c>
      <c r="C10806" s="1" t="s">
        <v>28053</v>
      </c>
      <c r="D10806" s="2">
        <v>163634</v>
      </c>
      <c r="E10806" s="1" t="s">
        <v>0</v>
      </c>
    </row>
    <row r="10807" spans="1:5" x14ac:dyDescent="0.25">
      <c r="A10807" s="2">
        <v>2161</v>
      </c>
      <c r="B10807" s="2">
        <v>2161</v>
      </c>
      <c r="C10807" s="1" t="s">
        <v>0</v>
      </c>
      <c r="D10807" s="2">
        <v>163635</v>
      </c>
      <c r="E10807" s="1" t="s">
        <v>0</v>
      </c>
    </row>
    <row r="10808" spans="1:5" x14ac:dyDescent="0.25">
      <c r="A10808" s="1" t="s">
        <v>1987</v>
      </c>
      <c r="B10808" s="1" t="s">
        <v>8110</v>
      </c>
      <c r="C10808" s="1" t="s">
        <v>28054</v>
      </c>
      <c r="D10808" s="2">
        <v>163636</v>
      </c>
      <c r="E10808" s="1" t="s">
        <v>0</v>
      </c>
    </row>
    <row r="10809" spans="1:5" x14ac:dyDescent="0.25">
      <c r="A10809" s="1" t="s">
        <v>28055</v>
      </c>
      <c r="B10809" s="1" t="s">
        <v>62418</v>
      </c>
      <c r="C10809" s="1" t="s">
        <v>28056</v>
      </c>
      <c r="D10809" s="2">
        <v>163637</v>
      </c>
      <c r="E10809" s="1" t="s">
        <v>0</v>
      </c>
    </row>
    <row r="10810" spans="1:5" ht="409.5" x14ac:dyDescent="0.25">
      <c r="A10810" s="4" t="s">
        <v>28057</v>
      </c>
      <c r="B10810" s="1" t="s">
        <v>62419</v>
      </c>
      <c r="C10810" s="1" t="s">
        <v>28058</v>
      </c>
      <c r="D10810" s="2">
        <v>163638</v>
      </c>
      <c r="E10810" s="1" t="s">
        <v>0</v>
      </c>
    </row>
    <row r="10811" spans="1:5" x14ac:dyDescent="0.25">
      <c r="A10811" s="1" t="s">
        <v>28059</v>
      </c>
      <c r="B10811" s="1" t="s">
        <v>8111</v>
      </c>
      <c r="C10811" s="1" t="s">
        <v>28060</v>
      </c>
      <c r="D10811" s="2">
        <v>163639</v>
      </c>
      <c r="E10811" s="1" t="s">
        <v>0</v>
      </c>
    </row>
    <row r="10812" spans="1:5" x14ac:dyDescent="0.25">
      <c r="A10812" s="2">
        <v>2162</v>
      </c>
      <c r="B10812" s="2">
        <v>2162</v>
      </c>
      <c r="C10812" s="1" t="s">
        <v>0</v>
      </c>
      <c r="D10812" s="2">
        <v>163640</v>
      </c>
      <c r="E10812" s="1" t="s">
        <v>0</v>
      </c>
    </row>
    <row r="10813" spans="1:5" x14ac:dyDescent="0.25">
      <c r="A10813" s="1" t="s">
        <v>1988</v>
      </c>
      <c r="B10813" s="1" t="s">
        <v>8112</v>
      </c>
      <c r="C10813" s="1" t="s">
        <v>28061</v>
      </c>
      <c r="D10813" s="2">
        <v>163641</v>
      </c>
      <c r="E10813" s="1" t="s">
        <v>0</v>
      </c>
    </row>
    <row r="10814" spans="1:5" x14ac:dyDescent="0.25">
      <c r="A10814" s="1" t="s">
        <v>28062</v>
      </c>
      <c r="B10814" s="1" t="s">
        <v>8113</v>
      </c>
      <c r="C10814" s="1" t="s">
        <v>28063</v>
      </c>
      <c r="D10814" s="2">
        <v>163642</v>
      </c>
      <c r="E10814" s="1" t="s">
        <v>0</v>
      </c>
    </row>
    <row r="10815" spans="1:5" ht="409.5" x14ac:dyDescent="0.25">
      <c r="A10815" s="4" t="s">
        <v>28064</v>
      </c>
      <c r="B10815" s="1" t="s">
        <v>53459</v>
      </c>
      <c r="C10815" s="1" t="s">
        <v>28065</v>
      </c>
      <c r="D10815" s="2">
        <v>163643</v>
      </c>
      <c r="E10815" s="1" t="s">
        <v>0</v>
      </c>
    </row>
    <row r="10816" spans="1:5" x14ac:dyDescent="0.25">
      <c r="A10816" s="1" t="s">
        <v>28066</v>
      </c>
      <c r="B10816" s="1" t="s">
        <v>8114</v>
      </c>
      <c r="C10816" s="1" t="s">
        <v>28067</v>
      </c>
      <c r="D10816" s="2">
        <v>163644</v>
      </c>
      <c r="E10816" s="1" t="s">
        <v>0</v>
      </c>
    </row>
    <row r="10817" spans="1:5" x14ac:dyDescent="0.25">
      <c r="A10817" s="2">
        <v>2163</v>
      </c>
      <c r="B10817" s="2">
        <v>2163</v>
      </c>
      <c r="C10817" s="1" t="s">
        <v>0</v>
      </c>
      <c r="D10817" s="2">
        <v>163645</v>
      </c>
      <c r="E10817" s="1" t="s">
        <v>0</v>
      </c>
    </row>
    <row r="10818" spans="1:5" x14ac:dyDescent="0.25">
      <c r="A10818" s="1" t="s">
        <v>1989</v>
      </c>
      <c r="B10818" s="1" t="s">
        <v>8115</v>
      </c>
      <c r="C10818" s="1" t="s">
        <v>28068</v>
      </c>
      <c r="D10818" s="2">
        <v>163646</v>
      </c>
      <c r="E10818" s="1" t="s">
        <v>0</v>
      </c>
    </row>
    <row r="10819" spans="1:5" x14ac:dyDescent="0.25">
      <c r="A10819" s="1" t="s">
        <v>28069</v>
      </c>
      <c r="B10819" s="1" t="s">
        <v>8116</v>
      </c>
      <c r="C10819" s="1" t="s">
        <v>28070</v>
      </c>
      <c r="D10819" s="2">
        <v>163647</v>
      </c>
      <c r="E10819" s="1" t="s">
        <v>0</v>
      </c>
    </row>
    <row r="10820" spans="1:5" ht="409.5" x14ac:dyDescent="0.25">
      <c r="A10820" s="4" t="s">
        <v>28071</v>
      </c>
      <c r="B10820" s="1" t="s">
        <v>8117</v>
      </c>
      <c r="C10820" s="1" t="s">
        <v>28072</v>
      </c>
      <c r="D10820" s="2">
        <v>163648</v>
      </c>
      <c r="E10820" s="1" t="s">
        <v>0</v>
      </c>
    </row>
    <row r="10821" spans="1:5" x14ac:dyDescent="0.25">
      <c r="A10821" s="1" t="s">
        <v>28073</v>
      </c>
      <c r="B10821" s="1" t="s">
        <v>53460</v>
      </c>
      <c r="C10821" s="1" t="s">
        <v>28074</v>
      </c>
      <c r="D10821" s="2">
        <v>163649</v>
      </c>
      <c r="E10821" s="1" t="s">
        <v>0</v>
      </c>
    </row>
    <row r="10822" spans="1:5" x14ac:dyDescent="0.25">
      <c r="A10822" s="2">
        <v>2164</v>
      </c>
      <c r="B10822" s="2">
        <v>2164</v>
      </c>
      <c r="C10822" s="1" t="s">
        <v>0</v>
      </c>
      <c r="D10822" s="2">
        <v>163650</v>
      </c>
      <c r="E10822" s="1" t="s">
        <v>0</v>
      </c>
    </row>
    <row r="10823" spans="1:5" x14ac:dyDescent="0.25">
      <c r="A10823" s="1" t="s">
        <v>1990</v>
      </c>
      <c r="B10823" s="1" t="s">
        <v>8118</v>
      </c>
      <c r="C10823" s="1" t="s">
        <v>28075</v>
      </c>
      <c r="D10823" s="2">
        <v>163651</v>
      </c>
      <c r="E10823" s="1" t="s">
        <v>0</v>
      </c>
    </row>
    <row r="10824" spans="1:5" x14ac:dyDescent="0.25">
      <c r="A10824" s="1" t="s">
        <v>28076</v>
      </c>
      <c r="B10824" s="1" t="s">
        <v>57029</v>
      </c>
      <c r="C10824" s="1" t="s">
        <v>28077</v>
      </c>
      <c r="D10824" s="2">
        <v>163652</v>
      </c>
      <c r="E10824" s="1" t="s">
        <v>0</v>
      </c>
    </row>
    <row r="10825" spans="1:5" ht="409.5" x14ac:dyDescent="0.25">
      <c r="A10825" s="4" t="s">
        <v>28078</v>
      </c>
      <c r="B10825" s="1" t="s">
        <v>60424</v>
      </c>
      <c r="C10825" s="1" t="s">
        <v>28079</v>
      </c>
      <c r="D10825" s="2">
        <v>163653</v>
      </c>
      <c r="E10825" s="1" t="s">
        <v>0</v>
      </c>
    </row>
    <row r="10826" spans="1:5" x14ac:dyDescent="0.25">
      <c r="A10826" s="1" t="s">
        <v>28080</v>
      </c>
      <c r="B10826" s="1" t="s">
        <v>8119</v>
      </c>
      <c r="C10826" s="1" t="s">
        <v>28081</v>
      </c>
      <c r="D10826" s="2">
        <v>163654</v>
      </c>
      <c r="E10826" s="1" t="s">
        <v>0</v>
      </c>
    </row>
    <row r="10827" spans="1:5" x14ac:dyDescent="0.25">
      <c r="A10827" s="2">
        <v>2165</v>
      </c>
      <c r="B10827" s="2">
        <v>2165</v>
      </c>
      <c r="C10827" s="1" t="s">
        <v>0</v>
      </c>
      <c r="D10827" s="2">
        <v>163655</v>
      </c>
      <c r="E10827" s="1" t="s">
        <v>0</v>
      </c>
    </row>
    <row r="10828" spans="1:5" x14ac:dyDescent="0.25">
      <c r="A10828" s="1" t="s">
        <v>1991</v>
      </c>
      <c r="B10828" s="1" t="s">
        <v>8120</v>
      </c>
      <c r="C10828" s="1" t="s">
        <v>28082</v>
      </c>
      <c r="D10828" s="2">
        <v>163656</v>
      </c>
      <c r="E10828" s="1" t="s">
        <v>0</v>
      </c>
    </row>
    <row r="10829" spans="1:5" x14ac:dyDescent="0.25">
      <c r="A10829" s="1" t="s">
        <v>28083</v>
      </c>
      <c r="B10829" s="1" t="s">
        <v>13110</v>
      </c>
      <c r="C10829" s="1" t="s">
        <v>28084</v>
      </c>
      <c r="D10829" s="2">
        <v>163657</v>
      </c>
      <c r="E10829" s="1" t="s">
        <v>0</v>
      </c>
    </row>
    <row r="10830" spans="1:5" ht="409.5" x14ac:dyDescent="0.25">
      <c r="A10830" s="4" t="s">
        <v>28085</v>
      </c>
      <c r="B10830" s="1" t="s">
        <v>59018</v>
      </c>
      <c r="C10830" s="1" t="s">
        <v>28086</v>
      </c>
      <c r="D10830" s="2">
        <v>163658</v>
      </c>
      <c r="E10830" s="1" t="s">
        <v>0</v>
      </c>
    </row>
    <row r="10831" spans="1:5" x14ac:dyDescent="0.25">
      <c r="A10831" s="1" t="s">
        <v>28087</v>
      </c>
      <c r="B10831" s="1" t="s">
        <v>8121</v>
      </c>
      <c r="C10831" s="1" t="s">
        <v>28088</v>
      </c>
      <c r="D10831" s="2">
        <v>163659</v>
      </c>
      <c r="E10831" s="1" t="s">
        <v>0</v>
      </c>
    </row>
    <row r="10832" spans="1:5" x14ac:dyDescent="0.25">
      <c r="A10832" s="2">
        <v>2166</v>
      </c>
      <c r="B10832" s="2">
        <v>2166</v>
      </c>
      <c r="C10832" s="1" t="s">
        <v>0</v>
      </c>
      <c r="D10832" s="2">
        <v>163660</v>
      </c>
      <c r="E10832" s="1" t="s">
        <v>0</v>
      </c>
    </row>
    <row r="10833" spans="1:5" x14ac:dyDescent="0.25">
      <c r="A10833" s="1" t="s">
        <v>1992</v>
      </c>
      <c r="B10833" s="1" t="s">
        <v>53461</v>
      </c>
      <c r="C10833" s="1" t="s">
        <v>28089</v>
      </c>
      <c r="D10833" s="2">
        <v>163661</v>
      </c>
      <c r="E10833" s="1" t="s">
        <v>0</v>
      </c>
    </row>
    <row r="10834" spans="1:5" x14ac:dyDescent="0.25">
      <c r="A10834" s="1" t="s">
        <v>28090</v>
      </c>
      <c r="B10834" s="1" t="s">
        <v>53462</v>
      </c>
      <c r="C10834" s="1" t="s">
        <v>28091</v>
      </c>
      <c r="D10834" s="2">
        <v>163662</v>
      </c>
      <c r="E10834" s="1" t="s">
        <v>0</v>
      </c>
    </row>
    <row r="10835" spans="1:5" x14ac:dyDescent="0.25">
      <c r="A10835" s="1" t="s">
        <v>28090</v>
      </c>
      <c r="B10835" s="1" t="s">
        <v>53462</v>
      </c>
      <c r="C10835" s="1" t="s">
        <v>28091</v>
      </c>
      <c r="D10835" s="2">
        <v>163663</v>
      </c>
      <c r="E10835" s="1" t="s">
        <v>0</v>
      </c>
    </row>
    <row r="10836" spans="1:5" x14ac:dyDescent="0.25">
      <c r="A10836" s="1" t="s">
        <v>15303</v>
      </c>
      <c r="B10836" s="1" t="s">
        <v>60888</v>
      </c>
      <c r="C10836" s="1" t="s">
        <v>15304</v>
      </c>
      <c r="D10836" s="2">
        <v>163664</v>
      </c>
      <c r="E10836" s="1" t="s">
        <v>0</v>
      </c>
    </row>
    <row r="10837" spans="1:5" x14ac:dyDescent="0.25">
      <c r="A10837" s="2">
        <v>2167</v>
      </c>
      <c r="B10837" s="2">
        <v>2167</v>
      </c>
      <c r="C10837" s="1" t="s">
        <v>0</v>
      </c>
      <c r="D10837" s="2">
        <v>163665</v>
      </c>
      <c r="E10837" s="1" t="s">
        <v>0</v>
      </c>
    </row>
    <row r="10838" spans="1:5" x14ac:dyDescent="0.25">
      <c r="A10838" s="1" t="s">
        <v>1993</v>
      </c>
      <c r="B10838" s="1" t="s">
        <v>8122</v>
      </c>
      <c r="C10838" s="1" t="s">
        <v>28092</v>
      </c>
      <c r="D10838" s="2">
        <v>163666</v>
      </c>
      <c r="E10838" s="1" t="s">
        <v>0</v>
      </c>
    </row>
    <row r="10839" spans="1:5" x14ac:dyDescent="0.25">
      <c r="A10839" s="1" t="s">
        <v>28093</v>
      </c>
      <c r="B10839" s="1" t="s">
        <v>8123</v>
      </c>
      <c r="C10839" s="1" t="s">
        <v>28094</v>
      </c>
      <c r="D10839" s="2">
        <v>163667</v>
      </c>
      <c r="E10839" s="1" t="s">
        <v>0</v>
      </c>
    </row>
    <row r="10840" spans="1:5" ht="409.5" x14ac:dyDescent="0.25">
      <c r="A10840" s="4" t="s">
        <v>28095</v>
      </c>
      <c r="B10840" s="1" t="s">
        <v>53463</v>
      </c>
      <c r="C10840" s="1" t="s">
        <v>28096</v>
      </c>
      <c r="D10840" s="2">
        <v>163668</v>
      </c>
      <c r="E10840" s="1" t="s">
        <v>0</v>
      </c>
    </row>
    <row r="10841" spans="1:5" x14ac:dyDescent="0.25">
      <c r="A10841" s="1" t="s">
        <v>28097</v>
      </c>
      <c r="B10841" s="1" t="s">
        <v>61095</v>
      </c>
      <c r="C10841" s="1" t="s">
        <v>28098</v>
      </c>
      <c r="D10841" s="2">
        <v>163669</v>
      </c>
      <c r="E10841" s="1" t="s">
        <v>0</v>
      </c>
    </row>
    <row r="10842" spans="1:5" x14ac:dyDescent="0.25">
      <c r="A10842" s="2">
        <v>2168</v>
      </c>
      <c r="B10842" s="2">
        <v>2168</v>
      </c>
      <c r="C10842" s="1" t="s">
        <v>0</v>
      </c>
      <c r="D10842" s="2">
        <v>163670</v>
      </c>
      <c r="E10842" s="1" t="s">
        <v>0</v>
      </c>
    </row>
    <row r="10843" spans="1:5" x14ac:dyDescent="0.25">
      <c r="A10843" s="1" t="s">
        <v>1994</v>
      </c>
      <c r="B10843" s="1" t="s">
        <v>8124</v>
      </c>
      <c r="C10843" s="1" t="s">
        <v>28099</v>
      </c>
      <c r="D10843" s="2">
        <v>163671</v>
      </c>
      <c r="E10843" s="1" t="s">
        <v>0</v>
      </c>
    </row>
    <row r="10844" spans="1:5" x14ac:dyDescent="0.25">
      <c r="A10844" s="1" t="s">
        <v>28100</v>
      </c>
      <c r="B10844" s="1" t="s">
        <v>53464</v>
      </c>
      <c r="C10844" s="1" t="s">
        <v>28101</v>
      </c>
      <c r="D10844" s="2">
        <v>163672</v>
      </c>
      <c r="E10844" s="1" t="s">
        <v>0</v>
      </c>
    </row>
    <row r="10845" spans="1:5" ht="409.5" x14ac:dyDescent="0.25">
      <c r="A10845" s="4" t="s">
        <v>28102</v>
      </c>
      <c r="B10845" s="1" t="s">
        <v>60737</v>
      </c>
      <c r="C10845" s="1" t="s">
        <v>28103</v>
      </c>
      <c r="D10845" s="2">
        <v>163673</v>
      </c>
      <c r="E10845" s="1" t="s">
        <v>0</v>
      </c>
    </row>
    <row r="10846" spans="1:5" x14ac:dyDescent="0.25">
      <c r="A10846" s="1" t="s">
        <v>28104</v>
      </c>
      <c r="B10846" s="1" t="s">
        <v>8125</v>
      </c>
      <c r="C10846" s="1" t="s">
        <v>28105</v>
      </c>
      <c r="D10846" s="2">
        <v>163674</v>
      </c>
      <c r="E10846" s="1" t="s">
        <v>0</v>
      </c>
    </row>
    <row r="10847" spans="1:5" x14ac:dyDescent="0.25">
      <c r="A10847" s="2">
        <v>2169</v>
      </c>
      <c r="B10847" s="2">
        <v>2169</v>
      </c>
      <c r="C10847" s="1" t="s">
        <v>0</v>
      </c>
      <c r="D10847" s="2">
        <v>163675</v>
      </c>
      <c r="E10847" s="1" t="s">
        <v>0</v>
      </c>
    </row>
    <row r="10848" spans="1:5" x14ac:dyDescent="0.25">
      <c r="A10848" s="1" t="s">
        <v>1995</v>
      </c>
      <c r="B10848" s="1" t="s">
        <v>8126</v>
      </c>
      <c r="C10848" s="1" t="s">
        <v>28106</v>
      </c>
      <c r="D10848" s="2">
        <v>163676</v>
      </c>
      <c r="E10848" s="1" t="s">
        <v>0</v>
      </c>
    </row>
    <row r="10849" spans="1:5" x14ac:dyDescent="0.25">
      <c r="A10849" s="1" t="s">
        <v>28107</v>
      </c>
      <c r="B10849" s="1" t="s">
        <v>63696</v>
      </c>
      <c r="C10849" s="1" t="s">
        <v>28108</v>
      </c>
      <c r="D10849" s="2">
        <v>163677</v>
      </c>
      <c r="E10849" s="1" t="s">
        <v>0</v>
      </c>
    </row>
    <row r="10850" spans="1:5" ht="409.5" x14ac:dyDescent="0.25">
      <c r="A10850" s="4" t="s">
        <v>28109</v>
      </c>
      <c r="B10850" s="1" t="s">
        <v>63697</v>
      </c>
      <c r="C10850" s="1" t="s">
        <v>28110</v>
      </c>
      <c r="D10850" s="2">
        <v>163678</v>
      </c>
      <c r="E10850" s="1" t="s">
        <v>0</v>
      </c>
    </row>
    <row r="10851" spans="1:5" x14ac:dyDescent="0.25">
      <c r="A10851" s="1" t="s">
        <v>28111</v>
      </c>
      <c r="B10851" s="1" t="s">
        <v>57209</v>
      </c>
      <c r="C10851" s="1" t="s">
        <v>28112</v>
      </c>
      <c r="D10851" s="2">
        <v>163679</v>
      </c>
      <c r="E10851" s="1" t="s">
        <v>0</v>
      </c>
    </row>
    <row r="10852" spans="1:5" x14ac:dyDescent="0.25">
      <c r="A10852" s="2">
        <v>2170</v>
      </c>
      <c r="B10852" s="2">
        <v>2170</v>
      </c>
      <c r="C10852" s="1" t="s">
        <v>0</v>
      </c>
      <c r="D10852" s="2">
        <v>163680</v>
      </c>
      <c r="E10852" s="1" t="s">
        <v>0</v>
      </c>
    </row>
    <row r="10853" spans="1:5" x14ac:dyDescent="0.25">
      <c r="A10853" s="1" t="s">
        <v>1996</v>
      </c>
      <c r="B10853" s="1" t="s">
        <v>8127</v>
      </c>
      <c r="C10853" s="1" t="s">
        <v>28113</v>
      </c>
      <c r="D10853" s="2">
        <v>163681</v>
      </c>
      <c r="E10853" s="1" t="s">
        <v>0</v>
      </c>
    </row>
    <row r="10854" spans="1:5" x14ac:dyDescent="0.25">
      <c r="A10854" s="1" t="s">
        <v>28114</v>
      </c>
      <c r="B10854" s="1" t="s">
        <v>53465</v>
      </c>
      <c r="C10854" s="1" t="s">
        <v>28115</v>
      </c>
      <c r="D10854" s="2">
        <v>163682</v>
      </c>
      <c r="E10854" s="1" t="s">
        <v>0</v>
      </c>
    </row>
    <row r="10855" spans="1:5" ht="409.5" x14ac:dyDescent="0.25">
      <c r="A10855" s="4" t="s">
        <v>28116</v>
      </c>
      <c r="B10855" s="1" t="s">
        <v>61096</v>
      </c>
      <c r="C10855" s="1" t="s">
        <v>28117</v>
      </c>
      <c r="D10855" s="2">
        <v>163683</v>
      </c>
      <c r="E10855" s="1" t="s">
        <v>0</v>
      </c>
    </row>
    <row r="10856" spans="1:5" x14ac:dyDescent="0.25">
      <c r="A10856" s="1" t="s">
        <v>28118</v>
      </c>
      <c r="B10856" s="1" t="s">
        <v>8128</v>
      </c>
      <c r="C10856" s="1" t="s">
        <v>28119</v>
      </c>
      <c r="D10856" s="2">
        <v>163684</v>
      </c>
      <c r="E10856" s="1" t="s">
        <v>0</v>
      </c>
    </row>
    <row r="10857" spans="1:5" x14ac:dyDescent="0.25">
      <c r="A10857" s="2">
        <v>2171</v>
      </c>
      <c r="B10857" s="2">
        <v>2171</v>
      </c>
      <c r="C10857" s="1" t="s">
        <v>0</v>
      </c>
      <c r="D10857" s="2">
        <v>163685</v>
      </c>
      <c r="E10857" s="1" t="s">
        <v>0</v>
      </c>
    </row>
    <row r="10858" spans="1:5" x14ac:dyDescent="0.25">
      <c r="A10858" s="1" t="s">
        <v>1997</v>
      </c>
      <c r="B10858" s="1" t="s">
        <v>8129</v>
      </c>
      <c r="C10858" s="1" t="s">
        <v>28120</v>
      </c>
      <c r="D10858" s="2">
        <v>163686</v>
      </c>
      <c r="E10858" s="1" t="s">
        <v>0</v>
      </c>
    </row>
    <row r="10859" spans="1:5" x14ac:dyDescent="0.25">
      <c r="A10859" s="1" t="s">
        <v>28121</v>
      </c>
      <c r="B10859" s="1" t="s">
        <v>53466</v>
      </c>
      <c r="C10859" s="1" t="s">
        <v>28122</v>
      </c>
      <c r="D10859" s="2">
        <v>163687</v>
      </c>
      <c r="E10859" s="1" t="s">
        <v>0</v>
      </c>
    </row>
    <row r="10860" spans="1:5" ht="409.5" x14ac:dyDescent="0.25">
      <c r="A10860" s="4" t="s">
        <v>28123</v>
      </c>
      <c r="B10860" s="1" t="s">
        <v>57832</v>
      </c>
      <c r="C10860" s="1" t="s">
        <v>28124</v>
      </c>
      <c r="D10860" s="2">
        <v>163688</v>
      </c>
      <c r="E10860" s="1" t="s">
        <v>0</v>
      </c>
    </row>
    <row r="10861" spans="1:5" x14ac:dyDescent="0.25">
      <c r="A10861" s="1" t="s">
        <v>28125</v>
      </c>
      <c r="B10861" s="1" t="s">
        <v>57210</v>
      </c>
      <c r="C10861" s="1" t="s">
        <v>28126</v>
      </c>
      <c r="D10861" s="2">
        <v>163689</v>
      </c>
      <c r="E10861" s="1" t="s">
        <v>0</v>
      </c>
    </row>
    <row r="10862" spans="1:5" x14ac:dyDescent="0.25">
      <c r="A10862" s="2">
        <v>2172</v>
      </c>
      <c r="B10862" s="2">
        <v>2172</v>
      </c>
      <c r="C10862" s="1" t="s">
        <v>0</v>
      </c>
      <c r="D10862" s="2">
        <v>163690</v>
      </c>
      <c r="E10862" s="1" t="s">
        <v>0</v>
      </c>
    </row>
    <row r="10863" spans="1:5" x14ac:dyDescent="0.25">
      <c r="A10863" s="1" t="s">
        <v>1998</v>
      </c>
      <c r="B10863" s="1" t="s">
        <v>8130</v>
      </c>
      <c r="C10863" s="1" t="s">
        <v>28127</v>
      </c>
      <c r="D10863" s="2">
        <v>163691</v>
      </c>
      <c r="E10863" s="1" t="s">
        <v>0</v>
      </c>
    </row>
    <row r="10864" spans="1:5" x14ac:dyDescent="0.25">
      <c r="A10864" s="1" t="s">
        <v>28128</v>
      </c>
      <c r="B10864" s="1" t="s">
        <v>62420</v>
      </c>
      <c r="C10864" s="1" t="s">
        <v>28129</v>
      </c>
      <c r="D10864" s="2">
        <v>163692</v>
      </c>
      <c r="E10864" s="1" t="s">
        <v>0</v>
      </c>
    </row>
    <row r="10865" spans="1:5" ht="409.5" x14ac:dyDescent="0.25">
      <c r="A10865" s="4" t="s">
        <v>28130</v>
      </c>
      <c r="B10865" s="1" t="s">
        <v>62421</v>
      </c>
      <c r="C10865" s="1" t="s">
        <v>28131</v>
      </c>
      <c r="D10865" s="2">
        <v>163693</v>
      </c>
      <c r="E10865" s="1" t="s">
        <v>0</v>
      </c>
    </row>
    <row r="10866" spans="1:5" x14ac:dyDescent="0.25">
      <c r="A10866" s="1" t="s">
        <v>28132</v>
      </c>
      <c r="B10866" s="1" t="s">
        <v>8131</v>
      </c>
      <c r="C10866" s="1" t="s">
        <v>28133</v>
      </c>
      <c r="D10866" s="2">
        <v>163694</v>
      </c>
      <c r="E10866" s="1" t="s">
        <v>0</v>
      </c>
    </row>
    <row r="10867" spans="1:5" x14ac:dyDescent="0.25">
      <c r="A10867" s="2">
        <v>2173</v>
      </c>
      <c r="B10867" s="2">
        <v>2173</v>
      </c>
      <c r="C10867" s="1" t="s">
        <v>0</v>
      </c>
      <c r="D10867" s="2">
        <v>163695</v>
      </c>
      <c r="E10867" s="1" t="s">
        <v>0</v>
      </c>
    </row>
    <row r="10868" spans="1:5" x14ac:dyDescent="0.25">
      <c r="A10868" s="1" t="s">
        <v>1999</v>
      </c>
      <c r="B10868" s="1" t="s">
        <v>8132</v>
      </c>
      <c r="C10868" s="1" t="s">
        <v>28134</v>
      </c>
      <c r="D10868" s="2">
        <v>163696</v>
      </c>
      <c r="E10868" s="1" t="s">
        <v>0</v>
      </c>
    </row>
    <row r="10869" spans="1:5" x14ac:dyDescent="0.25">
      <c r="A10869" s="1" t="s">
        <v>28135</v>
      </c>
      <c r="B10869" s="1" t="s">
        <v>53467</v>
      </c>
      <c r="C10869" s="1" t="s">
        <v>28136</v>
      </c>
      <c r="D10869" s="2">
        <v>163697</v>
      </c>
      <c r="E10869" s="1" t="s">
        <v>0</v>
      </c>
    </row>
    <row r="10870" spans="1:5" ht="409.5" x14ac:dyDescent="0.25">
      <c r="A10870" s="4" t="s">
        <v>28137</v>
      </c>
      <c r="B10870" s="1" t="s">
        <v>53468</v>
      </c>
      <c r="C10870" s="1" t="s">
        <v>28138</v>
      </c>
      <c r="D10870" s="2">
        <v>163698</v>
      </c>
      <c r="E10870" s="1" t="s">
        <v>0</v>
      </c>
    </row>
    <row r="10871" spans="1:5" x14ac:dyDescent="0.25">
      <c r="A10871" s="1" t="s">
        <v>28139</v>
      </c>
      <c r="B10871" s="1" t="s">
        <v>8133</v>
      </c>
      <c r="C10871" s="1" t="s">
        <v>28140</v>
      </c>
      <c r="D10871" s="2">
        <v>163699</v>
      </c>
      <c r="E10871" s="1" t="s">
        <v>0</v>
      </c>
    </row>
    <row r="10872" spans="1:5" x14ac:dyDescent="0.25">
      <c r="A10872" s="2">
        <v>2174</v>
      </c>
      <c r="B10872" s="2">
        <v>2174</v>
      </c>
      <c r="C10872" s="1" t="s">
        <v>0</v>
      </c>
      <c r="D10872" s="2">
        <v>163700</v>
      </c>
      <c r="E10872" s="1" t="s">
        <v>0</v>
      </c>
    </row>
    <row r="10873" spans="1:5" x14ac:dyDescent="0.25">
      <c r="A10873" s="1" t="s">
        <v>2000</v>
      </c>
      <c r="B10873" s="1" t="s">
        <v>8134</v>
      </c>
      <c r="C10873" s="1" t="s">
        <v>28141</v>
      </c>
      <c r="D10873" s="2">
        <v>163701</v>
      </c>
      <c r="E10873" s="1" t="s">
        <v>0</v>
      </c>
    </row>
    <row r="10874" spans="1:5" x14ac:dyDescent="0.25">
      <c r="A10874" s="1" t="s">
        <v>28142</v>
      </c>
      <c r="B10874" s="1" t="s">
        <v>53469</v>
      </c>
      <c r="C10874" s="1" t="s">
        <v>28143</v>
      </c>
      <c r="D10874" s="2">
        <v>163702</v>
      </c>
      <c r="E10874" s="1" t="s">
        <v>0</v>
      </c>
    </row>
    <row r="10875" spans="1:5" ht="409.5" x14ac:dyDescent="0.25">
      <c r="A10875" s="4" t="s">
        <v>28144</v>
      </c>
      <c r="B10875" s="1" t="s">
        <v>63323</v>
      </c>
      <c r="C10875" s="1" t="s">
        <v>28145</v>
      </c>
      <c r="D10875" s="2">
        <v>163703</v>
      </c>
      <c r="E10875" s="1" t="s">
        <v>0</v>
      </c>
    </row>
    <row r="10876" spans="1:5" x14ac:dyDescent="0.25">
      <c r="A10876" s="1" t="s">
        <v>28146</v>
      </c>
      <c r="B10876" s="1" t="s">
        <v>53470</v>
      </c>
      <c r="C10876" s="1" t="s">
        <v>28147</v>
      </c>
      <c r="D10876" s="2">
        <v>163704</v>
      </c>
      <c r="E10876" s="1" t="s">
        <v>0</v>
      </c>
    </row>
    <row r="10877" spans="1:5" x14ac:dyDescent="0.25">
      <c r="A10877" s="2">
        <v>2175</v>
      </c>
      <c r="B10877" s="2">
        <v>2175</v>
      </c>
      <c r="C10877" s="1" t="s">
        <v>0</v>
      </c>
      <c r="D10877" s="2">
        <v>163705</v>
      </c>
      <c r="E10877" s="1" t="s">
        <v>0</v>
      </c>
    </row>
    <row r="10878" spans="1:5" x14ac:dyDescent="0.25">
      <c r="A10878" s="1" t="s">
        <v>2001</v>
      </c>
      <c r="B10878" s="1" t="s">
        <v>8135</v>
      </c>
      <c r="C10878" s="1" t="s">
        <v>28148</v>
      </c>
      <c r="D10878" s="2">
        <v>163706</v>
      </c>
      <c r="E10878" s="1" t="s">
        <v>0</v>
      </c>
    </row>
    <row r="10879" spans="1:5" x14ac:dyDescent="0.25">
      <c r="A10879" s="1" t="s">
        <v>28149</v>
      </c>
      <c r="B10879" s="1" t="s">
        <v>56756</v>
      </c>
      <c r="C10879" s="1" t="s">
        <v>28150</v>
      </c>
      <c r="D10879" s="2">
        <v>163707</v>
      </c>
      <c r="E10879" s="1" t="s">
        <v>0</v>
      </c>
    </row>
    <row r="10880" spans="1:5" ht="409.5" x14ac:dyDescent="0.25">
      <c r="A10880" s="4" t="s">
        <v>28151</v>
      </c>
      <c r="B10880" s="1" t="s">
        <v>56757</v>
      </c>
      <c r="C10880" s="1" t="s">
        <v>28152</v>
      </c>
      <c r="D10880" s="2">
        <v>163708</v>
      </c>
      <c r="E10880" s="1" t="s">
        <v>0</v>
      </c>
    </row>
    <row r="10881" spans="1:5" x14ac:dyDescent="0.25">
      <c r="A10881" s="1" t="s">
        <v>28153</v>
      </c>
      <c r="B10881" s="1" t="s">
        <v>8136</v>
      </c>
      <c r="C10881" s="1" t="s">
        <v>28154</v>
      </c>
      <c r="D10881" s="2">
        <v>163709</v>
      </c>
      <c r="E10881" s="1" t="s">
        <v>0</v>
      </c>
    </row>
    <row r="10882" spans="1:5" x14ac:dyDescent="0.25">
      <c r="A10882" s="2">
        <v>2176</v>
      </c>
      <c r="B10882" s="2">
        <v>2176</v>
      </c>
      <c r="C10882" s="1" t="s">
        <v>0</v>
      </c>
      <c r="D10882" s="2">
        <v>163710</v>
      </c>
      <c r="E10882" s="1" t="s">
        <v>0</v>
      </c>
    </row>
    <row r="10883" spans="1:5" x14ac:dyDescent="0.25">
      <c r="A10883" s="1" t="s">
        <v>13111</v>
      </c>
      <c r="B10883" s="1" t="s">
        <v>13112</v>
      </c>
      <c r="C10883" s="1" t="s">
        <v>28155</v>
      </c>
      <c r="D10883" s="2">
        <v>163711</v>
      </c>
      <c r="E10883" s="1" t="s">
        <v>0</v>
      </c>
    </row>
    <row r="10884" spans="1:5" x14ac:dyDescent="0.25">
      <c r="A10884" s="1" t="s">
        <v>28156</v>
      </c>
      <c r="B10884" s="1" t="s">
        <v>53471</v>
      </c>
      <c r="C10884" s="1" t="s">
        <v>28157</v>
      </c>
      <c r="D10884" s="2">
        <v>163712</v>
      </c>
      <c r="E10884" s="1" t="s">
        <v>0</v>
      </c>
    </row>
    <row r="10885" spans="1:5" ht="409.5" x14ac:dyDescent="0.25">
      <c r="A10885" s="4" t="s">
        <v>28158</v>
      </c>
      <c r="B10885" s="1" t="s">
        <v>53472</v>
      </c>
      <c r="C10885" s="1" t="s">
        <v>28159</v>
      </c>
      <c r="D10885" s="2">
        <v>163713</v>
      </c>
      <c r="E10885" s="1" t="s">
        <v>0</v>
      </c>
    </row>
    <row r="10886" spans="1:5" x14ac:dyDescent="0.25">
      <c r="A10886" s="1" t="s">
        <v>28160</v>
      </c>
      <c r="B10886" s="1" t="s">
        <v>8137</v>
      </c>
      <c r="C10886" s="1" t="s">
        <v>28161</v>
      </c>
      <c r="D10886" s="2">
        <v>163714</v>
      </c>
      <c r="E10886" s="1" t="s">
        <v>0</v>
      </c>
    </row>
    <row r="10887" spans="1:5" x14ac:dyDescent="0.25">
      <c r="A10887" s="2">
        <v>2177</v>
      </c>
      <c r="B10887" s="2">
        <v>2177</v>
      </c>
      <c r="C10887" s="1" t="s">
        <v>0</v>
      </c>
      <c r="D10887" s="2">
        <v>163715</v>
      </c>
      <c r="E10887" s="1" t="s">
        <v>0</v>
      </c>
    </row>
    <row r="10888" spans="1:5" x14ac:dyDescent="0.25">
      <c r="A10888" s="1" t="s">
        <v>2002</v>
      </c>
      <c r="B10888" s="1" t="s">
        <v>57501</v>
      </c>
      <c r="C10888" s="1" t="s">
        <v>28162</v>
      </c>
      <c r="D10888" s="2">
        <v>163716</v>
      </c>
      <c r="E10888" s="1" t="s">
        <v>0</v>
      </c>
    </row>
    <row r="10889" spans="1:5" x14ac:dyDescent="0.25">
      <c r="A10889" s="1" t="s">
        <v>28163</v>
      </c>
      <c r="B10889" s="1" t="s">
        <v>57502</v>
      </c>
      <c r="C10889" s="1" t="s">
        <v>28164</v>
      </c>
      <c r="D10889" s="2">
        <v>163717</v>
      </c>
      <c r="E10889" s="1" t="s">
        <v>0</v>
      </c>
    </row>
    <row r="10890" spans="1:5" ht="409.5" x14ac:dyDescent="0.25">
      <c r="A10890" s="4" t="s">
        <v>28165</v>
      </c>
      <c r="B10890" s="1" t="s">
        <v>57503</v>
      </c>
      <c r="C10890" s="1" t="s">
        <v>28166</v>
      </c>
      <c r="D10890" s="2">
        <v>163718</v>
      </c>
      <c r="E10890" s="1" t="s">
        <v>0</v>
      </c>
    </row>
    <row r="10891" spans="1:5" x14ac:dyDescent="0.25">
      <c r="A10891" s="1" t="s">
        <v>28167</v>
      </c>
      <c r="B10891" s="1" t="s">
        <v>57504</v>
      </c>
      <c r="C10891" s="1" t="s">
        <v>28168</v>
      </c>
      <c r="D10891" s="2">
        <v>163719</v>
      </c>
      <c r="E10891" s="1" t="s">
        <v>0</v>
      </c>
    </row>
    <row r="10892" spans="1:5" x14ac:dyDescent="0.25">
      <c r="A10892" s="2">
        <v>2178</v>
      </c>
      <c r="B10892" s="2">
        <v>2178</v>
      </c>
      <c r="C10892" s="1" t="s">
        <v>0</v>
      </c>
      <c r="D10892" s="2">
        <v>163720</v>
      </c>
      <c r="E10892" s="1" t="s">
        <v>0</v>
      </c>
    </row>
    <row r="10893" spans="1:5" x14ac:dyDescent="0.25">
      <c r="A10893" s="1" t="s">
        <v>2003</v>
      </c>
      <c r="B10893" s="1" t="s">
        <v>8138</v>
      </c>
      <c r="C10893" s="1" t="s">
        <v>28169</v>
      </c>
      <c r="D10893" s="2">
        <v>163721</v>
      </c>
      <c r="E10893" s="1" t="s">
        <v>0</v>
      </c>
    </row>
    <row r="10894" spans="1:5" x14ac:dyDescent="0.25">
      <c r="A10894" s="1" t="s">
        <v>28170</v>
      </c>
      <c r="B10894" s="1" t="s">
        <v>8139</v>
      </c>
      <c r="C10894" s="1" t="s">
        <v>28171</v>
      </c>
      <c r="D10894" s="2">
        <v>163722</v>
      </c>
      <c r="E10894" s="1" t="s">
        <v>0</v>
      </c>
    </row>
    <row r="10895" spans="1:5" ht="409.5" x14ac:dyDescent="0.25">
      <c r="A10895" s="4" t="s">
        <v>28172</v>
      </c>
      <c r="B10895" s="1" t="s">
        <v>57505</v>
      </c>
      <c r="C10895" s="1" t="s">
        <v>28173</v>
      </c>
      <c r="D10895" s="2">
        <v>163723</v>
      </c>
      <c r="E10895" s="1" t="s">
        <v>0</v>
      </c>
    </row>
    <row r="10896" spans="1:5" x14ac:dyDescent="0.25">
      <c r="A10896" s="1" t="s">
        <v>28174</v>
      </c>
      <c r="B10896" s="1" t="s">
        <v>8140</v>
      </c>
      <c r="C10896" s="1" t="s">
        <v>28175</v>
      </c>
      <c r="D10896" s="2">
        <v>163724</v>
      </c>
      <c r="E10896" s="1" t="s">
        <v>0</v>
      </c>
    </row>
    <row r="10897" spans="1:5" x14ac:dyDescent="0.25">
      <c r="A10897" s="2">
        <v>2179</v>
      </c>
      <c r="B10897" s="2">
        <v>2179</v>
      </c>
      <c r="C10897" s="1" t="s">
        <v>0</v>
      </c>
      <c r="D10897" s="2">
        <v>163725</v>
      </c>
      <c r="E10897" s="1" t="s">
        <v>0</v>
      </c>
    </row>
    <row r="10898" spans="1:5" x14ac:dyDescent="0.25">
      <c r="A10898" s="1" t="s">
        <v>8141</v>
      </c>
      <c r="B10898" s="1" t="s">
        <v>8142</v>
      </c>
      <c r="C10898" s="1" t="s">
        <v>28176</v>
      </c>
      <c r="D10898" s="2">
        <v>163726</v>
      </c>
      <c r="E10898" s="1" t="s">
        <v>0</v>
      </c>
    </row>
    <row r="10899" spans="1:5" x14ac:dyDescent="0.25">
      <c r="A10899" s="1" t="s">
        <v>28177</v>
      </c>
      <c r="B10899" s="1" t="s">
        <v>53473</v>
      </c>
      <c r="C10899" s="1" t="s">
        <v>28178</v>
      </c>
      <c r="D10899" s="2">
        <v>163727</v>
      </c>
      <c r="E10899" s="1" t="s">
        <v>0</v>
      </c>
    </row>
    <row r="10900" spans="1:5" ht="409.5" x14ac:dyDescent="0.25">
      <c r="A10900" s="4" t="s">
        <v>28179</v>
      </c>
      <c r="B10900" s="1" t="s">
        <v>53474</v>
      </c>
      <c r="C10900" s="1" t="s">
        <v>28180</v>
      </c>
      <c r="D10900" s="2">
        <v>163728</v>
      </c>
      <c r="E10900" s="1" t="s">
        <v>0</v>
      </c>
    </row>
    <row r="10901" spans="1:5" x14ac:dyDescent="0.25">
      <c r="A10901" s="1" t="s">
        <v>28181</v>
      </c>
      <c r="B10901" s="1" t="s">
        <v>53475</v>
      </c>
      <c r="C10901" s="1" t="s">
        <v>28182</v>
      </c>
      <c r="D10901" s="2">
        <v>163729</v>
      </c>
      <c r="E10901" s="1" t="s">
        <v>0</v>
      </c>
    </row>
    <row r="10902" spans="1:5" x14ac:dyDescent="0.25">
      <c r="A10902" s="2">
        <v>2180</v>
      </c>
      <c r="B10902" s="2">
        <v>2180</v>
      </c>
      <c r="C10902" s="1" t="s">
        <v>0</v>
      </c>
      <c r="D10902" s="2">
        <v>163730</v>
      </c>
      <c r="E10902" s="1" t="s">
        <v>0</v>
      </c>
    </row>
    <row r="10903" spans="1:5" x14ac:dyDescent="0.25">
      <c r="A10903" s="1" t="s">
        <v>2004</v>
      </c>
      <c r="B10903" s="1" t="s">
        <v>8143</v>
      </c>
      <c r="C10903" s="1" t="s">
        <v>28183</v>
      </c>
      <c r="D10903" s="2">
        <v>163731</v>
      </c>
      <c r="E10903" s="1" t="s">
        <v>0</v>
      </c>
    </row>
    <row r="10904" spans="1:5" x14ac:dyDescent="0.25">
      <c r="A10904" s="1" t="s">
        <v>28184</v>
      </c>
      <c r="B10904" s="1" t="s">
        <v>8144</v>
      </c>
      <c r="C10904" s="1" t="s">
        <v>28185</v>
      </c>
      <c r="D10904" s="2">
        <v>163732</v>
      </c>
      <c r="E10904" s="1" t="s">
        <v>0</v>
      </c>
    </row>
    <row r="10905" spans="1:5" ht="409.5" x14ac:dyDescent="0.25">
      <c r="A10905" s="4" t="s">
        <v>28186</v>
      </c>
      <c r="B10905" s="1" t="s">
        <v>58348</v>
      </c>
      <c r="C10905" s="1" t="s">
        <v>28187</v>
      </c>
      <c r="D10905" s="2">
        <v>163733</v>
      </c>
      <c r="E10905" s="1" t="s">
        <v>0</v>
      </c>
    </row>
    <row r="10906" spans="1:5" x14ac:dyDescent="0.25">
      <c r="A10906" s="1" t="s">
        <v>28188</v>
      </c>
      <c r="B10906" s="1" t="s">
        <v>53476</v>
      </c>
      <c r="C10906" s="1" t="s">
        <v>28189</v>
      </c>
      <c r="D10906" s="2">
        <v>163734</v>
      </c>
      <c r="E10906" s="1" t="s">
        <v>0</v>
      </c>
    </row>
    <row r="10907" spans="1:5" x14ac:dyDescent="0.25">
      <c r="A10907" s="2">
        <v>2181</v>
      </c>
      <c r="B10907" s="2">
        <v>2181</v>
      </c>
      <c r="C10907" s="1" t="s">
        <v>0</v>
      </c>
      <c r="D10907" s="2">
        <v>163735</v>
      </c>
      <c r="E10907" s="1" t="s">
        <v>0</v>
      </c>
    </row>
    <row r="10908" spans="1:5" x14ac:dyDescent="0.25">
      <c r="A10908" s="1" t="s">
        <v>2005</v>
      </c>
      <c r="B10908" s="1" t="s">
        <v>8145</v>
      </c>
      <c r="C10908" s="1" t="s">
        <v>28190</v>
      </c>
      <c r="D10908" s="2">
        <v>163736</v>
      </c>
      <c r="E10908" s="1" t="s">
        <v>0</v>
      </c>
    </row>
    <row r="10909" spans="1:5" x14ac:dyDescent="0.25">
      <c r="A10909" s="1" t="s">
        <v>28191</v>
      </c>
      <c r="B10909" s="1" t="s">
        <v>60601</v>
      </c>
      <c r="C10909" s="1" t="s">
        <v>28192</v>
      </c>
      <c r="D10909" s="2">
        <v>163737</v>
      </c>
      <c r="E10909" s="1" t="s">
        <v>0</v>
      </c>
    </row>
    <row r="10910" spans="1:5" ht="409.5" x14ac:dyDescent="0.25">
      <c r="A10910" s="4" t="s">
        <v>28193</v>
      </c>
      <c r="B10910" s="1" t="s">
        <v>60602</v>
      </c>
      <c r="C10910" s="1" t="s">
        <v>28194</v>
      </c>
      <c r="D10910" s="2">
        <v>163738</v>
      </c>
      <c r="E10910" s="1" t="s">
        <v>0</v>
      </c>
    </row>
    <row r="10911" spans="1:5" x14ac:dyDescent="0.25">
      <c r="A10911" s="1" t="s">
        <v>28195</v>
      </c>
      <c r="B10911" s="1" t="s">
        <v>53477</v>
      </c>
      <c r="C10911" s="1" t="s">
        <v>28196</v>
      </c>
      <c r="D10911" s="2">
        <v>163739</v>
      </c>
      <c r="E10911" s="1" t="s">
        <v>0</v>
      </c>
    </row>
    <row r="10912" spans="1:5" x14ac:dyDescent="0.25">
      <c r="A10912" s="2">
        <v>2182</v>
      </c>
      <c r="B10912" s="2">
        <v>2182</v>
      </c>
      <c r="C10912" s="1" t="s">
        <v>0</v>
      </c>
      <c r="D10912" s="2">
        <v>163740</v>
      </c>
      <c r="E10912" s="1" t="s">
        <v>0</v>
      </c>
    </row>
    <row r="10913" spans="1:5" x14ac:dyDescent="0.25">
      <c r="A10913" s="1" t="s">
        <v>2006</v>
      </c>
      <c r="B10913" s="1" t="s">
        <v>8146</v>
      </c>
      <c r="C10913" s="1" t="s">
        <v>28197</v>
      </c>
      <c r="D10913" s="2">
        <v>163741</v>
      </c>
      <c r="E10913" s="1" t="s">
        <v>0</v>
      </c>
    </row>
    <row r="10914" spans="1:5" x14ac:dyDescent="0.25">
      <c r="A10914" s="1" t="s">
        <v>28198</v>
      </c>
      <c r="B10914" s="1" t="s">
        <v>62422</v>
      </c>
      <c r="C10914" s="1" t="s">
        <v>28199</v>
      </c>
      <c r="D10914" s="2">
        <v>163742</v>
      </c>
      <c r="E10914" s="1" t="s">
        <v>0</v>
      </c>
    </row>
    <row r="10915" spans="1:5" ht="409.5" x14ac:dyDescent="0.25">
      <c r="A10915" s="4" t="s">
        <v>28200</v>
      </c>
      <c r="B10915" s="1" t="s">
        <v>62423</v>
      </c>
      <c r="C10915" s="1" t="s">
        <v>28201</v>
      </c>
      <c r="D10915" s="2">
        <v>163743</v>
      </c>
      <c r="E10915" s="1" t="s">
        <v>0</v>
      </c>
    </row>
    <row r="10916" spans="1:5" x14ac:dyDescent="0.25">
      <c r="A10916" s="1" t="s">
        <v>28202</v>
      </c>
      <c r="B10916" s="1" t="s">
        <v>61097</v>
      </c>
      <c r="C10916" s="1" t="s">
        <v>28203</v>
      </c>
      <c r="D10916" s="2">
        <v>163744</v>
      </c>
      <c r="E10916" s="1" t="s">
        <v>0</v>
      </c>
    </row>
    <row r="10917" spans="1:5" x14ac:dyDescent="0.25">
      <c r="A10917" s="2">
        <v>2183</v>
      </c>
      <c r="B10917" s="2">
        <v>2183</v>
      </c>
      <c r="C10917" s="1" t="s">
        <v>0</v>
      </c>
      <c r="D10917" s="2">
        <v>163745</v>
      </c>
      <c r="E10917" s="1" t="s">
        <v>0</v>
      </c>
    </row>
    <row r="10918" spans="1:5" x14ac:dyDescent="0.25">
      <c r="A10918" s="1" t="s">
        <v>2007</v>
      </c>
      <c r="B10918" s="1" t="s">
        <v>8147</v>
      </c>
      <c r="C10918" s="1" t="s">
        <v>28204</v>
      </c>
      <c r="D10918" s="2">
        <v>163746</v>
      </c>
      <c r="E10918" s="1" t="s">
        <v>0</v>
      </c>
    </row>
    <row r="10919" spans="1:5" x14ac:dyDescent="0.25">
      <c r="A10919" s="1" t="s">
        <v>28205</v>
      </c>
      <c r="B10919" s="1" t="s">
        <v>8148</v>
      </c>
      <c r="C10919" s="1" t="s">
        <v>28206</v>
      </c>
      <c r="D10919" s="2">
        <v>163747</v>
      </c>
      <c r="E10919" s="1" t="s">
        <v>0</v>
      </c>
    </row>
    <row r="10920" spans="1:5" ht="409.5" x14ac:dyDescent="0.25">
      <c r="A10920" s="4" t="s">
        <v>28207</v>
      </c>
      <c r="B10920" s="1" t="s">
        <v>59972</v>
      </c>
      <c r="C10920" s="1" t="s">
        <v>28208</v>
      </c>
      <c r="D10920" s="2">
        <v>163748</v>
      </c>
      <c r="E10920" s="1" t="s">
        <v>0</v>
      </c>
    </row>
    <row r="10921" spans="1:5" x14ac:dyDescent="0.25">
      <c r="A10921" s="1" t="s">
        <v>28209</v>
      </c>
      <c r="B10921" s="1" t="s">
        <v>53478</v>
      </c>
      <c r="C10921" s="1" t="s">
        <v>28210</v>
      </c>
      <c r="D10921" s="2">
        <v>163749</v>
      </c>
      <c r="E10921" s="1" t="s">
        <v>0</v>
      </c>
    </row>
    <row r="10922" spans="1:5" x14ac:dyDescent="0.25">
      <c r="A10922" s="2">
        <v>2184</v>
      </c>
      <c r="B10922" s="2">
        <v>2184</v>
      </c>
      <c r="C10922" s="1" t="s">
        <v>0</v>
      </c>
      <c r="D10922" s="2">
        <v>163750</v>
      </c>
      <c r="E10922" s="1" t="s">
        <v>0</v>
      </c>
    </row>
    <row r="10923" spans="1:5" x14ac:dyDescent="0.25">
      <c r="A10923" s="1" t="s">
        <v>2008</v>
      </c>
      <c r="B10923" s="1" t="s">
        <v>8149</v>
      </c>
      <c r="C10923" s="1" t="s">
        <v>28211</v>
      </c>
      <c r="D10923" s="2">
        <v>163751</v>
      </c>
      <c r="E10923" s="1" t="s">
        <v>0</v>
      </c>
    </row>
    <row r="10924" spans="1:5" x14ac:dyDescent="0.25">
      <c r="A10924" s="1" t="s">
        <v>28212</v>
      </c>
      <c r="B10924" s="1" t="s">
        <v>53479</v>
      </c>
      <c r="C10924" s="1" t="s">
        <v>28213</v>
      </c>
      <c r="D10924" s="2">
        <v>163752</v>
      </c>
      <c r="E10924" s="1" t="s">
        <v>0</v>
      </c>
    </row>
    <row r="10925" spans="1:5" ht="409.5" x14ac:dyDescent="0.25">
      <c r="A10925" s="4" t="s">
        <v>28214</v>
      </c>
      <c r="B10925" s="1" t="s">
        <v>53480</v>
      </c>
      <c r="C10925" s="1" t="s">
        <v>28215</v>
      </c>
      <c r="D10925" s="2">
        <v>163753</v>
      </c>
      <c r="E10925" s="1" t="s">
        <v>0</v>
      </c>
    </row>
    <row r="10926" spans="1:5" x14ac:dyDescent="0.25">
      <c r="A10926" s="1" t="s">
        <v>28216</v>
      </c>
      <c r="B10926" s="1" t="s">
        <v>61098</v>
      </c>
      <c r="C10926" s="1" t="s">
        <v>28217</v>
      </c>
      <c r="D10926" s="2">
        <v>163754</v>
      </c>
      <c r="E10926" s="1" t="s">
        <v>0</v>
      </c>
    </row>
    <row r="10927" spans="1:5" x14ac:dyDescent="0.25">
      <c r="A10927" s="2">
        <v>2185</v>
      </c>
      <c r="B10927" s="2">
        <v>2185</v>
      </c>
      <c r="C10927" s="1" t="s">
        <v>0</v>
      </c>
      <c r="D10927" s="2">
        <v>163755</v>
      </c>
      <c r="E10927" s="1" t="s">
        <v>0</v>
      </c>
    </row>
    <row r="10928" spans="1:5" x14ac:dyDescent="0.25">
      <c r="A10928" s="1" t="s">
        <v>2009</v>
      </c>
      <c r="B10928" s="1" t="s">
        <v>8150</v>
      </c>
      <c r="C10928" s="1" t="s">
        <v>28218</v>
      </c>
      <c r="D10928" s="2">
        <v>163756</v>
      </c>
      <c r="E10928" s="1" t="s">
        <v>0</v>
      </c>
    </row>
    <row r="10929" spans="1:5" x14ac:dyDescent="0.25">
      <c r="A10929" s="1" t="s">
        <v>28219</v>
      </c>
      <c r="B10929" s="1" t="s">
        <v>8151</v>
      </c>
      <c r="C10929" s="1" t="s">
        <v>28220</v>
      </c>
      <c r="D10929" s="2">
        <v>163757</v>
      </c>
      <c r="E10929" s="1" t="s">
        <v>0</v>
      </c>
    </row>
    <row r="10930" spans="1:5" ht="409.5" x14ac:dyDescent="0.25">
      <c r="A10930" s="4" t="s">
        <v>28221</v>
      </c>
      <c r="B10930" s="1" t="s">
        <v>53481</v>
      </c>
      <c r="C10930" s="1" t="s">
        <v>28222</v>
      </c>
      <c r="D10930" s="2">
        <v>163758</v>
      </c>
      <c r="E10930" s="1" t="s">
        <v>0</v>
      </c>
    </row>
    <row r="10931" spans="1:5" x14ac:dyDescent="0.25">
      <c r="A10931" s="1" t="s">
        <v>15303</v>
      </c>
      <c r="B10931" s="1" t="s">
        <v>60888</v>
      </c>
      <c r="C10931" s="1" t="s">
        <v>15304</v>
      </c>
      <c r="D10931" s="2">
        <v>163759</v>
      </c>
      <c r="E10931" s="1" t="s">
        <v>0</v>
      </c>
    </row>
    <row r="10932" spans="1:5" x14ac:dyDescent="0.25">
      <c r="A10932" s="2">
        <v>2186</v>
      </c>
      <c r="B10932" s="2">
        <v>2186</v>
      </c>
      <c r="C10932" s="1" t="s">
        <v>0</v>
      </c>
      <c r="D10932" s="2">
        <v>163760</v>
      </c>
      <c r="E10932" s="1" t="s">
        <v>0</v>
      </c>
    </row>
    <row r="10933" spans="1:5" x14ac:dyDescent="0.25">
      <c r="A10933" s="1" t="s">
        <v>2010</v>
      </c>
      <c r="B10933" s="1" t="s">
        <v>8152</v>
      </c>
      <c r="C10933" s="1" t="s">
        <v>28223</v>
      </c>
      <c r="D10933" s="2">
        <v>163761</v>
      </c>
      <c r="E10933" s="1" t="s">
        <v>0</v>
      </c>
    </row>
    <row r="10934" spans="1:5" x14ac:dyDescent="0.25">
      <c r="A10934" s="1" t="s">
        <v>28224</v>
      </c>
      <c r="B10934" s="1" t="s">
        <v>53482</v>
      </c>
      <c r="C10934" s="1" t="s">
        <v>28225</v>
      </c>
      <c r="D10934" s="2">
        <v>163762</v>
      </c>
      <c r="E10934" s="1" t="s">
        <v>0</v>
      </c>
    </row>
    <row r="10935" spans="1:5" ht="409.5" x14ac:dyDescent="0.25">
      <c r="A10935" s="4" t="s">
        <v>28226</v>
      </c>
      <c r="B10935" s="1" t="s">
        <v>53483</v>
      </c>
      <c r="C10935" s="1" t="s">
        <v>28227</v>
      </c>
      <c r="D10935" s="2">
        <v>163763</v>
      </c>
      <c r="E10935" s="1" t="s">
        <v>0</v>
      </c>
    </row>
    <row r="10936" spans="1:5" x14ac:dyDescent="0.25">
      <c r="A10936" s="1" t="s">
        <v>28228</v>
      </c>
      <c r="B10936" s="1" t="s">
        <v>8153</v>
      </c>
      <c r="C10936" s="1" t="s">
        <v>28229</v>
      </c>
      <c r="D10936" s="2">
        <v>163764</v>
      </c>
      <c r="E10936" s="1" t="s">
        <v>0</v>
      </c>
    </row>
    <row r="10937" spans="1:5" x14ac:dyDescent="0.25">
      <c r="A10937" s="2">
        <v>2187</v>
      </c>
      <c r="B10937" s="2">
        <v>2187</v>
      </c>
      <c r="C10937" s="1" t="s">
        <v>0</v>
      </c>
      <c r="D10937" s="2">
        <v>163765</v>
      </c>
      <c r="E10937" s="1" t="s">
        <v>0</v>
      </c>
    </row>
    <row r="10938" spans="1:5" x14ac:dyDescent="0.25">
      <c r="A10938" s="1" t="s">
        <v>329</v>
      </c>
      <c r="B10938" s="1" t="s">
        <v>5478</v>
      </c>
      <c r="C10938" s="1" t="s">
        <v>5479</v>
      </c>
      <c r="D10938" s="2">
        <v>163766</v>
      </c>
      <c r="E10938" s="1" t="s">
        <v>0</v>
      </c>
    </row>
    <row r="10939" spans="1:5" x14ac:dyDescent="0.25">
      <c r="A10939" s="1" t="s">
        <v>64143</v>
      </c>
      <c r="B10939" s="1" t="s">
        <v>53484</v>
      </c>
      <c r="C10939" s="1" t="s">
        <v>28230</v>
      </c>
      <c r="D10939" s="2">
        <v>163767</v>
      </c>
      <c r="E10939" s="1" t="s">
        <v>0</v>
      </c>
    </row>
    <row r="10940" spans="1:5" ht="409.5" x14ac:dyDescent="0.25">
      <c r="A10940" s="4" t="s">
        <v>64144</v>
      </c>
      <c r="B10940" s="1" t="s">
        <v>63324</v>
      </c>
      <c r="C10940" s="1" t="s">
        <v>28231</v>
      </c>
      <c r="D10940" s="2">
        <v>163768</v>
      </c>
      <c r="E10940" s="1" t="s">
        <v>0</v>
      </c>
    </row>
    <row r="10941" spans="1:5" x14ac:dyDescent="0.25">
      <c r="A10941" s="1" t="s">
        <v>28232</v>
      </c>
      <c r="B10941" s="1" t="s">
        <v>53485</v>
      </c>
      <c r="C10941" s="1" t="s">
        <v>28233</v>
      </c>
      <c r="D10941" s="2">
        <v>163769</v>
      </c>
      <c r="E10941" s="1" t="s">
        <v>0</v>
      </c>
    </row>
    <row r="10942" spans="1:5" x14ac:dyDescent="0.25">
      <c r="A10942" s="2">
        <v>2188</v>
      </c>
      <c r="B10942" s="2">
        <v>2188</v>
      </c>
      <c r="C10942" s="1" t="s">
        <v>0</v>
      </c>
      <c r="D10942" s="2">
        <v>163770</v>
      </c>
      <c r="E10942" s="1" t="s">
        <v>0</v>
      </c>
    </row>
    <row r="10943" spans="1:5" x14ac:dyDescent="0.25">
      <c r="A10943" s="1" t="s">
        <v>2011</v>
      </c>
      <c r="B10943" s="1" t="s">
        <v>8154</v>
      </c>
      <c r="C10943" s="1" t="s">
        <v>28234</v>
      </c>
      <c r="D10943" s="2">
        <v>163771</v>
      </c>
      <c r="E10943" s="1" t="s">
        <v>0</v>
      </c>
    </row>
    <row r="10944" spans="1:5" x14ac:dyDescent="0.25">
      <c r="A10944" s="1" t="s">
        <v>28235</v>
      </c>
      <c r="B10944" s="1" t="s">
        <v>53486</v>
      </c>
      <c r="C10944" s="1" t="s">
        <v>28236</v>
      </c>
      <c r="D10944" s="2">
        <v>163772</v>
      </c>
      <c r="E10944" s="1" t="s">
        <v>0</v>
      </c>
    </row>
    <row r="10945" spans="1:5" ht="409.5" x14ac:dyDescent="0.25">
      <c r="A10945" s="4" t="s">
        <v>28237</v>
      </c>
      <c r="B10945" s="1" t="s">
        <v>53487</v>
      </c>
      <c r="C10945" s="1" t="s">
        <v>28238</v>
      </c>
      <c r="D10945" s="2">
        <v>163773</v>
      </c>
      <c r="E10945" s="1" t="s">
        <v>0</v>
      </c>
    </row>
    <row r="10946" spans="1:5" x14ac:dyDescent="0.25">
      <c r="A10946" s="1" t="s">
        <v>28239</v>
      </c>
      <c r="B10946" s="1" t="s">
        <v>53488</v>
      </c>
      <c r="C10946" s="1" t="s">
        <v>28240</v>
      </c>
      <c r="D10946" s="2">
        <v>163774</v>
      </c>
      <c r="E10946" s="1" t="s">
        <v>0</v>
      </c>
    </row>
    <row r="10947" spans="1:5" x14ac:dyDescent="0.25">
      <c r="A10947" s="2">
        <v>2189</v>
      </c>
      <c r="B10947" s="2">
        <v>2189</v>
      </c>
      <c r="C10947" s="1" t="s">
        <v>0</v>
      </c>
      <c r="D10947" s="2">
        <v>163775</v>
      </c>
      <c r="E10947" s="1" t="s">
        <v>0</v>
      </c>
    </row>
    <row r="10948" spans="1:5" x14ac:dyDescent="0.25">
      <c r="A10948" s="1" t="s">
        <v>2012</v>
      </c>
      <c r="B10948" s="1" t="s">
        <v>57833</v>
      </c>
      <c r="C10948" s="1" t="s">
        <v>28241</v>
      </c>
      <c r="D10948" s="2">
        <v>163776</v>
      </c>
      <c r="E10948" s="1" t="s">
        <v>0</v>
      </c>
    </row>
    <row r="10949" spans="1:5" x14ac:dyDescent="0.25">
      <c r="A10949" s="1" t="s">
        <v>28242</v>
      </c>
      <c r="B10949" s="1" t="s">
        <v>62424</v>
      </c>
      <c r="C10949" s="1" t="s">
        <v>28243</v>
      </c>
      <c r="D10949" s="2">
        <v>163777</v>
      </c>
      <c r="E10949" s="1" t="s">
        <v>0</v>
      </c>
    </row>
    <row r="10950" spans="1:5" ht="409.5" x14ac:dyDescent="0.25">
      <c r="A10950" s="4" t="s">
        <v>28244</v>
      </c>
      <c r="B10950" s="1" t="s">
        <v>62425</v>
      </c>
      <c r="C10950" s="1" t="s">
        <v>28245</v>
      </c>
      <c r="D10950" s="2">
        <v>163778</v>
      </c>
      <c r="E10950" s="1" t="s">
        <v>0</v>
      </c>
    </row>
    <row r="10951" spans="1:5" x14ac:dyDescent="0.25">
      <c r="A10951" s="1" t="s">
        <v>28246</v>
      </c>
      <c r="B10951" s="1" t="s">
        <v>8155</v>
      </c>
      <c r="C10951" s="1" t="s">
        <v>28247</v>
      </c>
      <c r="D10951" s="2">
        <v>163779</v>
      </c>
      <c r="E10951" s="1" t="s">
        <v>0</v>
      </c>
    </row>
    <row r="10952" spans="1:5" x14ac:dyDescent="0.25">
      <c r="A10952" s="2">
        <v>2190</v>
      </c>
      <c r="B10952" s="2">
        <v>2190</v>
      </c>
      <c r="C10952" s="1" t="s">
        <v>0</v>
      </c>
      <c r="D10952" s="2">
        <v>163780</v>
      </c>
      <c r="E10952" s="1" t="s">
        <v>0</v>
      </c>
    </row>
    <row r="10953" spans="1:5" x14ac:dyDescent="0.25">
      <c r="A10953" s="1" t="s">
        <v>2013</v>
      </c>
      <c r="B10953" s="1" t="s">
        <v>53489</v>
      </c>
      <c r="C10953" s="1" t="s">
        <v>28248</v>
      </c>
      <c r="D10953" s="2">
        <v>163781</v>
      </c>
      <c r="E10953" s="1" t="s">
        <v>0</v>
      </c>
    </row>
    <row r="10954" spans="1:5" x14ac:dyDescent="0.25">
      <c r="A10954" s="1" t="s">
        <v>28249</v>
      </c>
      <c r="B10954" s="1" t="s">
        <v>53490</v>
      </c>
      <c r="C10954" s="1" t="s">
        <v>28250</v>
      </c>
      <c r="D10954" s="2">
        <v>163782</v>
      </c>
      <c r="E10954" s="1" t="s">
        <v>0</v>
      </c>
    </row>
    <row r="10955" spans="1:5" ht="409.5" x14ac:dyDescent="0.25">
      <c r="A10955" s="4" t="s">
        <v>28251</v>
      </c>
      <c r="B10955" s="1" t="s">
        <v>59973</v>
      </c>
      <c r="C10955" s="1" t="s">
        <v>28252</v>
      </c>
      <c r="D10955" s="2">
        <v>163783</v>
      </c>
      <c r="E10955" s="1" t="s">
        <v>0</v>
      </c>
    </row>
    <row r="10956" spans="1:5" x14ac:dyDescent="0.25">
      <c r="A10956" s="1" t="s">
        <v>28253</v>
      </c>
      <c r="B10956" s="1" t="s">
        <v>61099</v>
      </c>
      <c r="C10956" s="1" t="s">
        <v>28254</v>
      </c>
      <c r="D10956" s="2">
        <v>163784</v>
      </c>
      <c r="E10956" s="1" t="s">
        <v>0</v>
      </c>
    </row>
    <row r="10957" spans="1:5" x14ac:dyDescent="0.25">
      <c r="A10957" s="2">
        <v>2191</v>
      </c>
      <c r="B10957" s="2">
        <v>2191</v>
      </c>
      <c r="C10957" s="1" t="s">
        <v>0</v>
      </c>
      <c r="D10957" s="2">
        <v>163785</v>
      </c>
      <c r="E10957" s="1" t="s">
        <v>0</v>
      </c>
    </row>
    <row r="10958" spans="1:5" x14ac:dyDescent="0.25">
      <c r="A10958" s="1" t="s">
        <v>2014</v>
      </c>
      <c r="B10958" s="1" t="s">
        <v>8156</v>
      </c>
      <c r="C10958" s="1" t="s">
        <v>28255</v>
      </c>
      <c r="D10958" s="2">
        <v>163786</v>
      </c>
      <c r="E10958" s="1" t="s">
        <v>0</v>
      </c>
    </row>
    <row r="10959" spans="1:5" x14ac:dyDescent="0.25">
      <c r="A10959" s="1" t="s">
        <v>28256</v>
      </c>
      <c r="B10959" s="1" t="s">
        <v>63698</v>
      </c>
      <c r="C10959" s="1" t="s">
        <v>28257</v>
      </c>
      <c r="D10959" s="2">
        <v>163787</v>
      </c>
      <c r="E10959" s="1" t="s">
        <v>0</v>
      </c>
    </row>
    <row r="10960" spans="1:5" ht="409.5" x14ac:dyDescent="0.25">
      <c r="A10960" s="4" t="s">
        <v>28258</v>
      </c>
      <c r="B10960" s="1" t="s">
        <v>63699</v>
      </c>
      <c r="C10960" s="1" t="s">
        <v>28259</v>
      </c>
      <c r="D10960" s="2">
        <v>163788</v>
      </c>
      <c r="E10960" s="1" t="s">
        <v>0</v>
      </c>
    </row>
    <row r="10961" spans="1:5" x14ac:dyDescent="0.25">
      <c r="A10961" s="1" t="s">
        <v>28260</v>
      </c>
      <c r="B10961" s="1" t="s">
        <v>53491</v>
      </c>
      <c r="C10961" s="1" t="s">
        <v>28261</v>
      </c>
      <c r="D10961" s="2">
        <v>163789</v>
      </c>
      <c r="E10961" s="1" t="s">
        <v>0</v>
      </c>
    </row>
    <row r="10962" spans="1:5" x14ac:dyDescent="0.25">
      <c r="A10962" s="2">
        <v>2192</v>
      </c>
      <c r="B10962" s="2">
        <v>2192</v>
      </c>
      <c r="C10962" s="1" t="s">
        <v>0</v>
      </c>
      <c r="D10962" s="2">
        <v>163790</v>
      </c>
      <c r="E10962" s="1" t="s">
        <v>0</v>
      </c>
    </row>
    <row r="10963" spans="1:5" x14ac:dyDescent="0.25">
      <c r="A10963" s="1" t="s">
        <v>2015</v>
      </c>
      <c r="B10963" s="1" t="s">
        <v>8157</v>
      </c>
      <c r="C10963" s="1" t="s">
        <v>28262</v>
      </c>
      <c r="D10963" s="2">
        <v>163791</v>
      </c>
      <c r="E10963" s="1" t="s">
        <v>0</v>
      </c>
    </row>
    <row r="10964" spans="1:5" x14ac:dyDescent="0.25">
      <c r="A10964" s="1" t="s">
        <v>28263</v>
      </c>
      <c r="B10964" s="1" t="s">
        <v>8158</v>
      </c>
      <c r="C10964" s="1" t="s">
        <v>28264</v>
      </c>
      <c r="D10964" s="2">
        <v>163792</v>
      </c>
      <c r="E10964" s="1" t="s">
        <v>0</v>
      </c>
    </row>
    <row r="10965" spans="1:5" ht="409.5" x14ac:dyDescent="0.25">
      <c r="A10965" s="4" t="s">
        <v>28265</v>
      </c>
      <c r="B10965" s="1" t="s">
        <v>28266</v>
      </c>
      <c r="C10965" s="1" t="s">
        <v>28267</v>
      </c>
      <c r="D10965" s="2">
        <v>163793</v>
      </c>
      <c r="E10965" s="1" t="s">
        <v>0</v>
      </c>
    </row>
    <row r="10966" spans="1:5" x14ac:dyDescent="0.25">
      <c r="A10966" s="1" t="s">
        <v>28268</v>
      </c>
      <c r="B10966" s="1" t="s">
        <v>53492</v>
      </c>
      <c r="C10966" s="1" t="s">
        <v>28269</v>
      </c>
      <c r="D10966" s="2">
        <v>163794</v>
      </c>
      <c r="E10966" s="1" t="s">
        <v>0</v>
      </c>
    </row>
    <row r="10967" spans="1:5" x14ac:dyDescent="0.25">
      <c r="A10967" s="2">
        <v>2193</v>
      </c>
      <c r="B10967" s="2">
        <v>2193</v>
      </c>
      <c r="C10967" s="1" t="s">
        <v>0</v>
      </c>
      <c r="D10967" s="2">
        <v>163795</v>
      </c>
      <c r="E10967" s="1" t="s">
        <v>0</v>
      </c>
    </row>
    <row r="10968" spans="1:5" x14ac:dyDescent="0.25">
      <c r="A10968" s="1" t="s">
        <v>2016</v>
      </c>
      <c r="B10968" s="1" t="s">
        <v>8159</v>
      </c>
      <c r="C10968" s="1" t="s">
        <v>28270</v>
      </c>
      <c r="D10968" s="2">
        <v>163796</v>
      </c>
      <c r="E10968" s="1" t="s">
        <v>0</v>
      </c>
    </row>
    <row r="10969" spans="1:5" x14ac:dyDescent="0.25">
      <c r="A10969" s="1" t="s">
        <v>28271</v>
      </c>
      <c r="B10969" s="1" t="s">
        <v>53493</v>
      </c>
      <c r="C10969" s="1" t="s">
        <v>28272</v>
      </c>
      <c r="D10969" s="2">
        <v>163797</v>
      </c>
      <c r="E10969" s="1" t="s">
        <v>0</v>
      </c>
    </row>
    <row r="10970" spans="1:5" ht="409.5" x14ac:dyDescent="0.25">
      <c r="A10970" s="4" t="s">
        <v>28273</v>
      </c>
      <c r="B10970" s="1" t="s">
        <v>53494</v>
      </c>
      <c r="C10970" s="1" t="s">
        <v>28274</v>
      </c>
      <c r="D10970" s="2">
        <v>163798</v>
      </c>
      <c r="E10970" s="1" t="s">
        <v>0</v>
      </c>
    </row>
    <row r="10971" spans="1:5" x14ac:dyDescent="0.25">
      <c r="A10971" s="1" t="s">
        <v>28275</v>
      </c>
      <c r="B10971" s="1" t="s">
        <v>53495</v>
      </c>
      <c r="C10971" s="1" t="s">
        <v>28276</v>
      </c>
      <c r="D10971" s="2">
        <v>163799</v>
      </c>
      <c r="E10971" s="1" t="s">
        <v>0</v>
      </c>
    </row>
    <row r="10972" spans="1:5" x14ac:dyDescent="0.25">
      <c r="A10972" s="2">
        <v>2194</v>
      </c>
      <c r="B10972" s="2">
        <v>2194</v>
      </c>
      <c r="C10972" s="1" t="s">
        <v>0</v>
      </c>
      <c r="D10972" s="2">
        <v>163800</v>
      </c>
      <c r="E10972" s="1" t="s">
        <v>0</v>
      </c>
    </row>
    <row r="10973" spans="1:5" x14ac:dyDescent="0.25">
      <c r="A10973" s="1" t="s">
        <v>2017</v>
      </c>
      <c r="B10973" s="1" t="s">
        <v>8160</v>
      </c>
      <c r="C10973" s="1" t="s">
        <v>28277</v>
      </c>
      <c r="D10973" s="2">
        <v>163801</v>
      </c>
      <c r="E10973" s="1" t="s">
        <v>0</v>
      </c>
    </row>
    <row r="10974" spans="1:5" x14ac:dyDescent="0.25">
      <c r="A10974" s="1" t="s">
        <v>28278</v>
      </c>
      <c r="B10974" s="1" t="s">
        <v>8161</v>
      </c>
      <c r="C10974" s="1" t="s">
        <v>28279</v>
      </c>
      <c r="D10974" s="2">
        <v>163802</v>
      </c>
      <c r="E10974" s="1" t="s">
        <v>0</v>
      </c>
    </row>
    <row r="10975" spans="1:5" ht="409.5" x14ac:dyDescent="0.25">
      <c r="A10975" s="4" t="s">
        <v>28280</v>
      </c>
      <c r="B10975" s="1" t="s">
        <v>8162</v>
      </c>
      <c r="C10975" s="1" t="s">
        <v>28281</v>
      </c>
      <c r="D10975" s="2">
        <v>163803</v>
      </c>
      <c r="E10975" s="1" t="s">
        <v>0</v>
      </c>
    </row>
    <row r="10976" spans="1:5" x14ac:dyDescent="0.25">
      <c r="A10976" s="1" t="s">
        <v>28282</v>
      </c>
      <c r="B10976" s="1" t="s">
        <v>53496</v>
      </c>
      <c r="C10976" s="1" t="s">
        <v>28283</v>
      </c>
      <c r="D10976" s="2">
        <v>163804</v>
      </c>
      <c r="E10976" s="1" t="s">
        <v>0</v>
      </c>
    </row>
    <row r="10977" spans="1:5" x14ac:dyDescent="0.25">
      <c r="A10977" s="2">
        <v>2195</v>
      </c>
      <c r="B10977" s="2">
        <v>2195</v>
      </c>
      <c r="C10977" s="1" t="s">
        <v>0</v>
      </c>
      <c r="D10977" s="2">
        <v>163805</v>
      </c>
      <c r="E10977" s="1" t="s">
        <v>0</v>
      </c>
    </row>
    <row r="10978" spans="1:5" x14ac:dyDescent="0.25">
      <c r="A10978" s="1" t="s">
        <v>2018</v>
      </c>
      <c r="B10978" s="1" t="s">
        <v>8163</v>
      </c>
      <c r="C10978" s="1" t="s">
        <v>28284</v>
      </c>
      <c r="D10978" s="2">
        <v>163806</v>
      </c>
      <c r="E10978" s="1" t="s">
        <v>0</v>
      </c>
    </row>
    <row r="10979" spans="1:5" x14ac:dyDescent="0.25">
      <c r="A10979" s="1" t="s">
        <v>28285</v>
      </c>
      <c r="B10979" s="1" t="s">
        <v>53497</v>
      </c>
      <c r="C10979" s="1" t="s">
        <v>28286</v>
      </c>
      <c r="D10979" s="2">
        <v>163807</v>
      </c>
      <c r="E10979" s="1" t="s">
        <v>0</v>
      </c>
    </row>
    <row r="10980" spans="1:5" ht="409.5" x14ac:dyDescent="0.25">
      <c r="A10980" s="4" t="s">
        <v>28287</v>
      </c>
      <c r="B10980" s="1" t="s">
        <v>63700</v>
      </c>
      <c r="C10980" s="1" t="s">
        <v>28288</v>
      </c>
      <c r="D10980" s="2">
        <v>163808</v>
      </c>
      <c r="E10980" s="1" t="s">
        <v>0</v>
      </c>
    </row>
    <row r="10981" spans="1:5" x14ac:dyDescent="0.25">
      <c r="A10981" s="1" t="s">
        <v>13413</v>
      </c>
      <c r="B10981" s="1" t="s">
        <v>60845</v>
      </c>
      <c r="C10981" s="1" t="s">
        <v>13414</v>
      </c>
      <c r="D10981" s="2">
        <v>163809</v>
      </c>
      <c r="E10981" s="1" t="s">
        <v>0</v>
      </c>
    </row>
    <row r="10982" spans="1:5" x14ac:dyDescent="0.25">
      <c r="A10982" s="2">
        <v>2196</v>
      </c>
      <c r="B10982" s="2">
        <v>2196</v>
      </c>
      <c r="C10982" s="1" t="s">
        <v>0</v>
      </c>
      <c r="D10982" s="2">
        <v>163810</v>
      </c>
      <c r="E10982" s="1" t="s">
        <v>0</v>
      </c>
    </row>
    <row r="10983" spans="1:5" x14ac:dyDescent="0.25">
      <c r="A10983" s="1" t="s">
        <v>2019</v>
      </c>
      <c r="B10983" s="1" t="s">
        <v>8164</v>
      </c>
      <c r="C10983" s="1" t="s">
        <v>28289</v>
      </c>
      <c r="D10983" s="2">
        <v>163811</v>
      </c>
      <c r="E10983" s="1" t="s">
        <v>0</v>
      </c>
    </row>
    <row r="10984" spans="1:5" x14ac:dyDescent="0.25">
      <c r="A10984" s="1" t="s">
        <v>28290</v>
      </c>
      <c r="B10984" s="1" t="s">
        <v>8165</v>
      </c>
      <c r="C10984" s="1" t="s">
        <v>28291</v>
      </c>
      <c r="D10984" s="2">
        <v>163812</v>
      </c>
      <c r="E10984" s="1" t="s">
        <v>0</v>
      </c>
    </row>
    <row r="10985" spans="1:5" ht="409.5" x14ac:dyDescent="0.25">
      <c r="A10985" s="4" t="s">
        <v>28292</v>
      </c>
      <c r="B10985" s="1" t="s">
        <v>58349</v>
      </c>
      <c r="C10985" s="1" t="s">
        <v>28293</v>
      </c>
      <c r="D10985" s="2">
        <v>163813</v>
      </c>
      <c r="E10985" s="1" t="s">
        <v>0</v>
      </c>
    </row>
    <row r="10986" spans="1:5" x14ac:dyDescent="0.25">
      <c r="A10986" s="1" t="s">
        <v>28294</v>
      </c>
      <c r="B10986" s="1" t="s">
        <v>53498</v>
      </c>
      <c r="C10986" s="1" t="s">
        <v>28295</v>
      </c>
      <c r="D10986" s="2">
        <v>163814</v>
      </c>
      <c r="E10986" s="1" t="s">
        <v>0</v>
      </c>
    </row>
    <row r="10987" spans="1:5" x14ac:dyDescent="0.25">
      <c r="A10987" s="2">
        <v>2197</v>
      </c>
      <c r="B10987" s="2">
        <v>2197</v>
      </c>
      <c r="C10987" s="1" t="s">
        <v>0</v>
      </c>
      <c r="D10987" s="2">
        <v>163815</v>
      </c>
      <c r="E10987" s="1" t="s">
        <v>0</v>
      </c>
    </row>
    <row r="10988" spans="1:5" x14ac:dyDescent="0.25">
      <c r="A10988" s="1" t="s">
        <v>2020</v>
      </c>
      <c r="B10988" s="1" t="s">
        <v>50685</v>
      </c>
      <c r="C10988" s="1" t="s">
        <v>28296</v>
      </c>
      <c r="D10988" s="2">
        <v>163816</v>
      </c>
      <c r="E10988" s="1" t="s">
        <v>0</v>
      </c>
    </row>
    <row r="10989" spans="1:5" x14ac:dyDescent="0.25">
      <c r="A10989" s="1" t="s">
        <v>28297</v>
      </c>
      <c r="B10989" s="1" t="s">
        <v>50686</v>
      </c>
      <c r="C10989" s="1" t="s">
        <v>28298</v>
      </c>
      <c r="D10989" s="2">
        <v>163817</v>
      </c>
      <c r="E10989" s="1" t="s">
        <v>0</v>
      </c>
    </row>
    <row r="10990" spans="1:5" ht="409.5" x14ac:dyDescent="0.25">
      <c r="A10990" s="4" t="s">
        <v>28299</v>
      </c>
      <c r="B10990" s="1" t="s">
        <v>61100</v>
      </c>
      <c r="C10990" s="1" t="s">
        <v>28300</v>
      </c>
      <c r="D10990" s="2">
        <v>163818</v>
      </c>
      <c r="E10990" s="1" t="s">
        <v>0</v>
      </c>
    </row>
    <row r="10991" spans="1:5" x14ac:dyDescent="0.25">
      <c r="A10991" s="1" t="s">
        <v>28301</v>
      </c>
      <c r="B10991" s="1" t="s">
        <v>53499</v>
      </c>
      <c r="C10991" s="1" t="s">
        <v>28302</v>
      </c>
      <c r="D10991" s="2">
        <v>163819</v>
      </c>
      <c r="E10991" s="1" t="s">
        <v>0</v>
      </c>
    </row>
    <row r="10992" spans="1:5" x14ac:dyDescent="0.25">
      <c r="A10992" s="2">
        <v>2198</v>
      </c>
      <c r="B10992" s="2">
        <v>2198</v>
      </c>
      <c r="C10992" s="1" t="s">
        <v>0</v>
      </c>
      <c r="D10992" s="2">
        <v>163820</v>
      </c>
      <c r="E10992" s="1" t="s">
        <v>0</v>
      </c>
    </row>
    <row r="10993" spans="1:5" x14ac:dyDescent="0.25">
      <c r="A10993" s="1" t="s">
        <v>2021</v>
      </c>
      <c r="B10993" s="1" t="s">
        <v>8166</v>
      </c>
      <c r="C10993" s="1" t="s">
        <v>28303</v>
      </c>
      <c r="D10993" s="2">
        <v>163821</v>
      </c>
      <c r="E10993" s="1" t="s">
        <v>0</v>
      </c>
    </row>
    <row r="10994" spans="1:5" x14ac:dyDescent="0.25">
      <c r="A10994" s="1" t="s">
        <v>28304</v>
      </c>
      <c r="B10994" s="1" t="s">
        <v>57506</v>
      </c>
      <c r="C10994" s="1" t="s">
        <v>28305</v>
      </c>
      <c r="D10994" s="2">
        <v>163822</v>
      </c>
      <c r="E10994" s="1" t="s">
        <v>0</v>
      </c>
    </row>
    <row r="10995" spans="1:5" ht="409.5" x14ac:dyDescent="0.25">
      <c r="A10995" s="4" t="s">
        <v>28306</v>
      </c>
      <c r="B10995" s="1" t="s">
        <v>57507</v>
      </c>
      <c r="C10995" s="1" t="s">
        <v>28307</v>
      </c>
      <c r="D10995" s="2">
        <v>163823</v>
      </c>
      <c r="E10995" s="1" t="s">
        <v>0</v>
      </c>
    </row>
    <row r="10996" spans="1:5" x14ac:dyDescent="0.25">
      <c r="A10996" s="1" t="s">
        <v>28308</v>
      </c>
      <c r="B10996" s="1" t="s">
        <v>8167</v>
      </c>
      <c r="C10996" s="1" t="s">
        <v>28309</v>
      </c>
      <c r="D10996" s="2">
        <v>163824</v>
      </c>
      <c r="E10996" s="1" t="s">
        <v>0</v>
      </c>
    </row>
    <row r="10997" spans="1:5" x14ac:dyDescent="0.25">
      <c r="A10997" s="2">
        <v>2199</v>
      </c>
      <c r="B10997" s="2">
        <v>2199</v>
      </c>
      <c r="C10997" s="1" t="s">
        <v>0</v>
      </c>
      <c r="D10997" s="2">
        <v>163825</v>
      </c>
      <c r="E10997" s="1" t="s">
        <v>0</v>
      </c>
    </row>
    <row r="10998" spans="1:5" x14ac:dyDescent="0.25">
      <c r="A10998" s="1" t="s">
        <v>2022</v>
      </c>
      <c r="B10998" s="1" t="s">
        <v>8168</v>
      </c>
      <c r="C10998" s="1" t="s">
        <v>28310</v>
      </c>
      <c r="D10998" s="2">
        <v>163826</v>
      </c>
      <c r="E10998" s="1" t="s">
        <v>0</v>
      </c>
    </row>
    <row r="10999" spans="1:5" x14ac:dyDescent="0.25">
      <c r="A10999" s="1" t="s">
        <v>28311</v>
      </c>
      <c r="B10999" s="1" t="s">
        <v>53500</v>
      </c>
      <c r="C10999" s="1" t="s">
        <v>28312</v>
      </c>
      <c r="D10999" s="2">
        <v>163827</v>
      </c>
      <c r="E10999" s="1" t="s">
        <v>0</v>
      </c>
    </row>
    <row r="11000" spans="1:5" ht="409.5" x14ac:dyDescent="0.25">
      <c r="A11000" s="4" t="s">
        <v>28313</v>
      </c>
      <c r="B11000" s="1" t="s">
        <v>61550</v>
      </c>
      <c r="C11000" s="1" t="s">
        <v>28314</v>
      </c>
      <c r="D11000" s="2">
        <v>163828</v>
      </c>
      <c r="E11000" s="1" t="s">
        <v>0</v>
      </c>
    </row>
    <row r="11001" spans="1:5" x14ac:dyDescent="0.25">
      <c r="A11001" s="1" t="s">
        <v>28315</v>
      </c>
      <c r="B11001" s="1" t="s">
        <v>8169</v>
      </c>
      <c r="C11001" s="1" t="s">
        <v>28316</v>
      </c>
      <c r="D11001" s="2">
        <v>163829</v>
      </c>
      <c r="E11001" s="1" t="s">
        <v>0</v>
      </c>
    </row>
    <row r="11002" spans="1:5" x14ac:dyDescent="0.25">
      <c r="A11002" s="2">
        <v>2200</v>
      </c>
      <c r="B11002" s="2">
        <v>2200</v>
      </c>
      <c r="C11002" s="1" t="s">
        <v>0</v>
      </c>
      <c r="D11002" s="2">
        <v>163830</v>
      </c>
      <c r="E11002" s="1" t="s">
        <v>0</v>
      </c>
    </row>
    <row r="11003" spans="1:5" x14ac:dyDescent="0.25">
      <c r="A11003" s="1" t="s">
        <v>2023</v>
      </c>
      <c r="B11003" s="1" t="s">
        <v>8170</v>
      </c>
      <c r="C11003" s="1" t="s">
        <v>28317</v>
      </c>
      <c r="D11003" s="2">
        <v>163831</v>
      </c>
      <c r="E11003" s="1" t="s">
        <v>0</v>
      </c>
    </row>
    <row r="11004" spans="1:5" x14ac:dyDescent="0.25">
      <c r="A11004" s="1" t="s">
        <v>28318</v>
      </c>
      <c r="B11004" s="1" t="s">
        <v>8171</v>
      </c>
      <c r="C11004" s="1" t="s">
        <v>28319</v>
      </c>
      <c r="D11004" s="2">
        <v>163832</v>
      </c>
      <c r="E11004" s="1" t="s">
        <v>0</v>
      </c>
    </row>
    <row r="11005" spans="1:5" ht="409.5" x14ac:dyDescent="0.25">
      <c r="A11005" s="4" t="s">
        <v>28320</v>
      </c>
      <c r="B11005" s="1" t="s">
        <v>8172</v>
      </c>
      <c r="C11005" s="1" t="s">
        <v>28321</v>
      </c>
      <c r="D11005" s="2">
        <v>163833</v>
      </c>
      <c r="E11005" s="1" t="s">
        <v>0</v>
      </c>
    </row>
    <row r="11006" spans="1:5" x14ac:dyDescent="0.25">
      <c r="A11006" s="1" t="s">
        <v>28322</v>
      </c>
      <c r="B11006" s="1" t="s">
        <v>53501</v>
      </c>
      <c r="C11006" s="1" t="s">
        <v>28323</v>
      </c>
      <c r="D11006" s="2">
        <v>163834</v>
      </c>
      <c r="E11006" s="1" t="s">
        <v>0</v>
      </c>
    </row>
    <row r="11007" spans="1:5" x14ac:dyDescent="0.25">
      <c r="A11007" s="2">
        <v>2201</v>
      </c>
      <c r="B11007" s="2">
        <v>2201</v>
      </c>
      <c r="C11007" s="1" t="s">
        <v>0</v>
      </c>
      <c r="D11007" s="2">
        <v>163835</v>
      </c>
      <c r="E11007" s="1" t="s">
        <v>0</v>
      </c>
    </row>
    <row r="11008" spans="1:5" x14ac:dyDescent="0.25">
      <c r="A11008" s="1" t="s">
        <v>2024</v>
      </c>
      <c r="B11008" s="1" t="s">
        <v>8173</v>
      </c>
      <c r="C11008" s="1" t="s">
        <v>28324</v>
      </c>
      <c r="D11008" s="2">
        <v>163836</v>
      </c>
      <c r="E11008" s="1" t="s">
        <v>0</v>
      </c>
    </row>
    <row r="11009" spans="1:5" x14ac:dyDescent="0.25">
      <c r="A11009" s="1" t="s">
        <v>28325</v>
      </c>
      <c r="B11009" s="1" t="s">
        <v>57834</v>
      </c>
      <c r="C11009" s="1" t="s">
        <v>28326</v>
      </c>
      <c r="D11009" s="2">
        <v>163837</v>
      </c>
      <c r="E11009" s="1" t="s">
        <v>0</v>
      </c>
    </row>
    <row r="11010" spans="1:5" ht="409.5" x14ac:dyDescent="0.25">
      <c r="A11010" s="4" t="s">
        <v>28327</v>
      </c>
      <c r="B11010" s="1" t="s">
        <v>57835</v>
      </c>
      <c r="C11010" s="1" t="s">
        <v>28328</v>
      </c>
      <c r="D11010" s="2">
        <v>163838</v>
      </c>
      <c r="E11010" s="1" t="s">
        <v>0</v>
      </c>
    </row>
    <row r="11011" spans="1:5" x14ac:dyDescent="0.25">
      <c r="A11011" s="1" t="s">
        <v>28329</v>
      </c>
      <c r="B11011" s="1" t="s">
        <v>53502</v>
      </c>
      <c r="C11011" s="1" t="s">
        <v>28330</v>
      </c>
      <c r="D11011" s="2">
        <v>163839</v>
      </c>
      <c r="E11011" s="1" t="s">
        <v>0</v>
      </c>
    </row>
    <row r="11012" spans="1:5" x14ac:dyDescent="0.25">
      <c r="A11012" s="2">
        <v>2202</v>
      </c>
      <c r="B11012" s="2">
        <v>2202</v>
      </c>
      <c r="C11012" s="1" t="s">
        <v>0</v>
      </c>
      <c r="D11012" s="2">
        <v>163840</v>
      </c>
      <c r="E11012" s="1" t="s">
        <v>0</v>
      </c>
    </row>
    <row r="11013" spans="1:5" x14ac:dyDescent="0.25">
      <c r="A11013" s="1" t="s">
        <v>8174</v>
      </c>
      <c r="B11013" s="1" t="s">
        <v>8175</v>
      </c>
      <c r="C11013" s="1" t="s">
        <v>28331</v>
      </c>
      <c r="D11013" s="2">
        <v>163841</v>
      </c>
      <c r="E11013" s="1" t="s">
        <v>0</v>
      </c>
    </row>
    <row r="11014" spans="1:5" x14ac:dyDescent="0.25">
      <c r="A11014" s="1" t="s">
        <v>64145</v>
      </c>
      <c r="B11014" s="1" t="s">
        <v>63701</v>
      </c>
      <c r="C11014" s="1" t="s">
        <v>28332</v>
      </c>
      <c r="D11014" s="2">
        <v>163842</v>
      </c>
      <c r="E11014" s="1" t="s">
        <v>0</v>
      </c>
    </row>
    <row r="11015" spans="1:5" ht="409.5" x14ac:dyDescent="0.25">
      <c r="A11015" s="4" t="s">
        <v>64146</v>
      </c>
      <c r="B11015" s="1" t="s">
        <v>63702</v>
      </c>
      <c r="C11015" s="1" t="s">
        <v>28333</v>
      </c>
      <c r="D11015" s="2">
        <v>163843</v>
      </c>
      <c r="E11015" s="1" t="s">
        <v>0</v>
      </c>
    </row>
    <row r="11016" spans="1:5" x14ac:dyDescent="0.25">
      <c r="A11016" s="1" t="s">
        <v>28334</v>
      </c>
      <c r="B11016" s="1" t="s">
        <v>53503</v>
      </c>
      <c r="C11016" s="1" t="s">
        <v>28335</v>
      </c>
      <c r="D11016" s="2">
        <v>163844</v>
      </c>
      <c r="E11016" s="1" t="s">
        <v>0</v>
      </c>
    </row>
    <row r="11017" spans="1:5" x14ac:dyDescent="0.25">
      <c r="A11017" s="2">
        <v>2203</v>
      </c>
      <c r="B11017" s="2">
        <v>2203</v>
      </c>
      <c r="C11017" s="1" t="s">
        <v>0</v>
      </c>
      <c r="D11017" s="2">
        <v>163845</v>
      </c>
      <c r="E11017" s="1" t="s">
        <v>0</v>
      </c>
    </row>
    <row r="11018" spans="1:5" x14ac:dyDescent="0.25">
      <c r="A11018" s="1" t="s">
        <v>2025</v>
      </c>
      <c r="B11018" s="1" t="s">
        <v>8176</v>
      </c>
      <c r="C11018" s="1" t="s">
        <v>28336</v>
      </c>
      <c r="D11018" s="2">
        <v>163846</v>
      </c>
      <c r="E11018" s="1" t="s">
        <v>0</v>
      </c>
    </row>
    <row r="11019" spans="1:5" x14ac:dyDescent="0.25">
      <c r="A11019" s="1" t="s">
        <v>28337</v>
      </c>
      <c r="B11019" s="1" t="s">
        <v>53504</v>
      </c>
      <c r="C11019" s="1" t="s">
        <v>28338</v>
      </c>
      <c r="D11019" s="2">
        <v>163847</v>
      </c>
      <c r="E11019" s="1" t="s">
        <v>0</v>
      </c>
    </row>
    <row r="11020" spans="1:5" ht="409.5" x14ac:dyDescent="0.25">
      <c r="A11020" s="4" t="s">
        <v>28339</v>
      </c>
      <c r="B11020" s="1" t="s">
        <v>53505</v>
      </c>
      <c r="C11020" s="1" t="s">
        <v>28340</v>
      </c>
      <c r="D11020" s="2">
        <v>163848</v>
      </c>
      <c r="E11020" s="1" t="s">
        <v>0</v>
      </c>
    </row>
    <row r="11021" spans="1:5" x14ac:dyDescent="0.25">
      <c r="A11021" s="1" t="s">
        <v>28341</v>
      </c>
      <c r="B11021" s="1" t="s">
        <v>61101</v>
      </c>
      <c r="C11021" s="1" t="s">
        <v>28342</v>
      </c>
      <c r="D11021" s="2">
        <v>163849</v>
      </c>
      <c r="E11021" s="1" t="s">
        <v>0</v>
      </c>
    </row>
    <row r="11022" spans="1:5" x14ac:dyDescent="0.25">
      <c r="A11022" s="2">
        <v>2204</v>
      </c>
      <c r="B11022" s="2">
        <v>2204</v>
      </c>
      <c r="C11022" s="1" t="s">
        <v>0</v>
      </c>
      <c r="D11022" s="2">
        <v>163850</v>
      </c>
      <c r="E11022" s="1" t="s">
        <v>0</v>
      </c>
    </row>
    <row r="11023" spans="1:5" x14ac:dyDescent="0.25">
      <c r="A11023" s="1" t="s">
        <v>2026</v>
      </c>
      <c r="B11023" s="1" t="s">
        <v>8177</v>
      </c>
      <c r="C11023" s="1" t="s">
        <v>28343</v>
      </c>
      <c r="D11023" s="2">
        <v>163851</v>
      </c>
      <c r="E11023" s="1" t="s">
        <v>0</v>
      </c>
    </row>
    <row r="11024" spans="1:5" x14ac:dyDescent="0.25">
      <c r="A11024" s="1" t="s">
        <v>28344</v>
      </c>
      <c r="B11024" s="1" t="s">
        <v>62426</v>
      </c>
      <c r="C11024" s="1" t="s">
        <v>28345</v>
      </c>
      <c r="D11024" s="2">
        <v>163852</v>
      </c>
      <c r="E11024" s="1" t="s">
        <v>0</v>
      </c>
    </row>
    <row r="11025" spans="1:5" ht="409.5" x14ac:dyDescent="0.25">
      <c r="A11025" s="4" t="s">
        <v>28346</v>
      </c>
      <c r="B11025" s="1" t="s">
        <v>62427</v>
      </c>
      <c r="C11025" s="1" t="s">
        <v>28347</v>
      </c>
      <c r="D11025" s="2">
        <v>163853</v>
      </c>
      <c r="E11025" s="1" t="s">
        <v>0</v>
      </c>
    </row>
    <row r="11026" spans="1:5" x14ac:dyDescent="0.25">
      <c r="A11026" s="1" t="s">
        <v>28348</v>
      </c>
      <c r="B11026" s="1" t="s">
        <v>53506</v>
      </c>
      <c r="C11026" s="1" t="s">
        <v>28349</v>
      </c>
      <c r="D11026" s="2">
        <v>163854</v>
      </c>
      <c r="E11026" s="1" t="s">
        <v>0</v>
      </c>
    </row>
    <row r="11027" spans="1:5" x14ac:dyDescent="0.25">
      <c r="A11027" s="2">
        <v>2205</v>
      </c>
      <c r="B11027" s="2">
        <v>2205</v>
      </c>
      <c r="C11027" s="1" t="s">
        <v>0</v>
      </c>
      <c r="D11027" s="2">
        <v>163855</v>
      </c>
      <c r="E11027" s="1" t="s">
        <v>0</v>
      </c>
    </row>
    <row r="11028" spans="1:5" x14ac:dyDescent="0.25">
      <c r="A11028" s="1" t="s">
        <v>2027</v>
      </c>
      <c r="B11028" s="1" t="s">
        <v>8178</v>
      </c>
      <c r="C11028" s="1" t="s">
        <v>28350</v>
      </c>
      <c r="D11028" s="2">
        <v>163856</v>
      </c>
      <c r="E11028" s="1" t="s">
        <v>0</v>
      </c>
    </row>
    <row r="11029" spans="1:5" x14ac:dyDescent="0.25">
      <c r="A11029" s="1" t="s">
        <v>28351</v>
      </c>
      <c r="B11029" s="1" t="s">
        <v>8179</v>
      </c>
      <c r="C11029" s="1" t="s">
        <v>28352</v>
      </c>
      <c r="D11029" s="2">
        <v>163857</v>
      </c>
      <c r="E11029" s="1" t="s">
        <v>0</v>
      </c>
    </row>
    <row r="11030" spans="1:5" ht="409.5" x14ac:dyDescent="0.25">
      <c r="A11030" s="4" t="s">
        <v>28353</v>
      </c>
      <c r="B11030" s="1" t="s">
        <v>53507</v>
      </c>
      <c r="C11030" s="1" t="s">
        <v>28354</v>
      </c>
      <c r="D11030" s="2">
        <v>163858</v>
      </c>
      <c r="E11030" s="1" t="s">
        <v>0</v>
      </c>
    </row>
    <row r="11031" spans="1:5" x14ac:dyDescent="0.25">
      <c r="A11031" s="1" t="s">
        <v>28355</v>
      </c>
      <c r="B11031" s="1" t="s">
        <v>53508</v>
      </c>
      <c r="C11031" s="1" t="s">
        <v>28356</v>
      </c>
      <c r="D11031" s="2">
        <v>163859</v>
      </c>
      <c r="E11031" s="1" t="s">
        <v>0</v>
      </c>
    </row>
    <row r="11032" spans="1:5" x14ac:dyDescent="0.25">
      <c r="A11032" s="2">
        <v>2206</v>
      </c>
      <c r="B11032" s="2">
        <v>2206</v>
      </c>
      <c r="C11032" s="1" t="s">
        <v>0</v>
      </c>
      <c r="D11032" s="2">
        <v>163860</v>
      </c>
      <c r="E11032" s="1" t="s">
        <v>0</v>
      </c>
    </row>
    <row r="11033" spans="1:5" x14ac:dyDescent="0.25">
      <c r="A11033" s="1" t="s">
        <v>2028</v>
      </c>
      <c r="B11033" s="1" t="s">
        <v>8180</v>
      </c>
      <c r="C11033" s="1" t="s">
        <v>28357</v>
      </c>
      <c r="D11033" s="2">
        <v>163861</v>
      </c>
      <c r="E11033" s="1" t="s">
        <v>0</v>
      </c>
    </row>
    <row r="11034" spans="1:5" x14ac:dyDescent="0.25">
      <c r="A11034" s="1" t="s">
        <v>28358</v>
      </c>
      <c r="B11034" s="1" t="s">
        <v>63325</v>
      </c>
      <c r="C11034" s="1" t="s">
        <v>28359</v>
      </c>
      <c r="D11034" s="2">
        <v>163862</v>
      </c>
      <c r="E11034" s="1" t="s">
        <v>0</v>
      </c>
    </row>
    <row r="11035" spans="1:5" ht="409.5" x14ac:dyDescent="0.25">
      <c r="A11035" s="4" t="s">
        <v>28360</v>
      </c>
      <c r="B11035" s="1" t="s">
        <v>63326</v>
      </c>
      <c r="C11035" s="1" t="s">
        <v>28361</v>
      </c>
      <c r="D11035" s="2">
        <v>163863</v>
      </c>
      <c r="E11035" s="1" t="s">
        <v>0</v>
      </c>
    </row>
    <row r="11036" spans="1:5" x14ac:dyDescent="0.25">
      <c r="A11036" s="1" t="s">
        <v>28362</v>
      </c>
      <c r="B11036" s="1" t="s">
        <v>8181</v>
      </c>
      <c r="C11036" s="1" t="s">
        <v>28363</v>
      </c>
      <c r="D11036" s="2">
        <v>163864</v>
      </c>
      <c r="E11036" s="1" t="s">
        <v>0</v>
      </c>
    </row>
    <row r="11037" spans="1:5" x14ac:dyDescent="0.25">
      <c r="A11037" s="2">
        <v>2207</v>
      </c>
      <c r="B11037" s="2">
        <v>2207</v>
      </c>
      <c r="C11037" s="1" t="s">
        <v>0</v>
      </c>
      <c r="D11037" s="2">
        <v>163865</v>
      </c>
      <c r="E11037" s="1" t="s">
        <v>0</v>
      </c>
    </row>
    <row r="11038" spans="1:5" x14ac:dyDescent="0.25">
      <c r="A11038" s="1" t="s">
        <v>2029</v>
      </c>
      <c r="B11038" s="1" t="s">
        <v>8182</v>
      </c>
      <c r="C11038" s="1" t="s">
        <v>28364</v>
      </c>
      <c r="D11038" s="2">
        <v>163866</v>
      </c>
      <c r="E11038" s="1" t="s">
        <v>0</v>
      </c>
    </row>
    <row r="11039" spans="1:5" x14ac:dyDescent="0.25">
      <c r="A11039" s="1" t="s">
        <v>28365</v>
      </c>
      <c r="B11039" s="1" t="s">
        <v>53509</v>
      </c>
      <c r="C11039" s="1" t="s">
        <v>28366</v>
      </c>
      <c r="D11039" s="2">
        <v>163867</v>
      </c>
      <c r="E11039" s="1" t="s">
        <v>0</v>
      </c>
    </row>
    <row r="11040" spans="1:5" ht="409.5" x14ac:dyDescent="0.25">
      <c r="A11040" s="4" t="s">
        <v>64147</v>
      </c>
      <c r="B11040" s="1" t="s">
        <v>53510</v>
      </c>
      <c r="C11040" s="1" t="s">
        <v>28367</v>
      </c>
      <c r="D11040" s="2">
        <v>163868</v>
      </c>
      <c r="E11040" s="1" t="s">
        <v>0</v>
      </c>
    </row>
    <row r="11041" spans="1:5" x14ac:dyDescent="0.25">
      <c r="A11041" s="1" t="s">
        <v>28368</v>
      </c>
      <c r="B11041" s="1" t="s">
        <v>8183</v>
      </c>
      <c r="C11041" s="1" t="s">
        <v>28369</v>
      </c>
      <c r="D11041" s="2">
        <v>163869</v>
      </c>
      <c r="E11041" s="1" t="s">
        <v>0</v>
      </c>
    </row>
    <row r="11042" spans="1:5" x14ac:dyDescent="0.25">
      <c r="A11042" s="2">
        <v>2208</v>
      </c>
      <c r="B11042" s="2">
        <v>2208</v>
      </c>
      <c r="C11042" s="1" t="s">
        <v>0</v>
      </c>
      <c r="D11042" s="2">
        <v>163870</v>
      </c>
      <c r="E11042" s="1" t="s">
        <v>0</v>
      </c>
    </row>
    <row r="11043" spans="1:5" x14ac:dyDescent="0.25">
      <c r="A11043" s="1" t="s">
        <v>2030</v>
      </c>
      <c r="B11043" s="1" t="s">
        <v>8184</v>
      </c>
      <c r="C11043" s="1" t="s">
        <v>28370</v>
      </c>
      <c r="D11043" s="2">
        <v>163871</v>
      </c>
      <c r="E11043" s="1" t="s">
        <v>0</v>
      </c>
    </row>
    <row r="11044" spans="1:5" x14ac:dyDescent="0.25">
      <c r="A11044" s="1" t="s">
        <v>28371</v>
      </c>
      <c r="B11044" s="1" t="s">
        <v>8185</v>
      </c>
      <c r="C11044" s="1" t="s">
        <v>28372</v>
      </c>
      <c r="D11044" s="2">
        <v>163872</v>
      </c>
      <c r="E11044" s="1" t="s">
        <v>0</v>
      </c>
    </row>
    <row r="11045" spans="1:5" ht="409.5" x14ac:dyDescent="0.25">
      <c r="A11045" s="4" t="s">
        <v>28373</v>
      </c>
      <c r="B11045" s="1" t="s">
        <v>59599</v>
      </c>
      <c r="C11045" s="1" t="s">
        <v>28374</v>
      </c>
      <c r="D11045" s="2">
        <v>163873</v>
      </c>
      <c r="E11045" s="1" t="s">
        <v>0</v>
      </c>
    </row>
    <row r="11046" spans="1:5" x14ac:dyDescent="0.25">
      <c r="A11046" s="1" t="s">
        <v>28375</v>
      </c>
      <c r="B11046" s="1" t="s">
        <v>8186</v>
      </c>
      <c r="C11046" s="1" t="s">
        <v>28376</v>
      </c>
      <c r="D11046" s="2">
        <v>163874</v>
      </c>
      <c r="E11046" s="1" t="s">
        <v>0</v>
      </c>
    </row>
    <row r="11047" spans="1:5" x14ac:dyDescent="0.25">
      <c r="A11047" s="2">
        <v>2209</v>
      </c>
      <c r="B11047" s="2">
        <v>2209</v>
      </c>
      <c r="C11047" s="1" t="s">
        <v>0</v>
      </c>
      <c r="D11047" s="2">
        <v>163875</v>
      </c>
      <c r="E11047" s="1" t="s">
        <v>0</v>
      </c>
    </row>
    <row r="11048" spans="1:5" x14ac:dyDescent="0.25">
      <c r="A11048" s="1" t="s">
        <v>8187</v>
      </c>
      <c r="B11048" s="1" t="s">
        <v>8188</v>
      </c>
      <c r="C11048" s="1" t="s">
        <v>28377</v>
      </c>
      <c r="D11048" s="2">
        <v>163876</v>
      </c>
      <c r="E11048" s="1" t="s">
        <v>0</v>
      </c>
    </row>
    <row r="11049" spans="1:5" x14ac:dyDescent="0.25">
      <c r="A11049" s="1" t="s">
        <v>28378</v>
      </c>
      <c r="B11049" s="1" t="s">
        <v>57030</v>
      </c>
      <c r="C11049" s="1" t="s">
        <v>28379</v>
      </c>
      <c r="D11049" s="2">
        <v>163877</v>
      </c>
      <c r="E11049" s="1" t="s">
        <v>0</v>
      </c>
    </row>
    <row r="11050" spans="1:5" ht="409.5" x14ac:dyDescent="0.25">
      <c r="A11050" s="4" t="s">
        <v>28380</v>
      </c>
      <c r="B11050" s="1" t="s">
        <v>61102</v>
      </c>
      <c r="C11050" s="1" t="s">
        <v>28381</v>
      </c>
      <c r="D11050" s="2">
        <v>163878</v>
      </c>
      <c r="E11050" s="1" t="s">
        <v>0</v>
      </c>
    </row>
    <row r="11051" spans="1:5" x14ac:dyDescent="0.25">
      <c r="A11051" s="1" t="s">
        <v>28382</v>
      </c>
      <c r="B11051" s="1" t="s">
        <v>8189</v>
      </c>
      <c r="C11051" s="1" t="s">
        <v>28383</v>
      </c>
      <c r="D11051" s="2">
        <v>163879</v>
      </c>
      <c r="E11051" s="1" t="s">
        <v>0</v>
      </c>
    </row>
    <row r="11052" spans="1:5" x14ac:dyDescent="0.25">
      <c r="A11052" s="2">
        <v>2210</v>
      </c>
      <c r="B11052" s="2">
        <v>2210</v>
      </c>
      <c r="C11052" s="1" t="s">
        <v>0</v>
      </c>
      <c r="D11052" s="2">
        <v>163880</v>
      </c>
      <c r="E11052" s="1" t="s">
        <v>0</v>
      </c>
    </row>
    <row r="11053" spans="1:5" x14ac:dyDescent="0.25">
      <c r="A11053" s="1" t="s">
        <v>2031</v>
      </c>
      <c r="B11053" s="1" t="s">
        <v>8190</v>
      </c>
      <c r="C11053" s="1" t="s">
        <v>28384</v>
      </c>
      <c r="D11053" s="2">
        <v>163881</v>
      </c>
      <c r="E11053" s="1" t="s">
        <v>0</v>
      </c>
    </row>
    <row r="11054" spans="1:5" x14ac:dyDescent="0.25">
      <c r="A11054" s="1" t="s">
        <v>28385</v>
      </c>
      <c r="B11054" s="1" t="s">
        <v>53511</v>
      </c>
      <c r="C11054" s="1" t="s">
        <v>28386</v>
      </c>
      <c r="D11054" s="2">
        <v>163882</v>
      </c>
      <c r="E11054" s="1" t="s">
        <v>0</v>
      </c>
    </row>
    <row r="11055" spans="1:5" ht="409.5" x14ac:dyDescent="0.25">
      <c r="A11055" s="4" t="s">
        <v>28387</v>
      </c>
      <c r="B11055" s="1" t="s">
        <v>53512</v>
      </c>
      <c r="C11055" s="1" t="s">
        <v>28388</v>
      </c>
      <c r="D11055" s="2">
        <v>163883</v>
      </c>
      <c r="E11055" s="1" t="s">
        <v>0</v>
      </c>
    </row>
    <row r="11056" spans="1:5" x14ac:dyDescent="0.25">
      <c r="A11056" s="1" t="s">
        <v>28389</v>
      </c>
      <c r="B11056" s="1" t="s">
        <v>8191</v>
      </c>
      <c r="C11056" s="1" t="s">
        <v>28390</v>
      </c>
      <c r="D11056" s="2">
        <v>163884</v>
      </c>
      <c r="E11056" s="1" t="s">
        <v>0</v>
      </c>
    </row>
    <row r="11057" spans="1:5" x14ac:dyDescent="0.25">
      <c r="A11057" s="2">
        <v>2211</v>
      </c>
      <c r="B11057" s="2">
        <v>2211</v>
      </c>
      <c r="C11057" s="1" t="s">
        <v>0</v>
      </c>
      <c r="D11057" s="2">
        <v>163885</v>
      </c>
      <c r="E11057" s="1" t="s">
        <v>0</v>
      </c>
    </row>
    <row r="11058" spans="1:5" x14ac:dyDescent="0.25">
      <c r="A11058" s="1" t="s">
        <v>2032</v>
      </c>
      <c r="B11058" s="1" t="s">
        <v>8192</v>
      </c>
      <c r="C11058" s="1" t="s">
        <v>28391</v>
      </c>
      <c r="D11058" s="2">
        <v>163886</v>
      </c>
      <c r="E11058" s="1" t="s">
        <v>0</v>
      </c>
    </row>
    <row r="11059" spans="1:5" x14ac:dyDescent="0.25">
      <c r="A11059" s="1" t="s">
        <v>28392</v>
      </c>
      <c r="B11059" s="1" t="s">
        <v>53513</v>
      </c>
      <c r="C11059" s="1" t="s">
        <v>28393</v>
      </c>
      <c r="D11059" s="2">
        <v>163887</v>
      </c>
      <c r="E11059" s="1" t="s">
        <v>0</v>
      </c>
    </row>
    <row r="11060" spans="1:5" ht="409.5" x14ac:dyDescent="0.25">
      <c r="A11060" s="4" t="s">
        <v>28394</v>
      </c>
      <c r="B11060" s="1" t="s">
        <v>53514</v>
      </c>
      <c r="C11060" s="1" t="s">
        <v>28395</v>
      </c>
      <c r="D11060" s="2">
        <v>163888</v>
      </c>
      <c r="E11060" s="1" t="s">
        <v>0</v>
      </c>
    </row>
    <row r="11061" spans="1:5" x14ac:dyDescent="0.25">
      <c r="A11061" s="1" t="s">
        <v>28396</v>
      </c>
      <c r="B11061" s="1" t="s">
        <v>8193</v>
      </c>
      <c r="C11061" s="1" t="s">
        <v>28397</v>
      </c>
      <c r="D11061" s="2">
        <v>163889</v>
      </c>
      <c r="E11061" s="1" t="s">
        <v>0</v>
      </c>
    </row>
    <row r="11062" spans="1:5" x14ac:dyDescent="0.25">
      <c r="A11062" s="2">
        <v>2212</v>
      </c>
      <c r="B11062" s="2">
        <v>2212</v>
      </c>
      <c r="C11062" s="1" t="s">
        <v>0</v>
      </c>
      <c r="D11062" s="2">
        <v>163890</v>
      </c>
      <c r="E11062" s="1" t="s">
        <v>0</v>
      </c>
    </row>
    <row r="11063" spans="1:5" x14ac:dyDescent="0.25">
      <c r="A11063" s="1" t="s">
        <v>2033</v>
      </c>
      <c r="B11063" s="1" t="s">
        <v>8194</v>
      </c>
      <c r="C11063" s="1" t="s">
        <v>28398</v>
      </c>
      <c r="D11063" s="2">
        <v>163891</v>
      </c>
      <c r="E11063" s="1" t="s">
        <v>0</v>
      </c>
    </row>
    <row r="11064" spans="1:5" x14ac:dyDescent="0.25">
      <c r="A11064" s="1" t="s">
        <v>28399</v>
      </c>
      <c r="B11064" s="1" t="s">
        <v>53515</v>
      </c>
      <c r="C11064" s="1" t="s">
        <v>28400</v>
      </c>
      <c r="D11064" s="2">
        <v>163892</v>
      </c>
      <c r="E11064" s="1" t="s">
        <v>0</v>
      </c>
    </row>
    <row r="11065" spans="1:5" ht="409.5" x14ac:dyDescent="0.25">
      <c r="A11065" s="4" t="s">
        <v>28401</v>
      </c>
      <c r="B11065" s="1" t="s">
        <v>53516</v>
      </c>
      <c r="C11065" s="1" t="s">
        <v>28402</v>
      </c>
      <c r="D11065" s="2">
        <v>163893</v>
      </c>
      <c r="E11065" s="1" t="s">
        <v>0</v>
      </c>
    </row>
    <row r="11066" spans="1:5" x14ac:dyDescent="0.25">
      <c r="A11066" s="1" t="s">
        <v>28403</v>
      </c>
      <c r="B11066" s="1" t="s">
        <v>8195</v>
      </c>
      <c r="C11066" s="1" t="s">
        <v>28404</v>
      </c>
      <c r="D11066" s="2">
        <v>163894</v>
      </c>
      <c r="E11066" s="1" t="s">
        <v>0</v>
      </c>
    </row>
    <row r="11067" spans="1:5" x14ac:dyDescent="0.25">
      <c r="A11067" s="2">
        <v>2213</v>
      </c>
      <c r="B11067" s="2">
        <v>2213</v>
      </c>
      <c r="C11067" s="1" t="s">
        <v>0</v>
      </c>
      <c r="D11067" s="2">
        <v>163895</v>
      </c>
      <c r="E11067" s="1" t="s">
        <v>0</v>
      </c>
    </row>
    <row r="11068" spans="1:5" x14ac:dyDescent="0.25">
      <c r="A11068" s="1" t="s">
        <v>2034</v>
      </c>
      <c r="B11068" s="1" t="s">
        <v>56941</v>
      </c>
      <c r="C11068" s="1" t="s">
        <v>28405</v>
      </c>
      <c r="D11068" s="2">
        <v>163896</v>
      </c>
      <c r="E11068" s="1" t="s">
        <v>0</v>
      </c>
    </row>
    <row r="11069" spans="1:5" x14ac:dyDescent="0.25">
      <c r="A11069" s="1" t="s">
        <v>61799</v>
      </c>
      <c r="B11069" s="1" t="s">
        <v>62428</v>
      </c>
      <c r="C11069" s="1" t="s">
        <v>28406</v>
      </c>
      <c r="D11069" s="2">
        <v>163897</v>
      </c>
      <c r="E11069" s="1" t="s">
        <v>0</v>
      </c>
    </row>
    <row r="11070" spans="1:5" ht="409.5" x14ac:dyDescent="0.25">
      <c r="A11070" s="4" t="s">
        <v>61800</v>
      </c>
      <c r="B11070" s="1" t="s">
        <v>62429</v>
      </c>
      <c r="C11070" s="1" t="s">
        <v>28407</v>
      </c>
      <c r="D11070" s="2">
        <v>163898</v>
      </c>
      <c r="E11070" s="1" t="s">
        <v>0</v>
      </c>
    </row>
    <row r="11071" spans="1:5" x14ac:dyDescent="0.25">
      <c r="A11071" s="1" t="s">
        <v>28408</v>
      </c>
      <c r="B11071" s="1" t="s">
        <v>8196</v>
      </c>
      <c r="C11071" s="1" t="s">
        <v>28409</v>
      </c>
      <c r="D11071" s="2">
        <v>163899</v>
      </c>
      <c r="E11071" s="1" t="s">
        <v>0</v>
      </c>
    </row>
    <row r="11072" spans="1:5" x14ac:dyDescent="0.25">
      <c r="A11072" s="2">
        <v>2214</v>
      </c>
      <c r="B11072" s="2">
        <v>2214</v>
      </c>
      <c r="C11072" s="1" t="s">
        <v>0</v>
      </c>
      <c r="D11072" s="2">
        <v>163900</v>
      </c>
      <c r="E11072" s="1" t="s">
        <v>0</v>
      </c>
    </row>
    <row r="11073" spans="1:5" x14ac:dyDescent="0.25">
      <c r="A11073" s="1" t="s">
        <v>2035</v>
      </c>
      <c r="B11073" s="1" t="s">
        <v>8197</v>
      </c>
      <c r="C11073" s="1" t="s">
        <v>28410</v>
      </c>
      <c r="D11073" s="2">
        <v>163901</v>
      </c>
      <c r="E11073" s="1" t="s">
        <v>0</v>
      </c>
    </row>
    <row r="11074" spans="1:5" x14ac:dyDescent="0.25">
      <c r="A11074" s="1" t="s">
        <v>28411</v>
      </c>
      <c r="B11074" s="1" t="s">
        <v>8198</v>
      </c>
      <c r="C11074" s="1" t="s">
        <v>28412</v>
      </c>
      <c r="D11074" s="2">
        <v>163902</v>
      </c>
      <c r="E11074" s="1" t="s">
        <v>0</v>
      </c>
    </row>
    <row r="11075" spans="1:5" ht="409.5" x14ac:dyDescent="0.25">
      <c r="A11075" s="4" t="s">
        <v>28413</v>
      </c>
      <c r="B11075" s="1" t="s">
        <v>53517</v>
      </c>
      <c r="C11075" s="1" t="s">
        <v>28414</v>
      </c>
      <c r="D11075" s="2">
        <v>163903</v>
      </c>
      <c r="E11075" s="1" t="s">
        <v>0</v>
      </c>
    </row>
    <row r="11076" spans="1:5" x14ac:dyDescent="0.25">
      <c r="A11076" s="1" t="s">
        <v>28415</v>
      </c>
      <c r="B11076" s="1" t="s">
        <v>8199</v>
      </c>
      <c r="C11076" s="1" t="s">
        <v>28416</v>
      </c>
      <c r="D11076" s="2">
        <v>163904</v>
      </c>
      <c r="E11076" s="1" t="s">
        <v>0</v>
      </c>
    </row>
    <row r="11077" spans="1:5" x14ac:dyDescent="0.25">
      <c r="A11077" s="2">
        <v>2215</v>
      </c>
      <c r="B11077" s="2">
        <v>2215</v>
      </c>
      <c r="C11077" s="1" t="s">
        <v>0</v>
      </c>
      <c r="D11077" s="2">
        <v>163905</v>
      </c>
      <c r="E11077" s="1" t="s">
        <v>0</v>
      </c>
    </row>
    <row r="11078" spans="1:5" x14ac:dyDescent="0.25">
      <c r="A11078" s="1" t="s">
        <v>2036</v>
      </c>
      <c r="B11078" s="1" t="s">
        <v>8200</v>
      </c>
      <c r="C11078" s="1" t="s">
        <v>28417</v>
      </c>
      <c r="D11078" s="2">
        <v>163906</v>
      </c>
      <c r="E11078" s="1" t="s">
        <v>0</v>
      </c>
    </row>
    <row r="11079" spans="1:5" x14ac:dyDescent="0.25">
      <c r="A11079" s="1" t="s">
        <v>28418</v>
      </c>
      <c r="B11079" s="1" t="s">
        <v>8201</v>
      </c>
      <c r="C11079" s="1" t="s">
        <v>28419</v>
      </c>
      <c r="D11079" s="2">
        <v>163907</v>
      </c>
      <c r="E11079" s="1" t="s">
        <v>0</v>
      </c>
    </row>
    <row r="11080" spans="1:5" ht="409.5" x14ac:dyDescent="0.25">
      <c r="A11080" s="4" t="s">
        <v>28420</v>
      </c>
      <c r="B11080" s="1" t="s">
        <v>8202</v>
      </c>
      <c r="C11080" s="1" t="s">
        <v>28421</v>
      </c>
      <c r="D11080" s="2">
        <v>163908</v>
      </c>
      <c r="E11080" s="1" t="s">
        <v>0</v>
      </c>
    </row>
    <row r="11081" spans="1:5" x14ac:dyDescent="0.25">
      <c r="A11081" s="1" t="s">
        <v>28422</v>
      </c>
      <c r="B11081" s="1" t="s">
        <v>53518</v>
      </c>
      <c r="C11081" s="1" t="s">
        <v>28423</v>
      </c>
      <c r="D11081" s="2">
        <v>163909</v>
      </c>
      <c r="E11081" s="1" t="s">
        <v>0</v>
      </c>
    </row>
    <row r="11082" spans="1:5" x14ac:dyDescent="0.25">
      <c r="A11082" s="2">
        <v>2216</v>
      </c>
      <c r="B11082" s="2">
        <v>2216</v>
      </c>
      <c r="C11082" s="1" t="s">
        <v>0</v>
      </c>
      <c r="D11082" s="2">
        <v>163910</v>
      </c>
      <c r="E11082" s="1" t="s">
        <v>0</v>
      </c>
    </row>
    <row r="11083" spans="1:5" x14ac:dyDescent="0.25">
      <c r="A11083" s="1" t="s">
        <v>2037</v>
      </c>
      <c r="B11083" s="1" t="s">
        <v>8203</v>
      </c>
      <c r="C11083" s="1" t="s">
        <v>28424</v>
      </c>
      <c r="D11083" s="2">
        <v>163911</v>
      </c>
      <c r="E11083" s="1" t="s">
        <v>0</v>
      </c>
    </row>
    <row r="11084" spans="1:5" x14ac:dyDescent="0.25">
      <c r="A11084" s="1" t="s">
        <v>28425</v>
      </c>
      <c r="B11084" s="1" t="s">
        <v>53519</v>
      </c>
      <c r="C11084" s="1" t="s">
        <v>28426</v>
      </c>
      <c r="D11084" s="2">
        <v>163912</v>
      </c>
      <c r="E11084" s="1" t="s">
        <v>0</v>
      </c>
    </row>
    <row r="11085" spans="1:5" ht="409.5" x14ac:dyDescent="0.25">
      <c r="A11085" s="4" t="s">
        <v>28427</v>
      </c>
      <c r="B11085" s="1" t="s">
        <v>60503</v>
      </c>
      <c r="C11085" s="1" t="s">
        <v>28428</v>
      </c>
      <c r="D11085" s="2">
        <v>163913</v>
      </c>
      <c r="E11085" s="1" t="s">
        <v>0</v>
      </c>
    </row>
    <row r="11086" spans="1:5" x14ac:dyDescent="0.25">
      <c r="A11086" s="1" t="s">
        <v>28429</v>
      </c>
      <c r="B11086" s="1" t="s">
        <v>53520</v>
      </c>
      <c r="C11086" s="1" t="s">
        <v>28430</v>
      </c>
      <c r="D11086" s="2">
        <v>163914</v>
      </c>
      <c r="E11086" s="1" t="s">
        <v>0</v>
      </c>
    </row>
    <row r="11087" spans="1:5" x14ac:dyDescent="0.25">
      <c r="A11087" s="2">
        <v>2217</v>
      </c>
      <c r="B11087" s="2">
        <v>2217</v>
      </c>
      <c r="C11087" s="1" t="s">
        <v>0</v>
      </c>
      <c r="D11087" s="2">
        <v>163915</v>
      </c>
      <c r="E11087" s="1" t="s">
        <v>0</v>
      </c>
    </row>
    <row r="11088" spans="1:5" x14ac:dyDescent="0.25">
      <c r="A11088" s="1" t="s">
        <v>2038</v>
      </c>
      <c r="B11088" s="1" t="s">
        <v>50687</v>
      </c>
      <c r="C11088" s="1" t="s">
        <v>28431</v>
      </c>
      <c r="D11088" s="2">
        <v>163916</v>
      </c>
      <c r="E11088" s="1" t="s">
        <v>0</v>
      </c>
    </row>
    <row r="11089" spans="1:5" x14ac:dyDescent="0.25">
      <c r="A11089" s="1" t="s">
        <v>28432</v>
      </c>
      <c r="B11089" s="1" t="s">
        <v>8204</v>
      </c>
      <c r="C11089" s="1" t="s">
        <v>28433</v>
      </c>
      <c r="D11089" s="2">
        <v>163917</v>
      </c>
      <c r="E11089" s="1" t="s">
        <v>0</v>
      </c>
    </row>
    <row r="11090" spans="1:5" ht="409.5" x14ac:dyDescent="0.25">
      <c r="A11090" s="4" t="s">
        <v>28434</v>
      </c>
      <c r="B11090" s="1" t="s">
        <v>53521</v>
      </c>
      <c r="C11090" s="1" t="s">
        <v>28435</v>
      </c>
      <c r="D11090" s="2">
        <v>163918</v>
      </c>
      <c r="E11090" s="1" t="s">
        <v>0</v>
      </c>
    </row>
    <row r="11091" spans="1:5" x14ac:dyDescent="0.25">
      <c r="A11091" s="1" t="s">
        <v>28436</v>
      </c>
      <c r="B11091" s="1" t="s">
        <v>53522</v>
      </c>
      <c r="C11091" s="1" t="s">
        <v>28437</v>
      </c>
      <c r="D11091" s="2">
        <v>163919</v>
      </c>
      <c r="E11091" s="1" t="s">
        <v>0</v>
      </c>
    </row>
    <row r="11092" spans="1:5" x14ac:dyDescent="0.25">
      <c r="A11092" s="2">
        <v>2218</v>
      </c>
      <c r="B11092" s="2">
        <v>2218</v>
      </c>
      <c r="C11092" s="1" t="s">
        <v>0</v>
      </c>
      <c r="D11092" s="2">
        <v>163920</v>
      </c>
      <c r="E11092" s="1" t="s">
        <v>0</v>
      </c>
    </row>
    <row r="11093" spans="1:5" x14ac:dyDescent="0.25">
      <c r="A11093" s="1" t="s">
        <v>2039</v>
      </c>
      <c r="B11093" s="1" t="s">
        <v>8205</v>
      </c>
      <c r="C11093" s="1" t="s">
        <v>28438</v>
      </c>
      <c r="D11093" s="2">
        <v>163921</v>
      </c>
      <c r="E11093" s="1" t="s">
        <v>0</v>
      </c>
    </row>
    <row r="11094" spans="1:5" x14ac:dyDescent="0.25">
      <c r="A11094" s="1" t="s">
        <v>28439</v>
      </c>
      <c r="B11094" s="1" t="s">
        <v>50688</v>
      </c>
      <c r="C11094" s="1" t="s">
        <v>28440</v>
      </c>
      <c r="D11094" s="2">
        <v>163922</v>
      </c>
      <c r="E11094" s="1" t="s">
        <v>0</v>
      </c>
    </row>
    <row r="11095" spans="1:5" ht="409.5" x14ac:dyDescent="0.25">
      <c r="A11095" s="4" t="s">
        <v>64148</v>
      </c>
      <c r="B11095" s="1" t="s">
        <v>63327</v>
      </c>
      <c r="C11095" s="1" t="s">
        <v>28441</v>
      </c>
      <c r="D11095" s="2">
        <v>163923</v>
      </c>
      <c r="E11095" s="1" t="s">
        <v>0</v>
      </c>
    </row>
    <row r="11096" spans="1:5" x14ac:dyDescent="0.25">
      <c r="A11096" s="1" t="s">
        <v>28442</v>
      </c>
      <c r="B11096" s="1" t="s">
        <v>53523</v>
      </c>
      <c r="C11096" s="1" t="s">
        <v>28443</v>
      </c>
      <c r="D11096" s="2">
        <v>163924</v>
      </c>
      <c r="E11096" s="1" t="s">
        <v>0</v>
      </c>
    </row>
    <row r="11097" spans="1:5" x14ac:dyDescent="0.25">
      <c r="A11097" s="2">
        <v>2219</v>
      </c>
      <c r="B11097" s="2">
        <v>2219</v>
      </c>
      <c r="C11097" s="1" t="s">
        <v>0</v>
      </c>
      <c r="D11097" s="2">
        <v>163925</v>
      </c>
      <c r="E11097" s="1" t="s">
        <v>0</v>
      </c>
    </row>
    <row r="11098" spans="1:5" x14ac:dyDescent="0.25">
      <c r="A11098" s="1" t="s">
        <v>2040</v>
      </c>
      <c r="B11098" s="1" t="s">
        <v>8206</v>
      </c>
      <c r="C11098" s="1" t="s">
        <v>28444</v>
      </c>
      <c r="D11098" s="2">
        <v>163926</v>
      </c>
      <c r="E11098" s="1" t="s">
        <v>0</v>
      </c>
    </row>
    <row r="11099" spans="1:5" x14ac:dyDescent="0.25">
      <c r="A11099" s="1" t="s">
        <v>28445</v>
      </c>
      <c r="B11099" s="1" t="s">
        <v>8207</v>
      </c>
      <c r="C11099" s="1" t="s">
        <v>28446</v>
      </c>
      <c r="D11099" s="2">
        <v>163927</v>
      </c>
      <c r="E11099" s="1" t="s">
        <v>0</v>
      </c>
    </row>
    <row r="11100" spans="1:5" ht="409.5" x14ac:dyDescent="0.25">
      <c r="A11100" s="4" t="s">
        <v>28447</v>
      </c>
      <c r="B11100" s="1" t="s">
        <v>57836</v>
      </c>
      <c r="C11100" s="1" t="s">
        <v>28448</v>
      </c>
      <c r="D11100" s="2">
        <v>163928</v>
      </c>
      <c r="E11100" s="1" t="s">
        <v>0</v>
      </c>
    </row>
    <row r="11101" spans="1:5" x14ac:dyDescent="0.25">
      <c r="A11101" s="1" t="s">
        <v>28449</v>
      </c>
      <c r="B11101" s="1" t="s">
        <v>53524</v>
      </c>
      <c r="C11101" s="1" t="s">
        <v>28450</v>
      </c>
      <c r="D11101" s="2">
        <v>163929</v>
      </c>
      <c r="E11101" s="1" t="s">
        <v>0</v>
      </c>
    </row>
    <row r="11102" spans="1:5" x14ac:dyDescent="0.25">
      <c r="A11102" s="2">
        <v>2220</v>
      </c>
      <c r="B11102" s="2">
        <v>2220</v>
      </c>
      <c r="C11102" s="1" t="s">
        <v>0</v>
      </c>
      <c r="D11102" s="2">
        <v>163930</v>
      </c>
      <c r="E11102" s="1" t="s">
        <v>0</v>
      </c>
    </row>
    <row r="11103" spans="1:5" x14ac:dyDescent="0.25">
      <c r="A11103" s="1" t="s">
        <v>8208</v>
      </c>
      <c r="B11103" s="1" t="s">
        <v>8209</v>
      </c>
      <c r="C11103" s="1" t="s">
        <v>28451</v>
      </c>
      <c r="D11103" s="2">
        <v>163931</v>
      </c>
      <c r="E11103" s="1" t="s">
        <v>0</v>
      </c>
    </row>
    <row r="11104" spans="1:5" x14ac:dyDescent="0.25">
      <c r="A11104" s="1" t="s">
        <v>28452</v>
      </c>
      <c r="B11104" s="1" t="s">
        <v>8210</v>
      </c>
      <c r="C11104" s="1" t="s">
        <v>28453</v>
      </c>
      <c r="D11104" s="2">
        <v>163932</v>
      </c>
      <c r="E11104" s="1" t="s">
        <v>0</v>
      </c>
    </row>
    <row r="11105" spans="1:5" ht="409.5" x14ac:dyDescent="0.25">
      <c r="A11105" s="4" t="s">
        <v>28454</v>
      </c>
      <c r="B11105" s="1" t="s">
        <v>60738</v>
      </c>
      <c r="C11105" s="1" t="s">
        <v>28455</v>
      </c>
      <c r="D11105" s="2">
        <v>163933</v>
      </c>
      <c r="E11105" s="1" t="s">
        <v>0</v>
      </c>
    </row>
    <row r="11106" spans="1:5" x14ac:dyDescent="0.25">
      <c r="A11106" s="1" t="s">
        <v>28456</v>
      </c>
      <c r="B11106" s="1" t="s">
        <v>53525</v>
      </c>
      <c r="C11106" s="1" t="s">
        <v>28457</v>
      </c>
      <c r="D11106" s="2">
        <v>163934</v>
      </c>
      <c r="E11106" s="1" t="s">
        <v>0</v>
      </c>
    </row>
    <row r="11107" spans="1:5" x14ac:dyDescent="0.25">
      <c r="A11107" s="2">
        <v>2221</v>
      </c>
      <c r="B11107" s="2">
        <v>2221</v>
      </c>
      <c r="C11107" s="1" t="s">
        <v>0</v>
      </c>
      <c r="D11107" s="2">
        <v>163935</v>
      </c>
      <c r="E11107" s="1" t="s">
        <v>0</v>
      </c>
    </row>
    <row r="11108" spans="1:5" x14ac:dyDescent="0.25">
      <c r="A11108" s="1" t="s">
        <v>2041</v>
      </c>
      <c r="B11108" s="1" t="s">
        <v>8211</v>
      </c>
      <c r="C11108" s="1" t="s">
        <v>28458</v>
      </c>
      <c r="D11108" s="2">
        <v>163936</v>
      </c>
      <c r="E11108" s="1" t="s">
        <v>0</v>
      </c>
    </row>
    <row r="11109" spans="1:5" x14ac:dyDescent="0.25">
      <c r="A11109" s="1" t="s">
        <v>28459</v>
      </c>
      <c r="B11109" s="1" t="s">
        <v>53526</v>
      </c>
      <c r="C11109" s="1" t="s">
        <v>28460</v>
      </c>
      <c r="D11109" s="2">
        <v>163937</v>
      </c>
      <c r="E11109" s="1" t="s">
        <v>0</v>
      </c>
    </row>
    <row r="11110" spans="1:5" ht="409.5" x14ac:dyDescent="0.25">
      <c r="A11110" s="4" t="s">
        <v>28461</v>
      </c>
      <c r="B11110" s="1" t="s">
        <v>58350</v>
      </c>
      <c r="C11110" s="1" t="s">
        <v>28462</v>
      </c>
      <c r="D11110" s="2">
        <v>163938</v>
      </c>
      <c r="E11110" s="1" t="s">
        <v>0</v>
      </c>
    </row>
    <row r="11111" spans="1:5" x14ac:dyDescent="0.25">
      <c r="A11111" s="1" t="s">
        <v>28463</v>
      </c>
      <c r="B11111" s="1" t="s">
        <v>53527</v>
      </c>
      <c r="C11111" s="1" t="s">
        <v>28464</v>
      </c>
      <c r="D11111" s="2">
        <v>163939</v>
      </c>
      <c r="E11111" s="1" t="s">
        <v>0</v>
      </c>
    </row>
    <row r="11112" spans="1:5" x14ac:dyDescent="0.25">
      <c r="A11112" s="2">
        <v>2222</v>
      </c>
      <c r="B11112" s="2">
        <v>2222</v>
      </c>
      <c r="C11112" s="1" t="s">
        <v>0</v>
      </c>
      <c r="D11112" s="2">
        <v>163940</v>
      </c>
      <c r="E11112" s="1" t="s">
        <v>0</v>
      </c>
    </row>
    <row r="11113" spans="1:5" x14ac:dyDescent="0.25">
      <c r="A11113" s="1" t="s">
        <v>2042</v>
      </c>
      <c r="B11113" s="1" t="s">
        <v>8212</v>
      </c>
      <c r="C11113" s="1" t="s">
        <v>28465</v>
      </c>
      <c r="D11113" s="2">
        <v>163941</v>
      </c>
      <c r="E11113" s="1" t="s">
        <v>0</v>
      </c>
    </row>
    <row r="11114" spans="1:5" x14ac:dyDescent="0.25">
      <c r="A11114" s="1" t="s">
        <v>24934</v>
      </c>
      <c r="B11114" s="1" t="s">
        <v>52961</v>
      </c>
      <c r="C11114" s="1" t="s">
        <v>24935</v>
      </c>
      <c r="D11114" s="2">
        <v>163942</v>
      </c>
      <c r="E11114" s="1" t="s">
        <v>0</v>
      </c>
    </row>
    <row r="11115" spans="1:5" ht="409.5" x14ac:dyDescent="0.25">
      <c r="A11115" s="4" t="s">
        <v>28466</v>
      </c>
      <c r="B11115" s="1" t="s">
        <v>53528</v>
      </c>
      <c r="C11115" s="1" t="s">
        <v>28467</v>
      </c>
      <c r="D11115" s="2">
        <v>163943</v>
      </c>
      <c r="E11115" s="1" t="s">
        <v>0</v>
      </c>
    </row>
    <row r="11116" spans="1:5" x14ac:dyDescent="0.25">
      <c r="A11116" s="1" t="s">
        <v>28468</v>
      </c>
      <c r="B11116" s="1" t="s">
        <v>8213</v>
      </c>
      <c r="C11116" s="1" t="s">
        <v>28469</v>
      </c>
      <c r="D11116" s="2">
        <v>163944</v>
      </c>
      <c r="E11116" s="1" t="s">
        <v>0</v>
      </c>
    </row>
    <row r="11117" spans="1:5" x14ac:dyDescent="0.25">
      <c r="A11117" s="2">
        <v>2223</v>
      </c>
      <c r="B11117" s="2">
        <v>2223</v>
      </c>
      <c r="C11117" s="1" t="s">
        <v>0</v>
      </c>
      <c r="D11117" s="2">
        <v>163945</v>
      </c>
      <c r="E11117" s="1" t="s">
        <v>0</v>
      </c>
    </row>
    <row r="11118" spans="1:5" x14ac:dyDescent="0.25">
      <c r="A11118" s="1" t="s">
        <v>2043</v>
      </c>
      <c r="B11118" s="1" t="s">
        <v>8214</v>
      </c>
      <c r="C11118" s="1" t="s">
        <v>28470</v>
      </c>
      <c r="D11118" s="2">
        <v>163946</v>
      </c>
      <c r="E11118" s="1" t="s">
        <v>0</v>
      </c>
    </row>
    <row r="11119" spans="1:5" x14ac:dyDescent="0.25">
      <c r="A11119" s="1" t="s">
        <v>64149</v>
      </c>
      <c r="B11119" s="1" t="s">
        <v>50689</v>
      </c>
      <c r="C11119" s="1" t="s">
        <v>28471</v>
      </c>
      <c r="D11119" s="2">
        <v>163947</v>
      </c>
      <c r="E11119" s="1" t="s">
        <v>0</v>
      </c>
    </row>
    <row r="11120" spans="1:5" ht="409.5" x14ac:dyDescent="0.25">
      <c r="A11120" s="4" t="s">
        <v>64150</v>
      </c>
      <c r="B11120" s="1" t="s">
        <v>50690</v>
      </c>
      <c r="C11120" s="1" t="s">
        <v>28472</v>
      </c>
      <c r="D11120" s="2">
        <v>163948</v>
      </c>
      <c r="E11120" s="1" t="s">
        <v>0</v>
      </c>
    </row>
    <row r="11121" spans="1:5" x14ac:dyDescent="0.25">
      <c r="A11121" s="1" t="s">
        <v>28473</v>
      </c>
      <c r="B11121" s="1" t="s">
        <v>53529</v>
      </c>
      <c r="C11121" s="1" t="s">
        <v>28474</v>
      </c>
      <c r="D11121" s="2">
        <v>163949</v>
      </c>
      <c r="E11121" s="1" t="s">
        <v>0</v>
      </c>
    </row>
    <row r="11122" spans="1:5" x14ac:dyDescent="0.25">
      <c r="A11122" s="2">
        <v>2224</v>
      </c>
      <c r="B11122" s="2">
        <v>2224</v>
      </c>
      <c r="C11122" s="1" t="s">
        <v>0</v>
      </c>
      <c r="D11122" s="2">
        <v>163950</v>
      </c>
      <c r="E11122" s="1" t="s">
        <v>0</v>
      </c>
    </row>
    <row r="11123" spans="1:5" x14ac:dyDescent="0.25">
      <c r="A11123" s="1" t="s">
        <v>2044</v>
      </c>
      <c r="B11123" s="1" t="s">
        <v>58351</v>
      </c>
      <c r="C11123" s="1" t="s">
        <v>28475</v>
      </c>
      <c r="D11123" s="2">
        <v>163951</v>
      </c>
      <c r="E11123" s="1" t="s">
        <v>0</v>
      </c>
    </row>
    <row r="11124" spans="1:5" x14ac:dyDescent="0.25">
      <c r="A11124" s="1" t="s">
        <v>61801</v>
      </c>
      <c r="B11124" s="1" t="s">
        <v>58352</v>
      </c>
      <c r="C11124" s="1" t="s">
        <v>28476</v>
      </c>
      <c r="D11124" s="2">
        <v>163952</v>
      </c>
      <c r="E11124" s="1" t="s">
        <v>0</v>
      </c>
    </row>
    <row r="11125" spans="1:5" ht="409.5" x14ac:dyDescent="0.25">
      <c r="A11125" s="4" t="s">
        <v>61802</v>
      </c>
      <c r="B11125" s="1" t="s">
        <v>58353</v>
      </c>
      <c r="C11125" s="1" t="s">
        <v>28477</v>
      </c>
      <c r="D11125" s="2">
        <v>163953</v>
      </c>
      <c r="E11125" s="1" t="s">
        <v>0</v>
      </c>
    </row>
    <row r="11126" spans="1:5" x14ac:dyDescent="0.25">
      <c r="A11126" s="1" t="s">
        <v>22860</v>
      </c>
      <c r="B11126" s="1" t="s">
        <v>57169</v>
      </c>
      <c r="C11126" s="1" t="s">
        <v>22861</v>
      </c>
      <c r="D11126" s="2">
        <v>163954</v>
      </c>
      <c r="E11126" s="1" t="s">
        <v>0</v>
      </c>
    </row>
    <row r="11127" spans="1:5" x14ac:dyDescent="0.25">
      <c r="A11127" s="2">
        <v>2225</v>
      </c>
      <c r="B11127" s="2">
        <v>2225</v>
      </c>
      <c r="C11127" s="1" t="s">
        <v>0</v>
      </c>
      <c r="D11127" s="2">
        <v>163955</v>
      </c>
      <c r="E11127" s="1" t="s">
        <v>0</v>
      </c>
    </row>
    <row r="11128" spans="1:5" x14ac:dyDescent="0.25">
      <c r="A11128" s="1" t="s">
        <v>2045</v>
      </c>
      <c r="B11128" s="1" t="s">
        <v>50691</v>
      </c>
      <c r="C11128" s="1" t="s">
        <v>28478</v>
      </c>
      <c r="D11128" s="2">
        <v>163956</v>
      </c>
      <c r="E11128" s="1" t="s">
        <v>0</v>
      </c>
    </row>
    <row r="11129" spans="1:5" x14ac:dyDescent="0.25">
      <c r="A11129" s="1" t="s">
        <v>28479</v>
      </c>
      <c r="B11129" s="1" t="s">
        <v>53530</v>
      </c>
      <c r="C11129" s="1" t="s">
        <v>28480</v>
      </c>
      <c r="D11129" s="2">
        <v>163957</v>
      </c>
      <c r="E11129" s="1" t="s">
        <v>0</v>
      </c>
    </row>
    <row r="11130" spans="1:5" ht="409.5" x14ac:dyDescent="0.25">
      <c r="A11130" s="4" t="s">
        <v>28481</v>
      </c>
      <c r="B11130" s="1" t="s">
        <v>59974</v>
      </c>
      <c r="C11130" s="1" t="s">
        <v>28482</v>
      </c>
      <c r="D11130" s="2">
        <v>163958</v>
      </c>
      <c r="E11130" s="1" t="s">
        <v>0</v>
      </c>
    </row>
    <row r="11131" spans="1:5" x14ac:dyDescent="0.25">
      <c r="A11131" s="1" t="s">
        <v>28483</v>
      </c>
      <c r="B11131" s="1" t="s">
        <v>50692</v>
      </c>
      <c r="C11131" s="1" t="s">
        <v>28484</v>
      </c>
      <c r="D11131" s="2">
        <v>163959</v>
      </c>
      <c r="E11131" s="1" t="s">
        <v>0</v>
      </c>
    </row>
    <row r="11132" spans="1:5" x14ac:dyDescent="0.25">
      <c r="A11132" s="2">
        <v>2226</v>
      </c>
      <c r="B11132" s="2">
        <v>2226</v>
      </c>
      <c r="C11132" s="1" t="s">
        <v>0</v>
      </c>
      <c r="D11132" s="2">
        <v>163960</v>
      </c>
      <c r="E11132" s="1" t="s">
        <v>0</v>
      </c>
    </row>
    <row r="11133" spans="1:5" x14ac:dyDescent="0.25">
      <c r="A11133" s="1" t="s">
        <v>13113</v>
      </c>
      <c r="B11133" s="1" t="s">
        <v>53531</v>
      </c>
      <c r="C11133" s="1" t="s">
        <v>28485</v>
      </c>
      <c r="D11133" s="2">
        <v>163961</v>
      </c>
      <c r="E11133" s="1" t="s">
        <v>0</v>
      </c>
    </row>
    <row r="11134" spans="1:5" x14ac:dyDescent="0.25">
      <c r="A11134" s="1" t="s">
        <v>28486</v>
      </c>
      <c r="B11134" s="1" t="s">
        <v>53532</v>
      </c>
      <c r="C11134" s="1" t="s">
        <v>28487</v>
      </c>
      <c r="D11134" s="2">
        <v>163962</v>
      </c>
      <c r="E11134" s="1" t="s">
        <v>0</v>
      </c>
    </row>
    <row r="11135" spans="1:5" ht="409.5" x14ac:dyDescent="0.25">
      <c r="A11135" s="4" t="s">
        <v>28488</v>
      </c>
      <c r="B11135" s="1" t="s">
        <v>53533</v>
      </c>
      <c r="C11135" s="1" t="s">
        <v>28489</v>
      </c>
      <c r="D11135" s="2">
        <v>163963</v>
      </c>
      <c r="E11135" s="1" t="s">
        <v>0</v>
      </c>
    </row>
    <row r="11136" spans="1:5" x14ac:dyDescent="0.25">
      <c r="A11136" s="1" t="s">
        <v>28490</v>
      </c>
      <c r="B11136" s="1" t="s">
        <v>8215</v>
      </c>
      <c r="C11136" s="1" t="s">
        <v>28491</v>
      </c>
      <c r="D11136" s="2">
        <v>163964</v>
      </c>
      <c r="E11136" s="1" t="s">
        <v>0</v>
      </c>
    </row>
    <row r="11137" spans="1:5" x14ac:dyDescent="0.25">
      <c r="A11137" s="2">
        <v>2227</v>
      </c>
      <c r="B11137" s="2">
        <v>2227</v>
      </c>
      <c r="C11137" s="1" t="s">
        <v>0</v>
      </c>
      <c r="D11137" s="2">
        <v>163965</v>
      </c>
      <c r="E11137" s="1" t="s">
        <v>0</v>
      </c>
    </row>
    <row r="11138" spans="1:5" x14ac:dyDescent="0.25">
      <c r="A11138" s="1" t="s">
        <v>2046</v>
      </c>
      <c r="B11138" s="1" t="s">
        <v>8216</v>
      </c>
      <c r="C11138" s="1" t="s">
        <v>28492</v>
      </c>
      <c r="D11138" s="2">
        <v>163966</v>
      </c>
      <c r="E11138" s="1" t="s">
        <v>0</v>
      </c>
    </row>
    <row r="11139" spans="1:5" x14ac:dyDescent="0.25">
      <c r="A11139" s="1" t="s">
        <v>28493</v>
      </c>
      <c r="B11139" s="1" t="s">
        <v>53534</v>
      </c>
      <c r="C11139" s="1" t="s">
        <v>28494</v>
      </c>
      <c r="D11139" s="2">
        <v>163967</v>
      </c>
      <c r="E11139" s="1" t="s">
        <v>0</v>
      </c>
    </row>
    <row r="11140" spans="1:5" ht="409.5" x14ac:dyDescent="0.25">
      <c r="A11140" s="4" t="s">
        <v>28495</v>
      </c>
      <c r="B11140" s="1" t="s">
        <v>57837</v>
      </c>
      <c r="C11140" s="1" t="s">
        <v>28496</v>
      </c>
      <c r="D11140" s="2">
        <v>163968</v>
      </c>
      <c r="E11140" s="1" t="s">
        <v>0</v>
      </c>
    </row>
    <row r="11141" spans="1:5" x14ac:dyDescent="0.25">
      <c r="A11141" s="1" t="s">
        <v>14855</v>
      </c>
      <c r="B11141" s="1" t="s">
        <v>60879</v>
      </c>
      <c r="C11141" s="1" t="s">
        <v>14856</v>
      </c>
      <c r="D11141" s="2">
        <v>163969</v>
      </c>
      <c r="E11141" s="1" t="s">
        <v>0</v>
      </c>
    </row>
    <row r="11142" spans="1:5" x14ac:dyDescent="0.25">
      <c r="A11142" s="2">
        <v>2228</v>
      </c>
      <c r="B11142" s="2">
        <v>2228</v>
      </c>
      <c r="C11142" s="1" t="s">
        <v>0</v>
      </c>
      <c r="D11142" s="2">
        <v>163970</v>
      </c>
      <c r="E11142" s="1" t="s">
        <v>0</v>
      </c>
    </row>
    <row r="11143" spans="1:5" x14ac:dyDescent="0.25">
      <c r="A11143" s="1" t="s">
        <v>2047</v>
      </c>
      <c r="B11143" s="1" t="s">
        <v>8217</v>
      </c>
      <c r="C11143" s="1" t="s">
        <v>28497</v>
      </c>
      <c r="D11143" s="2">
        <v>163971</v>
      </c>
      <c r="E11143" s="1" t="s">
        <v>0</v>
      </c>
    </row>
    <row r="11144" spans="1:5" x14ac:dyDescent="0.25">
      <c r="A11144" s="1" t="s">
        <v>28498</v>
      </c>
      <c r="B11144" s="1" t="s">
        <v>53535</v>
      </c>
      <c r="C11144" s="1" t="s">
        <v>28499</v>
      </c>
      <c r="D11144" s="2">
        <v>163972</v>
      </c>
      <c r="E11144" s="1" t="s">
        <v>0</v>
      </c>
    </row>
    <row r="11145" spans="1:5" ht="409.5" x14ac:dyDescent="0.25">
      <c r="A11145" s="4" t="s">
        <v>28500</v>
      </c>
      <c r="B11145" s="1" t="s">
        <v>53536</v>
      </c>
      <c r="C11145" s="1" t="s">
        <v>28501</v>
      </c>
      <c r="D11145" s="2">
        <v>163973</v>
      </c>
      <c r="E11145" s="1" t="s">
        <v>0</v>
      </c>
    </row>
    <row r="11146" spans="1:5" x14ac:dyDescent="0.25">
      <c r="A11146" s="1" t="s">
        <v>28502</v>
      </c>
      <c r="B11146" s="1" t="s">
        <v>53537</v>
      </c>
      <c r="C11146" s="1" t="s">
        <v>28503</v>
      </c>
      <c r="D11146" s="2">
        <v>163974</v>
      </c>
      <c r="E11146" s="1" t="s">
        <v>0</v>
      </c>
    </row>
    <row r="11147" spans="1:5" x14ac:dyDescent="0.25">
      <c r="A11147" s="2">
        <v>2229</v>
      </c>
      <c r="B11147" s="2">
        <v>2229</v>
      </c>
      <c r="C11147" s="1" t="s">
        <v>0</v>
      </c>
      <c r="D11147" s="2">
        <v>163975</v>
      </c>
      <c r="E11147" s="1" t="s">
        <v>0</v>
      </c>
    </row>
    <row r="11148" spans="1:5" x14ac:dyDescent="0.25">
      <c r="A11148" s="1" t="s">
        <v>2048</v>
      </c>
      <c r="B11148" s="1" t="s">
        <v>8218</v>
      </c>
      <c r="C11148" s="1" t="s">
        <v>28504</v>
      </c>
      <c r="D11148" s="2">
        <v>163976</v>
      </c>
      <c r="E11148" s="1" t="s">
        <v>0</v>
      </c>
    </row>
    <row r="11149" spans="1:5" x14ac:dyDescent="0.25">
      <c r="A11149" s="1" t="s">
        <v>28505</v>
      </c>
      <c r="B11149" s="1" t="s">
        <v>8219</v>
      </c>
      <c r="C11149" s="1" t="s">
        <v>28506</v>
      </c>
      <c r="D11149" s="2">
        <v>163977</v>
      </c>
      <c r="E11149" s="1" t="s">
        <v>0</v>
      </c>
    </row>
    <row r="11150" spans="1:5" ht="409.5" x14ac:dyDescent="0.25">
      <c r="A11150" s="4" t="s">
        <v>28507</v>
      </c>
      <c r="B11150" s="1" t="s">
        <v>59600</v>
      </c>
      <c r="C11150" s="1" t="s">
        <v>28508</v>
      </c>
      <c r="D11150" s="2">
        <v>163978</v>
      </c>
      <c r="E11150" s="1" t="s">
        <v>0</v>
      </c>
    </row>
    <row r="11151" spans="1:5" x14ac:dyDescent="0.25">
      <c r="A11151" s="1" t="s">
        <v>28509</v>
      </c>
      <c r="B11151" s="1" t="s">
        <v>53538</v>
      </c>
      <c r="C11151" s="1" t="s">
        <v>28510</v>
      </c>
      <c r="D11151" s="2">
        <v>163979</v>
      </c>
      <c r="E11151" s="1" t="s">
        <v>0</v>
      </c>
    </row>
    <row r="11152" spans="1:5" x14ac:dyDescent="0.25">
      <c r="A11152" s="2">
        <v>2230</v>
      </c>
      <c r="B11152" s="2">
        <v>2230</v>
      </c>
      <c r="C11152" s="1" t="s">
        <v>0</v>
      </c>
      <c r="D11152" s="2">
        <v>163980</v>
      </c>
      <c r="E11152" s="1" t="s">
        <v>0</v>
      </c>
    </row>
    <row r="11153" spans="1:5" x14ac:dyDescent="0.25">
      <c r="A11153" s="1" t="s">
        <v>2049</v>
      </c>
      <c r="B11153" s="1" t="s">
        <v>8220</v>
      </c>
      <c r="C11153" s="1" t="s">
        <v>28511</v>
      </c>
      <c r="D11153" s="2">
        <v>163981</v>
      </c>
      <c r="E11153" s="1" t="s">
        <v>0</v>
      </c>
    </row>
    <row r="11154" spans="1:5" x14ac:dyDescent="0.25">
      <c r="A11154" s="1" t="s">
        <v>28512</v>
      </c>
      <c r="B11154" s="1" t="s">
        <v>8221</v>
      </c>
      <c r="C11154" s="1" t="s">
        <v>28513</v>
      </c>
      <c r="D11154" s="2">
        <v>163982</v>
      </c>
      <c r="E11154" s="1" t="s">
        <v>0</v>
      </c>
    </row>
    <row r="11155" spans="1:5" ht="409.5" x14ac:dyDescent="0.25">
      <c r="A11155" s="4" t="s">
        <v>28514</v>
      </c>
      <c r="B11155" s="1" t="s">
        <v>59601</v>
      </c>
      <c r="C11155" s="1" t="s">
        <v>28515</v>
      </c>
      <c r="D11155" s="2">
        <v>163983</v>
      </c>
      <c r="E11155" s="1" t="s">
        <v>0</v>
      </c>
    </row>
    <row r="11156" spans="1:5" x14ac:dyDescent="0.25">
      <c r="A11156" s="1" t="s">
        <v>28516</v>
      </c>
      <c r="B11156" s="1" t="s">
        <v>8222</v>
      </c>
      <c r="C11156" s="1" t="s">
        <v>28517</v>
      </c>
      <c r="D11156" s="2">
        <v>163984</v>
      </c>
      <c r="E11156" s="1" t="s">
        <v>0</v>
      </c>
    </row>
    <row r="11157" spans="1:5" x14ac:dyDescent="0.25">
      <c r="A11157" s="2">
        <v>2231</v>
      </c>
      <c r="B11157" s="2">
        <v>2231</v>
      </c>
      <c r="C11157" s="1" t="s">
        <v>0</v>
      </c>
      <c r="D11157" s="2">
        <v>163985</v>
      </c>
      <c r="E11157" s="1" t="s">
        <v>0</v>
      </c>
    </row>
    <row r="11158" spans="1:5" x14ac:dyDescent="0.25">
      <c r="A11158" s="1" t="s">
        <v>8223</v>
      </c>
      <c r="B11158" s="1" t="s">
        <v>8224</v>
      </c>
      <c r="C11158" s="1" t="s">
        <v>28518</v>
      </c>
      <c r="D11158" s="2">
        <v>163986</v>
      </c>
      <c r="E11158" s="1" t="s">
        <v>0</v>
      </c>
    </row>
    <row r="11159" spans="1:5" x14ac:dyDescent="0.25">
      <c r="A11159" s="1" t="s">
        <v>28519</v>
      </c>
      <c r="B11159" s="1" t="s">
        <v>53539</v>
      </c>
      <c r="C11159" s="1" t="s">
        <v>28520</v>
      </c>
      <c r="D11159" s="2">
        <v>163987</v>
      </c>
      <c r="E11159" s="1" t="s">
        <v>0</v>
      </c>
    </row>
    <row r="11160" spans="1:5" ht="409.5" x14ac:dyDescent="0.25">
      <c r="A11160" s="4" t="s">
        <v>28521</v>
      </c>
      <c r="B11160" s="1" t="s">
        <v>53540</v>
      </c>
      <c r="C11160" s="1" t="s">
        <v>28522</v>
      </c>
      <c r="D11160" s="2">
        <v>163988</v>
      </c>
      <c r="E11160" s="1" t="s">
        <v>0</v>
      </c>
    </row>
    <row r="11161" spans="1:5" x14ac:dyDescent="0.25">
      <c r="A11161" s="1" t="s">
        <v>28523</v>
      </c>
      <c r="B11161" s="1" t="s">
        <v>8225</v>
      </c>
      <c r="C11161" s="1" t="s">
        <v>28524</v>
      </c>
      <c r="D11161" s="2">
        <v>163989</v>
      </c>
      <c r="E11161" s="1" t="s">
        <v>0</v>
      </c>
    </row>
    <row r="11162" spans="1:5" x14ac:dyDescent="0.25">
      <c r="A11162" s="2">
        <v>2232</v>
      </c>
      <c r="B11162" s="2">
        <v>2232</v>
      </c>
      <c r="C11162" s="1" t="s">
        <v>0</v>
      </c>
      <c r="D11162" s="2">
        <v>163990</v>
      </c>
      <c r="E11162" s="1" t="s">
        <v>0</v>
      </c>
    </row>
    <row r="11163" spans="1:5" x14ac:dyDescent="0.25">
      <c r="A11163" s="1" t="s">
        <v>2050</v>
      </c>
      <c r="B11163" s="1" t="s">
        <v>8226</v>
      </c>
      <c r="C11163" s="1" t="s">
        <v>28525</v>
      </c>
      <c r="D11163" s="2">
        <v>163991</v>
      </c>
      <c r="E11163" s="1" t="s">
        <v>0</v>
      </c>
    </row>
    <row r="11164" spans="1:5" x14ac:dyDescent="0.25">
      <c r="A11164" s="1" t="s">
        <v>28526</v>
      </c>
      <c r="B11164" s="1" t="s">
        <v>53541</v>
      </c>
      <c r="C11164" s="1" t="s">
        <v>28527</v>
      </c>
      <c r="D11164" s="2">
        <v>163992</v>
      </c>
      <c r="E11164" s="1" t="s">
        <v>0</v>
      </c>
    </row>
    <row r="11165" spans="1:5" ht="409.5" x14ac:dyDescent="0.25">
      <c r="A11165" s="4" t="s">
        <v>28528</v>
      </c>
      <c r="B11165" s="1" t="s">
        <v>53542</v>
      </c>
      <c r="C11165" s="1" t="s">
        <v>28529</v>
      </c>
      <c r="D11165" s="2">
        <v>163993</v>
      </c>
      <c r="E11165" s="1" t="s">
        <v>0</v>
      </c>
    </row>
    <row r="11166" spans="1:5" x14ac:dyDescent="0.25">
      <c r="A11166" s="1" t="s">
        <v>28530</v>
      </c>
      <c r="B11166" s="1" t="s">
        <v>8227</v>
      </c>
      <c r="C11166" s="1" t="s">
        <v>28531</v>
      </c>
      <c r="D11166" s="2">
        <v>163994</v>
      </c>
      <c r="E11166" s="1" t="s">
        <v>0</v>
      </c>
    </row>
    <row r="11167" spans="1:5" x14ac:dyDescent="0.25">
      <c r="A11167" s="2">
        <v>2233</v>
      </c>
      <c r="B11167" s="2">
        <v>2233</v>
      </c>
      <c r="C11167" s="1" t="s">
        <v>0</v>
      </c>
      <c r="D11167" s="2">
        <v>163995</v>
      </c>
      <c r="E11167" s="1" t="s">
        <v>0</v>
      </c>
    </row>
    <row r="11168" spans="1:5" x14ac:dyDescent="0.25">
      <c r="A11168" s="1" t="s">
        <v>2051</v>
      </c>
      <c r="B11168" s="1" t="s">
        <v>8228</v>
      </c>
      <c r="C11168" s="1" t="s">
        <v>28532</v>
      </c>
      <c r="D11168" s="2">
        <v>163996</v>
      </c>
      <c r="E11168" s="1" t="s">
        <v>0</v>
      </c>
    </row>
    <row r="11169" spans="1:5" x14ac:dyDescent="0.25">
      <c r="A11169" s="1" t="s">
        <v>28533</v>
      </c>
      <c r="B11169" s="1" t="s">
        <v>53543</v>
      </c>
      <c r="C11169" s="1" t="s">
        <v>28534</v>
      </c>
      <c r="D11169" s="2">
        <v>163997</v>
      </c>
      <c r="E11169" s="1" t="s">
        <v>0</v>
      </c>
    </row>
    <row r="11170" spans="1:5" ht="409.5" x14ac:dyDescent="0.25">
      <c r="A11170" s="4" t="s">
        <v>28535</v>
      </c>
      <c r="B11170" s="1" t="s">
        <v>53544</v>
      </c>
      <c r="C11170" s="1" t="s">
        <v>28536</v>
      </c>
      <c r="D11170" s="2">
        <v>163998</v>
      </c>
      <c r="E11170" s="1" t="s">
        <v>0</v>
      </c>
    </row>
    <row r="11171" spans="1:5" x14ac:dyDescent="0.25">
      <c r="A11171" s="1" t="s">
        <v>28537</v>
      </c>
      <c r="B11171" s="1" t="s">
        <v>8229</v>
      </c>
      <c r="C11171" s="1" t="s">
        <v>28538</v>
      </c>
      <c r="D11171" s="2">
        <v>163999</v>
      </c>
      <c r="E11171" s="1" t="s">
        <v>0</v>
      </c>
    </row>
    <row r="11172" spans="1:5" x14ac:dyDescent="0.25">
      <c r="A11172" s="2">
        <v>2234</v>
      </c>
      <c r="B11172" s="2">
        <v>2234</v>
      </c>
      <c r="C11172" s="1" t="s">
        <v>0</v>
      </c>
      <c r="D11172" s="2">
        <v>164000</v>
      </c>
      <c r="E11172" s="1" t="s">
        <v>0</v>
      </c>
    </row>
    <row r="11173" spans="1:5" x14ac:dyDescent="0.25">
      <c r="A11173" s="1" t="s">
        <v>2052</v>
      </c>
      <c r="B11173" s="1" t="s">
        <v>8230</v>
      </c>
      <c r="C11173" s="1" t="s">
        <v>28539</v>
      </c>
      <c r="D11173" s="2">
        <v>164001</v>
      </c>
      <c r="E11173" s="1" t="s">
        <v>0</v>
      </c>
    </row>
    <row r="11174" spans="1:5" x14ac:dyDescent="0.25">
      <c r="A11174" s="1" t="s">
        <v>28540</v>
      </c>
      <c r="B11174" s="1" t="s">
        <v>53545</v>
      </c>
      <c r="C11174" s="1" t="s">
        <v>28541</v>
      </c>
      <c r="D11174" s="2">
        <v>164002</v>
      </c>
      <c r="E11174" s="1" t="s">
        <v>0</v>
      </c>
    </row>
    <row r="11175" spans="1:5" ht="409.5" x14ac:dyDescent="0.25">
      <c r="A11175" s="4" t="s">
        <v>28542</v>
      </c>
      <c r="B11175" s="1" t="s">
        <v>57838</v>
      </c>
      <c r="C11175" s="1" t="s">
        <v>28543</v>
      </c>
      <c r="D11175" s="2">
        <v>164003</v>
      </c>
      <c r="E11175" s="1" t="s">
        <v>0</v>
      </c>
    </row>
    <row r="11176" spans="1:5" x14ac:dyDescent="0.25">
      <c r="A11176" s="1" t="s">
        <v>28544</v>
      </c>
      <c r="B11176" s="1" t="s">
        <v>53546</v>
      </c>
      <c r="C11176" s="1" t="s">
        <v>28545</v>
      </c>
      <c r="D11176" s="2">
        <v>164004</v>
      </c>
      <c r="E11176" s="1" t="s">
        <v>0</v>
      </c>
    </row>
    <row r="11177" spans="1:5" x14ac:dyDescent="0.25">
      <c r="A11177" s="2">
        <v>2235</v>
      </c>
      <c r="B11177" s="2">
        <v>2235</v>
      </c>
      <c r="C11177" s="1" t="s">
        <v>0</v>
      </c>
      <c r="D11177" s="2">
        <v>164005</v>
      </c>
      <c r="E11177" s="1" t="s">
        <v>0</v>
      </c>
    </row>
    <row r="11178" spans="1:5" x14ac:dyDescent="0.25">
      <c r="A11178" s="1" t="s">
        <v>2053</v>
      </c>
      <c r="B11178" s="1" t="s">
        <v>8231</v>
      </c>
      <c r="C11178" s="1" t="s">
        <v>28546</v>
      </c>
      <c r="D11178" s="2">
        <v>164006</v>
      </c>
      <c r="E11178" s="1" t="s">
        <v>0</v>
      </c>
    </row>
    <row r="11179" spans="1:5" x14ac:dyDescent="0.25">
      <c r="A11179" s="1" t="s">
        <v>28547</v>
      </c>
      <c r="B11179" s="1" t="s">
        <v>63876</v>
      </c>
      <c r="C11179" s="1" t="s">
        <v>28548</v>
      </c>
      <c r="D11179" s="2">
        <v>164007</v>
      </c>
      <c r="E11179" s="1" t="s">
        <v>0</v>
      </c>
    </row>
    <row r="11180" spans="1:5" ht="409.5" x14ac:dyDescent="0.25">
      <c r="A11180" s="4" t="s">
        <v>28549</v>
      </c>
      <c r="B11180" s="1" t="s">
        <v>63877</v>
      </c>
      <c r="C11180" s="1" t="s">
        <v>28550</v>
      </c>
      <c r="D11180" s="2">
        <v>164008</v>
      </c>
      <c r="E11180" s="1" t="s">
        <v>0</v>
      </c>
    </row>
    <row r="11181" spans="1:5" x14ac:dyDescent="0.25">
      <c r="A11181" s="1" t="s">
        <v>15303</v>
      </c>
      <c r="B11181" s="1" t="s">
        <v>60888</v>
      </c>
      <c r="C11181" s="1" t="s">
        <v>15304</v>
      </c>
      <c r="D11181" s="2">
        <v>164009</v>
      </c>
      <c r="E11181" s="1" t="s">
        <v>0</v>
      </c>
    </row>
    <row r="11182" spans="1:5" x14ac:dyDescent="0.25">
      <c r="A11182" s="2">
        <v>2236</v>
      </c>
      <c r="B11182" s="2">
        <v>2236</v>
      </c>
      <c r="C11182" s="1" t="s">
        <v>0</v>
      </c>
      <c r="D11182" s="2">
        <v>164010</v>
      </c>
      <c r="E11182" s="1" t="s">
        <v>0</v>
      </c>
    </row>
    <row r="11183" spans="1:5" x14ac:dyDescent="0.25">
      <c r="A11183" s="1" t="s">
        <v>2054</v>
      </c>
      <c r="B11183" s="1" t="s">
        <v>8232</v>
      </c>
      <c r="C11183" s="1" t="s">
        <v>28551</v>
      </c>
      <c r="D11183" s="2">
        <v>164011</v>
      </c>
      <c r="E11183" s="1" t="s">
        <v>0</v>
      </c>
    </row>
    <row r="11184" spans="1:5" x14ac:dyDescent="0.25">
      <c r="A11184" s="1" t="s">
        <v>28552</v>
      </c>
      <c r="B11184" s="1" t="s">
        <v>8233</v>
      </c>
      <c r="C11184" s="1" t="s">
        <v>28553</v>
      </c>
      <c r="D11184" s="2">
        <v>164012</v>
      </c>
      <c r="E11184" s="1" t="s">
        <v>0</v>
      </c>
    </row>
    <row r="11185" spans="1:5" ht="409.5" x14ac:dyDescent="0.25">
      <c r="A11185" s="4" t="s">
        <v>28554</v>
      </c>
      <c r="B11185" s="1" t="s">
        <v>57839</v>
      </c>
      <c r="C11185" s="1" t="s">
        <v>28555</v>
      </c>
      <c r="D11185" s="2">
        <v>164013</v>
      </c>
      <c r="E11185" s="1" t="s">
        <v>0</v>
      </c>
    </row>
    <row r="11186" spans="1:5" x14ac:dyDescent="0.25">
      <c r="A11186" s="1" t="s">
        <v>28556</v>
      </c>
      <c r="B11186" s="1" t="s">
        <v>8234</v>
      </c>
      <c r="C11186" s="1" t="s">
        <v>28557</v>
      </c>
      <c r="D11186" s="2">
        <v>164014</v>
      </c>
      <c r="E11186" s="1" t="s">
        <v>0</v>
      </c>
    </row>
    <row r="11187" spans="1:5" x14ac:dyDescent="0.25">
      <c r="A11187" s="2">
        <v>2237</v>
      </c>
      <c r="B11187" s="2">
        <v>2237</v>
      </c>
      <c r="C11187" s="1" t="s">
        <v>0</v>
      </c>
      <c r="D11187" s="2">
        <v>164015</v>
      </c>
      <c r="E11187" s="1" t="s">
        <v>0</v>
      </c>
    </row>
    <row r="11188" spans="1:5" x14ac:dyDescent="0.25">
      <c r="A11188" s="1" t="s">
        <v>2055</v>
      </c>
      <c r="B11188" s="1" t="s">
        <v>8235</v>
      </c>
      <c r="C11188" s="1" t="s">
        <v>28558</v>
      </c>
      <c r="D11188" s="2">
        <v>164016</v>
      </c>
      <c r="E11188" s="1" t="s">
        <v>0</v>
      </c>
    </row>
    <row r="11189" spans="1:5" x14ac:dyDescent="0.25">
      <c r="A11189" s="1" t="s">
        <v>28559</v>
      </c>
      <c r="B11189" s="1" t="s">
        <v>59019</v>
      </c>
      <c r="C11189" s="1" t="s">
        <v>28560</v>
      </c>
      <c r="D11189" s="2">
        <v>164017</v>
      </c>
      <c r="E11189" s="1" t="s">
        <v>0</v>
      </c>
    </row>
    <row r="11190" spans="1:5" ht="409.5" x14ac:dyDescent="0.25">
      <c r="A11190" s="4" t="s">
        <v>64151</v>
      </c>
      <c r="B11190" s="1" t="s">
        <v>63328</v>
      </c>
      <c r="C11190" s="1" t="s">
        <v>28561</v>
      </c>
      <c r="D11190" s="2">
        <v>164018</v>
      </c>
      <c r="E11190" s="1" t="s">
        <v>0</v>
      </c>
    </row>
    <row r="11191" spans="1:5" x14ac:dyDescent="0.25">
      <c r="A11191" s="1" t="s">
        <v>28562</v>
      </c>
      <c r="B11191" s="1" t="s">
        <v>8236</v>
      </c>
      <c r="C11191" s="1" t="s">
        <v>28563</v>
      </c>
      <c r="D11191" s="2">
        <v>164019</v>
      </c>
      <c r="E11191" s="1" t="s">
        <v>0</v>
      </c>
    </row>
    <row r="11192" spans="1:5" x14ac:dyDescent="0.25">
      <c r="A11192" s="2">
        <v>2238</v>
      </c>
      <c r="B11192" s="2">
        <v>2238</v>
      </c>
      <c r="C11192" s="1" t="s">
        <v>0</v>
      </c>
      <c r="D11192" s="2">
        <v>164020</v>
      </c>
      <c r="E11192" s="1" t="s">
        <v>0</v>
      </c>
    </row>
    <row r="11193" spans="1:5" x14ac:dyDescent="0.25">
      <c r="A11193" s="1" t="s">
        <v>2056</v>
      </c>
      <c r="B11193" s="1" t="s">
        <v>8237</v>
      </c>
      <c r="C11193" s="1" t="s">
        <v>28564</v>
      </c>
      <c r="D11193" s="2">
        <v>164021</v>
      </c>
      <c r="E11193" s="1" t="s">
        <v>0</v>
      </c>
    </row>
    <row r="11194" spans="1:5" x14ac:dyDescent="0.25">
      <c r="A11194" s="1" t="s">
        <v>28565</v>
      </c>
      <c r="B11194" s="1" t="s">
        <v>53547</v>
      </c>
      <c r="C11194" s="1" t="s">
        <v>28566</v>
      </c>
      <c r="D11194" s="2">
        <v>164022</v>
      </c>
      <c r="E11194" s="1" t="s">
        <v>0</v>
      </c>
    </row>
    <row r="11195" spans="1:5" ht="409.5" x14ac:dyDescent="0.25">
      <c r="A11195" s="4" t="s">
        <v>28567</v>
      </c>
      <c r="B11195" s="1" t="s">
        <v>53548</v>
      </c>
      <c r="C11195" s="1" t="s">
        <v>28568</v>
      </c>
      <c r="D11195" s="2">
        <v>164023</v>
      </c>
      <c r="E11195" s="1" t="s">
        <v>0</v>
      </c>
    </row>
    <row r="11196" spans="1:5" x14ac:dyDescent="0.25">
      <c r="A11196" s="1" t="s">
        <v>28569</v>
      </c>
      <c r="B11196" s="1" t="s">
        <v>8238</v>
      </c>
      <c r="C11196" s="1" t="s">
        <v>28570</v>
      </c>
      <c r="D11196" s="2">
        <v>164024</v>
      </c>
      <c r="E11196" s="1" t="s">
        <v>0</v>
      </c>
    </row>
    <row r="11197" spans="1:5" x14ac:dyDescent="0.25">
      <c r="A11197" s="2">
        <v>2239</v>
      </c>
      <c r="B11197" s="2">
        <v>2239</v>
      </c>
      <c r="C11197" s="1" t="s">
        <v>0</v>
      </c>
      <c r="D11197" s="2">
        <v>164025</v>
      </c>
      <c r="E11197" s="1" t="s">
        <v>0</v>
      </c>
    </row>
    <row r="11198" spans="1:5" x14ac:dyDescent="0.25">
      <c r="A11198" s="1" t="s">
        <v>2057</v>
      </c>
      <c r="B11198" s="1" t="s">
        <v>8239</v>
      </c>
      <c r="C11198" s="1" t="s">
        <v>28571</v>
      </c>
      <c r="D11198" s="2">
        <v>164026</v>
      </c>
      <c r="E11198" s="1" t="s">
        <v>0</v>
      </c>
    </row>
    <row r="11199" spans="1:5" x14ac:dyDescent="0.25">
      <c r="A11199" s="1" t="s">
        <v>28572</v>
      </c>
      <c r="B11199" s="1" t="s">
        <v>53549</v>
      </c>
      <c r="C11199" s="1" t="s">
        <v>28573</v>
      </c>
      <c r="D11199" s="2">
        <v>164027</v>
      </c>
      <c r="E11199" s="1" t="s">
        <v>0</v>
      </c>
    </row>
    <row r="11200" spans="1:5" ht="409.5" x14ac:dyDescent="0.25">
      <c r="A11200" s="4" t="s">
        <v>28574</v>
      </c>
      <c r="B11200" s="1" t="s">
        <v>53550</v>
      </c>
      <c r="C11200" s="1" t="s">
        <v>28575</v>
      </c>
      <c r="D11200" s="2">
        <v>164028</v>
      </c>
      <c r="E11200" s="1" t="s">
        <v>0</v>
      </c>
    </row>
    <row r="11201" spans="1:5" x14ac:dyDescent="0.25">
      <c r="A11201" s="1" t="s">
        <v>28576</v>
      </c>
      <c r="B11201" s="1" t="s">
        <v>61103</v>
      </c>
      <c r="C11201" s="1" t="s">
        <v>28577</v>
      </c>
      <c r="D11201" s="2">
        <v>164029</v>
      </c>
      <c r="E11201" s="1" t="s">
        <v>0</v>
      </c>
    </row>
    <row r="11202" spans="1:5" x14ac:dyDescent="0.25">
      <c r="A11202" s="2">
        <v>2240</v>
      </c>
      <c r="B11202" s="2">
        <v>2240</v>
      </c>
      <c r="C11202" s="1" t="s">
        <v>0</v>
      </c>
      <c r="D11202" s="2">
        <v>164030</v>
      </c>
      <c r="E11202" s="1" t="s">
        <v>0</v>
      </c>
    </row>
    <row r="11203" spans="1:5" x14ac:dyDescent="0.25">
      <c r="A11203" s="1" t="s">
        <v>2058</v>
      </c>
      <c r="B11203" s="1" t="s">
        <v>8240</v>
      </c>
      <c r="C11203" s="1" t="s">
        <v>28578</v>
      </c>
      <c r="D11203" s="2">
        <v>164031</v>
      </c>
      <c r="E11203" s="1" t="s">
        <v>0</v>
      </c>
    </row>
    <row r="11204" spans="1:5" x14ac:dyDescent="0.25">
      <c r="A11204" s="1" t="s">
        <v>28579</v>
      </c>
      <c r="B11204" s="1" t="s">
        <v>59975</v>
      </c>
      <c r="C11204" s="1" t="s">
        <v>28580</v>
      </c>
      <c r="D11204" s="2">
        <v>164032</v>
      </c>
      <c r="E11204" s="1" t="s">
        <v>0</v>
      </c>
    </row>
    <row r="11205" spans="1:5" ht="409.5" x14ac:dyDescent="0.25">
      <c r="A11205" s="4" t="s">
        <v>28581</v>
      </c>
      <c r="B11205" s="1" t="s">
        <v>63703</v>
      </c>
      <c r="C11205" s="1" t="s">
        <v>28582</v>
      </c>
      <c r="D11205" s="2">
        <v>164033</v>
      </c>
      <c r="E11205" s="1" t="s">
        <v>0</v>
      </c>
    </row>
    <row r="11206" spans="1:5" x14ac:dyDescent="0.25">
      <c r="A11206" s="1" t="s">
        <v>28583</v>
      </c>
      <c r="B11206" s="1" t="s">
        <v>53551</v>
      </c>
      <c r="C11206" s="1" t="s">
        <v>28584</v>
      </c>
      <c r="D11206" s="2">
        <v>164034</v>
      </c>
      <c r="E11206" s="1" t="s">
        <v>0</v>
      </c>
    </row>
    <row r="11207" spans="1:5" x14ac:dyDescent="0.25">
      <c r="A11207" s="2">
        <v>2241</v>
      </c>
      <c r="B11207" s="2">
        <v>2241</v>
      </c>
      <c r="C11207" s="1" t="s">
        <v>0</v>
      </c>
      <c r="D11207" s="2">
        <v>164035</v>
      </c>
      <c r="E11207" s="1" t="s">
        <v>0</v>
      </c>
    </row>
    <row r="11208" spans="1:5" x14ac:dyDescent="0.25">
      <c r="A11208" s="1" t="s">
        <v>8241</v>
      </c>
      <c r="B11208" s="1" t="s">
        <v>8242</v>
      </c>
      <c r="C11208" s="1" t="s">
        <v>28585</v>
      </c>
      <c r="D11208" s="2">
        <v>164036</v>
      </c>
      <c r="E11208" s="1" t="s">
        <v>0</v>
      </c>
    </row>
    <row r="11209" spans="1:5" x14ac:dyDescent="0.25">
      <c r="A11209" s="1" t="s">
        <v>28586</v>
      </c>
      <c r="B11209" s="1" t="s">
        <v>53552</v>
      </c>
      <c r="C11209" s="1" t="s">
        <v>28587</v>
      </c>
      <c r="D11209" s="2">
        <v>164037</v>
      </c>
      <c r="E11209" s="1" t="s">
        <v>0</v>
      </c>
    </row>
    <row r="11210" spans="1:5" ht="409.5" x14ac:dyDescent="0.25">
      <c r="A11210" s="4" t="s">
        <v>28588</v>
      </c>
      <c r="B11210" s="1" t="s">
        <v>59602</v>
      </c>
      <c r="C11210" s="1" t="s">
        <v>28589</v>
      </c>
      <c r="D11210" s="2">
        <v>164038</v>
      </c>
      <c r="E11210" s="1" t="s">
        <v>0</v>
      </c>
    </row>
    <row r="11211" spans="1:5" x14ac:dyDescent="0.25">
      <c r="A11211" s="1" t="s">
        <v>28590</v>
      </c>
      <c r="B11211" s="1" t="s">
        <v>8243</v>
      </c>
      <c r="C11211" s="1" t="s">
        <v>28591</v>
      </c>
      <c r="D11211" s="2">
        <v>164039</v>
      </c>
      <c r="E11211" s="1" t="s">
        <v>0</v>
      </c>
    </row>
    <row r="11212" spans="1:5" x14ac:dyDescent="0.25">
      <c r="A11212" s="2">
        <v>2242</v>
      </c>
      <c r="B11212" s="2">
        <v>2242</v>
      </c>
      <c r="C11212" s="1" t="s">
        <v>0</v>
      </c>
      <c r="D11212" s="2">
        <v>164040</v>
      </c>
      <c r="E11212" s="1" t="s">
        <v>0</v>
      </c>
    </row>
    <row r="11213" spans="1:5" x14ac:dyDescent="0.25">
      <c r="A11213" s="1" t="s">
        <v>2059</v>
      </c>
      <c r="B11213" s="1" t="s">
        <v>50693</v>
      </c>
      <c r="C11213" s="1" t="s">
        <v>28592</v>
      </c>
      <c r="D11213" s="2">
        <v>164041</v>
      </c>
      <c r="E11213" s="1" t="s">
        <v>0</v>
      </c>
    </row>
    <row r="11214" spans="1:5" x14ac:dyDescent="0.25">
      <c r="A11214" s="1" t="s">
        <v>61803</v>
      </c>
      <c r="B11214" s="1" t="s">
        <v>50694</v>
      </c>
      <c r="C11214" s="1" t="s">
        <v>28593</v>
      </c>
      <c r="D11214" s="2">
        <v>164042</v>
      </c>
      <c r="E11214" s="1" t="s">
        <v>0</v>
      </c>
    </row>
    <row r="11215" spans="1:5" ht="409.5" x14ac:dyDescent="0.25">
      <c r="A11215" s="4" t="s">
        <v>61804</v>
      </c>
      <c r="B11215" s="1" t="s">
        <v>62430</v>
      </c>
      <c r="C11215" s="1" t="s">
        <v>28594</v>
      </c>
      <c r="D11215" s="2">
        <v>164043</v>
      </c>
      <c r="E11215" s="1" t="s">
        <v>0</v>
      </c>
    </row>
    <row r="11216" spans="1:5" x14ac:dyDescent="0.25">
      <c r="A11216" s="1" t="s">
        <v>28595</v>
      </c>
      <c r="B11216" s="1" t="s">
        <v>8244</v>
      </c>
      <c r="C11216" s="1" t="s">
        <v>28596</v>
      </c>
      <c r="D11216" s="2">
        <v>164044</v>
      </c>
      <c r="E11216" s="1" t="s">
        <v>0</v>
      </c>
    </row>
    <row r="11217" spans="1:5" x14ac:dyDescent="0.25">
      <c r="A11217" s="2">
        <v>2243</v>
      </c>
      <c r="B11217" s="2">
        <v>2243</v>
      </c>
      <c r="C11217" s="1" t="s">
        <v>0</v>
      </c>
      <c r="D11217" s="2">
        <v>164045</v>
      </c>
      <c r="E11217" s="1" t="s">
        <v>0</v>
      </c>
    </row>
    <row r="11218" spans="1:5" x14ac:dyDescent="0.25">
      <c r="A11218" s="1" t="s">
        <v>2060</v>
      </c>
      <c r="B11218" s="1" t="s">
        <v>8245</v>
      </c>
      <c r="C11218" s="1" t="s">
        <v>28597</v>
      </c>
      <c r="D11218" s="2">
        <v>164046</v>
      </c>
      <c r="E11218" s="1" t="s">
        <v>0</v>
      </c>
    </row>
    <row r="11219" spans="1:5" x14ac:dyDescent="0.25">
      <c r="A11219" s="1" t="s">
        <v>28598</v>
      </c>
      <c r="B11219" s="1" t="s">
        <v>62431</v>
      </c>
      <c r="C11219" s="1" t="s">
        <v>28599</v>
      </c>
      <c r="D11219" s="2">
        <v>164047</v>
      </c>
      <c r="E11219" s="1" t="s">
        <v>0</v>
      </c>
    </row>
    <row r="11220" spans="1:5" ht="409.5" x14ac:dyDescent="0.25">
      <c r="A11220" s="4" t="s">
        <v>28600</v>
      </c>
      <c r="B11220" s="1" t="s">
        <v>62432</v>
      </c>
      <c r="C11220" s="1" t="s">
        <v>28601</v>
      </c>
      <c r="D11220" s="2">
        <v>164048</v>
      </c>
      <c r="E11220" s="1" t="s">
        <v>0</v>
      </c>
    </row>
    <row r="11221" spans="1:5" x14ac:dyDescent="0.25">
      <c r="A11221" s="1" t="s">
        <v>28602</v>
      </c>
      <c r="B11221" s="1" t="s">
        <v>53553</v>
      </c>
      <c r="C11221" s="1" t="s">
        <v>28603</v>
      </c>
      <c r="D11221" s="2">
        <v>164049</v>
      </c>
      <c r="E11221" s="1" t="s">
        <v>0</v>
      </c>
    </row>
    <row r="11222" spans="1:5" x14ac:dyDescent="0.25">
      <c r="A11222" s="2">
        <v>2244</v>
      </c>
      <c r="B11222" s="2">
        <v>2244</v>
      </c>
      <c r="C11222" s="1" t="s">
        <v>0</v>
      </c>
      <c r="D11222" s="2">
        <v>164050</v>
      </c>
      <c r="E11222" s="1" t="s">
        <v>0</v>
      </c>
    </row>
    <row r="11223" spans="1:5" x14ac:dyDescent="0.25">
      <c r="A11223" s="1" t="s">
        <v>8246</v>
      </c>
      <c r="B11223" s="1" t="s">
        <v>61641</v>
      </c>
      <c r="C11223" s="1" t="s">
        <v>28604</v>
      </c>
      <c r="D11223" s="2">
        <v>164051</v>
      </c>
      <c r="E11223" s="1" t="s">
        <v>0</v>
      </c>
    </row>
    <row r="11224" spans="1:5" x14ac:dyDescent="0.25">
      <c r="A11224" s="1" t="s">
        <v>28605</v>
      </c>
      <c r="B11224" s="1" t="s">
        <v>61642</v>
      </c>
      <c r="C11224" s="1" t="s">
        <v>28606</v>
      </c>
      <c r="D11224" s="2">
        <v>164052</v>
      </c>
      <c r="E11224" s="1" t="s">
        <v>0</v>
      </c>
    </row>
    <row r="11225" spans="1:5" ht="409.5" x14ac:dyDescent="0.25">
      <c r="A11225" s="4" t="s">
        <v>64152</v>
      </c>
      <c r="B11225" s="1" t="s">
        <v>61643</v>
      </c>
      <c r="C11225" s="1" t="s">
        <v>28607</v>
      </c>
      <c r="D11225" s="2">
        <v>164053</v>
      </c>
      <c r="E11225" s="1" t="s">
        <v>0</v>
      </c>
    </row>
    <row r="11226" spans="1:5" x14ac:dyDescent="0.25">
      <c r="A11226" s="1" t="s">
        <v>28608</v>
      </c>
      <c r="B11226" s="1" t="s">
        <v>61644</v>
      </c>
      <c r="C11226" s="1" t="s">
        <v>28609</v>
      </c>
      <c r="D11226" s="2">
        <v>164054</v>
      </c>
      <c r="E11226" s="1" t="s">
        <v>0</v>
      </c>
    </row>
    <row r="11227" spans="1:5" x14ac:dyDescent="0.25">
      <c r="A11227" s="2">
        <v>2245</v>
      </c>
      <c r="B11227" s="2">
        <v>2245</v>
      </c>
      <c r="C11227" s="1" t="s">
        <v>0</v>
      </c>
      <c r="D11227" s="2">
        <v>164055</v>
      </c>
      <c r="E11227" s="1" t="s">
        <v>0</v>
      </c>
    </row>
    <row r="11228" spans="1:5" x14ac:dyDescent="0.25">
      <c r="A11228" s="1" t="s">
        <v>2061</v>
      </c>
      <c r="B11228" s="1" t="s">
        <v>8247</v>
      </c>
      <c r="C11228" s="1" t="s">
        <v>28610</v>
      </c>
      <c r="D11228" s="2">
        <v>164056</v>
      </c>
      <c r="E11228" s="1" t="s">
        <v>0</v>
      </c>
    </row>
    <row r="11229" spans="1:5" x14ac:dyDescent="0.25">
      <c r="A11229" s="1" t="s">
        <v>28611</v>
      </c>
      <c r="B11229" s="1" t="s">
        <v>60739</v>
      </c>
      <c r="C11229" s="1" t="s">
        <v>28612</v>
      </c>
      <c r="D11229" s="2">
        <v>164057</v>
      </c>
      <c r="E11229" s="1" t="s">
        <v>0</v>
      </c>
    </row>
    <row r="11230" spans="1:5" ht="409.5" x14ac:dyDescent="0.25">
      <c r="A11230" s="4" t="s">
        <v>28613</v>
      </c>
      <c r="B11230" s="1" t="s">
        <v>60740</v>
      </c>
      <c r="C11230" s="1" t="s">
        <v>28614</v>
      </c>
      <c r="D11230" s="2">
        <v>164058</v>
      </c>
      <c r="E11230" s="1" t="s">
        <v>0</v>
      </c>
    </row>
    <row r="11231" spans="1:5" x14ac:dyDescent="0.25">
      <c r="A11231" s="1" t="s">
        <v>28615</v>
      </c>
      <c r="B11231" s="1" t="s">
        <v>53554</v>
      </c>
      <c r="C11231" s="1" t="s">
        <v>28616</v>
      </c>
      <c r="D11231" s="2">
        <v>164059</v>
      </c>
      <c r="E11231" s="1" t="s">
        <v>0</v>
      </c>
    </row>
    <row r="11232" spans="1:5" x14ac:dyDescent="0.25">
      <c r="A11232" s="2">
        <v>2246</v>
      </c>
      <c r="B11232" s="2">
        <v>2246</v>
      </c>
      <c r="C11232" s="1" t="s">
        <v>0</v>
      </c>
      <c r="D11232" s="2">
        <v>164060</v>
      </c>
      <c r="E11232" s="1" t="s">
        <v>0</v>
      </c>
    </row>
    <row r="11233" spans="1:5" x14ac:dyDescent="0.25">
      <c r="A11233" s="1" t="s">
        <v>2062</v>
      </c>
      <c r="B11233" s="1" t="s">
        <v>8248</v>
      </c>
      <c r="C11233" s="1" t="s">
        <v>28617</v>
      </c>
      <c r="D11233" s="2">
        <v>164061</v>
      </c>
      <c r="E11233" s="1" t="s">
        <v>0</v>
      </c>
    </row>
    <row r="11234" spans="1:5" x14ac:dyDescent="0.25">
      <c r="A11234" s="1" t="s">
        <v>28618</v>
      </c>
      <c r="B11234" s="1" t="s">
        <v>28619</v>
      </c>
      <c r="C11234" s="1" t="s">
        <v>28620</v>
      </c>
      <c r="D11234" s="2">
        <v>164062</v>
      </c>
      <c r="E11234" s="1" t="s">
        <v>0</v>
      </c>
    </row>
    <row r="11235" spans="1:5" ht="409.5" x14ac:dyDescent="0.25">
      <c r="A11235" s="4" t="s">
        <v>28621</v>
      </c>
      <c r="B11235" s="1" t="s">
        <v>59976</v>
      </c>
      <c r="C11235" s="1" t="s">
        <v>28622</v>
      </c>
      <c r="D11235" s="2">
        <v>164063</v>
      </c>
      <c r="E11235" s="1" t="s">
        <v>0</v>
      </c>
    </row>
    <row r="11236" spans="1:5" x14ac:dyDescent="0.25">
      <c r="A11236" s="1" t="s">
        <v>28623</v>
      </c>
      <c r="B11236" s="1" t="s">
        <v>53555</v>
      </c>
      <c r="C11236" s="1" t="s">
        <v>28624</v>
      </c>
      <c r="D11236" s="2">
        <v>164064</v>
      </c>
      <c r="E11236" s="1" t="s">
        <v>0</v>
      </c>
    </row>
    <row r="11237" spans="1:5" x14ac:dyDescent="0.25">
      <c r="A11237" s="2">
        <v>2247</v>
      </c>
      <c r="B11237" s="2">
        <v>2247</v>
      </c>
      <c r="C11237" s="1" t="s">
        <v>0</v>
      </c>
      <c r="D11237" s="2">
        <v>164065</v>
      </c>
      <c r="E11237" s="1" t="s">
        <v>0</v>
      </c>
    </row>
    <row r="11238" spans="1:5" x14ac:dyDescent="0.25">
      <c r="A11238" s="1" t="s">
        <v>2063</v>
      </c>
      <c r="B11238" s="1" t="s">
        <v>8249</v>
      </c>
      <c r="C11238" s="1" t="s">
        <v>28625</v>
      </c>
      <c r="D11238" s="2">
        <v>164066</v>
      </c>
      <c r="E11238" s="1" t="s">
        <v>0</v>
      </c>
    </row>
    <row r="11239" spans="1:5" x14ac:dyDescent="0.25">
      <c r="A11239" s="1" t="s">
        <v>28626</v>
      </c>
      <c r="B11239" s="1" t="s">
        <v>53556</v>
      </c>
      <c r="C11239" s="1" t="s">
        <v>28627</v>
      </c>
      <c r="D11239" s="2">
        <v>164067</v>
      </c>
      <c r="E11239" s="1" t="s">
        <v>0</v>
      </c>
    </row>
    <row r="11240" spans="1:5" ht="409.5" x14ac:dyDescent="0.25">
      <c r="A11240" s="4" t="s">
        <v>28628</v>
      </c>
      <c r="B11240" s="1" t="s">
        <v>53557</v>
      </c>
      <c r="C11240" s="1" t="s">
        <v>28629</v>
      </c>
      <c r="D11240" s="2">
        <v>164068</v>
      </c>
      <c r="E11240" s="1" t="s">
        <v>0</v>
      </c>
    </row>
    <row r="11241" spans="1:5" x14ac:dyDescent="0.25">
      <c r="A11241" s="1" t="s">
        <v>28630</v>
      </c>
      <c r="B11241" s="1" t="s">
        <v>8250</v>
      </c>
      <c r="C11241" s="1" t="s">
        <v>28631</v>
      </c>
      <c r="D11241" s="2">
        <v>164069</v>
      </c>
      <c r="E11241" s="1" t="s">
        <v>0</v>
      </c>
    </row>
    <row r="11242" spans="1:5" x14ac:dyDescent="0.25">
      <c r="A11242" s="2">
        <v>2248</v>
      </c>
      <c r="B11242" s="2">
        <v>2248</v>
      </c>
      <c r="C11242" s="1" t="s">
        <v>0</v>
      </c>
      <c r="D11242" s="2">
        <v>164070</v>
      </c>
      <c r="E11242" s="1" t="s">
        <v>0</v>
      </c>
    </row>
    <row r="11243" spans="1:5" x14ac:dyDescent="0.25">
      <c r="A11243" s="1" t="s">
        <v>2064</v>
      </c>
      <c r="B11243" s="1" t="s">
        <v>8251</v>
      </c>
      <c r="C11243" s="1" t="s">
        <v>28632</v>
      </c>
      <c r="D11243" s="2">
        <v>164071</v>
      </c>
      <c r="E11243" s="1" t="s">
        <v>0</v>
      </c>
    </row>
    <row r="11244" spans="1:5" x14ac:dyDescent="0.25">
      <c r="A11244" s="1" t="s">
        <v>28633</v>
      </c>
      <c r="B11244" s="1" t="s">
        <v>28634</v>
      </c>
      <c r="C11244" s="1" t="s">
        <v>28635</v>
      </c>
      <c r="D11244" s="2">
        <v>164072</v>
      </c>
      <c r="E11244" s="1" t="s">
        <v>0</v>
      </c>
    </row>
    <row r="11245" spans="1:5" ht="409.5" x14ac:dyDescent="0.25">
      <c r="A11245" s="4" t="s">
        <v>28636</v>
      </c>
      <c r="B11245" s="1" t="s">
        <v>53558</v>
      </c>
      <c r="C11245" s="1" t="s">
        <v>28637</v>
      </c>
      <c r="D11245" s="2">
        <v>164073</v>
      </c>
      <c r="E11245" s="1" t="s">
        <v>0</v>
      </c>
    </row>
    <row r="11246" spans="1:5" x14ac:dyDescent="0.25">
      <c r="A11246" s="1" t="s">
        <v>28638</v>
      </c>
      <c r="B11246" s="1" t="s">
        <v>8252</v>
      </c>
      <c r="C11246" s="1" t="s">
        <v>28639</v>
      </c>
      <c r="D11246" s="2">
        <v>164074</v>
      </c>
      <c r="E11246" s="1" t="s">
        <v>0</v>
      </c>
    </row>
    <row r="11247" spans="1:5" x14ac:dyDescent="0.25">
      <c r="A11247" s="2">
        <v>2249</v>
      </c>
      <c r="B11247" s="2">
        <v>2249</v>
      </c>
      <c r="C11247" s="1" t="s">
        <v>0</v>
      </c>
      <c r="D11247" s="2">
        <v>164075</v>
      </c>
      <c r="E11247" s="1" t="s">
        <v>0</v>
      </c>
    </row>
    <row r="11248" spans="1:5" x14ac:dyDescent="0.25">
      <c r="A11248" s="1" t="s">
        <v>8253</v>
      </c>
      <c r="B11248" s="1" t="s">
        <v>8254</v>
      </c>
      <c r="C11248" s="1" t="s">
        <v>28640</v>
      </c>
      <c r="D11248" s="2">
        <v>164076</v>
      </c>
      <c r="E11248" s="1" t="s">
        <v>0</v>
      </c>
    </row>
    <row r="11249" spans="1:5" x14ac:dyDescent="0.25">
      <c r="A11249" s="1" t="s">
        <v>28641</v>
      </c>
      <c r="B11249" s="1" t="s">
        <v>62433</v>
      </c>
      <c r="C11249" s="1" t="s">
        <v>28642</v>
      </c>
      <c r="D11249" s="2">
        <v>164077</v>
      </c>
      <c r="E11249" s="1" t="s">
        <v>0</v>
      </c>
    </row>
    <row r="11250" spans="1:5" ht="409.5" x14ac:dyDescent="0.25">
      <c r="A11250" s="4" t="s">
        <v>28643</v>
      </c>
      <c r="B11250" s="1" t="s">
        <v>62434</v>
      </c>
      <c r="C11250" s="1" t="s">
        <v>28644</v>
      </c>
      <c r="D11250" s="2">
        <v>164078</v>
      </c>
      <c r="E11250" s="1" t="s">
        <v>0</v>
      </c>
    </row>
    <row r="11251" spans="1:5" x14ac:dyDescent="0.25">
      <c r="A11251" s="1" t="s">
        <v>28645</v>
      </c>
      <c r="B11251" s="1" t="s">
        <v>53559</v>
      </c>
      <c r="C11251" s="1" t="s">
        <v>28646</v>
      </c>
      <c r="D11251" s="2">
        <v>164079</v>
      </c>
      <c r="E11251" s="1" t="s">
        <v>0</v>
      </c>
    </row>
    <row r="11252" spans="1:5" x14ac:dyDescent="0.25">
      <c r="A11252" s="2">
        <v>2250</v>
      </c>
      <c r="B11252" s="2">
        <v>2250</v>
      </c>
      <c r="C11252" s="1" t="s">
        <v>0</v>
      </c>
      <c r="D11252" s="2">
        <v>164080</v>
      </c>
      <c r="E11252" s="1" t="s">
        <v>0</v>
      </c>
    </row>
    <row r="11253" spans="1:5" x14ac:dyDescent="0.25">
      <c r="A11253" s="1" t="s">
        <v>2065</v>
      </c>
      <c r="B11253" s="1" t="s">
        <v>8255</v>
      </c>
      <c r="C11253" s="1" t="s">
        <v>28647</v>
      </c>
      <c r="D11253" s="2">
        <v>164081</v>
      </c>
      <c r="E11253" s="1" t="s">
        <v>0</v>
      </c>
    </row>
    <row r="11254" spans="1:5" x14ac:dyDescent="0.25">
      <c r="A11254" s="1" t="s">
        <v>28648</v>
      </c>
      <c r="B11254" s="1" t="s">
        <v>53560</v>
      </c>
      <c r="C11254" s="1" t="s">
        <v>28649</v>
      </c>
      <c r="D11254" s="2">
        <v>164082</v>
      </c>
      <c r="E11254" s="1" t="s">
        <v>0</v>
      </c>
    </row>
    <row r="11255" spans="1:5" ht="409.5" x14ac:dyDescent="0.25">
      <c r="A11255" s="4" t="s">
        <v>28650</v>
      </c>
      <c r="B11255" s="1" t="s">
        <v>53561</v>
      </c>
      <c r="C11255" s="1" t="s">
        <v>28651</v>
      </c>
      <c r="D11255" s="2">
        <v>164083</v>
      </c>
      <c r="E11255" s="1" t="s">
        <v>0</v>
      </c>
    </row>
    <row r="11256" spans="1:5" x14ac:dyDescent="0.25">
      <c r="A11256" s="1" t="s">
        <v>28652</v>
      </c>
      <c r="B11256" s="1" t="s">
        <v>53562</v>
      </c>
      <c r="C11256" s="1" t="s">
        <v>28653</v>
      </c>
      <c r="D11256" s="2">
        <v>164084</v>
      </c>
      <c r="E11256" s="1" t="s">
        <v>0</v>
      </c>
    </row>
    <row r="11257" spans="1:5" x14ac:dyDescent="0.25">
      <c r="A11257" s="2">
        <v>2251</v>
      </c>
      <c r="B11257" s="2">
        <v>2251</v>
      </c>
      <c r="C11257" s="1" t="s">
        <v>0</v>
      </c>
      <c r="D11257" s="2">
        <v>164085</v>
      </c>
      <c r="E11257" s="1" t="s">
        <v>0</v>
      </c>
    </row>
    <row r="11258" spans="1:5" x14ac:dyDescent="0.25">
      <c r="A11258" s="1" t="s">
        <v>2066</v>
      </c>
      <c r="B11258" s="1" t="s">
        <v>8256</v>
      </c>
      <c r="C11258" s="1" t="s">
        <v>28654</v>
      </c>
      <c r="D11258" s="2">
        <v>164086</v>
      </c>
      <c r="E11258" s="1" t="s">
        <v>0</v>
      </c>
    </row>
    <row r="11259" spans="1:5" x14ac:dyDescent="0.25">
      <c r="A11259" s="1" t="s">
        <v>28655</v>
      </c>
      <c r="B11259" s="1" t="s">
        <v>8257</v>
      </c>
      <c r="C11259" s="1" t="s">
        <v>28656</v>
      </c>
      <c r="D11259" s="2">
        <v>164087</v>
      </c>
      <c r="E11259" s="1" t="s">
        <v>0</v>
      </c>
    </row>
    <row r="11260" spans="1:5" ht="409.5" x14ac:dyDescent="0.25">
      <c r="A11260" s="4" t="s">
        <v>28657</v>
      </c>
      <c r="B11260" s="1" t="s">
        <v>53563</v>
      </c>
      <c r="C11260" s="1" t="s">
        <v>28658</v>
      </c>
      <c r="D11260" s="2">
        <v>164088</v>
      </c>
      <c r="E11260" s="1" t="s">
        <v>0</v>
      </c>
    </row>
    <row r="11261" spans="1:5" x14ac:dyDescent="0.25">
      <c r="A11261" s="1" t="s">
        <v>28659</v>
      </c>
      <c r="B11261" s="1" t="s">
        <v>61104</v>
      </c>
      <c r="C11261" s="1" t="s">
        <v>28660</v>
      </c>
      <c r="D11261" s="2">
        <v>164089</v>
      </c>
      <c r="E11261" s="1" t="s">
        <v>0</v>
      </c>
    </row>
    <row r="11262" spans="1:5" x14ac:dyDescent="0.25">
      <c r="A11262" s="2">
        <v>2252</v>
      </c>
      <c r="B11262" s="2">
        <v>2252</v>
      </c>
      <c r="C11262" s="1" t="s">
        <v>0</v>
      </c>
      <c r="D11262" s="2">
        <v>164090</v>
      </c>
      <c r="E11262" s="1" t="s">
        <v>0</v>
      </c>
    </row>
    <row r="11263" spans="1:5" x14ac:dyDescent="0.25">
      <c r="A11263" s="1" t="s">
        <v>2067</v>
      </c>
      <c r="B11263" s="1" t="s">
        <v>8258</v>
      </c>
      <c r="C11263" s="1" t="s">
        <v>28661</v>
      </c>
      <c r="D11263" s="2">
        <v>164091</v>
      </c>
      <c r="E11263" s="1" t="s">
        <v>0</v>
      </c>
    </row>
    <row r="11264" spans="1:5" x14ac:dyDescent="0.25">
      <c r="A11264" s="1" t="s">
        <v>28662</v>
      </c>
      <c r="B11264" s="1" t="s">
        <v>57031</v>
      </c>
      <c r="C11264" s="1" t="s">
        <v>28663</v>
      </c>
      <c r="D11264" s="2">
        <v>164092</v>
      </c>
      <c r="E11264" s="1" t="s">
        <v>0</v>
      </c>
    </row>
    <row r="11265" spans="1:5" ht="409.5" x14ac:dyDescent="0.25">
      <c r="A11265" s="4" t="s">
        <v>28664</v>
      </c>
      <c r="B11265" s="1" t="s">
        <v>57032</v>
      </c>
      <c r="C11265" s="1" t="s">
        <v>28665</v>
      </c>
      <c r="D11265" s="2">
        <v>164093</v>
      </c>
      <c r="E11265" s="1" t="s">
        <v>0</v>
      </c>
    </row>
    <row r="11266" spans="1:5" x14ac:dyDescent="0.25">
      <c r="A11266" s="1" t="s">
        <v>28666</v>
      </c>
      <c r="B11266" s="1" t="s">
        <v>53564</v>
      </c>
      <c r="C11266" s="1" t="s">
        <v>28667</v>
      </c>
      <c r="D11266" s="2">
        <v>164094</v>
      </c>
      <c r="E11266" s="1" t="s">
        <v>0</v>
      </c>
    </row>
    <row r="11267" spans="1:5" x14ac:dyDescent="0.25">
      <c r="A11267" s="2">
        <v>2253</v>
      </c>
      <c r="B11267" s="2">
        <v>2253</v>
      </c>
      <c r="C11267" s="1" t="s">
        <v>0</v>
      </c>
      <c r="D11267" s="2">
        <v>164095</v>
      </c>
      <c r="E11267" s="1" t="s">
        <v>0</v>
      </c>
    </row>
    <row r="11268" spans="1:5" x14ac:dyDescent="0.25">
      <c r="A11268" s="1" t="s">
        <v>8259</v>
      </c>
      <c r="B11268" s="1" t="s">
        <v>8260</v>
      </c>
      <c r="C11268" s="1" t="s">
        <v>28668</v>
      </c>
      <c r="D11268" s="2">
        <v>164096</v>
      </c>
      <c r="E11268" s="1" t="s">
        <v>0</v>
      </c>
    </row>
    <row r="11269" spans="1:5" x14ac:dyDescent="0.25">
      <c r="A11269" s="1" t="s">
        <v>28669</v>
      </c>
      <c r="B11269" s="1" t="s">
        <v>8261</v>
      </c>
      <c r="C11269" s="1" t="s">
        <v>28670</v>
      </c>
      <c r="D11269" s="2">
        <v>164097</v>
      </c>
      <c r="E11269" s="1" t="s">
        <v>0</v>
      </c>
    </row>
    <row r="11270" spans="1:5" ht="409.5" x14ac:dyDescent="0.25">
      <c r="A11270" s="4" t="s">
        <v>28671</v>
      </c>
      <c r="B11270" s="1" t="s">
        <v>62435</v>
      </c>
      <c r="C11270" s="1" t="s">
        <v>28672</v>
      </c>
      <c r="D11270" s="2">
        <v>164098</v>
      </c>
      <c r="E11270" s="1" t="s">
        <v>0</v>
      </c>
    </row>
    <row r="11271" spans="1:5" x14ac:dyDescent="0.25">
      <c r="A11271" s="1" t="s">
        <v>14855</v>
      </c>
      <c r="B11271" s="1" t="s">
        <v>60879</v>
      </c>
      <c r="C11271" s="1" t="s">
        <v>14856</v>
      </c>
      <c r="D11271" s="2">
        <v>164099</v>
      </c>
      <c r="E11271" s="1" t="s">
        <v>0</v>
      </c>
    </row>
    <row r="11272" spans="1:5" x14ac:dyDescent="0.25">
      <c r="A11272" s="2">
        <v>2254</v>
      </c>
      <c r="B11272" s="2">
        <v>2254</v>
      </c>
      <c r="C11272" s="1" t="s">
        <v>0</v>
      </c>
      <c r="D11272" s="2">
        <v>164100</v>
      </c>
      <c r="E11272" s="1" t="s">
        <v>0</v>
      </c>
    </row>
    <row r="11273" spans="1:5" x14ac:dyDescent="0.25">
      <c r="A11273" s="1" t="s">
        <v>2068</v>
      </c>
      <c r="B11273" s="1" t="s">
        <v>8262</v>
      </c>
      <c r="C11273" s="1" t="s">
        <v>28673</v>
      </c>
      <c r="D11273" s="2">
        <v>164101</v>
      </c>
      <c r="E11273" s="1" t="s">
        <v>0</v>
      </c>
    </row>
    <row r="11274" spans="1:5" x14ac:dyDescent="0.25">
      <c r="A11274" s="1" t="s">
        <v>28674</v>
      </c>
      <c r="B11274" s="1" t="s">
        <v>62436</v>
      </c>
      <c r="C11274" s="1" t="s">
        <v>28675</v>
      </c>
      <c r="D11274" s="2">
        <v>164102</v>
      </c>
      <c r="E11274" s="1" t="s">
        <v>0</v>
      </c>
    </row>
    <row r="11275" spans="1:5" x14ac:dyDescent="0.25">
      <c r="A11275" s="1" t="s">
        <v>28676</v>
      </c>
      <c r="B11275" s="1" t="s">
        <v>62437</v>
      </c>
      <c r="C11275" s="1" t="s">
        <v>28677</v>
      </c>
      <c r="D11275" s="2">
        <v>164103</v>
      </c>
      <c r="E11275" s="1" t="s">
        <v>0</v>
      </c>
    </row>
    <row r="11276" spans="1:5" x14ac:dyDescent="0.25">
      <c r="A11276" s="1" t="s">
        <v>28678</v>
      </c>
      <c r="B11276" s="1" t="s">
        <v>53565</v>
      </c>
      <c r="C11276" s="1" t="s">
        <v>28679</v>
      </c>
      <c r="D11276" s="2">
        <v>164104</v>
      </c>
      <c r="E11276" s="1" t="s">
        <v>0</v>
      </c>
    </row>
    <row r="11277" spans="1:5" x14ac:dyDescent="0.25">
      <c r="A11277" s="2">
        <v>2255</v>
      </c>
      <c r="B11277" s="2">
        <v>2255</v>
      </c>
      <c r="C11277" s="1" t="s">
        <v>0</v>
      </c>
      <c r="D11277" s="2">
        <v>164105</v>
      </c>
      <c r="E11277" s="1" t="s">
        <v>0</v>
      </c>
    </row>
    <row r="11278" spans="1:5" x14ac:dyDescent="0.25">
      <c r="A11278" s="1" t="s">
        <v>2069</v>
      </c>
      <c r="B11278" s="1" t="s">
        <v>58917</v>
      </c>
      <c r="C11278" s="1" t="s">
        <v>28680</v>
      </c>
      <c r="D11278" s="2">
        <v>164106</v>
      </c>
      <c r="E11278" s="1" t="s">
        <v>0</v>
      </c>
    </row>
    <row r="11279" spans="1:5" x14ac:dyDescent="0.25">
      <c r="A11279" s="1" t="s">
        <v>28681</v>
      </c>
      <c r="B11279" s="1" t="s">
        <v>58918</v>
      </c>
      <c r="C11279" s="1" t="s">
        <v>28682</v>
      </c>
      <c r="D11279" s="2">
        <v>164107</v>
      </c>
      <c r="E11279" s="1" t="s">
        <v>0</v>
      </c>
    </row>
    <row r="11280" spans="1:5" ht="409.5" x14ac:dyDescent="0.25">
      <c r="A11280" s="4" t="s">
        <v>28683</v>
      </c>
      <c r="B11280" s="1" t="s">
        <v>58919</v>
      </c>
      <c r="C11280" s="1" t="s">
        <v>28684</v>
      </c>
      <c r="D11280" s="2">
        <v>164108</v>
      </c>
      <c r="E11280" s="1" t="s">
        <v>0</v>
      </c>
    </row>
    <row r="11281" spans="1:5" x14ac:dyDescent="0.25">
      <c r="A11281" s="1" t="s">
        <v>18619</v>
      </c>
      <c r="B11281" s="1" t="s">
        <v>60942</v>
      </c>
      <c r="C11281" s="1" t="s">
        <v>18620</v>
      </c>
      <c r="D11281" s="2">
        <v>164109</v>
      </c>
      <c r="E11281" s="1" t="s">
        <v>0</v>
      </c>
    </row>
    <row r="11282" spans="1:5" x14ac:dyDescent="0.25">
      <c r="A11282" s="2">
        <v>2256</v>
      </c>
      <c r="B11282" s="2">
        <v>2256</v>
      </c>
      <c r="C11282" s="1" t="s">
        <v>0</v>
      </c>
      <c r="D11282" s="2">
        <v>164110</v>
      </c>
      <c r="E11282" s="1" t="s">
        <v>0</v>
      </c>
    </row>
    <row r="11283" spans="1:5" x14ac:dyDescent="0.25">
      <c r="A11283" s="1" t="s">
        <v>2070</v>
      </c>
      <c r="B11283" s="1" t="s">
        <v>8263</v>
      </c>
      <c r="C11283" s="1" t="s">
        <v>28685</v>
      </c>
      <c r="D11283" s="2">
        <v>164111</v>
      </c>
      <c r="E11283" s="1" t="s">
        <v>0</v>
      </c>
    </row>
    <row r="11284" spans="1:5" x14ac:dyDescent="0.25">
      <c r="A11284" s="1" t="s">
        <v>64153</v>
      </c>
      <c r="B11284" s="1" t="s">
        <v>50695</v>
      </c>
      <c r="C11284" s="1" t="s">
        <v>28686</v>
      </c>
      <c r="D11284" s="2">
        <v>164112</v>
      </c>
      <c r="E11284" s="1" t="s">
        <v>0</v>
      </c>
    </row>
    <row r="11285" spans="1:5" ht="409.5" x14ac:dyDescent="0.25">
      <c r="A11285" s="4" t="s">
        <v>64154</v>
      </c>
      <c r="B11285" s="1" t="s">
        <v>50696</v>
      </c>
      <c r="C11285" s="1" t="s">
        <v>28687</v>
      </c>
      <c r="D11285" s="2">
        <v>164113</v>
      </c>
      <c r="E11285" s="1" t="s">
        <v>0</v>
      </c>
    </row>
    <row r="11286" spans="1:5" x14ac:dyDescent="0.25">
      <c r="A11286" s="1" t="s">
        <v>13588</v>
      </c>
      <c r="B11286" s="1" t="s">
        <v>60850</v>
      </c>
      <c r="C11286" s="1" t="s">
        <v>13589</v>
      </c>
      <c r="D11286" s="2">
        <v>164114</v>
      </c>
      <c r="E11286" s="1" t="s">
        <v>0</v>
      </c>
    </row>
    <row r="11287" spans="1:5" x14ac:dyDescent="0.25">
      <c r="A11287" s="2">
        <v>2257</v>
      </c>
      <c r="B11287" s="2">
        <v>2257</v>
      </c>
      <c r="C11287" s="1" t="s">
        <v>0</v>
      </c>
      <c r="D11287" s="2">
        <v>164115</v>
      </c>
      <c r="E11287" s="1" t="s">
        <v>0</v>
      </c>
    </row>
    <row r="11288" spans="1:5" x14ac:dyDescent="0.25">
      <c r="A11288" s="1" t="s">
        <v>2071</v>
      </c>
      <c r="B11288" s="1" t="s">
        <v>8264</v>
      </c>
      <c r="C11288" s="1" t="s">
        <v>28688</v>
      </c>
      <c r="D11288" s="2">
        <v>164116</v>
      </c>
      <c r="E11288" s="1" t="s">
        <v>0</v>
      </c>
    </row>
    <row r="11289" spans="1:5" x14ac:dyDescent="0.25">
      <c r="A11289" s="1" t="s">
        <v>28689</v>
      </c>
      <c r="B11289" s="1" t="s">
        <v>58758</v>
      </c>
      <c r="C11289" s="1" t="s">
        <v>28690</v>
      </c>
      <c r="D11289" s="2">
        <v>164117</v>
      </c>
      <c r="E11289" s="1" t="s">
        <v>0</v>
      </c>
    </row>
    <row r="11290" spans="1:5" ht="409.5" x14ac:dyDescent="0.25">
      <c r="A11290" s="4" t="s">
        <v>28691</v>
      </c>
      <c r="B11290" s="1" t="s">
        <v>62438</v>
      </c>
      <c r="C11290" s="1" t="s">
        <v>28692</v>
      </c>
      <c r="D11290" s="2">
        <v>164118</v>
      </c>
      <c r="E11290" s="1" t="s">
        <v>0</v>
      </c>
    </row>
    <row r="11291" spans="1:5" x14ac:dyDescent="0.25">
      <c r="A11291" s="1" t="s">
        <v>28693</v>
      </c>
      <c r="B11291" s="1" t="s">
        <v>53566</v>
      </c>
      <c r="C11291" s="1" t="s">
        <v>28694</v>
      </c>
      <c r="D11291" s="2">
        <v>164119</v>
      </c>
      <c r="E11291" s="1" t="s">
        <v>0</v>
      </c>
    </row>
    <row r="11292" spans="1:5" x14ac:dyDescent="0.25">
      <c r="A11292" s="2">
        <v>2258</v>
      </c>
      <c r="B11292" s="2">
        <v>2258</v>
      </c>
      <c r="C11292" s="1" t="s">
        <v>0</v>
      </c>
      <c r="D11292" s="2">
        <v>164120</v>
      </c>
      <c r="E11292" s="1" t="s">
        <v>0</v>
      </c>
    </row>
    <row r="11293" spans="1:5" x14ac:dyDescent="0.25">
      <c r="A11293" s="1" t="s">
        <v>8265</v>
      </c>
      <c r="B11293" s="1" t="s">
        <v>8266</v>
      </c>
      <c r="C11293" s="1" t="s">
        <v>28695</v>
      </c>
      <c r="D11293" s="2">
        <v>164121</v>
      </c>
      <c r="E11293" s="1" t="s">
        <v>0</v>
      </c>
    </row>
    <row r="11294" spans="1:5" x14ac:dyDescent="0.25">
      <c r="A11294" s="1" t="s">
        <v>28696</v>
      </c>
      <c r="B11294" s="1" t="s">
        <v>8267</v>
      </c>
      <c r="C11294" s="1" t="s">
        <v>28697</v>
      </c>
      <c r="D11294" s="2">
        <v>164122</v>
      </c>
      <c r="E11294" s="1" t="s">
        <v>0</v>
      </c>
    </row>
    <row r="11295" spans="1:5" ht="409.5" x14ac:dyDescent="0.25">
      <c r="A11295" s="4" t="s">
        <v>28698</v>
      </c>
      <c r="B11295" s="1" t="s">
        <v>62439</v>
      </c>
      <c r="C11295" s="1" t="s">
        <v>28699</v>
      </c>
      <c r="D11295" s="2">
        <v>164123</v>
      </c>
      <c r="E11295" s="1" t="s">
        <v>0</v>
      </c>
    </row>
    <row r="11296" spans="1:5" x14ac:dyDescent="0.25">
      <c r="A11296" s="1" t="s">
        <v>28700</v>
      </c>
      <c r="B11296" s="1" t="s">
        <v>61105</v>
      </c>
      <c r="C11296" s="1" t="s">
        <v>28701</v>
      </c>
      <c r="D11296" s="2">
        <v>164124</v>
      </c>
      <c r="E11296" s="1" t="s">
        <v>0</v>
      </c>
    </row>
    <row r="11297" spans="1:5" x14ac:dyDescent="0.25">
      <c r="A11297" s="2">
        <v>2259</v>
      </c>
      <c r="B11297" s="2">
        <v>2259</v>
      </c>
      <c r="C11297" s="1" t="s">
        <v>0</v>
      </c>
      <c r="D11297" s="2">
        <v>164125</v>
      </c>
      <c r="E11297" s="1" t="s">
        <v>0</v>
      </c>
    </row>
    <row r="11298" spans="1:5" x14ac:dyDescent="0.25">
      <c r="A11298" s="1" t="s">
        <v>2072</v>
      </c>
      <c r="B11298" s="1" t="s">
        <v>8268</v>
      </c>
      <c r="C11298" s="1" t="s">
        <v>28702</v>
      </c>
      <c r="D11298" s="2">
        <v>164126</v>
      </c>
      <c r="E11298" s="1" t="s">
        <v>0</v>
      </c>
    </row>
    <row r="11299" spans="1:5" x14ac:dyDescent="0.25">
      <c r="A11299" s="1" t="s">
        <v>28703</v>
      </c>
      <c r="B11299" s="1" t="s">
        <v>53567</v>
      </c>
      <c r="C11299" s="1" t="s">
        <v>28704</v>
      </c>
      <c r="D11299" s="2">
        <v>164127</v>
      </c>
      <c r="E11299" s="1" t="s">
        <v>0</v>
      </c>
    </row>
    <row r="11300" spans="1:5" ht="409.5" x14ac:dyDescent="0.25">
      <c r="A11300" s="4" t="s">
        <v>28705</v>
      </c>
      <c r="B11300" s="1" t="s">
        <v>53568</v>
      </c>
      <c r="C11300" s="1" t="s">
        <v>28706</v>
      </c>
      <c r="D11300" s="2">
        <v>164128</v>
      </c>
      <c r="E11300" s="1" t="s">
        <v>0</v>
      </c>
    </row>
    <row r="11301" spans="1:5" x14ac:dyDescent="0.25">
      <c r="A11301" s="1" t="s">
        <v>28707</v>
      </c>
      <c r="B11301" s="1" t="s">
        <v>8269</v>
      </c>
      <c r="C11301" s="1" t="s">
        <v>28708</v>
      </c>
      <c r="D11301" s="2">
        <v>164129</v>
      </c>
      <c r="E11301" s="1" t="s">
        <v>0</v>
      </c>
    </row>
    <row r="11302" spans="1:5" x14ac:dyDescent="0.25">
      <c r="A11302" s="2">
        <v>2260</v>
      </c>
      <c r="B11302" s="2">
        <v>2260</v>
      </c>
      <c r="C11302" s="1" t="s">
        <v>0</v>
      </c>
      <c r="D11302" s="2">
        <v>164130</v>
      </c>
      <c r="E11302" s="1" t="s">
        <v>0</v>
      </c>
    </row>
    <row r="11303" spans="1:5" x14ac:dyDescent="0.25">
      <c r="A11303" s="1" t="s">
        <v>2073</v>
      </c>
      <c r="B11303" s="1" t="s">
        <v>8270</v>
      </c>
      <c r="C11303" s="1" t="s">
        <v>28709</v>
      </c>
      <c r="D11303" s="2">
        <v>164131</v>
      </c>
      <c r="E11303" s="1" t="s">
        <v>0</v>
      </c>
    </row>
    <row r="11304" spans="1:5" x14ac:dyDescent="0.25">
      <c r="A11304" s="1" t="s">
        <v>28710</v>
      </c>
      <c r="B11304" s="1" t="s">
        <v>8271</v>
      </c>
      <c r="C11304" s="1" t="s">
        <v>28711</v>
      </c>
      <c r="D11304" s="2">
        <v>164132</v>
      </c>
      <c r="E11304" s="1" t="s">
        <v>0</v>
      </c>
    </row>
    <row r="11305" spans="1:5" ht="409.5" x14ac:dyDescent="0.25">
      <c r="A11305" s="4" t="s">
        <v>28712</v>
      </c>
      <c r="B11305" s="1" t="s">
        <v>58075</v>
      </c>
      <c r="C11305" s="1" t="s">
        <v>28713</v>
      </c>
      <c r="D11305" s="2">
        <v>164133</v>
      </c>
      <c r="E11305" s="1" t="s">
        <v>0</v>
      </c>
    </row>
    <row r="11306" spans="1:5" x14ac:dyDescent="0.25">
      <c r="A11306" s="1" t="s">
        <v>28714</v>
      </c>
      <c r="B11306" s="1" t="s">
        <v>8272</v>
      </c>
      <c r="C11306" s="1" t="s">
        <v>28715</v>
      </c>
      <c r="D11306" s="2">
        <v>164134</v>
      </c>
      <c r="E11306" s="1" t="s">
        <v>0</v>
      </c>
    </row>
    <row r="11307" spans="1:5" x14ac:dyDescent="0.25">
      <c r="A11307" s="2">
        <v>2261</v>
      </c>
      <c r="B11307" s="2">
        <v>2261</v>
      </c>
      <c r="C11307" s="1" t="s">
        <v>0</v>
      </c>
      <c r="D11307" s="2">
        <v>164135</v>
      </c>
      <c r="E11307" s="1" t="s">
        <v>0</v>
      </c>
    </row>
    <row r="11308" spans="1:5" x14ac:dyDescent="0.25">
      <c r="A11308" s="1" t="s">
        <v>2074</v>
      </c>
      <c r="B11308" s="1" t="s">
        <v>8273</v>
      </c>
      <c r="C11308" s="1" t="s">
        <v>28716</v>
      </c>
      <c r="D11308" s="2">
        <v>164136</v>
      </c>
      <c r="E11308" s="1" t="s">
        <v>0</v>
      </c>
    </row>
    <row r="11309" spans="1:5" x14ac:dyDescent="0.25">
      <c r="A11309" s="1" t="s">
        <v>28717</v>
      </c>
      <c r="B11309" s="1" t="s">
        <v>53569</v>
      </c>
      <c r="C11309" s="1" t="s">
        <v>28718</v>
      </c>
      <c r="D11309" s="2">
        <v>164137</v>
      </c>
      <c r="E11309" s="1" t="s">
        <v>0</v>
      </c>
    </row>
    <row r="11310" spans="1:5" ht="409.5" x14ac:dyDescent="0.25">
      <c r="A11310" s="4" t="s">
        <v>28719</v>
      </c>
      <c r="B11310" s="1" t="s">
        <v>59603</v>
      </c>
      <c r="C11310" s="1" t="s">
        <v>28720</v>
      </c>
      <c r="D11310" s="2">
        <v>164138</v>
      </c>
      <c r="E11310" s="1" t="s">
        <v>0</v>
      </c>
    </row>
    <row r="11311" spans="1:5" x14ac:dyDescent="0.25">
      <c r="A11311" s="1" t="s">
        <v>28721</v>
      </c>
      <c r="B11311" s="1" t="s">
        <v>8274</v>
      </c>
      <c r="C11311" s="1" t="s">
        <v>28722</v>
      </c>
      <c r="D11311" s="2">
        <v>164139</v>
      </c>
      <c r="E11311" s="1" t="s">
        <v>0</v>
      </c>
    </row>
    <row r="11312" spans="1:5" x14ac:dyDescent="0.25">
      <c r="A11312" s="2">
        <v>2262</v>
      </c>
      <c r="B11312" s="2">
        <v>2262</v>
      </c>
      <c r="C11312" s="1" t="s">
        <v>0</v>
      </c>
      <c r="D11312" s="2">
        <v>164140</v>
      </c>
      <c r="E11312" s="1" t="s">
        <v>0</v>
      </c>
    </row>
    <row r="11313" spans="1:5" x14ac:dyDescent="0.25">
      <c r="A11313" s="1" t="s">
        <v>2075</v>
      </c>
      <c r="B11313" s="1" t="s">
        <v>8275</v>
      </c>
      <c r="C11313" s="1" t="s">
        <v>28723</v>
      </c>
      <c r="D11313" s="2">
        <v>164141</v>
      </c>
      <c r="E11313" s="1" t="s">
        <v>0</v>
      </c>
    </row>
    <row r="11314" spans="1:5" x14ac:dyDescent="0.25">
      <c r="A11314" s="1" t="s">
        <v>28724</v>
      </c>
      <c r="B11314" s="1" t="s">
        <v>53570</v>
      </c>
      <c r="C11314" s="1" t="s">
        <v>28725</v>
      </c>
      <c r="D11314" s="2">
        <v>164142</v>
      </c>
      <c r="E11314" s="1" t="s">
        <v>0</v>
      </c>
    </row>
    <row r="11315" spans="1:5" ht="409.5" x14ac:dyDescent="0.25">
      <c r="A11315" s="4" t="s">
        <v>28726</v>
      </c>
      <c r="B11315" s="1" t="s">
        <v>53571</v>
      </c>
      <c r="C11315" s="1" t="s">
        <v>28727</v>
      </c>
      <c r="D11315" s="2">
        <v>164143</v>
      </c>
      <c r="E11315" s="1" t="s">
        <v>0</v>
      </c>
    </row>
    <row r="11316" spans="1:5" x14ac:dyDescent="0.25">
      <c r="A11316" s="1" t="s">
        <v>13413</v>
      </c>
      <c r="B11316" s="1" t="s">
        <v>60845</v>
      </c>
      <c r="C11316" s="1" t="s">
        <v>13414</v>
      </c>
      <c r="D11316" s="2">
        <v>164144</v>
      </c>
      <c r="E11316" s="1" t="s">
        <v>0</v>
      </c>
    </row>
    <row r="11317" spans="1:5" x14ac:dyDescent="0.25">
      <c r="A11317" s="2">
        <v>2263</v>
      </c>
      <c r="B11317" s="2">
        <v>2263</v>
      </c>
      <c r="C11317" s="1" t="s">
        <v>0</v>
      </c>
      <c r="D11317" s="2">
        <v>164145</v>
      </c>
      <c r="E11317" s="1" t="s">
        <v>0</v>
      </c>
    </row>
    <row r="11318" spans="1:5" x14ac:dyDescent="0.25">
      <c r="A11318" s="1" t="s">
        <v>2076</v>
      </c>
      <c r="B11318" s="1" t="s">
        <v>58354</v>
      </c>
      <c r="C11318" s="1" t="s">
        <v>28728</v>
      </c>
      <c r="D11318" s="2">
        <v>164146</v>
      </c>
      <c r="E11318" s="1" t="s">
        <v>0</v>
      </c>
    </row>
    <row r="11319" spans="1:5" x14ac:dyDescent="0.25">
      <c r="A11319" s="1" t="s">
        <v>28729</v>
      </c>
      <c r="B11319" s="1" t="s">
        <v>62440</v>
      </c>
      <c r="C11319" s="1" t="s">
        <v>28730</v>
      </c>
      <c r="D11319" s="2">
        <v>164147</v>
      </c>
      <c r="E11319" s="1" t="s">
        <v>0</v>
      </c>
    </row>
    <row r="11320" spans="1:5" ht="409.5" x14ac:dyDescent="0.25">
      <c r="A11320" s="4" t="s">
        <v>64155</v>
      </c>
      <c r="B11320" s="1" t="s">
        <v>62441</v>
      </c>
      <c r="C11320" s="1" t="s">
        <v>28731</v>
      </c>
      <c r="D11320" s="2">
        <v>164148</v>
      </c>
      <c r="E11320" s="1" t="s">
        <v>0</v>
      </c>
    </row>
    <row r="11321" spans="1:5" x14ac:dyDescent="0.25">
      <c r="A11321" s="1" t="s">
        <v>28732</v>
      </c>
      <c r="B11321" s="1" t="s">
        <v>8276</v>
      </c>
      <c r="C11321" s="1" t="s">
        <v>28733</v>
      </c>
      <c r="D11321" s="2">
        <v>164149</v>
      </c>
      <c r="E11321" s="1" t="s">
        <v>0</v>
      </c>
    </row>
    <row r="11322" spans="1:5" x14ac:dyDescent="0.25">
      <c r="A11322" s="2">
        <v>2264</v>
      </c>
      <c r="B11322" s="2">
        <v>2264</v>
      </c>
      <c r="C11322" s="1" t="s">
        <v>0</v>
      </c>
      <c r="D11322" s="2">
        <v>164150</v>
      </c>
      <c r="E11322" s="1" t="s">
        <v>0</v>
      </c>
    </row>
    <row r="11323" spans="1:5" x14ac:dyDescent="0.25">
      <c r="A11323" s="1" t="s">
        <v>2077</v>
      </c>
      <c r="B11323" s="1" t="s">
        <v>8277</v>
      </c>
      <c r="C11323" s="1" t="s">
        <v>28734</v>
      </c>
      <c r="D11323" s="2">
        <v>164151</v>
      </c>
      <c r="E11323" s="1" t="s">
        <v>0</v>
      </c>
    </row>
    <row r="11324" spans="1:5" x14ac:dyDescent="0.25">
      <c r="A11324" s="1" t="s">
        <v>28735</v>
      </c>
      <c r="B11324" s="1" t="s">
        <v>8278</v>
      </c>
      <c r="C11324" s="1" t="s">
        <v>28736</v>
      </c>
      <c r="D11324" s="2">
        <v>164152</v>
      </c>
      <c r="E11324" s="1" t="s">
        <v>0</v>
      </c>
    </row>
    <row r="11325" spans="1:5" ht="409.5" x14ac:dyDescent="0.25">
      <c r="A11325" s="4" t="s">
        <v>28737</v>
      </c>
      <c r="B11325" s="1" t="s">
        <v>50697</v>
      </c>
      <c r="C11325" s="1" t="s">
        <v>28738</v>
      </c>
      <c r="D11325" s="2">
        <v>164153</v>
      </c>
      <c r="E11325" s="1" t="s">
        <v>0</v>
      </c>
    </row>
    <row r="11326" spans="1:5" x14ac:dyDescent="0.25">
      <c r="A11326" s="1" t="s">
        <v>28739</v>
      </c>
      <c r="B11326" s="1" t="s">
        <v>53572</v>
      </c>
      <c r="C11326" s="1" t="s">
        <v>28740</v>
      </c>
      <c r="D11326" s="2">
        <v>164154</v>
      </c>
      <c r="E11326" s="1" t="s">
        <v>0</v>
      </c>
    </row>
    <row r="11327" spans="1:5" x14ac:dyDescent="0.25">
      <c r="A11327" s="2">
        <v>2265</v>
      </c>
      <c r="B11327" s="2">
        <v>2265</v>
      </c>
      <c r="C11327" s="1" t="s">
        <v>0</v>
      </c>
      <c r="D11327" s="2">
        <v>164155</v>
      </c>
      <c r="E11327" s="1" t="s">
        <v>0</v>
      </c>
    </row>
    <row r="11328" spans="1:5" x14ac:dyDescent="0.25">
      <c r="A11328" s="1" t="s">
        <v>2078</v>
      </c>
      <c r="B11328" s="1" t="s">
        <v>8279</v>
      </c>
      <c r="C11328" s="1" t="s">
        <v>28741</v>
      </c>
      <c r="D11328" s="2">
        <v>164156</v>
      </c>
      <c r="E11328" s="1" t="s">
        <v>0</v>
      </c>
    </row>
    <row r="11329" spans="1:5" x14ac:dyDescent="0.25">
      <c r="A11329" s="1" t="s">
        <v>28742</v>
      </c>
      <c r="B11329" s="1" t="s">
        <v>53573</v>
      </c>
      <c r="C11329" s="1" t="s">
        <v>28743</v>
      </c>
      <c r="D11329" s="2">
        <v>164157</v>
      </c>
      <c r="E11329" s="1" t="s">
        <v>0</v>
      </c>
    </row>
    <row r="11330" spans="1:5" ht="409.5" x14ac:dyDescent="0.25">
      <c r="A11330" s="4" t="s">
        <v>28744</v>
      </c>
      <c r="B11330" s="1" t="s">
        <v>60425</v>
      </c>
      <c r="C11330" s="1" t="s">
        <v>28745</v>
      </c>
      <c r="D11330" s="2">
        <v>164158</v>
      </c>
      <c r="E11330" s="1" t="s">
        <v>0</v>
      </c>
    </row>
    <row r="11331" spans="1:5" x14ac:dyDescent="0.25">
      <c r="A11331" s="1" t="s">
        <v>28746</v>
      </c>
      <c r="B11331" s="1" t="s">
        <v>57211</v>
      </c>
      <c r="C11331" s="1" t="s">
        <v>28747</v>
      </c>
      <c r="D11331" s="2">
        <v>164159</v>
      </c>
      <c r="E11331" s="1" t="s">
        <v>0</v>
      </c>
    </row>
    <row r="11332" spans="1:5" x14ac:dyDescent="0.25">
      <c r="A11332" s="2">
        <v>2266</v>
      </c>
      <c r="B11332" s="2">
        <v>2266</v>
      </c>
      <c r="C11332" s="1" t="s">
        <v>0</v>
      </c>
      <c r="D11332" s="2">
        <v>164160</v>
      </c>
      <c r="E11332" s="1" t="s">
        <v>0</v>
      </c>
    </row>
    <row r="11333" spans="1:5" x14ac:dyDescent="0.25">
      <c r="A11333" s="1" t="s">
        <v>2079</v>
      </c>
      <c r="B11333" s="1" t="s">
        <v>8280</v>
      </c>
      <c r="C11333" s="1" t="s">
        <v>28748</v>
      </c>
      <c r="D11333" s="2">
        <v>164161</v>
      </c>
      <c r="E11333" s="1" t="s">
        <v>0</v>
      </c>
    </row>
    <row r="11334" spans="1:5" x14ac:dyDescent="0.25">
      <c r="A11334" s="1" t="s">
        <v>28749</v>
      </c>
      <c r="B11334" s="1" t="s">
        <v>53574</v>
      </c>
      <c r="C11334" s="1" t="s">
        <v>28750</v>
      </c>
      <c r="D11334" s="2">
        <v>164162</v>
      </c>
      <c r="E11334" s="1" t="s">
        <v>0</v>
      </c>
    </row>
    <row r="11335" spans="1:5" ht="409.5" x14ac:dyDescent="0.25">
      <c r="A11335" s="4" t="s">
        <v>28751</v>
      </c>
      <c r="B11335" s="1" t="s">
        <v>53575</v>
      </c>
      <c r="C11335" s="1" t="s">
        <v>28752</v>
      </c>
      <c r="D11335" s="2">
        <v>164163</v>
      </c>
      <c r="E11335" s="1" t="s">
        <v>0</v>
      </c>
    </row>
    <row r="11336" spans="1:5" x14ac:dyDescent="0.25">
      <c r="A11336" s="1" t="s">
        <v>28753</v>
      </c>
      <c r="B11336" s="1" t="s">
        <v>8281</v>
      </c>
      <c r="C11336" s="1" t="s">
        <v>28754</v>
      </c>
      <c r="D11336" s="2">
        <v>164164</v>
      </c>
      <c r="E11336" s="1" t="s">
        <v>0</v>
      </c>
    </row>
    <row r="11337" spans="1:5" x14ac:dyDescent="0.25">
      <c r="A11337" s="2">
        <v>2267</v>
      </c>
      <c r="B11337" s="2">
        <v>2267</v>
      </c>
      <c r="C11337" s="1" t="s">
        <v>0</v>
      </c>
      <c r="D11337" s="2">
        <v>164165</v>
      </c>
      <c r="E11337" s="1" t="s">
        <v>0</v>
      </c>
    </row>
    <row r="11338" spans="1:5" x14ac:dyDescent="0.25">
      <c r="A11338" s="1" t="s">
        <v>13114</v>
      </c>
      <c r="B11338" s="1" t="s">
        <v>8282</v>
      </c>
      <c r="C11338" s="1" t="s">
        <v>28755</v>
      </c>
      <c r="D11338" s="2">
        <v>164166</v>
      </c>
      <c r="E11338" s="1" t="s">
        <v>0</v>
      </c>
    </row>
    <row r="11339" spans="1:5" x14ac:dyDescent="0.25">
      <c r="A11339" s="1" t="s">
        <v>28756</v>
      </c>
      <c r="B11339" s="1" t="s">
        <v>13115</v>
      </c>
      <c r="C11339" s="1" t="s">
        <v>28757</v>
      </c>
      <c r="D11339" s="2">
        <v>164167</v>
      </c>
      <c r="E11339" s="1" t="s">
        <v>0</v>
      </c>
    </row>
    <row r="11340" spans="1:5" ht="409.5" x14ac:dyDescent="0.25">
      <c r="A11340" s="4" t="s">
        <v>28758</v>
      </c>
      <c r="B11340" s="1" t="s">
        <v>13116</v>
      </c>
      <c r="C11340" s="1" t="s">
        <v>28759</v>
      </c>
      <c r="D11340" s="2">
        <v>164168</v>
      </c>
      <c r="E11340" s="1" t="s">
        <v>0</v>
      </c>
    </row>
    <row r="11341" spans="1:5" x14ac:dyDescent="0.25">
      <c r="A11341" s="1" t="s">
        <v>28760</v>
      </c>
      <c r="B11341" s="1" t="s">
        <v>8283</v>
      </c>
      <c r="C11341" s="1" t="s">
        <v>28761</v>
      </c>
      <c r="D11341" s="2">
        <v>164169</v>
      </c>
      <c r="E11341" s="1" t="s">
        <v>0</v>
      </c>
    </row>
    <row r="11342" spans="1:5" x14ac:dyDescent="0.25">
      <c r="A11342" s="2">
        <v>2268</v>
      </c>
      <c r="B11342" s="2">
        <v>2268</v>
      </c>
      <c r="C11342" s="1" t="s">
        <v>0</v>
      </c>
      <c r="D11342" s="2">
        <v>164170</v>
      </c>
      <c r="E11342" s="1" t="s">
        <v>0</v>
      </c>
    </row>
    <row r="11343" spans="1:5" x14ac:dyDescent="0.25">
      <c r="A11343" s="1" t="s">
        <v>2080</v>
      </c>
      <c r="B11343" s="1" t="s">
        <v>8284</v>
      </c>
      <c r="C11343" s="1" t="s">
        <v>28762</v>
      </c>
      <c r="D11343" s="2">
        <v>164171</v>
      </c>
      <c r="E11343" s="1" t="s">
        <v>0</v>
      </c>
    </row>
    <row r="11344" spans="1:5" x14ac:dyDescent="0.25">
      <c r="A11344" s="1" t="s">
        <v>28763</v>
      </c>
      <c r="B11344" s="1" t="s">
        <v>57508</v>
      </c>
      <c r="C11344" s="1" t="s">
        <v>28764</v>
      </c>
      <c r="D11344" s="2">
        <v>164172</v>
      </c>
      <c r="E11344" s="1" t="s">
        <v>0</v>
      </c>
    </row>
    <row r="11345" spans="1:5" ht="409.5" x14ac:dyDescent="0.25">
      <c r="A11345" s="4" t="s">
        <v>28765</v>
      </c>
      <c r="B11345" s="1" t="s">
        <v>63329</v>
      </c>
      <c r="C11345" s="1" t="s">
        <v>28766</v>
      </c>
      <c r="D11345" s="2">
        <v>164173</v>
      </c>
      <c r="E11345" s="1" t="s">
        <v>0</v>
      </c>
    </row>
    <row r="11346" spans="1:5" x14ac:dyDescent="0.25">
      <c r="A11346" s="1" t="s">
        <v>28767</v>
      </c>
      <c r="B11346" s="1" t="s">
        <v>53576</v>
      </c>
      <c r="C11346" s="1" t="s">
        <v>28768</v>
      </c>
      <c r="D11346" s="2">
        <v>164174</v>
      </c>
      <c r="E11346" s="1" t="s">
        <v>0</v>
      </c>
    </row>
    <row r="11347" spans="1:5" x14ac:dyDescent="0.25">
      <c r="A11347" s="2">
        <v>2269</v>
      </c>
      <c r="B11347" s="2">
        <v>2269</v>
      </c>
      <c r="C11347" s="1" t="s">
        <v>0</v>
      </c>
      <c r="D11347" s="2">
        <v>164175</v>
      </c>
      <c r="E11347" s="1" t="s">
        <v>0</v>
      </c>
    </row>
    <row r="11348" spans="1:5" x14ac:dyDescent="0.25">
      <c r="A11348" s="1" t="s">
        <v>2081</v>
      </c>
      <c r="B11348" s="1" t="s">
        <v>8285</v>
      </c>
      <c r="C11348" s="1" t="s">
        <v>28769</v>
      </c>
      <c r="D11348" s="2">
        <v>164176</v>
      </c>
      <c r="E11348" s="1" t="s">
        <v>0</v>
      </c>
    </row>
    <row r="11349" spans="1:5" x14ac:dyDescent="0.25">
      <c r="A11349" s="1" t="s">
        <v>28770</v>
      </c>
      <c r="B11349" s="1" t="s">
        <v>53577</v>
      </c>
      <c r="C11349" s="1" t="s">
        <v>28771</v>
      </c>
      <c r="D11349" s="2">
        <v>164177</v>
      </c>
      <c r="E11349" s="1" t="s">
        <v>0</v>
      </c>
    </row>
    <row r="11350" spans="1:5" ht="409.5" x14ac:dyDescent="0.25">
      <c r="A11350" s="4" t="s">
        <v>28772</v>
      </c>
      <c r="B11350" s="1" t="s">
        <v>62442</v>
      </c>
      <c r="C11350" s="1" t="s">
        <v>28773</v>
      </c>
      <c r="D11350" s="2">
        <v>164178</v>
      </c>
      <c r="E11350" s="1" t="s">
        <v>0</v>
      </c>
    </row>
    <row r="11351" spans="1:5" x14ac:dyDescent="0.25">
      <c r="A11351" s="1" t="s">
        <v>28774</v>
      </c>
      <c r="B11351" s="1" t="s">
        <v>50698</v>
      </c>
      <c r="C11351" s="1" t="s">
        <v>28775</v>
      </c>
      <c r="D11351" s="2">
        <v>164179</v>
      </c>
      <c r="E11351" s="1" t="s">
        <v>0</v>
      </c>
    </row>
    <row r="11352" spans="1:5" x14ac:dyDescent="0.25">
      <c r="A11352" s="2">
        <v>2270</v>
      </c>
      <c r="B11352" s="2">
        <v>2270</v>
      </c>
      <c r="C11352" s="1" t="s">
        <v>0</v>
      </c>
      <c r="D11352" s="2">
        <v>164180</v>
      </c>
      <c r="E11352" s="1" t="s">
        <v>0</v>
      </c>
    </row>
    <row r="11353" spans="1:5" x14ac:dyDescent="0.25">
      <c r="A11353" s="1" t="s">
        <v>2082</v>
      </c>
      <c r="B11353" s="1" t="s">
        <v>50699</v>
      </c>
      <c r="C11353" s="1" t="s">
        <v>28776</v>
      </c>
      <c r="D11353" s="2">
        <v>164181</v>
      </c>
      <c r="E11353" s="1" t="s">
        <v>0</v>
      </c>
    </row>
    <row r="11354" spans="1:5" x14ac:dyDescent="0.25">
      <c r="A11354" s="1" t="s">
        <v>28777</v>
      </c>
      <c r="B11354" s="1" t="s">
        <v>50700</v>
      </c>
      <c r="C11354" s="1" t="s">
        <v>28778</v>
      </c>
      <c r="D11354" s="2">
        <v>164182</v>
      </c>
      <c r="E11354" s="1" t="s">
        <v>0</v>
      </c>
    </row>
    <row r="11355" spans="1:5" ht="409.5" x14ac:dyDescent="0.25">
      <c r="A11355" s="4" t="s">
        <v>64156</v>
      </c>
      <c r="B11355" s="1" t="s">
        <v>61106</v>
      </c>
      <c r="C11355" s="1" t="s">
        <v>28779</v>
      </c>
      <c r="D11355" s="2">
        <v>164183</v>
      </c>
      <c r="E11355" s="1" t="s">
        <v>0</v>
      </c>
    </row>
    <row r="11356" spans="1:5" x14ac:dyDescent="0.25">
      <c r="A11356" s="1" t="s">
        <v>16086</v>
      </c>
      <c r="B11356" s="1" t="s">
        <v>60897</v>
      </c>
      <c r="C11356" s="1" t="s">
        <v>16087</v>
      </c>
      <c r="D11356" s="2">
        <v>164184</v>
      </c>
      <c r="E11356" s="1" t="s">
        <v>0</v>
      </c>
    </row>
    <row r="11357" spans="1:5" x14ac:dyDescent="0.25">
      <c r="A11357" s="2">
        <v>2271</v>
      </c>
      <c r="B11357" s="2">
        <v>2271</v>
      </c>
      <c r="C11357" s="1" t="s">
        <v>0</v>
      </c>
      <c r="D11357" s="2">
        <v>164185</v>
      </c>
      <c r="E11357" s="1" t="s">
        <v>0</v>
      </c>
    </row>
    <row r="11358" spans="1:5" x14ac:dyDescent="0.25">
      <c r="A11358" s="1" t="s">
        <v>2083</v>
      </c>
      <c r="B11358" s="1" t="s">
        <v>8286</v>
      </c>
      <c r="C11358" s="1" t="s">
        <v>28780</v>
      </c>
      <c r="D11358" s="2">
        <v>164186</v>
      </c>
      <c r="E11358" s="1" t="s">
        <v>0</v>
      </c>
    </row>
    <row r="11359" spans="1:5" x14ac:dyDescent="0.25">
      <c r="A11359" s="1" t="s">
        <v>28781</v>
      </c>
      <c r="B11359" s="1" t="s">
        <v>63878</v>
      </c>
      <c r="C11359" s="1" t="s">
        <v>28782</v>
      </c>
      <c r="D11359" s="2">
        <v>164187</v>
      </c>
      <c r="E11359" s="1" t="s">
        <v>0</v>
      </c>
    </row>
    <row r="11360" spans="1:5" ht="409.5" x14ac:dyDescent="0.25">
      <c r="A11360" s="4" t="s">
        <v>28783</v>
      </c>
      <c r="B11360" s="1" t="s">
        <v>63879</v>
      </c>
      <c r="C11360" s="1" t="s">
        <v>28784</v>
      </c>
      <c r="D11360" s="2">
        <v>164188</v>
      </c>
      <c r="E11360" s="1" t="s">
        <v>0</v>
      </c>
    </row>
    <row r="11361" spans="1:5" x14ac:dyDescent="0.25">
      <c r="A11361" s="1" t="s">
        <v>28785</v>
      </c>
      <c r="B11361" s="1" t="s">
        <v>8287</v>
      </c>
      <c r="C11361" s="1" t="s">
        <v>28786</v>
      </c>
      <c r="D11361" s="2">
        <v>164189</v>
      </c>
      <c r="E11361" s="1" t="s">
        <v>0</v>
      </c>
    </row>
    <row r="11362" spans="1:5" x14ac:dyDescent="0.25">
      <c r="A11362" s="2">
        <v>2272</v>
      </c>
      <c r="B11362" s="2">
        <v>2272</v>
      </c>
      <c r="C11362" s="1" t="s">
        <v>0</v>
      </c>
      <c r="D11362" s="2">
        <v>164190</v>
      </c>
      <c r="E11362" s="1" t="s">
        <v>0</v>
      </c>
    </row>
    <row r="11363" spans="1:5" x14ac:dyDescent="0.25">
      <c r="A11363" s="1" t="s">
        <v>2084</v>
      </c>
      <c r="B11363" s="1" t="s">
        <v>8288</v>
      </c>
      <c r="C11363" s="1" t="s">
        <v>28787</v>
      </c>
      <c r="D11363" s="2">
        <v>164191</v>
      </c>
      <c r="E11363" s="1" t="s">
        <v>0</v>
      </c>
    </row>
    <row r="11364" spans="1:5" x14ac:dyDescent="0.25">
      <c r="A11364" s="1" t="s">
        <v>28788</v>
      </c>
      <c r="B11364" s="1" t="s">
        <v>53578</v>
      </c>
      <c r="C11364" s="1" t="s">
        <v>28789</v>
      </c>
      <c r="D11364" s="2">
        <v>164192</v>
      </c>
      <c r="E11364" s="1" t="s">
        <v>0</v>
      </c>
    </row>
    <row r="11365" spans="1:5" ht="409.5" x14ac:dyDescent="0.25">
      <c r="A11365" s="4" t="s">
        <v>28790</v>
      </c>
      <c r="B11365" s="1" t="s">
        <v>53579</v>
      </c>
      <c r="C11365" s="1" t="s">
        <v>28791</v>
      </c>
      <c r="D11365" s="2">
        <v>164193</v>
      </c>
      <c r="E11365" s="1" t="s">
        <v>0</v>
      </c>
    </row>
    <row r="11366" spans="1:5" x14ac:dyDescent="0.25">
      <c r="A11366" s="1" t="s">
        <v>28341</v>
      </c>
      <c r="B11366" s="1" t="s">
        <v>61101</v>
      </c>
      <c r="C11366" s="1" t="s">
        <v>28342</v>
      </c>
      <c r="D11366" s="2">
        <v>164194</v>
      </c>
      <c r="E11366" s="1" t="s">
        <v>0</v>
      </c>
    </row>
    <row r="11367" spans="1:5" x14ac:dyDescent="0.25">
      <c r="A11367" s="2">
        <v>2273</v>
      </c>
      <c r="B11367" s="2">
        <v>2273</v>
      </c>
      <c r="C11367" s="1" t="s">
        <v>0</v>
      </c>
      <c r="D11367" s="2">
        <v>164195</v>
      </c>
      <c r="E11367" s="1" t="s">
        <v>0</v>
      </c>
    </row>
    <row r="11368" spans="1:5" x14ac:dyDescent="0.25">
      <c r="A11368" s="1" t="s">
        <v>2085</v>
      </c>
      <c r="B11368" s="1" t="s">
        <v>8289</v>
      </c>
      <c r="C11368" s="1" t="s">
        <v>28792</v>
      </c>
      <c r="D11368" s="2">
        <v>164196</v>
      </c>
      <c r="E11368" s="1" t="s">
        <v>0</v>
      </c>
    </row>
    <row r="11369" spans="1:5" x14ac:dyDescent="0.25">
      <c r="A11369" s="1" t="s">
        <v>28793</v>
      </c>
      <c r="B11369" s="1" t="s">
        <v>8290</v>
      </c>
      <c r="C11369" s="1" t="s">
        <v>28794</v>
      </c>
      <c r="D11369" s="2">
        <v>164197</v>
      </c>
      <c r="E11369" s="1" t="s">
        <v>0</v>
      </c>
    </row>
    <row r="11370" spans="1:5" ht="409.5" x14ac:dyDescent="0.25">
      <c r="A11370" s="4" t="s">
        <v>28795</v>
      </c>
      <c r="B11370" s="1" t="s">
        <v>53580</v>
      </c>
      <c r="C11370" s="1" t="s">
        <v>28796</v>
      </c>
      <c r="D11370" s="2">
        <v>164198</v>
      </c>
      <c r="E11370" s="1" t="s">
        <v>0</v>
      </c>
    </row>
    <row r="11371" spans="1:5" x14ac:dyDescent="0.25">
      <c r="A11371" s="1" t="s">
        <v>28797</v>
      </c>
      <c r="B11371" s="1" t="s">
        <v>8291</v>
      </c>
      <c r="C11371" s="1" t="s">
        <v>28798</v>
      </c>
      <c r="D11371" s="2">
        <v>164199</v>
      </c>
      <c r="E11371" s="1" t="s">
        <v>0</v>
      </c>
    </row>
    <row r="11372" spans="1:5" x14ac:dyDescent="0.25">
      <c r="A11372" s="2">
        <v>2274</v>
      </c>
      <c r="B11372" s="2">
        <v>2274</v>
      </c>
      <c r="C11372" s="1" t="s">
        <v>0</v>
      </c>
      <c r="D11372" s="2">
        <v>164200</v>
      </c>
      <c r="E11372" s="1" t="s">
        <v>0</v>
      </c>
    </row>
    <row r="11373" spans="1:5" x14ac:dyDescent="0.25">
      <c r="A11373" s="1" t="s">
        <v>2086</v>
      </c>
      <c r="B11373" s="1" t="s">
        <v>8292</v>
      </c>
      <c r="C11373" s="1" t="s">
        <v>28799</v>
      </c>
      <c r="D11373" s="2">
        <v>164201</v>
      </c>
      <c r="E11373" s="1" t="s">
        <v>0</v>
      </c>
    </row>
    <row r="11374" spans="1:5" x14ac:dyDescent="0.25">
      <c r="A11374" s="1" t="s">
        <v>28800</v>
      </c>
      <c r="B11374" s="1" t="s">
        <v>53581</v>
      </c>
      <c r="C11374" s="1" t="s">
        <v>28801</v>
      </c>
      <c r="D11374" s="2">
        <v>164202</v>
      </c>
      <c r="E11374" s="1" t="s">
        <v>0</v>
      </c>
    </row>
    <row r="11375" spans="1:5" ht="409.5" x14ac:dyDescent="0.25">
      <c r="A11375" s="4" t="s">
        <v>28802</v>
      </c>
      <c r="B11375" s="1" t="s">
        <v>53582</v>
      </c>
      <c r="C11375" s="1" t="s">
        <v>28803</v>
      </c>
      <c r="D11375" s="2">
        <v>164203</v>
      </c>
      <c r="E11375" s="1" t="s">
        <v>0</v>
      </c>
    </row>
    <row r="11376" spans="1:5" x14ac:dyDescent="0.25">
      <c r="A11376" s="1" t="s">
        <v>28804</v>
      </c>
      <c r="B11376" s="1" t="s">
        <v>8293</v>
      </c>
      <c r="C11376" s="1" t="s">
        <v>28805</v>
      </c>
      <c r="D11376" s="2">
        <v>164204</v>
      </c>
      <c r="E11376" s="1" t="s">
        <v>0</v>
      </c>
    </row>
    <row r="11377" spans="1:5" x14ac:dyDescent="0.25">
      <c r="A11377" s="2">
        <v>2275</v>
      </c>
      <c r="B11377" s="2">
        <v>2275</v>
      </c>
      <c r="C11377" s="1" t="s">
        <v>0</v>
      </c>
      <c r="D11377" s="2">
        <v>164205</v>
      </c>
      <c r="E11377" s="1" t="s">
        <v>0</v>
      </c>
    </row>
    <row r="11378" spans="1:5" x14ac:dyDescent="0.25">
      <c r="A11378" s="1" t="s">
        <v>13117</v>
      </c>
      <c r="B11378" s="1" t="s">
        <v>8294</v>
      </c>
      <c r="C11378" s="1" t="s">
        <v>28806</v>
      </c>
      <c r="D11378" s="2">
        <v>164206</v>
      </c>
      <c r="E11378" s="1" t="s">
        <v>0</v>
      </c>
    </row>
    <row r="11379" spans="1:5" x14ac:dyDescent="0.25">
      <c r="A11379" s="1" t="s">
        <v>28807</v>
      </c>
      <c r="B11379" s="1" t="s">
        <v>53583</v>
      </c>
      <c r="C11379" s="1" t="s">
        <v>28808</v>
      </c>
      <c r="D11379" s="2">
        <v>164207</v>
      </c>
      <c r="E11379" s="1" t="s">
        <v>0</v>
      </c>
    </row>
    <row r="11380" spans="1:5" ht="409.5" x14ac:dyDescent="0.25">
      <c r="A11380" s="4" t="s">
        <v>28809</v>
      </c>
      <c r="B11380" s="1" t="s">
        <v>53584</v>
      </c>
      <c r="C11380" s="1" t="s">
        <v>28810</v>
      </c>
      <c r="D11380" s="2">
        <v>164208</v>
      </c>
      <c r="E11380" s="1" t="s">
        <v>0</v>
      </c>
    </row>
    <row r="11381" spans="1:5" x14ac:dyDescent="0.25">
      <c r="A11381" s="1" t="s">
        <v>28811</v>
      </c>
      <c r="B11381" s="1" t="s">
        <v>8295</v>
      </c>
      <c r="C11381" s="1" t="s">
        <v>28812</v>
      </c>
      <c r="D11381" s="2">
        <v>164209</v>
      </c>
      <c r="E11381" s="1" t="s">
        <v>0</v>
      </c>
    </row>
    <row r="11382" spans="1:5" x14ac:dyDescent="0.25">
      <c r="A11382" s="2">
        <v>2276</v>
      </c>
      <c r="B11382" s="2">
        <v>2276</v>
      </c>
      <c r="C11382" s="1" t="s">
        <v>0</v>
      </c>
      <c r="D11382" s="2">
        <v>164210</v>
      </c>
      <c r="E11382" s="1" t="s">
        <v>0</v>
      </c>
    </row>
    <row r="11383" spans="1:5" x14ac:dyDescent="0.25">
      <c r="A11383" s="1" t="s">
        <v>2087</v>
      </c>
      <c r="B11383" s="1" t="s">
        <v>8296</v>
      </c>
      <c r="C11383" s="1" t="s">
        <v>28813</v>
      </c>
      <c r="D11383" s="2">
        <v>164211</v>
      </c>
      <c r="E11383" s="1" t="s">
        <v>0</v>
      </c>
    </row>
    <row r="11384" spans="1:5" x14ac:dyDescent="0.25">
      <c r="A11384" s="1" t="s">
        <v>28814</v>
      </c>
      <c r="B11384" s="1" t="s">
        <v>13118</v>
      </c>
      <c r="C11384" s="1" t="s">
        <v>28815</v>
      </c>
      <c r="D11384" s="2">
        <v>164212</v>
      </c>
      <c r="E11384" s="1" t="s">
        <v>0</v>
      </c>
    </row>
    <row r="11385" spans="1:5" ht="409.5" x14ac:dyDescent="0.25">
      <c r="A11385" s="4" t="s">
        <v>28816</v>
      </c>
      <c r="B11385" s="1" t="s">
        <v>53585</v>
      </c>
      <c r="C11385" s="1" t="s">
        <v>28817</v>
      </c>
      <c r="D11385" s="2">
        <v>164213</v>
      </c>
      <c r="E11385" s="1" t="s">
        <v>0</v>
      </c>
    </row>
    <row r="11386" spans="1:5" x14ac:dyDescent="0.25">
      <c r="A11386" s="1" t="s">
        <v>28818</v>
      </c>
      <c r="B11386" s="1" t="s">
        <v>53586</v>
      </c>
      <c r="C11386" s="1" t="s">
        <v>28819</v>
      </c>
      <c r="D11386" s="2">
        <v>164214</v>
      </c>
      <c r="E11386" s="1" t="s">
        <v>0</v>
      </c>
    </row>
    <row r="11387" spans="1:5" x14ac:dyDescent="0.25">
      <c r="A11387" s="2">
        <v>2277</v>
      </c>
      <c r="B11387" s="2">
        <v>2277</v>
      </c>
      <c r="C11387" s="1" t="s">
        <v>0</v>
      </c>
      <c r="D11387" s="2">
        <v>164215</v>
      </c>
      <c r="E11387" s="1" t="s">
        <v>0</v>
      </c>
    </row>
    <row r="11388" spans="1:5" x14ac:dyDescent="0.25">
      <c r="A11388" s="1" t="s">
        <v>2088</v>
      </c>
      <c r="B11388" s="1" t="s">
        <v>50701</v>
      </c>
      <c r="C11388" s="1" t="s">
        <v>28820</v>
      </c>
      <c r="D11388" s="2">
        <v>164216</v>
      </c>
      <c r="E11388" s="1" t="s">
        <v>0</v>
      </c>
    </row>
    <row r="11389" spans="1:5" x14ac:dyDescent="0.25">
      <c r="A11389" s="1" t="s">
        <v>28821</v>
      </c>
      <c r="B11389" s="1" t="s">
        <v>50702</v>
      </c>
      <c r="C11389" s="1" t="s">
        <v>28822</v>
      </c>
      <c r="D11389" s="2">
        <v>164217</v>
      </c>
      <c r="E11389" s="1" t="s">
        <v>0</v>
      </c>
    </row>
    <row r="11390" spans="1:5" ht="409.5" x14ac:dyDescent="0.25">
      <c r="A11390" s="4" t="s">
        <v>28823</v>
      </c>
      <c r="B11390" s="1" t="s">
        <v>63330</v>
      </c>
      <c r="C11390" s="1" t="s">
        <v>28824</v>
      </c>
      <c r="D11390" s="2">
        <v>164218</v>
      </c>
      <c r="E11390" s="1" t="s">
        <v>0</v>
      </c>
    </row>
    <row r="11391" spans="1:5" x14ac:dyDescent="0.25">
      <c r="A11391" s="1" t="s">
        <v>18619</v>
      </c>
      <c r="B11391" s="1" t="s">
        <v>60942</v>
      </c>
      <c r="C11391" s="1" t="s">
        <v>18620</v>
      </c>
      <c r="D11391" s="2">
        <v>164219</v>
      </c>
      <c r="E11391" s="1" t="s">
        <v>0</v>
      </c>
    </row>
    <row r="11392" spans="1:5" x14ac:dyDescent="0.25">
      <c r="A11392" s="2">
        <v>2278</v>
      </c>
      <c r="B11392" s="2">
        <v>2278</v>
      </c>
      <c r="C11392" s="1" t="s">
        <v>0</v>
      </c>
      <c r="D11392" s="2">
        <v>164220</v>
      </c>
      <c r="E11392" s="1" t="s">
        <v>0</v>
      </c>
    </row>
    <row r="11393" spans="1:5" x14ac:dyDescent="0.25">
      <c r="A11393" s="1" t="s">
        <v>2089</v>
      </c>
      <c r="B11393" s="1" t="s">
        <v>8297</v>
      </c>
      <c r="C11393" s="1" t="s">
        <v>28825</v>
      </c>
      <c r="D11393" s="2">
        <v>164221</v>
      </c>
      <c r="E11393" s="1" t="s">
        <v>0</v>
      </c>
    </row>
    <row r="11394" spans="1:5" x14ac:dyDescent="0.25">
      <c r="A11394" s="1" t="s">
        <v>28826</v>
      </c>
      <c r="B11394" s="1" t="s">
        <v>53587</v>
      </c>
      <c r="C11394" s="1" t="s">
        <v>28827</v>
      </c>
      <c r="D11394" s="2">
        <v>164222</v>
      </c>
      <c r="E11394" s="1" t="s">
        <v>0</v>
      </c>
    </row>
    <row r="11395" spans="1:5" ht="409.5" x14ac:dyDescent="0.25">
      <c r="A11395" s="4" t="s">
        <v>28828</v>
      </c>
      <c r="B11395" s="1" t="s">
        <v>53588</v>
      </c>
      <c r="C11395" s="1" t="s">
        <v>28829</v>
      </c>
      <c r="D11395" s="2">
        <v>164223</v>
      </c>
      <c r="E11395" s="1" t="s">
        <v>0</v>
      </c>
    </row>
    <row r="11396" spans="1:5" x14ac:dyDescent="0.25">
      <c r="A11396" s="1" t="s">
        <v>28830</v>
      </c>
      <c r="B11396" s="1" t="s">
        <v>8298</v>
      </c>
      <c r="C11396" s="1" t="s">
        <v>28831</v>
      </c>
      <c r="D11396" s="2">
        <v>164224</v>
      </c>
      <c r="E11396" s="1" t="s">
        <v>0</v>
      </c>
    </row>
    <row r="11397" spans="1:5" x14ac:dyDescent="0.25">
      <c r="A11397" s="2">
        <v>2279</v>
      </c>
      <c r="B11397" s="2">
        <v>2279</v>
      </c>
      <c r="C11397" s="1" t="s">
        <v>0</v>
      </c>
      <c r="D11397" s="2">
        <v>164225</v>
      </c>
      <c r="E11397" s="1" t="s">
        <v>0</v>
      </c>
    </row>
    <row r="11398" spans="1:5" x14ac:dyDescent="0.25">
      <c r="A11398" s="1" t="s">
        <v>2090</v>
      </c>
      <c r="B11398" s="1" t="s">
        <v>8299</v>
      </c>
      <c r="C11398" s="1" t="s">
        <v>28832</v>
      </c>
      <c r="D11398" s="2">
        <v>164226</v>
      </c>
      <c r="E11398" s="1" t="s">
        <v>0</v>
      </c>
    </row>
    <row r="11399" spans="1:5" x14ac:dyDescent="0.25">
      <c r="A11399" s="1" t="s">
        <v>28833</v>
      </c>
      <c r="B11399" s="1" t="s">
        <v>61645</v>
      </c>
      <c r="C11399" s="1" t="s">
        <v>28834</v>
      </c>
      <c r="D11399" s="2">
        <v>164227</v>
      </c>
      <c r="E11399" s="1" t="s">
        <v>0</v>
      </c>
    </row>
    <row r="11400" spans="1:5" ht="409.5" x14ac:dyDescent="0.25">
      <c r="A11400" s="4" t="s">
        <v>28835</v>
      </c>
      <c r="B11400" s="1" t="s">
        <v>61646</v>
      </c>
      <c r="C11400" s="1" t="s">
        <v>28836</v>
      </c>
      <c r="D11400" s="2">
        <v>164228</v>
      </c>
      <c r="E11400" s="1" t="s">
        <v>0</v>
      </c>
    </row>
    <row r="11401" spans="1:5" x14ac:dyDescent="0.25">
      <c r="A11401" s="1" t="s">
        <v>28837</v>
      </c>
      <c r="B11401" s="1" t="s">
        <v>53589</v>
      </c>
      <c r="C11401" s="1" t="s">
        <v>28838</v>
      </c>
      <c r="D11401" s="2">
        <v>164229</v>
      </c>
      <c r="E11401" s="1" t="s">
        <v>0</v>
      </c>
    </row>
    <row r="11402" spans="1:5" x14ac:dyDescent="0.25">
      <c r="A11402" s="2">
        <v>2280</v>
      </c>
      <c r="B11402" s="2">
        <v>2280</v>
      </c>
      <c r="C11402" s="1" t="s">
        <v>0</v>
      </c>
      <c r="D11402" s="2">
        <v>164230</v>
      </c>
      <c r="E11402" s="1" t="s">
        <v>0</v>
      </c>
    </row>
    <row r="11403" spans="1:5" x14ac:dyDescent="0.25">
      <c r="A11403" s="1" t="s">
        <v>2091</v>
      </c>
      <c r="B11403" s="1" t="s">
        <v>8300</v>
      </c>
      <c r="C11403" s="1" t="s">
        <v>28839</v>
      </c>
      <c r="D11403" s="2">
        <v>164231</v>
      </c>
      <c r="E11403" s="1" t="s">
        <v>0</v>
      </c>
    </row>
    <row r="11404" spans="1:5" x14ac:dyDescent="0.25">
      <c r="A11404" s="1" t="s">
        <v>28840</v>
      </c>
      <c r="B11404" s="1" t="s">
        <v>8301</v>
      </c>
      <c r="C11404" s="1" t="s">
        <v>28841</v>
      </c>
      <c r="D11404" s="2">
        <v>164232</v>
      </c>
      <c r="E11404" s="1" t="s">
        <v>0</v>
      </c>
    </row>
    <row r="11405" spans="1:5" ht="409.5" x14ac:dyDescent="0.25">
      <c r="A11405" s="4" t="s">
        <v>28842</v>
      </c>
      <c r="B11405" s="1" t="s">
        <v>59020</v>
      </c>
      <c r="C11405" s="1" t="s">
        <v>28843</v>
      </c>
      <c r="D11405" s="2">
        <v>164233</v>
      </c>
      <c r="E11405" s="1" t="s">
        <v>0</v>
      </c>
    </row>
    <row r="11406" spans="1:5" x14ac:dyDescent="0.25">
      <c r="A11406" s="1" t="s">
        <v>28844</v>
      </c>
      <c r="B11406" s="1" t="s">
        <v>8302</v>
      </c>
      <c r="C11406" s="1" t="s">
        <v>28845</v>
      </c>
      <c r="D11406" s="2">
        <v>164234</v>
      </c>
      <c r="E11406" s="1" t="s">
        <v>0</v>
      </c>
    </row>
    <row r="11407" spans="1:5" x14ac:dyDescent="0.25">
      <c r="A11407" s="2">
        <v>2281</v>
      </c>
      <c r="B11407" s="2">
        <v>2281</v>
      </c>
      <c r="C11407" s="1" t="s">
        <v>0</v>
      </c>
      <c r="D11407" s="2">
        <v>164235</v>
      </c>
      <c r="E11407" s="1" t="s">
        <v>0</v>
      </c>
    </row>
    <row r="11408" spans="1:5" x14ac:dyDescent="0.25">
      <c r="A11408" s="1" t="s">
        <v>2092</v>
      </c>
      <c r="B11408" s="1" t="s">
        <v>8303</v>
      </c>
      <c r="C11408" s="1" t="s">
        <v>28846</v>
      </c>
      <c r="D11408" s="2">
        <v>164236</v>
      </c>
      <c r="E11408" s="1" t="s">
        <v>0</v>
      </c>
    </row>
    <row r="11409" spans="1:5" x14ac:dyDescent="0.25">
      <c r="A11409" s="1" t="s">
        <v>28847</v>
      </c>
      <c r="B11409" s="1" t="s">
        <v>8304</v>
      </c>
      <c r="C11409" s="1" t="s">
        <v>28848</v>
      </c>
      <c r="D11409" s="2">
        <v>164237</v>
      </c>
      <c r="E11409" s="1" t="s">
        <v>0</v>
      </c>
    </row>
    <row r="11410" spans="1:5" ht="409.5" x14ac:dyDescent="0.25">
      <c r="A11410" s="4" t="s">
        <v>28849</v>
      </c>
      <c r="B11410" s="1" t="s">
        <v>8305</v>
      </c>
      <c r="C11410" s="1" t="s">
        <v>28850</v>
      </c>
      <c r="D11410" s="2">
        <v>164238</v>
      </c>
      <c r="E11410" s="1" t="s">
        <v>0</v>
      </c>
    </row>
    <row r="11411" spans="1:5" x14ac:dyDescent="0.25">
      <c r="A11411" s="1" t="s">
        <v>28851</v>
      </c>
      <c r="B11411" s="1" t="s">
        <v>53590</v>
      </c>
      <c r="C11411" s="1" t="s">
        <v>28852</v>
      </c>
      <c r="D11411" s="2">
        <v>164239</v>
      </c>
      <c r="E11411" s="1" t="s">
        <v>0</v>
      </c>
    </row>
    <row r="11412" spans="1:5" x14ac:dyDescent="0.25">
      <c r="A11412" s="2">
        <v>2282</v>
      </c>
      <c r="B11412" s="2">
        <v>2282</v>
      </c>
      <c r="C11412" s="1" t="s">
        <v>0</v>
      </c>
      <c r="D11412" s="2">
        <v>164240</v>
      </c>
      <c r="E11412" s="1" t="s">
        <v>0</v>
      </c>
    </row>
    <row r="11413" spans="1:5" x14ac:dyDescent="0.25">
      <c r="A11413" s="1" t="s">
        <v>2093</v>
      </c>
      <c r="B11413" s="1" t="s">
        <v>8306</v>
      </c>
      <c r="C11413" s="1" t="s">
        <v>28853</v>
      </c>
      <c r="D11413" s="2">
        <v>164241</v>
      </c>
      <c r="E11413" s="1" t="s">
        <v>0</v>
      </c>
    </row>
    <row r="11414" spans="1:5" x14ac:dyDescent="0.25">
      <c r="A11414" s="1" t="s">
        <v>28854</v>
      </c>
      <c r="B11414" s="1" t="s">
        <v>8307</v>
      </c>
      <c r="C11414" s="1" t="s">
        <v>28855</v>
      </c>
      <c r="D11414" s="2">
        <v>164242</v>
      </c>
      <c r="E11414" s="1" t="s">
        <v>0</v>
      </c>
    </row>
    <row r="11415" spans="1:5" ht="409.5" x14ac:dyDescent="0.25">
      <c r="A11415" s="4" t="s">
        <v>28856</v>
      </c>
      <c r="B11415" s="1" t="s">
        <v>8308</v>
      </c>
      <c r="C11415" s="1" t="s">
        <v>28857</v>
      </c>
      <c r="D11415" s="2">
        <v>164243</v>
      </c>
      <c r="E11415" s="1" t="s">
        <v>0</v>
      </c>
    </row>
    <row r="11416" spans="1:5" x14ac:dyDescent="0.25">
      <c r="A11416" s="1" t="s">
        <v>28858</v>
      </c>
      <c r="B11416" s="1" t="s">
        <v>8309</v>
      </c>
      <c r="C11416" s="1" t="s">
        <v>28859</v>
      </c>
      <c r="D11416" s="2">
        <v>164244</v>
      </c>
      <c r="E11416" s="1" t="s">
        <v>0</v>
      </c>
    </row>
    <row r="11417" spans="1:5" x14ac:dyDescent="0.25">
      <c r="A11417" s="2">
        <v>2283</v>
      </c>
      <c r="B11417" s="2">
        <v>2283</v>
      </c>
      <c r="C11417" s="1" t="s">
        <v>0</v>
      </c>
      <c r="D11417" s="2">
        <v>164245</v>
      </c>
      <c r="E11417" s="1" t="s">
        <v>0</v>
      </c>
    </row>
    <row r="11418" spans="1:5" x14ac:dyDescent="0.25">
      <c r="A11418" s="1" t="s">
        <v>2094</v>
      </c>
      <c r="B11418" s="1" t="s">
        <v>8310</v>
      </c>
      <c r="C11418" s="1" t="s">
        <v>28860</v>
      </c>
      <c r="D11418" s="2">
        <v>164246</v>
      </c>
      <c r="E11418" s="1" t="s">
        <v>0</v>
      </c>
    </row>
    <row r="11419" spans="1:5" x14ac:dyDescent="0.25">
      <c r="A11419" s="1" t="s">
        <v>28861</v>
      </c>
      <c r="B11419" s="1" t="s">
        <v>8311</v>
      </c>
      <c r="C11419" s="1" t="s">
        <v>28862</v>
      </c>
      <c r="D11419" s="2">
        <v>164247</v>
      </c>
      <c r="E11419" s="1" t="s">
        <v>0</v>
      </c>
    </row>
    <row r="11420" spans="1:5" ht="409.5" x14ac:dyDescent="0.25">
      <c r="A11420" s="4" t="s">
        <v>28863</v>
      </c>
      <c r="B11420" s="1" t="s">
        <v>8312</v>
      </c>
      <c r="C11420" s="1" t="s">
        <v>28864</v>
      </c>
      <c r="D11420" s="2">
        <v>164248</v>
      </c>
      <c r="E11420" s="1" t="s">
        <v>0</v>
      </c>
    </row>
    <row r="11421" spans="1:5" x14ac:dyDescent="0.25">
      <c r="A11421" s="1" t="s">
        <v>28865</v>
      </c>
      <c r="B11421" s="1" t="s">
        <v>57212</v>
      </c>
      <c r="C11421" s="1" t="s">
        <v>28866</v>
      </c>
      <c r="D11421" s="2">
        <v>164249</v>
      </c>
      <c r="E11421" s="1" t="s">
        <v>0</v>
      </c>
    </row>
    <row r="11422" spans="1:5" x14ac:dyDescent="0.25">
      <c r="A11422" s="2">
        <v>2284</v>
      </c>
      <c r="B11422" s="2">
        <v>2284</v>
      </c>
      <c r="C11422" s="1" t="s">
        <v>0</v>
      </c>
      <c r="D11422" s="2">
        <v>164250</v>
      </c>
      <c r="E11422" s="1" t="s">
        <v>0</v>
      </c>
    </row>
    <row r="11423" spans="1:5" x14ac:dyDescent="0.25">
      <c r="A11423" s="1" t="s">
        <v>2095</v>
      </c>
      <c r="B11423" s="1" t="s">
        <v>57509</v>
      </c>
      <c r="C11423" s="1" t="s">
        <v>28867</v>
      </c>
      <c r="D11423" s="2">
        <v>164251</v>
      </c>
      <c r="E11423" s="1" t="s">
        <v>0</v>
      </c>
    </row>
    <row r="11424" spans="1:5" x14ac:dyDescent="0.25">
      <c r="A11424" s="1" t="s">
        <v>28868</v>
      </c>
      <c r="B11424" s="1" t="s">
        <v>53591</v>
      </c>
      <c r="C11424" s="1" t="s">
        <v>28869</v>
      </c>
      <c r="D11424" s="2">
        <v>164252</v>
      </c>
      <c r="E11424" s="1" t="s">
        <v>0</v>
      </c>
    </row>
    <row r="11425" spans="1:5" ht="409.5" x14ac:dyDescent="0.25">
      <c r="A11425" s="4" t="s">
        <v>28870</v>
      </c>
      <c r="B11425" s="1" t="s">
        <v>58355</v>
      </c>
      <c r="C11425" s="1" t="s">
        <v>28871</v>
      </c>
      <c r="D11425" s="2">
        <v>164253</v>
      </c>
      <c r="E11425" s="1" t="s">
        <v>0</v>
      </c>
    </row>
    <row r="11426" spans="1:5" x14ac:dyDescent="0.25">
      <c r="A11426" s="1" t="s">
        <v>28872</v>
      </c>
      <c r="B11426" s="1" t="s">
        <v>53592</v>
      </c>
      <c r="C11426" s="1" t="s">
        <v>28873</v>
      </c>
      <c r="D11426" s="2">
        <v>164254</v>
      </c>
      <c r="E11426" s="1" t="s">
        <v>0</v>
      </c>
    </row>
    <row r="11427" spans="1:5" x14ac:dyDescent="0.25">
      <c r="A11427" s="2">
        <v>2285</v>
      </c>
      <c r="B11427" s="2">
        <v>2285</v>
      </c>
      <c r="C11427" s="1" t="s">
        <v>0</v>
      </c>
      <c r="D11427" s="2">
        <v>164255</v>
      </c>
      <c r="E11427" s="1" t="s">
        <v>0</v>
      </c>
    </row>
    <row r="11428" spans="1:5" x14ac:dyDescent="0.25">
      <c r="A11428" s="1" t="s">
        <v>2096</v>
      </c>
      <c r="B11428" s="1" t="s">
        <v>8313</v>
      </c>
      <c r="C11428" s="1" t="s">
        <v>28874</v>
      </c>
      <c r="D11428" s="2">
        <v>164256</v>
      </c>
      <c r="E11428" s="1" t="s">
        <v>0</v>
      </c>
    </row>
    <row r="11429" spans="1:5" x14ac:dyDescent="0.25">
      <c r="A11429" s="1" t="s">
        <v>28875</v>
      </c>
      <c r="B11429" s="1" t="s">
        <v>53593</v>
      </c>
      <c r="C11429" s="1" t="s">
        <v>28876</v>
      </c>
      <c r="D11429" s="2">
        <v>164257</v>
      </c>
      <c r="E11429" s="1" t="s">
        <v>0</v>
      </c>
    </row>
    <row r="11430" spans="1:5" ht="409.5" x14ac:dyDescent="0.25">
      <c r="A11430" s="4" t="s">
        <v>28877</v>
      </c>
      <c r="B11430" s="1" t="s">
        <v>53594</v>
      </c>
      <c r="C11430" s="1" t="s">
        <v>28878</v>
      </c>
      <c r="D11430" s="2">
        <v>164258</v>
      </c>
      <c r="E11430" s="1" t="s">
        <v>0</v>
      </c>
    </row>
    <row r="11431" spans="1:5" x14ac:dyDescent="0.25">
      <c r="A11431" s="1" t="s">
        <v>14855</v>
      </c>
      <c r="B11431" s="1" t="s">
        <v>60879</v>
      </c>
      <c r="C11431" s="1" t="s">
        <v>14856</v>
      </c>
      <c r="D11431" s="2">
        <v>164259</v>
      </c>
      <c r="E11431" s="1" t="s">
        <v>0</v>
      </c>
    </row>
    <row r="11432" spans="1:5" x14ac:dyDescent="0.25">
      <c r="A11432" s="2">
        <v>2286</v>
      </c>
      <c r="B11432" s="2">
        <v>2286</v>
      </c>
      <c r="C11432" s="1" t="s">
        <v>0</v>
      </c>
      <c r="D11432" s="2">
        <v>164260</v>
      </c>
      <c r="E11432" s="1" t="s">
        <v>0</v>
      </c>
    </row>
    <row r="11433" spans="1:5" x14ac:dyDescent="0.25">
      <c r="A11433" s="1" t="s">
        <v>2097</v>
      </c>
      <c r="B11433" s="1" t="s">
        <v>8314</v>
      </c>
      <c r="C11433" s="1" t="s">
        <v>28879</v>
      </c>
      <c r="D11433" s="2">
        <v>164261</v>
      </c>
      <c r="E11433" s="1" t="s">
        <v>0</v>
      </c>
    </row>
    <row r="11434" spans="1:5" x14ac:dyDescent="0.25">
      <c r="A11434" s="1" t="s">
        <v>28880</v>
      </c>
      <c r="B11434" s="1" t="s">
        <v>62443</v>
      </c>
      <c r="C11434" s="1" t="s">
        <v>28881</v>
      </c>
      <c r="D11434" s="2">
        <v>164262</v>
      </c>
      <c r="E11434" s="1" t="s">
        <v>0</v>
      </c>
    </row>
    <row r="11435" spans="1:5" ht="409.5" x14ac:dyDescent="0.25">
      <c r="A11435" s="4" t="s">
        <v>28882</v>
      </c>
      <c r="B11435" s="1" t="s">
        <v>62444</v>
      </c>
      <c r="C11435" s="1" t="s">
        <v>28883</v>
      </c>
      <c r="D11435" s="2">
        <v>164263</v>
      </c>
      <c r="E11435" s="1" t="s">
        <v>0</v>
      </c>
    </row>
    <row r="11436" spans="1:5" x14ac:dyDescent="0.25">
      <c r="A11436" s="1" t="s">
        <v>28884</v>
      </c>
      <c r="B11436" s="1" t="s">
        <v>8315</v>
      </c>
      <c r="C11436" s="1" t="s">
        <v>28885</v>
      </c>
      <c r="D11436" s="2">
        <v>164264</v>
      </c>
      <c r="E11436" s="1" t="s">
        <v>0</v>
      </c>
    </row>
    <row r="11437" spans="1:5" x14ac:dyDescent="0.25">
      <c r="A11437" s="2">
        <v>2287</v>
      </c>
      <c r="B11437" s="2">
        <v>2287</v>
      </c>
      <c r="C11437" s="1" t="s">
        <v>0</v>
      </c>
      <c r="D11437" s="2">
        <v>164265</v>
      </c>
      <c r="E11437" s="1" t="s">
        <v>0</v>
      </c>
    </row>
    <row r="11438" spans="1:5" x14ac:dyDescent="0.25">
      <c r="A11438" s="1" t="s">
        <v>2098</v>
      </c>
      <c r="B11438" s="1" t="s">
        <v>8316</v>
      </c>
      <c r="C11438" s="1" t="s">
        <v>28886</v>
      </c>
      <c r="D11438" s="2">
        <v>164266</v>
      </c>
      <c r="E11438" s="1" t="s">
        <v>0</v>
      </c>
    </row>
    <row r="11439" spans="1:5" x14ac:dyDescent="0.25">
      <c r="A11439" s="1" t="s">
        <v>28887</v>
      </c>
      <c r="B11439" s="1" t="s">
        <v>53595</v>
      </c>
      <c r="C11439" s="1" t="s">
        <v>28888</v>
      </c>
      <c r="D11439" s="2">
        <v>164267</v>
      </c>
      <c r="E11439" s="1" t="s">
        <v>0</v>
      </c>
    </row>
    <row r="11440" spans="1:5" ht="409.5" x14ac:dyDescent="0.25">
      <c r="A11440" s="4" t="s">
        <v>28889</v>
      </c>
      <c r="B11440" s="1" t="s">
        <v>58356</v>
      </c>
      <c r="C11440" s="1" t="s">
        <v>28890</v>
      </c>
      <c r="D11440" s="2">
        <v>164268</v>
      </c>
      <c r="E11440" s="1" t="s">
        <v>0</v>
      </c>
    </row>
    <row r="11441" spans="1:5" x14ac:dyDescent="0.25">
      <c r="A11441" s="1" t="s">
        <v>28891</v>
      </c>
      <c r="B11441" s="1" t="s">
        <v>57213</v>
      </c>
      <c r="C11441" s="1" t="s">
        <v>28892</v>
      </c>
      <c r="D11441" s="2">
        <v>164269</v>
      </c>
      <c r="E11441" s="1" t="s">
        <v>0</v>
      </c>
    </row>
    <row r="11442" spans="1:5" x14ac:dyDescent="0.25">
      <c r="A11442" s="2">
        <v>2288</v>
      </c>
      <c r="B11442" s="2">
        <v>2288</v>
      </c>
      <c r="C11442" s="1" t="s">
        <v>0</v>
      </c>
      <c r="D11442" s="2">
        <v>164270</v>
      </c>
      <c r="E11442" s="1" t="s">
        <v>0</v>
      </c>
    </row>
    <row r="11443" spans="1:5" x14ac:dyDescent="0.25">
      <c r="A11443" s="1" t="s">
        <v>2099</v>
      </c>
      <c r="B11443" s="1" t="s">
        <v>8317</v>
      </c>
      <c r="C11443" s="1" t="s">
        <v>28893</v>
      </c>
      <c r="D11443" s="2">
        <v>164271</v>
      </c>
      <c r="E11443" s="1" t="s">
        <v>0</v>
      </c>
    </row>
    <row r="11444" spans="1:5" x14ac:dyDescent="0.25">
      <c r="A11444" s="1" t="s">
        <v>28894</v>
      </c>
      <c r="B11444" s="1" t="s">
        <v>57510</v>
      </c>
      <c r="C11444" s="1" t="s">
        <v>28895</v>
      </c>
      <c r="D11444" s="2">
        <v>164272</v>
      </c>
      <c r="E11444" s="1" t="s">
        <v>0</v>
      </c>
    </row>
    <row r="11445" spans="1:5" ht="409.5" x14ac:dyDescent="0.25">
      <c r="A11445" s="4" t="s">
        <v>28896</v>
      </c>
      <c r="B11445" s="1" t="s">
        <v>57511</v>
      </c>
      <c r="C11445" s="1" t="s">
        <v>28897</v>
      </c>
      <c r="D11445" s="2">
        <v>164273</v>
      </c>
      <c r="E11445" s="1" t="s">
        <v>0</v>
      </c>
    </row>
    <row r="11446" spans="1:5" x14ac:dyDescent="0.25">
      <c r="A11446" s="1" t="s">
        <v>28898</v>
      </c>
      <c r="B11446" s="1" t="s">
        <v>53596</v>
      </c>
      <c r="C11446" s="1" t="s">
        <v>28899</v>
      </c>
      <c r="D11446" s="2">
        <v>164274</v>
      </c>
      <c r="E11446" s="1" t="s">
        <v>0</v>
      </c>
    </row>
    <row r="11447" spans="1:5" x14ac:dyDescent="0.25">
      <c r="A11447" s="2">
        <v>2289</v>
      </c>
      <c r="B11447" s="2">
        <v>2289</v>
      </c>
      <c r="C11447" s="1" t="s">
        <v>0</v>
      </c>
      <c r="D11447" s="2">
        <v>164275</v>
      </c>
      <c r="E11447" s="1" t="s">
        <v>0</v>
      </c>
    </row>
    <row r="11448" spans="1:5" x14ac:dyDescent="0.25">
      <c r="A11448" s="1" t="s">
        <v>2100</v>
      </c>
      <c r="B11448" s="1" t="s">
        <v>8318</v>
      </c>
      <c r="C11448" s="1" t="s">
        <v>28900</v>
      </c>
      <c r="D11448" s="2">
        <v>164276</v>
      </c>
      <c r="E11448" s="1" t="s">
        <v>0</v>
      </c>
    </row>
    <row r="11449" spans="1:5" x14ac:dyDescent="0.25">
      <c r="A11449" s="1" t="s">
        <v>28901</v>
      </c>
      <c r="B11449" s="1" t="s">
        <v>8319</v>
      </c>
      <c r="C11449" s="1" t="s">
        <v>28902</v>
      </c>
      <c r="D11449" s="2">
        <v>164277</v>
      </c>
      <c r="E11449" s="1" t="s">
        <v>0</v>
      </c>
    </row>
    <row r="11450" spans="1:5" ht="409.5" x14ac:dyDescent="0.25">
      <c r="A11450" s="4" t="s">
        <v>28903</v>
      </c>
      <c r="B11450" s="1" t="s">
        <v>53597</v>
      </c>
      <c r="C11450" s="1" t="s">
        <v>28904</v>
      </c>
      <c r="D11450" s="2">
        <v>164278</v>
      </c>
      <c r="E11450" s="1" t="s">
        <v>0</v>
      </c>
    </row>
    <row r="11451" spans="1:5" x14ac:dyDescent="0.25">
      <c r="A11451" s="1" t="s">
        <v>28905</v>
      </c>
      <c r="B11451" s="1" t="s">
        <v>8320</v>
      </c>
      <c r="C11451" s="1" t="s">
        <v>28906</v>
      </c>
      <c r="D11451" s="2">
        <v>164279</v>
      </c>
      <c r="E11451" s="1" t="s">
        <v>0</v>
      </c>
    </row>
    <row r="11452" spans="1:5" x14ac:dyDescent="0.25">
      <c r="A11452" s="2">
        <v>2290</v>
      </c>
      <c r="B11452" s="2">
        <v>2290</v>
      </c>
      <c r="C11452" s="1" t="s">
        <v>0</v>
      </c>
      <c r="D11452" s="2">
        <v>164280</v>
      </c>
      <c r="E11452" s="1" t="s">
        <v>0</v>
      </c>
    </row>
    <row r="11453" spans="1:5" x14ac:dyDescent="0.25">
      <c r="A11453" s="1" t="s">
        <v>2101</v>
      </c>
      <c r="B11453" s="1" t="s">
        <v>8321</v>
      </c>
      <c r="C11453" s="1" t="s">
        <v>28907</v>
      </c>
      <c r="D11453" s="2">
        <v>164281</v>
      </c>
      <c r="E11453" s="1" t="s">
        <v>0</v>
      </c>
    </row>
    <row r="11454" spans="1:5" x14ac:dyDescent="0.25">
      <c r="A11454" s="1" t="s">
        <v>28908</v>
      </c>
      <c r="B11454" s="1" t="s">
        <v>61492</v>
      </c>
      <c r="C11454" s="1" t="s">
        <v>28909</v>
      </c>
      <c r="D11454" s="2">
        <v>164282</v>
      </c>
      <c r="E11454" s="1" t="s">
        <v>0</v>
      </c>
    </row>
    <row r="11455" spans="1:5" ht="409.5" x14ac:dyDescent="0.25">
      <c r="A11455" s="4" t="s">
        <v>28910</v>
      </c>
      <c r="B11455" s="1" t="s">
        <v>61493</v>
      </c>
      <c r="C11455" s="1" t="s">
        <v>28911</v>
      </c>
      <c r="D11455" s="2">
        <v>164283</v>
      </c>
      <c r="E11455" s="1" t="s">
        <v>0</v>
      </c>
    </row>
    <row r="11456" spans="1:5" x14ac:dyDescent="0.25">
      <c r="A11456" s="1" t="s">
        <v>28912</v>
      </c>
      <c r="B11456" s="1" t="s">
        <v>53598</v>
      </c>
      <c r="C11456" s="1" t="s">
        <v>28913</v>
      </c>
      <c r="D11456" s="2">
        <v>164284</v>
      </c>
      <c r="E11456" s="1" t="s">
        <v>0</v>
      </c>
    </row>
    <row r="11457" spans="1:5" x14ac:dyDescent="0.25">
      <c r="A11457" s="2">
        <v>2291</v>
      </c>
      <c r="B11457" s="2">
        <v>2291</v>
      </c>
      <c r="C11457" s="1" t="s">
        <v>0</v>
      </c>
      <c r="D11457" s="2">
        <v>164285</v>
      </c>
      <c r="E11457" s="1" t="s">
        <v>0</v>
      </c>
    </row>
    <row r="11458" spans="1:5" x14ac:dyDescent="0.25">
      <c r="A11458" s="1" t="s">
        <v>2102</v>
      </c>
      <c r="B11458" s="1" t="s">
        <v>8322</v>
      </c>
      <c r="C11458" s="1" t="s">
        <v>28914</v>
      </c>
      <c r="D11458" s="2">
        <v>164286</v>
      </c>
      <c r="E11458" s="1" t="s">
        <v>0</v>
      </c>
    </row>
    <row r="11459" spans="1:5" x14ac:dyDescent="0.25">
      <c r="A11459" s="1" t="s">
        <v>28915</v>
      </c>
      <c r="B11459" s="1" t="s">
        <v>62445</v>
      </c>
      <c r="C11459" s="1" t="s">
        <v>28916</v>
      </c>
      <c r="D11459" s="2">
        <v>164287</v>
      </c>
      <c r="E11459" s="1" t="s">
        <v>0</v>
      </c>
    </row>
    <row r="11460" spans="1:5" ht="409.5" x14ac:dyDescent="0.25">
      <c r="A11460" s="4" t="s">
        <v>28917</v>
      </c>
      <c r="B11460" s="1" t="s">
        <v>62446</v>
      </c>
      <c r="C11460" s="1" t="s">
        <v>28918</v>
      </c>
      <c r="D11460" s="2">
        <v>164288</v>
      </c>
      <c r="E11460" s="1" t="s">
        <v>0</v>
      </c>
    </row>
    <row r="11461" spans="1:5" x14ac:dyDescent="0.25">
      <c r="A11461" s="1" t="s">
        <v>28919</v>
      </c>
      <c r="B11461" s="1" t="s">
        <v>8323</v>
      </c>
      <c r="C11461" s="1" t="s">
        <v>28920</v>
      </c>
      <c r="D11461" s="2">
        <v>164289</v>
      </c>
      <c r="E11461" s="1" t="s">
        <v>0</v>
      </c>
    </row>
    <row r="11462" spans="1:5" x14ac:dyDescent="0.25">
      <c r="A11462" s="2">
        <v>2292</v>
      </c>
      <c r="B11462" s="2">
        <v>2292</v>
      </c>
      <c r="C11462" s="1" t="s">
        <v>0</v>
      </c>
      <c r="D11462" s="2">
        <v>164290</v>
      </c>
      <c r="E11462" s="1" t="s">
        <v>0</v>
      </c>
    </row>
    <row r="11463" spans="1:5" x14ac:dyDescent="0.25">
      <c r="A11463" s="1" t="s">
        <v>2103</v>
      </c>
      <c r="B11463" s="1" t="s">
        <v>8324</v>
      </c>
      <c r="C11463" s="1" t="s">
        <v>28921</v>
      </c>
      <c r="D11463" s="2">
        <v>164291</v>
      </c>
      <c r="E11463" s="1" t="s">
        <v>0</v>
      </c>
    </row>
    <row r="11464" spans="1:5" x14ac:dyDescent="0.25">
      <c r="A11464" s="1" t="s">
        <v>28922</v>
      </c>
      <c r="B11464" s="1" t="s">
        <v>53599</v>
      </c>
      <c r="C11464" s="1" t="s">
        <v>28923</v>
      </c>
      <c r="D11464" s="2">
        <v>164292</v>
      </c>
      <c r="E11464" s="1" t="s">
        <v>0</v>
      </c>
    </row>
    <row r="11465" spans="1:5" ht="409.5" x14ac:dyDescent="0.25">
      <c r="A11465" s="4" t="s">
        <v>28924</v>
      </c>
      <c r="B11465" s="1" t="s">
        <v>59977</v>
      </c>
      <c r="C11465" s="1" t="s">
        <v>28925</v>
      </c>
      <c r="D11465" s="2">
        <v>164293</v>
      </c>
      <c r="E11465" s="1" t="s">
        <v>0</v>
      </c>
    </row>
    <row r="11466" spans="1:5" x14ac:dyDescent="0.25">
      <c r="A11466" s="1" t="s">
        <v>28926</v>
      </c>
      <c r="B11466" s="1" t="s">
        <v>8325</v>
      </c>
      <c r="C11466" s="1" t="s">
        <v>28927</v>
      </c>
      <c r="D11466" s="2">
        <v>164294</v>
      </c>
      <c r="E11466" s="1" t="s">
        <v>0</v>
      </c>
    </row>
    <row r="11467" spans="1:5" x14ac:dyDescent="0.25">
      <c r="A11467" s="2">
        <v>2293</v>
      </c>
      <c r="B11467" s="2">
        <v>2293</v>
      </c>
      <c r="C11467" s="1" t="s">
        <v>0</v>
      </c>
      <c r="D11467" s="2">
        <v>164295</v>
      </c>
      <c r="E11467" s="1" t="s">
        <v>0</v>
      </c>
    </row>
    <row r="11468" spans="1:5" x14ac:dyDescent="0.25">
      <c r="A11468" s="1" t="s">
        <v>2104</v>
      </c>
      <c r="B11468" s="1" t="s">
        <v>8326</v>
      </c>
      <c r="C11468" s="1" t="s">
        <v>28928</v>
      </c>
      <c r="D11468" s="2">
        <v>164296</v>
      </c>
      <c r="E11468" s="1" t="s">
        <v>0</v>
      </c>
    </row>
    <row r="11469" spans="1:5" x14ac:dyDescent="0.25">
      <c r="A11469" s="1" t="s">
        <v>28929</v>
      </c>
      <c r="B11469" s="1" t="s">
        <v>53600</v>
      </c>
      <c r="C11469" s="1" t="s">
        <v>28930</v>
      </c>
      <c r="D11469" s="2">
        <v>164297</v>
      </c>
      <c r="E11469" s="1" t="s">
        <v>0</v>
      </c>
    </row>
    <row r="11470" spans="1:5" ht="409.5" x14ac:dyDescent="0.25">
      <c r="A11470" s="4" t="s">
        <v>28931</v>
      </c>
      <c r="B11470" s="1" t="s">
        <v>53601</v>
      </c>
      <c r="C11470" s="1" t="s">
        <v>28932</v>
      </c>
      <c r="D11470" s="2">
        <v>164298</v>
      </c>
      <c r="E11470" s="1" t="s">
        <v>0</v>
      </c>
    </row>
    <row r="11471" spans="1:5" x14ac:dyDescent="0.25">
      <c r="A11471" s="1" t="s">
        <v>28933</v>
      </c>
      <c r="B11471" s="1" t="s">
        <v>53602</v>
      </c>
      <c r="C11471" s="1" t="s">
        <v>28934</v>
      </c>
      <c r="D11471" s="2">
        <v>164299</v>
      </c>
      <c r="E11471" s="1" t="s">
        <v>0</v>
      </c>
    </row>
    <row r="11472" spans="1:5" x14ac:dyDescent="0.25">
      <c r="A11472" s="2">
        <v>2294</v>
      </c>
      <c r="B11472" s="2">
        <v>2294</v>
      </c>
      <c r="C11472" s="1" t="s">
        <v>0</v>
      </c>
      <c r="D11472" s="2">
        <v>164300</v>
      </c>
      <c r="E11472" s="1" t="s">
        <v>0</v>
      </c>
    </row>
    <row r="11473" spans="1:5" x14ac:dyDescent="0.25">
      <c r="A11473" s="1" t="s">
        <v>2105</v>
      </c>
      <c r="B11473" s="1" t="s">
        <v>8327</v>
      </c>
      <c r="C11473" s="1" t="s">
        <v>28935</v>
      </c>
      <c r="D11473" s="2">
        <v>164301</v>
      </c>
      <c r="E11473" s="1" t="s">
        <v>0</v>
      </c>
    </row>
    <row r="11474" spans="1:5" x14ac:dyDescent="0.25">
      <c r="A11474" s="1" t="s">
        <v>28936</v>
      </c>
      <c r="B11474" s="1" t="s">
        <v>8328</v>
      </c>
      <c r="C11474" s="1" t="s">
        <v>28937</v>
      </c>
      <c r="D11474" s="2">
        <v>164302</v>
      </c>
      <c r="E11474" s="1" t="s">
        <v>0</v>
      </c>
    </row>
    <row r="11475" spans="1:5" ht="409.5" x14ac:dyDescent="0.25">
      <c r="A11475" s="4" t="s">
        <v>28938</v>
      </c>
      <c r="B11475" s="1" t="s">
        <v>8329</v>
      </c>
      <c r="C11475" s="1" t="s">
        <v>28939</v>
      </c>
      <c r="D11475" s="2">
        <v>164303</v>
      </c>
      <c r="E11475" s="1" t="s">
        <v>0</v>
      </c>
    </row>
    <row r="11476" spans="1:5" x14ac:dyDescent="0.25">
      <c r="A11476" s="1" t="s">
        <v>13588</v>
      </c>
      <c r="B11476" s="1" t="s">
        <v>60850</v>
      </c>
      <c r="C11476" s="1" t="s">
        <v>13589</v>
      </c>
      <c r="D11476" s="2">
        <v>164304</v>
      </c>
      <c r="E11476" s="1" t="s">
        <v>0</v>
      </c>
    </row>
    <row r="11477" spans="1:5" x14ac:dyDescent="0.25">
      <c r="A11477" s="2">
        <v>2295</v>
      </c>
      <c r="B11477" s="2">
        <v>2295</v>
      </c>
      <c r="C11477" s="1" t="s">
        <v>0</v>
      </c>
      <c r="D11477" s="2">
        <v>164305</v>
      </c>
      <c r="E11477" s="1" t="s">
        <v>0</v>
      </c>
    </row>
    <row r="11478" spans="1:5" x14ac:dyDescent="0.25">
      <c r="A11478" s="1" t="s">
        <v>2106</v>
      </c>
      <c r="B11478" s="1" t="s">
        <v>8330</v>
      </c>
      <c r="C11478" s="1" t="s">
        <v>28940</v>
      </c>
      <c r="D11478" s="2">
        <v>164306</v>
      </c>
      <c r="E11478" s="1" t="s">
        <v>0</v>
      </c>
    </row>
    <row r="11479" spans="1:5" x14ac:dyDescent="0.25">
      <c r="A11479" s="1" t="s">
        <v>28941</v>
      </c>
      <c r="B11479" s="1" t="s">
        <v>8331</v>
      </c>
      <c r="C11479" s="1" t="s">
        <v>28942</v>
      </c>
      <c r="D11479" s="2">
        <v>164307</v>
      </c>
      <c r="E11479" s="1" t="s">
        <v>0</v>
      </c>
    </row>
    <row r="11480" spans="1:5" ht="409.5" x14ac:dyDescent="0.25">
      <c r="A11480" s="4" t="s">
        <v>28943</v>
      </c>
      <c r="B11480" s="1" t="s">
        <v>8332</v>
      </c>
      <c r="C11480" s="1" t="s">
        <v>28944</v>
      </c>
      <c r="D11480" s="2">
        <v>164308</v>
      </c>
      <c r="E11480" s="1" t="s">
        <v>0</v>
      </c>
    </row>
    <row r="11481" spans="1:5" x14ac:dyDescent="0.25">
      <c r="A11481" s="1" t="s">
        <v>28945</v>
      </c>
      <c r="B11481" s="1" t="s">
        <v>53603</v>
      </c>
      <c r="C11481" s="1" t="s">
        <v>28946</v>
      </c>
      <c r="D11481" s="2">
        <v>164309</v>
      </c>
      <c r="E11481" s="1" t="s">
        <v>0</v>
      </c>
    </row>
    <row r="11482" spans="1:5" x14ac:dyDescent="0.25">
      <c r="A11482" s="2">
        <v>2296</v>
      </c>
      <c r="B11482" s="2">
        <v>2296</v>
      </c>
      <c r="C11482" s="1" t="s">
        <v>0</v>
      </c>
      <c r="D11482" s="2">
        <v>164310</v>
      </c>
      <c r="E11482" s="1" t="s">
        <v>0</v>
      </c>
    </row>
    <row r="11483" spans="1:5" x14ac:dyDescent="0.25">
      <c r="A11483" s="1" t="s">
        <v>2107</v>
      </c>
      <c r="B11483" s="1" t="s">
        <v>8333</v>
      </c>
      <c r="C11483" s="1" t="s">
        <v>28947</v>
      </c>
      <c r="D11483" s="2">
        <v>164311</v>
      </c>
      <c r="E11483" s="1" t="s">
        <v>0</v>
      </c>
    </row>
    <row r="11484" spans="1:5" x14ac:dyDescent="0.25">
      <c r="A11484" s="1" t="s">
        <v>28948</v>
      </c>
      <c r="B11484" s="1" t="s">
        <v>8334</v>
      </c>
      <c r="C11484" s="1" t="s">
        <v>28949</v>
      </c>
      <c r="D11484" s="2">
        <v>164312</v>
      </c>
      <c r="E11484" s="1" t="s">
        <v>0</v>
      </c>
    </row>
    <row r="11485" spans="1:5" ht="409.5" x14ac:dyDescent="0.25">
      <c r="A11485" s="4" t="s">
        <v>28950</v>
      </c>
      <c r="B11485" s="1" t="s">
        <v>63704</v>
      </c>
      <c r="C11485" s="1" t="s">
        <v>28951</v>
      </c>
      <c r="D11485" s="2">
        <v>164313</v>
      </c>
      <c r="E11485" s="1" t="s">
        <v>0</v>
      </c>
    </row>
    <row r="11486" spans="1:5" x14ac:dyDescent="0.25">
      <c r="A11486" s="1" t="s">
        <v>22433</v>
      </c>
      <c r="B11486" s="1" t="s">
        <v>52541</v>
      </c>
      <c r="C11486" s="1" t="s">
        <v>22434</v>
      </c>
      <c r="D11486" s="2">
        <v>164314</v>
      </c>
      <c r="E11486" s="1" t="s">
        <v>0</v>
      </c>
    </row>
    <row r="11487" spans="1:5" x14ac:dyDescent="0.25">
      <c r="A11487" s="2">
        <v>2297</v>
      </c>
      <c r="B11487" s="2">
        <v>2297</v>
      </c>
      <c r="C11487" s="1" t="s">
        <v>0</v>
      </c>
      <c r="D11487" s="2">
        <v>164315</v>
      </c>
      <c r="E11487" s="1" t="s">
        <v>0</v>
      </c>
    </row>
    <row r="11488" spans="1:5" x14ac:dyDescent="0.25">
      <c r="A11488" s="1" t="s">
        <v>2108</v>
      </c>
      <c r="B11488" s="1" t="s">
        <v>8335</v>
      </c>
      <c r="C11488" s="1" t="s">
        <v>28952</v>
      </c>
      <c r="D11488" s="2">
        <v>164316</v>
      </c>
      <c r="E11488" s="1" t="s">
        <v>0</v>
      </c>
    </row>
    <row r="11489" spans="1:5" x14ac:dyDescent="0.25">
      <c r="A11489" s="1" t="s">
        <v>28953</v>
      </c>
      <c r="B11489" s="1" t="s">
        <v>13119</v>
      </c>
      <c r="C11489" s="1" t="s">
        <v>28954</v>
      </c>
      <c r="D11489" s="2">
        <v>164317</v>
      </c>
      <c r="E11489" s="1" t="s">
        <v>0</v>
      </c>
    </row>
    <row r="11490" spans="1:5" ht="409.5" x14ac:dyDescent="0.25">
      <c r="A11490" s="4" t="s">
        <v>28955</v>
      </c>
      <c r="B11490" s="1" t="s">
        <v>28956</v>
      </c>
      <c r="C11490" s="1" t="s">
        <v>28957</v>
      </c>
      <c r="D11490" s="2">
        <v>164318</v>
      </c>
      <c r="E11490" s="1" t="s">
        <v>0</v>
      </c>
    </row>
    <row r="11491" spans="1:5" x14ac:dyDescent="0.25">
      <c r="A11491" s="1" t="s">
        <v>28958</v>
      </c>
      <c r="B11491" s="1" t="s">
        <v>8336</v>
      </c>
      <c r="C11491" s="1" t="s">
        <v>28959</v>
      </c>
      <c r="D11491" s="2">
        <v>164319</v>
      </c>
      <c r="E11491" s="1" t="s">
        <v>0</v>
      </c>
    </row>
    <row r="11492" spans="1:5" x14ac:dyDescent="0.25">
      <c r="A11492" s="2">
        <v>2298</v>
      </c>
      <c r="B11492" s="2">
        <v>2298</v>
      </c>
      <c r="C11492" s="1" t="s">
        <v>0</v>
      </c>
      <c r="D11492" s="2">
        <v>164320</v>
      </c>
      <c r="E11492" s="1" t="s">
        <v>0</v>
      </c>
    </row>
    <row r="11493" spans="1:5" x14ac:dyDescent="0.25">
      <c r="A11493" s="1" t="s">
        <v>28960</v>
      </c>
      <c r="B11493" s="1" t="s">
        <v>8337</v>
      </c>
      <c r="C11493" s="1" t="s">
        <v>28961</v>
      </c>
      <c r="D11493" s="2">
        <v>164321</v>
      </c>
      <c r="E11493" s="1" t="s">
        <v>0</v>
      </c>
    </row>
    <row r="11494" spans="1:5" x14ac:dyDescent="0.25">
      <c r="A11494" s="1" t="s">
        <v>28962</v>
      </c>
      <c r="B11494" s="1" t="s">
        <v>53604</v>
      </c>
      <c r="C11494" s="1" t="s">
        <v>28963</v>
      </c>
      <c r="D11494" s="2">
        <v>164322</v>
      </c>
      <c r="E11494" s="1" t="s">
        <v>0</v>
      </c>
    </row>
    <row r="11495" spans="1:5" ht="409.5" x14ac:dyDescent="0.25">
      <c r="A11495" s="4" t="s">
        <v>28964</v>
      </c>
      <c r="B11495" s="1" t="s">
        <v>53605</v>
      </c>
      <c r="C11495" s="1" t="s">
        <v>28965</v>
      </c>
      <c r="D11495" s="2">
        <v>164323</v>
      </c>
      <c r="E11495" s="1" t="s">
        <v>0</v>
      </c>
    </row>
    <row r="11496" spans="1:5" x14ac:dyDescent="0.25">
      <c r="A11496" s="1" t="s">
        <v>28966</v>
      </c>
      <c r="B11496" s="1" t="s">
        <v>53606</v>
      </c>
      <c r="C11496" s="1" t="s">
        <v>28967</v>
      </c>
      <c r="D11496" s="2">
        <v>164324</v>
      </c>
      <c r="E11496" s="1" t="s">
        <v>0</v>
      </c>
    </row>
    <row r="11497" spans="1:5" x14ac:dyDescent="0.25">
      <c r="A11497" s="2">
        <v>2299</v>
      </c>
      <c r="B11497" s="2">
        <v>2299</v>
      </c>
      <c r="C11497" s="1" t="s">
        <v>0</v>
      </c>
      <c r="D11497" s="2">
        <v>164325</v>
      </c>
      <c r="E11497" s="1" t="s">
        <v>0</v>
      </c>
    </row>
    <row r="11498" spans="1:5" x14ac:dyDescent="0.25">
      <c r="A11498" s="1" t="s">
        <v>2109</v>
      </c>
      <c r="B11498" s="1" t="s">
        <v>8338</v>
      </c>
      <c r="C11498" s="1" t="s">
        <v>28968</v>
      </c>
      <c r="D11498" s="2">
        <v>164326</v>
      </c>
      <c r="E11498" s="1" t="s">
        <v>0</v>
      </c>
    </row>
    <row r="11499" spans="1:5" x14ac:dyDescent="0.25">
      <c r="A11499" s="1" t="s">
        <v>28969</v>
      </c>
      <c r="B11499" s="1" t="s">
        <v>8339</v>
      </c>
      <c r="C11499" s="1" t="s">
        <v>28970</v>
      </c>
      <c r="D11499" s="2">
        <v>164327</v>
      </c>
      <c r="E11499" s="1" t="s">
        <v>0</v>
      </c>
    </row>
    <row r="11500" spans="1:5" ht="409.5" x14ac:dyDescent="0.25">
      <c r="A11500" s="4" t="s">
        <v>28971</v>
      </c>
      <c r="B11500" s="1" t="s">
        <v>8340</v>
      </c>
      <c r="C11500" s="1" t="s">
        <v>28972</v>
      </c>
      <c r="D11500" s="2">
        <v>164328</v>
      </c>
      <c r="E11500" s="1" t="s">
        <v>0</v>
      </c>
    </row>
    <row r="11501" spans="1:5" x14ac:dyDescent="0.25">
      <c r="A11501" s="1" t="s">
        <v>28973</v>
      </c>
      <c r="B11501" s="1" t="s">
        <v>8341</v>
      </c>
      <c r="C11501" s="1" t="s">
        <v>28974</v>
      </c>
      <c r="D11501" s="2">
        <v>164329</v>
      </c>
      <c r="E11501" s="1" t="s">
        <v>0</v>
      </c>
    </row>
    <row r="11502" spans="1:5" x14ac:dyDescent="0.25">
      <c r="A11502" s="2">
        <v>2300</v>
      </c>
      <c r="B11502" s="2">
        <v>2300</v>
      </c>
      <c r="C11502" s="1" t="s">
        <v>0</v>
      </c>
      <c r="D11502" s="2">
        <v>164330</v>
      </c>
      <c r="E11502" s="1" t="s">
        <v>0</v>
      </c>
    </row>
    <row r="11503" spans="1:5" x14ac:dyDescent="0.25">
      <c r="A11503" s="1" t="s">
        <v>2110</v>
      </c>
      <c r="B11503" s="1" t="s">
        <v>8342</v>
      </c>
      <c r="C11503" s="1" t="s">
        <v>28975</v>
      </c>
      <c r="D11503" s="2">
        <v>164331</v>
      </c>
      <c r="E11503" s="1" t="s">
        <v>0</v>
      </c>
    </row>
    <row r="11504" spans="1:5" x14ac:dyDescent="0.25">
      <c r="A11504" s="1" t="s">
        <v>28976</v>
      </c>
      <c r="B11504" s="1" t="s">
        <v>60426</v>
      </c>
      <c r="C11504" s="1" t="s">
        <v>28977</v>
      </c>
      <c r="D11504" s="2">
        <v>164332</v>
      </c>
      <c r="E11504" s="1" t="s">
        <v>0</v>
      </c>
    </row>
    <row r="11505" spans="1:5" ht="409.5" x14ac:dyDescent="0.25">
      <c r="A11505" s="4" t="s">
        <v>28978</v>
      </c>
      <c r="B11505" s="1" t="s">
        <v>60427</v>
      </c>
      <c r="C11505" s="1" t="s">
        <v>28979</v>
      </c>
      <c r="D11505" s="2">
        <v>164333</v>
      </c>
      <c r="E11505" s="1" t="s">
        <v>0</v>
      </c>
    </row>
    <row r="11506" spans="1:5" x14ac:dyDescent="0.25">
      <c r="A11506" s="1" t="s">
        <v>28980</v>
      </c>
      <c r="B11506" s="1" t="s">
        <v>8343</v>
      </c>
      <c r="C11506" s="1" t="s">
        <v>28981</v>
      </c>
      <c r="D11506" s="2">
        <v>164334</v>
      </c>
      <c r="E11506" s="1" t="s">
        <v>0</v>
      </c>
    </row>
    <row r="11507" spans="1:5" x14ac:dyDescent="0.25">
      <c r="A11507" s="2">
        <v>2301</v>
      </c>
      <c r="B11507" s="2">
        <v>2301</v>
      </c>
      <c r="C11507" s="1" t="s">
        <v>0</v>
      </c>
      <c r="D11507" s="2">
        <v>164335</v>
      </c>
      <c r="E11507" s="1" t="s">
        <v>0</v>
      </c>
    </row>
    <row r="11508" spans="1:5" x14ac:dyDescent="0.25">
      <c r="A11508" s="1" t="s">
        <v>2111</v>
      </c>
      <c r="B11508" s="1" t="s">
        <v>59604</v>
      </c>
      <c r="C11508" s="1" t="s">
        <v>28982</v>
      </c>
      <c r="D11508" s="2">
        <v>164336</v>
      </c>
      <c r="E11508" s="1" t="s">
        <v>0</v>
      </c>
    </row>
    <row r="11509" spans="1:5" x14ac:dyDescent="0.25">
      <c r="A11509" s="1" t="s">
        <v>28983</v>
      </c>
      <c r="B11509" s="1" t="s">
        <v>59605</v>
      </c>
      <c r="C11509" s="1" t="s">
        <v>28984</v>
      </c>
      <c r="D11509" s="2">
        <v>164337</v>
      </c>
      <c r="E11509" s="1" t="s">
        <v>0</v>
      </c>
    </row>
    <row r="11510" spans="1:5" ht="409.5" x14ac:dyDescent="0.25">
      <c r="A11510" s="4" t="s">
        <v>28985</v>
      </c>
      <c r="B11510" s="1" t="s">
        <v>59606</v>
      </c>
      <c r="C11510" s="1" t="s">
        <v>28986</v>
      </c>
      <c r="D11510" s="2">
        <v>164338</v>
      </c>
      <c r="E11510" s="1" t="s">
        <v>0</v>
      </c>
    </row>
    <row r="11511" spans="1:5" x14ac:dyDescent="0.25">
      <c r="A11511" s="1" t="s">
        <v>28987</v>
      </c>
      <c r="B11511" s="1" t="s">
        <v>59607</v>
      </c>
      <c r="C11511" s="1" t="s">
        <v>28988</v>
      </c>
      <c r="D11511" s="2">
        <v>164339</v>
      </c>
      <c r="E11511" s="1" t="s">
        <v>0</v>
      </c>
    </row>
    <row r="11512" spans="1:5" x14ac:dyDescent="0.25">
      <c r="A11512" s="2">
        <v>2302</v>
      </c>
      <c r="B11512" s="2">
        <v>2302</v>
      </c>
      <c r="C11512" s="1" t="s">
        <v>0</v>
      </c>
      <c r="D11512" s="2">
        <v>164340</v>
      </c>
      <c r="E11512" s="1" t="s">
        <v>0</v>
      </c>
    </row>
    <row r="11513" spans="1:5" x14ac:dyDescent="0.25">
      <c r="A11513" s="1" t="s">
        <v>2112</v>
      </c>
      <c r="B11513" s="1" t="s">
        <v>8344</v>
      </c>
      <c r="C11513" s="1" t="s">
        <v>28989</v>
      </c>
      <c r="D11513" s="2">
        <v>164341</v>
      </c>
      <c r="E11513" s="1" t="s">
        <v>0</v>
      </c>
    </row>
    <row r="11514" spans="1:5" x14ac:dyDescent="0.25">
      <c r="A11514" s="1" t="s">
        <v>28990</v>
      </c>
      <c r="B11514" s="1" t="s">
        <v>58357</v>
      </c>
      <c r="C11514" s="1" t="s">
        <v>28991</v>
      </c>
      <c r="D11514" s="2">
        <v>164342</v>
      </c>
      <c r="E11514" s="1" t="s">
        <v>0</v>
      </c>
    </row>
    <row r="11515" spans="1:5" ht="409.5" x14ac:dyDescent="0.25">
      <c r="A11515" s="4" t="s">
        <v>28992</v>
      </c>
      <c r="B11515" s="1" t="s">
        <v>59978</v>
      </c>
      <c r="C11515" s="1" t="s">
        <v>28993</v>
      </c>
      <c r="D11515" s="2">
        <v>164343</v>
      </c>
      <c r="E11515" s="1" t="s">
        <v>0</v>
      </c>
    </row>
    <row r="11516" spans="1:5" x14ac:dyDescent="0.25">
      <c r="A11516" s="1" t="s">
        <v>28994</v>
      </c>
      <c r="B11516" s="1" t="s">
        <v>50703</v>
      </c>
      <c r="C11516" s="1" t="s">
        <v>28995</v>
      </c>
      <c r="D11516" s="2">
        <v>164344</v>
      </c>
      <c r="E11516" s="1" t="s">
        <v>0</v>
      </c>
    </row>
    <row r="11517" spans="1:5" x14ac:dyDescent="0.25">
      <c r="A11517" s="2">
        <v>2303</v>
      </c>
      <c r="B11517" s="2">
        <v>2303</v>
      </c>
      <c r="C11517" s="1" t="s">
        <v>0</v>
      </c>
      <c r="D11517" s="2">
        <v>164345</v>
      </c>
      <c r="E11517" s="1" t="s">
        <v>0</v>
      </c>
    </row>
    <row r="11518" spans="1:5" x14ac:dyDescent="0.25">
      <c r="A11518" s="1" t="s">
        <v>2113</v>
      </c>
      <c r="B11518" s="1" t="s">
        <v>8345</v>
      </c>
      <c r="C11518" s="1" t="s">
        <v>28996</v>
      </c>
      <c r="D11518" s="2">
        <v>164346</v>
      </c>
      <c r="E11518" s="1" t="s">
        <v>0</v>
      </c>
    </row>
    <row r="11519" spans="1:5" x14ac:dyDescent="0.25">
      <c r="A11519" s="1" t="s">
        <v>28997</v>
      </c>
      <c r="B11519" s="1" t="s">
        <v>8346</v>
      </c>
      <c r="C11519" s="1" t="s">
        <v>28998</v>
      </c>
      <c r="D11519" s="2">
        <v>164347</v>
      </c>
      <c r="E11519" s="1" t="s">
        <v>0</v>
      </c>
    </row>
    <row r="11520" spans="1:5" ht="409.5" x14ac:dyDescent="0.25">
      <c r="A11520" s="4" t="s">
        <v>28999</v>
      </c>
      <c r="B11520" s="1" t="s">
        <v>62447</v>
      </c>
      <c r="C11520" s="1" t="s">
        <v>29000</v>
      </c>
      <c r="D11520" s="2">
        <v>164348</v>
      </c>
      <c r="E11520" s="1" t="s">
        <v>0</v>
      </c>
    </row>
    <row r="11521" spans="1:5" x14ac:dyDescent="0.25">
      <c r="A11521" s="1" t="s">
        <v>29001</v>
      </c>
      <c r="B11521" s="1" t="s">
        <v>53607</v>
      </c>
      <c r="C11521" s="1" t="s">
        <v>29002</v>
      </c>
      <c r="D11521" s="2">
        <v>164349</v>
      </c>
      <c r="E11521" s="1" t="s">
        <v>0</v>
      </c>
    </row>
    <row r="11522" spans="1:5" x14ac:dyDescent="0.25">
      <c r="A11522" s="2">
        <v>2304</v>
      </c>
      <c r="B11522" s="2">
        <v>2304</v>
      </c>
      <c r="C11522" s="1" t="s">
        <v>0</v>
      </c>
      <c r="D11522" s="2">
        <v>164350</v>
      </c>
      <c r="E11522" s="1" t="s">
        <v>0</v>
      </c>
    </row>
    <row r="11523" spans="1:5" x14ac:dyDescent="0.25">
      <c r="A11523" s="1" t="s">
        <v>13120</v>
      </c>
      <c r="B11523" s="1" t="s">
        <v>8347</v>
      </c>
      <c r="C11523" s="1" t="s">
        <v>29003</v>
      </c>
      <c r="D11523" s="2">
        <v>164351</v>
      </c>
      <c r="E11523" s="1" t="s">
        <v>0</v>
      </c>
    </row>
    <row r="11524" spans="1:5" x14ac:dyDescent="0.25">
      <c r="A11524" s="1" t="s">
        <v>29004</v>
      </c>
      <c r="B11524" s="1" t="s">
        <v>60603</v>
      </c>
      <c r="C11524" s="1" t="s">
        <v>29005</v>
      </c>
      <c r="D11524" s="2">
        <v>164352</v>
      </c>
      <c r="E11524" s="1" t="s">
        <v>0</v>
      </c>
    </row>
    <row r="11525" spans="1:5" ht="409.5" x14ac:dyDescent="0.25">
      <c r="A11525" s="4" t="s">
        <v>29006</v>
      </c>
      <c r="B11525" s="1" t="s">
        <v>60604</v>
      </c>
      <c r="C11525" s="1" t="s">
        <v>29007</v>
      </c>
      <c r="D11525" s="2">
        <v>164353</v>
      </c>
      <c r="E11525" s="1" t="s">
        <v>0</v>
      </c>
    </row>
    <row r="11526" spans="1:5" x14ac:dyDescent="0.25">
      <c r="A11526" s="1" t="s">
        <v>29008</v>
      </c>
      <c r="B11526" s="1" t="s">
        <v>61107</v>
      </c>
      <c r="C11526" s="1" t="s">
        <v>29009</v>
      </c>
      <c r="D11526" s="2">
        <v>164354</v>
      </c>
      <c r="E11526" s="1" t="s">
        <v>0</v>
      </c>
    </row>
    <row r="11527" spans="1:5" x14ac:dyDescent="0.25">
      <c r="A11527" s="2">
        <v>2305</v>
      </c>
      <c r="B11527" s="2">
        <v>2305</v>
      </c>
      <c r="C11527" s="1" t="s">
        <v>0</v>
      </c>
      <c r="D11527" s="2">
        <v>164355</v>
      </c>
      <c r="E11527" s="1" t="s">
        <v>0</v>
      </c>
    </row>
    <row r="11528" spans="1:5" x14ac:dyDescent="0.25">
      <c r="A11528" s="1" t="s">
        <v>2114</v>
      </c>
      <c r="B11528" s="1" t="s">
        <v>8348</v>
      </c>
      <c r="C11528" s="1" t="s">
        <v>29010</v>
      </c>
      <c r="D11528" s="2">
        <v>164356</v>
      </c>
      <c r="E11528" s="1" t="s">
        <v>0</v>
      </c>
    </row>
    <row r="11529" spans="1:5" x14ac:dyDescent="0.25">
      <c r="A11529" s="1" t="s">
        <v>29011</v>
      </c>
      <c r="B11529" s="1" t="s">
        <v>53608</v>
      </c>
      <c r="C11529" s="1" t="s">
        <v>29012</v>
      </c>
      <c r="D11529" s="2">
        <v>164357</v>
      </c>
      <c r="E11529" s="1" t="s">
        <v>0</v>
      </c>
    </row>
    <row r="11530" spans="1:5" ht="409.5" x14ac:dyDescent="0.25">
      <c r="A11530" s="4" t="s">
        <v>64157</v>
      </c>
      <c r="B11530" s="1" t="s">
        <v>58920</v>
      </c>
      <c r="C11530" s="1" t="s">
        <v>29013</v>
      </c>
      <c r="D11530" s="2">
        <v>164358</v>
      </c>
      <c r="E11530" s="1" t="s">
        <v>0</v>
      </c>
    </row>
    <row r="11531" spans="1:5" x14ac:dyDescent="0.25">
      <c r="A11531" s="1" t="s">
        <v>29014</v>
      </c>
      <c r="B11531" s="1" t="s">
        <v>8349</v>
      </c>
      <c r="C11531" s="1" t="s">
        <v>29015</v>
      </c>
      <c r="D11531" s="2">
        <v>164359</v>
      </c>
      <c r="E11531" s="1" t="s">
        <v>0</v>
      </c>
    </row>
    <row r="11532" spans="1:5" x14ac:dyDescent="0.25">
      <c r="A11532" s="2">
        <v>2306</v>
      </c>
      <c r="B11532" s="2">
        <v>2306</v>
      </c>
      <c r="C11532" s="1" t="s">
        <v>0</v>
      </c>
      <c r="D11532" s="2">
        <v>164360</v>
      </c>
      <c r="E11532" s="1" t="s">
        <v>0</v>
      </c>
    </row>
    <row r="11533" spans="1:5" x14ac:dyDescent="0.25">
      <c r="A11533" s="1" t="s">
        <v>2115</v>
      </c>
      <c r="B11533" s="1" t="s">
        <v>8350</v>
      </c>
      <c r="C11533" s="1" t="s">
        <v>29016</v>
      </c>
      <c r="D11533" s="2">
        <v>164361</v>
      </c>
      <c r="E11533" s="1" t="s">
        <v>0</v>
      </c>
    </row>
    <row r="11534" spans="1:5" x14ac:dyDescent="0.25">
      <c r="A11534" s="1" t="s">
        <v>29017</v>
      </c>
      <c r="B11534" s="1" t="s">
        <v>29018</v>
      </c>
      <c r="C11534" s="1" t="s">
        <v>29019</v>
      </c>
      <c r="D11534" s="2">
        <v>164362</v>
      </c>
      <c r="E11534" s="1" t="s">
        <v>0</v>
      </c>
    </row>
    <row r="11535" spans="1:5" ht="409.5" x14ac:dyDescent="0.25">
      <c r="A11535" s="4" t="s">
        <v>29020</v>
      </c>
      <c r="B11535" s="1" t="s">
        <v>53609</v>
      </c>
      <c r="C11535" s="1" t="s">
        <v>29021</v>
      </c>
      <c r="D11535" s="2">
        <v>164363</v>
      </c>
      <c r="E11535" s="1" t="s">
        <v>0</v>
      </c>
    </row>
    <row r="11536" spans="1:5" x14ac:dyDescent="0.25">
      <c r="A11536" s="1" t="s">
        <v>29022</v>
      </c>
      <c r="B11536" s="1" t="s">
        <v>57214</v>
      </c>
      <c r="C11536" s="1" t="s">
        <v>29023</v>
      </c>
      <c r="D11536" s="2">
        <v>164364</v>
      </c>
      <c r="E11536" s="1" t="s">
        <v>0</v>
      </c>
    </row>
    <row r="11537" spans="1:5" x14ac:dyDescent="0.25">
      <c r="A11537" s="2">
        <v>2307</v>
      </c>
      <c r="B11537" s="2">
        <v>2307</v>
      </c>
      <c r="C11537" s="1" t="s">
        <v>0</v>
      </c>
      <c r="D11537" s="2">
        <v>164365</v>
      </c>
      <c r="E11537" s="1" t="s">
        <v>0</v>
      </c>
    </row>
    <row r="11538" spans="1:5" x14ac:dyDescent="0.25">
      <c r="A11538" s="1" t="s">
        <v>8351</v>
      </c>
      <c r="B11538" s="1" t="s">
        <v>8352</v>
      </c>
      <c r="C11538" s="1" t="s">
        <v>29024</v>
      </c>
      <c r="D11538" s="2">
        <v>164366</v>
      </c>
      <c r="E11538" s="1" t="s">
        <v>0</v>
      </c>
    </row>
    <row r="11539" spans="1:5" x14ac:dyDescent="0.25">
      <c r="A11539" s="1" t="s">
        <v>29025</v>
      </c>
      <c r="B11539" s="1" t="s">
        <v>8353</v>
      </c>
      <c r="C11539" s="1" t="s">
        <v>29026</v>
      </c>
      <c r="D11539" s="2">
        <v>164367</v>
      </c>
      <c r="E11539" s="1" t="s">
        <v>0</v>
      </c>
    </row>
    <row r="11540" spans="1:5" ht="409.5" x14ac:dyDescent="0.25">
      <c r="A11540" s="4" t="s">
        <v>29027</v>
      </c>
      <c r="B11540" s="1" t="s">
        <v>53610</v>
      </c>
      <c r="C11540" s="1" t="s">
        <v>29028</v>
      </c>
      <c r="D11540" s="2">
        <v>164368</v>
      </c>
      <c r="E11540" s="1" t="s">
        <v>0</v>
      </c>
    </row>
    <row r="11541" spans="1:5" x14ac:dyDescent="0.25">
      <c r="A11541" s="1" t="s">
        <v>29029</v>
      </c>
      <c r="B11541" s="1" t="s">
        <v>8354</v>
      </c>
      <c r="C11541" s="1" t="s">
        <v>29030</v>
      </c>
      <c r="D11541" s="2">
        <v>164369</v>
      </c>
      <c r="E11541" s="1" t="s">
        <v>0</v>
      </c>
    </row>
    <row r="11542" spans="1:5" x14ac:dyDescent="0.25">
      <c r="A11542" s="2">
        <v>2308</v>
      </c>
      <c r="B11542" s="2">
        <v>2308</v>
      </c>
      <c r="C11542" s="1" t="s">
        <v>0</v>
      </c>
      <c r="D11542" s="2">
        <v>164370</v>
      </c>
      <c r="E11542" s="1" t="s">
        <v>0</v>
      </c>
    </row>
    <row r="11543" spans="1:5" x14ac:dyDescent="0.25">
      <c r="A11543" s="1" t="s">
        <v>2116</v>
      </c>
      <c r="B11543" s="1" t="s">
        <v>8355</v>
      </c>
      <c r="C11543" s="1" t="s">
        <v>29031</v>
      </c>
      <c r="D11543" s="2">
        <v>164371</v>
      </c>
      <c r="E11543" s="1" t="s">
        <v>0</v>
      </c>
    </row>
    <row r="11544" spans="1:5" x14ac:dyDescent="0.25">
      <c r="A11544" s="1" t="s">
        <v>29032</v>
      </c>
      <c r="B11544" s="1" t="s">
        <v>62448</v>
      </c>
      <c r="C11544" s="1" t="s">
        <v>29033</v>
      </c>
      <c r="D11544" s="2">
        <v>164372</v>
      </c>
      <c r="E11544" s="1" t="s">
        <v>0</v>
      </c>
    </row>
    <row r="11545" spans="1:5" ht="409.5" x14ac:dyDescent="0.25">
      <c r="A11545" s="4" t="s">
        <v>29034</v>
      </c>
      <c r="B11545" s="1" t="s">
        <v>62449</v>
      </c>
      <c r="C11545" s="1" t="s">
        <v>29035</v>
      </c>
      <c r="D11545" s="2">
        <v>164373</v>
      </c>
      <c r="E11545" s="1" t="s">
        <v>0</v>
      </c>
    </row>
    <row r="11546" spans="1:5" x14ac:dyDescent="0.25">
      <c r="A11546" s="1" t="s">
        <v>29036</v>
      </c>
      <c r="B11546" s="1" t="s">
        <v>57512</v>
      </c>
      <c r="C11546" s="1" t="s">
        <v>29037</v>
      </c>
      <c r="D11546" s="2">
        <v>164374</v>
      </c>
      <c r="E11546" s="1" t="s">
        <v>0</v>
      </c>
    </row>
    <row r="11547" spans="1:5" x14ac:dyDescent="0.25">
      <c r="A11547" s="2">
        <v>2309</v>
      </c>
      <c r="B11547" s="2">
        <v>2309</v>
      </c>
      <c r="C11547" s="1" t="s">
        <v>0</v>
      </c>
      <c r="D11547" s="2">
        <v>164375</v>
      </c>
      <c r="E11547" s="1" t="s">
        <v>0</v>
      </c>
    </row>
    <row r="11548" spans="1:5" x14ac:dyDescent="0.25">
      <c r="A11548" s="1" t="s">
        <v>2117</v>
      </c>
      <c r="B11548" s="1" t="s">
        <v>8356</v>
      </c>
      <c r="C11548" s="1" t="s">
        <v>29038</v>
      </c>
      <c r="D11548" s="2">
        <v>164376</v>
      </c>
      <c r="E11548" s="1" t="s">
        <v>0</v>
      </c>
    </row>
    <row r="11549" spans="1:5" x14ac:dyDescent="0.25">
      <c r="A11549" s="1" t="s">
        <v>29039</v>
      </c>
      <c r="B11549" s="1" t="s">
        <v>61108</v>
      </c>
      <c r="C11549" s="1" t="s">
        <v>29040</v>
      </c>
      <c r="D11549" s="2">
        <v>164377</v>
      </c>
      <c r="E11549" s="1" t="s">
        <v>0</v>
      </c>
    </row>
    <row r="11550" spans="1:5" ht="409.5" x14ac:dyDescent="0.25">
      <c r="A11550" s="4" t="s">
        <v>29041</v>
      </c>
      <c r="B11550" s="1" t="s">
        <v>63331</v>
      </c>
      <c r="C11550" s="1" t="s">
        <v>29042</v>
      </c>
      <c r="D11550" s="2">
        <v>164378</v>
      </c>
      <c r="E11550" s="1" t="s">
        <v>0</v>
      </c>
    </row>
    <row r="11551" spans="1:5" x14ac:dyDescent="0.25">
      <c r="A11551" s="1" t="s">
        <v>29043</v>
      </c>
      <c r="B11551" s="1" t="s">
        <v>53611</v>
      </c>
      <c r="C11551" s="1" t="s">
        <v>29044</v>
      </c>
      <c r="D11551" s="2">
        <v>164379</v>
      </c>
      <c r="E11551" s="1" t="s">
        <v>0</v>
      </c>
    </row>
    <row r="11552" spans="1:5" x14ac:dyDescent="0.25">
      <c r="A11552" s="2">
        <v>2310</v>
      </c>
      <c r="B11552" s="2">
        <v>2310</v>
      </c>
      <c r="C11552" s="1" t="s">
        <v>0</v>
      </c>
      <c r="D11552" s="2">
        <v>164380</v>
      </c>
      <c r="E11552" s="1" t="s">
        <v>0</v>
      </c>
    </row>
    <row r="11553" spans="1:5" x14ac:dyDescent="0.25">
      <c r="A11553" s="1" t="s">
        <v>2118</v>
      </c>
      <c r="B11553" s="1" t="s">
        <v>8357</v>
      </c>
      <c r="C11553" s="1" t="s">
        <v>29045</v>
      </c>
      <c r="D11553" s="2">
        <v>164381</v>
      </c>
      <c r="E11553" s="1" t="s">
        <v>0</v>
      </c>
    </row>
    <row r="11554" spans="1:5" x14ac:dyDescent="0.25">
      <c r="A11554" s="1" t="s">
        <v>29046</v>
      </c>
      <c r="B11554" s="1" t="s">
        <v>53612</v>
      </c>
      <c r="C11554" s="1" t="s">
        <v>29047</v>
      </c>
      <c r="D11554" s="2">
        <v>164382</v>
      </c>
      <c r="E11554" s="1" t="s">
        <v>0</v>
      </c>
    </row>
    <row r="11555" spans="1:5" ht="409.5" x14ac:dyDescent="0.25">
      <c r="A11555" s="4" t="s">
        <v>29048</v>
      </c>
      <c r="B11555" s="1" t="s">
        <v>59608</v>
      </c>
      <c r="C11555" s="1" t="s">
        <v>29049</v>
      </c>
      <c r="D11555" s="2">
        <v>164383</v>
      </c>
      <c r="E11555" s="1" t="s">
        <v>0</v>
      </c>
    </row>
    <row r="11556" spans="1:5" x14ac:dyDescent="0.25">
      <c r="A11556" s="1" t="s">
        <v>29050</v>
      </c>
      <c r="B11556" s="1" t="s">
        <v>53613</v>
      </c>
      <c r="C11556" s="1" t="s">
        <v>29051</v>
      </c>
      <c r="D11556" s="2">
        <v>164384</v>
      </c>
      <c r="E11556" s="1" t="s">
        <v>0</v>
      </c>
    </row>
    <row r="11557" spans="1:5" x14ac:dyDescent="0.25">
      <c r="A11557" s="2">
        <v>2311</v>
      </c>
      <c r="B11557" s="2">
        <v>2311</v>
      </c>
      <c r="C11557" s="1" t="s">
        <v>0</v>
      </c>
      <c r="D11557" s="2">
        <v>164385</v>
      </c>
      <c r="E11557" s="1" t="s">
        <v>0</v>
      </c>
    </row>
    <row r="11558" spans="1:5" x14ac:dyDescent="0.25">
      <c r="A11558" s="1" t="s">
        <v>8358</v>
      </c>
      <c r="B11558" s="1" t="s">
        <v>8359</v>
      </c>
      <c r="C11558" s="1" t="s">
        <v>29052</v>
      </c>
      <c r="D11558" s="2">
        <v>164386</v>
      </c>
      <c r="E11558" s="1" t="s">
        <v>0</v>
      </c>
    </row>
    <row r="11559" spans="1:5" x14ac:dyDescent="0.25">
      <c r="A11559" s="1" t="s">
        <v>29053</v>
      </c>
      <c r="B11559" s="1" t="s">
        <v>8360</v>
      </c>
      <c r="C11559" s="1" t="s">
        <v>29054</v>
      </c>
      <c r="D11559" s="2">
        <v>164387</v>
      </c>
      <c r="E11559" s="1" t="s">
        <v>0</v>
      </c>
    </row>
    <row r="11560" spans="1:5" ht="409.5" x14ac:dyDescent="0.25">
      <c r="A11560" s="4" t="s">
        <v>29055</v>
      </c>
      <c r="B11560" s="1" t="s">
        <v>8361</v>
      </c>
      <c r="C11560" s="1" t="s">
        <v>29056</v>
      </c>
      <c r="D11560" s="2">
        <v>164388</v>
      </c>
      <c r="E11560" s="1" t="s">
        <v>0</v>
      </c>
    </row>
    <row r="11561" spans="1:5" x14ac:dyDescent="0.25">
      <c r="A11561" s="1" t="s">
        <v>29057</v>
      </c>
      <c r="B11561" s="1" t="s">
        <v>53614</v>
      </c>
      <c r="C11561" s="1" t="s">
        <v>29058</v>
      </c>
      <c r="D11561" s="2">
        <v>164389</v>
      </c>
      <c r="E11561" s="1" t="s">
        <v>0</v>
      </c>
    </row>
    <row r="11562" spans="1:5" x14ac:dyDescent="0.25">
      <c r="A11562" s="2">
        <v>2312</v>
      </c>
      <c r="B11562" s="2">
        <v>2312</v>
      </c>
      <c r="C11562" s="1" t="s">
        <v>0</v>
      </c>
      <c r="D11562" s="2">
        <v>164390</v>
      </c>
      <c r="E11562" s="1" t="s">
        <v>0</v>
      </c>
    </row>
    <row r="11563" spans="1:5" x14ac:dyDescent="0.25">
      <c r="A11563" s="1" t="s">
        <v>2119</v>
      </c>
      <c r="B11563" s="1" t="s">
        <v>8362</v>
      </c>
      <c r="C11563" s="1" t="s">
        <v>29059</v>
      </c>
      <c r="D11563" s="2">
        <v>164391</v>
      </c>
      <c r="E11563" s="1" t="s">
        <v>0</v>
      </c>
    </row>
    <row r="11564" spans="1:5" x14ac:dyDescent="0.25">
      <c r="A11564" s="1" t="s">
        <v>29060</v>
      </c>
      <c r="B11564" s="1" t="s">
        <v>53615</v>
      </c>
      <c r="C11564" s="1" t="s">
        <v>29061</v>
      </c>
      <c r="D11564" s="2">
        <v>164392</v>
      </c>
      <c r="E11564" s="1" t="s">
        <v>0</v>
      </c>
    </row>
    <row r="11565" spans="1:5" ht="409.5" x14ac:dyDescent="0.25">
      <c r="A11565" s="4" t="s">
        <v>29062</v>
      </c>
      <c r="B11565" s="1" t="s">
        <v>59979</v>
      </c>
      <c r="C11565" s="1" t="s">
        <v>29063</v>
      </c>
      <c r="D11565" s="2">
        <v>164393</v>
      </c>
      <c r="E11565" s="1" t="s">
        <v>0</v>
      </c>
    </row>
    <row r="11566" spans="1:5" x14ac:dyDescent="0.25">
      <c r="A11566" s="1" t="s">
        <v>29064</v>
      </c>
      <c r="B11566" s="1" t="s">
        <v>8363</v>
      </c>
      <c r="C11566" s="1" t="s">
        <v>29065</v>
      </c>
      <c r="D11566" s="2">
        <v>164394</v>
      </c>
      <c r="E11566" s="1" t="s">
        <v>0</v>
      </c>
    </row>
    <row r="11567" spans="1:5" x14ac:dyDescent="0.25">
      <c r="A11567" s="2">
        <v>2313</v>
      </c>
      <c r="B11567" s="2">
        <v>2313</v>
      </c>
      <c r="C11567" s="1" t="s">
        <v>0</v>
      </c>
      <c r="D11567" s="2">
        <v>164395</v>
      </c>
      <c r="E11567" s="1" t="s">
        <v>0</v>
      </c>
    </row>
    <row r="11568" spans="1:5" x14ac:dyDescent="0.25">
      <c r="A11568" s="1" t="s">
        <v>2120</v>
      </c>
      <c r="B11568" s="1" t="s">
        <v>8364</v>
      </c>
      <c r="C11568" s="1" t="s">
        <v>29066</v>
      </c>
      <c r="D11568" s="2">
        <v>164396</v>
      </c>
      <c r="E11568" s="1" t="s">
        <v>0</v>
      </c>
    </row>
    <row r="11569" spans="1:5" x14ac:dyDescent="0.25">
      <c r="A11569" s="1" t="s">
        <v>29067</v>
      </c>
      <c r="B11569" s="1" t="s">
        <v>53616</v>
      </c>
      <c r="C11569" s="1" t="s">
        <v>29068</v>
      </c>
      <c r="D11569" s="2">
        <v>164397</v>
      </c>
      <c r="E11569" s="1" t="s">
        <v>0</v>
      </c>
    </row>
    <row r="11570" spans="1:5" ht="409.5" x14ac:dyDescent="0.25">
      <c r="A11570" s="4" t="s">
        <v>29069</v>
      </c>
      <c r="B11570" s="1" t="s">
        <v>62450</v>
      </c>
      <c r="C11570" s="1" t="s">
        <v>29070</v>
      </c>
      <c r="D11570" s="2">
        <v>164398</v>
      </c>
      <c r="E11570" s="1" t="s">
        <v>0</v>
      </c>
    </row>
    <row r="11571" spans="1:5" x14ac:dyDescent="0.25">
      <c r="A11571" s="1" t="s">
        <v>29071</v>
      </c>
      <c r="B11571" s="1" t="s">
        <v>8365</v>
      </c>
      <c r="C11571" s="1" t="s">
        <v>29072</v>
      </c>
      <c r="D11571" s="2">
        <v>164399</v>
      </c>
      <c r="E11571" s="1" t="s">
        <v>0</v>
      </c>
    </row>
    <row r="11572" spans="1:5" x14ac:dyDescent="0.25">
      <c r="A11572" s="2">
        <v>2314</v>
      </c>
      <c r="B11572" s="2">
        <v>2314</v>
      </c>
      <c r="C11572" s="1" t="s">
        <v>0</v>
      </c>
      <c r="D11572" s="2">
        <v>164400</v>
      </c>
      <c r="E11572" s="1" t="s">
        <v>0</v>
      </c>
    </row>
    <row r="11573" spans="1:5" x14ac:dyDescent="0.25">
      <c r="A11573" s="1" t="s">
        <v>2121</v>
      </c>
      <c r="B11573" s="1" t="s">
        <v>8366</v>
      </c>
      <c r="C11573" s="1" t="s">
        <v>29073</v>
      </c>
      <c r="D11573" s="2">
        <v>164401</v>
      </c>
      <c r="E11573" s="1" t="s">
        <v>0</v>
      </c>
    </row>
    <row r="11574" spans="1:5" x14ac:dyDescent="0.25">
      <c r="A11574" s="1" t="s">
        <v>29074</v>
      </c>
      <c r="B11574" s="1" t="s">
        <v>59021</v>
      </c>
      <c r="C11574" s="1" t="s">
        <v>29075</v>
      </c>
      <c r="D11574" s="2">
        <v>164402</v>
      </c>
      <c r="E11574" s="1" t="s">
        <v>0</v>
      </c>
    </row>
    <row r="11575" spans="1:5" ht="409.5" x14ac:dyDescent="0.25">
      <c r="A11575" s="4" t="s">
        <v>29076</v>
      </c>
      <c r="B11575" s="1" t="s">
        <v>59022</v>
      </c>
      <c r="C11575" s="1" t="s">
        <v>29077</v>
      </c>
      <c r="D11575" s="2">
        <v>164403</v>
      </c>
      <c r="E11575" s="1" t="s">
        <v>0</v>
      </c>
    </row>
    <row r="11576" spans="1:5" x14ac:dyDescent="0.25">
      <c r="A11576" s="1" t="s">
        <v>29078</v>
      </c>
      <c r="B11576" s="1" t="s">
        <v>8367</v>
      </c>
      <c r="C11576" s="1" t="s">
        <v>29079</v>
      </c>
      <c r="D11576" s="2">
        <v>164404</v>
      </c>
      <c r="E11576" s="1" t="s">
        <v>0</v>
      </c>
    </row>
    <row r="11577" spans="1:5" x14ac:dyDescent="0.25">
      <c r="A11577" s="2">
        <v>2315</v>
      </c>
      <c r="B11577" s="2">
        <v>2315</v>
      </c>
      <c r="C11577" s="1" t="s">
        <v>0</v>
      </c>
      <c r="D11577" s="2">
        <v>164405</v>
      </c>
      <c r="E11577" s="1" t="s">
        <v>0</v>
      </c>
    </row>
    <row r="11578" spans="1:5" x14ac:dyDescent="0.25">
      <c r="A11578" s="1" t="s">
        <v>2122</v>
      </c>
      <c r="B11578" s="1" t="s">
        <v>8368</v>
      </c>
      <c r="C11578" s="1" t="s">
        <v>29080</v>
      </c>
      <c r="D11578" s="2">
        <v>164406</v>
      </c>
      <c r="E11578" s="1" t="s">
        <v>0</v>
      </c>
    </row>
    <row r="11579" spans="1:5" x14ac:dyDescent="0.25">
      <c r="A11579" s="1" t="s">
        <v>29081</v>
      </c>
      <c r="B11579" s="1" t="s">
        <v>8369</v>
      </c>
      <c r="C11579" s="1" t="s">
        <v>29082</v>
      </c>
      <c r="D11579" s="2">
        <v>164407</v>
      </c>
      <c r="E11579" s="1" t="s">
        <v>0</v>
      </c>
    </row>
    <row r="11580" spans="1:5" ht="409.5" x14ac:dyDescent="0.25">
      <c r="A11580" s="4" t="s">
        <v>29083</v>
      </c>
      <c r="B11580" s="1" t="s">
        <v>57513</v>
      </c>
      <c r="C11580" s="1" t="s">
        <v>29084</v>
      </c>
      <c r="D11580" s="2">
        <v>164408</v>
      </c>
      <c r="E11580" s="1" t="s">
        <v>0</v>
      </c>
    </row>
    <row r="11581" spans="1:5" x14ac:dyDescent="0.25">
      <c r="A11581" s="1" t="s">
        <v>29085</v>
      </c>
      <c r="B11581" s="1" t="s">
        <v>53617</v>
      </c>
      <c r="C11581" s="1" t="s">
        <v>29086</v>
      </c>
      <c r="D11581" s="2">
        <v>164409</v>
      </c>
      <c r="E11581" s="1" t="s">
        <v>0</v>
      </c>
    </row>
    <row r="11582" spans="1:5" x14ac:dyDescent="0.25">
      <c r="A11582" s="2">
        <v>2316</v>
      </c>
      <c r="B11582" s="2">
        <v>2316</v>
      </c>
      <c r="C11582" s="1" t="s">
        <v>0</v>
      </c>
      <c r="D11582" s="2">
        <v>164410</v>
      </c>
      <c r="E11582" s="1" t="s">
        <v>0</v>
      </c>
    </row>
    <row r="11583" spans="1:5" x14ac:dyDescent="0.25">
      <c r="A11583" s="1" t="s">
        <v>2123</v>
      </c>
      <c r="B11583" s="1" t="s">
        <v>8370</v>
      </c>
      <c r="C11583" s="1" t="s">
        <v>29087</v>
      </c>
      <c r="D11583" s="2">
        <v>164411</v>
      </c>
      <c r="E11583" s="1" t="s">
        <v>0</v>
      </c>
    </row>
    <row r="11584" spans="1:5" x14ac:dyDescent="0.25">
      <c r="A11584" s="1" t="s">
        <v>29088</v>
      </c>
      <c r="B11584" s="1" t="s">
        <v>8371</v>
      </c>
      <c r="C11584" s="1" t="s">
        <v>29089</v>
      </c>
      <c r="D11584" s="2">
        <v>164412</v>
      </c>
      <c r="E11584" s="1" t="s">
        <v>0</v>
      </c>
    </row>
    <row r="11585" spans="1:5" ht="409.5" x14ac:dyDescent="0.25">
      <c r="A11585" s="4" t="s">
        <v>29090</v>
      </c>
      <c r="B11585" s="1" t="s">
        <v>62451</v>
      </c>
      <c r="C11585" s="1" t="s">
        <v>29091</v>
      </c>
      <c r="D11585" s="2">
        <v>164413</v>
      </c>
      <c r="E11585" s="1" t="s">
        <v>0</v>
      </c>
    </row>
    <row r="11586" spans="1:5" x14ac:dyDescent="0.25">
      <c r="A11586" s="1" t="s">
        <v>29092</v>
      </c>
      <c r="B11586" s="1" t="s">
        <v>53618</v>
      </c>
      <c r="C11586" s="1" t="s">
        <v>29093</v>
      </c>
      <c r="D11586" s="2">
        <v>164414</v>
      </c>
      <c r="E11586" s="1" t="s">
        <v>0</v>
      </c>
    </row>
    <row r="11587" spans="1:5" x14ac:dyDescent="0.25">
      <c r="A11587" s="2">
        <v>2317</v>
      </c>
      <c r="B11587" s="2">
        <v>2317</v>
      </c>
      <c r="C11587" s="1" t="s">
        <v>0</v>
      </c>
      <c r="D11587" s="2">
        <v>164415</v>
      </c>
      <c r="E11587" s="1" t="s">
        <v>0</v>
      </c>
    </row>
    <row r="11588" spans="1:5" x14ac:dyDescent="0.25">
      <c r="A11588" s="1" t="s">
        <v>2124</v>
      </c>
      <c r="B11588" s="1" t="s">
        <v>8372</v>
      </c>
      <c r="C11588" s="1" t="s">
        <v>29094</v>
      </c>
      <c r="D11588" s="2">
        <v>164416</v>
      </c>
      <c r="E11588" s="1" t="s">
        <v>0</v>
      </c>
    </row>
    <row r="11589" spans="1:5" x14ac:dyDescent="0.25">
      <c r="A11589" s="1" t="s">
        <v>29095</v>
      </c>
      <c r="B11589" s="1" t="s">
        <v>53619</v>
      </c>
      <c r="C11589" s="1" t="s">
        <v>29096</v>
      </c>
      <c r="D11589" s="2">
        <v>164417</v>
      </c>
      <c r="E11589" s="1" t="s">
        <v>0</v>
      </c>
    </row>
    <row r="11590" spans="1:5" ht="409.5" x14ac:dyDescent="0.25">
      <c r="A11590" s="4" t="s">
        <v>29097</v>
      </c>
      <c r="B11590" s="1" t="s">
        <v>58358</v>
      </c>
      <c r="C11590" s="1" t="s">
        <v>29098</v>
      </c>
      <c r="D11590" s="2">
        <v>164418</v>
      </c>
      <c r="E11590" s="1" t="s">
        <v>0</v>
      </c>
    </row>
    <row r="11591" spans="1:5" x14ac:dyDescent="0.25">
      <c r="A11591" s="1" t="s">
        <v>29099</v>
      </c>
      <c r="B11591" s="1" t="s">
        <v>8373</v>
      </c>
      <c r="C11591" s="1" t="s">
        <v>29100</v>
      </c>
      <c r="D11591" s="2">
        <v>164419</v>
      </c>
      <c r="E11591" s="1" t="s">
        <v>0</v>
      </c>
    </row>
    <row r="11592" spans="1:5" x14ac:dyDescent="0.25">
      <c r="A11592" s="2">
        <v>2318</v>
      </c>
      <c r="B11592" s="2">
        <v>2318</v>
      </c>
      <c r="C11592" s="1" t="s">
        <v>0</v>
      </c>
      <c r="D11592" s="2">
        <v>164420</v>
      </c>
      <c r="E11592" s="1" t="s">
        <v>0</v>
      </c>
    </row>
    <row r="11593" spans="1:5" x14ac:dyDescent="0.25">
      <c r="A11593" s="1" t="s">
        <v>2125</v>
      </c>
      <c r="B11593" s="1" t="s">
        <v>8374</v>
      </c>
      <c r="C11593" s="1" t="s">
        <v>29101</v>
      </c>
      <c r="D11593" s="2">
        <v>164421</v>
      </c>
      <c r="E11593" s="1" t="s">
        <v>0</v>
      </c>
    </row>
    <row r="11594" spans="1:5" x14ac:dyDescent="0.25">
      <c r="A11594" s="1" t="s">
        <v>29102</v>
      </c>
      <c r="B11594" s="1" t="s">
        <v>60821</v>
      </c>
      <c r="C11594" s="1" t="s">
        <v>29103</v>
      </c>
      <c r="D11594" s="2">
        <v>164422</v>
      </c>
      <c r="E11594" s="1" t="s">
        <v>0</v>
      </c>
    </row>
    <row r="11595" spans="1:5" ht="409.5" x14ac:dyDescent="0.25">
      <c r="A11595" s="4" t="s">
        <v>29104</v>
      </c>
      <c r="B11595" s="1" t="s">
        <v>60822</v>
      </c>
      <c r="C11595" s="1" t="s">
        <v>29105</v>
      </c>
      <c r="D11595" s="2">
        <v>164423</v>
      </c>
      <c r="E11595" s="1" t="s">
        <v>0</v>
      </c>
    </row>
    <row r="11596" spans="1:5" x14ac:dyDescent="0.25">
      <c r="A11596" s="1" t="s">
        <v>29106</v>
      </c>
      <c r="B11596" s="1" t="s">
        <v>53620</v>
      </c>
      <c r="C11596" s="1" t="s">
        <v>29107</v>
      </c>
      <c r="D11596" s="2">
        <v>164424</v>
      </c>
      <c r="E11596" s="1" t="s">
        <v>0</v>
      </c>
    </row>
    <row r="11597" spans="1:5" x14ac:dyDescent="0.25">
      <c r="A11597" s="2">
        <v>2319</v>
      </c>
      <c r="B11597" s="2">
        <v>2319</v>
      </c>
      <c r="C11597" s="1" t="s">
        <v>0</v>
      </c>
      <c r="D11597" s="2">
        <v>164425</v>
      </c>
      <c r="E11597" s="1" t="s">
        <v>0</v>
      </c>
    </row>
    <row r="11598" spans="1:5" x14ac:dyDescent="0.25">
      <c r="A11598" s="1" t="s">
        <v>2126</v>
      </c>
      <c r="B11598" s="1" t="s">
        <v>8375</v>
      </c>
      <c r="C11598" s="1" t="s">
        <v>29108</v>
      </c>
      <c r="D11598" s="2">
        <v>164426</v>
      </c>
      <c r="E11598" s="1" t="s">
        <v>0</v>
      </c>
    </row>
    <row r="11599" spans="1:5" x14ac:dyDescent="0.25">
      <c r="A11599" s="1" t="s">
        <v>29109</v>
      </c>
      <c r="B11599" s="1" t="s">
        <v>8376</v>
      </c>
      <c r="C11599" s="1" t="s">
        <v>29110</v>
      </c>
      <c r="D11599" s="2">
        <v>164427</v>
      </c>
      <c r="E11599" s="1" t="s">
        <v>0</v>
      </c>
    </row>
    <row r="11600" spans="1:5" ht="409.5" x14ac:dyDescent="0.25">
      <c r="A11600" s="4" t="s">
        <v>29111</v>
      </c>
      <c r="B11600" s="1" t="s">
        <v>62452</v>
      </c>
      <c r="C11600" s="1" t="s">
        <v>29112</v>
      </c>
      <c r="D11600" s="2">
        <v>164428</v>
      </c>
      <c r="E11600" s="1" t="s">
        <v>0</v>
      </c>
    </row>
    <row r="11601" spans="1:5" x14ac:dyDescent="0.25">
      <c r="A11601" s="1" t="s">
        <v>29113</v>
      </c>
      <c r="B11601" s="1" t="s">
        <v>53621</v>
      </c>
      <c r="C11601" s="1" t="s">
        <v>29114</v>
      </c>
      <c r="D11601" s="2">
        <v>164429</v>
      </c>
      <c r="E11601" s="1" t="s">
        <v>0</v>
      </c>
    </row>
    <row r="11602" spans="1:5" x14ac:dyDescent="0.25">
      <c r="A11602" s="2">
        <v>2320</v>
      </c>
      <c r="B11602" s="2">
        <v>2320</v>
      </c>
      <c r="C11602" s="1" t="s">
        <v>0</v>
      </c>
      <c r="D11602" s="2">
        <v>164430</v>
      </c>
      <c r="E11602" s="1" t="s">
        <v>0</v>
      </c>
    </row>
    <row r="11603" spans="1:5" x14ac:dyDescent="0.25">
      <c r="A11603" s="1" t="s">
        <v>2127</v>
      </c>
      <c r="B11603" s="1" t="s">
        <v>8377</v>
      </c>
      <c r="C11603" s="1" t="s">
        <v>29115</v>
      </c>
      <c r="D11603" s="2">
        <v>164431</v>
      </c>
      <c r="E11603" s="1" t="s">
        <v>0</v>
      </c>
    </row>
    <row r="11604" spans="1:5" x14ac:dyDescent="0.25">
      <c r="A11604" s="1" t="s">
        <v>29116</v>
      </c>
      <c r="B11604" s="1" t="s">
        <v>29117</v>
      </c>
      <c r="C11604" s="1" t="s">
        <v>29118</v>
      </c>
      <c r="D11604" s="2">
        <v>164432</v>
      </c>
      <c r="E11604" s="1" t="s">
        <v>0</v>
      </c>
    </row>
    <row r="11605" spans="1:5" ht="409.5" x14ac:dyDescent="0.25">
      <c r="A11605" s="4" t="s">
        <v>29119</v>
      </c>
      <c r="B11605" s="1" t="s">
        <v>56758</v>
      </c>
      <c r="C11605" s="1" t="s">
        <v>29120</v>
      </c>
      <c r="D11605" s="2">
        <v>164433</v>
      </c>
      <c r="E11605" s="1" t="s">
        <v>0</v>
      </c>
    </row>
    <row r="11606" spans="1:5" x14ac:dyDescent="0.25">
      <c r="A11606" s="1" t="s">
        <v>29121</v>
      </c>
      <c r="B11606" s="1" t="s">
        <v>53622</v>
      </c>
      <c r="C11606" s="1" t="s">
        <v>29122</v>
      </c>
      <c r="D11606" s="2">
        <v>164434</v>
      </c>
      <c r="E11606" s="1" t="s">
        <v>0</v>
      </c>
    </row>
    <row r="11607" spans="1:5" x14ac:dyDescent="0.25">
      <c r="A11607" s="2">
        <v>2321</v>
      </c>
      <c r="B11607" s="2">
        <v>2321</v>
      </c>
      <c r="C11607" s="1" t="s">
        <v>0</v>
      </c>
      <c r="D11607" s="2">
        <v>164435</v>
      </c>
      <c r="E11607" s="1" t="s">
        <v>0</v>
      </c>
    </row>
    <row r="11608" spans="1:5" x14ac:dyDescent="0.25">
      <c r="A11608" s="1" t="s">
        <v>2128</v>
      </c>
      <c r="B11608" s="1" t="s">
        <v>8378</v>
      </c>
      <c r="C11608" s="1" t="s">
        <v>29123</v>
      </c>
      <c r="D11608" s="2">
        <v>164436</v>
      </c>
      <c r="E11608" s="1" t="s">
        <v>0</v>
      </c>
    </row>
    <row r="11609" spans="1:5" x14ac:dyDescent="0.25">
      <c r="A11609" s="1" t="s">
        <v>29124</v>
      </c>
      <c r="B11609" s="1" t="s">
        <v>8379</v>
      </c>
      <c r="C11609" s="1" t="s">
        <v>29125</v>
      </c>
      <c r="D11609" s="2">
        <v>164437</v>
      </c>
      <c r="E11609" s="1" t="s">
        <v>0</v>
      </c>
    </row>
    <row r="11610" spans="1:5" ht="409.5" x14ac:dyDescent="0.25">
      <c r="A11610" s="4" t="s">
        <v>29126</v>
      </c>
      <c r="B11610" s="1" t="s">
        <v>8380</v>
      </c>
      <c r="C11610" s="1" t="s">
        <v>29127</v>
      </c>
      <c r="D11610" s="2">
        <v>164438</v>
      </c>
      <c r="E11610" s="1" t="s">
        <v>0</v>
      </c>
    </row>
    <row r="11611" spans="1:5" x14ac:dyDescent="0.25">
      <c r="A11611" s="1" t="s">
        <v>29128</v>
      </c>
      <c r="B11611" s="1" t="s">
        <v>53623</v>
      </c>
      <c r="C11611" s="1" t="s">
        <v>29129</v>
      </c>
      <c r="D11611" s="2">
        <v>164439</v>
      </c>
      <c r="E11611" s="1" t="s">
        <v>0</v>
      </c>
    </row>
    <row r="11612" spans="1:5" x14ac:dyDescent="0.25">
      <c r="A11612" s="2">
        <v>2322</v>
      </c>
      <c r="B11612" s="2">
        <v>2322</v>
      </c>
      <c r="C11612" s="1" t="s">
        <v>0</v>
      </c>
      <c r="D11612" s="2">
        <v>164440</v>
      </c>
      <c r="E11612" s="1" t="s">
        <v>0</v>
      </c>
    </row>
    <row r="11613" spans="1:5" x14ac:dyDescent="0.25">
      <c r="A11613" s="1" t="s">
        <v>2129</v>
      </c>
      <c r="B11613" s="1" t="s">
        <v>59980</v>
      </c>
      <c r="C11613" s="1" t="s">
        <v>29130</v>
      </c>
      <c r="D11613" s="2">
        <v>164441</v>
      </c>
      <c r="E11613" s="1" t="s">
        <v>0</v>
      </c>
    </row>
    <row r="11614" spans="1:5" x14ac:dyDescent="0.25">
      <c r="A11614" s="1" t="s">
        <v>29131</v>
      </c>
      <c r="B11614" s="1" t="s">
        <v>59981</v>
      </c>
      <c r="C11614" s="1" t="s">
        <v>29132</v>
      </c>
      <c r="D11614" s="2">
        <v>164442</v>
      </c>
      <c r="E11614" s="1" t="s">
        <v>0</v>
      </c>
    </row>
    <row r="11615" spans="1:5" ht="409.5" x14ac:dyDescent="0.25">
      <c r="A11615" s="4" t="s">
        <v>29133</v>
      </c>
      <c r="B11615" s="1" t="s">
        <v>60504</v>
      </c>
      <c r="C11615" s="1" t="s">
        <v>29134</v>
      </c>
      <c r="D11615" s="2">
        <v>164443</v>
      </c>
      <c r="E11615" s="1" t="s">
        <v>0</v>
      </c>
    </row>
    <row r="11616" spans="1:5" x14ac:dyDescent="0.25">
      <c r="A11616" s="1" t="s">
        <v>29135</v>
      </c>
      <c r="B11616" s="1" t="s">
        <v>8381</v>
      </c>
      <c r="C11616" s="1" t="s">
        <v>29136</v>
      </c>
      <c r="D11616" s="2">
        <v>164444</v>
      </c>
      <c r="E11616" s="1" t="s">
        <v>0</v>
      </c>
    </row>
    <row r="11617" spans="1:5" x14ac:dyDescent="0.25">
      <c r="A11617" s="2">
        <v>2323</v>
      </c>
      <c r="B11617" s="2">
        <v>2323</v>
      </c>
      <c r="C11617" s="1" t="s">
        <v>0</v>
      </c>
      <c r="D11617" s="2">
        <v>164445</v>
      </c>
      <c r="E11617" s="1" t="s">
        <v>0</v>
      </c>
    </row>
    <row r="11618" spans="1:5" x14ac:dyDescent="0.25">
      <c r="A11618" s="1" t="s">
        <v>2130</v>
      </c>
      <c r="B11618" s="1" t="s">
        <v>8382</v>
      </c>
      <c r="C11618" s="1" t="s">
        <v>29137</v>
      </c>
      <c r="D11618" s="2">
        <v>164446</v>
      </c>
      <c r="E11618" s="1" t="s">
        <v>0</v>
      </c>
    </row>
    <row r="11619" spans="1:5" x14ac:dyDescent="0.25">
      <c r="A11619" s="1" t="s">
        <v>29138</v>
      </c>
      <c r="B11619" s="1" t="s">
        <v>58076</v>
      </c>
      <c r="C11619" s="1" t="s">
        <v>29139</v>
      </c>
      <c r="D11619" s="2">
        <v>164447</v>
      </c>
      <c r="E11619" s="1" t="s">
        <v>0</v>
      </c>
    </row>
    <row r="11620" spans="1:5" ht="409.5" x14ac:dyDescent="0.25">
      <c r="A11620" s="4" t="s">
        <v>29140</v>
      </c>
      <c r="B11620" s="1" t="s">
        <v>58077</v>
      </c>
      <c r="C11620" s="1" t="s">
        <v>29141</v>
      </c>
      <c r="D11620" s="2">
        <v>164448</v>
      </c>
      <c r="E11620" s="1" t="s">
        <v>0</v>
      </c>
    </row>
    <row r="11621" spans="1:5" x14ac:dyDescent="0.25">
      <c r="A11621" s="1" t="s">
        <v>29142</v>
      </c>
      <c r="B11621" s="1" t="s">
        <v>50704</v>
      </c>
      <c r="C11621" s="1" t="s">
        <v>29143</v>
      </c>
      <c r="D11621" s="2">
        <v>164449</v>
      </c>
      <c r="E11621" s="1" t="s">
        <v>0</v>
      </c>
    </row>
    <row r="11622" spans="1:5" x14ac:dyDescent="0.25">
      <c r="A11622" s="2">
        <v>2324</v>
      </c>
      <c r="B11622" s="2">
        <v>2324</v>
      </c>
      <c r="C11622" s="1" t="s">
        <v>0</v>
      </c>
      <c r="D11622" s="2">
        <v>164450</v>
      </c>
      <c r="E11622" s="1" t="s">
        <v>0</v>
      </c>
    </row>
    <row r="11623" spans="1:5" x14ac:dyDescent="0.25">
      <c r="A11623" s="1" t="s">
        <v>2131</v>
      </c>
      <c r="B11623" s="1" t="s">
        <v>8383</v>
      </c>
      <c r="C11623" s="1" t="s">
        <v>29144</v>
      </c>
      <c r="D11623" s="2">
        <v>164451</v>
      </c>
      <c r="E11623" s="1" t="s">
        <v>0</v>
      </c>
    </row>
    <row r="11624" spans="1:5" x14ac:dyDescent="0.25">
      <c r="A11624" s="1" t="s">
        <v>29145</v>
      </c>
      <c r="B11624" s="1" t="s">
        <v>53624</v>
      </c>
      <c r="C11624" s="1" t="s">
        <v>29146</v>
      </c>
      <c r="D11624" s="2">
        <v>164452</v>
      </c>
      <c r="E11624" s="1" t="s">
        <v>0</v>
      </c>
    </row>
    <row r="11625" spans="1:5" ht="409.5" x14ac:dyDescent="0.25">
      <c r="A11625" s="4" t="s">
        <v>29147</v>
      </c>
      <c r="B11625" s="1" t="s">
        <v>62453</v>
      </c>
      <c r="C11625" s="1" t="s">
        <v>29148</v>
      </c>
      <c r="D11625" s="2">
        <v>164453</v>
      </c>
      <c r="E11625" s="1" t="s">
        <v>0</v>
      </c>
    </row>
    <row r="11626" spans="1:5" x14ac:dyDescent="0.25">
      <c r="A11626" s="1" t="s">
        <v>29149</v>
      </c>
      <c r="B11626" s="1" t="s">
        <v>8384</v>
      </c>
      <c r="C11626" s="1" t="s">
        <v>29150</v>
      </c>
      <c r="D11626" s="2">
        <v>164454</v>
      </c>
      <c r="E11626" s="1" t="s">
        <v>0</v>
      </c>
    </row>
    <row r="11627" spans="1:5" x14ac:dyDescent="0.25">
      <c r="A11627" s="2">
        <v>2325</v>
      </c>
      <c r="B11627" s="2">
        <v>2325</v>
      </c>
      <c r="C11627" s="1" t="s">
        <v>0</v>
      </c>
      <c r="D11627" s="2">
        <v>164455</v>
      </c>
      <c r="E11627" s="1" t="s">
        <v>0</v>
      </c>
    </row>
    <row r="11628" spans="1:5" x14ac:dyDescent="0.25">
      <c r="A11628" s="1" t="s">
        <v>2132</v>
      </c>
      <c r="B11628" s="1" t="s">
        <v>53625</v>
      </c>
      <c r="C11628" s="1" t="s">
        <v>29151</v>
      </c>
      <c r="D11628" s="2">
        <v>164456</v>
      </c>
      <c r="E11628" s="1" t="s">
        <v>0</v>
      </c>
    </row>
    <row r="11629" spans="1:5" x14ac:dyDescent="0.25">
      <c r="A11629" s="1" t="s">
        <v>29152</v>
      </c>
      <c r="B11629" s="1" t="s">
        <v>50705</v>
      </c>
      <c r="C11629" s="1" t="s">
        <v>29153</v>
      </c>
      <c r="D11629" s="2">
        <v>164457</v>
      </c>
      <c r="E11629" s="1" t="s">
        <v>0</v>
      </c>
    </row>
    <row r="11630" spans="1:5" ht="409.5" x14ac:dyDescent="0.25">
      <c r="A11630" s="4" t="s">
        <v>29154</v>
      </c>
      <c r="B11630" s="1" t="s">
        <v>53626</v>
      </c>
      <c r="C11630" s="1" t="s">
        <v>29155</v>
      </c>
      <c r="D11630" s="2">
        <v>164458</v>
      </c>
      <c r="E11630" s="1" t="s">
        <v>0</v>
      </c>
    </row>
    <row r="11631" spans="1:5" x14ac:dyDescent="0.25">
      <c r="A11631" s="1" t="s">
        <v>15303</v>
      </c>
      <c r="B11631" s="1" t="s">
        <v>60888</v>
      </c>
      <c r="C11631" s="1" t="s">
        <v>15304</v>
      </c>
      <c r="D11631" s="2">
        <v>164459</v>
      </c>
      <c r="E11631" s="1" t="s">
        <v>0</v>
      </c>
    </row>
    <row r="11632" spans="1:5" x14ac:dyDescent="0.25">
      <c r="A11632" s="2">
        <v>2326</v>
      </c>
      <c r="B11632" s="2">
        <v>2326</v>
      </c>
      <c r="C11632" s="1" t="s">
        <v>0</v>
      </c>
      <c r="D11632" s="2">
        <v>164460</v>
      </c>
      <c r="E11632" s="1" t="s">
        <v>0</v>
      </c>
    </row>
    <row r="11633" spans="1:5" x14ac:dyDescent="0.25">
      <c r="A11633" s="1" t="s">
        <v>2133</v>
      </c>
      <c r="B11633" s="1" t="s">
        <v>8385</v>
      </c>
      <c r="C11633" s="1" t="s">
        <v>29156</v>
      </c>
      <c r="D11633" s="2">
        <v>164461</v>
      </c>
      <c r="E11633" s="1" t="s">
        <v>0</v>
      </c>
    </row>
    <row r="11634" spans="1:5" x14ac:dyDescent="0.25">
      <c r="A11634" s="1" t="s">
        <v>29157</v>
      </c>
      <c r="B11634" s="1" t="s">
        <v>63332</v>
      </c>
      <c r="C11634" s="1" t="s">
        <v>29158</v>
      </c>
      <c r="D11634" s="2">
        <v>164462</v>
      </c>
      <c r="E11634" s="1" t="s">
        <v>0</v>
      </c>
    </row>
    <row r="11635" spans="1:5" ht="409.5" x14ac:dyDescent="0.25">
      <c r="A11635" s="4" t="s">
        <v>29159</v>
      </c>
      <c r="B11635" s="1" t="s">
        <v>63333</v>
      </c>
      <c r="C11635" s="1" t="s">
        <v>29160</v>
      </c>
      <c r="D11635" s="2">
        <v>164463</v>
      </c>
      <c r="E11635" s="1" t="s">
        <v>0</v>
      </c>
    </row>
    <row r="11636" spans="1:5" x14ac:dyDescent="0.25">
      <c r="A11636" s="1" t="s">
        <v>19132</v>
      </c>
      <c r="B11636" s="1" t="s">
        <v>60955</v>
      </c>
      <c r="C11636" s="1" t="s">
        <v>19133</v>
      </c>
      <c r="D11636" s="2">
        <v>164464</v>
      </c>
      <c r="E11636" s="1" t="s">
        <v>0</v>
      </c>
    </row>
    <row r="11637" spans="1:5" x14ac:dyDescent="0.25">
      <c r="A11637" s="2">
        <v>2327</v>
      </c>
      <c r="B11637" s="2">
        <v>2327</v>
      </c>
      <c r="C11637" s="1" t="s">
        <v>0</v>
      </c>
      <c r="D11637" s="2">
        <v>164465</v>
      </c>
      <c r="E11637" s="1" t="s">
        <v>0</v>
      </c>
    </row>
    <row r="11638" spans="1:5" x14ac:dyDescent="0.25">
      <c r="A11638" s="1" t="s">
        <v>2134</v>
      </c>
      <c r="B11638" s="1" t="s">
        <v>8386</v>
      </c>
      <c r="C11638" s="1" t="s">
        <v>29161</v>
      </c>
      <c r="D11638" s="2">
        <v>164466</v>
      </c>
      <c r="E11638" s="1" t="s">
        <v>0</v>
      </c>
    </row>
    <row r="11639" spans="1:5" x14ac:dyDescent="0.25">
      <c r="A11639" s="1" t="s">
        <v>29162</v>
      </c>
      <c r="B11639" s="1" t="s">
        <v>59982</v>
      </c>
      <c r="C11639" s="1" t="s">
        <v>29163</v>
      </c>
      <c r="D11639" s="2">
        <v>164467</v>
      </c>
      <c r="E11639" s="1" t="s">
        <v>0</v>
      </c>
    </row>
    <row r="11640" spans="1:5" ht="409.5" x14ac:dyDescent="0.25">
      <c r="A11640" s="4" t="s">
        <v>29164</v>
      </c>
      <c r="B11640" s="1" t="s">
        <v>59983</v>
      </c>
      <c r="C11640" s="1" t="s">
        <v>29165</v>
      </c>
      <c r="D11640" s="2">
        <v>164468</v>
      </c>
      <c r="E11640" s="1" t="s">
        <v>0</v>
      </c>
    </row>
    <row r="11641" spans="1:5" x14ac:dyDescent="0.25">
      <c r="A11641" s="1" t="s">
        <v>29166</v>
      </c>
      <c r="B11641" s="1" t="s">
        <v>8387</v>
      </c>
      <c r="C11641" s="1" t="s">
        <v>29167</v>
      </c>
      <c r="D11641" s="2">
        <v>164469</v>
      </c>
      <c r="E11641" s="1" t="s">
        <v>0</v>
      </c>
    </row>
    <row r="11642" spans="1:5" x14ac:dyDescent="0.25">
      <c r="A11642" s="2">
        <v>2328</v>
      </c>
      <c r="B11642" s="2">
        <v>2328</v>
      </c>
      <c r="C11642" s="1" t="s">
        <v>0</v>
      </c>
      <c r="D11642" s="2">
        <v>164470</v>
      </c>
      <c r="E11642" s="1" t="s">
        <v>0</v>
      </c>
    </row>
    <row r="11643" spans="1:5" x14ac:dyDescent="0.25">
      <c r="A11643" s="1" t="s">
        <v>2135</v>
      </c>
      <c r="B11643" s="1" t="s">
        <v>8388</v>
      </c>
      <c r="C11643" s="1" t="s">
        <v>29168</v>
      </c>
      <c r="D11643" s="2">
        <v>164471</v>
      </c>
      <c r="E11643" s="1" t="s">
        <v>0</v>
      </c>
    </row>
    <row r="11644" spans="1:5" x14ac:dyDescent="0.25">
      <c r="A11644" s="1" t="s">
        <v>29169</v>
      </c>
      <c r="B11644" s="1" t="s">
        <v>63334</v>
      </c>
      <c r="C11644" s="1" t="s">
        <v>29170</v>
      </c>
      <c r="D11644" s="2">
        <v>164472</v>
      </c>
      <c r="E11644" s="1" t="s">
        <v>0</v>
      </c>
    </row>
    <row r="11645" spans="1:5" ht="409.5" x14ac:dyDescent="0.25">
      <c r="A11645" s="4" t="s">
        <v>29171</v>
      </c>
      <c r="B11645" s="1" t="s">
        <v>63335</v>
      </c>
      <c r="C11645" s="1" t="s">
        <v>29172</v>
      </c>
      <c r="D11645" s="2">
        <v>164473</v>
      </c>
      <c r="E11645" s="1" t="s">
        <v>0</v>
      </c>
    </row>
    <row r="11646" spans="1:5" x14ac:dyDescent="0.25">
      <c r="A11646" s="1" t="s">
        <v>29173</v>
      </c>
      <c r="B11646" s="1" t="s">
        <v>53627</v>
      </c>
      <c r="C11646" s="1" t="s">
        <v>29174</v>
      </c>
      <c r="D11646" s="2">
        <v>164474</v>
      </c>
      <c r="E11646" s="1" t="s">
        <v>0</v>
      </c>
    </row>
    <row r="11647" spans="1:5" x14ac:dyDescent="0.25">
      <c r="A11647" s="2">
        <v>2329</v>
      </c>
      <c r="B11647" s="2">
        <v>2329</v>
      </c>
      <c r="C11647" s="1" t="s">
        <v>0</v>
      </c>
      <c r="D11647" s="2">
        <v>164475</v>
      </c>
      <c r="E11647" s="1" t="s">
        <v>0</v>
      </c>
    </row>
    <row r="11648" spans="1:5" x14ac:dyDescent="0.25">
      <c r="A11648" s="1" t="s">
        <v>2136</v>
      </c>
      <c r="B11648" s="1" t="s">
        <v>60605</v>
      </c>
      <c r="C11648" s="1" t="s">
        <v>29175</v>
      </c>
      <c r="D11648" s="2">
        <v>164476</v>
      </c>
      <c r="E11648" s="1" t="s">
        <v>0</v>
      </c>
    </row>
    <row r="11649" spans="1:5" x14ac:dyDescent="0.25">
      <c r="A11649" s="1" t="s">
        <v>29176</v>
      </c>
      <c r="B11649" s="1" t="s">
        <v>53628</v>
      </c>
      <c r="C11649" s="1" t="s">
        <v>29177</v>
      </c>
      <c r="D11649" s="2">
        <v>164477</v>
      </c>
      <c r="E11649" s="1" t="s">
        <v>0</v>
      </c>
    </row>
    <row r="11650" spans="1:5" ht="409.5" x14ac:dyDescent="0.25">
      <c r="A11650" s="4" t="s">
        <v>29178</v>
      </c>
      <c r="B11650" s="1" t="s">
        <v>60606</v>
      </c>
      <c r="C11650" s="1" t="s">
        <v>29179</v>
      </c>
      <c r="D11650" s="2">
        <v>164478</v>
      </c>
      <c r="E11650" s="1" t="s">
        <v>0</v>
      </c>
    </row>
    <row r="11651" spans="1:5" x14ac:dyDescent="0.25">
      <c r="A11651" s="1" t="s">
        <v>29180</v>
      </c>
      <c r="B11651" s="1" t="s">
        <v>61109</v>
      </c>
      <c r="C11651" s="1" t="s">
        <v>29181</v>
      </c>
      <c r="D11651" s="2">
        <v>164479</v>
      </c>
      <c r="E11651" s="1" t="s">
        <v>0</v>
      </c>
    </row>
    <row r="11652" spans="1:5" x14ac:dyDescent="0.25">
      <c r="A11652" s="2">
        <v>2330</v>
      </c>
      <c r="B11652" s="2">
        <v>2330</v>
      </c>
      <c r="C11652" s="1" t="s">
        <v>0</v>
      </c>
      <c r="D11652" s="2">
        <v>164480</v>
      </c>
      <c r="E11652" s="1" t="s">
        <v>0</v>
      </c>
    </row>
    <row r="11653" spans="1:5" x14ac:dyDescent="0.25">
      <c r="A11653" s="1" t="s">
        <v>2137</v>
      </c>
      <c r="B11653" s="1" t="s">
        <v>8389</v>
      </c>
      <c r="C11653" s="1" t="s">
        <v>29182</v>
      </c>
      <c r="D11653" s="2">
        <v>164481</v>
      </c>
      <c r="E11653" s="1" t="s">
        <v>0</v>
      </c>
    </row>
    <row r="11654" spans="1:5" x14ac:dyDescent="0.25">
      <c r="A11654" s="1" t="s">
        <v>29183</v>
      </c>
      <c r="B11654" s="1" t="s">
        <v>8390</v>
      </c>
      <c r="C11654" s="1" t="s">
        <v>29184</v>
      </c>
      <c r="D11654" s="2">
        <v>164482</v>
      </c>
      <c r="E11654" s="1" t="s">
        <v>0</v>
      </c>
    </row>
    <row r="11655" spans="1:5" ht="409.5" x14ac:dyDescent="0.25">
      <c r="A11655" s="4" t="s">
        <v>29185</v>
      </c>
      <c r="B11655" s="1" t="s">
        <v>53629</v>
      </c>
      <c r="C11655" s="1" t="s">
        <v>29186</v>
      </c>
      <c r="D11655" s="2">
        <v>164483</v>
      </c>
      <c r="E11655" s="1" t="s">
        <v>0</v>
      </c>
    </row>
    <row r="11656" spans="1:5" x14ac:dyDescent="0.25">
      <c r="A11656" s="1" t="s">
        <v>29187</v>
      </c>
      <c r="B11656" s="1" t="s">
        <v>8391</v>
      </c>
      <c r="C11656" s="1" t="s">
        <v>29188</v>
      </c>
      <c r="D11656" s="2">
        <v>164484</v>
      </c>
      <c r="E11656" s="1" t="s">
        <v>0</v>
      </c>
    </row>
    <row r="11657" spans="1:5" x14ac:dyDescent="0.25">
      <c r="A11657" s="2">
        <v>2331</v>
      </c>
      <c r="B11657" s="2">
        <v>2331</v>
      </c>
      <c r="C11657" s="1" t="s">
        <v>0</v>
      </c>
      <c r="D11657" s="2">
        <v>164485</v>
      </c>
      <c r="E11657" s="1" t="s">
        <v>0</v>
      </c>
    </row>
    <row r="11658" spans="1:5" x14ac:dyDescent="0.25">
      <c r="A11658" s="1" t="s">
        <v>2138</v>
      </c>
      <c r="B11658" s="1" t="s">
        <v>8392</v>
      </c>
      <c r="C11658" s="1" t="s">
        <v>29189</v>
      </c>
      <c r="D11658" s="2">
        <v>164486</v>
      </c>
      <c r="E11658" s="1" t="s">
        <v>0</v>
      </c>
    </row>
    <row r="11659" spans="1:5" x14ac:dyDescent="0.25">
      <c r="A11659" s="1" t="s">
        <v>29190</v>
      </c>
      <c r="B11659" s="1" t="s">
        <v>53630</v>
      </c>
      <c r="C11659" s="1" t="s">
        <v>29191</v>
      </c>
      <c r="D11659" s="2">
        <v>164487</v>
      </c>
      <c r="E11659" s="1" t="s">
        <v>0</v>
      </c>
    </row>
    <row r="11660" spans="1:5" ht="409.5" x14ac:dyDescent="0.25">
      <c r="A11660" s="4" t="s">
        <v>29192</v>
      </c>
      <c r="B11660" s="1" t="s">
        <v>53631</v>
      </c>
      <c r="C11660" s="1" t="s">
        <v>29193</v>
      </c>
      <c r="D11660" s="2">
        <v>164488</v>
      </c>
      <c r="E11660" s="1" t="s">
        <v>0</v>
      </c>
    </row>
    <row r="11661" spans="1:5" x14ac:dyDescent="0.25">
      <c r="A11661" s="1" t="s">
        <v>29194</v>
      </c>
      <c r="B11661" s="1" t="s">
        <v>8393</v>
      </c>
      <c r="C11661" s="1" t="s">
        <v>29195</v>
      </c>
      <c r="D11661" s="2">
        <v>164489</v>
      </c>
      <c r="E11661" s="1" t="s">
        <v>0</v>
      </c>
    </row>
    <row r="11662" spans="1:5" x14ac:dyDescent="0.25">
      <c r="A11662" s="2">
        <v>2332</v>
      </c>
      <c r="B11662" s="2">
        <v>2332</v>
      </c>
      <c r="C11662" s="1" t="s">
        <v>0</v>
      </c>
      <c r="D11662" s="2">
        <v>164490</v>
      </c>
      <c r="E11662" s="1" t="s">
        <v>0</v>
      </c>
    </row>
    <row r="11663" spans="1:5" x14ac:dyDescent="0.25">
      <c r="A11663" s="1" t="s">
        <v>2139</v>
      </c>
      <c r="B11663" s="1" t="s">
        <v>50706</v>
      </c>
      <c r="C11663" s="1" t="s">
        <v>29196</v>
      </c>
      <c r="D11663" s="2">
        <v>164491</v>
      </c>
      <c r="E11663" s="1" t="s">
        <v>0</v>
      </c>
    </row>
    <row r="11664" spans="1:5" x14ac:dyDescent="0.25">
      <c r="A11664" s="1" t="s">
        <v>29197</v>
      </c>
      <c r="B11664" s="1" t="s">
        <v>50707</v>
      </c>
      <c r="C11664" s="1" t="s">
        <v>29198</v>
      </c>
      <c r="D11664" s="2">
        <v>164492</v>
      </c>
      <c r="E11664" s="1" t="s">
        <v>0</v>
      </c>
    </row>
    <row r="11665" spans="1:5" ht="409.5" x14ac:dyDescent="0.25">
      <c r="A11665" s="4" t="s">
        <v>29199</v>
      </c>
      <c r="B11665" s="1" t="s">
        <v>59609</v>
      </c>
      <c r="C11665" s="1" t="s">
        <v>29200</v>
      </c>
      <c r="D11665" s="2">
        <v>164493</v>
      </c>
      <c r="E11665" s="1" t="s">
        <v>0</v>
      </c>
    </row>
    <row r="11666" spans="1:5" x14ac:dyDescent="0.25">
      <c r="A11666" s="1" t="s">
        <v>29201</v>
      </c>
      <c r="B11666" s="1" t="s">
        <v>8394</v>
      </c>
      <c r="C11666" s="1" t="s">
        <v>29202</v>
      </c>
      <c r="D11666" s="2">
        <v>164494</v>
      </c>
      <c r="E11666" s="1" t="s">
        <v>0</v>
      </c>
    </row>
    <row r="11667" spans="1:5" x14ac:dyDescent="0.25">
      <c r="A11667" s="2">
        <v>2333</v>
      </c>
      <c r="B11667" s="2">
        <v>2333</v>
      </c>
      <c r="C11667" s="1" t="s">
        <v>0</v>
      </c>
      <c r="D11667" s="2">
        <v>164495</v>
      </c>
      <c r="E11667" s="1" t="s">
        <v>0</v>
      </c>
    </row>
    <row r="11668" spans="1:5" x14ac:dyDescent="0.25">
      <c r="A11668" s="1" t="s">
        <v>2140</v>
      </c>
      <c r="B11668" s="1" t="s">
        <v>8395</v>
      </c>
      <c r="C11668" s="1" t="s">
        <v>29203</v>
      </c>
      <c r="D11668" s="2">
        <v>164496</v>
      </c>
      <c r="E11668" s="1" t="s">
        <v>0</v>
      </c>
    </row>
    <row r="11669" spans="1:5" x14ac:dyDescent="0.25">
      <c r="A11669" s="1" t="s">
        <v>29204</v>
      </c>
      <c r="B11669" s="1" t="s">
        <v>8396</v>
      </c>
      <c r="C11669" s="1" t="s">
        <v>29205</v>
      </c>
      <c r="D11669" s="2">
        <v>164497</v>
      </c>
      <c r="E11669" s="1" t="s">
        <v>0</v>
      </c>
    </row>
    <row r="11670" spans="1:5" ht="409.5" x14ac:dyDescent="0.25">
      <c r="A11670" s="4" t="s">
        <v>29206</v>
      </c>
      <c r="B11670" s="1" t="s">
        <v>29207</v>
      </c>
      <c r="C11670" s="1" t="s">
        <v>29208</v>
      </c>
      <c r="D11670" s="2">
        <v>164498</v>
      </c>
      <c r="E11670" s="1" t="s">
        <v>0</v>
      </c>
    </row>
    <row r="11671" spans="1:5" x14ac:dyDescent="0.25">
      <c r="A11671" s="1" t="s">
        <v>29209</v>
      </c>
      <c r="B11671" s="1" t="s">
        <v>8397</v>
      </c>
      <c r="C11671" s="1" t="s">
        <v>29210</v>
      </c>
      <c r="D11671" s="2">
        <v>164499</v>
      </c>
      <c r="E11671" s="1" t="s">
        <v>0</v>
      </c>
    </row>
    <row r="11672" spans="1:5" x14ac:dyDescent="0.25">
      <c r="A11672" s="2">
        <v>2334</v>
      </c>
      <c r="B11672" s="2">
        <v>2334</v>
      </c>
      <c r="C11672" s="1" t="s">
        <v>0</v>
      </c>
      <c r="D11672" s="2">
        <v>164500</v>
      </c>
      <c r="E11672" s="1" t="s">
        <v>0</v>
      </c>
    </row>
    <row r="11673" spans="1:5" x14ac:dyDescent="0.25">
      <c r="A11673" s="1" t="s">
        <v>2141</v>
      </c>
      <c r="B11673" s="1" t="s">
        <v>8398</v>
      </c>
      <c r="C11673" s="1" t="s">
        <v>29211</v>
      </c>
      <c r="D11673" s="2">
        <v>164501</v>
      </c>
      <c r="E11673" s="1" t="s">
        <v>0</v>
      </c>
    </row>
    <row r="11674" spans="1:5" x14ac:dyDescent="0.25">
      <c r="A11674" s="1" t="s">
        <v>29212</v>
      </c>
      <c r="B11674" s="1" t="s">
        <v>58359</v>
      </c>
      <c r="C11674" s="1" t="s">
        <v>29213</v>
      </c>
      <c r="D11674" s="2">
        <v>164502</v>
      </c>
      <c r="E11674" s="1" t="s">
        <v>0</v>
      </c>
    </row>
    <row r="11675" spans="1:5" ht="409.5" x14ac:dyDescent="0.25">
      <c r="A11675" s="4" t="s">
        <v>29214</v>
      </c>
      <c r="B11675" s="1" t="s">
        <v>58360</v>
      </c>
      <c r="C11675" s="1" t="s">
        <v>29215</v>
      </c>
      <c r="D11675" s="2">
        <v>164503</v>
      </c>
      <c r="E11675" s="1" t="s">
        <v>0</v>
      </c>
    </row>
    <row r="11676" spans="1:5" x14ac:dyDescent="0.25">
      <c r="A11676" s="1" t="s">
        <v>29216</v>
      </c>
      <c r="B11676" s="1" t="s">
        <v>2142</v>
      </c>
      <c r="C11676" s="1" t="s">
        <v>29217</v>
      </c>
      <c r="D11676" s="2">
        <v>164504</v>
      </c>
      <c r="E11676" s="1" t="s">
        <v>0</v>
      </c>
    </row>
    <row r="11677" spans="1:5" x14ac:dyDescent="0.25">
      <c r="A11677" s="2">
        <v>2335</v>
      </c>
      <c r="B11677" s="2">
        <v>2335</v>
      </c>
      <c r="C11677" s="1" t="s">
        <v>0</v>
      </c>
      <c r="D11677" s="2">
        <v>164505</v>
      </c>
      <c r="E11677" s="1" t="s">
        <v>0</v>
      </c>
    </row>
    <row r="11678" spans="1:5" x14ac:dyDescent="0.25">
      <c r="A11678" s="1" t="s">
        <v>2143</v>
      </c>
      <c r="B11678" s="1" t="s">
        <v>8399</v>
      </c>
      <c r="C11678" s="1" t="s">
        <v>29218</v>
      </c>
      <c r="D11678" s="2">
        <v>164506</v>
      </c>
      <c r="E11678" s="1" t="s">
        <v>0</v>
      </c>
    </row>
    <row r="11679" spans="1:5" x14ac:dyDescent="0.25">
      <c r="A11679" s="1" t="s">
        <v>29219</v>
      </c>
      <c r="B11679" s="1" t="s">
        <v>61110</v>
      </c>
      <c r="C11679" s="1" t="s">
        <v>29220</v>
      </c>
      <c r="D11679" s="2">
        <v>164507</v>
      </c>
      <c r="E11679" s="1" t="s">
        <v>0</v>
      </c>
    </row>
    <row r="11680" spans="1:5" ht="409.5" x14ac:dyDescent="0.25">
      <c r="A11680" s="4" t="s">
        <v>29221</v>
      </c>
      <c r="B11680" s="1" t="s">
        <v>61111</v>
      </c>
      <c r="C11680" s="1" t="s">
        <v>29222</v>
      </c>
      <c r="D11680" s="2">
        <v>164508</v>
      </c>
      <c r="E11680" s="1" t="s">
        <v>0</v>
      </c>
    </row>
    <row r="11681" spans="1:5" x14ac:dyDescent="0.25">
      <c r="A11681" s="1" t="s">
        <v>14855</v>
      </c>
      <c r="B11681" s="1" t="s">
        <v>60879</v>
      </c>
      <c r="C11681" s="1" t="s">
        <v>14856</v>
      </c>
      <c r="D11681" s="2">
        <v>164509</v>
      </c>
      <c r="E11681" s="1" t="s">
        <v>0</v>
      </c>
    </row>
    <row r="11682" spans="1:5" x14ac:dyDescent="0.25">
      <c r="A11682" s="2">
        <v>2336</v>
      </c>
      <c r="B11682" s="2">
        <v>2336</v>
      </c>
      <c r="C11682" s="1" t="s">
        <v>0</v>
      </c>
      <c r="D11682" s="2">
        <v>164510</v>
      </c>
      <c r="E11682" s="1" t="s">
        <v>0</v>
      </c>
    </row>
    <row r="11683" spans="1:5" x14ac:dyDescent="0.25">
      <c r="A11683" s="1" t="s">
        <v>2144</v>
      </c>
      <c r="B11683" s="1" t="s">
        <v>50708</v>
      </c>
      <c r="C11683" s="1" t="s">
        <v>29223</v>
      </c>
      <c r="D11683" s="2">
        <v>164511</v>
      </c>
      <c r="E11683" s="1" t="s">
        <v>0</v>
      </c>
    </row>
    <row r="11684" spans="1:5" x14ac:dyDescent="0.25">
      <c r="A11684" s="1" t="s">
        <v>29224</v>
      </c>
      <c r="B11684" s="1" t="s">
        <v>61112</v>
      </c>
      <c r="C11684" s="1" t="s">
        <v>29225</v>
      </c>
      <c r="D11684" s="2">
        <v>164512</v>
      </c>
      <c r="E11684" s="1" t="s">
        <v>0</v>
      </c>
    </row>
    <row r="11685" spans="1:5" ht="409.5" x14ac:dyDescent="0.25">
      <c r="A11685" s="4" t="s">
        <v>29226</v>
      </c>
      <c r="B11685" s="1" t="s">
        <v>61113</v>
      </c>
      <c r="C11685" s="1" t="s">
        <v>29227</v>
      </c>
      <c r="D11685" s="2">
        <v>164513</v>
      </c>
      <c r="E11685" s="1" t="s">
        <v>0</v>
      </c>
    </row>
    <row r="11686" spans="1:5" x14ac:dyDescent="0.25">
      <c r="A11686" s="1" t="s">
        <v>29228</v>
      </c>
      <c r="B11686" s="1" t="s">
        <v>61114</v>
      </c>
      <c r="C11686" s="1" t="s">
        <v>29229</v>
      </c>
      <c r="D11686" s="2">
        <v>164514</v>
      </c>
      <c r="E11686" s="1" t="s">
        <v>0</v>
      </c>
    </row>
    <row r="11687" spans="1:5" x14ac:dyDescent="0.25">
      <c r="A11687" s="2">
        <v>2337</v>
      </c>
      <c r="B11687" s="2">
        <v>2337</v>
      </c>
      <c r="C11687" s="1" t="s">
        <v>0</v>
      </c>
      <c r="D11687" s="2">
        <v>164515</v>
      </c>
      <c r="E11687" s="1" t="s">
        <v>0</v>
      </c>
    </row>
    <row r="11688" spans="1:5" x14ac:dyDescent="0.25">
      <c r="A11688" s="1" t="s">
        <v>2145</v>
      </c>
      <c r="B11688" s="1" t="s">
        <v>8400</v>
      </c>
      <c r="C11688" s="1" t="s">
        <v>29230</v>
      </c>
      <c r="D11688" s="2">
        <v>164516</v>
      </c>
      <c r="E11688" s="1" t="s">
        <v>0</v>
      </c>
    </row>
    <row r="11689" spans="1:5" x14ac:dyDescent="0.25">
      <c r="A11689" s="1" t="s">
        <v>29231</v>
      </c>
      <c r="B11689" s="1" t="s">
        <v>62454</v>
      </c>
      <c r="C11689" s="1" t="s">
        <v>29232</v>
      </c>
      <c r="D11689" s="2">
        <v>164517</v>
      </c>
      <c r="E11689" s="1" t="s">
        <v>0</v>
      </c>
    </row>
    <row r="11690" spans="1:5" ht="409.5" x14ac:dyDescent="0.25">
      <c r="A11690" s="4" t="s">
        <v>29233</v>
      </c>
      <c r="B11690" s="1" t="s">
        <v>62455</v>
      </c>
      <c r="C11690" s="1" t="s">
        <v>29234</v>
      </c>
      <c r="D11690" s="2">
        <v>164518</v>
      </c>
      <c r="E11690" s="1" t="s">
        <v>0</v>
      </c>
    </row>
    <row r="11691" spans="1:5" x14ac:dyDescent="0.25">
      <c r="A11691" s="1" t="s">
        <v>29235</v>
      </c>
      <c r="B11691" s="1" t="s">
        <v>8401</v>
      </c>
      <c r="C11691" s="1" t="s">
        <v>29236</v>
      </c>
      <c r="D11691" s="2">
        <v>164519</v>
      </c>
      <c r="E11691" s="1" t="s">
        <v>0</v>
      </c>
    </row>
    <row r="11692" spans="1:5" x14ac:dyDescent="0.25">
      <c r="A11692" s="2">
        <v>2338</v>
      </c>
      <c r="B11692" s="2">
        <v>2338</v>
      </c>
      <c r="C11692" s="1" t="s">
        <v>0</v>
      </c>
      <c r="D11692" s="2">
        <v>164520</v>
      </c>
      <c r="E11692" s="1" t="s">
        <v>0</v>
      </c>
    </row>
    <row r="11693" spans="1:5" x14ac:dyDescent="0.25">
      <c r="A11693" s="1" t="s">
        <v>29237</v>
      </c>
      <c r="B11693" s="1" t="s">
        <v>8402</v>
      </c>
      <c r="C11693" s="1" t="s">
        <v>29238</v>
      </c>
      <c r="D11693" s="2">
        <v>164521</v>
      </c>
      <c r="E11693" s="1" t="s">
        <v>0</v>
      </c>
    </row>
    <row r="11694" spans="1:5" x14ac:dyDescent="0.25">
      <c r="A11694" s="1" t="s">
        <v>29239</v>
      </c>
      <c r="B11694" s="1" t="s">
        <v>57080</v>
      </c>
      <c r="C11694" s="1" t="s">
        <v>29240</v>
      </c>
      <c r="D11694" s="2">
        <v>164522</v>
      </c>
      <c r="E11694" s="1" t="s">
        <v>0</v>
      </c>
    </row>
    <row r="11695" spans="1:5" ht="409.5" x14ac:dyDescent="0.25">
      <c r="A11695" s="4" t="s">
        <v>64158</v>
      </c>
      <c r="B11695" s="1" t="s">
        <v>57081</v>
      </c>
      <c r="C11695" s="1" t="s">
        <v>29241</v>
      </c>
      <c r="D11695" s="2">
        <v>164523</v>
      </c>
      <c r="E11695" s="1" t="s">
        <v>0</v>
      </c>
    </row>
    <row r="11696" spans="1:5" x14ac:dyDescent="0.25">
      <c r="A11696" s="1" t="s">
        <v>29242</v>
      </c>
      <c r="B11696" s="1" t="s">
        <v>57082</v>
      </c>
      <c r="C11696" s="1" t="s">
        <v>29243</v>
      </c>
      <c r="D11696" s="2">
        <v>164524</v>
      </c>
      <c r="E11696" s="1" t="s">
        <v>0</v>
      </c>
    </row>
    <row r="11697" spans="1:5" x14ac:dyDescent="0.25">
      <c r="A11697" s="2">
        <v>2339</v>
      </c>
      <c r="B11697" s="2">
        <v>2339</v>
      </c>
      <c r="C11697" s="1" t="s">
        <v>0</v>
      </c>
      <c r="D11697" s="2">
        <v>164525</v>
      </c>
      <c r="E11697" s="1" t="s">
        <v>0</v>
      </c>
    </row>
    <row r="11698" spans="1:5" x14ac:dyDescent="0.25">
      <c r="A11698" s="1" t="s">
        <v>2146</v>
      </c>
      <c r="B11698" s="1" t="s">
        <v>8403</v>
      </c>
      <c r="C11698" s="1" t="s">
        <v>29244</v>
      </c>
      <c r="D11698" s="2">
        <v>164526</v>
      </c>
      <c r="E11698" s="1" t="s">
        <v>0</v>
      </c>
    </row>
    <row r="11699" spans="1:5" x14ac:dyDescent="0.25">
      <c r="A11699" s="1" t="s">
        <v>29245</v>
      </c>
      <c r="B11699" s="1" t="s">
        <v>53632</v>
      </c>
      <c r="C11699" s="1" t="s">
        <v>29246</v>
      </c>
      <c r="D11699" s="2">
        <v>164527</v>
      </c>
      <c r="E11699" s="1" t="s">
        <v>0</v>
      </c>
    </row>
    <row r="11700" spans="1:5" ht="409.5" x14ac:dyDescent="0.25">
      <c r="A11700" s="4" t="s">
        <v>29247</v>
      </c>
      <c r="B11700" s="1" t="s">
        <v>53633</v>
      </c>
      <c r="C11700" s="1" t="s">
        <v>29248</v>
      </c>
      <c r="D11700" s="2">
        <v>164528</v>
      </c>
      <c r="E11700" s="1" t="s">
        <v>0</v>
      </c>
    </row>
    <row r="11701" spans="1:5" x14ac:dyDescent="0.25">
      <c r="A11701" s="1" t="s">
        <v>29249</v>
      </c>
      <c r="B11701" s="1" t="s">
        <v>53634</v>
      </c>
      <c r="C11701" s="1" t="s">
        <v>29250</v>
      </c>
      <c r="D11701" s="2">
        <v>164529</v>
      </c>
      <c r="E11701" s="1" t="s">
        <v>0</v>
      </c>
    </row>
    <row r="11702" spans="1:5" x14ac:dyDescent="0.25">
      <c r="A11702" s="2">
        <v>2340</v>
      </c>
      <c r="B11702" s="2">
        <v>2340</v>
      </c>
      <c r="C11702" s="1" t="s">
        <v>0</v>
      </c>
      <c r="D11702" s="2">
        <v>164530</v>
      </c>
      <c r="E11702" s="1" t="s">
        <v>0</v>
      </c>
    </row>
    <row r="11703" spans="1:5" x14ac:dyDescent="0.25">
      <c r="A11703" s="1" t="s">
        <v>2147</v>
      </c>
      <c r="B11703" s="1" t="s">
        <v>8404</v>
      </c>
      <c r="C11703" s="1" t="s">
        <v>29251</v>
      </c>
      <c r="D11703" s="2">
        <v>164531</v>
      </c>
      <c r="E11703" s="1" t="s">
        <v>0</v>
      </c>
    </row>
    <row r="11704" spans="1:5" x14ac:dyDescent="0.25">
      <c r="A11704" s="1" t="s">
        <v>29252</v>
      </c>
      <c r="B11704" s="1" t="s">
        <v>53635</v>
      </c>
      <c r="C11704" s="1" t="s">
        <v>29253</v>
      </c>
      <c r="D11704" s="2">
        <v>164532</v>
      </c>
      <c r="E11704" s="1" t="s">
        <v>0</v>
      </c>
    </row>
    <row r="11705" spans="1:5" ht="409.5" x14ac:dyDescent="0.25">
      <c r="A11705" s="4" t="s">
        <v>29254</v>
      </c>
      <c r="B11705" s="1" t="s">
        <v>57840</v>
      </c>
      <c r="C11705" s="1" t="s">
        <v>29255</v>
      </c>
      <c r="D11705" s="2">
        <v>164533</v>
      </c>
      <c r="E11705" s="1" t="s">
        <v>0</v>
      </c>
    </row>
    <row r="11706" spans="1:5" x14ac:dyDescent="0.25">
      <c r="A11706" s="1" t="s">
        <v>29256</v>
      </c>
      <c r="B11706" s="1" t="s">
        <v>8405</v>
      </c>
      <c r="C11706" s="1" t="s">
        <v>29257</v>
      </c>
      <c r="D11706" s="2">
        <v>164534</v>
      </c>
      <c r="E11706" s="1" t="s">
        <v>0</v>
      </c>
    </row>
    <row r="11707" spans="1:5" x14ac:dyDescent="0.25">
      <c r="A11707" s="2">
        <v>2341</v>
      </c>
      <c r="B11707" s="2">
        <v>2341</v>
      </c>
      <c r="C11707" s="1" t="s">
        <v>0</v>
      </c>
      <c r="D11707" s="2">
        <v>164535</v>
      </c>
      <c r="E11707" s="1" t="s">
        <v>0</v>
      </c>
    </row>
    <row r="11708" spans="1:5" x14ac:dyDescent="0.25">
      <c r="A11708" s="1" t="s">
        <v>2148</v>
      </c>
      <c r="B11708" s="1" t="s">
        <v>59023</v>
      </c>
      <c r="C11708" s="1" t="s">
        <v>29258</v>
      </c>
      <c r="D11708" s="2">
        <v>164536</v>
      </c>
      <c r="E11708" s="1" t="s">
        <v>0</v>
      </c>
    </row>
    <row r="11709" spans="1:5" x14ac:dyDescent="0.25">
      <c r="A11709" s="1" t="s">
        <v>29259</v>
      </c>
      <c r="B11709" s="1" t="s">
        <v>53636</v>
      </c>
      <c r="C11709" s="1" t="s">
        <v>29260</v>
      </c>
      <c r="D11709" s="2">
        <v>164537</v>
      </c>
      <c r="E11709" s="1" t="s">
        <v>0</v>
      </c>
    </row>
    <row r="11710" spans="1:5" ht="409.5" x14ac:dyDescent="0.25">
      <c r="A11710" s="4" t="s">
        <v>29261</v>
      </c>
      <c r="B11710" s="1" t="s">
        <v>53637</v>
      </c>
      <c r="C11710" s="1" t="s">
        <v>29262</v>
      </c>
      <c r="D11710" s="2">
        <v>164538</v>
      </c>
      <c r="E11710" s="1" t="s">
        <v>0</v>
      </c>
    </row>
    <row r="11711" spans="1:5" x14ac:dyDescent="0.25">
      <c r="A11711" s="1" t="s">
        <v>29263</v>
      </c>
      <c r="B11711" s="1" t="s">
        <v>8406</v>
      </c>
      <c r="C11711" s="1" t="s">
        <v>29264</v>
      </c>
      <c r="D11711" s="2">
        <v>164539</v>
      </c>
      <c r="E11711" s="1" t="s">
        <v>0</v>
      </c>
    </row>
    <row r="11712" spans="1:5" x14ac:dyDescent="0.25">
      <c r="A11712" s="2">
        <v>2342</v>
      </c>
      <c r="B11712" s="2">
        <v>2342</v>
      </c>
      <c r="C11712" s="1" t="s">
        <v>0</v>
      </c>
      <c r="D11712" s="2">
        <v>164540</v>
      </c>
      <c r="E11712" s="1" t="s">
        <v>0</v>
      </c>
    </row>
    <row r="11713" spans="1:5" x14ac:dyDescent="0.25">
      <c r="A11713" s="1" t="s">
        <v>2149</v>
      </c>
      <c r="B11713" s="1" t="s">
        <v>8407</v>
      </c>
      <c r="C11713" s="1" t="s">
        <v>29265</v>
      </c>
      <c r="D11713" s="2">
        <v>164541</v>
      </c>
      <c r="E11713" s="1" t="s">
        <v>0</v>
      </c>
    </row>
    <row r="11714" spans="1:5" x14ac:dyDescent="0.25">
      <c r="A11714" s="1" t="s">
        <v>29266</v>
      </c>
      <c r="B11714" s="1" t="s">
        <v>62456</v>
      </c>
      <c r="C11714" s="1" t="s">
        <v>29267</v>
      </c>
      <c r="D11714" s="2">
        <v>164542</v>
      </c>
      <c r="E11714" s="1" t="s">
        <v>0</v>
      </c>
    </row>
    <row r="11715" spans="1:5" ht="409.5" x14ac:dyDescent="0.25">
      <c r="A11715" s="4" t="s">
        <v>29268</v>
      </c>
      <c r="B11715" s="1" t="s">
        <v>63336</v>
      </c>
      <c r="C11715" s="1" t="s">
        <v>29269</v>
      </c>
      <c r="D11715" s="2">
        <v>164543</v>
      </c>
      <c r="E11715" s="1" t="s">
        <v>0</v>
      </c>
    </row>
    <row r="11716" spans="1:5" x14ac:dyDescent="0.25">
      <c r="A11716" s="1" t="s">
        <v>29270</v>
      </c>
      <c r="B11716" s="1" t="s">
        <v>8408</v>
      </c>
      <c r="C11716" s="1" t="s">
        <v>29271</v>
      </c>
      <c r="D11716" s="2">
        <v>164544</v>
      </c>
      <c r="E11716" s="1" t="s">
        <v>0</v>
      </c>
    </row>
    <row r="11717" spans="1:5" x14ac:dyDescent="0.25">
      <c r="A11717" s="2">
        <v>2343</v>
      </c>
      <c r="B11717" s="2">
        <v>2343</v>
      </c>
      <c r="C11717" s="1" t="s">
        <v>0</v>
      </c>
      <c r="D11717" s="2">
        <v>164545</v>
      </c>
      <c r="E11717" s="1" t="s">
        <v>0</v>
      </c>
    </row>
    <row r="11718" spans="1:5" x14ac:dyDescent="0.25">
      <c r="A11718" s="1" t="s">
        <v>2150</v>
      </c>
      <c r="B11718" s="1" t="s">
        <v>53638</v>
      </c>
      <c r="C11718" s="1" t="s">
        <v>29272</v>
      </c>
      <c r="D11718" s="2">
        <v>164546</v>
      </c>
      <c r="E11718" s="1" t="s">
        <v>0</v>
      </c>
    </row>
    <row r="11719" spans="1:5" x14ac:dyDescent="0.25">
      <c r="A11719" s="1" t="s">
        <v>29273</v>
      </c>
      <c r="B11719" s="1" t="s">
        <v>63337</v>
      </c>
      <c r="C11719" s="1" t="s">
        <v>29274</v>
      </c>
      <c r="D11719" s="2">
        <v>164547</v>
      </c>
      <c r="E11719" s="1" t="s">
        <v>0</v>
      </c>
    </row>
    <row r="11720" spans="1:5" ht="409.5" x14ac:dyDescent="0.25">
      <c r="A11720" s="4" t="s">
        <v>29275</v>
      </c>
      <c r="B11720" s="1" t="s">
        <v>63338</v>
      </c>
      <c r="C11720" s="1" t="s">
        <v>29276</v>
      </c>
      <c r="D11720" s="2">
        <v>164548</v>
      </c>
      <c r="E11720" s="1" t="s">
        <v>0</v>
      </c>
    </row>
    <row r="11721" spans="1:5" x14ac:dyDescent="0.25">
      <c r="A11721" s="1" t="s">
        <v>29277</v>
      </c>
      <c r="B11721" s="1" t="s">
        <v>53639</v>
      </c>
      <c r="C11721" s="1" t="s">
        <v>29278</v>
      </c>
      <c r="D11721" s="2">
        <v>164549</v>
      </c>
      <c r="E11721" s="1" t="s">
        <v>0</v>
      </c>
    </row>
    <row r="11722" spans="1:5" x14ac:dyDescent="0.25">
      <c r="A11722" s="2">
        <v>2344</v>
      </c>
      <c r="B11722" s="2">
        <v>2344</v>
      </c>
      <c r="C11722" s="1" t="s">
        <v>0</v>
      </c>
      <c r="D11722" s="2">
        <v>164550</v>
      </c>
      <c r="E11722" s="1" t="s">
        <v>0</v>
      </c>
    </row>
    <row r="11723" spans="1:5" x14ac:dyDescent="0.25">
      <c r="A11723" s="1" t="s">
        <v>2151</v>
      </c>
      <c r="B11723" s="1" t="s">
        <v>53640</v>
      </c>
      <c r="C11723" s="1" t="s">
        <v>29279</v>
      </c>
      <c r="D11723" s="2">
        <v>164551</v>
      </c>
      <c r="E11723" s="1" t="s">
        <v>0</v>
      </c>
    </row>
    <row r="11724" spans="1:5" x14ac:dyDescent="0.25">
      <c r="A11724" s="1" t="s">
        <v>29280</v>
      </c>
      <c r="B11724" s="1" t="s">
        <v>53641</v>
      </c>
      <c r="C11724" s="1" t="s">
        <v>29281</v>
      </c>
      <c r="D11724" s="2">
        <v>164552</v>
      </c>
      <c r="E11724" s="1" t="s">
        <v>0</v>
      </c>
    </row>
    <row r="11725" spans="1:5" ht="409.5" x14ac:dyDescent="0.25">
      <c r="A11725" s="4" t="s">
        <v>29282</v>
      </c>
      <c r="B11725" s="1" t="s">
        <v>62457</v>
      </c>
      <c r="C11725" s="1" t="s">
        <v>29283</v>
      </c>
      <c r="D11725" s="2">
        <v>164553</v>
      </c>
      <c r="E11725" s="1" t="s">
        <v>0</v>
      </c>
    </row>
    <row r="11726" spans="1:5" x14ac:dyDescent="0.25">
      <c r="A11726" s="1" t="s">
        <v>29284</v>
      </c>
      <c r="B11726" s="1" t="s">
        <v>53642</v>
      </c>
      <c r="C11726" s="1" t="s">
        <v>29285</v>
      </c>
      <c r="D11726" s="2">
        <v>164554</v>
      </c>
      <c r="E11726" s="1" t="s">
        <v>0</v>
      </c>
    </row>
    <row r="11727" spans="1:5" x14ac:dyDescent="0.25">
      <c r="A11727" s="2">
        <v>2345</v>
      </c>
      <c r="B11727" s="2">
        <v>2345</v>
      </c>
      <c r="C11727" s="1" t="s">
        <v>0</v>
      </c>
      <c r="D11727" s="2">
        <v>164555</v>
      </c>
      <c r="E11727" s="1" t="s">
        <v>0</v>
      </c>
    </row>
    <row r="11728" spans="1:5" x14ac:dyDescent="0.25">
      <c r="A11728" s="1" t="s">
        <v>2152</v>
      </c>
      <c r="B11728" s="1" t="s">
        <v>59984</v>
      </c>
      <c r="C11728" s="1" t="s">
        <v>29286</v>
      </c>
      <c r="D11728" s="2">
        <v>164556</v>
      </c>
      <c r="E11728" s="1" t="s">
        <v>0</v>
      </c>
    </row>
    <row r="11729" spans="1:5" x14ac:dyDescent="0.25">
      <c r="A11729" s="1" t="s">
        <v>29287</v>
      </c>
      <c r="B11729" s="1" t="s">
        <v>53643</v>
      </c>
      <c r="C11729" s="1" t="s">
        <v>29288</v>
      </c>
      <c r="D11729" s="2">
        <v>164557</v>
      </c>
      <c r="E11729" s="1" t="s">
        <v>0</v>
      </c>
    </row>
    <row r="11730" spans="1:5" ht="409.5" x14ac:dyDescent="0.25">
      <c r="A11730" s="4" t="s">
        <v>29289</v>
      </c>
      <c r="B11730" s="1" t="s">
        <v>59985</v>
      </c>
      <c r="C11730" s="1" t="s">
        <v>29290</v>
      </c>
      <c r="D11730" s="2">
        <v>164558</v>
      </c>
      <c r="E11730" s="1" t="s">
        <v>0</v>
      </c>
    </row>
    <row r="11731" spans="1:5" x14ac:dyDescent="0.25">
      <c r="A11731" s="1" t="s">
        <v>29291</v>
      </c>
      <c r="B11731" s="1" t="s">
        <v>53644</v>
      </c>
      <c r="C11731" s="1" t="s">
        <v>29292</v>
      </c>
      <c r="D11731" s="2">
        <v>164559</v>
      </c>
      <c r="E11731" s="1" t="s">
        <v>0</v>
      </c>
    </row>
    <row r="11732" spans="1:5" x14ac:dyDescent="0.25">
      <c r="A11732" s="2">
        <v>2346</v>
      </c>
      <c r="B11732" s="2">
        <v>2346</v>
      </c>
      <c r="C11732" s="1" t="s">
        <v>0</v>
      </c>
      <c r="D11732" s="2">
        <v>164560</v>
      </c>
      <c r="E11732" s="1" t="s">
        <v>0</v>
      </c>
    </row>
    <row r="11733" spans="1:5" x14ac:dyDescent="0.25">
      <c r="A11733" s="1" t="s">
        <v>2153</v>
      </c>
      <c r="B11733" s="1" t="s">
        <v>53645</v>
      </c>
      <c r="C11733" s="1" t="s">
        <v>29293</v>
      </c>
      <c r="D11733" s="2">
        <v>164561</v>
      </c>
      <c r="E11733" s="1" t="s">
        <v>0</v>
      </c>
    </row>
    <row r="11734" spans="1:5" x14ac:dyDescent="0.25">
      <c r="A11734" s="1" t="s">
        <v>29294</v>
      </c>
      <c r="B11734" s="1" t="s">
        <v>63339</v>
      </c>
      <c r="C11734" s="1" t="s">
        <v>29295</v>
      </c>
      <c r="D11734" s="2">
        <v>164562</v>
      </c>
      <c r="E11734" s="1" t="s">
        <v>0</v>
      </c>
    </row>
    <row r="11735" spans="1:5" ht="409.5" x14ac:dyDescent="0.25">
      <c r="A11735" s="4" t="s">
        <v>29296</v>
      </c>
      <c r="B11735" s="1" t="s">
        <v>63340</v>
      </c>
      <c r="C11735" s="1" t="s">
        <v>29297</v>
      </c>
      <c r="D11735" s="2">
        <v>164563</v>
      </c>
      <c r="E11735" s="1" t="s">
        <v>0</v>
      </c>
    </row>
    <row r="11736" spans="1:5" x14ac:dyDescent="0.25">
      <c r="A11736" s="1" t="s">
        <v>29298</v>
      </c>
      <c r="B11736" s="1" t="s">
        <v>53646</v>
      </c>
      <c r="C11736" s="1" t="s">
        <v>29299</v>
      </c>
      <c r="D11736" s="2">
        <v>164564</v>
      </c>
      <c r="E11736" s="1" t="s">
        <v>0</v>
      </c>
    </row>
    <row r="11737" spans="1:5" x14ac:dyDescent="0.25">
      <c r="A11737" s="2">
        <v>2347</v>
      </c>
      <c r="B11737" s="2">
        <v>2347</v>
      </c>
      <c r="C11737" s="1" t="s">
        <v>0</v>
      </c>
      <c r="D11737" s="2">
        <v>164565</v>
      </c>
      <c r="E11737" s="1" t="s">
        <v>0</v>
      </c>
    </row>
    <row r="11738" spans="1:5" x14ac:dyDescent="0.25">
      <c r="A11738" s="1" t="s">
        <v>2154</v>
      </c>
      <c r="B11738" s="1" t="s">
        <v>8409</v>
      </c>
      <c r="C11738" s="1" t="s">
        <v>29300</v>
      </c>
      <c r="D11738" s="2">
        <v>164566</v>
      </c>
      <c r="E11738" s="1" t="s">
        <v>0</v>
      </c>
    </row>
    <row r="11739" spans="1:5" x14ac:dyDescent="0.25">
      <c r="A11739" s="1" t="s">
        <v>29301</v>
      </c>
      <c r="B11739" s="1" t="s">
        <v>53647</v>
      </c>
      <c r="C11739" s="1" t="s">
        <v>29302</v>
      </c>
      <c r="D11739" s="2">
        <v>164567</v>
      </c>
      <c r="E11739" s="1" t="s">
        <v>0</v>
      </c>
    </row>
    <row r="11740" spans="1:5" ht="409.5" x14ac:dyDescent="0.25">
      <c r="A11740" s="4" t="s">
        <v>29303</v>
      </c>
      <c r="B11740" s="1" t="s">
        <v>62458</v>
      </c>
      <c r="C11740" s="1" t="s">
        <v>29304</v>
      </c>
      <c r="D11740" s="2">
        <v>164568</v>
      </c>
      <c r="E11740" s="1" t="s">
        <v>0</v>
      </c>
    </row>
    <row r="11741" spans="1:5" x14ac:dyDescent="0.25">
      <c r="A11741" s="1" t="s">
        <v>29305</v>
      </c>
      <c r="B11741" s="1" t="s">
        <v>53648</v>
      </c>
      <c r="C11741" s="1" t="s">
        <v>29306</v>
      </c>
      <c r="D11741" s="2">
        <v>164569</v>
      </c>
      <c r="E11741" s="1" t="s">
        <v>0</v>
      </c>
    </row>
    <row r="11742" spans="1:5" x14ac:dyDescent="0.25">
      <c r="A11742" s="2">
        <v>2348</v>
      </c>
      <c r="B11742" s="2">
        <v>2348</v>
      </c>
      <c r="C11742" s="1" t="s">
        <v>0</v>
      </c>
      <c r="D11742" s="2">
        <v>164570</v>
      </c>
      <c r="E11742" s="1" t="s">
        <v>0</v>
      </c>
    </row>
    <row r="11743" spans="1:5" x14ac:dyDescent="0.25">
      <c r="A11743" s="1" t="s">
        <v>2155</v>
      </c>
      <c r="B11743" s="1" t="s">
        <v>8410</v>
      </c>
      <c r="C11743" s="1" t="s">
        <v>29307</v>
      </c>
      <c r="D11743" s="2">
        <v>164571</v>
      </c>
      <c r="E11743" s="1" t="s">
        <v>0</v>
      </c>
    </row>
    <row r="11744" spans="1:5" x14ac:dyDescent="0.25">
      <c r="A11744" s="1" t="s">
        <v>29308</v>
      </c>
      <c r="B11744" s="1" t="s">
        <v>8411</v>
      </c>
      <c r="C11744" s="1" t="s">
        <v>29309</v>
      </c>
      <c r="D11744" s="2">
        <v>164572</v>
      </c>
      <c r="E11744" s="1" t="s">
        <v>0</v>
      </c>
    </row>
    <row r="11745" spans="1:5" ht="409.5" x14ac:dyDescent="0.25">
      <c r="A11745" s="4" t="s">
        <v>29310</v>
      </c>
      <c r="B11745" s="1" t="s">
        <v>63341</v>
      </c>
      <c r="C11745" s="1" t="s">
        <v>29311</v>
      </c>
      <c r="D11745" s="2">
        <v>164573</v>
      </c>
      <c r="E11745" s="1" t="s">
        <v>0</v>
      </c>
    </row>
    <row r="11746" spans="1:5" x14ac:dyDescent="0.25">
      <c r="A11746" s="1" t="s">
        <v>29312</v>
      </c>
      <c r="B11746" s="1" t="s">
        <v>8412</v>
      </c>
      <c r="C11746" s="1" t="s">
        <v>29313</v>
      </c>
      <c r="D11746" s="2">
        <v>164574</v>
      </c>
      <c r="E11746" s="1" t="s">
        <v>0</v>
      </c>
    </row>
    <row r="11747" spans="1:5" x14ac:dyDescent="0.25">
      <c r="A11747" s="2">
        <v>2349</v>
      </c>
      <c r="B11747" s="2">
        <v>2349</v>
      </c>
      <c r="C11747" s="1" t="s">
        <v>0</v>
      </c>
      <c r="D11747" s="2">
        <v>164575</v>
      </c>
      <c r="E11747" s="1" t="s">
        <v>0</v>
      </c>
    </row>
    <row r="11748" spans="1:5" x14ac:dyDescent="0.25">
      <c r="A11748" s="1" t="s">
        <v>2156</v>
      </c>
      <c r="B11748" s="1" t="s">
        <v>8413</v>
      </c>
      <c r="C11748" s="1" t="s">
        <v>29314</v>
      </c>
      <c r="D11748" s="2">
        <v>164576</v>
      </c>
      <c r="E11748" s="1" t="s">
        <v>0</v>
      </c>
    </row>
    <row r="11749" spans="1:5" x14ac:dyDescent="0.25">
      <c r="A11749" s="1" t="s">
        <v>29315</v>
      </c>
      <c r="B11749" s="1" t="s">
        <v>53649</v>
      </c>
      <c r="C11749" s="1" t="s">
        <v>29316</v>
      </c>
      <c r="D11749" s="2">
        <v>164577</v>
      </c>
      <c r="E11749" s="1" t="s">
        <v>0</v>
      </c>
    </row>
    <row r="11750" spans="1:5" ht="409.5" x14ac:dyDescent="0.25">
      <c r="A11750" s="4" t="s">
        <v>29317</v>
      </c>
      <c r="B11750" s="1" t="s">
        <v>57841</v>
      </c>
      <c r="C11750" s="1" t="s">
        <v>29318</v>
      </c>
      <c r="D11750" s="2">
        <v>164578</v>
      </c>
      <c r="E11750" s="1" t="s">
        <v>0</v>
      </c>
    </row>
    <row r="11751" spans="1:5" x14ac:dyDescent="0.25">
      <c r="A11751" s="1" t="s">
        <v>29319</v>
      </c>
      <c r="B11751" s="1" t="s">
        <v>53650</v>
      </c>
      <c r="C11751" s="1" t="s">
        <v>29320</v>
      </c>
      <c r="D11751" s="2">
        <v>164579</v>
      </c>
      <c r="E11751" s="1" t="s">
        <v>0</v>
      </c>
    </row>
    <row r="11752" spans="1:5" x14ac:dyDescent="0.25">
      <c r="A11752" s="2">
        <v>2350</v>
      </c>
      <c r="B11752" s="2">
        <v>2350</v>
      </c>
      <c r="C11752" s="1" t="s">
        <v>0</v>
      </c>
      <c r="D11752" s="2">
        <v>164580</v>
      </c>
      <c r="E11752" s="1" t="s">
        <v>0</v>
      </c>
    </row>
    <row r="11753" spans="1:5" x14ac:dyDescent="0.25">
      <c r="A11753" s="1" t="s">
        <v>2157</v>
      </c>
      <c r="B11753" s="1" t="s">
        <v>8414</v>
      </c>
      <c r="C11753" s="1" t="s">
        <v>29321</v>
      </c>
      <c r="D11753" s="2">
        <v>164581</v>
      </c>
      <c r="E11753" s="1" t="s">
        <v>0</v>
      </c>
    </row>
    <row r="11754" spans="1:5" x14ac:dyDescent="0.25">
      <c r="A11754" s="1" t="s">
        <v>29322</v>
      </c>
      <c r="B11754" s="1" t="s">
        <v>8415</v>
      </c>
      <c r="C11754" s="1" t="s">
        <v>29323</v>
      </c>
      <c r="D11754" s="2">
        <v>164582</v>
      </c>
      <c r="E11754" s="1" t="s">
        <v>0</v>
      </c>
    </row>
    <row r="11755" spans="1:5" ht="409.5" x14ac:dyDescent="0.25">
      <c r="A11755" s="4" t="s">
        <v>29324</v>
      </c>
      <c r="B11755" s="1" t="s">
        <v>58078</v>
      </c>
      <c r="C11755" s="1" t="s">
        <v>29325</v>
      </c>
      <c r="D11755" s="2">
        <v>164583</v>
      </c>
      <c r="E11755" s="1" t="s">
        <v>0</v>
      </c>
    </row>
    <row r="11756" spans="1:5" x14ac:dyDescent="0.25">
      <c r="A11756" s="1" t="s">
        <v>29326</v>
      </c>
      <c r="B11756" s="1" t="s">
        <v>53651</v>
      </c>
      <c r="C11756" s="1" t="s">
        <v>29327</v>
      </c>
      <c r="D11756" s="2">
        <v>164584</v>
      </c>
      <c r="E11756" s="1" t="s">
        <v>0</v>
      </c>
    </row>
    <row r="11757" spans="1:5" x14ac:dyDescent="0.25">
      <c r="A11757" s="2">
        <v>2351</v>
      </c>
      <c r="B11757" s="2">
        <v>2351</v>
      </c>
      <c r="C11757" s="1" t="s">
        <v>0</v>
      </c>
      <c r="D11757" s="2">
        <v>164585</v>
      </c>
      <c r="E11757" s="1" t="s">
        <v>0</v>
      </c>
    </row>
    <row r="11758" spans="1:5" x14ac:dyDescent="0.25">
      <c r="A11758" s="1" t="s">
        <v>2158</v>
      </c>
      <c r="B11758" s="1" t="s">
        <v>8416</v>
      </c>
      <c r="C11758" s="1" t="s">
        <v>29328</v>
      </c>
      <c r="D11758" s="2">
        <v>164586</v>
      </c>
      <c r="E11758" s="1" t="s">
        <v>0</v>
      </c>
    </row>
    <row r="11759" spans="1:5" x14ac:dyDescent="0.25">
      <c r="A11759" s="1" t="s">
        <v>29329</v>
      </c>
      <c r="B11759" s="1" t="s">
        <v>53652</v>
      </c>
      <c r="C11759" s="1" t="s">
        <v>29330</v>
      </c>
      <c r="D11759" s="2">
        <v>164587</v>
      </c>
      <c r="E11759" s="1" t="s">
        <v>0</v>
      </c>
    </row>
    <row r="11760" spans="1:5" ht="409.5" x14ac:dyDescent="0.25">
      <c r="A11760" s="4" t="s">
        <v>29331</v>
      </c>
      <c r="B11760" s="1" t="s">
        <v>62459</v>
      </c>
      <c r="C11760" s="1" t="s">
        <v>29332</v>
      </c>
      <c r="D11760" s="2">
        <v>164588</v>
      </c>
      <c r="E11760" s="1" t="s">
        <v>0</v>
      </c>
    </row>
    <row r="11761" spans="1:5" x14ac:dyDescent="0.25">
      <c r="A11761" s="1" t="s">
        <v>29333</v>
      </c>
      <c r="B11761" s="1" t="s">
        <v>8417</v>
      </c>
      <c r="C11761" s="1" t="s">
        <v>29334</v>
      </c>
      <c r="D11761" s="2">
        <v>164589</v>
      </c>
      <c r="E11761" s="1" t="s">
        <v>0</v>
      </c>
    </row>
    <row r="11762" spans="1:5" x14ac:dyDescent="0.25">
      <c r="A11762" s="2">
        <v>2352</v>
      </c>
      <c r="B11762" s="2">
        <v>2352</v>
      </c>
      <c r="C11762" s="1" t="s">
        <v>0</v>
      </c>
      <c r="D11762" s="2">
        <v>164590</v>
      </c>
      <c r="E11762" s="1" t="s">
        <v>0</v>
      </c>
    </row>
    <row r="11763" spans="1:5" x14ac:dyDescent="0.25">
      <c r="A11763" s="1" t="s">
        <v>2159</v>
      </c>
      <c r="B11763" s="1" t="s">
        <v>8418</v>
      </c>
      <c r="C11763" s="1" t="s">
        <v>29335</v>
      </c>
      <c r="D11763" s="2">
        <v>164591</v>
      </c>
      <c r="E11763" s="1" t="s">
        <v>0</v>
      </c>
    </row>
    <row r="11764" spans="1:5" x14ac:dyDescent="0.25">
      <c r="A11764" s="1" t="s">
        <v>29336</v>
      </c>
      <c r="B11764" s="1" t="s">
        <v>63342</v>
      </c>
      <c r="C11764" s="1" t="s">
        <v>29337</v>
      </c>
      <c r="D11764" s="2">
        <v>164592</v>
      </c>
      <c r="E11764" s="1" t="s">
        <v>0</v>
      </c>
    </row>
    <row r="11765" spans="1:5" ht="409.5" x14ac:dyDescent="0.25">
      <c r="A11765" s="4" t="s">
        <v>29338</v>
      </c>
      <c r="B11765" s="1" t="s">
        <v>63343</v>
      </c>
      <c r="C11765" s="1" t="s">
        <v>29339</v>
      </c>
      <c r="D11765" s="2">
        <v>164593</v>
      </c>
      <c r="E11765" s="1" t="s">
        <v>0</v>
      </c>
    </row>
    <row r="11766" spans="1:5" x14ac:dyDescent="0.25">
      <c r="A11766" s="1" t="s">
        <v>29340</v>
      </c>
      <c r="B11766" s="1" t="s">
        <v>53653</v>
      </c>
      <c r="C11766" s="1" t="s">
        <v>29341</v>
      </c>
      <c r="D11766" s="2">
        <v>164594</v>
      </c>
      <c r="E11766" s="1" t="s">
        <v>0</v>
      </c>
    </row>
    <row r="11767" spans="1:5" x14ac:dyDescent="0.25">
      <c r="A11767" s="2">
        <v>2353</v>
      </c>
      <c r="B11767" s="2">
        <v>2353</v>
      </c>
      <c r="C11767" s="1" t="s">
        <v>0</v>
      </c>
      <c r="D11767" s="2">
        <v>164595</v>
      </c>
      <c r="E11767" s="1" t="s">
        <v>0</v>
      </c>
    </row>
    <row r="11768" spans="1:5" x14ac:dyDescent="0.25">
      <c r="A11768" s="1" t="s">
        <v>2160</v>
      </c>
      <c r="B11768" s="1" t="s">
        <v>8419</v>
      </c>
      <c r="C11768" s="1" t="s">
        <v>29342</v>
      </c>
      <c r="D11768" s="2">
        <v>164596</v>
      </c>
      <c r="E11768" s="1" t="s">
        <v>0</v>
      </c>
    </row>
    <row r="11769" spans="1:5" x14ac:dyDescent="0.25">
      <c r="A11769" s="1" t="s">
        <v>29343</v>
      </c>
      <c r="B11769" s="1" t="s">
        <v>8420</v>
      </c>
      <c r="C11769" s="1" t="s">
        <v>29344</v>
      </c>
      <c r="D11769" s="2">
        <v>164597</v>
      </c>
      <c r="E11769" s="1" t="s">
        <v>0</v>
      </c>
    </row>
    <row r="11770" spans="1:5" ht="409.5" x14ac:dyDescent="0.25">
      <c r="A11770" s="4" t="s">
        <v>29345</v>
      </c>
      <c r="B11770" s="1" t="s">
        <v>62460</v>
      </c>
      <c r="C11770" s="1" t="s">
        <v>29346</v>
      </c>
      <c r="D11770" s="2">
        <v>164598</v>
      </c>
      <c r="E11770" s="1" t="s">
        <v>0</v>
      </c>
    </row>
    <row r="11771" spans="1:5" x14ac:dyDescent="0.25">
      <c r="A11771" s="1" t="s">
        <v>29347</v>
      </c>
      <c r="B11771" s="1" t="s">
        <v>53654</v>
      </c>
      <c r="C11771" s="1" t="s">
        <v>29348</v>
      </c>
      <c r="D11771" s="2">
        <v>164599</v>
      </c>
      <c r="E11771" s="1" t="s">
        <v>0</v>
      </c>
    </row>
    <row r="11772" spans="1:5" x14ac:dyDescent="0.25">
      <c r="A11772" s="2">
        <v>2354</v>
      </c>
      <c r="B11772" s="2">
        <v>2354</v>
      </c>
      <c r="C11772" s="1" t="s">
        <v>0</v>
      </c>
      <c r="D11772" s="2">
        <v>164600</v>
      </c>
      <c r="E11772" s="1" t="s">
        <v>0</v>
      </c>
    </row>
    <row r="11773" spans="1:5" x14ac:dyDescent="0.25">
      <c r="A11773" s="1" t="s">
        <v>8421</v>
      </c>
      <c r="B11773" s="1" t="s">
        <v>8422</v>
      </c>
      <c r="C11773" s="1" t="s">
        <v>29349</v>
      </c>
      <c r="D11773" s="2">
        <v>164601</v>
      </c>
      <c r="E11773" s="1" t="s">
        <v>0</v>
      </c>
    </row>
    <row r="11774" spans="1:5" x14ac:dyDescent="0.25">
      <c r="A11774" s="1" t="s">
        <v>29350</v>
      </c>
      <c r="B11774" s="1" t="s">
        <v>53655</v>
      </c>
      <c r="C11774" s="1" t="s">
        <v>29351</v>
      </c>
      <c r="D11774" s="2">
        <v>164602</v>
      </c>
      <c r="E11774" s="1" t="s">
        <v>0</v>
      </c>
    </row>
    <row r="11775" spans="1:5" ht="409.5" x14ac:dyDescent="0.25">
      <c r="A11775" s="4" t="s">
        <v>29352</v>
      </c>
      <c r="B11775" s="1" t="s">
        <v>53656</v>
      </c>
      <c r="C11775" s="1" t="s">
        <v>29353</v>
      </c>
      <c r="D11775" s="2">
        <v>164603</v>
      </c>
      <c r="E11775" s="1" t="s">
        <v>0</v>
      </c>
    </row>
    <row r="11776" spans="1:5" x14ac:dyDescent="0.25">
      <c r="A11776" s="1" t="s">
        <v>29354</v>
      </c>
      <c r="B11776" s="1" t="s">
        <v>53657</v>
      </c>
      <c r="C11776" s="1" t="s">
        <v>29355</v>
      </c>
      <c r="D11776" s="2">
        <v>164604</v>
      </c>
      <c r="E11776" s="1" t="s">
        <v>0</v>
      </c>
    </row>
    <row r="11777" spans="1:5" x14ac:dyDescent="0.25">
      <c r="A11777" s="2">
        <v>2355</v>
      </c>
      <c r="B11777" s="2">
        <v>2355</v>
      </c>
      <c r="C11777" s="1" t="s">
        <v>0</v>
      </c>
      <c r="D11777" s="2">
        <v>164605</v>
      </c>
      <c r="E11777" s="1" t="s">
        <v>0</v>
      </c>
    </row>
    <row r="11778" spans="1:5" x14ac:dyDescent="0.25">
      <c r="A11778" s="1" t="s">
        <v>2161</v>
      </c>
      <c r="B11778" s="1" t="s">
        <v>8423</v>
      </c>
      <c r="C11778" s="1" t="s">
        <v>29356</v>
      </c>
      <c r="D11778" s="2">
        <v>164606</v>
      </c>
      <c r="E11778" s="1" t="s">
        <v>0</v>
      </c>
    </row>
    <row r="11779" spans="1:5" x14ac:dyDescent="0.25">
      <c r="A11779" s="1" t="s">
        <v>29357</v>
      </c>
      <c r="B11779" s="1" t="s">
        <v>63880</v>
      </c>
      <c r="C11779" s="1" t="s">
        <v>29358</v>
      </c>
      <c r="D11779" s="2">
        <v>164607</v>
      </c>
      <c r="E11779" s="1" t="s">
        <v>0</v>
      </c>
    </row>
    <row r="11780" spans="1:5" ht="409.5" x14ac:dyDescent="0.25">
      <c r="A11780" s="4" t="s">
        <v>29359</v>
      </c>
      <c r="B11780" s="1" t="s">
        <v>63881</v>
      </c>
      <c r="C11780" s="1" t="s">
        <v>29360</v>
      </c>
      <c r="D11780" s="2">
        <v>164608</v>
      </c>
      <c r="E11780" s="1" t="s">
        <v>0</v>
      </c>
    </row>
    <row r="11781" spans="1:5" x14ac:dyDescent="0.25">
      <c r="A11781" s="1" t="s">
        <v>29361</v>
      </c>
      <c r="B11781" s="1" t="s">
        <v>8424</v>
      </c>
      <c r="C11781" s="1" t="s">
        <v>29362</v>
      </c>
      <c r="D11781" s="2">
        <v>164609</v>
      </c>
      <c r="E11781" s="1" t="s">
        <v>0</v>
      </c>
    </row>
    <row r="11782" spans="1:5" x14ac:dyDescent="0.25">
      <c r="A11782" s="2">
        <v>2356</v>
      </c>
      <c r="B11782" s="2">
        <v>2356</v>
      </c>
      <c r="C11782" s="1" t="s">
        <v>0</v>
      </c>
      <c r="D11782" s="2">
        <v>164610</v>
      </c>
      <c r="E11782" s="1" t="s">
        <v>0</v>
      </c>
    </row>
    <row r="11783" spans="1:5" x14ac:dyDescent="0.25">
      <c r="A11783" s="1" t="s">
        <v>2162</v>
      </c>
      <c r="B11783" s="1" t="s">
        <v>53658</v>
      </c>
      <c r="C11783" s="1" t="s">
        <v>29363</v>
      </c>
      <c r="D11783" s="2">
        <v>164611</v>
      </c>
      <c r="E11783" s="1" t="s">
        <v>0</v>
      </c>
    </row>
    <row r="11784" spans="1:5" x14ac:dyDescent="0.25">
      <c r="A11784" s="1" t="s">
        <v>29364</v>
      </c>
      <c r="B11784" s="1" t="s">
        <v>57514</v>
      </c>
      <c r="C11784" s="1" t="s">
        <v>29365</v>
      </c>
      <c r="D11784" s="2">
        <v>164612</v>
      </c>
      <c r="E11784" s="1" t="s">
        <v>0</v>
      </c>
    </row>
    <row r="11785" spans="1:5" ht="409.5" x14ac:dyDescent="0.25">
      <c r="A11785" s="4" t="s">
        <v>29366</v>
      </c>
      <c r="B11785" s="1" t="s">
        <v>57515</v>
      </c>
      <c r="C11785" s="1" t="s">
        <v>29367</v>
      </c>
      <c r="D11785" s="2">
        <v>164613</v>
      </c>
      <c r="E11785" s="1" t="s">
        <v>0</v>
      </c>
    </row>
    <row r="11786" spans="1:5" x14ac:dyDescent="0.25">
      <c r="A11786" s="1" t="s">
        <v>29368</v>
      </c>
      <c r="B11786" s="1" t="s">
        <v>8425</v>
      </c>
      <c r="C11786" s="1" t="s">
        <v>29369</v>
      </c>
      <c r="D11786" s="2">
        <v>164614</v>
      </c>
      <c r="E11786" s="1" t="s">
        <v>0</v>
      </c>
    </row>
    <row r="11787" spans="1:5" x14ac:dyDescent="0.25">
      <c r="A11787" s="2">
        <v>2357</v>
      </c>
      <c r="B11787" s="2">
        <v>2357</v>
      </c>
      <c r="C11787" s="1" t="s">
        <v>0</v>
      </c>
      <c r="D11787" s="2">
        <v>164615</v>
      </c>
      <c r="E11787" s="1" t="s">
        <v>0</v>
      </c>
    </row>
    <row r="11788" spans="1:5" x14ac:dyDescent="0.25">
      <c r="A11788" s="1" t="s">
        <v>2163</v>
      </c>
      <c r="B11788" s="1" t="s">
        <v>8426</v>
      </c>
      <c r="C11788" s="1" t="s">
        <v>29370</v>
      </c>
      <c r="D11788" s="2">
        <v>164616</v>
      </c>
      <c r="E11788" s="1" t="s">
        <v>0</v>
      </c>
    </row>
    <row r="11789" spans="1:5" x14ac:dyDescent="0.25">
      <c r="A11789" s="1" t="s">
        <v>29371</v>
      </c>
      <c r="B11789" s="1" t="s">
        <v>62461</v>
      </c>
      <c r="C11789" s="1" t="s">
        <v>29372</v>
      </c>
      <c r="D11789" s="2">
        <v>164617</v>
      </c>
      <c r="E11789" s="1" t="s">
        <v>0</v>
      </c>
    </row>
    <row r="11790" spans="1:5" ht="409.5" x14ac:dyDescent="0.25">
      <c r="A11790" s="4" t="s">
        <v>29373</v>
      </c>
      <c r="B11790" s="1" t="s">
        <v>62462</v>
      </c>
      <c r="C11790" s="1" t="s">
        <v>29374</v>
      </c>
      <c r="D11790" s="2">
        <v>164618</v>
      </c>
      <c r="E11790" s="1" t="s">
        <v>0</v>
      </c>
    </row>
    <row r="11791" spans="1:5" x14ac:dyDescent="0.25">
      <c r="A11791" s="1" t="s">
        <v>29375</v>
      </c>
      <c r="B11791" s="1" t="s">
        <v>8427</v>
      </c>
      <c r="C11791" s="1" t="s">
        <v>29376</v>
      </c>
      <c r="D11791" s="2">
        <v>164619</v>
      </c>
      <c r="E11791" s="1" t="s">
        <v>0</v>
      </c>
    </row>
    <row r="11792" spans="1:5" x14ac:dyDescent="0.25">
      <c r="A11792" s="2">
        <v>2358</v>
      </c>
      <c r="B11792" s="2">
        <v>2358</v>
      </c>
      <c r="C11792" s="1" t="s">
        <v>0</v>
      </c>
      <c r="D11792" s="2">
        <v>164620</v>
      </c>
      <c r="E11792" s="1" t="s">
        <v>0</v>
      </c>
    </row>
    <row r="11793" spans="1:5" x14ac:dyDescent="0.25">
      <c r="A11793" s="1" t="s">
        <v>2164</v>
      </c>
      <c r="B11793" s="1" t="s">
        <v>59986</v>
      </c>
      <c r="C11793" s="1" t="s">
        <v>29377</v>
      </c>
      <c r="D11793" s="2">
        <v>164621</v>
      </c>
      <c r="E11793" s="1" t="s">
        <v>0</v>
      </c>
    </row>
    <row r="11794" spans="1:5" x14ac:dyDescent="0.25">
      <c r="A11794" s="1" t="s">
        <v>29378</v>
      </c>
      <c r="B11794" s="1" t="s">
        <v>56759</v>
      </c>
      <c r="C11794" s="1" t="s">
        <v>29379</v>
      </c>
      <c r="D11794" s="2">
        <v>164622</v>
      </c>
      <c r="E11794" s="1" t="s">
        <v>0</v>
      </c>
    </row>
    <row r="11795" spans="1:5" ht="409.5" x14ac:dyDescent="0.25">
      <c r="A11795" s="4" t="s">
        <v>29380</v>
      </c>
      <c r="B11795" s="1" t="s">
        <v>56760</v>
      </c>
      <c r="C11795" s="1" t="s">
        <v>29381</v>
      </c>
      <c r="D11795" s="2">
        <v>164623</v>
      </c>
      <c r="E11795" s="1" t="s">
        <v>0</v>
      </c>
    </row>
    <row r="11796" spans="1:5" x14ac:dyDescent="0.25">
      <c r="A11796" s="1" t="s">
        <v>29382</v>
      </c>
      <c r="B11796" s="1" t="s">
        <v>53659</v>
      </c>
      <c r="C11796" s="1" t="s">
        <v>29383</v>
      </c>
      <c r="D11796" s="2">
        <v>164624</v>
      </c>
      <c r="E11796" s="1" t="s">
        <v>0</v>
      </c>
    </row>
    <row r="11797" spans="1:5" x14ac:dyDescent="0.25">
      <c r="A11797" s="2">
        <v>2359</v>
      </c>
      <c r="B11797" s="2">
        <v>2359</v>
      </c>
      <c r="C11797" s="1" t="s">
        <v>0</v>
      </c>
      <c r="D11797" s="2">
        <v>164625</v>
      </c>
      <c r="E11797" s="1" t="s">
        <v>0</v>
      </c>
    </row>
    <row r="11798" spans="1:5" x14ac:dyDescent="0.25">
      <c r="A11798" s="1" t="s">
        <v>2165</v>
      </c>
      <c r="B11798" s="1" t="s">
        <v>8428</v>
      </c>
      <c r="C11798" s="1" t="s">
        <v>29384</v>
      </c>
      <c r="D11798" s="2">
        <v>164626</v>
      </c>
      <c r="E11798" s="1" t="s">
        <v>0</v>
      </c>
    </row>
    <row r="11799" spans="1:5" x14ac:dyDescent="0.25">
      <c r="A11799" s="1" t="s">
        <v>29385</v>
      </c>
      <c r="B11799" s="1" t="s">
        <v>53660</v>
      </c>
      <c r="C11799" s="1" t="s">
        <v>29386</v>
      </c>
      <c r="D11799" s="2">
        <v>164627</v>
      </c>
      <c r="E11799" s="1" t="s">
        <v>0</v>
      </c>
    </row>
    <row r="11800" spans="1:5" ht="409.5" x14ac:dyDescent="0.25">
      <c r="A11800" s="4" t="s">
        <v>29387</v>
      </c>
      <c r="B11800" s="1" t="s">
        <v>58361</v>
      </c>
      <c r="C11800" s="1" t="s">
        <v>29388</v>
      </c>
      <c r="D11800" s="2">
        <v>164628</v>
      </c>
      <c r="E11800" s="1" t="s">
        <v>0</v>
      </c>
    </row>
    <row r="11801" spans="1:5" x14ac:dyDescent="0.25">
      <c r="A11801" s="1" t="s">
        <v>29389</v>
      </c>
      <c r="B11801" s="1" t="s">
        <v>53661</v>
      </c>
      <c r="C11801" s="1" t="s">
        <v>29390</v>
      </c>
      <c r="D11801" s="2">
        <v>164629</v>
      </c>
      <c r="E11801" s="1" t="s">
        <v>0</v>
      </c>
    </row>
    <row r="11802" spans="1:5" x14ac:dyDescent="0.25">
      <c r="A11802" s="2">
        <v>2360</v>
      </c>
      <c r="B11802" s="2">
        <v>2360</v>
      </c>
      <c r="C11802" s="1" t="s">
        <v>0</v>
      </c>
      <c r="D11802" s="2">
        <v>164630</v>
      </c>
      <c r="E11802" s="1" t="s">
        <v>0</v>
      </c>
    </row>
    <row r="11803" spans="1:5" x14ac:dyDescent="0.25">
      <c r="A11803" s="1" t="s">
        <v>2166</v>
      </c>
      <c r="B11803" s="1" t="s">
        <v>8429</v>
      </c>
      <c r="C11803" s="1" t="s">
        <v>29391</v>
      </c>
      <c r="D11803" s="2">
        <v>164631</v>
      </c>
      <c r="E11803" s="1" t="s">
        <v>0</v>
      </c>
    </row>
    <row r="11804" spans="1:5" x14ac:dyDescent="0.25">
      <c r="A11804" s="1" t="s">
        <v>29392</v>
      </c>
      <c r="B11804" s="1" t="s">
        <v>53662</v>
      </c>
      <c r="C11804" s="1" t="s">
        <v>29393</v>
      </c>
      <c r="D11804" s="2">
        <v>164632</v>
      </c>
      <c r="E11804" s="1" t="s">
        <v>0</v>
      </c>
    </row>
    <row r="11805" spans="1:5" ht="409.5" x14ac:dyDescent="0.25">
      <c r="A11805" s="4" t="s">
        <v>29394</v>
      </c>
      <c r="B11805" s="1" t="s">
        <v>63344</v>
      </c>
      <c r="C11805" s="1" t="s">
        <v>29395</v>
      </c>
      <c r="D11805" s="2">
        <v>164633</v>
      </c>
      <c r="E11805" s="1" t="s">
        <v>0</v>
      </c>
    </row>
    <row r="11806" spans="1:5" x14ac:dyDescent="0.25">
      <c r="A11806" s="1" t="s">
        <v>29396</v>
      </c>
      <c r="B11806" s="1" t="s">
        <v>50709</v>
      </c>
      <c r="C11806" s="1" t="s">
        <v>29397</v>
      </c>
      <c r="D11806" s="2">
        <v>164634</v>
      </c>
      <c r="E11806" s="1" t="s">
        <v>0</v>
      </c>
    </row>
    <row r="11807" spans="1:5" x14ac:dyDescent="0.25">
      <c r="A11807" s="2">
        <v>2361</v>
      </c>
      <c r="B11807" s="2">
        <v>2361</v>
      </c>
      <c r="C11807" s="1" t="s">
        <v>0</v>
      </c>
      <c r="D11807" s="2">
        <v>164635</v>
      </c>
      <c r="E11807" s="1" t="s">
        <v>0</v>
      </c>
    </row>
    <row r="11808" spans="1:5" x14ac:dyDescent="0.25">
      <c r="A11808" s="1" t="s">
        <v>2167</v>
      </c>
      <c r="B11808" s="1" t="s">
        <v>8430</v>
      </c>
      <c r="C11808" s="1" t="s">
        <v>29398</v>
      </c>
      <c r="D11808" s="2">
        <v>164636</v>
      </c>
      <c r="E11808" s="1" t="s">
        <v>0</v>
      </c>
    </row>
    <row r="11809" spans="1:5" x14ac:dyDescent="0.25">
      <c r="A11809" s="1" t="s">
        <v>29399</v>
      </c>
      <c r="B11809" s="1" t="s">
        <v>63345</v>
      </c>
      <c r="C11809" s="1" t="s">
        <v>29400</v>
      </c>
      <c r="D11809" s="2">
        <v>164637</v>
      </c>
      <c r="E11809" s="1" t="s">
        <v>0</v>
      </c>
    </row>
    <row r="11810" spans="1:5" ht="409.5" x14ac:dyDescent="0.25">
      <c r="A11810" s="4" t="s">
        <v>29401</v>
      </c>
      <c r="B11810" s="1" t="s">
        <v>63346</v>
      </c>
      <c r="C11810" s="1" t="s">
        <v>29402</v>
      </c>
      <c r="D11810" s="2">
        <v>164638</v>
      </c>
      <c r="E11810" s="1" t="s">
        <v>0</v>
      </c>
    </row>
    <row r="11811" spans="1:5" x14ac:dyDescent="0.25">
      <c r="A11811" s="1" t="s">
        <v>29403</v>
      </c>
      <c r="B11811" s="1" t="s">
        <v>8431</v>
      </c>
      <c r="C11811" s="1" t="s">
        <v>29404</v>
      </c>
      <c r="D11811" s="2">
        <v>164639</v>
      </c>
      <c r="E11811" s="1" t="s">
        <v>0</v>
      </c>
    </row>
    <row r="11812" spans="1:5" x14ac:dyDescent="0.25">
      <c r="A11812" s="2">
        <v>2362</v>
      </c>
      <c r="B11812" s="2">
        <v>2362</v>
      </c>
      <c r="C11812" s="1" t="s">
        <v>0</v>
      </c>
      <c r="D11812" s="2">
        <v>164640</v>
      </c>
      <c r="E11812" s="1" t="s">
        <v>0</v>
      </c>
    </row>
    <row r="11813" spans="1:5" x14ac:dyDescent="0.25">
      <c r="A11813" s="1" t="s">
        <v>2168</v>
      </c>
      <c r="B11813" s="1" t="s">
        <v>8432</v>
      </c>
      <c r="C11813" s="1" t="s">
        <v>29405</v>
      </c>
      <c r="D11813" s="2">
        <v>164641</v>
      </c>
      <c r="E11813" s="1" t="s">
        <v>0</v>
      </c>
    </row>
    <row r="11814" spans="1:5" x14ac:dyDescent="0.25">
      <c r="A11814" s="1" t="s">
        <v>29406</v>
      </c>
      <c r="B11814" s="1" t="s">
        <v>8433</v>
      </c>
      <c r="C11814" s="1" t="s">
        <v>29407</v>
      </c>
      <c r="D11814" s="2">
        <v>164642</v>
      </c>
      <c r="E11814" s="1" t="s">
        <v>0</v>
      </c>
    </row>
    <row r="11815" spans="1:5" ht="409.5" x14ac:dyDescent="0.25">
      <c r="A11815" s="4" t="s">
        <v>29408</v>
      </c>
      <c r="B11815" s="1" t="s">
        <v>53663</v>
      </c>
      <c r="C11815" s="1" t="s">
        <v>29409</v>
      </c>
      <c r="D11815" s="2">
        <v>164643</v>
      </c>
      <c r="E11815" s="1" t="s">
        <v>0</v>
      </c>
    </row>
    <row r="11816" spans="1:5" x14ac:dyDescent="0.25">
      <c r="A11816" s="1" t="s">
        <v>29410</v>
      </c>
      <c r="B11816" s="1" t="s">
        <v>8434</v>
      </c>
      <c r="C11816" s="1" t="s">
        <v>29411</v>
      </c>
      <c r="D11816" s="2">
        <v>164644</v>
      </c>
      <c r="E11816" s="1" t="s">
        <v>0</v>
      </c>
    </row>
    <row r="11817" spans="1:5" x14ac:dyDescent="0.25">
      <c r="A11817" s="2">
        <v>2363</v>
      </c>
      <c r="B11817" s="2">
        <v>2363</v>
      </c>
      <c r="C11817" s="1" t="s">
        <v>0</v>
      </c>
      <c r="D11817" s="2">
        <v>164645</v>
      </c>
      <c r="E11817" s="1" t="s">
        <v>0</v>
      </c>
    </row>
    <row r="11818" spans="1:5" x14ac:dyDescent="0.25">
      <c r="A11818" s="1" t="s">
        <v>8435</v>
      </c>
      <c r="B11818" s="1" t="s">
        <v>8436</v>
      </c>
      <c r="C11818" s="1" t="s">
        <v>29412</v>
      </c>
      <c r="D11818" s="2">
        <v>164646</v>
      </c>
      <c r="E11818" s="1" t="s">
        <v>0</v>
      </c>
    </row>
    <row r="11819" spans="1:5" x14ac:dyDescent="0.25">
      <c r="A11819" s="1" t="s">
        <v>29413</v>
      </c>
      <c r="B11819" s="1" t="s">
        <v>8437</v>
      </c>
      <c r="C11819" s="1" t="s">
        <v>29414</v>
      </c>
      <c r="D11819" s="2">
        <v>164647</v>
      </c>
      <c r="E11819" s="1" t="s">
        <v>0</v>
      </c>
    </row>
    <row r="11820" spans="1:5" ht="409.5" x14ac:dyDescent="0.25">
      <c r="A11820" s="4" t="s">
        <v>29415</v>
      </c>
      <c r="B11820" s="1" t="s">
        <v>50710</v>
      </c>
      <c r="C11820" s="1" t="s">
        <v>29416</v>
      </c>
      <c r="D11820" s="2">
        <v>164648</v>
      </c>
      <c r="E11820" s="1" t="s">
        <v>0</v>
      </c>
    </row>
    <row r="11821" spans="1:5" x14ac:dyDescent="0.25">
      <c r="A11821" s="1" t="s">
        <v>29417</v>
      </c>
      <c r="B11821" s="1" t="s">
        <v>53664</v>
      </c>
      <c r="C11821" s="1" t="s">
        <v>29418</v>
      </c>
      <c r="D11821" s="2">
        <v>164649</v>
      </c>
      <c r="E11821" s="1" t="s">
        <v>0</v>
      </c>
    </row>
    <row r="11822" spans="1:5" x14ac:dyDescent="0.25">
      <c r="A11822" s="2">
        <v>2364</v>
      </c>
      <c r="B11822" s="2">
        <v>2364</v>
      </c>
      <c r="C11822" s="1" t="s">
        <v>0</v>
      </c>
      <c r="D11822" s="2">
        <v>164650</v>
      </c>
      <c r="E11822" s="1" t="s">
        <v>0</v>
      </c>
    </row>
    <row r="11823" spans="1:5" x14ac:dyDescent="0.25">
      <c r="A11823" s="1" t="s">
        <v>2169</v>
      </c>
      <c r="B11823" s="1" t="s">
        <v>59987</v>
      </c>
      <c r="C11823" s="1" t="s">
        <v>29419</v>
      </c>
      <c r="D11823" s="2">
        <v>164651</v>
      </c>
      <c r="E11823" s="1" t="s">
        <v>0</v>
      </c>
    </row>
    <row r="11824" spans="1:5" x14ac:dyDescent="0.25">
      <c r="A11824" s="1" t="s">
        <v>29420</v>
      </c>
      <c r="B11824" s="1" t="s">
        <v>59988</v>
      </c>
      <c r="C11824" s="1" t="s">
        <v>29421</v>
      </c>
      <c r="D11824" s="2">
        <v>164652</v>
      </c>
      <c r="E11824" s="1" t="s">
        <v>0</v>
      </c>
    </row>
    <row r="11825" spans="1:5" ht="409.5" x14ac:dyDescent="0.25">
      <c r="A11825" s="4" t="s">
        <v>29422</v>
      </c>
      <c r="B11825" s="1" t="s">
        <v>59989</v>
      </c>
      <c r="C11825" s="1" t="s">
        <v>29423</v>
      </c>
      <c r="D11825" s="2">
        <v>164653</v>
      </c>
      <c r="E11825" s="1" t="s">
        <v>0</v>
      </c>
    </row>
    <row r="11826" spans="1:5" x14ac:dyDescent="0.25">
      <c r="A11826" s="1" t="s">
        <v>29424</v>
      </c>
      <c r="B11826" s="1" t="s">
        <v>53665</v>
      </c>
      <c r="C11826" s="1" t="s">
        <v>29425</v>
      </c>
      <c r="D11826" s="2">
        <v>164654</v>
      </c>
      <c r="E11826" s="1" t="s">
        <v>0</v>
      </c>
    </row>
    <row r="11827" spans="1:5" x14ac:dyDescent="0.25">
      <c r="A11827" s="2">
        <v>2365</v>
      </c>
      <c r="B11827" s="2">
        <v>2365</v>
      </c>
      <c r="C11827" s="1" t="s">
        <v>0</v>
      </c>
      <c r="D11827" s="2">
        <v>164655</v>
      </c>
      <c r="E11827" s="1" t="s">
        <v>0</v>
      </c>
    </row>
    <row r="11828" spans="1:5" x14ac:dyDescent="0.25">
      <c r="A11828" s="1" t="s">
        <v>2170</v>
      </c>
      <c r="B11828" s="1" t="s">
        <v>8438</v>
      </c>
      <c r="C11828" s="1" t="s">
        <v>29426</v>
      </c>
      <c r="D11828" s="2">
        <v>164656</v>
      </c>
      <c r="E11828" s="1" t="s">
        <v>0</v>
      </c>
    </row>
    <row r="11829" spans="1:5" x14ac:dyDescent="0.25">
      <c r="A11829" s="1" t="s">
        <v>29427</v>
      </c>
      <c r="B11829" s="1" t="s">
        <v>8439</v>
      </c>
      <c r="C11829" s="1" t="s">
        <v>29428</v>
      </c>
      <c r="D11829" s="2">
        <v>164657</v>
      </c>
      <c r="E11829" s="1" t="s">
        <v>0</v>
      </c>
    </row>
    <row r="11830" spans="1:5" ht="409.5" x14ac:dyDescent="0.25">
      <c r="A11830" s="4" t="s">
        <v>29429</v>
      </c>
      <c r="B11830" s="1" t="s">
        <v>58362</v>
      </c>
      <c r="C11830" s="1" t="s">
        <v>29430</v>
      </c>
      <c r="D11830" s="2">
        <v>164658</v>
      </c>
      <c r="E11830" s="1" t="s">
        <v>0</v>
      </c>
    </row>
    <row r="11831" spans="1:5" x14ac:dyDescent="0.25">
      <c r="A11831" s="1" t="s">
        <v>29431</v>
      </c>
      <c r="B11831" s="1" t="s">
        <v>57516</v>
      </c>
      <c r="C11831" s="1" t="s">
        <v>29432</v>
      </c>
      <c r="D11831" s="2">
        <v>164659</v>
      </c>
      <c r="E11831" s="1" t="s">
        <v>0</v>
      </c>
    </row>
    <row r="11832" spans="1:5" x14ac:dyDescent="0.25">
      <c r="A11832" s="2">
        <v>2366</v>
      </c>
      <c r="B11832" s="2">
        <v>2366</v>
      </c>
      <c r="C11832" s="1" t="s">
        <v>0</v>
      </c>
      <c r="D11832" s="2">
        <v>164660</v>
      </c>
      <c r="E11832" s="1" t="s">
        <v>0</v>
      </c>
    </row>
    <row r="11833" spans="1:5" x14ac:dyDescent="0.25">
      <c r="A11833" s="1" t="s">
        <v>2171</v>
      </c>
      <c r="B11833" s="1" t="s">
        <v>8440</v>
      </c>
      <c r="C11833" s="1" t="s">
        <v>29433</v>
      </c>
      <c r="D11833" s="2">
        <v>164661</v>
      </c>
      <c r="E11833" s="1" t="s">
        <v>0</v>
      </c>
    </row>
    <row r="11834" spans="1:5" x14ac:dyDescent="0.25">
      <c r="A11834" s="1" t="s">
        <v>64159</v>
      </c>
      <c r="B11834" s="1" t="s">
        <v>53666</v>
      </c>
      <c r="C11834" s="1" t="s">
        <v>29434</v>
      </c>
      <c r="D11834" s="2">
        <v>164662</v>
      </c>
      <c r="E11834" s="1" t="s">
        <v>0</v>
      </c>
    </row>
    <row r="11835" spans="1:5" ht="409.5" x14ac:dyDescent="0.25">
      <c r="A11835" s="4" t="s">
        <v>64160</v>
      </c>
      <c r="B11835" s="1" t="s">
        <v>63347</v>
      </c>
      <c r="C11835" s="1" t="s">
        <v>29435</v>
      </c>
      <c r="D11835" s="2">
        <v>164663</v>
      </c>
      <c r="E11835" s="1" t="s">
        <v>0</v>
      </c>
    </row>
    <row r="11836" spans="1:5" x14ac:dyDescent="0.25">
      <c r="A11836" s="1" t="s">
        <v>29436</v>
      </c>
      <c r="B11836" s="1" t="s">
        <v>8441</v>
      </c>
      <c r="C11836" s="1" t="s">
        <v>29437</v>
      </c>
      <c r="D11836" s="2">
        <v>164664</v>
      </c>
      <c r="E11836" s="1" t="s">
        <v>0</v>
      </c>
    </row>
    <row r="11837" spans="1:5" x14ac:dyDescent="0.25">
      <c r="A11837" s="2">
        <v>2367</v>
      </c>
      <c r="B11837" s="2">
        <v>2367</v>
      </c>
      <c r="C11837" s="1" t="s">
        <v>0</v>
      </c>
      <c r="D11837" s="2">
        <v>164665</v>
      </c>
      <c r="E11837" s="1" t="s">
        <v>0</v>
      </c>
    </row>
    <row r="11838" spans="1:5" x14ac:dyDescent="0.25">
      <c r="A11838" s="1" t="s">
        <v>2172</v>
      </c>
      <c r="B11838" s="1" t="s">
        <v>56942</v>
      </c>
      <c r="C11838" s="1" t="s">
        <v>29438</v>
      </c>
      <c r="D11838" s="2">
        <v>164666</v>
      </c>
      <c r="E11838" s="1" t="s">
        <v>0</v>
      </c>
    </row>
    <row r="11839" spans="1:5" x14ac:dyDescent="0.25">
      <c r="A11839" s="1" t="s">
        <v>61805</v>
      </c>
      <c r="B11839" s="1" t="s">
        <v>53667</v>
      </c>
      <c r="C11839" s="1" t="s">
        <v>29439</v>
      </c>
      <c r="D11839" s="2">
        <v>164667</v>
      </c>
      <c r="E11839" s="1" t="s">
        <v>0</v>
      </c>
    </row>
    <row r="11840" spans="1:5" ht="409.5" x14ac:dyDescent="0.25">
      <c r="A11840" s="4" t="s">
        <v>61806</v>
      </c>
      <c r="B11840" s="1" t="s">
        <v>56943</v>
      </c>
      <c r="C11840" s="1" t="s">
        <v>29440</v>
      </c>
      <c r="D11840" s="2">
        <v>164668</v>
      </c>
      <c r="E11840" s="1" t="s">
        <v>0</v>
      </c>
    </row>
    <row r="11841" spans="1:5" x14ac:dyDescent="0.25">
      <c r="A11841" s="1" t="s">
        <v>29441</v>
      </c>
      <c r="B11841" s="1" t="s">
        <v>53668</v>
      </c>
      <c r="C11841" s="1" t="s">
        <v>29442</v>
      </c>
      <c r="D11841" s="2">
        <v>164669</v>
      </c>
      <c r="E11841" s="1" t="s">
        <v>0</v>
      </c>
    </row>
    <row r="11842" spans="1:5" x14ac:dyDescent="0.25">
      <c r="A11842" s="2">
        <v>2368</v>
      </c>
      <c r="B11842" s="2">
        <v>2368</v>
      </c>
      <c r="C11842" s="1" t="s">
        <v>0</v>
      </c>
      <c r="D11842" s="2">
        <v>164670</v>
      </c>
      <c r="E11842" s="1" t="s">
        <v>0</v>
      </c>
    </row>
    <row r="11843" spans="1:5" x14ac:dyDescent="0.25">
      <c r="A11843" s="1" t="s">
        <v>2173</v>
      </c>
      <c r="B11843" s="1" t="s">
        <v>58363</v>
      </c>
      <c r="C11843" s="1" t="s">
        <v>29443</v>
      </c>
      <c r="D11843" s="2">
        <v>164671</v>
      </c>
      <c r="E11843" s="1" t="s">
        <v>0</v>
      </c>
    </row>
    <row r="11844" spans="1:5" x14ac:dyDescent="0.25">
      <c r="A11844" s="1" t="s">
        <v>29444</v>
      </c>
      <c r="B11844" s="1" t="s">
        <v>58364</v>
      </c>
      <c r="C11844" s="1" t="s">
        <v>29445</v>
      </c>
      <c r="D11844" s="2">
        <v>164672</v>
      </c>
      <c r="E11844" s="1" t="s">
        <v>0</v>
      </c>
    </row>
    <row r="11845" spans="1:5" ht="409.5" x14ac:dyDescent="0.25">
      <c r="A11845" s="4" t="s">
        <v>29446</v>
      </c>
      <c r="B11845" s="1" t="s">
        <v>60428</v>
      </c>
      <c r="C11845" s="1" t="s">
        <v>29447</v>
      </c>
      <c r="D11845" s="2">
        <v>164673</v>
      </c>
      <c r="E11845" s="1" t="s">
        <v>0</v>
      </c>
    </row>
    <row r="11846" spans="1:5" x14ac:dyDescent="0.25">
      <c r="A11846" s="1" t="s">
        <v>29448</v>
      </c>
      <c r="B11846" s="1" t="s">
        <v>8442</v>
      </c>
      <c r="C11846" s="1" t="s">
        <v>29449</v>
      </c>
      <c r="D11846" s="2">
        <v>164674</v>
      </c>
      <c r="E11846" s="1" t="s">
        <v>0</v>
      </c>
    </row>
    <row r="11847" spans="1:5" x14ac:dyDescent="0.25">
      <c r="A11847" s="2">
        <v>2369</v>
      </c>
      <c r="B11847" s="2">
        <v>2369</v>
      </c>
      <c r="C11847" s="1" t="s">
        <v>0</v>
      </c>
      <c r="D11847" s="2">
        <v>164675</v>
      </c>
      <c r="E11847" s="1" t="s">
        <v>0</v>
      </c>
    </row>
    <row r="11848" spans="1:5" x14ac:dyDescent="0.25">
      <c r="A11848" s="1" t="s">
        <v>2174</v>
      </c>
      <c r="B11848" s="1" t="s">
        <v>56944</v>
      </c>
      <c r="C11848" s="1" t="s">
        <v>29450</v>
      </c>
      <c r="D11848" s="2">
        <v>164676</v>
      </c>
      <c r="E11848" s="1" t="s">
        <v>0</v>
      </c>
    </row>
    <row r="11849" spans="1:5" x14ac:dyDescent="0.25">
      <c r="A11849" s="1" t="s">
        <v>61807</v>
      </c>
      <c r="B11849" s="1" t="s">
        <v>61647</v>
      </c>
      <c r="C11849" s="1" t="s">
        <v>29451</v>
      </c>
      <c r="D11849" s="2">
        <v>164677</v>
      </c>
      <c r="E11849" s="1" t="s">
        <v>0</v>
      </c>
    </row>
    <row r="11850" spans="1:5" ht="409.5" x14ac:dyDescent="0.25">
      <c r="A11850" s="4" t="s">
        <v>61808</v>
      </c>
      <c r="B11850" s="1" t="s">
        <v>61648</v>
      </c>
      <c r="C11850" s="1" t="s">
        <v>29452</v>
      </c>
      <c r="D11850" s="2">
        <v>164678</v>
      </c>
      <c r="E11850" s="1" t="s">
        <v>0</v>
      </c>
    </row>
    <row r="11851" spans="1:5" x14ac:dyDescent="0.25">
      <c r="A11851" s="1" t="s">
        <v>29453</v>
      </c>
      <c r="B11851" s="1" t="s">
        <v>61649</v>
      </c>
      <c r="C11851" s="1" t="s">
        <v>29454</v>
      </c>
      <c r="D11851" s="2">
        <v>164679</v>
      </c>
      <c r="E11851" s="1" t="s">
        <v>0</v>
      </c>
    </row>
    <row r="11852" spans="1:5" x14ac:dyDescent="0.25">
      <c r="A11852" s="2">
        <v>2370</v>
      </c>
      <c r="B11852" s="2">
        <v>2370</v>
      </c>
      <c r="C11852" s="1" t="s">
        <v>0</v>
      </c>
      <c r="D11852" s="2">
        <v>164680</v>
      </c>
      <c r="E11852" s="1" t="s">
        <v>0</v>
      </c>
    </row>
    <row r="11853" spans="1:5" x14ac:dyDescent="0.25">
      <c r="A11853" s="1" t="s">
        <v>2175</v>
      </c>
      <c r="B11853" s="1" t="s">
        <v>8443</v>
      </c>
      <c r="C11853" s="1" t="s">
        <v>29455</v>
      </c>
      <c r="D11853" s="2">
        <v>164681</v>
      </c>
      <c r="E11853" s="1" t="s">
        <v>0</v>
      </c>
    </row>
    <row r="11854" spans="1:5" x14ac:dyDescent="0.25">
      <c r="A11854" s="1" t="s">
        <v>29456</v>
      </c>
      <c r="B11854" s="1" t="s">
        <v>8444</v>
      </c>
      <c r="C11854" s="1" t="s">
        <v>29457</v>
      </c>
      <c r="D11854" s="2">
        <v>164682</v>
      </c>
      <c r="E11854" s="1" t="s">
        <v>0</v>
      </c>
    </row>
    <row r="11855" spans="1:5" ht="409.5" x14ac:dyDescent="0.25">
      <c r="A11855" s="4" t="s">
        <v>29458</v>
      </c>
      <c r="B11855" s="1" t="s">
        <v>59990</v>
      </c>
      <c r="C11855" s="1" t="s">
        <v>29459</v>
      </c>
      <c r="D11855" s="2">
        <v>164683</v>
      </c>
      <c r="E11855" s="1" t="s">
        <v>0</v>
      </c>
    </row>
    <row r="11856" spans="1:5" x14ac:dyDescent="0.25">
      <c r="A11856" s="1" t="s">
        <v>29460</v>
      </c>
      <c r="B11856" s="1" t="s">
        <v>8445</v>
      </c>
      <c r="C11856" s="1" t="s">
        <v>29461</v>
      </c>
      <c r="D11856" s="2">
        <v>164684</v>
      </c>
      <c r="E11856" s="1" t="s">
        <v>0</v>
      </c>
    </row>
    <row r="11857" spans="1:5" x14ac:dyDescent="0.25">
      <c r="A11857" s="2">
        <v>2371</v>
      </c>
      <c r="B11857" s="2">
        <v>2371</v>
      </c>
      <c r="C11857" s="1" t="s">
        <v>0</v>
      </c>
      <c r="D11857" s="2">
        <v>164685</v>
      </c>
      <c r="E11857" s="1" t="s">
        <v>0</v>
      </c>
    </row>
    <row r="11858" spans="1:5" x14ac:dyDescent="0.25">
      <c r="A11858" s="1" t="s">
        <v>2176</v>
      </c>
      <c r="B11858" s="1" t="s">
        <v>8446</v>
      </c>
      <c r="C11858" s="1" t="s">
        <v>29462</v>
      </c>
      <c r="D11858" s="2">
        <v>164686</v>
      </c>
      <c r="E11858" s="1" t="s">
        <v>0</v>
      </c>
    </row>
    <row r="11859" spans="1:5" x14ac:dyDescent="0.25">
      <c r="A11859" s="1" t="s">
        <v>29463</v>
      </c>
      <c r="B11859" s="1" t="s">
        <v>62463</v>
      </c>
      <c r="C11859" s="1" t="s">
        <v>29464</v>
      </c>
      <c r="D11859" s="2">
        <v>164687</v>
      </c>
      <c r="E11859" s="1" t="s">
        <v>0</v>
      </c>
    </row>
    <row r="11860" spans="1:5" ht="409.5" x14ac:dyDescent="0.25">
      <c r="A11860" s="4" t="s">
        <v>29465</v>
      </c>
      <c r="B11860" s="1" t="s">
        <v>62464</v>
      </c>
      <c r="C11860" s="1" t="s">
        <v>29466</v>
      </c>
      <c r="D11860" s="2">
        <v>164688</v>
      </c>
      <c r="E11860" s="1" t="s">
        <v>0</v>
      </c>
    </row>
    <row r="11861" spans="1:5" x14ac:dyDescent="0.25">
      <c r="A11861" s="1" t="s">
        <v>29467</v>
      </c>
      <c r="B11861" s="1" t="s">
        <v>53669</v>
      </c>
      <c r="C11861" s="1" t="s">
        <v>29468</v>
      </c>
      <c r="D11861" s="2">
        <v>164689</v>
      </c>
      <c r="E11861" s="1" t="s">
        <v>0</v>
      </c>
    </row>
    <row r="11862" spans="1:5" x14ac:dyDescent="0.25">
      <c r="A11862" s="2">
        <v>2372</v>
      </c>
      <c r="B11862" s="2">
        <v>2372</v>
      </c>
      <c r="C11862" s="1" t="s">
        <v>0</v>
      </c>
      <c r="D11862" s="2">
        <v>164690</v>
      </c>
      <c r="E11862" s="1" t="s">
        <v>0</v>
      </c>
    </row>
    <row r="11863" spans="1:5" x14ac:dyDescent="0.25">
      <c r="A11863" s="1" t="s">
        <v>2177</v>
      </c>
      <c r="B11863" s="1" t="s">
        <v>8447</v>
      </c>
      <c r="C11863" s="1" t="s">
        <v>29469</v>
      </c>
      <c r="D11863" s="2">
        <v>164691</v>
      </c>
      <c r="E11863" s="1" t="s">
        <v>0</v>
      </c>
    </row>
    <row r="11864" spans="1:5" x14ac:dyDescent="0.25">
      <c r="A11864" s="1" t="s">
        <v>29470</v>
      </c>
      <c r="B11864" s="1" t="s">
        <v>8448</v>
      </c>
      <c r="C11864" s="1" t="s">
        <v>29471</v>
      </c>
      <c r="D11864" s="2">
        <v>164692</v>
      </c>
      <c r="E11864" s="1" t="s">
        <v>0</v>
      </c>
    </row>
    <row r="11865" spans="1:5" ht="409.5" x14ac:dyDescent="0.25">
      <c r="A11865" s="4" t="s">
        <v>29472</v>
      </c>
      <c r="B11865" s="1" t="s">
        <v>61650</v>
      </c>
      <c r="C11865" s="1" t="s">
        <v>29473</v>
      </c>
      <c r="D11865" s="2">
        <v>164693</v>
      </c>
      <c r="E11865" s="1" t="s">
        <v>0</v>
      </c>
    </row>
    <row r="11866" spans="1:5" x14ac:dyDescent="0.25">
      <c r="A11866" s="1" t="s">
        <v>29474</v>
      </c>
      <c r="B11866" s="1" t="s">
        <v>61651</v>
      </c>
      <c r="C11866" s="1" t="s">
        <v>29475</v>
      </c>
      <c r="D11866" s="2">
        <v>164694</v>
      </c>
      <c r="E11866" s="1" t="s">
        <v>0</v>
      </c>
    </row>
    <row r="11867" spans="1:5" x14ac:dyDescent="0.25">
      <c r="A11867" s="2">
        <v>2373</v>
      </c>
      <c r="B11867" s="2">
        <v>2373</v>
      </c>
      <c r="C11867" s="1" t="s">
        <v>0</v>
      </c>
      <c r="D11867" s="2">
        <v>164695</v>
      </c>
      <c r="E11867" s="1" t="s">
        <v>0</v>
      </c>
    </row>
    <row r="11868" spans="1:5" x14ac:dyDescent="0.25">
      <c r="A11868" s="1" t="s">
        <v>2178</v>
      </c>
      <c r="B11868" s="1" t="s">
        <v>8449</v>
      </c>
      <c r="C11868" s="1" t="s">
        <v>29476</v>
      </c>
      <c r="D11868" s="2">
        <v>164696</v>
      </c>
      <c r="E11868" s="1" t="s">
        <v>0</v>
      </c>
    </row>
    <row r="11869" spans="1:5" x14ac:dyDescent="0.25">
      <c r="A11869" s="1" t="s">
        <v>29477</v>
      </c>
      <c r="B11869" s="1" t="s">
        <v>50711</v>
      </c>
      <c r="C11869" s="1" t="s">
        <v>29478</v>
      </c>
      <c r="D11869" s="2">
        <v>164697</v>
      </c>
      <c r="E11869" s="1" t="s">
        <v>0</v>
      </c>
    </row>
    <row r="11870" spans="1:5" ht="409.5" x14ac:dyDescent="0.25">
      <c r="A11870" s="4" t="s">
        <v>29479</v>
      </c>
      <c r="B11870" s="1" t="s">
        <v>61115</v>
      </c>
      <c r="C11870" s="1" t="s">
        <v>29480</v>
      </c>
      <c r="D11870" s="2">
        <v>164698</v>
      </c>
      <c r="E11870" s="1" t="s">
        <v>0</v>
      </c>
    </row>
    <row r="11871" spans="1:5" x14ac:dyDescent="0.25">
      <c r="A11871" s="1" t="s">
        <v>28659</v>
      </c>
      <c r="B11871" s="1" t="s">
        <v>61104</v>
      </c>
      <c r="C11871" s="1" t="s">
        <v>28660</v>
      </c>
      <c r="D11871" s="2">
        <v>164699</v>
      </c>
      <c r="E11871" s="1" t="s">
        <v>0</v>
      </c>
    </row>
    <row r="11872" spans="1:5" x14ac:dyDescent="0.25">
      <c r="A11872" s="2">
        <v>2374</v>
      </c>
      <c r="B11872" s="2">
        <v>2374</v>
      </c>
      <c r="C11872" s="1" t="s">
        <v>0</v>
      </c>
      <c r="D11872" s="2">
        <v>164700</v>
      </c>
      <c r="E11872" s="1" t="s">
        <v>0</v>
      </c>
    </row>
    <row r="11873" spans="1:5" x14ac:dyDescent="0.25">
      <c r="A11873" s="1" t="s">
        <v>2179</v>
      </c>
      <c r="B11873" s="1" t="s">
        <v>8450</v>
      </c>
      <c r="C11873" s="1" t="s">
        <v>29481</v>
      </c>
      <c r="D11873" s="2">
        <v>164701</v>
      </c>
      <c r="E11873" s="1" t="s">
        <v>0</v>
      </c>
    </row>
    <row r="11874" spans="1:5" x14ac:dyDescent="0.25">
      <c r="A11874" s="1" t="s">
        <v>29482</v>
      </c>
      <c r="B11874" s="1" t="s">
        <v>8451</v>
      </c>
      <c r="C11874" s="1" t="s">
        <v>29483</v>
      </c>
      <c r="D11874" s="2">
        <v>164702</v>
      </c>
      <c r="E11874" s="1" t="s">
        <v>0</v>
      </c>
    </row>
    <row r="11875" spans="1:5" ht="409.5" x14ac:dyDescent="0.25">
      <c r="A11875" s="4" t="s">
        <v>29484</v>
      </c>
      <c r="B11875" s="1" t="s">
        <v>50712</v>
      </c>
      <c r="C11875" s="1" t="s">
        <v>29485</v>
      </c>
      <c r="D11875" s="2">
        <v>164703</v>
      </c>
      <c r="E11875" s="1" t="s">
        <v>0</v>
      </c>
    </row>
    <row r="11876" spans="1:5" x14ac:dyDescent="0.25">
      <c r="A11876" s="1" t="s">
        <v>29486</v>
      </c>
      <c r="B11876" s="1" t="s">
        <v>8452</v>
      </c>
      <c r="C11876" s="1" t="s">
        <v>29487</v>
      </c>
      <c r="D11876" s="2">
        <v>164704</v>
      </c>
      <c r="E11876" s="1" t="s">
        <v>0</v>
      </c>
    </row>
    <row r="11877" spans="1:5" x14ac:dyDescent="0.25">
      <c r="A11877" s="2">
        <v>2375</v>
      </c>
      <c r="B11877" s="2">
        <v>2375</v>
      </c>
      <c r="C11877" s="1" t="s">
        <v>0</v>
      </c>
      <c r="D11877" s="2">
        <v>164705</v>
      </c>
      <c r="E11877" s="1" t="s">
        <v>0</v>
      </c>
    </row>
    <row r="11878" spans="1:5" x14ac:dyDescent="0.25">
      <c r="A11878" s="1" t="s">
        <v>2180</v>
      </c>
      <c r="B11878" s="1" t="s">
        <v>8453</v>
      </c>
      <c r="C11878" s="1" t="s">
        <v>29488</v>
      </c>
      <c r="D11878" s="2">
        <v>164706</v>
      </c>
      <c r="E11878" s="1" t="s">
        <v>0</v>
      </c>
    </row>
    <row r="11879" spans="1:5" x14ac:dyDescent="0.25">
      <c r="A11879" s="1" t="s">
        <v>29489</v>
      </c>
      <c r="B11879" s="1" t="s">
        <v>53670</v>
      </c>
      <c r="C11879" s="1" t="s">
        <v>29490</v>
      </c>
      <c r="D11879" s="2">
        <v>164707</v>
      </c>
      <c r="E11879" s="1" t="s">
        <v>0</v>
      </c>
    </row>
    <row r="11880" spans="1:5" ht="409.5" x14ac:dyDescent="0.25">
      <c r="A11880" s="4" t="s">
        <v>29491</v>
      </c>
      <c r="B11880" s="1" t="s">
        <v>53671</v>
      </c>
      <c r="C11880" s="1" t="s">
        <v>29492</v>
      </c>
      <c r="D11880" s="2">
        <v>164708</v>
      </c>
      <c r="E11880" s="1" t="s">
        <v>0</v>
      </c>
    </row>
    <row r="11881" spans="1:5" x14ac:dyDescent="0.25">
      <c r="A11881" s="1" t="s">
        <v>13902</v>
      </c>
      <c r="B11881" s="1" t="s">
        <v>60855</v>
      </c>
      <c r="C11881" s="1" t="s">
        <v>13903</v>
      </c>
      <c r="D11881" s="2">
        <v>164709</v>
      </c>
      <c r="E11881" s="1" t="s">
        <v>0</v>
      </c>
    </row>
    <row r="11882" spans="1:5" x14ac:dyDescent="0.25">
      <c r="A11882" s="2">
        <v>2376</v>
      </c>
      <c r="B11882" s="2">
        <v>2376</v>
      </c>
      <c r="C11882" s="1" t="s">
        <v>0</v>
      </c>
      <c r="D11882" s="2">
        <v>164710</v>
      </c>
      <c r="E11882" s="1" t="s">
        <v>0</v>
      </c>
    </row>
    <row r="11883" spans="1:5" x14ac:dyDescent="0.25">
      <c r="A11883" s="1" t="s">
        <v>8454</v>
      </c>
      <c r="B11883" s="1" t="s">
        <v>8455</v>
      </c>
      <c r="C11883" s="1" t="s">
        <v>29493</v>
      </c>
      <c r="D11883" s="2">
        <v>164711</v>
      </c>
      <c r="E11883" s="1" t="s">
        <v>0</v>
      </c>
    </row>
    <row r="11884" spans="1:5" x14ac:dyDescent="0.25">
      <c r="A11884" s="1" t="s">
        <v>29494</v>
      </c>
      <c r="B11884" s="1" t="s">
        <v>8456</v>
      </c>
      <c r="C11884" s="1" t="s">
        <v>29495</v>
      </c>
      <c r="D11884" s="2">
        <v>164712</v>
      </c>
      <c r="E11884" s="1" t="s">
        <v>0</v>
      </c>
    </row>
    <row r="11885" spans="1:5" ht="409.5" x14ac:dyDescent="0.25">
      <c r="A11885" s="4" t="s">
        <v>29496</v>
      </c>
      <c r="B11885" s="1" t="s">
        <v>8457</v>
      </c>
      <c r="C11885" s="1" t="s">
        <v>29497</v>
      </c>
      <c r="D11885" s="2">
        <v>164713</v>
      </c>
      <c r="E11885" s="1" t="s">
        <v>0</v>
      </c>
    </row>
    <row r="11886" spans="1:5" x14ac:dyDescent="0.25">
      <c r="A11886" s="1" t="s">
        <v>29498</v>
      </c>
      <c r="B11886" s="1" t="s">
        <v>53672</v>
      </c>
      <c r="C11886" s="1" t="s">
        <v>29499</v>
      </c>
      <c r="D11886" s="2">
        <v>164714</v>
      </c>
      <c r="E11886" s="1" t="s">
        <v>0</v>
      </c>
    </row>
    <row r="11887" spans="1:5" x14ac:dyDescent="0.25">
      <c r="A11887" s="2">
        <v>2377</v>
      </c>
      <c r="B11887" s="2">
        <v>2377</v>
      </c>
      <c r="C11887" s="1" t="s">
        <v>0</v>
      </c>
      <c r="D11887" s="2">
        <v>164715</v>
      </c>
      <c r="E11887" s="1" t="s">
        <v>0</v>
      </c>
    </row>
    <row r="11888" spans="1:5" x14ac:dyDescent="0.25">
      <c r="A11888" s="1" t="s">
        <v>2181</v>
      </c>
      <c r="B11888" s="1" t="s">
        <v>8458</v>
      </c>
      <c r="C11888" s="1" t="s">
        <v>29500</v>
      </c>
      <c r="D11888" s="2">
        <v>164716</v>
      </c>
      <c r="E11888" s="1" t="s">
        <v>0</v>
      </c>
    </row>
    <row r="11889" spans="1:5" x14ac:dyDescent="0.25">
      <c r="A11889" s="1" t="s">
        <v>29501</v>
      </c>
      <c r="B11889" s="1" t="s">
        <v>8459</v>
      </c>
      <c r="C11889" s="1" t="s">
        <v>29502</v>
      </c>
      <c r="D11889" s="2">
        <v>164717</v>
      </c>
      <c r="E11889" s="1" t="s">
        <v>0</v>
      </c>
    </row>
    <row r="11890" spans="1:5" ht="409.5" x14ac:dyDescent="0.25">
      <c r="A11890" s="4" t="s">
        <v>29503</v>
      </c>
      <c r="B11890" s="1" t="s">
        <v>61652</v>
      </c>
      <c r="C11890" s="1" t="s">
        <v>29504</v>
      </c>
      <c r="D11890" s="2">
        <v>164718</v>
      </c>
      <c r="E11890" s="1" t="s">
        <v>0</v>
      </c>
    </row>
    <row r="11891" spans="1:5" x14ac:dyDescent="0.25">
      <c r="A11891" s="1" t="s">
        <v>29505</v>
      </c>
      <c r="B11891" s="1" t="s">
        <v>53673</v>
      </c>
      <c r="C11891" s="1" t="s">
        <v>29506</v>
      </c>
      <c r="D11891" s="2">
        <v>164719</v>
      </c>
      <c r="E11891" s="1" t="s">
        <v>0</v>
      </c>
    </row>
    <row r="11892" spans="1:5" x14ac:dyDescent="0.25">
      <c r="A11892" s="2">
        <v>2378</v>
      </c>
      <c r="B11892" s="2">
        <v>2378</v>
      </c>
      <c r="C11892" s="1" t="s">
        <v>0</v>
      </c>
      <c r="D11892" s="2">
        <v>164720</v>
      </c>
      <c r="E11892" s="1" t="s">
        <v>0</v>
      </c>
    </row>
    <row r="11893" spans="1:5" x14ac:dyDescent="0.25">
      <c r="A11893" s="1" t="s">
        <v>2182</v>
      </c>
      <c r="B11893" s="1" t="s">
        <v>8460</v>
      </c>
      <c r="C11893" s="1" t="s">
        <v>29507</v>
      </c>
      <c r="D11893" s="2">
        <v>164721</v>
      </c>
      <c r="E11893" s="1" t="s">
        <v>0</v>
      </c>
    </row>
    <row r="11894" spans="1:5" x14ac:dyDescent="0.25">
      <c r="A11894" s="1" t="s">
        <v>29508</v>
      </c>
      <c r="B11894" s="1" t="s">
        <v>13121</v>
      </c>
      <c r="C11894" s="1" t="s">
        <v>29509</v>
      </c>
      <c r="D11894" s="2">
        <v>164722</v>
      </c>
      <c r="E11894" s="1" t="s">
        <v>0</v>
      </c>
    </row>
    <row r="11895" spans="1:5" ht="409.5" x14ac:dyDescent="0.25">
      <c r="A11895" s="4" t="s">
        <v>29510</v>
      </c>
      <c r="B11895" s="1" t="s">
        <v>62465</v>
      </c>
      <c r="C11895" s="1" t="s">
        <v>29511</v>
      </c>
      <c r="D11895" s="2">
        <v>164723</v>
      </c>
      <c r="E11895" s="1" t="s">
        <v>0</v>
      </c>
    </row>
    <row r="11896" spans="1:5" x14ac:dyDescent="0.25">
      <c r="A11896" s="1" t="s">
        <v>29512</v>
      </c>
      <c r="B11896" s="1" t="s">
        <v>53674</v>
      </c>
      <c r="C11896" s="1" t="s">
        <v>29513</v>
      </c>
      <c r="D11896" s="2">
        <v>164724</v>
      </c>
      <c r="E11896" s="1" t="s">
        <v>0</v>
      </c>
    </row>
    <row r="11897" spans="1:5" x14ac:dyDescent="0.25">
      <c r="A11897" s="2">
        <v>2379</v>
      </c>
      <c r="B11897" s="2">
        <v>2379</v>
      </c>
      <c r="C11897" s="1" t="s">
        <v>0</v>
      </c>
      <c r="D11897" s="2">
        <v>164725</v>
      </c>
      <c r="E11897" s="1" t="s">
        <v>0</v>
      </c>
    </row>
    <row r="11898" spans="1:5" x14ac:dyDescent="0.25">
      <c r="A11898" s="1" t="s">
        <v>2183</v>
      </c>
      <c r="B11898" s="1" t="s">
        <v>8461</v>
      </c>
      <c r="C11898" s="1" t="s">
        <v>29514</v>
      </c>
      <c r="D11898" s="2">
        <v>164726</v>
      </c>
      <c r="E11898" s="1" t="s">
        <v>0</v>
      </c>
    </row>
    <row r="11899" spans="1:5" x14ac:dyDescent="0.25">
      <c r="A11899" s="1" t="s">
        <v>29515</v>
      </c>
      <c r="B11899" s="1" t="s">
        <v>8462</v>
      </c>
      <c r="C11899" s="1" t="s">
        <v>29516</v>
      </c>
      <c r="D11899" s="2">
        <v>164727</v>
      </c>
      <c r="E11899" s="1" t="s">
        <v>0</v>
      </c>
    </row>
    <row r="11900" spans="1:5" ht="409.5" x14ac:dyDescent="0.25">
      <c r="A11900" s="4" t="s">
        <v>29517</v>
      </c>
      <c r="B11900" s="1" t="s">
        <v>53675</v>
      </c>
      <c r="C11900" s="1" t="s">
        <v>29518</v>
      </c>
      <c r="D11900" s="2">
        <v>164728</v>
      </c>
      <c r="E11900" s="1" t="s">
        <v>0</v>
      </c>
    </row>
    <row r="11901" spans="1:5" x14ac:dyDescent="0.25">
      <c r="A11901" s="1" t="s">
        <v>14855</v>
      </c>
      <c r="B11901" s="1" t="s">
        <v>60879</v>
      </c>
      <c r="C11901" s="1" t="s">
        <v>14856</v>
      </c>
      <c r="D11901" s="2">
        <v>164729</v>
      </c>
      <c r="E11901" s="1" t="s">
        <v>0</v>
      </c>
    </row>
    <row r="11902" spans="1:5" x14ac:dyDescent="0.25">
      <c r="A11902" s="2">
        <v>2380</v>
      </c>
      <c r="B11902" s="2">
        <v>2380</v>
      </c>
      <c r="C11902" s="1" t="s">
        <v>0</v>
      </c>
      <c r="D11902" s="2">
        <v>164730</v>
      </c>
      <c r="E11902" s="1" t="s">
        <v>0</v>
      </c>
    </row>
    <row r="11903" spans="1:5" x14ac:dyDescent="0.25">
      <c r="A11903" s="1" t="s">
        <v>2184</v>
      </c>
      <c r="B11903" s="1" t="s">
        <v>8463</v>
      </c>
      <c r="C11903" s="1" t="s">
        <v>29519</v>
      </c>
      <c r="D11903" s="2">
        <v>164731</v>
      </c>
      <c r="E11903" s="1" t="s">
        <v>0</v>
      </c>
    </row>
    <row r="11904" spans="1:5" x14ac:dyDescent="0.25">
      <c r="A11904" s="1" t="s">
        <v>29520</v>
      </c>
      <c r="B11904" s="1" t="s">
        <v>53676</v>
      </c>
      <c r="C11904" s="1" t="s">
        <v>29521</v>
      </c>
      <c r="D11904" s="2">
        <v>164732</v>
      </c>
      <c r="E11904" s="1" t="s">
        <v>0</v>
      </c>
    </row>
    <row r="11905" spans="1:5" ht="409.5" x14ac:dyDescent="0.25">
      <c r="A11905" s="4" t="s">
        <v>29522</v>
      </c>
      <c r="B11905" s="1" t="s">
        <v>53677</v>
      </c>
      <c r="C11905" s="1" t="s">
        <v>29523</v>
      </c>
      <c r="D11905" s="2">
        <v>164733</v>
      </c>
      <c r="E11905" s="1" t="s">
        <v>0</v>
      </c>
    </row>
    <row r="11906" spans="1:5" x14ac:dyDescent="0.25">
      <c r="A11906" s="1" t="s">
        <v>29524</v>
      </c>
      <c r="B11906" s="1" t="s">
        <v>8464</v>
      </c>
      <c r="C11906" s="1" t="s">
        <v>29525</v>
      </c>
      <c r="D11906" s="2">
        <v>164734</v>
      </c>
      <c r="E11906" s="1" t="s">
        <v>0</v>
      </c>
    </row>
    <row r="11907" spans="1:5" x14ac:dyDescent="0.25">
      <c r="A11907" s="2">
        <v>2381</v>
      </c>
      <c r="B11907" s="2">
        <v>2381</v>
      </c>
      <c r="C11907" s="1" t="s">
        <v>0</v>
      </c>
      <c r="D11907" s="2">
        <v>164735</v>
      </c>
      <c r="E11907" s="1" t="s">
        <v>0</v>
      </c>
    </row>
    <row r="11908" spans="1:5" x14ac:dyDescent="0.25">
      <c r="A11908" s="1" t="s">
        <v>2185</v>
      </c>
      <c r="B11908" s="1" t="s">
        <v>50713</v>
      </c>
      <c r="C11908" s="1" t="s">
        <v>29526</v>
      </c>
      <c r="D11908" s="2">
        <v>164736</v>
      </c>
      <c r="E11908" s="1" t="s">
        <v>0</v>
      </c>
    </row>
    <row r="11909" spans="1:5" x14ac:dyDescent="0.25">
      <c r="A11909" s="1" t="s">
        <v>29527</v>
      </c>
      <c r="B11909" s="1" t="s">
        <v>58365</v>
      </c>
      <c r="C11909" s="1" t="s">
        <v>29528</v>
      </c>
      <c r="D11909" s="2">
        <v>164737</v>
      </c>
      <c r="E11909" s="1" t="s">
        <v>0</v>
      </c>
    </row>
    <row r="11910" spans="1:5" ht="409.5" x14ac:dyDescent="0.25">
      <c r="A11910" s="4" t="s">
        <v>29529</v>
      </c>
      <c r="B11910" s="1" t="s">
        <v>58366</v>
      </c>
      <c r="C11910" s="1" t="s">
        <v>29530</v>
      </c>
      <c r="D11910" s="2">
        <v>164738</v>
      </c>
      <c r="E11910" s="1" t="s">
        <v>0</v>
      </c>
    </row>
    <row r="11911" spans="1:5" x14ac:dyDescent="0.25">
      <c r="A11911" s="1" t="s">
        <v>29531</v>
      </c>
      <c r="B11911" s="1" t="s">
        <v>8465</v>
      </c>
      <c r="C11911" s="1" t="s">
        <v>29532</v>
      </c>
      <c r="D11911" s="2">
        <v>164739</v>
      </c>
      <c r="E11911" s="1" t="s">
        <v>0</v>
      </c>
    </row>
    <row r="11912" spans="1:5" x14ac:dyDescent="0.25">
      <c r="A11912" s="2">
        <v>2382</v>
      </c>
      <c r="B11912" s="2">
        <v>2382</v>
      </c>
      <c r="C11912" s="1" t="s">
        <v>0</v>
      </c>
      <c r="D11912" s="2">
        <v>164740</v>
      </c>
      <c r="E11912" s="1" t="s">
        <v>0</v>
      </c>
    </row>
    <row r="11913" spans="1:5" x14ac:dyDescent="0.25">
      <c r="A11913" s="1" t="s">
        <v>2186</v>
      </c>
      <c r="B11913" s="1" t="s">
        <v>8466</v>
      </c>
      <c r="C11913" s="1" t="s">
        <v>29533</v>
      </c>
      <c r="D11913" s="2">
        <v>164741</v>
      </c>
      <c r="E11913" s="1" t="s">
        <v>0</v>
      </c>
    </row>
    <row r="11914" spans="1:5" x14ac:dyDescent="0.25">
      <c r="A11914" s="1" t="s">
        <v>29534</v>
      </c>
      <c r="B11914" s="1" t="s">
        <v>8467</v>
      </c>
      <c r="C11914" s="1" t="s">
        <v>29535</v>
      </c>
      <c r="D11914" s="2">
        <v>164742</v>
      </c>
      <c r="E11914" s="1" t="s">
        <v>0</v>
      </c>
    </row>
    <row r="11915" spans="1:5" ht="409.5" x14ac:dyDescent="0.25">
      <c r="A11915" s="4" t="s">
        <v>29536</v>
      </c>
      <c r="B11915" s="1" t="s">
        <v>61116</v>
      </c>
      <c r="C11915" s="1" t="s">
        <v>29537</v>
      </c>
      <c r="D11915" s="2">
        <v>164743</v>
      </c>
      <c r="E11915" s="1" t="s">
        <v>0</v>
      </c>
    </row>
    <row r="11916" spans="1:5" x14ac:dyDescent="0.25">
      <c r="A11916" s="1" t="s">
        <v>29538</v>
      </c>
      <c r="B11916" s="1" t="s">
        <v>8468</v>
      </c>
      <c r="C11916" s="1" t="s">
        <v>29539</v>
      </c>
      <c r="D11916" s="2">
        <v>164744</v>
      </c>
      <c r="E11916" s="1" t="s">
        <v>0</v>
      </c>
    </row>
    <row r="11917" spans="1:5" x14ac:dyDescent="0.25">
      <c r="A11917" s="2">
        <v>2383</v>
      </c>
      <c r="B11917" s="2">
        <v>2383</v>
      </c>
      <c r="C11917" s="1" t="s">
        <v>0</v>
      </c>
      <c r="D11917" s="2">
        <v>164745</v>
      </c>
      <c r="E11917" s="1" t="s">
        <v>0</v>
      </c>
    </row>
    <row r="11918" spans="1:5" x14ac:dyDescent="0.25">
      <c r="A11918" s="1" t="s">
        <v>2187</v>
      </c>
      <c r="B11918" s="1" t="s">
        <v>53678</v>
      </c>
      <c r="C11918" s="1" t="s">
        <v>29540</v>
      </c>
      <c r="D11918" s="2">
        <v>164746</v>
      </c>
      <c r="E11918" s="1" t="s">
        <v>0</v>
      </c>
    </row>
    <row r="11919" spans="1:5" x14ac:dyDescent="0.25">
      <c r="A11919" s="1" t="s">
        <v>29541</v>
      </c>
      <c r="B11919" s="1" t="s">
        <v>56761</v>
      </c>
      <c r="C11919" s="1" t="s">
        <v>29542</v>
      </c>
      <c r="D11919" s="2">
        <v>164747</v>
      </c>
      <c r="E11919" s="1" t="s">
        <v>0</v>
      </c>
    </row>
    <row r="11920" spans="1:5" ht="409.5" x14ac:dyDescent="0.25">
      <c r="A11920" s="4" t="s">
        <v>29543</v>
      </c>
      <c r="B11920" s="1" t="s">
        <v>56762</v>
      </c>
      <c r="C11920" s="1" t="s">
        <v>29544</v>
      </c>
      <c r="D11920" s="2">
        <v>164748</v>
      </c>
      <c r="E11920" s="1" t="s">
        <v>0</v>
      </c>
    </row>
    <row r="11921" spans="1:5" x14ac:dyDescent="0.25">
      <c r="A11921" s="1" t="s">
        <v>29545</v>
      </c>
      <c r="B11921" s="1" t="s">
        <v>53679</v>
      </c>
      <c r="C11921" s="1" t="s">
        <v>29546</v>
      </c>
      <c r="D11921" s="2">
        <v>164749</v>
      </c>
      <c r="E11921" s="1" t="s">
        <v>0</v>
      </c>
    </row>
    <row r="11922" spans="1:5" x14ac:dyDescent="0.25">
      <c r="A11922" s="2">
        <v>2384</v>
      </c>
      <c r="B11922" s="2">
        <v>2384</v>
      </c>
      <c r="C11922" s="1" t="s">
        <v>0</v>
      </c>
      <c r="D11922" s="2">
        <v>164750</v>
      </c>
      <c r="E11922" s="1" t="s">
        <v>0</v>
      </c>
    </row>
    <row r="11923" spans="1:5" x14ac:dyDescent="0.25">
      <c r="A11923" s="1" t="s">
        <v>2188</v>
      </c>
      <c r="B11923" s="1" t="s">
        <v>8469</v>
      </c>
      <c r="C11923" s="1" t="s">
        <v>29547</v>
      </c>
      <c r="D11923" s="2">
        <v>164751</v>
      </c>
      <c r="E11923" s="1" t="s">
        <v>0</v>
      </c>
    </row>
    <row r="11924" spans="1:5" x14ac:dyDescent="0.25">
      <c r="A11924" s="1" t="s">
        <v>29548</v>
      </c>
      <c r="B11924" s="1" t="s">
        <v>8470</v>
      </c>
      <c r="C11924" s="1" t="s">
        <v>29549</v>
      </c>
      <c r="D11924" s="2">
        <v>164752</v>
      </c>
      <c r="E11924" s="1" t="s">
        <v>0</v>
      </c>
    </row>
    <row r="11925" spans="1:5" ht="409.5" x14ac:dyDescent="0.25">
      <c r="A11925" s="4" t="s">
        <v>29550</v>
      </c>
      <c r="B11925" s="1" t="s">
        <v>53680</v>
      </c>
      <c r="C11925" s="1" t="s">
        <v>29551</v>
      </c>
      <c r="D11925" s="2">
        <v>164753</v>
      </c>
      <c r="E11925" s="1" t="s">
        <v>0</v>
      </c>
    </row>
    <row r="11926" spans="1:5" x14ac:dyDescent="0.25">
      <c r="A11926" s="1" t="s">
        <v>29552</v>
      </c>
      <c r="B11926" s="1" t="s">
        <v>53681</v>
      </c>
      <c r="C11926" s="1" t="s">
        <v>29553</v>
      </c>
      <c r="D11926" s="2">
        <v>164754</v>
      </c>
      <c r="E11926" s="1" t="s">
        <v>0</v>
      </c>
    </row>
    <row r="11927" spans="1:5" x14ac:dyDescent="0.25">
      <c r="A11927" s="2">
        <v>2385</v>
      </c>
      <c r="B11927" s="2">
        <v>2385</v>
      </c>
      <c r="C11927" s="1" t="s">
        <v>0</v>
      </c>
      <c r="D11927" s="2">
        <v>164755</v>
      </c>
      <c r="E11927" s="1" t="s">
        <v>0</v>
      </c>
    </row>
    <row r="11928" spans="1:5" x14ac:dyDescent="0.25">
      <c r="A11928" s="1" t="s">
        <v>2189</v>
      </c>
      <c r="B11928" s="1" t="s">
        <v>8471</v>
      </c>
      <c r="C11928" s="1" t="s">
        <v>29554</v>
      </c>
      <c r="D11928" s="2">
        <v>164756</v>
      </c>
      <c r="E11928" s="1" t="s">
        <v>0</v>
      </c>
    </row>
    <row r="11929" spans="1:5" x14ac:dyDescent="0.25">
      <c r="A11929" s="1" t="s">
        <v>29555</v>
      </c>
      <c r="B11929" s="1" t="s">
        <v>53682</v>
      </c>
      <c r="C11929" s="1" t="s">
        <v>29556</v>
      </c>
      <c r="D11929" s="2">
        <v>164757</v>
      </c>
      <c r="E11929" s="1" t="s">
        <v>0</v>
      </c>
    </row>
    <row r="11930" spans="1:5" ht="409.5" x14ac:dyDescent="0.25">
      <c r="A11930" s="4" t="s">
        <v>29557</v>
      </c>
      <c r="B11930" s="1" t="s">
        <v>62466</v>
      </c>
      <c r="C11930" s="1" t="s">
        <v>29558</v>
      </c>
      <c r="D11930" s="2">
        <v>164758</v>
      </c>
      <c r="E11930" s="1" t="s">
        <v>0</v>
      </c>
    </row>
    <row r="11931" spans="1:5" x14ac:dyDescent="0.25">
      <c r="A11931" s="1" t="s">
        <v>29559</v>
      </c>
      <c r="B11931" s="1" t="s">
        <v>8472</v>
      </c>
      <c r="C11931" s="1" t="s">
        <v>29560</v>
      </c>
      <c r="D11931" s="2">
        <v>164759</v>
      </c>
      <c r="E11931" s="1" t="s">
        <v>0</v>
      </c>
    </row>
    <row r="11932" spans="1:5" x14ac:dyDescent="0.25">
      <c r="A11932" s="2">
        <v>2386</v>
      </c>
      <c r="B11932" s="2">
        <v>2386</v>
      </c>
      <c r="C11932" s="1" t="s">
        <v>0</v>
      </c>
      <c r="D11932" s="2">
        <v>164760</v>
      </c>
      <c r="E11932" s="1" t="s">
        <v>0</v>
      </c>
    </row>
    <row r="11933" spans="1:5" x14ac:dyDescent="0.25">
      <c r="A11933" s="1" t="s">
        <v>2190</v>
      </c>
      <c r="B11933" s="1" t="s">
        <v>8473</v>
      </c>
      <c r="C11933" s="1" t="s">
        <v>29561</v>
      </c>
      <c r="D11933" s="2">
        <v>164761</v>
      </c>
      <c r="E11933" s="1" t="s">
        <v>0</v>
      </c>
    </row>
    <row r="11934" spans="1:5" x14ac:dyDescent="0.25">
      <c r="A11934" s="1" t="s">
        <v>29562</v>
      </c>
      <c r="B11934" s="1" t="s">
        <v>62467</v>
      </c>
      <c r="C11934" s="1" t="s">
        <v>29563</v>
      </c>
      <c r="D11934" s="2">
        <v>164762</v>
      </c>
      <c r="E11934" s="1" t="s">
        <v>0</v>
      </c>
    </row>
    <row r="11935" spans="1:5" ht="409.5" x14ac:dyDescent="0.25">
      <c r="A11935" s="4" t="s">
        <v>29564</v>
      </c>
      <c r="B11935" s="1" t="s">
        <v>62468</v>
      </c>
      <c r="C11935" s="1" t="s">
        <v>29565</v>
      </c>
      <c r="D11935" s="2">
        <v>164763</v>
      </c>
      <c r="E11935" s="1" t="s">
        <v>0</v>
      </c>
    </row>
    <row r="11936" spans="1:5" x14ac:dyDescent="0.25">
      <c r="A11936" s="1" t="s">
        <v>29566</v>
      </c>
      <c r="B11936" s="1" t="s">
        <v>53683</v>
      </c>
      <c r="C11936" s="1" t="s">
        <v>29567</v>
      </c>
      <c r="D11936" s="2">
        <v>164764</v>
      </c>
      <c r="E11936" s="1" t="s">
        <v>0</v>
      </c>
    </row>
    <row r="11937" spans="1:5" x14ac:dyDescent="0.25">
      <c r="A11937" s="2">
        <v>2387</v>
      </c>
      <c r="B11937" s="2">
        <v>2387</v>
      </c>
      <c r="C11937" s="1" t="s">
        <v>0</v>
      </c>
      <c r="D11937" s="2">
        <v>164765</v>
      </c>
      <c r="E11937" s="1" t="s">
        <v>0</v>
      </c>
    </row>
    <row r="11938" spans="1:5" x14ac:dyDescent="0.25">
      <c r="A11938" s="1" t="s">
        <v>2191</v>
      </c>
      <c r="B11938" s="1" t="s">
        <v>53684</v>
      </c>
      <c r="C11938" s="1" t="s">
        <v>29568</v>
      </c>
      <c r="D11938" s="2">
        <v>164766</v>
      </c>
      <c r="E11938" s="1" t="s">
        <v>0</v>
      </c>
    </row>
    <row r="11939" spans="1:5" x14ac:dyDescent="0.25">
      <c r="A11939" s="1" t="s">
        <v>29569</v>
      </c>
      <c r="B11939" s="1" t="s">
        <v>53685</v>
      </c>
      <c r="C11939" s="1" t="s">
        <v>29570</v>
      </c>
      <c r="D11939" s="2">
        <v>164767</v>
      </c>
      <c r="E11939" s="1" t="s">
        <v>0</v>
      </c>
    </row>
    <row r="11940" spans="1:5" ht="409.5" x14ac:dyDescent="0.25">
      <c r="A11940" s="4" t="s">
        <v>29571</v>
      </c>
      <c r="B11940" s="1" t="s">
        <v>61117</v>
      </c>
      <c r="C11940" s="1" t="s">
        <v>29572</v>
      </c>
      <c r="D11940" s="2">
        <v>164768</v>
      </c>
      <c r="E11940" s="1" t="s">
        <v>0</v>
      </c>
    </row>
    <row r="11941" spans="1:5" x14ac:dyDescent="0.25">
      <c r="A11941" s="1" t="s">
        <v>29573</v>
      </c>
      <c r="B11941" s="1" t="s">
        <v>61118</v>
      </c>
      <c r="C11941" s="1" t="s">
        <v>29574</v>
      </c>
      <c r="D11941" s="2">
        <v>164769</v>
      </c>
      <c r="E11941" s="1" t="s">
        <v>0</v>
      </c>
    </row>
    <row r="11942" spans="1:5" x14ac:dyDescent="0.25">
      <c r="A11942" s="2">
        <v>2388</v>
      </c>
      <c r="B11942" s="2">
        <v>2388</v>
      </c>
      <c r="C11942" s="1" t="s">
        <v>0</v>
      </c>
      <c r="D11942" s="2">
        <v>164770</v>
      </c>
      <c r="E11942" s="1" t="s">
        <v>0</v>
      </c>
    </row>
    <row r="11943" spans="1:5" x14ac:dyDescent="0.25">
      <c r="A11943" s="1" t="s">
        <v>2192</v>
      </c>
      <c r="B11943" s="1" t="s">
        <v>8474</v>
      </c>
      <c r="C11943" s="1" t="s">
        <v>29575</v>
      </c>
      <c r="D11943" s="2">
        <v>164771</v>
      </c>
      <c r="E11943" s="1" t="s">
        <v>0</v>
      </c>
    </row>
    <row r="11944" spans="1:5" x14ac:dyDescent="0.25">
      <c r="A11944" s="1" t="s">
        <v>29576</v>
      </c>
      <c r="B11944" s="1" t="s">
        <v>53686</v>
      </c>
      <c r="C11944" s="1" t="s">
        <v>29577</v>
      </c>
      <c r="D11944" s="2">
        <v>164772</v>
      </c>
      <c r="E11944" s="1" t="s">
        <v>0</v>
      </c>
    </row>
    <row r="11945" spans="1:5" ht="409.5" x14ac:dyDescent="0.25">
      <c r="A11945" s="4" t="s">
        <v>29578</v>
      </c>
      <c r="B11945" s="1" t="s">
        <v>58759</v>
      </c>
      <c r="C11945" s="1" t="s">
        <v>29579</v>
      </c>
      <c r="D11945" s="2">
        <v>164773</v>
      </c>
      <c r="E11945" s="1" t="s">
        <v>0</v>
      </c>
    </row>
    <row r="11946" spans="1:5" x14ac:dyDescent="0.25">
      <c r="A11946" s="1" t="s">
        <v>29580</v>
      </c>
      <c r="B11946" s="1" t="s">
        <v>61119</v>
      </c>
      <c r="C11946" s="1" t="s">
        <v>29581</v>
      </c>
      <c r="D11946" s="2">
        <v>164774</v>
      </c>
      <c r="E11946" s="1" t="s">
        <v>0</v>
      </c>
    </row>
    <row r="11947" spans="1:5" x14ac:dyDescent="0.25">
      <c r="A11947" s="2">
        <v>2389</v>
      </c>
      <c r="B11947" s="2">
        <v>2389</v>
      </c>
      <c r="C11947" s="1" t="s">
        <v>0</v>
      </c>
      <c r="D11947" s="2">
        <v>164775</v>
      </c>
      <c r="E11947" s="1" t="s">
        <v>0</v>
      </c>
    </row>
    <row r="11948" spans="1:5" x14ac:dyDescent="0.25">
      <c r="A11948" s="1" t="s">
        <v>29582</v>
      </c>
      <c r="B11948" s="1" t="s">
        <v>8475</v>
      </c>
      <c r="C11948" s="1" t="s">
        <v>29583</v>
      </c>
      <c r="D11948" s="2">
        <v>164776</v>
      </c>
      <c r="E11948" s="1" t="s">
        <v>0</v>
      </c>
    </row>
    <row r="11949" spans="1:5" x14ac:dyDescent="0.25">
      <c r="A11949" s="1" t="s">
        <v>29584</v>
      </c>
      <c r="B11949" s="1" t="s">
        <v>53687</v>
      </c>
      <c r="C11949" s="1" t="s">
        <v>29585</v>
      </c>
      <c r="D11949" s="2">
        <v>164777</v>
      </c>
      <c r="E11949" s="1" t="s">
        <v>0</v>
      </c>
    </row>
    <row r="11950" spans="1:5" ht="409.5" x14ac:dyDescent="0.25">
      <c r="A11950" s="4" t="s">
        <v>29586</v>
      </c>
      <c r="B11950" s="1" t="s">
        <v>53688</v>
      </c>
      <c r="C11950" s="1" t="s">
        <v>29587</v>
      </c>
      <c r="D11950" s="2">
        <v>164778</v>
      </c>
      <c r="E11950" s="1" t="s">
        <v>0</v>
      </c>
    </row>
    <row r="11951" spans="1:5" x14ac:dyDescent="0.25">
      <c r="A11951" s="1" t="s">
        <v>29588</v>
      </c>
      <c r="B11951" s="1" t="s">
        <v>53689</v>
      </c>
      <c r="C11951" s="1" t="s">
        <v>29589</v>
      </c>
      <c r="D11951" s="2">
        <v>164779</v>
      </c>
      <c r="E11951" s="1" t="s">
        <v>0</v>
      </c>
    </row>
    <row r="11952" spans="1:5" x14ac:dyDescent="0.25">
      <c r="A11952" s="2">
        <v>2390</v>
      </c>
      <c r="B11952" s="2">
        <v>2390</v>
      </c>
      <c r="C11952" s="1" t="s">
        <v>0</v>
      </c>
      <c r="D11952" s="2">
        <v>164780</v>
      </c>
      <c r="E11952" s="1" t="s">
        <v>0</v>
      </c>
    </row>
    <row r="11953" spans="1:5" x14ac:dyDescent="0.25">
      <c r="A11953" s="1" t="s">
        <v>2193</v>
      </c>
      <c r="B11953" s="1" t="s">
        <v>8476</v>
      </c>
      <c r="C11953" s="1" t="s">
        <v>29590</v>
      </c>
      <c r="D11953" s="2">
        <v>164781</v>
      </c>
      <c r="E11953" s="1" t="s">
        <v>0</v>
      </c>
    </row>
    <row r="11954" spans="1:5" x14ac:dyDescent="0.25">
      <c r="A11954" s="1" t="s">
        <v>29591</v>
      </c>
      <c r="B11954" s="1" t="s">
        <v>58367</v>
      </c>
      <c r="C11954" s="1" t="s">
        <v>29592</v>
      </c>
      <c r="D11954" s="2">
        <v>164782</v>
      </c>
      <c r="E11954" s="1" t="s">
        <v>0</v>
      </c>
    </row>
    <row r="11955" spans="1:5" ht="409.5" x14ac:dyDescent="0.25">
      <c r="A11955" s="4" t="s">
        <v>29593</v>
      </c>
      <c r="B11955" s="1" t="s">
        <v>62469</v>
      </c>
      <c r="C11955" s="1" t="s">
        <v>29594</v>
      </c>
      <c r="D11955" s="2">
        <v>164783</v>
      </c>
      <c r="E11955" s="1" t="s">
        <v>0</v>
      </c>
    </row>
    <row r="11956" spans="1:5" x14ac:dyDescent="0.25">
      <c r="A11956" s="1" t="s">
        <v>29595</v>
      </c>
      <c r="B11956" s="1" t="s">
        <v>8477</v>
      </c>
      <c r="C11956" s="1" t="s">
        <v>29596</v>
      </c>
      <c r="D11956" s="2">
        <v>164784</v>
      </c>
      <c r="E11956" s="1" t="s">
        <v>0</v>
      </c>
    </row>
    <row r="11957" spans="1:5" x14ac:dyDescent="0.25">
      <c r="A11957" s="2">
        <v>2391</v>
      </c>
      <c r="B11957" s="2">
        <v>2391</v>
      </c>
      <c r="C11957" s="1" t="s">
        <v>0</v>
      </c>
      <c r="D11957" s="2">
        <v>164785</v>
      </c>
      <c r="E11957" s="1" t="s">
        <v>0</v>
      </c>
    </row>
    <row r="11958" spans="1:5" x14ac:dyDescent="0.25">
      <c r="A11958" s="1" t="s">
        <v>2194</v>
      </c>
      <c r="B11958" s="1" t="s">
        <v>59024</v>
      </c>
      <c r="C11958" s="1" t="s">
        <v>0</v>
      </c>
      <c r="D11958" s="2">
        <v>164786</v>
      </c>
      <c r="E11958" s="1" t="s">
        <v>0</v>
      </c>
    </row>
    <row r="11959" spans="1:5" x14ac:dyDescent="0.25">
      <c r="A11959" s="1" t="s">
        <v>29597</v>
      </c>
      <c r="B11959" s="1" t="s">
        <v>59025</v>
      </c>
      <c r="C11959" s="1" t="s">
        <v>29598</v>
      </c>
      <c r="D11959" s="2">
        <v>164787</v>
      </c>
      <c r="E11959" s="1" t="s">
        <v>0</v>
      </c>
    </row>
    <row r="11960" spans="1:5" ht="409.5" x14ac:dyDescent="0.25">
      <c r="A11960" s="4" t="s">
        <v>29599</v>
      </c>
      <c r="B11960" s="1" t="s">
        <v>59026</v>
      </c>
      <c r="C11960" s="1" t="s">
        <v>29600</v>
      </c>
      <c r="D11960" s="2">
        <v>164788</v>
      </c>
      <c r="E11960" s="1" t="s">
        <v>0</v>
      </c>
    </row>
    <row r="11961" spans="1:5" x14ac:dyDescent="0.25">
      <c r="A11961" s="1" t="s">
        <v>29601</v>
      </c>
      <c r="B11961" s="1" t="s">
        <v>59027</v>
      </c>
      <c r="C11961" s="1" t="s">
        <v>29602</v>
      </c>
      <c r="D11961" s="2">
        <v>164789</v>
      </c>
      <c r="E11961" s="1" t="s">
        <v>0</v>
      </c>
    </row>
    <row r="11962" spans="1:5" x14ac:dyDescent="0.25">
      <c r="A11962" s="2">
        <v>2392</v>
      </c>
      <c r="B11962" s="2">
        <v>2392</v>
      </c>
      <c r="C11962" s="1" t="s">
        <v>0</v>
      </c>
      <c r="D11962" s="2">
        <v>164790</v>
      </c>
      <c r="E11962" s="1" t="s">
        <v>0</v>
      </c>
    </row>
    <row r="11963" spans="1:5" x14ac:dyDescent="0.25">
      <c r="A11963" s="1" t="s">
        <v>2195</v>
      </c>
      <c r="B11963" s="1" t="s">
        <v>2196</v>
      </c>
      <c r="C11963" s="1" t="s">
        <v>29603</v>
      </c>
      <c r="D11963" s="2">
        <v>164791</v>
      </c>
      <c r="E11963" s="1" t="s">
        <v>0</v>
      </c>
    </row>
    <row r="11964" spans="1:5" x14ac:dyDescent="0.25">
      <c r="A11964" s="1" t="s">
        <v>29604</v>
      </c>
      <c r="B11964" s="1" t="s">
        <v>53690</v>
      </c>
      <c r="C11964" s="1" t="s">
        <v>29605</v>
      </c>
      <c r="D11964" s="2">
        <v>164792</v>
      </c>
      <c r="E11964" s="1" t="s">
        <v>0</v>
      </c>
    </row>
    <row r="11965" spans="1:5" ht="409.5" x14ac:dyDescent="0.25">
      <c r="A11965" s="4" t="s">
        <v>64161</v>
      </c>
      <c r="B11965" s="1" t="s">
        <v>53691</v>
      </c>
      <c r="C11965" s="1" t="s">
        <v>29606</v>
      </c>
      <c r="D11965" s="2">
        <v>164793</v>
      </c>
      <c r="E11965" s="1" t="s">
        <v>0</v>
      </c>
    </row>
    <row r="11966" spans="1:5" x14ac:dyDescent="0.25">
      <c r="A11966" s="1" t="s">
        <v>29607</v>
      </c>
      <c r="B11966" s="1" t="s">
        <v>59991</v>
      </c>
      <c r="C11966" s="1" t="s">
        <v>29608</v>
      </c>
      <c r="D11966" s="2">
        <v>164794</v>
      </c>
      <c r="E11966" s="1" t="s">
        <v>0</v>
      </c>
    </row>
    <row r="11967" spans="1:5" x14ac:dyDescent="0.25">
      <c r="A11967" s="2">
        <v>2393</v>
      </c>
      <c r="B11967" s="2">
        <v>2393</v>
      </c>
      <c r="C11967" s="1" t="s">
        <v>0</v>
      </c>
      <c r="D11967" s="2">
        <v>164795</v>
      </c>
      <c r="E11967" s="1" t="s">
        <v>0</v>
      </c>
    </row>
    <row r="11968" spans="1:5" x14ac:dyDescent="0.25">
      <c r="A11968" s="1" t="s">
        <v>2197</v>
      </c>
      <c r="B11968" s="1" t="s">
        <v>8478</v>
      </c>
      <c r="C11968" s="1" t="s">
        <v>29609</v>
      </c>
      <c r="D11968" s="2">
        <v>164796</v>
      </c>
      <c r="E11968" s="1" t="s">
        <v>0</v>
      </c>
    </row>
    <row r="11969" spans="1:5" x14ac:dyDescent="0.25">
      <c r="A11969" s="1" t="s">
        <v>29610</v>
      </c>
      <c r="B11969" s="1" t="s">
        <v>53692</v>
      </c>
      <c r="C11969" s="1" t="s">
        <v>29611</v>
      </c>
      <c r="D11969" s="2">
        <v>164797</v>
      </c>
      <c r="E11969" s="1" t="s">
        <v>0</v>
      </c>
    </row>
    <row r="11970" spans="1:5" ht="409.5" x14ac:dyDescent="0.25">
      <c r="A11970" s="4" t="s">
        <v>29612</v>
      </c>
      <c r="B11970" s="1" t="s">
        <v>53693</v>
      </c>
      <c r="C11970" s="1" t="s">
        <v>29613</v>
      </c>
      <c r="D11970" s="2">
        <v>164798</v>
      </c>
      <c r="E11970" s="1" t="s">
        <v>0</v>
      </c>
    </row>
    <row r="11971" spans="1:5" x14ac:dyDescent="0.25">
      <c r="A11971" s="1" t="s">
        <v>29614</v>
      </c>
      <c r="B11971" s="1" t="s">
        <v>53694</v>
      </c>
      <c r="C11971" s="1" t="s">
        <v>29615</v>
      </c>
      <c r="D11971" s="2">
        <v>164799</v>
      </c>
      <c r="E11971" s="1" t="s">
        <v>0</v>
      </c>
    </row>
    <row r="11972" spans="1:5" x14ac:dyDescent="0.25">
      <c r="A11972" s="2">
        <v>2394</v>
      </c>
      <c r="B11972" s="2">
        <v>2394</v>
      </c>
      <c r="C11972" s="1" t="s">
        <v>0</v>
      </c>
      <c r="D11972" s="2">
        <v>164800</v>
      </c>
      <c r="E11972" s="1" t="s">
        <v>0</v>
      </c>
    </row>
    <row r="11973" spans="1:5" x14ac:dyDescent="0.25">
      <c r="A11973" s="1" t="s">
        <v>2198</v>
      </c>
      <c r="B11973" s="1" t="s">
        <v>8479</v>
      </c>
      <c r="C11973" s="1" t="s">
        <v>29616</v>
      </c>
      <c r="D11973" s="2">
        <v>164801</v>
      </c>
      <c r="E11973" s="1" t="s">
        <v>0</v>
      </c>
    </row>
    <row r="11974" spans="1:5" x14ac:dyDescent="0.25">
      <c r="A11974" s="1" t="s">
        <v>29617</v>
      </c>
      <c r="B11974" s="1" t="s">
        <v>53695</v>
      </c>
      <c r="C11974" s="1" t="s">
        <v>29618</v>
      </c>
      <c r="D11974" s="2">
        <v>164802</v>
      </c>
      <c r="E11974" s="1" t="s">
        <v>0</v>
      </c>
    </row>
    <row r="11975" spans="1:5" ht="409.5" x14ac:dyDescent="0.25">
      <c r="A11975" s="4" t="s">
        <v>29619</v>
      </c>
      <c r="B11975" s="1" t="s">
        <v>53696</v>
      </c>
      <c r="C11975" s="1" t="s">
        <v>29620</v>
      </c>
      <c r="D11975" s="2">
        <v>164803</v>
      </c>
      <c r="E11975" s="1" t="s">
        <v>0</v>
      </c>
    </row>
    <row r="11976" spans="1:5" x14ac:dyDescent="0.25">
      <c r="A11976" s="1" t="s">
        <v>29621</v>
      </c>
      <c r="B11976" s="1" t="s">
        <v>53697</v>
      </c>
      <c r="C11976" s="1" t="s">
        <v>29622</v>
      </c>
      <c r="D11976" s="2">
        <v>164804</v>
      </c>
      <c r="E11976" s="1" t="s">
        <v>0</v>
      </c>
    </row>
    <row r="11977" spans="1:5" x14ac:dyDescent="0.25">
      <c r="A11977" s="2">
        <v>2395</v>
      </c>
      <c r="B11977" s="2">
        <v>2395</v>
      </c>
      <c r="C11977" s="1" t="s">
        <v>0</v>
      </c>
      <c r="D11977" s="2">
        <v>164805</v>
      </c>
      <c r="E11977" s="1" t="s">
        <v>0</v>
      </c>
    </row>
    <row r="11978" spans="1:5" x14ac:dyDescent="0.25">
      <c r="A11978" s="1" t="s">
        <v>2199</v>
      </c>
      <c r="B11978" s="1" t="s">
        <v>8480</v>
      </c>
      <c r="C11978" s="1" t="s">
        <v>29623</v>
      </c>
      <c r="D11978" s="2">
        <v>164806</v>
      </c>
      <c r="E11978" s="1" t="s">
        <v>0</v>
      </c>
    </row>
    <row r="11979" spans="1:5" x14ac:dyDescent="0.25">
      <c r="A11979" s="1" t="s">
        <v>29624</v>
      </c>
      <c r="B11979" s="1" t="s">
        <v>53698</v>
      </c>
      <c r="C11979" s="1" t="s">
        <v>29625</v>
      </c>
      <c r="D11979" s="2">
        <v>164807</v>
      </c>
      <c r="E11979" s="1" t="s">
        <v>0</v>
      </c>
    </row>
    <row r="11980" spans="1:5" ht="409.5" x14ac:dyDescent="0.25">
      <c r="A11980" s="4" t="s">
        <v>29626</v>
      </c>
      <c r="B11980" s="1" t="s">
        <v>53699</v>
      </c>
      <c r="C11980" s="1" t="s">
        <v>29627</v>
      </c>
      <c r="D11980" s="2">
        <v>164808</v>
      </c>
      <c r="E11980" s="1" t="s">
        <v>0</v>
      </c>
    </row>
    <row r="11981" spans="1:5" x14ac:dyDescent="0.25">
      <c r="A11981" s="1" t="s">
        <v>29628</v>
      </c>
      <c r="B11981" s="1" t="s">
        <v>8481</v>
      </c>
      <c r="C11981" s="1" t="s">
        <v>29629</v>
      </c>
      <c r="D11981" s="2">
        <v>164809</v>
      </c>
      <c r="E11981" s="1" t="s">
        <v>0</v>
      </c>
    </row>
    <row r="11982" spans="1:5" x14ac:dyDescent="0.25">
      <c r="A11982" s="2">
        <v>2396</v>
      </c>
      <c r="B11982" s="2">
        <v>2396</v>
      </c>
      <c r="C11982" s="1" t="s">
        <v>0</v>
      </c>
      <c r="D11982" s="2">
        <v>164810</v>
      </c>
      <c r="E11982" s="1" t="s">
        <v>0</v>
      </c>
    </row>
    <row r="11983" spans="1:5" x14ac:dyDescent="0.25">
      <c r="A11983" s="1" t="s">
        <v>2200</v>
      </c>
      <c r="B11983" s="1" t="s">
        <v>8482</v>
      </c>
      <c r="C11983" s="1" t="s">
        <v>29630</v>
      </c>
      <c r="D11983" s="2">
        <v>164811</v>
      </c>
      <c r="E11983" s="1" t="s">
        <v>0</v>
      </c>
    </row>
    <row r="11984" spans="1:5" x14ac:dyDescent="0.25">
      <c r="A11984" s="1" t="s">
        <v>29631</v>
      </c>
      <c r="B11984" s="1" t="s">
        <v>8483</v>
      </c>
      <c r="C11984" s="1" t="s">
        <v>29632</v>
      </c>
      <c r="D11984" s="2">
        <v>164812</v>
      </c>
      <c r="E11984" s="1" t="s">
        <v>0</v>
      </c>
    </row>
    <row r="11985" spans="1:5" ht="409.5" x14ac:dyDescent="0.25">
      <c r="A11985" s="4" t="s">
        <v>64162</v>
      </c>
      <c r="B11985" s="1" t="s">
        <v>64163</v>
      </c>
      <c r="C11985" s="1" t="s">
        <v>29633</v>
      </c>
      <c r="D11985" s="2">
        <v>164813</v>
      </c>
      <c r="E11985" s="1" t="s">
        <v>0</v>
      </c>
    </row>
    <row r="11986" spans="1:5" x14ac:dyDescent="0.25">
      <c r="A11986" s="1" t="s">
        <v>29634</v>
      </c>
      <c r="B11986" s="1" t="s">
        <v>53700</v>
      </c>
      <c r="C11986" s="1" t="s">
        <v>29635</v>
      </c>
      <c r="D11986" s="2">
        <v>164814</v>
      </c>
      <c r="E11986" s="1" t="s">
        <v>0</v>
      </c>
    </row>
    <row r="11987" spans="1:5" x14ac:dyDescent="0.25">
      <c r="A11987" s="2">
        <v>2397</v>
      </c>
      <c r="B11987" s="2">
        <v>2397</v>
      </c>
      <c r="C11987" s="1" t="s">
        <v>0</v>
      </c>
      <c r="D11987" s="2">
        <v>164815</v>
      </c>
      <c r="E11987" s="1" t="s">
        <v>0</v>
      </c>
    </row>
    <row r="11988" spans="1:5" x14ac:dyDescent="0.25">
      <c r="A11988" s="1" t="s">
        <v>2201</v>
      </c>
      <c r="B11988" s="1" t="s">
        <v>8484</v>
      </c>
      <c r="C11988" s="1" t="s">
        <v>29636</v>
      </c>
      <c r="D11988" s="2">
        <v>164816</v>
      </c>
      <c r="E11988" s="1" t="s">
        <v>0</v>
      </c>
    </row>
    <row r="11989" spans="1:5" x14ac:dyDescent="0.25">
      <c r="A11989" s="1" t="s">
        <v>29637</v>
      </c>
      <c r="B11989" s="1" t="s">
        <v>53701</v>
      </c>
      <c r="C11989" s="1" t="s">
        <v>29638</v>
      </c>
      <c r="D11989" s="2">
        <v>164817</v>
      </c>
      <c r="E11989" s="1" t="s">
        <v>0</v>
      </c>
    </row>
    <row r="11990" spans="1:5" ht="409.5" x14ac:dyDescent="0.25">
      <c r="A11990" s="4" t="s">
        <v>29639</v>
      </c>
      <c r="B11990" s="1" t="s">
        <v>60429</v>
      </c>
      <c r="C11990" s="1" t="s">
        <v>29640</v>
      </c>
      <c r="D11990" s="2">
        <v>164818</v>
      </c>
      <c r="E11990" s="1" t="s">
        <v>0</v>
      </c>
    </row>
    <row r="11991" spans="1:5" x14ac:dyDescent="0.25">
      <c r="A11991" s="1" t="s">
        <v>18619</v>
      </c>
      <c r="B11991" s="1" t="s">
        <v>60942</v>
      </c>
      <c r="C11991" s="1" t="s">
        <v>18620</v>
      </c>
      <c r="D11991" s="2">
        <v>164819</v>
      </c>
      <c r="E11991" s="1" t="s">
        <v>0</v>
      </c>
    </row>
    <row r="11992" spans="1:5" x14ac:dyDescent="0.25">
      <c r="A11992" s="2">
        <v>2398</v>
      </c>
      <c r="B11992" s="2">
        <v>2398</v>
      </c>
      <c r="C11992" s="1" t="s">
        <v>0</v>
      </c>
      <c r="D11992" s="2">
        <v>164820</v>
      </c>
      <c r="E11992" s="1" t="s">
        <v>0</v>
      </c>
    </row>
    <row r="11993" spans="1:5" x14ac:dyDescent="0.25">
      <c r="A11993" s="1" t="s">
        <v>2202</v>
      </c>
      <c r="B11993" s="1" t="s">
        <v>8485</v>
      </c>
      <c r="C11993" s="1" t="s">
        <v>29641</v>
      </c>
      <c r="D11993" s="2">
        <v>164821</v>
      </c>
      <c r="E11993" s="1" t="s">
        <v>0</v>
      </c>
    </row>
    <row r="11994" spans="1:5" x14ac:dyDescent="0.25">
      <c r="A11994" s="1" t="s">
        <v>29642</v>
      </c>
      <c r="B11994" s="1" t="s">
        <v>8486</v>
      </c>
      <c r="C11994" s="1" t="s">
        <v>29643</v>
      </c>
      <c r="D11994" s="2">
        <v>164822</v>
      </c>
      <c r="E11994" s="1" t="s">
        <v>0</v>
      </c>
    </row>
    <row r="11995" spans="1:5" ht="409.5" x14ac:dyDescent="0.25">
      <c r="A11995" s="4" t="s">
        <v>29644</v>
      </c>
      <c r="B11995" s="1" t="s">
        <v>8487</v>
      </c>
      <c r="C11995" s="1" t="s">
        <v>29645</v>
      </c>
      <c r="D11995" s="2">
        <v>164823</v>
      </c>
      <c r="E11995" s="1" t="s">
        <v>0</v>
      </c>
    </row>
    <row r="11996" spans="1:5" x14ac:dyDescent="0.25">
      <c r="A11996" s="1" t="s">
        <v>29646</v>
      </c>
      <c r="B11996" s="1" t="s">
        <v>57215</v>
      </c>
      <c r="C11996" s="1" t="s">
        <v>29647</v>
      </c>
      <c r="D11996" s="2">
        <v>164824</v>
      </c>
      <c r="E11996" s="1" t="s">
        <v>0</v>
      </c>
    </row>
    <row r="11997" spans="1:5" x14ac:dyDescent="0.25">
      <c r="A11997" s="2">
        <v>2399</v>
      </c>
      <c r="B11997" s="2">
        <v>2399</v>
      </c>
      <c r="C11997" s="1" t="s">
        <v>0</v>
      </c>
      <c r="D11997" s="2">
        <v>164825</v>
      </c>
      <c r="E11997" s="1" t="s">
        <v>0</v>
      </c>
    </row>
    <row r="11998" spans="1:5" x14ac:dyDescent="0.25">
      <c r="A11998" s="1" t="s">
        <v>2203</v>
      </c>
      <c r="B11998" s="1" t="s">
        <v>8488</v>
      </c>
      <c r="C11998" s="1" t="s">
        <v>29648</v>
      </c>
      <c r="D11998" s="2">
        <v>164826</v>
      </c>
      <c r="E11998" s="1" t="s">
        <v>0</v>
      </c>
    </row>
    <row r="11999" spans="1:5" x14ac:dyDescent="0.25">
      <c r="A11999" s="1" t="s">
        <v>29649</v>
      </c>
      <c r="B11999" s="1" t="s">
        <v>8489</v>
      </c>
      <c r="C11999" s="1" t="s">
        <v>29650</v>
      </c>
      <c r="D11999" s="2">
        <v>164827</v>
      </c>
      <c r="E11999" s="1" t="s">
        <v>0</v>
      </c>
    </row>
    <row r="12000" spans="1:5" ht="409.5" x14ac:dyDescent="0.25">
      <c r="A12000" s="4" t="s">
        <v>29651</v>
      </c>
      <c r="B12000" s="1" t="s">
        <v>53702</v>
      </c>
      <c r="C12000" s="1" t="s">
        <v>29652</v>
      </c>
      <c r="D12000" s="2">
        <v>164828</v>
      </c>
      <c r="E12000" s="1" t="s">
        <v>0</v>
      </c>
    </row>
    <row r="12001" spans="1:5" x14ac:dyDescent="0.25">
      <c r="A12001" s="1" t="s">
        <v>29653</v>
      </c>
      <c r="B12001" s="1" t="s">
        <v>8490</v>
      </c>
      <c r="C12001" s="1" t="s">
        <v>29654</v>
      </c>
      <c r="D12001" s="2">
        <v>164829</v>
      </c>
      <c r="E12001" s="1" t="s">
        <v>0</v>
      </c>
    </row>
    <row r="12002" spans="1:5" x14ac:dyDescent="0.25">
      <c r="A12002" s="2">
        <v>2400</v>
      </c>
      <c r="B12002" s="2">
        <v>2400</v>
      </c>
      <c r="C12002" s="1" t="s">
        <v>0</v>
      </c>
      <c r="D12002" s="2">
        <v>164830</v>
      </c>
      <c r="E12002" s="1" t="s">
        <v>0</v>
      </c>
    </row>
    <row r="12003" spans="1:5" x14ac:dyDescent="0.25">
      <c r="A12003" s="1" t="s">
        <v>2204</v>
      </c>
      <c r="B12003" s="1" t="s">
        <v>50714</v>
      </c>
      <c r="C12003" s="1" t="s">
        <v>29655</v>
      </c>
      <c r="D12003" s="2">
        <v>164831</v>
      </c>
      <c r="E12003" s="1" t="s">
        <v>0</v>
      </c>
    </row>
    <row r="12004" spans="1:5" x14ac:dyDescent="0.25">
      <c r="A12004" s="1" t="s">
        <v>29656</v>
      </c>
      <c r="B12004" s="1" t="s">
        <v>53703</v>
      </c>
      <c r="C12004" s="1" t="s">
        <v>29657</v>
      </c>
      <c r="D12004" s="2">
        <v>164832</v>
      </c>
      <c r="E12004" s="1" t="s">
        <v>0</v>
      </c>
    </row>
    <row r="12005" spans="1:5" ht="409.5" x14ac:dyDescent="0.25">
      <c r="A12005" s="4" t="s">
        <v>29658</v>
      </c>
      <c r="B12005" s="1" t="s">
        <v>63348</v>
      </c>
      <c r="C12005" s="1" t="s">
        <v>29659</v>
      </c>
      <c r="D12005" s="2">
        <v>164833</v>
      </c>
      <c r="E12005" s="1" t="s">
        <v>0</v>
      </c>
    </row>
    <row r="12006" spans="1:5" x14ac:dyDescent="0.25">
      <c r="A12006" s="1" t="s">
        <v>29660</v>
      </c>
      <c r="B12006" s="1" t="s">
        <v>53704</v>
      </c>
      <c r="C12006" s="1" t="s">
        <v>29661</v>
      </c>
      <c r="D12006" s="2">
        <v>164834</v>
      </c>
      <c r="E12006" s="1" t="s">
        <v>0</v>
      </c>
    </row>
    <row r="12007" spans="1:5" x14ac:dyDescent="0.25">
      <c r="A12007" s="2">
        <v>2401</v>
      </c>
      <c r="B12007" s="2">
        <v>2401</v>
      </c>
      <c r="C12007" s="1" t="s">
        <v>0</v>
      </c>
      <c r="D12007" s="2">
        <v>164835</v>
      </c>
      <c r="E12007" s="1" t="s">
        <v>0</v>
      </c>
    </row>
    <row r="12008" spans="1:5" x14ac:dyDescent="0.25">
      <c r="A12008" s="1" t="s">
        <v>2205</v>
      </c>
      <c r="B12008" s="1" t="s">
        <v>8491</v>
      </c>
      <c r="C12008" s="1" t="s">
        <v>29662</v>
      </c>
      <c r="D12008" s="2">
        <v>164836</v>
      </c>
      <c r="E12008" s="1" t="s">
        <v>0</v>
      </c>
    </row>
    <row r="12009" spans="1:5" x14ac:dyDescent="0.25">
      <c r="A12009" s="1" t="s">
        <v>29663</v>
      </c>
      <c r="B12009" s="1" t="s">
        <v>8492</v>
      </c>
      <c r="C12009" s="1" t="s">
        <v>29664</v>
      </c>
      <c r="D12009" s="2">
        <v>164837</v>
      </c>
      <c r="E12009" s="1" t="s">
        <v>0</v>
      </c>
    </row>
    <row r="12010" spans="1:5" ht="409.5" x14ac:dyDescent="0.25">
      <c r="A12010" s="4" t="s">
        <v>29665</v>
      </c>
      <c r="B12010" s="1" t="s">
        <v>58368</v>
      </c>
      <c r="C12010" s="1" t="s">
        <v>29666</v>
      </c>
      <c r="D12010" s="2">
        <v>164838</v>
      </c>
      <c r="E12010" s="1" t="s">
        <v>0</v>
      </c>
    </row>
    <row r="12011" spans="1:5" x14ac:dyDescent="0.25">
      <c r="A12011" s="1" t="s">
        <v>29667</v>
      </c>
      <c r="B12011" s="1" t="s">
        <v>53705</v>
      </c>
      <c r="C12011" s="1" t="s">
        <v>29668</v>
      </c>
      <c r="D12011" s="2">
        <v>164839</v>
      </c>
      <c r="E12011" s="1" t="s">
        <v>0</v>
      </c>
    </row>
    <row r="12012" spans="1:5" x14ac:dyDescent="0.25">
      <c r="A12012" s="2">
        <v>2402</v>
      </c>
      <c r="B12012" s="2">
        <v>2402</v>
      </c>
      <c r="C12012" s="1" t="s">
        <v>0</v>
      </c>
      <c r="D12012" s="2">
        <v>164840</v>
      </c>
      <c r="E12012" s="1" t="s">
        <v>0</v>
      </c>
    </row>
    <row r="12013" spans="1:5" x14ac:dyDescent="0.25">
      <c r="A12013" s="1" t="s">
        <v>2206</v>
      </c>
      <c r="B12013" s="1" t="s">
        <v>8493</v>
      </c>
      <c r="C12013" s="1" t="s">
        <v>29669</v>
      </c>
      <c r="D12013" s="2">
        <v>164841</v>
      </c>
      <c r="E12013" s="1" t="s">
        <v>0</v>
      </c>
    </row>
    <row r="12014" spans="1:5" x14ac:dyDescent="0.25">
      <c r="A12014" s="1" t="s">
        <v>29670</v>
      </c>
      <c r="B12014" s="1" t="s">
        <v>8494</v>
      </c>
      <c r="C12014" s="1" t="s">
        <v>29671</v>
      </c>
      <c r="D12014" s="2">
        <v>164842</v>
      </c>
      <c r="E12014" s="1" t="s">
        <v>0</v>
      </c>
    </row>
    <row r="12015" spans="1:5" ht="409.5" x14ac:dyDescent="0.25">
      <c r="A12015" s="4" t="s">
        <v>29672</v>
      </c>
      <c r="B12015" s="1" t="s">
        <v>56763</v>
      </c>
      <c r="C12015" s="1" t="s">
        <v>29673</v>
      </c>
      <c r="D12015" s="2">
        <v>164843</v>
      </c>
      <c r="E12015" s="1" t="s">
        <v>0</v>
      </c>
    </row>
    <row r="12016" spans="1:5" x14ac:dyDescent="0.25">
      <c r="A12016" s="1" t="s">
        <v>29674</v>
      </c>
      <c r="B12016" s="1" t="s">
        <v>53706</v>
      </c>
      <c r="C12016" s="1" t="s">
        <v>29675</v>
      </c>
      <c r="D12016" s="2">
        <v>164844</v>
      </c>
      <c r="E12016" s="1" t="s">
        <v>0</v>
      </c>
    </row>
    <row r="12017" spans="1:5" x14ac:dyDescent="0.25">
      <c r="A12017" s="2">
        <v>2403</v>
      </c>
      <c r="B12017" s="2">
        <v>2403</v>
      </c>
      <c r="C12017" s="1" t="s">
        <v>0</v>
      </c>
      <c r="D12017" s="2">
        <v>164845</v>
      </c>
      <c r="E12017" s="1" t="s">
        <v>0</v>
      </c>
    </row>
    <row r="12018" spans="1:5" x14ac:dyDescent="0.25">
      <c r="A12018" s="1" t="s">
        <v>2207</v>
      </c>
      <c r="B12018" s="1" t="s">
        <v>8495</v>
      </c>
      <c r="C12018" s="1" t="s">
        <v>29676</v>
      </c>
      <c r="D12018" s="2">
        <v>164846</v>
      </c>
      <c r="E12018" s="1" t="s">
        <v>0</v>
      </c>
    </row>
    <row r="12019" spans="1:5" x14ac:dyDescent="0.25">
      <c r="A12019" s="1" t="s">
        <v>29677</v>
      </c>
      <c r="B12019" s="1" t="s">
        <v>8496</v>
      </c>
      <c r="C12019" s="1" t="s">
        <v>29678</v>
      </c>
      <c r="D12019" s="2">
        <v>164847</v>
      </c>
      <c r="E12019" s="1" t="s">
        <v>0</v>
      </c>
    </row>
    <row r="12020" spans="1:5" ht="409.5" x14ac:dyDescent="0.25">
      <c r="A12020" s="4" t="s">
        <v>29679</v>
      </c>
      <c r="B12020" s="1" t="s">
        <v>8497</v>
      </c>
      <c r="C12020" s="1" t="s">
        <v>29680</v>
      </c>
      <c r="D12020" s="2">
        <v>164848</v>
      </c>
      <c r="E12020" s="1" t="s">
        <v>0</v>
      </c>
    </row>
    <row r="12021" spans="1:5" x14ac:dyDescent="0.25">
      <c r="A12021" s="1" t="s">
        <v>29681</v>
      </c>
      <c r="B12021" s="1" t="s">
        <v>8498</v>
      </c>
      <c r="C12021" s="1" t="s">
        <v>29682</v>
      </c>
      <c r="D12021" s="2">
        <v>164849</v>
      </c>
      <c r="E12021" s="1" t="s">
        <v>0</v>
      </c>
    </row>
    <row r="12022" spans="1:5" x14ac:dyDescent="0.25">
      <c r="A12022" s="2">
        <v>2404</v>
      </c>
      <c r="B12022" s="2">
        <v>2404</v>
      </c>
      <c r="C12022" s="1" t="s">
        <v>0</v>
      </c>
      <c r="D12022" s="2">
        <v>164850</v>
      </c>
      <c r="E12022" s="1" t="s">
        <v>0</v>
      </c>
    </row>
    <row r="12023" spans="1:5" x14ac:dyDescent="0.25">
      <c r="A12023" s="1" t="s">
        <v>2208</v>
      </c>
      <c r="B12023" s="1" t="s">
        <v>8499</v>
      </c>
      <c r="C12023" s="1" t="s">
        <v>29683</v>
      </c>
      <c r="D12023" s="2">
        <v>164851</v>
      </c>
      <c r="E12023" s="1" t="s">
        <v>0</v>
      </c>
    </row>
    <row r="12024" spans="1:5" x14ac:dyDescent="0.25">
      <c r="A12024" s="1" t="s">
        <v>29684</v>
      </c>
      <c r="B12024" s="1" t="s">
        <v>8500</v>
      </c>
      <c r="C12024" s="1" t="s">
        <v>29685</v>
      </c>
      <c r="D12024" s="2">
        <v>164852</v>
      </c>
      <c r="E12024" s="1" t="s">
        <v>0</v>
      </c>
    </row>
    <row r="12025" spans="1:5" ht="409.5" x14ac:dyDescent="0.25">
      <c r="A12025" s="4" t="s">
        <v>29686</v>
      </c>
      <c r="B12025" s="1" t="s">
        <v>58079</v>
      </c>
      <c r="C12025" s="1" t="s">
        <v>29687</v>
      </c>
      <c r="D12025" s="2">
        <v>164853</v>
      </c>
      <c r="E12025" s="1" t="s">
        <v>0</v>
      </c>
    </row>
    <row r="12026" spans="1:5" x14ac:dyDescent="0.25">
      <c r="A12026" s="1" t="s">
        <v>29688</v>
      </c>
      <c r="B12026" s="1" t="s">
        <v>53707</v>
      </c>
      <c r="C12026" s="1" t="s">
        <v>29689</v>
      </c>
      <c r="D12026" s="2">
        <v>164854</v>
      </c>
      <c r="E12026" s="1" t="s">
        <v>0</v>
      </c>
    </row>
    <row r="12027" spans="1:5" x14ac:dyDescent="0.25">
      <c r="A12027" s="2">
        <v>2405</v>
      </c>
      <c r="B12027" s="2">
        <v>2405</v>
      </c>
      <c r="C12027" s="1" t="s">
        <v>0</v>
      </c>
      <c r="D12027" s="2">
        <v>164855</v>
      </c>
      <c r="E12027" s="1" t="s">
        <v>0</v>
      </c>
    </row>
    <row r="12028" spans="1:5" x14ac:dyDescent="0.25">
      <c r="A12028" s="1" t="s">
        <v>2209</v>
      </c>
      <c r="B12028" s="1" t="s">
        <v>8501</v>
      </c>
      <c r="C12028" s="1" t="s">
        <v>29690</v>
      </c>
      <c r="D12028" s="2">
        <v>164856</v>
      </c>
      <c r="E12028" s="1" t="s">
        <v>0</v>
      </c>
    </row>
    <row r="12029" spans="1:5" x14ac:dyDescent="0.25">
      <c r="A12029" s="1" t="s">
        <v>29691</v>
      </c>
      <c r="B12029" s="1" t="s">
        <v>58369</v>
      </c>
      <c r="C12029" s="1" t="s">
        <v>29692</v>
      </c>
      <c r="D12029" s="2">
        <v>164857</v>
      </c>
      <c r="E12029" s="1" t="s">
        <v>0</v>
      </c>
    </row>
    <row r="12030" spans="1:5" ht="409.5" x14ac:dyDescent="0.25">
      <c r="A12030" s="4" t="s">
        <v>29693</v>
      </c>
      <c r="B12030" s="1" t="s">
        <v>58370</v>
      </c>
      <c r="C12030" s="1" t="s">
        <v>29694</v>
      </c>
      <c r="D12030" s="2">
        <v>164858</v>
      </c>
      <c r="E12030" s="1" t="s">
        <v>0</v>
      </c>
    </row>
    <row r="12031" spans="1:5" x14ac:dyDescent="0.25">
      <c r="A12031" s="1" t="s">
        <v>29695</v>
      </c>
      <c r="B12031" s="1" t="s">
        <v>58371</v>
      </c>
      <c r="C12031" s="1" t="s">
        <v>29696</v>
      </c>
      <c r="D12031" s="2">
        <v>164859</v>
      </c>
      <c r="E12031" s="1" t="s">
        <v>0</v>
      </c>
    </row>
    <row r="12032" spans="1:5" x14ac:dyDescent="0.25">
      <c r="A12032" s="2">
        <v>2406</v>
      </c>
      <c r="B12032" s="2">
        <v>2406</v>
      </c>
      <c r="C12032" s="1" t="s">
        <v>0</v>
      </c>
      <c r="D12032" s="2">
        <v>164860</v>
      </c>
      <c r="E12032" s="1" t="s">
        <v>0</v>
      </c>
    </row>
    <row r="12033" spans="1:5" x14ac:dyDescent="0.25">
      <c r="A12033" s="1" t="s">
        <v>2210</v>
      </c>
      <c r="B12033" s="1" t="s">
        <v>59610</v>
      </c>
      <c r="C12033" s="1" t="s">
        <v>29697</v>
      </c>
      <c r="D12033" s="2">
        <v>164861</v>
      </c>
      <c r="E12033" s="1" t="s">
        <v>0</v>
      </c>
    </row>
    <row r="12034" spans="1:5" x14ac:dyDescent="0.25">
      <c r="A12034" s="1" t="s">
        <v>29698</v>
      </c>
      <c r="B12034" s="1" t="s">
        <v>59611</v>
      </c>
      <c r="C12034" s="1" t="s">
        <v>29699</v>
      </c>
      <c r="D12034" s="2">
        <v>164862</v>
      </c>
      <c r="E12034" s="1" t="s">
        <v>0</v>
      </c>
    </row>
    <row r="12035" spans="1:5" ht="409.5" x14ac:dyDescent="0.25">
      <c r="A12035" s="4" t="s">
        <v>29700</v>
      </c>
      <c r="B12035" s="1" t="s">
        <v>59612</v>
      </c>
      <c r="C12035" s="1" t="s">
        <v>29701</v>
      </c>
      <c r="D12035" s="2">
        <v>164863</v>
      </c>
      <c r="E12035" s="1" t="s">
        <v>0</v>
      </c>
    </row>
    <row r="12036" spans="1:5" x14ac:dyDescent="0.25">
      <c r="A12036" s="1" t="s">
        <v>29702</v>
      </c>
      <c r="B12036" s="1" t="s">
        <v>59613</v>
      </c>
      <c r="C12036" s="1" t="s">
        <v>29703</v>
      </c>
      <c r="D12036" s="2">
        <v>164864</v>
      </c>
      <c r="E12036" s="1" t="s">
        <v>0</v>
      </c>
    </row>
    <row r="12037" spans="1:5" x14ac:dyDescent="0.25">
      <c r="A12037" s="2">
        <v>2407</v>
      </c>
      <c r="B12037" s="2">
        <v>2407</v>
      </c>
      <c r="C12037" s="1" t="s">
        <v>0</v>
      </c>
      <c r="D12037" s="2">
        <v>164865</v>
      </c>
      <c r="E12037" s="1" t="s">
        <v>0</v>
      </c>
    </row>
    <row r="12038" spans="1:5" x14ac:dyDescent="0.25">
      <c r="A12038" s="1" t="s">
        <v>2211</v>
      </c>
      <c r="B12038" s="1" t="s">
        <v>50715</v>
      </c>
      <c r="C12038" s="1" t="s">
        <v>29704</v>
      </c>
      <c r="D12038" s="2">
        <v>164866</v>
      </c>
      <c r="E12038" s="1" t="s">
        <v>0</v>
      </c>
    </row>
    <row r="12039" spans="1:5" x14ac:dyDescent="0.25">
      <c r="A12039" s="1" t="s">
        <v>29705</v>
      </c>
      <c r="B12039" s="1" t="s">
        <v>59992</v>
      </c>
      <c r="C12039" s="1" t="s">
        <v>29706</v>
      </c>
      <c r="D12039" s="2">
        <v>164867</v>
      </c>
      <c r="E12039" s="1" t="s">
        <v>0</v>
      </c>
    </row>
    <row r="12040" spans="1:5" ht="409.5" x14ac:dyDescent="0.25">
      <c r="A12040" s="4" t="s">
        <v>29707</v>
      </c>
      <c r="B12040" s="1" t="s">
        <v>59993</v>
      </c>
      <c r="C12040" s="1" t="s">
        <v>29708</v>
      </c>
      <c r="D12040" s="2">
        <v>164868</v>
      </c>
      <c r="E12040" s="1" t="s">
        <v>0</v>
      </c>
    </row>
    <row r="12041" spans="1:5" x14ac:dyDescent="0.25">
      <c r="A12041" s="1" t="s">
        <v>29709</v>
      </c>
      <c r="B12041" s="1" t="s">
        <v>53708</v>
      </c>
      <c r="C12041" s="1" t="s">
        <v>29710</v>
      </c>
      <c r="D12041" s="2">
        <v>164869</v>
      </c>
      <c r="E12041" s="1" t="s">
        <v>0</v>
      </c>
    </row>
    <row r="12042" spans="1:5" x14ac:dyDescent="0.25">
      <c r="A12042" s="2">
        <v>2408</v>
      </c>
      <c r="B12042" s="2">
        <v>2408</v>
      </c>
      <c r="C12042" s="1" t="s">
        <v>0</v>
      </c>
      <c r="D12042" s="2">
        <v>164870</v>
      </c>
      <c r="E12042" s="1" t="s">
        <v>0</v>
      </c>
    </row>
    <row r="12043" spans="1:5" x14ac:dyDescent="0.25">
      <c r="A12043" s="1" t="s">
        <v>2212</v>
      </c>
      <c r="B12043" s="1" t="s">
        <v>8502</v>
      </c>
      <c r="C12043" s="1" t="s">
        <v>29711</v>
      </c>
      <c r="D12043" s="2">
        <v>164871</v>
      </c>
      <c r="E12043" s="1" t="s">
        <v>0</v>
      </c>
    </row>
    <row r="12044" spans="1:5" x14ac:dyDescent="0.25">
      <c r="A12044" s="1" t="s">
        <v>29712</v>
      </c>
      <c r="B12044" s="1" t="s">
        <v>13122</v>
      </c>
      <c r="C12044" s="1" t="s">
        <v>29713</v>
      </c>
      <c r="D12044" s="2">
        <v>164872</v>
      </c>
      <c r="E12044" s="1" t="s">
        <v>0</v>
      </c>
    </row>
    <row r="12045" spans="1:5" ht="409.5" x14ac:dyDescent="0.25">
      <c r="A12045" s="4" t="s">
        <v>64164</v>
      </c>
      <c r="B12045" s="1" t="s">
        <v>13123</v>
      </c>
      <c r="C12045" s="1" t="s">
        <v>29714</v>
      </c>
      <c r="D12045" s="2">
        <v>164873</v>
      </c>
      <c r="E12045" s="1" t="s">
        <v>0</v>
      </c>
    </row>
    <row r="12046" spans="1:5" x14ac:dyDescent="0.25">
      <c r="A12046" s="1" t="s">
        <v>29715</v>
      </c>
      <c r="B12046" s="1" t="s">
        <v>53709</v>
      </c>
      <c r="C12046" s="1" t="s">
        <v>29716</v>
      </c>
      <c r="D12046" s="2">
        <v>164874</v>
      </c>
      <c r="E12046" s="1" t="s">
        <v>0</v>
      </c>
    </row>
    <row r="12047" spans="1:5" x14ac:dyDescent="0.25">
      <c r="A12047" s="2">
        <v>2409</v>
      </c>
      <c r="B12047" s="2">
        <v>2409</v>
      </c>
      <c r="C12047" s="1" t="s">
        <v>0</v>
      </c>
      <c r="D12047" s="2">
        <v>164875</v>
      </c>
      <c r="E12047" s="1" t="s">
        <v>0</v>
      </c>
    </row>
    <row r="12048" spans="1:5" x14ac:dyDescent="0.25">
      <c r="A12048" s="1" t="s">
        <v>2213</v>
      </c>
      <c r="B12048" s="1" t="s">
        <v>8503</v>
      </c>
      <c r="C12048" s="1" t="s">
        <v>29717</v>
      </c>
      <c r="D12048" s="2">
        <v>164876</v>
      </c>
      <c r="E12048" s="1" t="s">
        <v>0</v>
      </c>
    </row>
    <row r="12049" spans="1:5" x14ac:dyDescent="0.25">
      <c r="A12049" s="1" t="s">
        <v>29718</v>
      </c>
      <c r="B12049" s="1" t="s">
        <v>53710</v>
      </c>
      <c r="C12049" s="1" t="s">
        <v>29719</v>
      </c>
      <c r="D12049" s="2">
        <v>164877</v>
      </c>
      <c r="E12049" s="1" t="s">
        <v>0</v>
      </c>
    </row>
    <row r="12050" spans="1:5" ht="409.5" x14ac:dyDescent="0.25">
      <c r="A12050" s="4" t="s">
        <v>29720</v>
      </c>
      <c r="B12050" s="1" t="s">
        <v>53711</v>
      </c>
      <c r="C12050" s="1" t="s">
        <v>29721</v>
      </c>
      <c r="D12050" s="2">
        <v>164878</v>
      </c>
      <c r="E12050" s="1" t="s">
        <v>0</v>
      </c>
    </row>
    <row r="12051" spans="1:5" x14ac:dyDescent="0.25">
      <c r="A12051" s="1" t="s">
        <v>29722</v>
      </c>
      <c r="B12051" s="1" t="s">
        <v>53712</v>
      </c>
      <c r="C12051" s="1" t="s">
        <v>29723</v>
      </c>
      <c r="D12051" s="2">
        <v>164879</v>
      </c>
      <c r="E12051" s="1" t="s">
        <v>0</v>
      </c>
    </row>
    <row r="12052" spans="1:5" x14ac:dyDescent="0.25">
      <c r="A12052" s="2">
        <v>2410</v>
      </c>
      <c r="B12052" s="2">
        <v>2410</v>
      </c>
      <c r="C12052" s="1" t="s">
        <v>0</v>
      </c>
      <c r="D12052" s="2">
        <v>164880</v>
      </c>
      <c r="E12052" s="1" t="s">
        <v>0</v>
      </c>
    </row>
    <row r="12053" spans="1:5" x14ac:dyDescent="0.25">
      <c r="A12053" s="1" t="s">
        <v>2214</v>
      </c>
      <c r="B12053" s="1" t="s">
        <v>8504</v>
      </c>
      <c r="C12053" s="1" t="s">
        <v>29724</v>
      </c>
      <c r="D12053" s="2">
        <v>164881</v>
      </c>
      <c r="E12053" s="1" t="s">
        <v>0</v>
      </c>
    </row>
    <row r="12054" spans="1:5" x14ac:dyDescent="0.25">
      <c r="A12054" s="1" t="s">
        <v>29725</v>
      </c>
      <c r="B12054" s="1" t="s">
        <v>53713</v>
      </c>
      <c r="C12054" s="1" t="s">
        <v>29726</v>
      </c>
      <c r="D12054" s="2">
        <v>164882</v>
      </c>
      <c r="E12054" s="1" t="s">
        <v>0</v>
      </c>
    </row>
    <row r="12055" spans="1:5" ht="409.5" x14ac:dyDescent="0.25">
      <c r="A12055" s="4" t="s">
        <v>29727</v>
      </c>
      <c r="B12055" s="1" t="s">
        <v>53714</v>
      </c>
      <c r="C12055" s="1" t="s">
        <v>29728</v>
      </c>
      <c r="D12055" s="2">
        <v>164883</v>
      </c>
      <c r="E12055" s="1" t="s">
        <v>0</v>
      </c>
    </row>
    <row r="12056" spans="1:5" x14ac:dyDescent="0.25">
      <c r="A12056" s="1" t="s">
        <v>29729</v>
      </c>
      <c r="B12056" s="1" t="s">
        <v>8505</v>
      </c>
      <c r="C12056" s="1" t="s">
        <v>29730</v>
      </c>
      <c r="D12056" s="2">
        <v>164884</v>
      </c>
      <c r="E12056" s="1" t="s">
        <v>0</v>
      </c>
    </row>
    <row r="12057" spans="1:5" x14ac:dyDescent="0.25">
      <c r="A12057" s="2">
        <v>2411</v>
      </c>
      <c r="B12057" s="2">
        <v>2411</v>
      </c>
      <c r="C12057" s="1" t="s">
        <v>0</v>
      </c>
      <c r="D12057" s="2">
        <v>164885</v>
      </c>
      <c r="E12057" s="1" t="s">
        <v>0</v>
      </c>
    </row>
    <row r="12058" spans="1:5" x14ac:dyDescent="0.25">
      <c r="A12058" s="1" t="s">
        <v>2215</v>
      </c>
      <c r="B12058" s="1" t="s">
        <v>8506</v>
      </c>
      <c r="C12058" s="1" t="s">
        <v>29731</v>
      </c>
      <c r="D12058" s="2">
        <v>164886</v>
      </c>
      <c r="E12058" s="1" t="s">
        <v>0</v>
      </c>
    </row>
    <row r="12059" spans="1:5" x14ac:dyDescent="0.25">
      <c r="A12059" s="1" t="s">
        <v>29732</v>
      </c>
      <c r="B12059" s="1" t="s">
        <v>62470</v>
      </c>
      <c r="C12059" s="1" t="s">
        <v>29733</v>
      </c>
      <c r="D12059" s="2">
        <v>164887</v>
      </c>
      <c r="E12059" s="1" t="s">
        <v>0</v>
      </c>
    </row>
    <row r="12060" spans="1:5" ht="409.5" x14ac:dyDescent="0.25">
      <c r="A12060" s="4" t="s">
        <v>29734</v>
      </c>
      <c r="B12060" s="1" t="s">
        <v>62471</v>
      </c>
      <c r="C12060" s="1" t="s">
        <v>29735</v>
      </c>
      <c r="D12060" s="2">
        <v>164888</v>
      </c>
      <c r="E12060" s="1" t="s">
        <v>0</v>
      </c>
    </row>
    <row r="12061" spans="1:5" x14ac:dyDescent="0.25">
      <c r="A12061" s="1" t="s">
        <v>29736</v>
      </c>
      <c r="B12061" s="1" t="s">
        <v>8507</v>
      </c>
      <c r="C12061" s="1" t="s">
        <v>29737</v>
      </c>
      <c r="D12061" s="2">
        <v>164889</v>
      </c>
      <c r="E12061" s="1" t="s">
        <v>0</v>
      </c>
    </row>
    <row r="12062" spans="1:5" x14ac:dyDescent="0.25">
      <c r="A12062" s="2">
        <v>2412</v>
      </c>
      <c r="B12062" s="2">
        <v>2412</v>
      </c>
      <c r="C12062" s="1" t="s">
        <v>0</v>
      </c>
      <c r="D12062" s="2">
        <v>164890</v>
      </c>
      <c r="E12062" s="1" t="s">
        <v>0</v>
      </c>
    </row>
    <row r="12063" spans="1:5" x14ac:dyDescent="0.25">
      <c r="A12063" s="1" t="s">
        <v>2216</v>
      </c>
      <c r="B12063" s="1" t="s">
        <v>8508</v>
      </c>
      <c r="C12063" s="1" t="s">
        <v>29738</v>
      </c>
      <c r="D12063" s="2">
        <v>164891</v>
      </c>
      <c r="E12063" s="1" t="s">
        <v>0</v>
      </c>
    </row>
    <row r="12064" spans="1:5" x14ac:dyDescent="0.25">
      <c r="A12064" s="1" t="s">
        <v>29739</v>
      </c>
      <c r="B12064" s="1" t="s">
        <v>8509</v>
      </c>
      <c r="C12064" s="1" t="s">
        <v>29740</v>
      </c>
      <c r="D12064" s="2">
        <v>164892</v>
      </c>
      <c r="E12064" s="1" t="s">
        <v>0</v>
      </c>
    </row>
    <row r="12065" spans="1:5" ht="409.5" x14ac:dyDescent="0.25">
      <c r="A12065" s="4" t="s">
        <v>29741</v>
      </c>
      <c r="B12065" s="1" t="s">
        <v>58372</v>
      </c>
      <c r="C12065" s="1" t="s">
        <v>29742</v>
      </c>
      <c r="D12065" s="2">
        <v>164893</v>
      </c>
      <c r="E12065" s="1" t="s">
        <v>0</v>
      </c>
    </row>
    <row r="12066" spans="1:5" x14ac:dyDescent="0.25">
      <c r="A12066" s="1" t="s">
        <v>29743</v>
      </c>
      <c r="B12066" s="1" t="s">
        <v>61120</v>
      </c>
      <c r="C12066" s="1" t="s">
        <v>29744</v>
      </c>
      <c r="D12066" s="2">
        <v>164894</v>
      </c>
      <c r="E12066" s="1" t="s">
        <v>0</v>
      </c>
    </row>
    <row r="12067" spans="1:5" x14ac:dyDescent="0.25">
      <c r="A12067" s="2">
        <v>2413</v>
      </c>
      <c r="B12067" s="2">
        <v>2413</v>
      </c>
      <c r="C12067" s="1" t="s">
        <v>0</v>
      </c>
      <c r="D12067" s="2">
        <v>164895</v>
      </c>
      <c r="E12067" s="1" t="s">
        <v>0</v>
      </c>
    </row>
    <row r="12068" spans="1:5" x14ac:dyDescent="0.25">
      <c r="A12068" s="1" t="s">
        <v>2217</v>
      </c>
      <c r="B12068" s="1" t="s">
        <v>8510</v>
      </c>
      <c r="C12068" s="1" t="s">
        <v>29745</v>
      </c>
      <c r="D12068" s="2">
        <v>164896</v>
      </c>
      <c r="E12068" s="1" t="s">
        <v>0</v>
      </c>
    </row>
    <row r="12069" spans="1:5" x14ac:dyDescent="0.25">
      <c r="A12069" s="1" t="s">
        <v>29746</v>
      </c>
      <c r="B12069" s="1" t="s">
        <v>8511</v>
      </c>
      <c r="C12069" s="1" t="s">
        <v>29747</v>
      </c>
      <c r="D12069" s="2">
        <v>164897</v>
      </c>
      <c r="E12069" s="1" t="s">
        <v>0</v>
      </c>
    </row>
    <row r="12070" spans="1:5" ht="409.5" x14ac:dyDescent="0.25">
      <c r="A12070" s="4" t="s">
        <v>29748</v>
      </c>
      <c r="B12070" s="1" t="s">
        <v>59614</v>
      </c>
      <c r="C12070" s="1" t="s">
        <v>29749</v>
      </c>
      <c r="D12070" s="2">
        <v>164898</v>
      </c>
      <c r="E12070" s="1" t="s">
        <v>0</v>
      </c>
    </row>
    <row r="12071" spans="1:5" x14ac:dyDescent="0.25">
      <c r="A12071" s="1" t="s">
        <v>29750</v>
      </c>
      <c r="B12071" s="1" t="s">
        <v>8512</v>
      </c>
      <c r="C12071" s="1" t="s">
        <v>29751</v>
      </c>
      <c r="D12071" s="2">
        <v>164899</v>
      </c>
      <c r="E12071" s="1" t="s">
        <v>0</v>
      </c>
    </row>
    <row r="12072" spans="1:5" x14ac:dyDescent="0.25">
      <c r="A12072" s="2">
        <v>2414</v>
      </c>
      <c r="B12072" s="2">
        <v>2414</v>
      </c>
      <c r="C12072" s="1" t="s">
        <v>0</v>
      </c>
      <c r="D12072" s="2">
        <v>164900</v>
      </c>
      <c r="E12072" s="1" t="s">
        <v>0</v>
      </c>
    </row>
    <row r="12073" spans="1:5" x14ac:dyDescent="0.25">
      <c r="A12073" s="1" t="s">
        <v>2218</v>
      </c>
      <c r="B12073" s="1" t="s">
        <v>50716</v>
      </c>
      <c r="C12073" s="1" t="s">
        <v>29752</v>
      </c>
      <c r="D12073" s="2">
        <v>164901</v>
      </c>
      <c r="E12073" s="1" t="s">
        <v>0</v>
      </c>
    </row>
    <row r="12074" spans="1:5" x14ac:dyDescent="0.25">
      <c r="A12074" s="1" t="s">
        <v>29753</v>
      </c>
      <c r="B12074" s="1" t="s">
        <v>59615</v>
      </c>
      <c r="C12074" s="1" t="s">
        <v>29754</v>
      </c>
      <c r="D12074" s="2">
        <v>164902</v>
      </c>
      <c r="E12074" s="1" t="s">
        <v>0</v>
      </c>
    </row>
    <row r="12075" spans="1:5" ht="409.5" x14ac:dyDescent="0.25">
      <c r="A12075" s="4" t="s">
        <v>29755</v>
      </c>
      <c r="B12075" s="1" t="s">
        <v>63705</v>
      </c>
      <c r="C12075" s="1" t="s">
        <v>29756</v>
      </c>
      <c r="D12075" s="2">
        <v>164903</v>
      </c>
      <c r="E12075" s="1" t="s">
        <v>0</v>
      </c>
    </row>
    <row r="12076" spans="1:5" x14ac:dyDescent="0.25">
      <c r="A12076" s="1" t="s">
        <v>29757</v>
      </c>
      <c r="B12076" s="1" t="s">
        <v>57216</v>
      </c>
      <c r="C12076" s="1" t="s">
        <v>29758</v>
      </c>
      <c r="D12076" s="2">
        <v>164904</v>
      </c>
      <c r="E12076" s="1" t="s">
        <v>0</v>
      </c>
    </row>
    <row r="12077" spans="1:5" x14ac:dyDescent="0.25">
      <c r="A12077" s="2">
        <v>2415</v>
      </c>
      <c r="B12077" s="2">
        <v>2415</v>
      </c>
      <c r="C12077" s="1" t="s">
        <v>0</v>
      </c>
      <c r="D12077" s="2">
        <v>164905</v>
      </c>
      <c r="E12077" s="1" t="s">
        <v>0</v>
      </c>
    </row>
    <row r="12078" spans="1:5" x14ac:dyDescent="0.25">
      <c r="A12078" s="1" t="s">
        <v>2219</v>
      </c>
      <c r="B12078" s="1" t="s">
        <v>57517</v>
      </c>
      <c r="C12078" s="1" t="s">
        <v>29759</v>
      </c>
      <c r="D12078" s="2">
        <v>164906</v>
      </c>
      <c r="E12078" s="1" t="s">
        <v>0</v>
      </c>
    </row>
    <row r="12079" spans="1:5" x14ac:dyDescent="0.25">
      <c r="A12079" s="1" t="s">
        <v>29760</v>
      </c>
      <c r="B12079" s="1" t="s">
        <v>57518</v>
      </c>
      <c r="C12079" s="1" t="s">
        <v>29761</v>
      </c>
      <c r="D12079" s="2">
        <v>164907</v>
      </c>
      <c r="E12079" s="1" t="s">
        <v>0</v>
      </c>
    </row>
    <row r="12080" spans="1:5" ht="409.5" x14ac:dyDescent="0.25">
      <c r="A12080" s="4" t="s">
        <v>29762</v>
      </c>
      <c r="B12080" s="1" t="s">
        <v>57519</v>
      </c>
      <c r="C12080" s="1" t="s">
        <v>29763</v>
      </c>
      <c r="D12080" s="2">
        <v>164908</v>
      </c>
      <c r="E12080" s="1" t="s">
        <v>0</v>
      </c>
    </row>
    <row r="12081" spans="1:5" x14ac:dyDescent="0.25">
      <c r="A12081" s="1" t="s">
        <v>29764</v>
      </c>
      <c r="B12081" s="1" t="s">
        <v>57520</v>
      </c>
      <c r="C12081" s="1" t="s">
        <v>29765</v>
      </c>
      <c r="D12081" s="2">
        <v>164909</v>
      </c>
      <c r="E12081" s="1" t="s">
        <v>0</v>
      </c>
    </row>
    <row r="12082" spans="1:5" x14ac:dyDescent="0.25">
      <c r="A12082" s="2">
        <v>2416</v>
      </c>
      <c r="B12082" s="2">
        <v>2416</v>
      </c>
      <c r="C12082" s="1" t="s">
        <v>0</v>
      </c>
      <c r="D12082" s="2">
        <v>164910</v>
      </c>
      <c r="E12082" s="1" t="s">
        <v>0</v>
      </c>
    </row>
    <row r="12083" spans="1:5" x14ac:dyDescent="0.25">
      <c r="A12083" s="1" t="s">
        <v>2220</v>
      </c>
      <c r="B12083" s="1" t="s">
        <v>58373</v>
      </c>
      <c r="C12083" s="1" t="s">
        <v>29766</v>
      </c>
      <c r="D12083" s="2">
        <v>164911</v>
      </c>
      <c r="E12083" s="1" t="s">
        <v>0</v>
      </c>
    </row>
    <row r="12084" spans="1:5" x14ac:dyDescent="0.25">
      <c r="A12084" s="1" t="s">
        <v>29767</v>
      </c>
      <c r="B12084" s="1" t="s">
        <v>59994</v>
      </c>
      <c r="C12084" s="1" t="s">
        <v>29768</v>
      </c>
      <c r="D12084" s="2">
        <v>164912</v>
      </c>
      <c r="E12084" s="1" t="s">
        <v>0</v>
      </c>
    </row>
    <row r="12085" spans="1:5" ht="409.5" x14ac:dyDescent="0.25">
      <c r="A12085" s="4" t="s">
        <v>29769</v>
      </c>
      <c r="B12085" s="1" t="s">
        <v>62472</v>
      </c>
      <c r="C12085" s="1" t="s">
        <v>29770</v>
      </c>
      <c r="D12085" s="2">
        <v>164913</v>
      </c>
      <c r="E12085" s="1" t="s">
        <v>0</v>
      </c>
    </row>
    <row r="12086" spans="1:5" x14ac:dyDescent="0.25">
      <c r="A12086" s="1" t="s">
        <v>29771</v>
      </c>
      <c r="B12086" s="1" t="s">
        <v>53715</v>
      </c>
      <c r="C12086" s="1" t="s">
        <v>29772</v>
      </c>
      <c r="D12086" s="2">
        <v>164914</v>
      </c>
      <c r="E12086" s="1" t="s">
        <v>0</v>
      </c>
    </row>
    <row r="12087" spans="1:5" x14ac:dyDescent="0.25">
      <c r="A12087" s="2">
        <v>2417</v>
      </c>
      <c r="B12087" s="2">
        <v>2417</v>
      </c>
      <c r="C12087" s="1" t="s">
        <v>0</v>
      </c>
      <c r="D12087" s="2">
        <v>164915</v>
      </c>
      <c r="E12087" s="1" t="s">
        <v>0</v>
      </c>
    </row>
    <row r="12088" spans="1:5" x14ac:dyDescent="0.25">
      <c r="A12088" s="1" t="s">
        <v>2221</v>
      </c>
      <c r="B12088" s="1" t="s">
        <v>53716</v>
      </c>
      <c r="C12088" s="1" t="s">
        <v>29773</v>
      </c>
      <c r="D12088" s="2">
        <v>164916</v>
      </c>
      <c r="E12088" s="1" t="s">
        <v>0</v>
      </c>
    </row>
    <row r="12089" spans="1:5" x14ac:dyDescent="0.25">
      <c r="A12089" s="1" t="s">
        <v>29774</v>
      </c>
      <c r="B12089" s="1" t="s">
        <v>57217</v>
      </c>
      <c r="C12089" s="1" t="s">
        <v>29775</v>
      </c>
      <c r="D12089" s="2">
        <v>164917</v>
      </c>
      <c r="E12089" s="1" t="s">
        <v>0</v>
      </c>
    </row>
    <row r="12090" spans="1:5" ht="409.5" x14ac:dyDescent="0.25">
      <c r="A12090" s="4" t="s">
        <v>29776</v>
      </c>
      <c r="B12090" s="1" t="s">
        <v>57218</v>
      </c>
      <c r="C12090" s="1" t="s">
        <v>29777</v>
      </c>
      <c r="D12090" s="2">
        <v>164918</v>
      </c>
      <c r="E12090" s="1" t="s">
        <v>0</v>
      </c>
    </row>
    <row r="12091" spans="1:5" x14ac:dyDescent="0.25">
      <c r="A12091" s="1" t="s">
        <v>29778</v>
      </c>
      <c r="B12091" s="1" t="s">
        <v>8513</v>
      </c>
      <c r="C12091" s="1" t="s">
        <v>29779</v>
      </c>
      <c r="D12091" s="2">
        <v>164919</v>
      </c>
      <c r="E12091" s="1" t="s">
        <v>0</v>
      </c>
    </row>
    <row r="12092" spans="1:5" x14ac:dyDescent="0.25">
      <c r="A12092" s="2">
        <v>2418</v>
      </c>
      <c r="B12092" s="2">
        <v>2418</v>
      </c>
      <c r="C12092" s="1" t="s">
        <v>0</v>
      </c>
      <c r="D12092" s="2">
        <v>164920</v>
      </c>
      <c r="E12092" s="1" t="s">
        <v>0</v>
      </c>
    </row>
    <row r="12093" spans="1:5" x14ac:dyDescent="0.25">
      <c r="A12093" s="1" t="s">
        <v>29780</v>
      </c>
      <c r="B12093" s="1" t="s">
        <v>8514</v>
      </c>
      <c r="C12093" s="1" t="s">
        <v>29781</v>
      </c>
      <c r="D12093" s="2">
        <v>164921</v>
      </c>
      <c r="E12093" s="1" t="s">
        <v>0</v>
      </c>
    </row>
    <row r="12094" spans="1:5" x14ac:dyDescent="0.25">
      <c r="A12094" s="1" t="s">
        <v>29782</v>
      </c>
      <c r="B12094" s="1" t="s">
        <v>13124</v>
      </c>
      <c r="C12094" s="1" t="s">
        <v>29783</v>
      </c>
      <c r="D12094" s="2">
        <v>164922</v>
      </c>
      <c r="E12094" s="1" t="s">
        <v>0</v>
      </c>
    </row>
    <row r="12095" spans="1:5" ht="409.5" x14ac:dyDescent="0.25">
      <c r="A12095" s="4" t="s">
        <v>29784</v>
      </c>
      <c r="B12095" s="1" t="s">
        <v>53717</v>
      </c>
      <c r="C12095" s="1" t="s">
        <v>29785</v>
      </c>
      <c r="D12095" s="2">
        <v>164923</v>
      </c>
      <c r="E12095" s="1" t="s">
        <v>0</v>
      </c>
    </row>
    <row r="12096" spans="1:5" x14ac:dyDescent="0.25">
      <c r="A12096" s="1" t="s">
        <v>29786</v>
      </c>
      <c r="B12096" s="1" t="s">
        <v>8515</v>
      </c>
      <c r="C12096" s="1" t="s">
        <v>29787</v>
      </c>
      <c r="D12096" s="2">
        <v>164924</v>
      </c>
      <c r="E12096" s="1" t="s">
        <v>0</v>
      </c>
    </row>
    <row r="12097" spans="1:5" x14ac:dyDescent="0.25">
      <c r="A12097" s="2">
        <v>2419</v>
      </c>
      <c r="B12097" s="2">
        <v>2419</v>
      </c>
      <c r="C12097" s="1" t="s">
        <v>0</v>
      </c>
      <c r="D12097" s="2">
        <v>164925</v>
      </c>
      <c r="E12097" s="1" t="s">
        <v>0</v>
      </c>
    </row>
    <row r="12098" spans="1:5" x14ac:dyDescent="0.25">
      <c r="A12098" s="1" t="s">
        <v>2222</v>
      </c>
      <c r="B12098" s="1" t="s">
        <v>58374</v>
      </c>
      <c r="C12098" s="1" t="s">
        <v>29788</v>
      </c>
      <c r="D12098" s="2">
        <v>164926</v>
      </c>
      <c r="E12098" s="1" t="s">
        <v>0</v>
      </c>
    </row>
    <row r="12099" spans="1:5" x14ac:dyDescent="0.25">
      <c r="A12099" s="1" t="s">
        <v>29789</v>
      </c>
      <c r="B12099" s="1" t="s">
        <v>62473</v>
      </c>
      <c r="C12099" s="1" t="s">
        <v>29790</v>
      </c>
      <c r="D12099" s="2">
        <v>164927</v>
      </c>
      <c r="E12099" s="1" t="s">
        <v>0</v>
      </c>
    </row>
    <row r="12100" spans="1:5" ht="409.5" x14ac:dyDescent="0.25">
      <c r="A12100" s="4" t="s">
        <v>29791</v>
      </c>
      <c r="B12100" s="1" t="s">
        <v>62474</v>
      </c>
      <c r="C12100" s="1" t="s">
        <v>29792</v>
      </c>
      <c r="D12100" s="2">
        <v>164928</v>
      </c>
      <c r="E12100" s="1" t="s">
        <v>0</v>
      </c>
    </row>
    <row r="12101" spans="1:5" x14ac:dyDescent="0.25">
      <c r="A12101" s="1" t="s">
        <v>29793</v>
      </c>
      <c r="B12101" s="1" t="s">
        <v>58375</v>
      </c>
      <c r="C12101" s="1" t="s">
        <v>29794</v>
      </c>
      <c r="D12101" s="2">
        <v>164929</v>
      </c>
      <c r="E12101" s="1" t="s">
        <v>0</v>
      </c>
    </row>
    <row r="12102" spans="1:5" x14ac:dyDescent="0.25">
      <c r="A12102" s="2">
        <v>2420</v>
      </c>
      <c r="B12102" s="2">
        <v>2420</v>
      </c>
      <c r="C12102" s="1" t="s">
        <v>0</v>
      </c>
      <c r="D12102" s="2">
        <v>164930</v>
      </c>
      <c r="E12102" s="1" t="s">
        <v>0</v>
      </c>
    </row>
    <row r="12103" spans="1:5" x14ac:dyDescent="0.25">
      <c r="A12103" s="1" t="s">
        <v>2223</v>
      </c>
      <c r="B12103" s="1" t="s">
        <v>8516</v>
      </c>
      <c r="C12103" s="1" t="s">
        <v>29795</v>
      </c>
      <c r="D12103" s="2">
        <v>164931</v>
      </c>
      <c r="E12103" s="1" t="s">
        <v>0</v>
      </c>
    </row>
    <row r="12104" spans="1:5" x14ac:dyDescent="0.25">
      <c r="A12104" s="1" t="s">
        <v>29796</v>
      </c>
      <c r="B12104" s="1" t="s">
        <v>59995</v>
      </c>
      <c r="C12104" s="1" t="s">
        <v>29797</v>
      </c>
      <c r="D12104" s="2">
        <v>164932</v>
      </c>
      <c r="E12104" s="1" t="s">
        <v>0</v>
      </c>
    </row>
    <row r="12105" spans="1:5" ht="409.5" x14ac:dyDescent="0.25">
      <c r="A12105" s="4" t="s">
        <v>29798</v>
      </c>
      <c r="B12105" s="1" t="s">
        <v>62475</v>
      </c>
      <c r="C12105" s="1" t="s">
        <v>29799</v>
      </c>
      <c r="D12105" s="2">
        <v>164933</v>
      </c>
      <c r="E12105" s="1" t="s">
        <v>0</v>
      </c>
    </row>
    <row r="12106" spans="1:5" x14ac:dyDescent="0.25">
      <c r="A12106" s="1" t="s">
        <v>29800</v>
      </c>
      <c r="B12106" s="1" t="s">
        <v>61121</v>
      </c>
      <c r="C12106" s="1" t="s">
        <v>29801</v>
      </c>
      <c r="D12106" s="2">
        <v>164934</v>
      </c>
      <c r="E12106" s="1" t="s">
        <v>0</v>
      </c>
    </row>
    <row r="12107" spans="1:5" x14ac:dyDescent="0.25">
      <c r="A12107" s="2">
        <v>2421</v>
      </c>
      <c r="B12107" s="2">
        <v>2421</v>
      </c>
      <c r="C12107" s="1" t="s">
        <v>0</v>
      </c>
      <c r="D12107" s="2">
        <v>164935</v>
      </c>
      <c r="E12107" s="1" t="s">
        <v>0</v>
      </c>
    </row>
    <row r="12108" spans="1:5" x14ac:dyDescent="0.25">
      <c r="A12108" s="1" t="s">
        <v>2224</v>
      </c>
      <c r="B12108" s="1" t="s">
        <v>8517</v>
      </c>
      <c r="C12108" s="1" t="s">
        <v>29802</v>
      </c>
      <c r="D12108" s="2">
        <v>164936</v>
      </c>
      <c r="E12108" s="1" t="s">
        <v>0</v>
      </c>
    </row>
    <row r="12109" spans="1:5" x14ac:dyDescent="0.25">
      <c r="A12109" s="1" t="s">
        <v>29803</v>
      </c>
      <c r="B12109" s="1" t="s">
        <v>58376</v>
      </c>
      <c r="C12109" s="1" t="s">
        <v>29804</v>
      </c>
      <c r="D12109" s="2">
        <v>164937</v>
      </c>
      <c r="E12109" s="1" t="s">
        <v>0</v>
      </c>
    </row>
    <row r="12110" spans="1:5" ht="409.5" x14ac:dyDescent="0.25">
      <c r="A12110" s="4" t="s">
        <v>29805</v>
      </c>
      <c r="B12110" s="1" t="s">
        <v>58377</v>
      </c>
      <c r="C12110" s="1" t="s">
        <v>29806</v>
      </c>
      <c r="D12110" s="2">
        <v>164938</v>
      </c>
      <c r="E12110" s="1" t="s">
        <v>0</v>
      </c>
    </row>
    <row r="12111" spans="1:5" x14ac:dyDescent="0.25">
      <c r="A12111" s="1" t="s">
        <v>29807</v>
      </c>
      <c r="B12111" s="1" t="s">
        <v>53718</v>
      </c>
      <c r="C12111" s="1" t="s">
        <v>29808</v>
      </c>
      <c r="D12111" s="2">
        <v>164939</v>
      </c>
      <c r="E12111" s="1" t="s">
        <v>0</v>
      </c>
    </row>
    <row r="12112" spans="1:5" x14ac:dyDescent="0.25">
      <c r="A12112" s="2">
        <v>2422</v>
      </c>
      <c r="B12112" s="2">
        <v>2422</v>
      </c>
      <c r="C12112" s="1" t="s">
        <v>0</v>
      </c>
      <c r="D12112" s="2">
        <v>164940</v>
      </c>
      <c r="E12112" s="1" t="s">
        <v>0</v>
      </c>
    </row>
    <row r="12113" spans="1:5" x14ac:dyDescent="0.25">
      <c r="A12113" s="1" t="s">
        <v>2225</v>
      </c>
      <c r="B12113" s="1" t="s">
        <v>8518</v>
      </c>
      <c r="C12113" s="1" t="s">
        <v>29809</v>
      </c>
      <c r="D12113" s="2">
        <v>164941</v>
      </c>
      <c r="E12113" s="1" t="s">
        <v>0</v>
      </c>
    </row>
    <row r="12114" spans="1:5" x14ac:dyDescent="0.25">
      <c r="A12114" s="1" t="s">
        <v>29810</v>
      </c>
      <c r="B12114" s="1" t="s">
        <v>53719</v>
      </c>
      <c r="C12114" s="1" t="s">
        <v>29811</v>
      </c>
      <c r="D12114" s="2">
        <v>164942</v>
      </c>
      <c r="E12114" s="1" t="s">
        <v>0</v>
      </c>
    </row>
    <row r="12115" spans="1:5" ht="409.5" x14ac:dyDescent="0.25">
      <c r="A12115" s="4" t="s">
        <v>29812</v>
      </c>
      <c r="B12115" s="1" t="s">
        <v>53720</v>
      </c>
      <c r="C12115" s="1" t="s">
        <v>29813</v>
      </c>
      <c r="D12115" s="2">
        <v>164943</v>
      </c>
      <c r="E12115" s="1" t="s">
        <v>0</v>
      </c>
    </row>
    <row r="12116" spans="1:5" x14ac:dyDescent="0.25">
      <c r="A12116" s="1" t="s">
        <v>29814</v>
      </c>
      <c r="B12116" s="1" t="s">
        <v>53721</v>
      </c>
      <c r="C12116" s="1" t="s">
        <v>29815</v>
      </c>
      <c r="D12116" s="2">
        <v>164944</v>
      </c>
      <c r="E12116" s="1" t="s">
        <v>0</v>
      </c>
    </row>
    <row r="12117" spans="1:5" x14ac:dyDescent="0.25">
      <c r="A12117" s="2">
        <v>2423</v>
      </c>
      <c r="B12117" s="2">
        <v>2423</v>
      </c>
      <c r="C12117" s="1" t="s">
        <v>0</v>
      </c>
      <c r="D12117" s="2">
        <v>164945</v>
      </c>
      <c r="E12117" s="1" t="s">
        <v>0</v>
      </c>
    </row>
    <row r="12118" spans="1:5" x14ac:dyDescent="0.25">
      <c r="A12118" s="1" t="s">
        <v>2226</v>
      </c>
      <c r="B12118" s="1" t="s">
        <v>8519</v>
      </c>
      <c r="C12118" s="1" t="s">
        <v>29816</v>
      </c>
      <c r="D12118" s="2">
        <v>164946</v>
      </c>
      <c r="E12118" s="1" t="s">
        <v>0</v>
      </c>
    </row>
    <row r="12119" spans="1:5" x14ac:dyDescent="0.25">
      <c r="A12119" s="1" t="s">
        <v>64165</v>
      </c>
      <c r="B12119" s="1" t="s">
        <v>61494</v>
      </c>
      <c r="C12119" s="1" t="s">
        <v>29817</v>
      </c>
      <c r="D12119" s="2">
        <v>164947</v>
      </c>
      <c r="E12119" s="1" t="s">
        <v>0</v>
      </c>
    </row>
    <row r="12120" spans="1:5" ht="409.5" x14ac:dyDescent="0.25">
      <c r="A12120" s="4" t="s">
        <v>64166</v>
      </c>
      <c r="B12120" s="1" t="s">
        <v>61495</v>
      </c>
      <c r="C12120" s="1" t="s">
        <v>29818</v>
      </c>
      <c r="D12120" s="2">
        <v>164948</v>
      </c>
      <c r="E12120" s="1" t="s">
        <v>0</v>
      </c>
    </row>
    <row r="12121" spans="1:5" x14ac:dyDescent="0.25">
      <c r="A12121" s="1" t="s">
        <v>29819</v>
      </c>
      <c r="B12121" s="1" t="s">
        <v>8520</v>
      </c>
      <c r="C12121" s="1" t="s">
        <v>29820</v>
      </c>
      <c r="D12121" s="2">
        <v>164949</v>
      </c>
      <c r="E12121" s="1" t="s">
        <v>0</v>
      </c>
    </row>
    <row r="12122" spans="1:5" x14ac:dyDescent="0.25">
      <c r="A12122" s="2">
        <v>2424</v>
      </c>
      <c r="B12122" s="2">
        <v>2424</v>
      </c>
      <c r="C12122" s="1" t="s">
        <v>0</v>
      </c>
      <c r="D12122" s="2">
        <v>164950</v>
      </c>
      <c r="E12122" s="1" t="s">
        <v>0</v>
      </c>
    </row>
    <row r="12123" spans="1:5" x14ac:dyDescent="0.25">
      <c r="A12123" s="1" t="s">
        <v>2227</v>
      </c>
      <c r="B12123" s="1" t="s">
        <v>8521</v>
      </c>
      <c r="C12123" s="1" t="s">
        <v>29821</v>
      </c>
      <c r="D12123" s="2">
        <v>164951</v>
      </c>
      <c r="E12123" s="1" t="s">
        <v>0</v>
      </c>
    </row>
    <row r="12124" spans="1:5" x14ac:dyDescent="0.25">
      <c r="A12124" s="1" t="s">
        <v>29822</v>
      </c>
      <c r="B12124" s="1" t="s">
        <v>56764</v>
      </c>
      <c r="C12124" s="1" t="s">
        <v>29823</v>
      </c>
      <c r="D12124" s="2">
        <v>164952</v>
      </c>
      <c r="E12124" s="1" t="s">
        <v>0</v>
      </c>
    </row>
    <row r="12125" spans="1:5" ht="409.5" x14ac:dyDescent="0.25">
      <c r="A12125" s="4" t="s">
        <v>29824</v>
      </c>
      <c r="B12125" s="1" t="s">
        <v>56765</v>
      </c>
      <c r="C12125" s="1" t="s">
        <v>29825</v>
      </c>
      <c r="D12125" s="2">
        <v>164953</v>
      </c>
      <c r="E12125" s="1" t="s">
        <v>0</v>
      </c>
    </row>
    <row r="12126" spans="1:5" x14ac:dyDescent="0.25">
      <c r="A12126" s="1" t="s">
        <v>29826</v>
      </c>
      <c r="B12126" s="1" t="s">
        <v>8522</v>
      </c>
      <c r="C12126" s="1" t="s">
        <v>29827</v>
      </c>
      <c r="D12126" s="2">
        <v>164954</v>
      </c>
      <c r="E12126" s="1" t="s">
        <v>0</v>
      </c>
    </row>
    <row r="12127" spans="1:5" x14ac:dyDescent="0.25">
      <c r="A12127" s="2">
        <v>2425</v>
      </c>
      <c r="B12127" s="2">
        <v>2425</v>
      </c>
      <c r="C12127" s="1" t="s">
        <v>0</v>
      </c>
      <c r="D12127" s="2">
        <v>164955</v>
      </c>
      <c r="E12127" s="1" t="s">
        <v>0</v>
      </c>
    </row>
    <row r="12128" spans="1:5" x14ac:dyDescent="0.25">
      <c r="A12128" s="1" t="s">
        <v>2228</v>
      </c>
      <c r="B12128" s="1" t="s">
        <v>8523</v>
      </c>
      <c r="C12128" s="1" t="s">
        <v>29828</v>
      </c>
      <c r="D12128" s="2">
        <v>164956</v>
      </c>
      <c r="E12128" s="1" t="s">
        <v>0</v>
      </c>
    </row>
    <row r="12129" spans="1:5" x14ac:dyDescent="0.25">
      <c r="A12129" s="1" t="s">
        <v>29829</v>
      </c>
      <c r="B12129" s="1" t="s">
        <v>53722</v>
      </c>
      <c r="C12129" s="1" t="s">
        <v>29830</v>
      </c>
      <c r="D12129" s="2">
        <v>164957</v>
      </c>
      <c r="E12129" s="1" t="s">
        <v>0</v>
      </c>
    </row>
    <row r="12130" spans="1:5" ht="409.5" x14ac:dyDescent="0.25">
      <c r="A12130" s="4" t="s">
        <v>29831</v>
      </c>
      <c r="B12130" s="1" t="s">
        <v>53723</v>
      </c>
      <c r="C12130" s="1" t="s">
        <v>29832</v>
      </c>
      <c r="D12130" s="2">
        <v>164958</v>
      </c>
      <c r="E12130" s="1" t="s">
        <v>0</v>
      </c>
    </row>
    <row r="12131" spans="1:5" x14ac:dyDescent="0.25">
      <c r="A12131" s="1" t="s">
        <v>29833</v>
      </c>
      <c r="B12131" s="1" t="s">
        <v>8524</v>
      </c>
      <c r="C12131" s="1" t="s">
        <v>29834</v>
      </c>
      <c r="D12131" s="2">
        <v>164959</v>
      </c>
      <c r="E12131" s="1" t="s">
        <v>0</v>
      </c>
    </row>
    <row r="12132" spans="1:5" x14ac:dyDescent="0.25">
      <c r="A12132" s="2">
        <v>2426</v>
      </c>
      <c r="B12132" s="2">
        <v>2426</v>
      </c>
      <c r="C12132" s="1" t="s">
        <v>0</v>
      </c>
      <c r="D12132" s="2">
        <v>164960</v>
      </c>
      <c r="E12132" s="1" t="s">
        <v>0</v>
      </c>
    </row>
    <row r="12133" spans="1:5" x14ac:dyDescent="0.25">
      <c r="A12133" s="1" t="s">
        <v>2229</v>
      </c>
      <c r="B12133" s="1" t="s">
        <v>57521</v>
      </c>
      <c r="C12133" s="1" t="s">
        <v>29835</v>
      </c>
      <c r="D12133" s="2">
        <v>164961</v>
      </c>
      <c r="E12133" s="1" t="s">
        <v>0</v>
      </c>
    </row>
    <row r="12134" spans="1:5" x14ac:dyDescent="0.25">
      <c r="A12134" s="1" t="s">
        <v>29836</v>
      </c>
      <c r="B12134" s="1" t="s">
        <v>58378</v>
      </c>
      <c r="C12134" s="1" t="s">
        <v>29837</v>
      </c>
      <c r="D12134" s="2">
        <v>164962</v>
      </c>
      <c r="E12134" s="1" t="s">
        <v>0</v>
      </c>
    </row>
    <row r="12135" spans="1:5" ht="409.5" x14ac:dyDescent="0.25">
      <c r="A12135" s="4" t="s">
        <v>29838</v>
      </c>
      <c r="B12135" s="1" t="s">
        <v>58379</v>
      </c>
      <c r="C12135" s="1" t="s">
        <v>29839</v>
      </c>
      <c r="D12135" s="2">
        <v>164963</v>
      </c>
      <c r="E12135" s="1" t="s">
        <v>0</v>
      </c>
    </row>
    <row r="12136" spans="1:5" x14ac:dyDescent="0.25">
      <c r="A12136" s="1" t="s">
        <v>29840</v>
      </c>
      <c r="B12136" s="1" t="s">
        <v>57522</v>
      </c>
      <c r="C12136" s="1" t="s">
        <v>29841</v>
      </c>
      <c r="D12136" s="2">
        <v>164964</v>
      </c>
      <c r="E12136" s="1" t="s">
        <v>0</v>
      </c>
    </row>
    <row r="12137" spans="1:5" x14ac:dyDescent="0.25">
      <c r="A12137" s="2">
        <v>2427</v>
      </c>
      <c r="B12137" s="2">
        <v>2427</v>
      </c>
      <c r="C12137" s="1" t="s">
        <v>0</v>
      </c>
      <c r="D12137" s="2">
        <v>164965</v>
      </c>
      <c r="E12137" s="1" t="s">
        <v>0</v>
      </c>
    </row>
    <row r="12138" spans="1:5" x14ac:dyDescent="0.25">
      <c r="A12138" s="1" t="s">
        <v>2230</v>
      </c>
      <c r="B12138" s="1" t="s">
        <v>53724</v>
      </c>
      <c r="C12138" s="1" t="s">
        <v>29842</v>
      </c>
      <c r="D12138" s="2">
        <v>164966</v>
      </c>
      <c r="E12138" s="1" t="s">
        <v>0</v>
      </c>
    </row>
    <row r="12139" spans="1:5" x14ac:dyDescent="0.25">
      <c r="A12139" s="1" t="s">
        <v>29843</v>
      </c>
      <c r="B12139" s="1" t="s">
        <v>63349</v>
      </c>
      <c r="C12139" s="1" t="s">
        <v>29844</v>
      </c>
      <c r="D12139" s="2">
        <v>164967</v>
      </c>
      <c r="E12139" s="1" t="s">
        <v>0</v>
      </c>
    </row>
    <row r="12140" spans="1:5" ht="409.5" x14ac:dyDescent="0.25">
      <c r="A12140" s="4" t="s">
        <v>29845</v>
      </c>
      <c r="B12140" s="1" t="s">
        <v>63350</v>
      </c>
      <c r="C12140" s="1" t="s">
        <v>29846</v>
      </c>
      <c r="D12140" s="2">
        <v>164968</v>
      </c>
      <c r="E12140" s="1" t="s">
        <v>0</v>
      </c>
    </row>
    <row r="12141" spans="1:5" x14ac:dyDescent="0.25">
      <c r="A12141" s="1" t="s">
        <v>29847</v>
      </c>
      <c r="B12141" s="1" t="s">
        <v>53725</v>
      </c>
      <c r="C12141" s="1" t="s">
        <v>29848</v>
      </c>
      <c r="D12141" s="2">
        <v>164969</v>
      </c>
      <c r="E12141" s="1" t="s">
        <v>0</v>
      </c>
    </row>
    <row r="12142" spans="1:5" x14ac:dyDescent="0.25">
      <c r="A12142" s="2">
        <v>2428</v>
      </c>
      <c r="B12142" s="2">
        <v>2428</v>
      </c>
      <c r="C12142" s="1" t="s">
        <v>0</v>
      </c>
      <c r="D12142" s="2">
        <v>164970</v>
      </c>
      <c r="E12142" s="1" t="s">
        <v>0</v>
      </c>
    </row>
    <row r="12143" spans="1:5" x14ac:dyDescent="0.25">
      <c r="A12143" s="1" t="s">
        <v>13125</v>
      </c>
      <c r="B12143" s="1" t="s">
        <v>8525</v>
      </c>
      <c r="C12143" s="1" t="s">
        <v>29849</v>
      </c>
      <c r="D12143" s="2">
        <v>164971</v>
      </c>
      <c r="E12143" s="1" t="s">
        <v>0</v>
      </c>
    </row>
    <row r="12144" spans="1:5" x14ac:dyDescent="0.25">
      <c r="A12144" s="1" t="s">
        <v>29850</v>
      </c>
      <c r="B12144" s="1" t="s">
        <v>13126</v>
      </c>
      <c r="C12144" s="1" t="s">
        <v>29851</v>
      </c>
      <c r="D12144" s="2">
        <v>164972</v>
      </c>
      <c r="E12144" s="1" t="s">
        <v>0</v>
      </c>
    </row>
    <row r="12145" spans="1:5" ht="409.5" x14ac:dyDescent="0.25">
      <c r="A12145" s="4" t="s">
        <v>29852</v>
      </c>
      <c r="B12145" s="1" t="s">
        <v>53726</v>
      </c>
      <c r="C12145" s="1" t="s">
        <v>29853</v>
      </c>
      <c r="D12145" s="2">
        <v>164973</v>
      </c>
      <c r="E12145" s="1" t="s">
        <v>0</v>
      </c>
    </row>
    <row r="12146" spans="1:5" x14ac:dyDescent="0.25">
      <c r="A12146" s="1" t="s">
        <v>29854</v>
      </c>
      <c r="B12146" s="1" t="s">
        <v>8526</v>
      </c>
      <c r="C12146" s="1" t="s">
        <v>29855</v>
      </c>
      <c r="D12146" s="2">
        <v>164974</v>
      </c>
      <c r="E12146" s="1" t="s">
        <v>0</v>
      </c>
    </row>
    <row r="12147" spans="1:5" x14ac:dyDescent="0.25">
      <c r="A12147" s="2">
        <v>2429</v>
      </c>
      <c r="B12147" s="2">
        <v>2429</v>
      </c>
      <c r="C12147" s="1" t="s">
        <v>0</v>
      </c>
      <c r="D12147" s="2">
        <v>164975</v>
      </c>
      <c r="E12147" s="1" t="s">
        <v>0</v>
      </c>
    </row>
    <row r="12148" spans="1:5" x14ac:dyDescent="0.25">
      <c r="A12148" s="1" t="s">
        <v>2231</v>
      </c>
      <c r="B12148" s="1" t="s">
        <v>8527</v>
      </c>
      <c r="C12148" s="1" t="s">
        <v>29856</v>
      </c>
      <c r="D12148" s="2">
        <v>164976</v>
      </c>
      <c r="E12148" s="1" t="s">
        <v>0</v>
      </c>
    </row>
    <row r="12149" spans="1:5" x14ac:dyDescent="0.25">
      <c r="A12149" s="1" t="s">
        <v>29857</v>
      </c>
      <c r="B12149" s="1" t="s">
        <v>8528</v>
      </c>
      <c r="C12149" s="1" t="s">
        <v>29858</v>
      </c>
      <c r="D12149" s="2">
        <v>164977</v>
      </c>
      <c r="E12149" s="1" t="s">
        <v>0</v>
      </c>
    </row>
    <row r="12150" spans="1:5" ht="409.5" x14ac:dyDescent="0.25">
      <c r="A12150" s="4" t="s">
        <v>29859</v>
      </c>
      <c r="B12150" s="1" t="s">
        <v>57842</v>
      </c>
      <c r="C12150" s="1" t="s">
        <v>29860</v>
      </c>
      <c r="D12150" s="2">
        <v>164978</v>
      </c>
      <c r="E12150" s="1" t="s">
        <v>0</v>
      </c>
    </row>
    <row r="12151" spans="1:5" x14ac:dyDescent="0.25">
      <c r="A12151" s="1" t="s">
        <v>29861</v>
      </c>
      <c r="B12151" s="1" t="s">
        <v>8529</v>
      </c>
      <c r="C12151" s="1" t="s">
        <v>29862</v>
      </c>
      <c r="D12151" s="2">
        <v>164979</v>
      </c>
      <c r="E12151" s="1" t="s">
        <v>0</v>
      </c>
    </row>
    <row r="12152" spans="1:5" x14ac:dyDescent="0.25">
      <c r="A12152" s="2">
        <v>2430</v>
      </c>
      <c r="B12152" s="2">
        <v>2430</v>
      </c>
      <c r="C12152" s="1" t="s">
        <v>0</v>
      </c>
      <c r="D12152" s="2">
        <v>164980</v>
      </c>
      <c r="E12152" s="1" t="s">
        <v>0</v>
      </c>
    </row>
    <row r="12153" spans="1:5" x14ac:dyDescent="0.25">
      <c r="A12153" s="1" t="s">
        <v>2232</v>
      </c>
      <c r="B12153" s="1" t="s">
        <v>8530</v>
      </c>
      <c r="C12153" s="1" t="s">
        <v>29863</v>
      </c>
      <c r="D12153" s="2">
        <v>164981</v>
      </c>
      <c r="E12153" s="1" t="s">
        <v>0</v>
      </c>
    </row>
    <row r="12154" spans="1:5" x14ac:dyDescent="0.25">
      <c r="A12154" s="1" t="s">
        <v>29864</v>
      </c>
      <c r="B12154" s="1" t="s">
        <v>8531</v>
      </c>
      <c r="C12154" s="1" t="s">
        <v>29865</v>
      </c>
      <c r="D12154" s="2">
        <v>164982</v>
      </c>
      <c r="E12154" s="1" t="s">
        <v>0</v>
      </c>
    </row>
    <row r="12155" spans="1:5" ht="409.5" x14ac:dyDescent="0.25">
      <c r="A12155" s="4" t="s">
        <v>29866</v>
      </c>
      <c r="B12155" s="1" t="s">
        <v>53727</v>
      </c>
      <c r="C12155" s="1" t="s">
        <v>29867</v>
      </c>
      <c r="D12155" s="2">
        <v>164983</v>
      </c>
      <c r="E12155" s="1" t="s">
        <v>0</v>
      </c>
    </row>
    <row r="12156" spans="1:5" x14ac:dyDescent="0.25">
      <c r="A12156" s="1" t="s">
        <v>29868</v>
      </c>
      <c r="B12156" s="1" t="s">
        <v>8532</v>
      </c>
      <c r="C12156" s="1" t="s">
        <v>29869</v>
      </c>
      <c r="D12156" s="2">
        <v>164984</v>
      </c>
      <c r="E12156" s="1" t="s">
        <v>0</v>
      </c>
    </row>
    <row r="12157" spans="1:5" x14ac:dyDescent="0.25">
      <c r="A12157" s="2">
        <v>2431</v>
      </c>
      <c r="B12157" s="2">
        <v>2431</v>
      </c>
      <c r="C12157" s="1" t="s">
        <v>0</v>
      </c>
      <c r="D12157" s="2">
        <v>164985</v>
      </c>
      <c r="E12157" s="1" t="s">
        <v>0</v>
      </c>
    </row>
    <row r="12158" spans="1:5" x14ac:dyDescent="0.25">
      <c r="A12158" s="1" t="s">
        <v>2233</v>
      </c>
      <c r="B12158" s="1" t="s">
        <v>8533</v>
      </c>
      <c r="C12158" s="1" t="s">
        <v>29870</v>
      </c>
      <c r="D12158" s="2">
        <v>164986</v>
      </c>
      <c r="E12158" s="1" t="s">
        <v>0</v>
      </c>
    </row>
    <row r="12159" spans="1:5" x14ac:dyDescent="0.25">
      <c r="A12159" s="1" t="s">
        <v>29871</v>
      </c>
      <c r="B12159" s="1" t="s">
        <v>53728</v>
      </c>
      <c r="C12159" s="1" t="s">
        <v>29872</v>
      </c>
      <c r="D12159" s="2">
        <v>164987</v>
      </c>
      <c r="E12159" s="1" t="s">
        <v>0</v>
      </c>
    </row>
    <row r="12160" spans="1:5" ht="409.5" x14ac:dyDescent="0.25">
      <c r="A12160" s="4" t="s">
        <v>29873</v>
      </c>
      <c r="B12160" s="1" t="s">
        <v>53729</v>
      </c>
      <c r="C12160" s="1" t="s">
        <v>29874</v>
      </c>
      <c r="D12160" s="2">
        <v>164988</v>
      </c>
      <c r="E12160" s="1" t="s">
        <v>0</v>
      </c>
    </row>
    <row r="12161" spans="1:5" x14ac:dyDescent="0.25">
      <c r="A12161" s="1" t="s">
        <v>29875</v>
      </c>
      <c r="B12161" s="1" t="s">
        <v>8534</v>
      </c>
      <c r="C12161" s="1" t="s">
        <v>29876</v>
      </c>
      <c r="D12161" s="2">
        <v>164989</v>
      </c>
      <c r="E12161" s="1" t="s">
        <v>0</v>
      </c>
    </row>
    <row r="12162" spans="1:5" x14ac:dyDescent="0.25">
      <c r="A12162" s="2">
        <v>2432</v>
      </c>
      <c r="B12162" s="2">
        <v>2432</v>
      </c>
      <c r="C12162" s="1" t="s">
        <v>0</v>
      </c>
      <c r="D12162" s="2">
        <v>164990</v>
      </c>
      <c r="E12162" s="1" t="s">
        <v>0</v>
      </c>
    </row>
    <row r="12163" spans="1:5" x14ac:dyDescent="0.25">
      <c r="A12163" s="1" t="s">
        <v>8535</v>
      </c>
      <c r="B12163" s="1" t="s">
        <v>8536</v>
      </c>
      <c r="C12163" s="1" t="s">
        <v>29877</v>
      </c>
      <c r="D12163" s="2">
        <v>164991</v>
      </c>
      <c r="E12163" s="1" t="s">
        <v>0</v>
      </c>
    </row>
    <row r="12164" spans="1:5" x14ac:dyDescent="0.25">
      <c r="A12164" s="1" t="s">
        <v>29878</v>
      </c>
      <c r="B12164" s="1" t="s">
        <v>53730</v>
      </c>
      <c r="C12164" s="1" t="s">
        <v>29879</v>
      </c>
      <c r="D12164" s="2">
        <v>164992</v>
      </c>
      <c r="E12164" s="1" t="s">
        <v>0</v>
      </c>
    </row>
    <row r="12165" spans="1:5" ht="409.5" x14ac:dyDescent="0.25">
      <c r="A12165" s="4" t="s">
        <v>29880</v>
      </c>
      <c r="B12165" s="1" t="s">
        <v>53731</v>
      </c>
      <c r="C12165" s="1" t="s">
        <v>29881</v>
      </c>
      <c r="D12165" s="2">
        <v>164993</v>
      </c>
      <c r="E12165" s="1" t="s">
        <v>0</v>
      </c>
    </row>
    <row r="12166" spans="1:5" x14ac:dyDescent="0.25">
      <c r="A12166" s="1" t="s">
        <v>15286</v>
      </c>
      <c r="B12166" s="1" t="s">
        <v>60887</v>
      </c>
      <c r="C12166" s="1" t="s">
        <v>15287</v>
      </c>
      <c r="D12166" s="2">
        <v>164994</v>
      </c>
      <c r="E12166" s="1" t="s">
        <v>0</v>
      </c>
    </row>
    <row r="12167" spans="1:5" x14ac:dyDescent="0.25">
      <c r="A12167" s="2">
        <v>2433</v>
      </c>
      <c r="B12167" s="2">
        <v>2433</v>
      </c>
      <c r="C12167" s="1" t="s">
        <v>0</v>
      </c>
      <c r="D12167" s="2">
        <v>164995</v>
      </c>
      <c r="E12167" s="1" t="s">
        <v>0</v>
      </c>
    </row>
    <row r="12168" spans="1:5" x14ac:dyDescent="0.25">
      <c r="A12168" s="1" t="s">
        <v>2234</v>
      </c>
      <c r="B12168" s="1" t="s">
        <v>8537</v>
      </c>
      <c r="C12168" s="1" t="s">
        <v>29882</v>
      </c>
      <c r="D12168" s="2">
        <v>164996</v>
      </c>
      <c r="E12168" s="1" t="s">
        <v>0</v>
      </c>
    </row>
    <row r="12169" spans="1:5" x14ac:dyDescent="0.25">
      <c r="A12169" s="1" t="s">
        <v>29883</v>
      </c>
      <c r="B12169" s="1" t="s">
        <v>50717</v>
      </c>
      <c r="C12169" s="1" t="s">
        <v>29884</v>
      </c>
      <c r="D12169" s="2">
        <v>164997</v>
      </c>
      <c r="E12169" s="1" t="s">
        <v>0</v>
      </c>
    </row>
    <row r="12170" spans="1:5" ht="409.5" x14ac:dyDescent="0.25">
      <c r="A12170" s="4" t="s">
        <v>29885</v>
      </c>
      <c r="B12170" s="1" t="s">
        <v>58380</v>
      </c>
      <c r="C12170" s="1" t="s">
        <v>29886</v>
      </c>
      <c r="D12170" s="2">
        <v>164998</v>
      </c>
      <c r="E12170" s="1" t="s">
        <v>0</v>
      </c>
    </row>
    <row r="12171" spans="1:5" x14ac:dyDescent="0.25">
      <c r="A12171" s="1" t="s">
        <v>29887</v>
      </c>
      <c r="B12171" s="1" t="s">
        <v>8538</v>
      </c>
      <c r="C12171" s="1" t="s">
        <v>29888</v>
      </c>
      <c r="D12171" s="2">
        <v>164999</v>
      </c>
      <c r="E12171" s="1" t="s">
        <v>0</v>
      </c>
    </row>
    <row r="12172" spans="1:5" x14ac:dyDescent="0.25">
      <c r="A12172" s="2">
        <v>2434</v>
      </c>
      <c r="B12172" s="2">
        <v>2434</v>
      </c>
      <c r="C12172" s="1" t="s">
        <v>0</v>
      </c>
      <c r="D12172" s="2">
        <v>165000</v>
      </c>
      <c r="E12172" s="1" t="s">
        <v>0</v>
      </c>
    </row>
    <row r="12173" spans="1:5" x14ac:dyDescent="0.25">
      <c r="A12173" s="1" t="s">
        <v>8539</v>
      </c>
      <c r="B12173" s="1" t="s">
        <v>8540</v>
      </c>
      <c r="C12173" s="1" t="s">
        <v>29889</v>
      </c>
      <c r="D12173" s="2">
        <v>165001</v>
      </c>
      <c r="E12173" s="1" t="s">
        <v>0</v>
      </c>
    </row>
    <row r="12174" spans="1:5" x14ac:dyDescent="0.25">
      <c r="A12174" s="1" t="s">
        <v>29890</v>
      </c>
      <c r="B12174" s="1" t="s">
        <v>63706</v>
      </c>
      <c r="C12174" s="1" t="s">
        <v>29891</v>
      </c>
      <c r="D12174" s="2">
        <v>165002</v>
      </c>
      <c r="E12174" s="1" t="s">
        <v>0</v>
      </c>
    </row>
    <row r="12175" spans="1:5" ht="409.5" x14ac:dyDescent="0.25">
      <c r="A12175" s="4" t="s">
        <v>29892</v>
      </c>
      <c r="B12175" s="1" t="s">
        <v>63707</v>
      </c>
      <c r="C12175" s="1" t="s">
        <v>29893</v>
      </c>
      <c r="D12175" s="2">
        <v>165003</v>
      </c>
      <c r="E12175" s="1" t="s">
        <v>0</v>
      </c>
    </row>
    <row r="12176" spans="1:5" x14ac:dyDescent="0.25">
      <c r="A12176" s="1" t="s">
        <v>29894</v>
      </c>
      <c r="B12176" s="1" t="s">
        <v>61122</v>
      </c>
      <c r="C12176" s="1" t="s">
        <v>29895</v>
      </c>
      <c r="D12176" s="2">
        <v>165004</v>
      </c>
      <c r="E12176" s="1" t="s">
        <v>0</v>
      </c>
    </row>
    <row r="12177" spans="1:5" x14ac:dyDescent="0.25">
      <c r="A12177" s="2">
        <v>2435</v>
      </c>
      <c r="B12177" s="2">
        <v>2435</v>
      </c>
      <c r="C12177" s="1" t="s">
        <v>0</v>
      </c>
      <c r="D12177" s="2">
        <v>165005</v>
      </c>
      <c r="E12177" s="1" t="s">
        <v>0</v>
      </c>
    </row>
    <row r="12178" spans="1:5" x14ac:dyDescent="0.25">
      <c r="A12178" s="1" t="s">
        <v>2235</v>
      </c>
      <c r="B12178" s="1" t="s">
        <v>61653</v>
      </c>
      <c r="C12178" s="1" t="s">
        <v>29896</v>
      </c>
      <c r="D12178" s="2">
        <v>165006</v>
      </c>
      <c r="E12178" s="1" t="s">
        <v>0</v>
      </c>
    </row>
    <row r="12179" spans="1:5" x14ac:dyDescent="0.25">
      <c r="A12179" s="1" t="s">
        <v>29897</v>
      </c>
      <c r="B12179" s="1" t="s">
        <v>62476</v>
      </c>
      <c r="C12179" s="1" t="s">
        <v>29898</v>
      </c>
      <c r="D12179" s="2">
        <v>165007</v>
      </c>
      <c r="E12179" s="1" t="s">
        <v>0</v>
      </c>
    </row>
    <row r="12180" spans="1:5" ht="409.5" x14ac:dyDescent="0.25">
      <c r="A12180" s="4" t="s">
        <v>29899</v>
      </c>
      <c r="B12180" s="1" t="s">
        <v>62477</v>
      </c>
      <c r="C12180" s="1" t="s">
        <v>29900</v>
      </c>
      <c r="D12180" s="2">
        <v>165008</v>
      </c>
      <c r="E12180" s="1" t="s">
        <v>0</v>
      </c>
    </row>
    <row r="12181" spans="1:5" x14ac:dyDescent="0.25">
      <c r="A12181" s="1" t="s">
        <v>29901</v>
      </c>
      <c r="B12181" s="1" t="s">
        <v>61654</v>
      </c>
      <c r="C12181" s="1" t="s">
        <v>29902</v>
      </c>
      <c r="D12181" s="2">
        <v>165009</v>
      </c>
      <c r="E12181" s="1" t="s">
        <v>0</v>
      </c>
    </row>
    <row r="12182" spans="1:5" x14ac:dyDescent="0.25">
      <c r="A12182" s="2">
        <v>2436</v>
      </c>
      <c r="B12182" s="2">
        <v>2436</v>
      </c>
      <c r="C12182" s="1" t="s">
        <v>0</v>
      </c>
      <c r="D12182" s="2">
        <v>165010</v>
      </c>
      <c r="E12182" s="1" t="s">
        <v>0</v>
      </c>
    </row>
    <row r="12183" spans="1:5" x14ac:dyDescent="0.25">
      <c r="A12183" s="1" t="s">
        <v>2236</v>
      </c>
      <c r="B12183" s="1" t="s">
        <v>8541</v>
      </c>
      <c r="C12183" s="1" t="s">
        <v>29903</v>
      </c>
      <c r="D12183" s="2">
        <v>165011</v>
      </c>
      <c r="E12183" s="1" t="s">
        <v>0</v>
      </c>
    </row>
    <row r="12184" spans="1:5" x14ac:dyDescent="0.25">
      <c r="A12184" s="1" t="s">
        <v>29904</v>
      </c>
      <c r="B12184" s="1" t="s">
        <v>50718</v>
      </c>
      <c r="C12184" s="1" t="s">
        <v>29905</v>
      </c>
      <c r="D12184" s="2">
        <v>165012</v>
      </c>
      <c r="E12184" s="1" t="s">
        <v>0</v>
      </c>
    </row>
    <row r="12185" spans="1:5" ht="409.5" x14ac:dyDescent="0.25">
      <c r="A12185" s="4" t="s">
        <v>29906</v>
      </c>
      <c r="B12185" s="1" t="s">
        <v>63351</v>
      </c>
      <c r="C12185" s="1" t="s">
        <v>29907</v>
      </c>
      <c r="D12185" s="2">
        <v>165013</v>
      </c>
      <c r="E12185" s="1" t="s">
        <v>0</v>
      </c>
    </row>
    <row r="12186" spans="1:5" x14ac:dyDescent="0.25">
      <c r="A12186" s="1" t="s">
        <v>29908</v>
      </c>
      <c r="B12186" s="1" t="s">
        <v>53732</v>
      </c>
      <c r="C12186" s="1" t="s">
        <v>29909</v>
      </c>
      <c r="D12186" s="2">
        <v>165014</v>
      </c>
      <c r="E12186" s="1" t="s">
        <v>0</v>
      </c>
    </row>
    <row r="12187" spans="1:5" x14ac:dyDescent="0.25">
      <c r="A12187" s="2">
        <v>2437</v>
      </c>
      <c r="B12187" s="2">
        <v>2437</v>
      </c>
      <c r="C12187" s="1" t="s">
        <v>0</v>
      </c>
      <c r="D12187" s="2">
        <v>165015</v>
      </c>
      <c r="E12187" s="1" t="s">
        <v>0</v>
      </c>
    </row>
    <row r="12188" spans="1:5" x14ac:dyDescent="0.25">
      <c r="A12188" s="1" t="s">
        <v>2237</v>
      </c>
      <c r="B12188" s="1" t="s">
        <v>8542</v>
      </c>
      <c r="C12188" s="1" t="s">
        <v>29910</v>
      </c>
      <c r="D12188" s="2">
        <v>165016</v>
      </c>
      <c r="E12188" s="1" t="s">
        <v>0</v>
      </c>
    </row>
    <row r="12189" spans="1:5" x14ac:dyDescent="0.25">
      <c r="A12189" s="1" t="s">
        <v>29911</v>
      </c>
      <c r="B12189" s="1" t="s">
        <v>59996</v>
      </c>
      <c r="C12189" s="1" t="s">
        <v>29912</v>
      </c>
      <c r="D12189" s="2">
        <v>165017</v>
      </c>
      <c r="E12189" s="1" t="s">
        <v>0</v>
      </c>
    </row>
    <row r="12190" spans="1:5" ht="409.5" x14ac:dyDescent="0.25">
      <c r="A12190" s="4" t="s">
        <v>29913</v>
      </c>
      <c r="B12190" s="1" t="s">
        <v>59997</v>
      </c>
      <c r="C12190" s="1" t="s">
        <v>29914</v>
      </c>
      <c r="D12190" s="2">
        <v>165018</v>
      </c>
      <c r="E12190" s="1" t="s">
        <v>0</v>
      </c>
    </row>
    <row r="12191" spans="1:5" x14ac:dyDescent="0.25">
      <c r="A12191" s="1" t="s">
        <v>29915</v>
      </c>
      <c r="B12191" s="1" t="s">
        <v>59998</v>
      </c>
      <c r="C12191" s="1" t="s">
        <v>29916</v>
      </c>
      <c r="D12191" s="2">
        <v>165019</v>
      </c>
      <c r="E12191" s="1" t="s">
        <v>0</v>
      </c>
    </row>
    <row r="12192" spans="1:5" x14ac:dyDescent="0.25">
      <c r="A12192" s="2">
        <v>2438</v>
      </c>
      <c r="B12192" s="2">
        <v>2438</v>
      </c>
      <c r="C12192" s="1" t="s">
        <v>0</v>
      </c>
      <c r="D12192" s="2">
        <v>165020</v>
      </c>
      <c r="E12192" s="1" t="s">
        <v>0</v>
      </c>
    </row>
    <row r="12193" spans="1:5" x14ac:dyDescent="0.25">
      <c r="A12193" s="1" t="s">
        <v>2238</v>
      </c>
      <c r="B12193" s="1" t="s">
        <v>8543</v>
      </c>
      <c r="C12193" s="1" t="s">
        <v>29917</v>
      </c>
      <c r="D12193" s="2">
        <v>165021</v>
      </c>
      <c r="E12193" s="1" t="s">
        <v>0</v>
      </c>
    </row>
    <row r="12194" spans="1:5" x14ac:dyDescent="0.25">
      <c r="A12194" s="1" t="s">
        <v>29918</v>
      </c>
      <c r="B12194" s="1" t="s">
        <v>62478</v>
      </c>
      <c r="C12194" s="1" t="s">
        <v>29919</v>
      </c>
      <c r="D12194" s="2">
        <v>165022</v>
      </c>
      <c r="E12194" s="1" t="s">
        <v>0</v>
      </c>
    </row>
    <row r="12195" spans="1:5" ht="409.5" x14ac:dyDescent="0.25">
      <c r="A12195" s="4" t="s">
        <v>29920</v>
      </c>
      <c r="B12195" s="1" t="s">
        <v>62479</v>
      </c>
      <c r="C12195" s="1" t="s">
        <v>29921</v>
      </c>
      <c r="D12195" s="2">
        <v>165023</v>
      </c>
      <c r="E12195" s="1" t="s">
        <v>0</v>
      </c>
    </row>
    <row r="12196" spans="1:5" x14ac:dyDescent="0.25">
      <c r="A12196" s="1" t="s">
        <v>29922</v>
      </c>
      <c r="B12196" s="1" t="s">
        <v>53733</v>
      </c>
      <c r="C12196" s="1" t="s">
        <v>29923</v>
      </c>
      <c r="D12196" s="2">
        <v>165024</v>
      </c>
      <c r="E12196" s="1" t="s">
        <v>0</v>
      </c>
    </row>
    <row r="12197" spans="1:5" x14ac:dyDescent="0.25">
      <c r="A12197" s="2">
        <v>2439</v>
      </c>
      <c r="B12197" s="2">
        <v>2439</v>
      </c>
      <c r="C12197" s="1" t="s">
        <v>0</v>
      </c>
      <c r="D12197" s="2">
        <v>165025</v>
      </c>
      <c r="E12197" s="1" t="s">
        <v>0</v>
      </c>
    </row>
    <row r="12198" spans="1:5" x14ac:dyDescent="0.25">
      <c r="A12198" s="1" t="s">
        <v>13127</v>
      </c>
      <c r="B12198" s="1" t="s">
        <v>63352</v>
      </c>
      <c r="C12198" s="1" t="s">
        <v>29924</v>
      </c>
      <c r="D12198" s="2">
        <v>165026</v>
      </c>
      <c r="E12198" s="1" t="s">
        <v>0</v>
      </c>
    </row>
    <row r="12199" spans="1:5" x14ac:dyDescent="0.25">
      <c r="A12199" s="1" t="s">
        <v>29925</v>
      </c>
      <c r="B12199" s="1" t="s">
        <v>63353</v>
      </c>
      <c r="C12199" s="1" t="s">
        <v>29926</v>
      </c>
      <c r="D12199" s="2">
        <v>165027</v>
      </c>
      <c r="E12199" s="1" t="s">
        <v>0</v>
      </c>
    </row>
    <row r="12200" spans="1:5" ht="409.5" x14ac:dyDescent="0.25">
      <c r="A12200" s="4" t="s">
        <v>29927</v>
      </c>
      <c r="B12200" s="1" t="s">
        <v>63354</v>
      </c>
      <c r="C12200" s="1" t="s">
        <v>29928</v>
      </c>
      <c r="D12200" s="2">
        <v>165028</v>
      </c>
      <c r="E12200" s="1" t="s">
        <v>0</v>
      </c>
    </row>
    <row r="12201" spans="1:5" x14ac:dyDescent="0.25">
      <c r="A12201" s="1" t="s">
        <v>29929</v>
      </c>
      <c r="B12201" s="1" t="s">
        <v>53734</v>
      </c>
      <c r="C12201" s="1" t="s">
        <v>29930</v>
      </c>
      <c r="D12201" s="2">
        <v>165029</v>
      </c>
      <c r="E12201" s="1" t="s">
        <v>0</v>
      </c>
    </row>
    <row r="12202" spans="1:5" x14ac:dyDescent="0.25">
      <c r="A12202" s="2">
        <v>2440</v>
      </c>
      <c r="B12202" s="2">
        <v>2440</v>
      </c>
      <c r="C12202" s="1" t="s">
        <v>0</v>
      </c>
      <c r="D12202" s="2">
        <v>165030</v>
      </c>
      <c r="E12202" s="1" t="s">
        <v>0</v>
      </c>
    </row>
    <row r="12203" spans="1:5" x14ac:dyDescent="0.25">
      <c r="A12203" s="1" t="s">
        <v>13128</v>
      </c>
      <c r="B12203" s="1" t="s">
        <v>8544</v>
      </c>
      <c r="C12203" s="1" t="s">
        <v>29931</v>
      </c>
      <c r="D12203" s="2">
        <v>165031</v>
      </c>
      <c r="E12203" s="1" t="s">
        <v>0</v>
      </c>
    </row>
    <row r="12204" spans="1:5" x14ac:dyDescent="0.25">
      <c r="A12204" s="1" t="s">
        <v>29932</v>
      </c>
      <c r="B12204" s="1" t="s">
        <v>56766</v>
      </c>
      <c r="C12204" s="1" t="s">
        <v>29933</v>
      </c>
      <c r="D12204" s="2">
        <v>165032</v>
      </c>
      <c r="E12204" s="1" t="s">
        <v>0</v>
      </c>
    </row>
    <row r="12205" spans="1:5" ht="409.5" x14ac:dyDescent="0.25">
      <c r="A12205" s="4" t="s">
        <v>29934</v>
      </c>
      <c r="B12205" s="1" t="s">
        <v>56767</v>
      </c>
      <c r="C12205" s="1" t="s">
        <v>29935</v>
      </c>
      <c r="D12205" s="2">
        <v>165033</v>
      </c>
      <c r="E12205" s="1" t="s">
        <v>0</v>
      </c>
    </row>
    <row r="12206" spans="1:5" x14ac:dyDescent="0.25">
      <c r="A12206" s="1" t="s">
        <v>29936</v>
      </c>
      <c r="B12206" s="1" t="s">
        <v>61123</v>
      </c>
      <c r="C12206" s="1" t="s">
        <v>29937</v>
      </c>
      <c r="D12206" s="2">
        <v>165034</v>
      </c>
      <c r="E12206" s="1" t="s">
        <v>0</v>
      </c>
    </row>
    <row r="12207" spans="1:5" x14ac:dyDescent="0.25">
      <c r="A12207" s="2">
        <v>2441</v>
      </c>
      <c r="B12207" s="2">
        <v>2441</v>
      </c>
      <c r="C12207" s="1" t="s">
        <v>0</v>
      </c>
      <c r="D12207" s="2">
        <v>165035</v>
      </c>
      <c r="E12207" s="1" t="s">
        <v>0</v>
      </c>
    </row>
    <row r="12208" spans="1:5" x14ac:dyDescent="0.25">
      <c r="A12208" s="1" t="s">
        <v>2239</v>
      </c>
      <c r="B12208" s="1" t="s">
        <v>8545</v>
      </c>
      <c r="C12208" s="1" t="s">
        <v>29938</v>
      </c>
      <c r="D12208" s="2">
        <v>165036</v>
      </c>
      <c r="E12208" s="1" t="s">
        <v>0</v>
      </c>
    </row>
    <row r="12209" spans="1:5" x14ac:dyDescent="0.25">
      <c r="A12209" s="1" t="s">
        <v>29939</v>
      </c>
      <c r="B12209" s="1" t="s">
        <v>8546</v>
      </c>
      <c r="C12209" s="1" t="s">
        <v>29940</v>
      </c>
      <c r="D12209" s="2">
        <v>165037</v>
      </c>
      <c r="E12209" s="1" t="s">
        <v>0</v>
      </c>
    </row>
    <row r="12210" spans="1:5" ht="409.5" x14ac:dyDescent="0.25">
      <c r="A12210" s="4" t="s">
        <v>29941</v>
      </c>
      <c r="B12210" s="1" t="s">
        <v>50719</v>
      </c>
      <c r="C12210" s="1" t="s">
        <v>29942</v>
      </c>
      <c r="D12210" s="2">
        <v>165038</v>
      </c>
      <c r="E12210" s="1" t="s">
        <v>0</v>
      </c>
    </row>
    <row r="12211" spans="1:5" x14ac:dyDescent="0.25">
      <c r="A12211" s="1" t="s">
        <v>29943</v>
      </c>
      <c r="B12211" s="1" t="s">
        <v>53735</v>
      </c>
      <c r="C12211" s="1" t="s">
        <v>29944</v>
      </c>
      <c r="D12211" s="2">
        <v>165039</v>
      </c>
      <c r="E12211" s="1" t="s">
        <v>0</v>
      </c>
    </row>
    <row r="12212" spans="1:5" x14ac:dyDescent="0.25">
      <c r="A12212" s="2">
        <v>2442</v>
      </c>
      <c r="B12212" s="2">
        <v>2442</v>
      </c>
      <c r="C12212" s="1" t="s">
        <v>0</v>
      </c>
      <c r="D12212" s="2">
        <v>165040</v>
      </c>
      <c r="E12212" s="1" t="s">
        <v>0</v>
      </c>
    </row>
    <row r="12213" spans="1:5" x14ac:dyDescent="0.25">
      <c r="A12213" s="1" t="s">
        <v>2240</v>
      </c>
      <c r="B12213" s="1" t="s">
        <v>8547</v>
      </c>
      <c r="C12213" s="1" t="s">
        <v>29945</v>
      </c>
      <c r="D12213" s="2">
        <v>165041</v>
      </c>
      <c r="E12213" s="1" t="s">
        <v>0</v>
      </c>
    </row>
    <row r="12214" spans="1:5" x14ac:dyDescent="0.25">
      <c r="A12214" s="1" t="s">
        <v>29946</v>
      </c>
      <c r="B12214" s="1" t="s">
        <v>57033</v>
      </c>
      <c r="C12214" s="1" t="s">
        <v>29947</v>
      </c>
      <c r="D12214" s="2">
        <v>165042</v>
      </c>
      <c r="E12214" s="1" t="s">
        <v>0</v>
      </c>
    </row>
    <row r="12215" spans="1:5" ht="409.5" x14ac:dyDescent="0.25">
      <c r="A12215" s="4" t="s">
        <v>29948</v>
      </c>
      <c r="B12215" s="1" t="s">
        <v>57034</v>
      </c>
      <c r="C12215" s="1" t="s">
        <v>29949</v>
      </c>
      <c r="D12215" s="2">
        <v>165043</v>
      </c>
      <c r="E12215" s="1" t="s">
        <v>0</v>
      </c>
    </row>
    <row r="12216" spans="1:5" x14ac:dyDescent="0.25">
      <c r="A12216" s="1" t="s">
        <v>29950</v>
      </c>
      <c r="B12216" s="1" t="s">
        <v>8548</v>
      </c>
      <c r="C12216" s="1" t="s">
        <v>29951</v>
      </c>
      <c r="D12216" s="2">
        <v>165044</v>
      </c>
      <c r="E12216" s="1" t="s">
        <v>0</v>
      </c>
    </row>
    <row r="12217" spans="1:5" x14ac:dyDescent="0.25">
      <c r="A12217" s="2">
        <v>2443</v>
      </c>
      <c r="B12217" s="2">
        <v>2443</v>
      </c>
      <c r="C12217" s="1" t="s">
        <v>0</v>
      </c>
      <c r="D12217" s="2">
        <v>165045</v>
      </c>
      <c r="E12217" s="1" t="s">
        <v>0</v>
      </c>
    </row>
    <row r="12218" spans="1:5" x14ac:dyDescent="0.25">
      <c r="A12218" s="1" t="s">
        <v>2241</v>
      </c>
      <c r="B12218" s="1" t="s">
        <v>8549</v>
      </c>
      <c r="C12218" s="1" t="s">
        <v>29952</v>
      </c>
      <c r="D12218" s="2">
        <v>165046</v>
      </c>
      <c r="E12218" s="1" t="s">
        <v>0</v>
      </c>
    </row>
    <row r="12219" spans="1:5" x14ac:dyDescent="0.25">
      <c r="A12219" s="1" t="s">
        <v>29953</v>
      </c>
      <c r="B12219" s="1" t="s">
        <v>53736</v>
      </c>
      <c r="C12219" s="1" t="s">
        <v>29954</v>
      </c>
      <c r="D12219" s="2">
        <v>165047</v>
      </c>
      <c r="E12219" s="1" t="s">
        <v>0</v>
      </c>
    </row>
    <row r="12220" spans="1:5" ht="409.5" x14ac:dyDescent="0.25">
      <c r="A12220" s="4" t="s">
        <v>64167</v>
      </c>
      <c r="B12220" s="1" t="s">
        <v>53737</v>
      </c>
      <c r="C12220" s="1" t="s">
        <v>29955</v>
      </c>
      <c r="D12220" s="2">
        <v>165048</v>
      </c>
      <c r="E12220" s="1" t="s">
        <v>0</v>
      </c>
    </row>
    <row r="12221" spans="1:5" x14ac:dyDescent="0.25">
      <c r="A12221" s="1" t="s">
        <v>29956</v>
      </c>
      <c r="B12221" s="1" t="s">
        <v>8550</v>
      </c>
      <c r="C12221" s="1" t="s">
        <v>29957</v>
      </c>
      <c r="D12221" s="2">
        <v>165049</v>
      </c>
      <c r="E12221" s="1" t="s">
        <v>0</v>
      </c>
    </row>
    <row r="12222" spans="1:5" x14ac:dyDescent="0.25">
      <c r="A12222" s="2">
        <v>2444</v>
      </c>
      <c r="B12222" s="2">
        <v>2444</v>
      </c>
      <c r="C12222" s="1" t="s">
        <v>0</v>
      </c>
      <c r="D12222" s="2">
        <v>165050</v>
      </c>
      <c r="E12222" s="1" t="s">
        <v>0</v>
      </c>
    </row>
    <row r="12223" spans="1:5" x14ac:dyDescent="0.25">
      <c r="A12223" s="1" t="s">
        <v>2242</v>
      </c>
      <c r="B12223" s="1" t="s">
        <v>8551</v>
      </c>
      <c r="C12223" s="1" t="s">
        <v>29958</v>
      </c>
      <c r="D12223" s="2">
        <v>165051</v>
      </c>
      <c r="E12223" s="1" t="s">
        <v>0</v>
      </c>
    </row>
    <row r="12224" spans="1:5" x14ac:dyDescent="0.25">
      <c r="A12224" s="1" t="s">
        <v>29959</v>
      </c>
      <c r="B12224" s="1" t="s">
        <v>60430</v>
      </c>
      <c r="C12224" s="1" t="s">
        <v>29960</v>
      </c>
      <c r="D12224" s="2">
        <v>165052</v>
      </c>
      <c r="E12224" s="1" t="s">
        <v>0</v>
      </c>
    </row>
    <row r="12225" spans="1:5" ht="409.5" x14ac:dyDescent="0.25">
      <c r="A12225" s="4" t="s">
        <v>29961</v>
      </c>
      <c r="B12225" s="1" t="s">
        <v>62480</v>
      </c>
      <c r="C12225" s="1" t="s">
        <v>29962</v>
      </c>
      <c r="D12225" s="2">
        <v>165053</v>
      </c>
      <c r="E12225" s="1" t="s">
        <v>0</v>
      </c>
    </row>
    <row r="12226" spans="1:5" x14ac:dyDescent="0.25">
      <c r="A12226" s="1" t="s">
        <v>29963</v>
      </c>
      <c r="B12226" s="1" t="s">
        <v>53738</v>
      </c>
      <c r="C12226" s="1" t="s">
        <v>29964</v>
      </c>
      <c r="D12226" s="2">
        <v>165054</v>
      </c>
      <c r="E12226" s="1" t="s">
        <v>0</v>
      </c>
    </row>
    <row r="12227" spans="1:5" x14ac:dyDescent="0.25">
      <c r="A12227" s="2">
        <v>2445</v>
      </c>
      <c r="B12227" s="2">
        <v>2445</v>
      </c>
      <c r="C12227" s="1" t="s">
        <v>0</v>
      </c>
      <c r="D12227" s="2">
        <v>165055</v>
      </c>
      <c r="E12227" s="1" t="s">
        <v>0</v>
      </c>
    </row>
    <row r="12228" spans="1:5" x14ac:dyDescent="0.25">
      <c r="A12228" s="1" t="s">
        <v>8552</v>
      </c>
      <c r="B12228" s="1" t="s">
        <v>8553</v>
      </c>
      <c r="C12228" s="1" t="s">
        <v>29965</v>
      </c>
      <c r="D12228" s="2">
        <v>165056</v>
      </c>
      <c r="E12228" s="1" t="s">
        <v>0</v>
      </c>
    </row>
    <row r="12229" spans="1:5" x14ac:dyDescent="0.25">
      <c r="A12229" s="1" t="s">
        <v>29966</v>
      </c>
      <c r="B12229" s="1" t="s">
        <v>58080</v>
      </c>
      <c r="C12229" s="1" t="s">
        <v>29967</v>
      </c>
      <c r="D12229" s="2">
        <v>165057</v>
      </c>
      <c r="E12229" s="1" t="s">
        <v>0</v>
      </c>
    </row>
    <row r="12230" spans="1:5" ht="409.5" x14ac:dyDescent="0.25">
      <c r="A12230" s="4" t="s">
        <v>29968</v>
      </c>
      <c r="B12230" s="1" t="s">
        <v>59999</v>
      </c>
      <c r="C12230" s="1" t="s">
        <v>29969</v>
      </c>
      <c r="D12230" s="2">
        <v>165058</v>
      </c>
      <c r="E12230" s="1" t="s">
        <v>0</v>
      </c>
    </row>
    <row r="12231" spans="1:5" x14ac:dyDescent="0.25">
      <c r="A12231" s="1" t="s">
        <v>29970</v>
      </c>
      <c r="B12231" s="1" t="s">
        <v>53739</v>
      </c>
      <c r="C12231" s="1" t="s">
        <v>29971</v>
      </c>
      <c r="D12231" s="2">
        <v>165059</v>
      </c>
      <c r="E12231" s="1" t="s">
        <v>0</v>
      </c>
    </row>
    <row r="12232" spans="1:5" x14ac:dyDescent="0.25">
      <c r="A12232" s="2">
        <v>2446</v>
      </c>
      <c r="B12232" s="2">
        <v>2446</v>
      </c>
      <c r="C12232" s="1" t="s">
        <v>0</v>
      </c>
      <c r="D12232" s="2">
        <v>165060</v>
      </c>
      <c r="E12232" s="1" t="s">
        <v>0</v>
      </c>
    </row>
    <row r="12233" spans="1:5" x14ac:dyDescent="0.25">
      <c r="A12233" s="1" t="s">
        <v>2243</v>
      </c>
      <c r="B12233" s="1" t="s">
        <v>50720</v>
      </c>
      <c r="C12233" s="1" t="s">
        <v>29972</v>
      </c>
      <c r="D12233" s="2">
        <v>165061</v>
      </c>
      <c r="E12233" s="1" t="s">
        <v>0</v>
      </c>
    </row>
    <row r="12234" spans="1:5" x14ac:dyDescent="0.25">
      <c r="A12234" s="1" t="s">
        <v>29973</v>
      </c>
      <c r="B12234" s="1" t="s">
        <v>61496</v>
      </c>
      <c r="C12234" s="1" t="s">
        <v>29974</v>
      </c>
      <c r="D12234" s="2">
        <v>165062</v>
      </c>
      <c r="E12234" s="1" t="s">
        <v>0</v>
      </c>
    </row>
    <row r="12235" spans="1:5" ht="409.5" x14ac:dyDescent="0.25">
      <c r="A12235" s="4" t="s">
        <v>29975</v>
      </c>
      <c r="B12235" s="1" t="s">
        <v>61497</v>
      </c>
      <c r="C12235" s="1" t="s">
        <v>29976</v>
      </c>
      <c r="D12235" s="2">
        <v>165063</v>
      </c>
      <c r="E12235" s="1" t="s">
        <v>0</v>
      </c>
    </row>
    <row r="12236" spans="1:5" x14ac:dyDescent="0.25">
      <c r="A12236" s="1" t="s">
        <v>29977</v>
      </c>
      <c r="B12236" s="1" t="s">
        <v>61124</v>
      </c>
      <c r="C12236" s="1" t="s">
        <v>29978</v>
      </c>
      <c r="D12236" s="2">
        <v>165064</v>
      </c>
      <c r="E12236" s="1" t="s">
        <v>0</v>
      </c>
    </row>
    <row r="12237" spans="1:5" x14ac:dyDescent="0.25">
      <c r="A12237" s="2">
        <v>2447</v>
      </c>
      <c r="B12237" s="2">
        <v>2447</v>
      </c>
      <c r="C12237" s="1" t="s">
        <v>0</v>
      </c>
      <c r="D12237" s="2">
        <v>165065</v>
      </c>
      <c r="E12237" s="1" t="s">
        <v>0</v>
      </c>
    </row>
    <row r="12238" spans="1:5" x14ac:dyDescent="0.25">
      <c r="A12238" s="1" t="s">
        <v>2244</v>
      </c>
      <c r="B12238" s="1" t="s">
        <v>8554</v>
      </c>
      <c r="C12238" s="1" t="s">
        <v>29979</v>
      </c>
      <c r="D12238" s="2">
        <v>165066</v>
      </c>
      <c r="E12238" s="1" t="s">
        <v>0</v>
      </c>
    </row>
    <row r="12239" spans="1:5" x14ac:dyDescent="0.25">
      <c r="A12239" s="1" t="s">
        <v>29980</v>
      </c>
      <c r="B12239" s="1" t="s">
        <v>53740</v>
      </c>
      <c r="C12239" s="1" t="s">
        <v>29981</v>
      </c>
      <c r="D12239" s="2">
        <v>165067</v>
      </c>
      <c r="E12239" s="1" t="s">
        <v>0</v>
      </c>
    </row>
    <row r="12240" spans="1:5" ht="409.5" x14ac:dyDescent="0.25">
      <c r="A12240" s="4" t="s">
        <v>29982</v>
      </c>
      <c r="B12240" s="1" t="s">
        <v>53741</v>
      </c>
      <c r="C12240" s="1" t="s">
        <v>29983</v>
      </c>
      <c r="D12240" s="2">
        <v>165068</v>
      </c>
      <c r="E12240" s="1" t="s">
        <v>0</v>
      </c>
    </row>
    <row r="12241" spans="1:5" x14ac:dyDescent="0.25">
      <c r="A12241" s="1" t="s">
        <v>29984</v>
      </c>
      <c r="B12241" s="1" t="s">
        <v>8555</v>
      </c>
      <c r="C12241" s="1" t="s">
        <v>29985</v>
      </c>
      <c r="D12241" s="2">
        <v>165069</v>
      </c>
      <c r="E12241" s="1" t="s">
        <v>0</v>
      </c>
    </row>
    <row r="12242" spans="1:5" x14ac:dyDescent="0.25">
      <c r="A12242" s="2">
        <v>2448</v>
      </c>
      <c r="B12242" s="2">
        <v>2448</v>
      </c>
      <c r="C12242" s="1" t="s">
        <v>0</v>
      </c>
      <c r="D12242" s="2">
        <v>165070</v>
      </c>
      <c r="E12242" s="1" t="s">
        <v>0</v>
      </c>
    </row>
    <row r="12243" spans="1:5" x14ac:dyDescent="0.25">
      <c r="A12243" s="1" t="s">
        <v>2245</v>
      </c>
      <c r="B12243" s="1" t="s">
        <v>8556</v>
      </c>
      <c r="C12243" s="1" t="s">
        <v>29986</v>
      </c>
      <c r="D12243" s="2">
        <v>165071</v>
      </c>
      <c r="E12243" s="1" t="s">
        <v>0</v>
      </c>
    </row>
    <row r="12244" spans="1:5" x14ac:dyDescent="0.25">
      <c r="A12244" s="1" t="s">
        <v>29987</v>
      </c>
      <c r="B12244" s="1" t="s">
        <v>53742</v>
      </c>
      <c r="C12244" s="1" t="s">
        <v>29988</v>
      </c>
      <c r="D12244" s="2">
        <v>165072</v>
      </c>
      <c r="E12244" s="1" t="s">
        <v>0</v>
      </c>
    </row>
    <row r="12245" spans="1:5" ht="409.5" x14ac:dyDescent="0.25">
      <c r="A12245" s="4" t="s">
        <v>64168</v>
      </c>
      <c r="B12245" s="1" t="s">
        <v>64169</v>
      </c>
      <c r="C12245" s="1" t="s">
        <v>29989</v>
      </c>
      <c r="D12245" s="2">
        <v>165073</v>
      </c>
      <c r="E12245" s="1" t="s">
        <v>0</v>
      </c>
    </row>
    <row r="12246" spans="1:5" x14ac:dyDescent="0.25">
      <c r="A12246" s="1" t="s">
        <v>29990</v>
      </c>
      <c r="B12246" s="1" t="s">
        <v>53743</v>
      </c>
      <c r="C12246" s="1" t="s">
        <v>29991</v>
      </c>
      <c r="D12246" s="2">
        <v>165074</v>
      </c>
      <c r="E12246" s="1" t="s">
        <v>0</v>
      </c>
    </row>
    <row r="12247" spans="1:5" x14ac:dyDescent="0.25">
      <c r="A12247" s="2">
        <v>2449</v>
      </c>
      <c r="B12247" s="2">
        <v>2449</v>
      </c>
      <c r="C12247" s="1" t="s">
        <v>0</v>
      </c>
      <c r="D12247" s="2">
        <v>165075</v>
      </c>
      <c r="E12247" s="1" t="s">
        <v>0</v>
      </c>
    </row>
    <row r="12248" spans="1:5" x14ac:dyDescent="0.25">
      <c r="A12248" s="1" t="s">
        <v>2246</v>
      </c>
      <c r="B12248" s="1" t="s">
        <v>58760</v>
      </c>
      <c r="C12248" s="1" t="s">
        <v>29992</v>
      </c>
      <c r="D12248" s="2">
        <v>165076</v>
      </c>
      <c r="E12248" s="1" t="s">
        <v>0</v>
      </c>
    </row>
    <row r="12249" spans="1:5" x14ac:dyDescent="0.25">
      <c r="A12249" s="1" t="s">
        <v>29993</v>
      </c>
      <c r="B12249" s="1" t="s">
        <v>58761</v>
      </c>
      <c r="C12249" s="1" t="s">
        <v>29994</v>
      </c>
      <c r="D12249" s="2">
        <v>165077</v>
      </c>
      <c r="E12249" s="1" t="s">
        <v>0</v>
      </c>
    </row>
    <row r="12250" spans="1:5" ht="409.5" x14ac:dyDescent="0.25">
      <c r="A12250" s="4" t="s">
        <v>29995</v>
      </c>
      <c r="B12250" s="1" t="s">
        <v>58762</v>
      </c>
      <c r="C12250" s="1" t="s">
        <v>29996</v>
      </c>
      <c r="D12250" s="2">
        <v>165078</v>
      </c>
      <c r="E12250" s="1" t="s">
        <v>0</v>
      </c>
    </row>
    <row r="12251" spans="1:5" x14ac:dyDescent="0.25">
      <c r="A12251" s="1" t="s">
        <v>29997</v>
      </c>
      <c r="B12251" s="1" t="s">
        <v>58763</v>
      </c>
      <c r="C12251" s="1" t="s">
        <v>29998</v>
      </c>
      <c r="D12251" s="2">
        <v>165079</v>
      </c>
      <c r="E12251" s="1" t="s">
        <v>0</v>
      </c>
    </row>
    <row r="12252" spans="1:5" x14ac:dyDescent="0.25">
      <c r="A12252" s="2">
        <v>2450</v>
      </c>
      <c r="B12252" s="2">
        <v>2450</v>
      </c>
      <c r="C12252" s="1" t="s">
        <v>0</v>
      </c>
      <c r="D12252" s="2">
        <v>165080</v>
      </c>
      <c r="E12252" s="1" t="s">
        <v>0</v>
      </c>
    </row>
    <row r="12253" spans="1:5" x14ac:dyDescent="0.25">
      <c r="A12253" s="1" t="s">
        <v>2247</v>
      </c>
      <c r="B12253" s="1" t="s">
        <v>53744</v>
      </c>
      <c r="C12253" s="1" t="s">
        <v>29999</v>
      </c>
      <c r="D12253" s="2">
        <v>165081</v>
      </c>
      <c r="E12253" s="1" t="s">
        <v>0</v>
      </c>
    </row>
    <row r="12254" spans="1:5" x14ac:dyDescent="0.25">
      <c r="A12254" s="1" t="s">
        <v>30000</v>
      </c>
      <c r="B12254" s="1" t="s">
        <v>53745</v>
      </c>
      <c r="C12254" s="1" t="s">
        <v>30001</v>
      </c>
      <c r="D12254" s="2">
        <v>165082</v>
      </c>
      <c r="E12254" s="1" t="s">
        <v>0</v>
      </c>
    </row>
    <row r="12255" spans="1:5" ht="409.5" x14ac:dyDescent="0.25">
      <c r="A12255" s="4" t="s">
        <v>30002</v>
      </c>
      <c r="B12255" s="1" t="s">
        <v>53746</v>
      </c>
      <c r="C12255" s="1" t="s">
        <v>30003</v>
      </c>
      <c r="D12255" s="2">
        <v>165083</v>
      </c>
      <c r="E12255" s="1" t="s">
        <v>0</v>
      </c>
    </row>
    <row r="12256" spans="1:5" x14ac:dyDescent="0.25">
      <c r="A12256" s="1" t="s">
        <v>30004</v>
      </c>
      <c r="B12256" s="1" t="s">
        <v>53747</v>
      </c>
      <c r="C12256" s="1" t="s">
        <v>30005</v>
      </c>
      <c r="D12256" s="2">
        <v>165084</v>
      </c>
      <c r="E12256" s="1" t="s">
        <v>0</v>
      </c>
    </row>
    <row r="12257" spans="1:5" x14ac:dyDescent="0.25">
      <c r="A12257" s="2">
        <v>2451</v>
      </c>
      <c r="B12257" s="2">
        <v>2451</v>
      </c>
      <c r="C12257" s="1" t="s">
        <v>0</v>
      </c>
      <c r="D12257" s="2">
        <v>165085</v>
      </c>
      <c r="E12257" s="1" t="s">
        <v>0</v>
      </c>
    </row>
    <row r="12258" spans="1:5" x14ac:dyDescent="0.25">
      <c r="A12258" s="1" t="s">
        <v>2248</v>
      </c>
      <c r="B12258" s="1" t="s">
        <v>8557</v>
      </c>
      <c r="C12258" s="1" t="s">
        <v>30006</v>
      </c>
      <c r="D12258" s="2">
        <v>165086</v>
      </c>
      <c r="E12258" s="1" t="s">
        <v>0</v>
      </c>
    </row>
    <row r="12259" spans="1:5" x14ac:dyDescent="0.25">
      <c r="A12259" s="1" t="s">
        <v>30007</v>
      </c>
      <c r="B12259" s="1" t="s">
        <v>8558</v>
      </c>
      <c r="C12259" s="1" t="s">
        <v>30008</v>
      </c>
      <c r="D12259" s="2">
        <v>165087</v>
      </c>
      <c r="E12259" s="1" t="s">
        <v>0</v>
      </c>
    </row>
    <row r="12260" spans="1:5" ht="409.5" x14ac:dyDescent="0.25">
      <c r="A12260" s="4" t="s">
        <v>30009</v>
      </c>
      <c r="B12260" s="1" t="s">
        <v>8559</v>
      </c>
      <c r="C12260" s="1" t="s">
        <v>30010</v>
      </c>
      <c r="D12260" s="2">
        <v>165088</v>
      </c>
      <c r="E12260" s="1" t="s">
        <v>0</v>
      </c>
    </row>
    <row r="12261" spans="1:5" x14ac:dyDescent="0.25">
      <c r="A12261" s="1" t="s">
        <v>30011</v>
      </c>
      <c r="B12261" s="1" t="s">
        <v>53748</v>
      </c>
      <c r="C12261" s="1" t="s">
        <v>30012</v>
      </c>
      <c r="D12261" s="2">
        <v>165089</v>
      </c>
      <c r="E12261" s="1" t="s">
        <v>0</v>
      </c>
    </row>
    <row r="12262" spans="1:5" x14ac:dyDescent="0.25">
      <c r="A12262" s="2">
        <v>2452</v>
      </c>
      <c r="B12262" s="2">
        <v>2452</v>
      </c>
      <c r="C12262" s="1" t="s">
        <v>0</v>
      </c>
      <c r="D12262" s="2">
        <v>165090</v>
      </c>
      <c r="E12262" s="1" t="s">
        <v>0</v>
      </c>
    </row>
    <row r="12263" spans="1:5" x14ac:dyDescent="0.25">
      <c r="A12263" s="1" t="s">
        <v>2249</v>
      </c>
      <c r="B12263" s="1" t="s">
        <v>8560</v>
      </c>
      <c r="C12263" s="1" t="s">
        <v>30013</v>
      </c>
      <c r="D12263" s="2">
        <v>165091</v>
      </c>
      <c r="E12263" s="1" t="s">
        <v>0</v>
      </c>
    </row>
    <row r="12264" spans="1:5" x14ac:dyDescent="0.25">
      <c r="A12264" s="1" t="s">
        <v>30014</v>
      </c>
      <c r="B12264" s="1" t="s">
        <v>62481</v>
      </c>
      <c r="C12264" s="1" t="s">
        <v>30015</v>
      </c>
      <c r="D12264" s="2">
        <v>165092</v>
      </c>
      <c r="E12264" s="1" t="s">
        <v>0</v>
      </c>
    </row>
    <row r="12265" spans="1:5" ht="409.5" x14ac:dyDescent="0.25">
      <c r="A12265" s="4" t="s">
        <v>30016</v>
      </c>
      <c r="B12265" s="1" t="s">
        <v>62482</v>
      </c>
      <c r="C12265" s="1" t="s">
        <v>30017</v>
      </c>
      <c r="D12265" s="2">
        <v>165093</v>
      </c>
      <c r="E12265" s="1" t="s">
        <v>0</v>
      </c>
    </row>
    <row r="12266" spans="1:5" x14ac:dyDescent="0.25">
      <c r="A12266" s="1" t="s">
        <v>30018</v>
      </c>
      <c r="B12266" s="1" t="s">
        <v>53749</v>
      </c>
      <c r="C12266" s="1" t="s">
        <v>30019</v>
      </c>
      <c r="D12266" s="2">
        <v>165094</v>
      </c>
      <c r="E12266" s="1" t="s">
        <v>0</v>
      </c>
    </row>
    <row r="12267" spans="1:5" x14ac:dyDescent="0.25">
      <c r="A12267" s="2">
        <v>2453</v>
      </c>
      <c r="B12267" s="2">
        <v>2453</v>
      </c>
      <c r="C12267" s="1" t="s">
        <v>0</v>
      </c>
      <c r="D12267" s="2">
        <v>165095</v>
      </c>
      <c r="E12267" s="1" t="s">
        <v>0</v>
      </c>
    </row>
    <row r="12268" spans="1:5" x14ac:dyDescent="0.25">
      <c r="A12268" s="1" t="s">
        <v>13129</v>
      </c>
      <c r="B12268" s="1" t="s">
        <v>8561</v>
      </c>
      <c r="C12268" s="1" t="s">
        <v>30020</v>
      </c>
      <c r="D12268" s="2">
        <v>165096</v>
      </c>
      <c r="E12268" s="1" t="s">
        <v>0</v>
      </c>
    </row>
    <row r="12269" spans="1:5" x14ac:dyDescent="0.25">
      <c r="A12269" s="1" t="s">
        <v>30021</v>
      </c>
      <c r="B12269" s="1" t="s">
        <v>8562</v>
      </c>
      <c r="C12269" s="1" t="s">
        <v>30022</v>
      </c>
      <c r="D12269" s="2">
        <v>165097</v>
      </c>
      <c r="E12269" s="1" t="s">
        <v>0</v>
      </c>
    </row>
    <row r="12270" spans="1:5" ht="409.5" x14ac:dyDescent="0.25">
      <c r="A12270" s="4" t="s">
        <v>30023</v>
      </c>
      <c r="B12270" s="1" t="s">
        <v>59616</v>
      </c>
      <c r="C12270" s="1" t="s">
        <v>30024</v>
      </c>
      <c r="D12270" s="2">
        <v>165098</v>
      </c>
      <c r="E12270" s="1" t="s">
        <v>0</v>
      </c>
    </row>
    <row r="12271" spans="1:5" x14ac:dyDescent="0.25">
      <c r="A12271" s="1" t="s">
        <v>18619</v>
      </c>
      <c r="B12271" s="1" t="s">
        <v>60942</v>
      </c>
      <c r="C12271" s="1" t="s">
        <v>18620</v>
      </c>
      <c r="D12271" s="2">
        <v>165099</v>
      </c>
      <c r="E12271" s="1" t="s">
        <v>0</v>
      </c>
    </row>
    <row r="12272" spans="1:5" x14ac:dyDescent="0.25">
      <c r="A12272" s="2">
        <v>2454</v>
      </c>
      <c r="B12272" s="2">
        <v>2454</v>
      </c>
      <c r="C12272" s="1" t="s">
        <v>0</v>
      </c>
      <c r="D12272" s="2">
        <v>165100</v>
      </c>
      <c r="E12272" s="1" t="s">
        <v>0</v>
      </c>
    </row>
    <row r="12273" spans="1:5" x14ac:dyDescent="0.25">
      <c r="A12273" s="1" t="s">
        <v>2250</v>
      </c>
      <c r="B12273" s="1" t="s">
        <v>8563</v>
      </c>
      <c r="C12273" s="1" t="s">
        <v>30025</v>
      </c>
      <c r="D12273" s="2">
        <v>165101</v>
      </c>
      <c r="E12273" s="1" t="s">
        <v>0</v>
      </c>
    </row>
    <row r="12274" spans="1:5" x14ac:dyDescent="0.25">
      <c r="A12274" s="1" t="s">
        <v>30026</v>
      </c>
      <c r="B12274" s="1" t="s">
        <v>63355</v>
      </c>
      <c r="C12274" s="1" t="s">
        <v>30027</v>
      </c>
      <c r="D12274" s="2">
        <v>165102</v>
      </c>
      <c r="E12274" s="1" t="s">
        <v>0</v>
      </c>
    </row>
    <row r="12275" spans="1:5" ht="409.5" x14ac:dyDescent="0.25">
      <c r="A12275" s="4" t="s">
        <v>30028</v>
      </c>
      <c r="B12275" s="1" t="s">
        <v>63356</v>
      </c>
      <c r="C12275" s="1" t="s">
        <v>30029</v>
      </c>
      <c r="D12275" s="2">
        <v>165103</v>
      </c>
      <c r="E12275" s="1" t="s">
        <v>0</v>
      </c>
    </row>
    <row r="12276" spans="1:5" x14ac:dyDescent="0.25">
      <c r="A12276" s="1" t="s">
        <v>30030</v>
      </c>
      <c r="B12276" s="1" t="s">
        <v>8564</v>
      </c>
      <c r="C12276" s="1" t="s">
        <v>30031</v>
      </c>
      <c r="D12276" s="2">
        <v>165104</v>
      </c>
      <c r="E12276" s="1" t="s">
        <v>0</v>
      </c>
    </row>
    <row r="12277" spans="1:5" x14ac:dyDescent="0.25">
      <c r="A12277" s="2">
        <v>2455</v>
      </c>
      <c r="B12277" s="2">
        <v>2455</v>
      </c>
      <c r="C12277" s="1" t="s">
        <v>0</v>
      </c>
      <c r="D12277" s="2">
        <v>165105</v>
      </c>
      <c r="E12277" s="1" t="s">
        <v>0</v>
      </c>
    </row>
    <row r="12278" spans="1:5" x14ac:dyDescent="0.25">
      <c r="A12278" s="1" t="s">
        <v>2251</v>
      </c>
      <c r="B12278" s="1" t="s">
        <v>53750</v>
      </c>
      <c r="C12278" s="1" t="s">
        <v>30032</v>
      </c>
      <c r="D12278" s="2">
        <v>165106</v>
      </c>
      <c r="E12278" s="1" t="s">
        <v>0</v>
      </c>
    </row>
    <row r="12279" spans="1:5" x14ac:dyDescent="0.25">
      <c r="A12279" s="1" t="s">
        <v>30033</v>
      </c>
      <c r="B12279" s="1" t="s">
        <v>50721</v>
      </c>
      <c r="C12279" s="1" t="s">
        <v>30034</v>
      </c>
      <c r="D12279" s="2">
        <v>165107</v>
      </c>
      <c r="E12279" s="1" t="s">
        <v>0</v>
      </c>
    </row>
    <row r="12280" spans="1:5" ht="409.5" x14ac:dyDescent="0.25">
      <c r="A12280" s="4" t="s">
        <v>30035</v>
      </c>
      <c r="B12280" s="1" t="s">
        <v>50722</v>
      </c>
      <c r="C12280" s="1" t="s">
        <v>30036</v>
      </c>
      <c r="D12280" s="2">
        <v>165108</v>
      </c>
      <c r="E12280" s="1" t="s">
        <v>0</v>
      </c>
    </row>
    <row r="12281" spans="1:5" x14ac:dyDescent="0.25">
      <c r="A12281" s="1" t="s">
        <v>13130</v>
      </c>
      <c r="B12281" s="1" t="s">
        <v>8565</v>
      </c>
      <c r="C12281" s="1" t="s">
        <v>30037</v>
      </c>
      <c r="D12281" s="2">
        <v>165109</v>
      </c>
      <c r="E12281" s="1" t="s">
        <v>0</v>
      </c>
    </row>
    <row r="12282" spans="1:5" x14ac:dyDescent="0.25">
      <c r="A12282" s="2">
        <v>2456</v>
      </c>
      <c r="B12282" s="2">
        <v>2456</v>
      </c>
      <c r="C12282" s="1" t="s">
        <v>0</v>
      </c>
      <c r="D12282" s="2">
        <v>165110</v>
      </c>
      <c r="E12282" s="1" t="s">
        <v>0</v>
      </c>
    </row>
    <row r="12283" spans="1:5" x14ac:dyDescent="0.25">
      <c r="A12283" s="1" t="s">
        <v>2252</v>
      </c>
      <c r="B12283" s="1" t="s">
        <v>8566</v>
      </c>
      <c r="C12283" s="1" t="s">
        <v>30038</v>
      </c>
      <c r="D12283" s="2">
        <v>165111</v>
      </c>
      <c r="E12283" s="1" t="s">
        <v>0</v>
      </c>
    </row>
    <row r="12284" spans="1:5" x14ac:dyDescent="0.25">
      <c r="A12284" s="1" t="s">
        <v>30039</v>
      </c>
      <c r="B12284" s="1" t="s">
        <v>53751</v>
      </c>
      <c r="C12284" s="1" t="s">
        <v>30040</v>
      </c>
      <c r="D12284" s="2">
        <v>165112</v>
      </c>
      <c r="E12284" s="1" t="s">
        <v>0</v>
      </c>
    </row>
    <row r="12285" spans="1:5" ht="409.5" x14ac:dyDescent="0.25">
      <c r="A12285" s="4" t="s">
        <v>30041</v>
      </c>
      <c r="B12285" s="1" t="s">
        <v>53752</v>
      </c>
      <c r="C12285" s="1" t="s">
        <v>30042</v>
      </c>
      <c r="D12285" s="2">
        <v>165113</v>
      </c>
      <c r="E12285" s="1" t="s">
        <v>0</v>
      </c>
    </row>
    <row r="12286" spans="1:5" x14ac:dyDescent="0.25">
      <c r="A12286" s="1" t="s">
        <v>30043</v>
      </c>
      <c r="B12286" s="1" t="s">
        <v>8567</v>
      </c>
      <c r="C12286" s="1" t="s">
        <v>30044</v>
      </c>
      <c r="D12286" s="2">
        <v>165114</v>
      </c>
      <c r="E12286" s="1" t="s">
        <v>0</v>
      </c>
    </row>
    <row r="12287" spans="1:5" x14ac:dyDescent="0.25">
      <c r="A12287" s="2">
        <v>2457</v>
      </c>
      <c r="B12287" s="2">
        <v>2457</v>
      </c>
      <c r="C12287" s="1" t="s">
        <v>0</v>
      </c>
      <c r="D12287" s="2">
        <v>165115</v>
      </c>
      <c r="E12287" s="1" t="s">
        <v>0</v>
      </c>
    </row>
    <row r="12288" spans="1:5" x14ac:dyDescent="0.25">
      <c r="A12288" s="1" t="s">
        <v>13131</v>
      </c>
      <c r="B12288" s="1" t="s">
        <v>8568</v>
      </c>
      <c r="C12288" s="1" t="s">
        <v>30045</v>
      </c>
      <c r="D12288" s="2">
        <v>165116</v>
      </c>
      <c r="E12288" s="1" t="s">
        <v>0</v>
      </c>
    </row>
    <row r="12289" spans="1:5" x14ac:dyDescent="0.25">
      <c r="A12289" s="1" t="s">
        <v>30046</v>
      </c>
      <c r="B12289" s="1" t="s">
        <v>57843</v>
      </c>
      <c r="C12289" s="1" t="s">
        <v>30047</v>
      </c>
      <c r="D12289" s="2">
        <v>165117</v>
      </c>
      <c r="E12289" s="1" t="s">
        <v>0</v>
      </c>
    </row>
    <row r="12290" spans="1:5" ht="409.5" x14ac:dyDescent="0.25">
      <c r="A12290" s="4" t="s">
        <v>30048</v>
      </c>
      <c r="B12290" s="1" t="s">
        <v>57844</v>
      </c>
      <c r="C12290" s="1" t="s">
        <v>30049</v>
      </c>
      <c r="D12290" s="2">
        <v>165118</v>
      </c>
      <c r="E12290" s="1" t="s">
        <v>0</v>
      </c>
    </row>
    <row r="12291" spans="1:5" x14ac:dyDescent="0.25">
      <c r="A12291" s="1" t="s">
        <v>30050</v>
      </c>
      <c r="B12291" s="1" t="s">
        <v>61125</v>
      </c>
      <c r="C12291" s="1" t="s">
        <v>30051</v>
      </c>
      <c r="D12291" s="2">
        <v>165119</v>
      </c>
      <c r="E12291" s="1" t="s">
        <v>0</v>
      </c>
    </row>
    <row r="12292" spans="1:5" x14ac:dyDescent="0.25">
      <c r="A12292" s="2">
        <v>2458</v>
      </c>
      <c r="B12292" s="2">
        <v>2458</v>
      </c>
      <c r="C12292" s="1" t="s">
        <v>0</v>
      </c>
      <c r="D12292" s="2">
        <v>165120</v>
      </c>
      <c r="E12292" s="1" t="s">
        <v>0</v>
      </c>
    </row>
    <row r="12293" spans="1:5" x14ac:dyDescent="0.25">
      <c r="A12293" s="1" t="s">
        <v>30052</v>
      </c>
      <c r="B12293" s="1" t="s">
        <v>53753</v>
      </c>
      <c r="C12293" s="1" t="s">
        <v>13522</v>
      </c>
      <c r="D12293" s="2">
        <v>165121</v>
      </c>
      <c r="E12293" s="1" t="s">
        <v>0</v>
      </c>
    </row>
    <row r="12294" spans="1:5" x14ac:dyDescent="0.25">
      <c r="A12294" s="1" t="s">
        <v>30053</v>
      </c>
      <c r="B12294" s="1" t="s">
        <v>61126</v>
      </c>
      <c r="C12294" s="1" t="s">
        <v>30054</v>
      </c>
      <c r="D12294" s="2">
        <v>165122</v>
      </c>
      <c r="E12294" s="1" t="s">
        <v>0</v>
      </c>
    </row>
    <row r="12295" spans="1:5" x14ac:dyDescent="0.25">
      <c r="A12295" s="1" t="s">
        <v>30053</v>
      </c>
      <c r="B12295" s="1" t="s">
        <v>61126</v>
      </c>
      <c r="C12295" s="1" t="s">
        <v>30054</v>
      </c>
      <c r="D12295" s="2">
        <v>165123</v>
      </c>
      <c r="E12295" s="1" t="s">
        <v>0</v>
      </c>
    </row>
    <row r="12296" spans="1:5" x14ac:dyDescent="0.25">
      <c r="A12296" s="1" t="s">
        <v>30055</v>
      </c>
      <c r="B12296" s="1" t="s">
        <v>61127</v>
      </c>
      <c r="C12296" s="1" t="s">
        <v>30056</v>
      </c>
      <c r="D12296" s="2">
        <v>165124</v>
      </c>
      <c r="E12296" s="1" t="s">
        <v>0</v>
      </c>
    </row>
    <row r="12297" spans="1:5" x14ac:dyDescent="0.25">
      <c r="A12297" s="2">
        <v>2459</v>
      </c>
      <c r="B12297" s="2">
        <v>2459</v>
      </c>
      <c r="C12297" s="1" t="s">
        <v>0</v>
      </c>
      <c r="D12297" s="2">
        <v>165125</v>
      </c>
      <c r="E12297" s="1" t="s">
        <v>0</v>
      </c>
    </row>
    <row r="12298" spans="1:5" x14ac:dyDescent="0.25">
      <c r="A12298" s="1" t="s">
        <v>2253</v>
      </c>
      <c r="B12298" s="1" t="s">
        <v>53754</v>
      </c>
      <c r="C12298" s="1" t="s">
        <v>30057</v>
      </c>
      <c r="D12298" s="2">
        <v>165126</v>
      </c>
      <c r="E12298" s="1" t="s">
        <v>0</v>
      </c>
    </row>
    <row r="12299" spans="1:5" x14ac:dyDescent="0.25">
      <c r="A12299" s="1" t="s">
        <v>30058</v>
      </c>
      <c r="B12299" s="1" t="s">
        <v>53755</v>
      </c>
      <c r="C12299" s="1" t="s">
        <v>30059</v>
      </c>
      <c r="D12299" s="2">
        <v>165127</v>
      </c>
      <c r="E12299" s="1" t="s">
        <v>0</v>
      </c>
    </row>
    <row r="12300" spans="1:5" ht="409.5" x14ac:dyDescent="0.25">
      <c r="A12300" s="4" t="s">
        <v>30060</v>
      </c>
      <c r="B12300" s="1" t="s">
        <v>53756</v>
      </c>
      <c r="C12300" s="1" t="s">
        <v>30061</v>
      </c>
      <c r="D12300" s="2">
        <v>165128</v>
      </c>
      <c r="E12300" s="1" t="s">
        <v>0</v>
      </c>
    </row>
    <row r="12301" spans="1:5" x14ac:dyDescent="0.25">
      <c r="A12301" s="1" t="s">
        <v>30062</v>
      </c>
      <c r="B12301" s="1" t="s">
        <v>53757</v>
      </c>
      <c r="C12301" s="1" t="s">
        <v>30063</v>
      </c>
      <c r="D12301" s="2">
        <v>165129</v>
      </c>
      <c r="E12301" s="1" t="s">
        <v>0</v>
      </c>
    </row>
    <row r="12302" spans="1:5" x14ac:dyDescent="0.25">
      <c r="A12302" s="2">
        <v>2460</v>
      </c>
      <c r="B12302" s="2">
        <v>2460</v>
      </c>
      <c r="C12302" s="1" t="s">
        <v>0</v>
      </c>
      <c r="D12302" s="2">
        <v>165130</v>
      </c>
      <c r="E12302" s="1" t="s">
        <v>0</v>
      </c>
    </row>
    <row r="12303" spans="1:5" x14ac:dyDescent="0.25">
      <c r="A12303" s="1" t="s">
        <v>2254</v>
      </c>
      <c r="B12303" s="1" t="s">
        <v>8569</v>
      </c>
      <c r="C12303" s="1" t="s">
        <v>30064</v>
      </c>
      <c r="D12303" s="2">
        <v>165131</v>
      </c>
      <c r="E12303" s="1" t="s">
        <v>0</v>
      </c>
    </row>
    <row r="12304" spans="1:5" x14ac:dyDescent="0.25">
      <c r="A12304" s="1" t="s">
        <v>30065</v>
      </c>
      <c r="B12304" s="1" t="s">
        <v>63357</v>
      </c>
      <c r="C12304" s="1" t="s">
        <v>30066</v>
      </c>
      <c r="D12304" s="2">
        <v>165132</v>
      </c>
      <c r="E12304" s="1" t="s">
        <v>0</v>
      </c>
    </row>
    <row r="12305" spans="1:5" ht="409.5" x14ac:dyDescent="0.25">
      <c r="A12305" s="4" t="s">
        <v>30067</v>
      </c>
      <c r="B12305" s="1" t="s">
        <v>63358</v>
      </c>
      <c r="C12305" s="1" t="s">
        <v>30068</v>
      </c>
      <c r="D12305" s="2">
        <v>165133</v>
      </c>
      <c r="E12305" s="1" t="s">
        <v>0</v>
      </c>
    </row>
    <row r="12306" spans="1:5" x14ac:dyDescent="0.25">
      <c r="A12306" s="1" t="s">
        <v>30069</v>
      </c>
      <c r="B12306" s="1" t="s">
        <v>58381</v>
      </c>
      <c r="C12306" s="1" t="s">
        <v>30070</v>
      </c>
      <c r="D12306" s="2">
        <v>165134</v>
      </c>
      <c r="E12306" s="1" t="s">
        <v>0</v>
      </c>
    </row>
    <row r="12307" spans="1:5" x14ac:dyDescent="0.25">
      <c r="A12307" s="2">
        <v>2461</v>
      </c>
      <c r="B12307" s="2">
        <v>2461</v>
      </c>
      <c r="C12307" s="1" t="s">
        <v>0</v>
      </c>
      <c r="D12307" s="2">
        <v>165135</v>
      </c>
      <c r="E12307" s="1" t="s">
        <v>0</v>
      </c>
    </row>
    <row r="12308" spans="1:5" x14ac:dyDescent="0.25">
      <c r="A12308" s="1" t="s">
        <v>2255</v>
      </c>
      <c r="B12308" s="1" t="s">
        <v>58382</v>
      </c>
      <c r="C12308" s="1" t="s">
        <v>30071</v>
      </c>
      <c r="D12308" s="2">
        <v>165136</v>
      </c>
      <c r="E12308" s="1" t="s">
        <v>0</v>
      </c>
    </row>
    <row r="12309" spans="1:5" x14ac:dyDescent="0.25">
      <c r="A12309" s="1" t="s">
        <v>30072</v>
      </c>
      <c r="B12309" s="1" t="s">
        <v>62483</v>
      </c>
      <c r="C12309" s="1" t="s">
        <v>30073</v>
      </c>
      <c r="D12309" s="2">
        <v>165137</v>
      </c>
      <c r="E12309" s="1" t="s">
        <v>0</v>
      </c>
    </row>
    <row r="12310" spans="1:5" ht="409.5" x14ac:dyDescent="0.25">
      <c r="A12310" s="4" t="s">
        <v>30074</v>
      </c>
      <c r="B12310" s="1" t="s">
        <v>62484</v>
      </c>
      <c r="C12310" s="1" t="s">
        <v>30075</v>
      </c>
      <c r="D12310" s="2">
        <v>165138</v>
      </c>
      <c r="E12310" s="1" t="s">
        <v>0</v>
      </c>
    </row>
    <row r="12311" spans="1:5" x14ac:dyDescent="0.25">
      <c r="A12311" s="1" t="s">
        <v>30076</v>
      </c>
      <c r="B12311" s="1" t="s">
        <v>8570</v>
      </c>
      <c r="C12311" s="1" t="s">
        <v>30077</v>
      </c>
      <c r="D12311" s="2">
        <v>165139</v>
      </c>
      <c r="E12311" s="1" t="s">
        <v>0</v>
      </c>
    </row>
    <row r="12312" spans="1:5" x14ac:dyDescent="0.25">
      <c r="A12312" s="2">
        <v>2462</v>
      </c>
      <c r="B12312" s="2">
        <v>2462</v>
      </c>
      <c r="C12312" s="1" t="s">
        <v>0</v>
      </c>
      <c r="D12312" s="2">
        <v>165140</v>
      </c>
      <c r="E12312" s="1" t="s">
        <v>0</v>
      </c>
    </row>
    <row r="12313" spans="1:5" x14ac:dyDescent="0.25">
      <c r="A12313" s="1" t="s">
        <v>13132</v>
      </c>
      <c r="B12313" s="1" t="s">
        <v>8571</v>
      </c>
      <c r="C12313" s="1" t="s">
        <v>30078</v>
      </c>
      <c r="D12313" s="2">
        <v>165141</v>
      </c>
      <c r="E12313" s="1" t="s">
        <v>0</v>
      </c>
    </row>
    <row r="12314" spans="1:5" x14ac:dyDescent="0.25">
      <c r="A12314" s="1" t="s">
        <v>30079</v>
      </c>
      <c r="B12314" s="1" t="s">
        <v>62485</v>
      </c>
      <c r="C12314" s="1" t="s">
        <v>30080</v>
      </c>
      <c r="D12314" s="2">
        <v>165142</v>
      </c>
      <c r="E12314" s="1" t="s">
        <v>0</v>
      </c>
    </row>
    <row r="12315" spans="1:5" ht="409.5" x14ac:dyDescent="0.25">
      <c r="A12315" s="4" t="s">
        <v>30081</v>
      </c>
      <c r="B12315" s="1" t="s">
        <v>62486</v>
      </c>
      <c r="C12315" s="1" t="s">
        <v>30082</v>
      </c>
      <c r="D12315" s="2">
        <v>165143</v>
      </c>
      <c r="E12315" s="1" t="s">
        <v>0</v>
      </c>
    </row>
    <row r="12316" spans="1:5" x14ac:dyDescent="0.25">
      <c r="A12316" s="1" t="s">
        <v>30083</v>
      </c>
      <c r="B12316" s="1" t="s">
        <v>53758</v>
      </c>
      <c r="C12316" s="1" t="s">
        <v>30084</v>
      </c>
      <c r="D12316" s="2">
        <v>165144</v>
      </c>
      <c r="E12316" s="1" t="s">
        <v>0</v>
      </c>
    </row>
    <row r="12317" spans="1:5" x14ac:dyDescent="0.25">
      <c r="A12317" s="2">
        <v>2463</v>
      </c>
      <c r="B12317" s="2">
        <v>2463</v>
      </c>
      <c r="C12317" s="1" t="s">
        <v>0</v>
      </c>
      <c r="D12317" s="2">
        <v>165145</v>
      </c>
      <c r="E12317" s="1" t="s">
        <v>0</v>
      </c>
    </row>
    <row r="12318" spans="1:5" x14ac:dyDescent="0.25">
      <c r="A12318" s="1" t="s">
        <v>2256</v>
      </c>
      <c r="B12318" s="1" t="s">
        <v>8572</v>
      </c>
      <c r="C12318" s="1" t="s">
        <v>30085</v>
      </c>
      <c r="D12318" s="2">
        <v>165146</v>
      </c>
      <c r="E12318" s="1" t="s">
        <v>0</v>
      </c>
    </row>
    <row r="12319" spans="1:5" x14ac:dyDescent="0.25">
      <c r="A12319" s="1" t="s">
        <v>30086</v>
      </c>
      <c r="B12319" s="1" t="s">
        <v>56768</v>
      </c>
      <c r="C12319" s="1" t="s">
        <v>30087</v>
      </c>
      <c r="D12319" s="2">
        <v>165147</v>
      </c>
      <c r="E12319" s="1" t="s">
        <v>0</v>
      </c>
    </row>
    <row r="12320" spans="1:5" ht="409.5" x14ac:dyDescent="0.25">
      <c r="A12320" s="4" t="s">
        <v>30088</v>
      </c>
      <c r="B12320" s="1" t="s">
        <v>59028</v>
      </c>
      <c r="C12320" s="1" t="s">
        <v>30089</v>
      </c>
      <c r="D12320" s="2">
        <v>165148</v>
      </c>
      <c r="E12320" s="1" t="s">
        <v>0</v>
      </c>
    </row>
    <row r="12321" spans="1:5" x14ac:dyDescent="0.25">
      <c r="A12321" s="1" t="s">
        <v>30090</v>
      </c>
      <c r="B12321" s="1" t="s">
        <v>8573</v>
      </c>
      <c r="C12321" s="1" t="s">
        <v>30091</v>
      </c>
      <c r="D12321" s="2">
        <v>165149</v>
      </c>
      <c r="E12321" s="1" t="s">
        <v>0</v>
      </c>
    </row>
    <row r="12322" spans="1:5" x14ac:dyDescent="0.25">
      <c r="A12322" s="2">
        <v>2464</v>
      </c>
      <c r="B12322" s="2">
        <v>2464</v>
      </c>
      <c r="C12322" s="1" t="s">
        <v>0</v>
      </c>
      <c r="D12322" s="2">
        <v>165150</v>
      </c>
      <c r="E12322" s="1" t="s">
        <v>0</v>
      </c>
    </row>
    <row r="12323" spans="1:5" x14ac:dyDescent="0.25">
      <c r="A12323" s="1" t="s">
        <v>2257</v>
      </c>
      <c r="B12323" s="1" t="s">
        <v>8574</v>
      </c>
      <c r="C12323" s="1" t="s">
        <v>30092</v>
      </c>
      <c r="D12323" s="2">
        <v>165151</v>
      </c>
      <c r="E12323" s="1" t="s">
        <v>0</v>
      </c>
    </row>
    <row r="12324" spans="1:5" x14ac:dyDescent="0.25">
      <c r="A12324" s="1" t="s">
        <v>30093</v>
      </c>
      <c r="B12324" s="1" t="s">
        <v>62487</v>
      </c>
      <c r="C12324" s="1" t="s">
        <v>30094</v>
      </c>
      <c r="D12324" s="2">
        <v>165152</v>
      </c>
      <c r="E12324" s="1" t="s">
        <v>0</v>
      </c>
    </row>
    <row r="12325" spans="1:5" ht="409.5" x14ac:dyDescent="0.25">
      <c r="A12325" s="4" t="s">
        <v>30095</v>
      </c>
      <c r="B12325" s="1" t="s">
        <v>62488</v>
      </c>
      <c r="C12325" s="1" t="s">
        <v>30096</v>
      </c>
      <c r="D12325" s="2">
        <v>165153</v>
      </c>
      <c r="E12325" s="1" t="s">
        <v>0</v>
      </c>
    </row>
    <row r="12326" spans="1:5" x14ac:dyDescent="0.25">
      <c r="A12326" s="1" t="s">
        <v>30097</v>
      </c>
      <c r="B12326" s="1" t="s">
        <v>53759</v>
      </c>
      <c r="C12326" s="1" t="s">
        <v>30098</v>
      </c>
      <c r="D12326" s="2">
        <v>165154</v>
      </c>
      <c r="E12326" s="1" t="s">
        <v>0</v>
      </c>
    </row>
    <row r="12327" spans="1:5" x14ac:dyDescent="0.25">
      <c r="A12327" s="2">
        <v>2465</v>
      </c>
      <c r="B12327" s="2">
        <v>2465</v>
      </c>
      <c r="C12327" s="1" t="s">
        <v>0</v>
      </c>
      <c r="D12327" s="2">
        <v>165155</v>
      </c>
      <c r="E12327" s="1" t="s">
        <v>0</v>
      </c>
    </row>
    <row r="12328" spans="1:5" x14ac:dyDescent="0.25">
      <c r="A12328" s="1" t="s">
        <v>2258</v>
      </c>
      <c r="B12328" s="1" t="s">
        <v>8575</v>
      </c>
      <c r="C12328" s="1" t="s">
        <v>30099</v>
      </c>
      <c r="D12328" s="2">
        <v>165156</v>
      </c>
      <c r="E12328" s="1" t="s">
        <v>0</v>
      </c>
    </row>
    <row r="12329" spans="1:5" x14ac:dyDescent="0.25">
      <c r="A12329" s="1" t="s">
        <v>30100</v>
      </c>
      <c r="B12329" s="1" t="s">
        <v>53760</v>
      </c>
      <c r="C12329" s="1" t="s">
        <v>30101</v>
      </c>
      <c r="D12329" s="2">
        <v>165157</v>
      </c>
      <c r="E12329" s="1" t="s">
        <v>0</v>
      </c>
    </row>
    <row r="12330" spans="1:5" ht="409.5" x14ac:dyDescent="0.25">
      <c r="A12330" s="4" t="s">
        <v>30102</v>
      </c>
      <c r="B12330" s="1" t="s">
        <v>53761</v>
      </c>
      <c r="C12330" s="1" t="s">
        <v>30103</v>
      </c>
      <c r="D12330" s="2">
        <v>165158</v>
      </c>
      <c r="E12330" s="1" t="s">
        <v>0</v>
      </c>
    </row>
    <row r="12331" spans="1:5" x14ac:dyDescent="0.25">
      <c r="A12331" s="1" t="s">
        <v>30104</v>
      </c>
      <c r="B12331" s="1" t="s">
        <v>53762</v>
      </c>
      <c r="C12331" s="1" t="s">
        <v>30105</v>
      </c>
      <c r="D12331" s="2">
        <v>165159</v>
      </c>
      <c r="E12331" s="1" t="s">
        <v>0</v>
      </c>
    </row>
    <row r="12332" spans="1:5" x14ac:dyDescent="0.25">
      <c r="A12332" s="2">
        <v>2466</v>
      </c>
      <c r="B12332" s="2">
        <v>2466</v>
      </c>
      <c r="C12332" s="1" t="s">
        <v>0</v>
      </c>
      <c r="D12332" s="2">
        <v>165160</v>
      </c>
      <c r="E12332" s="1" t="s">
        <v>0</v>
      </c>
    </row>
    <row r="12333" spans="1:5" x14ac:dyDescent="0.25">
      <c r="A12333" s="1" t="s">
        <v>2259</v>
      </c>
      <c r="B12333" s="1" t="s">
        <v>57219</v>
      </c>
      <c r="C12333" s="1" t="s">
        <v>30106</v>
      </c>
      <c r="D12333" s="2">
        <v>165161</v>
      </c>
      <c r="E12333" s="1" t="s">
        <v>0</v>
      </c>
    </row>
    <row r="12334" spans="1:5" x14ac:dyDescent="0.25">
      <c r="A12334" s="1" t="s">
        <v>30107</v>
      </c>
      <c r="B12334" s="1" t="s">
        <v>60607</v>
      </c>
      <c r="C12334" s="1" t="s">
        <v>30108</v>
      </c>
      <c r="D12334" s="2">
        <v>165162</v>
      </c>
      <c r="E12334" s="1" t="s">
        <v>0</v>
      </c>
    </row>
    <row r="12335" spans="1:5" ht="409.5" x14ac:dyDescent="0.25">
      <c r="A12335" s="4" t="s">
        <v>30109</v>
      </c>
      <c r="B12335" s="1" t="s">
        <v>60608</v>
      </c>
      <c r="C12335" s="1" t="s">
        <v>30110</v>
      </c>
      <c r="D12335" s="2">
        <v>165163</v>
      </c>
      <c r="E12335" s="1" t="s">
        <v>0</v>
      </c>
    </row>
    <row r="12336" spans="1:5" x14ac:dyDescent="0.25">
      <c r="A12336" s="1" t="s">
        <v>30111</v>
      </c>
      <c r="B12336" s="1" t="s">
        <v>57220</v>
      </c>
      <c r="C12336" s="1" t="s">
        <v>30112</v>
      </c>
      <c r="D12336" s="2">
        <v>165164</v>
      </c>
      <c r="E12336" s="1" t="s">
        <v>0</v>
      </c>
    </row>
    <row r="12337" spans="1:5" x14ac:dyDescent="0.25">
      <c r="A12337" s="2">
        <v>2467</v>
      </c>
      <c r="B12337" s="2">
        <v>2467</v>
      </c>
      <c r="C12337" s="1" t="s">
        <v>0</v>
      </c>
      <c r="D12337" s="2">
        <v>165165</v>
      </c>
      <c r="E12337" s="1" t="s">
        <v>0</v>
      </c>
    </row>
    <row r="12338" spans="1:5" x14ac:dyDescent="0.25">
      <c r="A12338" s="1" t="s">
        <v>2260</v>
      </c>
      <c r="B12338" s="1" t="s">
        <v>8576</v>
      </c>
      <c r="C12338" s="1" t="s">
        <v>30113</v>
      </c>
      <c r="D12338" s="2">
        <v>165166</v>
      </c>
      <c r="E12338" s="1" t="s">
        <v>0</v>
      </c>
    </row>
    <row r="12339" spans="1:5" x14ac:dyDescent="0.25">
      <c r="A12339" s="1" t="s">
        <v>30114</v>
      </c>
      <c r="B12339" s="1" t="s">
        <v>53763</v>
      </c>
      <c r="C12339" s="1" t="s">
        <v>30115</v>
      </c>
      <c r="D12339" s="2">
        <v>165167</v>
      </c>
      <c r="E12339" s="1" t="s">
        <v>0</v>
      </c>
    </row>
    <row r="12340" spans="1:5" ht="409.5" x14ac:dyDescent="0.25">
      <c r="A12340" s="4" t="s">
        <v>30116</v>
      </c>
      <c r="B12340" s="1" t="s">
        <v>57523</v>
      </c>
      <c r="C12340" s="1" t="s">
        <v>30117</v>
      </c>
      <c r="D12340" s="2">
        <v>165168</v>
      </c>
      <c r="E12340" s="1" t="s">
        <v>0</v>
      </c>
    </row>
    <row r="12341" spans="1:5" x14ac:dyDescent="0.25">
      <c r="A12341" s="1" t="s">
        <v>30118</v>
      </c>
      <c r="B12341" s="1" t="s">
        <v>53764</v>
      </c>
      <c r="C12341" s="1" t="s">
        <v>30119</v>
      </c>
      <c r="D12341" s="2">
        <v>165169</v>
      </c>
      <c r="E12341" s="1" t="s">
        <v>0</v>
      </c>
    </row>
    <row r="12342" spans="1:5" x14ac:dyDescent="0.25">
      <c r="A12342" s="2">
        <v>2468</v>
      </c>
      <c r="B12342" s="2">
        <v>2468</v>
      </c>
      <c r="C12342" s="1" t="s">
        <v>0</v>
      </c>
      <c r="D12342" s="2">
        <v>165170</v>
      </c>
      <c r="E12342" s="1" t="s">
        <v>0</v>
      </c>
    </row>
    <row r="12343" spans="1:5" x14ac:dyDescent="0.25">
      <c r="A12343" s="1" t="s">
        <v>2261</v>
      </c>
      <c r="B12343" s="1" t="s">
        <v>57524</v>
      </c>
      <c r="C12343" s="1" t="s">
        <v>30120</v>
      </c>
      <c r="D12343" s="2">
        <v>165171</v>
      </c>
      <c r="E12343" s="1" t="s">
        <v>0</v>
      </c>
    </row>
    <row r="12344" spans="1:5" x14ac:dyDescent="0.25">
      <c r="A12344" s="1" t="s">
        <v>30121</v>
      </c>
      <c r="B12344" s="1" t="s">
        <v>63359</v>
      </c>
      <c r="C12344" s="1" t="s">
        <v>30122</v>
      </c>
      <c r="D12344" s="2">
        <v>165172</v>
      </c>
      <c r="E12344" s="1" t="s">
        <v>0</v>
      </c>
    </row>
    <row r="12345" spans="1:5" ht="409.5" x14ac:dyDescent="0.25">
      <c r="A12345" s="4" t="s">
        <v>64170</v>
      </c>
      <c r="B12345" s="1" t="s">
        <v>63360</v>
      </c>
      <c r="C12345" s="1" t="s">
        <v>30123</v>
      </c>
      <c r="D12345" s="2">
        <v>165173</v>
      </c>
      <c r="E12345" s="1" t="s">
        <v>0</v>
      </c>
    </row>
    <row r="12346" spans="1:5" x14ac:dyDescent="0.25">
      <c r="A12346" s="1" t="s">
        <v>30124</v>
      </c>
      <c r="B12346" s="1" t="s">
        <v>53765</v>
      </c>
      <c r="C12346" s="1" t="s">
        <v>30125</v>
      </c>
      <c r="D12346" s="2">
        <v>165174</v>
      </c>
      <c r="E12346" s="1" t="s">
        <v>0</v>
      </c>
    </row>
    <row r="12347" spans="1:5" x14ac:dyDescent="0.25">
      <c r="A12347" s="2">
        <v>2469</v>
      </c>
      <c r="B12347" s="2">
        <v>2469</v>
      </c>
      <c r="C12347" s="1" t="s">
        <v>0</v>
      </c>
      <c r="D12347" s="2">
        <v>165175</v>
      </c>
      <c r="E12347" s="1" t="s">
        <v>0</v>
      </c>
    </row>
    <row r="12348" spans="1:5" x14ac:dyDescent="0.25">
      <c r="A12348" s="1" t="s">
        <v>2262</v>
      </c>
      <c r="B12348" s="1" t="s">
        <v>8577</v>
      </c>
      <c r="C12348" s="1" t="s">
        <v>30126</v>
      </c>
      <c r="D12348" s="2">
        <v>165176</v>
      </c>
      <c r="E12348" s="1" t="s">
        <v>0</v>
      </c>
    </row>
    <row r="12349" spans="1:5" x14ac:dyDescent="0.25">
      <c r="A12349" s="1" t="s">
        <v>30127</v>
      </c>
      <c r="B12349" s="1" t="s">
        <v>58383</v>
      </c>
      <c r="C12349" s="1" t="s">
        <v>30128</v>
      </c>
      <c r="D12349" s="2">
        <v>165177</v>
      </c>
      <c r="E12349" s="1" t="s">
        <v>0</v>
      </c>
    </row>
    <row r="12350" spans="1:5" ht="409.5" x14ac:dyDescent="0.25">
      <c r="A12350" s="4" t="s">
        <v>30129</v>
      </c>
      <c r="B12350" s="1" t="s">
        <v>62489</v>
      </c>
      <c r="C12350" s="1" t="s">
        <v>30130</v>
      </c>
      <c r="D12350" s="2">
        <v>165178</v>
      </c>
      <c r="E12350" s="1" t="s">
        <v>0</v>
      </c>
    </row>
    <row r="12351" spans="1:5" x14ac:dyDescent="0.25">
      <c r="A12351" s="1" t="s">
        <v>30131</v>
      </c>
      <c r="B12351" s="1" t="s">
        <v>53766</v>
      </c>
      <c r="C12351" s="1" t="s">
        <v>30132</v>
      </c>
      <c r="D12351" s="2">
        <v>165179</v>
      </c>
      <c r="E12351" s="1" t="s">
        <v>0</v>
      </c>
    </row>
    <row r="12352" spans="1:5" x14ac:dyDescent="0.25">
      <c r="A12352" s="2">
        <v>2470</v>
      </c>
      <c r="B12352" s="2">
        <v>2470</v>
      </c>
      <c r="C12352" s="1" t="s">
        <v>0</v>
      </c>
      <c r="D12352" s="2">
        <v>165180</v>
      </c>
      <c r="E12352" s="1" t="s">
        <v>0</v>
      </c>
    </row>
    <row r="12353" spans="1:5" x14ac:dyDescent="0.25">
      <c r="A12353" s="1" t="s">
        <v>2263</v>
      </c>
      <c r="B12353" s="1" t="s">
        <v>8578</v>
      </c>
      <c r="C12353" s="1" t="s">
        <v>30133</v>
      </c>
      <c r="D12353" s="2">
        <v>165181</v>
      </c>
      <c r="E12353" s="1" t="s">
        <v>0</v>
      </c>
    </row>
    <row r="12354" spans="1:5" x14ac:dyDescent="0.25">
      <c r="A12354" s="1" t="s">
        <v>30134</v>
      </c>
      <c r="B12354" s="1" t="s">
        <v>63708</v>
      </c>
      <c r="C12354" s="1" t="s">
        <v>30135</v>
      </c>
      <c r="D12354" s="2">
        <v>165182</v>
      </c>
      <c r="E12354" s="1" t="s">
        <v>0</v>
      </c>
    </row>
    <row r="12355" spans="1:5" ht="409.5" x14ac:dyDescent="0.25">
      <c r="A12355" s="4" t="s">
        <v>30136</v>
      </c>
      <c r="B12355" s="1" t="s">
        <v>63709</v>
      </c>
      <c r="C12355" s="1" t="s">
        <v>30137</v>
      </c>
      <c r="D12355" s="2">
        <v>165183</v>
      </c>
      <c r="E12355" s="1" t="s">
        <v>0</v>
      </c>
    </row>
    <row r="12356" spans="1:5" x14ac:dyDescent="0.25">
      <c r="A12356" s="1" t="s">
        <v>30138</v>
      </c>
      <c r="B12356" s="1" t="s">
        <v>8579</v>
      </c>
      <c r="C12356" s="1" t="s">
        <v>30139</v>
      </c>
      <c r="D12356" s="2">
        <v>165184</v>
      </c>
      <c r="E12356" s="1" t="s">
        <v>0</v>
      </c>
    </row>
    <row r="12357" spans="1:5" x14ac:dyDescent="0.25">
      <c r="A12357" s="2">
        <v>2471</v>
      </c>
      <c r="B12357" s="2">
        <v>2471</v>
      </c>
      <c r="C12357" s="1" t="s">
        <v>0</v>
      </c>
      <c r="D12357" s="2">
        <v>165185</v>
      </c>
      <c r="E12357" s="1" t="s">
        <v>0</v>
      </c>
    </row>
    <row r="12358" spans="1:5" x14ac:dyDescent="0.25">
      <c r="A12358" s="1" t="s">
        <v>2264</v>
      </c>
      <c r="B12358" s="1" t="s">
        <v>8580</v>
      </c>
      <c r="C12358" s="1" t="s">
        <v>30140</v>
      </c>
      <c r="D12358" s="2">
        <v>165186</v>
      </c>
      <c r="E12358" s="1" t="s">
        <v>0</v>
      </c>
    </row>
    <row r="12359" spans="1:5" x14ac:dyDescent="0.25">
      <c r="A12359" s="1" t="s">
        <v>30141</v>
      </c>
      <c r="B12359" s="1" t="s">
        <v>57035</v>
      </c>
      <c r="C12359" s="1" t="s">
        <v>30142</v>
      </c>
      <c r="D12359" s="2">
        <v>165187</v>
      </c>
      <c r="E12359" s="1" t="s">
        <v>0</v>
      </c>
    </row>
    <row r="12360" spans="1:5" ht="409.5" x14ac:dyDescent="0.25">
      <c r="A12360" s="4" t="s">
        <v>30143</v>
      </c>
      <c r="B12360" s="1" t="s">
        <v>57036</v>
      </c>
      <c r="C12360" s="1" t="s">
        <v>30144</v>
      </c>
      <c r="D12360" s="2">
        <v>165188</v>
      </c>
      <c r="E12360" s="1" t="s">
        <v>0</v>
      </c>
    </row>
    <row r="12361" spans="1:5" x14ac:dyDescent="0.25">
      <c r="A12361" s="1" t="s">
        <v>28659</v>
      </c>
      <c r="B12361" s="1" t="s">
        <v>61104</v>
      </c>
      <c r="C12361" s="1" t="s">
        <v>28660</v>
      </c>
      <c r="D12361" s="2">
        <v>165189</v>
      </c>
      <c r="E12361" s="1" t="s">
        <v>0</v>
      </c>
    </row>
    <row r="12362" spans="1:5" x14ac:dyDescent="0.25">
      <c r="A12362" s="2">
        <v>2472</v>
      </c>
      <c r="B12362" s="2">
        <v>2472</v>
      </c>
      <c r="C12362" s="1" t="s">
        <v>0</v>
      </c>
      <c r="D12362" s="2">
        <v>165190</v>
      </c>
      <c r="E12362" s="1" t="s">
        <v>0</v>
      </c>
    </row>
    <row r="12363" spans="1:5" x14ac:dyDescent="0.25">
      <c r="A12363" s="1" t="s">
        <v>2265</v>
      </c>
      <c r="B12363" s="1" t="s">
        <v>8581</v>
      </c>
      <c r="C12363" s="1" t="s">
        <v>30145</v>
      </c>
      <c r="D12363" s="2">
        <v>165191</v>
      </c>
      <c r="E12363" s="1" t="s">
        <v>0</v>
      </c>
    </row>
    <row r="12364" spans="1:5" x14ac:dyDescent="0.25">
      <c r="A12364" s="1" t="s">
        <v>30146</v>
      </c>
      <c r="B12364" s="1" t="s">
        <v>53767</v>
      </c>
      <c r="C12364" s="1" t="s">
        <v>30147</v>
      </c>
      <c r="D12364" s="2">
        <v>165192</v>
      </c>
      <c r="E12364" s="1" t="s">
        <v>0</v>
      </c>
    </row>
    <row r="12365" spans="1:5" ht="409.5" x14ac:dyDescent="0.25">
      <c r="A12365" s="4" t="s">
        <v>30148</v>
      </c>
      <c r="B12365" s="1" t="s">
        <v>53768</v>
      </c>
      <c r="C12365" s="1" t="s">
        <v>30149</v>
      </c>
      <c r="D12365" s="2">
        <v>165193</v>
      </c>
      <c r="E12365" s="1" t="s">
        <v>0</v>
      </c>
    </row>
    <row r="12366" spans="1:5" x14ac:dyDescent="0.25">
      <c r="A12366" s="1" t="s">
        <v>30150</v>
      </c>
      <c r="B12366" s="1" t="s">
        <v>61128</v>
      </c>
      <c r="C12366" s="1" t="s">
        <v>30151</v>
      </c>
      <c r="D12366" s="2">
        <v>165194</v>
      </c>
      <c r="E12366" s="1" t="s">
        <v>0</v>
      </c>
    </row>
    <row r="12367" spans="1:5" x14ac:dyDescent="0.25">
      <c r="A12367" s="2">
        <v>2473</v>
      </c>
      <c r="B12367" s="2">
        <v>2473</v>
      </c>
      <c r="C12367" s="1" t="s">
        <v>0</v>
      </c>
      <c r="D12367" s="2">
        <v>165195</v>
      </c>
      <c r="E12367" s="1" t="s">
        <v>0</v>
      </c>
    </row>
    <row r="12368" spans="1:5" x14ac:dyDescent="0.25">
      <c r="A12368" s="1" t="s">
        <v>2266</v>
      </c>
      <c r="B12368" s="1" t="s">
        <v>8582</v>
      </c>
      <c r="C12368" s="1" t="s">
        <v>30152</v>
      </c>
      <c r="D12368" s="2">
        <v>165196</v>
      </c>
      <c r="E12368" s="1" t="s">
        <v>0</v>
      </c>
    </row>
    <row r="12369" spans="1:5" x14ac:dyDescent="0.25">
      <c r="A12369" s="1" t="s">
        <v>30153</v>
      </c>
      <c r="B12369" s="1" t="s">
        <v>50723</v>
      </c>
      <c r="C12369" s="1" t="s">
        <v>30154</v>
      </c>
      <c r="D12369" s="2">
        <v>165197</v>
      </c>
      <c r="E12369" s="1" t="s">
        <v>0</v>
      </c>
    </row>
    <row r="12370" spans="1:5" ht="409.5" x14ac:dyDescent="0.25">
      <c r="A12370" s="4" t="s">
        <v>30155</v>
      </c>
      <c r="B12370" s="1" t="s">
        <v>53769</v>
      </c>
      <c r="C12370" s="1" t="s">
        <v>30156</v>
      </c>
      <c r="D12370" s="2">
        <v>165198</v>
      </c>
      <c r="E12370" s="1" t="s">
        <v>0</v>
      </c>
    </row>
    <row r="12371" spans="1:5" x14ac:dyDescent="0.25">
      <c r="A12371" s="1" t="s">
        <v>30157</v>
      </c>
      <c r="B12371" s="1" t="s">
        <v>53770</v>
      </c>
      <c r="C12371" s="1" t="s">
        <v>30158</v>
      </c>
      <c r="D12371" s="2">
        <v>165199</v>
      </c>
      <c r="E12371" s="1" t="s">
        <v>0</v>
      </c>
    </row>
    <row r="12372" spans="1:5" x14ac:dyDescent="0.25">
      <c r="A12372" s="2">
        <v>2474</v>
      </c>
      <c r="B12372" s="2">
        <v>2474</v>
      </c>
      <c r="C12372" s="1" t="s">
        <v>0</v>
      </c>
      <c r="D12372" s="2">
        <v>165200</v>
      </c>
      <c r="E12372" s="1" t="s">
        <v>0</v>
      </c>
    </row>
    <row r="12373" spans="1:5" x14ac:dyDescent="0.25">
      <c r="A12373" s="1" t="s">
        <v>2267</v>
      </c>
      <c r="B12373" s="1" t="s">
        <v>8583</v>
      </c>
      <c r="C12373" s="1" t="s">
        <v>30159</v>
      </c>
      <c r="D12373" s="2">
        <v>165201</v>
      </c>
      <c r="E12373" s="1" t="s">
        <v>0</v>
      </c>
    </row>
    <row r="12374" spans="1:5" x14ac:dyDescent="0.25">
      <c r="A12374" s="1" t="s">
        <v>30160</v>
      </c>
      <c r="B12374" s="1" t="s">
        <v>58384</v>
      </c>
      <c r="C12374" s="1" t="s">
        <v>30161</v>
      </c>
      <c r="D12374" s="2">
        <v>165202</v>
      </c>
      <c r="E12374" s="1" t="s">
        <v>0</v>
      </c>
    </row>
    <row r="12375" spans="1:5" ht="409.5" x14ac:dyDescent="0.25">
      <c r="A12375" s="4" t="s">
        <v>30162</v>
      </c>
      <c r="B12375" s="1" t="s">
        <v>60609</v>
      </c>
      <c r="C12375" s="1" t="s">
        <v>30163</v>
      </c>
      <c r="D12375" s="2">
        <v>165203</v>
      </c>
      <c r="E12375" s="1" t="s">
        <v>0</v>
      </c>
    </row>
    <row r="12376" spans="1:5" x14ac:dyDescent="0.25">
      <c r="A12376" s="1" t="s">
        <v>30164</v>
      </c>
      <c r="B12376" s="1" t="s">
        <v>53771</v>
      </c>
      <c r="C12376" s="1" t="s">
        <v>30165</v>
      </c>
      <c r="D12376" s="2">
        <v>165204</v>
      </c>
      <c r="E12376" s="1" t="s">
        <v>0</v>
      </c>
    </row>
    <row r="12377" spans="1:5" x14ac:dyDescent="0.25">
      <c r="A12377" s="2">
        <v>2475</v>
      </c>
      <c r="B12377" s="2">
        <v>2475</v>
      </c>
      <c r="C12377" s="1" t="s">
        <v>0</v>
      </c>
      <c r="D12377" s="2">
        <v>165205</v>
      </c>
      <c r="E12377" s="1" t="s">
        <v>0</v>
      </c>
    </row>
    <row r="12378" spans="1:5" x14ac:dyDescent="0.25">
      <c r="A12378" s="1" t="s">
        <v>13133</v>
      </c>
      <c r="B12378" s="1" t="s">
        <v>8584</v>
      </c>
      <c r="C12378" s="1" t="s">
        <v>30166</v>
      </c>
      <c r="D12378" s="2">
        <v>165206</v>
      </c>
      <c r="E12378" s="1" t="s">
        <v>0</v>
      </c>
    </row>
    <row r="12379" spans="1:5" x14ac:dyDescent="0.25">
      <c r="A12379" s="1" t="s">
        <v>30167</v>
      </c>
      <c r="B12379" s="1" t="s">
        <v>8585</v>
      </c>
      <c r="C12379" s="1" t="s">
        <v>30168</v>
      </c>
      <c r="D12379" s="2">
        <v>165207</v>
      </c>
      <c r="E12379" s="1" t="s">
        <v>0</v>
      </c>
    </row>
    <row r="12380" spans="1:5" ht="409.5" x14ac:dyDescent="0.25">
      <c r="A12380" s="4" t="s">
        <v>30169</v>
      </c>
      <c r="B12380" s="1" t="s">
        <v>62490</v>
      </c>
      <c r="C12380" s="1" t="s">
        <v>30170</v>
      </c>
      <c r="D12380" s="2">
        <v>165208</v>
      </c>
      <c r="E12380" s="1" t="s">
        <v>0</v>
      </c>
    </row>
    <row r="12381" spans="1:5" x14ac:dyDescent="0.25">
      <c r="A12381" s="1" t="s">
        <v>30171</v>
      </c>
      <c r="B12381" s="1" t="s">
        <v>61129</v>
      </c>
      <c r="C12381" s="1" t="s">
        <v>30172</v>
      </c>
      <c r="D12381" s="2">
        <v>165209</v>
      </c>
      <c r="E12381" s="1" t="s">
        <v>0</v>
      </c>
    </row>
    <row r="12382" spans="1:5" x14ac:dyDescent="0.25">
      <c r="A12382" s="2">
        <v>2476</v>
      </c>
      <c r="B12382" s="2">
        <v>2476</v>
      </c>
      <c r="C12382" s="1" t="s">
        <v>0</v>
      </c>
      <c r="D12382" s="2">
        <v>165210</v>
      </c>
      <c r="E12382" s="1" t="s">
        <v>0</v>
      </c>
    </row>
    <row r="12383" spans="1:5" x14ac:dyDescent="0.25">
      <c r="A12383" s="1" t="s">
        <v>2268</v>
      </c>
      <c r="B12383" s="1" t="s">
        <v>8586</v>
      </c>
      <c r="C12383" s="1" t="s">
        <v>30173</v>
      </c>
      <c r="D12383" s="2">
        <v>165211</v>
      </c>
      <c r="E12383" s="1" t="s">
        <v>0</v>
      </c>
    </row>
    <row r="12384" spans="1:5" x14ac:dyDescent="0.25">
      <c r="A12384" s="1" t="s">
        <v>30174</v>
      </c>
      <c r="B12384" s="1" t="s">
        <v>53772</v>
      </c>
      <c r="C12384" s="1" t="s">
        <v>30175</v>
      </c>
      <c r="D12384" s="2">
        <v>165212</v>
      </c>
      <c r="E12384" s="1" t="s">
        <v>0</v>
      </c>
    </row>
    <row r="12385" spans="1:5" ht="409.5" x14ac:dyDescent="0.25">
      <c r="A12385" s="4" t="s">
        <v>30176</v>
      </c>
      <c r="B12385" s="1" t="s">
        <v>53773</v>
      </c>
      <c r="C12385" s="1" t="s">
        <v>30177</v>
      </c>
      <c r="D12385" s="2">
        <v>165213</v>
      </c>
      <c r="E12385" s="1" t="s">
        <v>0</v>
      </c>
    </row>
    <row r="12386" spans="1:5" x14ac:dyDescent="0.25">
      <c r="A12386" s="1" t="s">
        <v>30178</v>
      </c>
      <c r="B12386" s="1" t="s">
        <v>8587</v>
      </c>
      <c r="C12386" s="1" t="s">
        <v>30179</v>
      </c>
      <c r="D12386" s="2">
        <v>165214</v>
      </c>
      <c r="E12386" s="1" t="s">
        <v>0</v>
      </c>
    </row>
    <row r="12387" spans="1:5" x14ac:dyDescent="0.25">
      <c r="A12387" s="2">
        <v>2477</v>
      </c>
      <c r="B12387" s="2">
        <v>2477</v>
      </c>
      <c r="C12387" s="1" t="s">
        <v>0</v>
      </c>
      <c r="D12387" s="2">
        <v>165215</v>
      </c>
      <c r="E12387" s="1" t="s">
        <v>0</v>
      </c>
    </row>
    <row r="12388" spans="1:5" x14ac:dyDescent="0.25">
      <c r="A12388" s="1" t="s">
        <v>2269</v>
      </c>
      <c r="B12388" s="1" t="s">
        <v>53774</v>
      </c>
      <c r="C12388" s="1" t="s">
        <v>30180</v>
      </c>
      <c r="D12388" s="2">
        <v>165216</v>
      </c>
      <c r="E12388" s="1" t="s">
        <v>0</v>
      </c>
    </row>
    <row r="12389" spans="1:5" x14ac:dyDescent="0.25">
      <c r="A12389" s="1" t="s">
        <v>30181</v>
      </c>
      <c r="B12389" s="1" t="s">
        <v>59029</v>
      </c>
      <c r="C12389" s="1" t="s">
        <v>30182</v>
      </c>
      <c r="D12389" s="2">
        <v>165217</v>
      </c>
      <c r="E12389" s="1" t="s">
        <v>0</v>
      </c>
    </row>
    <row r="12390" spans="1:5" ht="409.5" x14ac:dyDescent="0.25">
      <c r="A12390" s="4" t="s">
        <v>30183</v>
      </c>
      <c r="B12390" s="1" t="s">
        <v>63361</v>
      </c>
      <c r="C12390" s="1" t="s">
        <v>30184</v>
      </c>
      <c r="D12390" s="2">
        <v>165218</v>
      </c>
      <c r="E12390" s="1" t="s">
        <v>0</v>
      </c>
    </row>
    <row r="12391" spans="1:5" x14ac:dyDescent="0.25">
      <c r="A12391" s="1" t="s">
        <v>30185</v>
      </c>
      <c r="B12391" s="1" t="s">
        <v>8588</v>
      </c>
      <c r="C12391" s="1" t="s">
        <v>30186</v>
      </c>
      <c r="D12391" s="2">
        <v>165219</v>
      </c>
      <c r="E12391" s="1" t="s">
        <v>0</v>
      </c>
    </row>
    <row r="12392" spans="1:5" x14ac:dyDescent="0.25">
      <c r="A12392" s="2">
        <v>2478</v>
      </c>
      <c r="B12392" s="2">
        <v>2478</v>
      </c>
      <c r="C12392" s="1" t="s">
        <v>0</v>
      </c>
      <c r="D12392" s="2">
        <v>165220</v>
      </c>
      <c r="E12392" s="1" t="s">
        <v>0</v>
      </c>
    </row>
    <row r="12393" spans="1:5" x14ac:dyDescent="0.25">
      <c r="A12393" s="1" t="s">
        <v>2270</v>
      </c>
      <c r="B12393" s="1" t="s">
        <v>8589</v>
      </c>
      <c r="C12393" s="1" t="s">
        <v>30187</v>
      </c>
      <c r="D12393" s="2">
        <v>165221</v>
      </c>
      <c r="E12393" s="1" t="s">
        <v>0</v>
      </c>
    </row>
    <row r="12394" spans="1:5" x14ac:dyDescent="0.25">
      <c r="A12394" s="1" t="s">
        <v>30188</v>
      </c>
      <c r="B12394" s="1" t="s">
        <v>8590</v>
      </c>
      <c r="C12394" s="1" t="s">
        <v>30189</v>
      </c>
      <c r="D12394" s="2">
        <v>165222</v>
      </c>
      <c r="E12394" s="1" t="s">
        <v>0</v>
      </c>
    </row>
    <row r="12395" spans="1:5" ht="409.5" x14ac:dyDescent="0.25">
      <c r="A12395" s="4" t="s">
        <v>30190</v>
      </c>
      <c r="B12395" s="1" t="s">
        <v>59617</v>
      </c>
      <c r="C12395" s="1" t="s">
        <v>30191</v>
      </c>
      <c r="D12395" s="2">
        <v>165223</v>
      </c>
      <c r="E12395" s="1" t="s">
        <v>0</v>
      </c>
    </row>
    <row r="12396" spans="1:5" x14ac:dyDescent="0.25">
      <c r="A12396" s="1" t="s">
        <v>30192</v>
      </c>
      <c r="B12396" s="1" t="s">
        <v>61130</v>
      </c>
      <c r="C12396" s="1" t="s">
        <v>30193</v>
      </c>
      <c r="D12396" s="2">
        <v>165224</v>
      </c>
      <c r="E12396" s="1" t="s">
        <v>0</v>
      </c>
    </row>
    <row r="12397" spans="1:5" x14ac:dyDescent="0.25">
      <c r="A12397" s="2">
        <v>2479</v>
      </c>
      <c r="B12397" s="2">
        <v>2479</v>
      </c>
      <c r="C12397" s="1" t="s">
        <v>0</v>
      </c>
      <c r="D12397" s="2">
        <v>165225</v>
      </c>
      <c r="E12397" s="1" t="s">
        <v>0</v>
      </c>
    </row>
    <row r="12398" spans="1:5" x14ac:dyDescent="0.25">
      <c r="A12398" s="1" t="s">
        <v>2271</v>
      </c>
      <c r="B12398" s="1" t="s">
        <v>60000</v>
      </c>
      <c r="C12398" s="1" t="s">
        <v>30194</v>
      </c>
      <c r="D12398" s="2">
        <v>165226</v>
      </c>
      <c r="E12398" s="1" t="s">
        <v>0</v>
      </c>
    </row>
    <row r="12399" spans="1:5" x14ac:dyDescent="0.25">
      <c r="A12399" s="1" t="s">
        <v>61809</v>
      </c>
      <c r="B12399" s="1" t="s">
        <v>62491</v>
      </c>
      <c r="C12399" s="1" t="s">
        <v>30195</v>
      </c>
      <c r="D12399" s="2">
        <v>165227</v>
      </c>
      <c r="E12399" s="1" t="s">
        <v>0</v>
      </c>
    </row>
    <row r="12400" spans="1:5" ht="409.5" x14ac:dyDescent="0.25">
      <c r="A12400" s="4" t="s">
        <v>61810</v>
      </c>
      <c r="B12400" s="1" t="s">
        <v>62492</v>
      </c>
      <c r="C12400" s="1" t="s">
        <v>30196</v>
      </c>
      <c r="D12400" s="2">
        <v>165228</v>
      </c>
      <c r="E12400" s="1" t="s">
        <v>0</v>
      </c>
    </row>
    <row r="12401" spans="1:5" x14ac:dyDescent="0.25">
      <c r="A12401" s="1" t="s">
        <v>30197</v>
      </c>
      <c r="B12401" s="1" t="s">
        <v>58385</v>
      </c>
      <c r="C12401" s="1" t="s">
        <v>30198</v>
      </c>
      <c r="D12401" s="2">
        <v>165229</v>
      </c>
      <c r="E12401" s="1" t="s">
        <v>0</v>
      </c>
    </row>
    <row r="12402" spans="1:5" x14ac:dyDescent="0.25">
      <c r="A12402" s="2">
        <v>2480</v>
      </c>
      <c r="B12402" s="2">
        <v>2480</v>
      </c>
      <c r="C12402" s="1" t="s">
        <v>0</v>
      </c>
      <c r="D12402" s="2">
        <v>165230</v>
      </c>
      <c r="E12402" s="1" t="s">
        <v>0</v>
      </c>
    </row>
    <row r="12403" spans="1:5" x14ac:dyDescent="0.25">
      <c r="A12403" s="1" t="s">
        <v>30199</v>
      </c>
      <c r="B12403" s="1" t="s">
        <v>53775</v>
      </c>
      <c r="C12403" s="1" t="s">
        <v>13522</v>
      </c>
      <c r="D12403" s="2">
        <v>165231</v>
      </c>
      <c r="E12403" s="1" t="s">
        <v>0</v>
      </c>
    </row>
    <row r="12404" spans="1:5" x14ac:dyDescent="0.25">
      <c r="A12404" s="1" t="s">
        <v>30200</v>
      </c>
      <c r="B12404" s="1" t="s">
        <v>61131</v>
      </c>
      <c r="C12404" s="1" t="s">
        <v>30201</v>
      </c>
      <c r="D12404" s="2">
        <v>165232</v>
      </c>
      <c r="E12404" s="1" t="s">
        <v>0</v>
      </c>
    </row>
    <row r="12405" spans="1:5" ht="409.5" x14ac:dyDescent="0.25">
      <c r="A12405" s="4" t="s">
        <v>30202</v>
      </c>
      <c r="B12405" s="1" t="s">
        <v>61132</v>
      </c>
      <c r="C12405" s="1" t="s">
        <v>30203</v>
      </c>
      <c r="D12405" s="2">
        <v>165233</v>
      </c>
      <c r="E12405" s="1" t="s">
        <v>0</v>
      </c>
    </row>
    <row r="12406" spans="1:5" x14ac:dyDescent="0.25">
      <c r="A12406" s="1" t="s">
        <v>30204</v>
      </c>
      <c r="B12406" s="1" t="s">
        <v>53776</v>
      </c>
      <c r="C12406" s="1" t="s">
        <v>30205</v>
      </c>
      <c r="D12406" s="2">
        <v>165234</v>
      </c>
      <c r="E12406" s="1" t="s">
        <v>0</v>
      </c>
    </row>
    <row r="12407" spans="1:5" x14ac:dyDescent="0.25">
      <c r="A12407" s="2">
        <v>2481</v>
      </c>
      <c r="B12407" s="2">
        <v>2481</v>
      </c>
      <c r="C12407" s="1" t="s">
        <v>0</v>
      </c>
      <c r="D12407" s="2">
        <v>165235</v>
      </c>
      <c r="E12407" s="1" t="s">
        <v>0</v>
      </c>
    </row>
    <row r="12408" spans="1:5" x14ac:dyDescent="0.25">
      <c r="A12408" s="1" t="s">
        <v>2272</v>
      </c>
      <c r="B12408" s="1" t="s">
        <v>8591</v>
      </c>
      <c r="C12408" s="1" t="s">
        <v>30206</v>
      </c>
      <c r="D12408" s="2">
        <v>165236</v>
      </c>
      <c r="E12408" s="1" t="s">
        <v>0</v>
      </c>
    </row>
    <row r="12409" spans="1:5" x14ac:dyDescent="0.25">
      <c r="A12409" s="1" t="s">
        <v>30207</v>
      </c>
      <c r="B12409" s="1" t="s">
        <v>8592</v>
      </c>
      <c r="C12409" s="1" t="s">
        <v>30208</v>
      </c>
      <c r="D12409" s="2">
        <v>165237</v>
      </c>
      <c r="E12409" s="1" t="s">
        <v>0</v>
      </c>
    </row>
    <row r="12410" spans="1:5" ht="409.5" x14ac:dyDescent="0.25">
      <c r="A12410" s="4" t="s">
        <v>30209</v>
      </c>
      <c r="B12410" s="1" t="s">
        <v>8593</v>
      </c>
      <c r="C12410" s="1" t="s">
        <v>30210</v>
      </c>
      <c r="D12410" s="2">
        <v>165238</v>
      </c>
      <c r="E12410" s="1" t="s">
        <v>0</v>
      </c>
    </row>
    <row r="12411" spans="1:5" x14ac:dyDescent="0.25">
      <c r="A12411" s="1" t="s">
        <v>30211</v>
      </c>
      <c r="B12411" s="1" t="s">
        <v>53777</v>
      </c>
      <c r="C12411" s="1" t="s">
        <v>30212</v>
      </c>
      <c r="D12411" s="2">
        <v>165239</v>
      </c>
      <c r="E12411" s="1" t="s">
        <v>0</v>
      </c>
    </row>
    <row r="12412" spans="1:5" x14ac:dyDescent="0.25">
      <c r="A12412" s="2">
        <v>2482</v>
      </c>
      <c r="B12412" s="2">
        <v>2482</v>
      </c>
      <c r="C12412" s="1" t="s">
        <v>0</v>
      </c>
      <c r="D12412" s="2">
        <v>165240</v>
      </c>
      <c r="E12412" s="1" t="s">
        <v>0</v>
      </c>
    </row>
    <row r="12413" spans="1:5" x14ac:dyDescent="0.25">
      <c r="A12413" s="1" t="s">
        <v>2273</v>
      </c>
      <c r="B12413" s="1" t="s">
        <v>61655</v>
      </c>
      <c r="C12413" s="1" t="s">
        <v>30213</v>
      </c>
      <c r="D12413" s="2">
        <v>165241</v>
      </c>
      <c r="E12413" s="1" t="s">
        <v>0</v>
      </c>
    </row>
    <row r="12414" spans="1:5" x14ac:dyDescent="0.25">
      <c r="A12414" s="1" t="s">
        <v>30214</v>
      </c>
      <c r="B12414" s="1" t="s">
        <v>61656</v>
      </c>
      <c r="C12414" s="1" t="s">
        <v>61811</v>
      </c>
      <c r="D12414" s="2">
        <v>165242</v>
      </c>
      <c r="E12414" s="1" t="s">
        <v>0</v>
      </c>
    </row>
    <row r="12415" spans="1:5" ht="409.5" x14ac:dyDescent="0.25">
      <c r="A12415" s="4" t="s">
        <v>30215</v>
      </c>
      <c r="B12415" s="1" t="s">
        <v>61657</v>
      </c>
      <c r="C12415" s="1" t="s">
        <v>30216</v>
      </c>
      <c r="D12415" s="2">
        <v>165243</v>
      </c>
      <c r="E12415" s="1" t="s">
        <v>0</v>
      </c>
    </row>
    <row r="12416" spans="1:5" x14ac:dyDescent="0.25">
      <c r="A12416" s="1" t="s">
        <v>30217</v>
      </c>
      <c r="B12416" s="1" t="s">
        <v>61658</v>
      </c>
      <c r="C12416" s="1" t="s">
        <v>30218</v>
      </c>
      <c r="D12416" s="2">
        <v>165244</v>
      </c>
      <c r="E12416" s="1" t="s">
        <v>0</v>
      </c>
    </row>
    <row r="12417" spans="1:5" x14ac:dyDescent="0.25">
      <c r="A12417" s="2">
        <v>2483</v>
      </c>
      <c r="B12417" s="2">
        <v>2483</v>
      </c>
      <c r="C12417" s="1" t="s">
        <v>0</v>
      </c>
      <c r="D12417" s="2">
        <v>165245</v>
      </c>
      <c r="E12417" s="1" t="s">
        <v>0</v>
      </c>
    </row>
    <row r="12418" spans="1:5" x14ac:dyDescent="0.25">
      <c r="A12418" s="1" t="s">
        <v>2274</v>
      </c>
      <c r="B12418" s="1" t="s">
        <v>8594</v>
      </c>
      <c r="C12418" s="1" t="s">
        <v>30219</v>
      </c>
      <c r="D12418" s="2">
        <v>165246</v>
      </c>
      <c r="E12418" s="1" t="s">
        <v>0</v>
      </c>
    </row>
    <row r="12419" spans="1:5" x14ac:dyDescent="0.25">
      <c r="A12419" s="1" t="s">
        <v>30220</v>
      </c>
      <c r="B12419" s="1" t="s">
        <v>13134</v>
      </c>
      <c r="C12419" s="1" t="s">
        <v>30221</v>
      </c>
      <c r="D12419" s="2">
        <v>165247</v>
      </c>
      <c r="E12419" s="1" t="s">
        <v>0</v>
      </c>
    </row>
    <row r="12420" spans="1:5" ht="409.5" x14ac:dyDescent="0.25">
      <c r="A12420" s="4" t="s">
        <v>30222</v>
      </c>
      <c r="B12420" s="1" t="s">
        <v>53778</v>
      </c>
      <c r="C12420" s="1" t="s">
        <v>30223</v>
      </c>
      <c r="D12420" s="2">
        <v>165248</v>
      </c>
      <c r="E12420" s="1" t="s">
        <v>0</v>
      </c>
    </row>
    <row r="12421" spans="1:5" x14ac:dyDescent="0.25">
      <c r="A12421" s="1" t="s">
        <v>30224</v>
      </c>
      <c r="B12421" s="1" t="s">
        <v>8595</v>
      </c>
      <c r="C12421" s="1" t="s">
        <v>30225</v>
      </c>
      <c r="D12421" s="2">
        <v>165249</v>
      </c>
      <c r="E12421" s="1" t="s">
        <v>0</v>
      </c>
    </row>
    <row r="12422" spans="1:5" x14ac:dyDescent="0.25">
      <c r="A12422" s="2">
        <v>2484</v>
      </c>
      <c r="B12422" s="2">
        <v>2484</v>
      </c>
      <c r="C12422" s="1" t="s">
        <v>0</v>
      </c>
      <c r="D12422" s="2">
        <v>165250</v>
      </c>
      <c r="E12422" s="1" t="s">
        <v>0</v>
      </c>
    </row>
    <row r="12423" spans="1:5" x14ac:dyDescent="0.25">
      <c r="A12423" s="1" t="s">
        <v>2275</v>
      </c>
      <c r="B12423" s="1" t="s">
        <v>8596</v>
      </c>
      <c r="C12423" s="1" t="s">
        <v>30226</v>
      </c>
      <c r="D12423" s="2">
        <v>165251</v>
      </c>
      <c r="E12423" s="1" t="s">
        <v>0</v>
      </c>
    </row>
    <row r="12424" spans="1:5" x14ac:dyDescent="0.25">
      <c r="A12424" s="1" t="s">
        <v>30227</v>
      </c>
      <c r="B12424" s="1" t="s">
        <v>56769</v>
      </c>
      <c r="C12424" s="1" t="s">
        <v>30228</v>
      </c>
      <c r="D12424" s="2">
        <v>165252</v>
      </c>
      <c r="E12424" s="1" t="s">
        <v>0</v>
      </c>
    </row>
    <row r="12425" spans="1:5" ht="409.5" x14ac:dyDescent="0.25">
      <c r="A12425" s="4" t="s">
        <v>30229</v>
      </c>
      <c r="B12425" s="1" t="s">
        <v>62493</v>
      </c>
      <c r="C12425" s="1" t="s">
        <v>30230</v>
      </c>
      <c r="D12425" s="2">
        <v>165253</v>
      </c>
      <c r="E12425" s="1" t="s">
        <v>0</v>
      </c>
    </row>
    <row r="12426" spans="1:5" x14ac:dyDescent="0.25">
      <c r="A12426" s="1" t="s">
        <v>30231</v>
      </c>
      <c r="B12426" s="1" t="s">
        <v>8597</v>
      </c>
      <c r="C12426" s="1" t="s">
        <v>30232</v>
      </c>
      <c r="D12426" s="2">
        <v>165254</v>
      </c>
      <c r="E12426" s="1" t="s">
        <v>0</v>
      </c>
    </row>
    <row r="12427" spans="1:5" x14ac:dyDescent="0.25">
      <c r="A12427" s="2">
        <v>2485</v>
      </c>
      <c r="B12427" s="2">
        <v>2485</v>
      </c>
      <c r="C12427" s="1" t="s">
        <v>0</v>
      </c>
      <c r="D12427" s="2">
        <v>165255</v>
      </c>
      <c r="E12427" s="1" t="s">
        <v>0</v>
      </c>
    </row>
    <row r="12428" spans="1:5" x14ac:dyDescent="0.25">
      <c r="A12428" s="1" t="s">
        <v>2276</v>
      </c>
      <c r="B12428" s="1" t="s">
        <v>8598</v>
      </c>
      <c r="C12428" s="1" t="s">
        <v>30233</v>
      </c>
      <c r="D12428" s="2">
        <v>165256</v>
      </c>
      <c r="E12428" s="1" t="s">
        <v>0</v>
      </c>
    </row>
    <row r="12429" spans="1:5" x14ac:dyDescent="0.25">
      <c r="A12429" s="1" t="s">
        <v>30234</v>
      </c>
      <c r="B12429" s="1" t="s">
        <v>53779</v>
      </c>
      <c r="C12429" s="1" t="s">
        <v>30235</v>
      </c>
      <c r="D12429" s="2">
        <v>165257</v>
      </c>
      <c r="E12429" s="1" t="s">
        <v>0</v>
      </c>
    </row>
    <row r="12430" spans="1:5" ht="409.5" x14ac:dyDescent="0.25">
      <c r="A12430" s="4" t="s">
        <v>30236</v>
      </c>
      <c r="B12430" s="1" t="s">
        <v>53780</v>
      </c>
      <c r="C12430" s="1" t="s">
        <v>30237</v>
      </c>
      <c r="D12430" s="2">
        <v>165258</v>
      </c>
      <c r="E12430" s="1" t="s">
        <v>0</v>
      </c>
    </row>
    <row r="12431" spans="1:5" x14ac:dyDescent="0.25">
      <c r="A12431" s="1" t="s">
        <v>30238</v>
      </c>
      <c r="B12431" s="1" t="s">
        <v>8599</v>
      </c>
      <c r="C12431" s="1" t="s">
        <v>30239</v>
      </c>
      <c r="D12431" s="2">
        <v>165259</v>
      </c>
      <c r="E12431" s="1" t="s">
        <v>0</v>
      </c>
    </row>
    <row r="12432" spans="1:5" x14ac:dyDescent="0.25">
      <c r="A12432" s="2">
        <v>2486</v>
      </c>
      <c r="B12432" s="2">
        <v>2486</v>
      </c>
      <c r="C12432" s="1" t="s">
        <v>0</v>
      </c>
      <c r="D12432" s="2">
        <v>165260</v>
      </c>
      <c r="E12432" s="1" t="s">
        <v>0</v>
      </c>
    </row>
    <row r="12433" spans="1:5" x14ac:dyDescent="0.25">
      <c r="A12433" s="1" t="s">
        <v>2277</v>
      </c>
      <c r="B12433" s="1" t="s">
        <v>53781</v>
      </c>
      <c r="C12433" s="1" t="s">
        <v>30240</v>
      </c>
      <c r="D12433" s="2">
        <v>165261</v>
      </c>
      <c r="E12433" s="1" t="s">
        <v>0</v>
      </c>
    </row>
    <row r="12434" spans="1:5" x14ac:dyDescent="0.25">
      <c r="A12434" s="1" t="s">
        <v>30241</v>
      </c>
      <c r="B12434" s="1" t="s">
        <v>62494</v>
      </c>
      <c r="C12434" s="1" t="s">
        <v>30242</v>
      </c>
      <c r="D12434" s="2">
        <v>165262</v>
      </c>
      <c r="E12434" s="1" t="s">
        <v>0</v>
      </c>
    </row>
    <row r="12435" spans="1:5" ht="409.5" x14ac:dyDescent="0.25">
      <c r="A12435" s="4" t="s">
        <v>64171</v>
      </c>
      <c r="B12435" s="1" t="s">
        <v>62495</v>
      </c>
      <c r="C12435" s="1" t="s">
        <v>30243</v>
      </c>
      <c r="D12435" s="2">
        <v>165263</v>
      </c>
      <c r="E12435" s="1" t="s">
        <v>0</v>
      </c>
    </row>
    <row r="12436" spans="1:5" x14ac:dyDescent="0.25">
      <c r="A12436" s="1" t="s">
        <v>30244</v>
      </c>
      <c r="B12436" s="1" t="s">
        <v>8600</v>
      </c>
      <c r="C12436" s="1" t="s">
        <v>30245</v>
      </c>
      <c r="D12436" s="2">
        <v>165264</v>
      </c>
      <c r="E12436" s="1" t="s">
        <v>0</v>
      </c>
    </row>
    <row r="12437" spans="1:5" x14ac:dyDescent="0.25">
      <c r="A12437" s="2">
        <v>2487</v>
      </c>
      <c r="B12437" s="2">
        <v>2487</v>
      </c>
      <c r="C12437" s="1" t="s">
        <v>0</v>
      </c>
      <c r="D12437" s="2">
        <v>165265</v>
      </c>
      <c r="E12437" s="1" t="s">
        <v>0</v>
      </c>
    </row>
    <row r="12438" spans="1:5" x14ac:dyDescent="0.25">
      <c r="A12438" s="1" t="s">
        <v>2278</v>
      </c>
      <c r="B12438" s="1" t="s">
        <v>8601</v>
      </c>
      <c r="C12438" s="1" t="s">
        <v>30246</v>
      </c>
      <c r="D12438" s="2">
        <v>165266</v>
      </c>
      <c r="E12438" s="1" t="s">
        <v>0</v>
      </c>
    </row>
    <row r="12439" spans="1:5" x14ac:dyDescent="0.25">
      <c r="A12439" s="1" t="s">
        <v>30247</v>
      </c>
      <c r="B12439" s="1" t="s">
        <v>57845</v>
      </c>
      <c r="C12439" s="1" t="s">
        <v>30248</v>
      </c>
      <c r="D12439" s="2">
        <v>165267</v>
      </c>
      <c r="E12439" s="1" t="s">
        <v>0</v>
      </c>
    </row>
    <row r="12440" spans="1:5" ht="409.5" x14ac:dyDescent="0.25">
      <c r="A12440" s="4" t="s">
        <v>30249</v>
      </c>
      <c r="B12440" s="1" t="s">
        <v>62496</v>
      </c>
      <c r="C12440" s="1" t="s">
        <v>30250</v>
      </c>
      <c r="D12440" s="2">
        <v>165268</v>
      </c>
      <c r="E12440" s="1" t="s">
        <v>0</v>
      </c>
    </row>
    <row r="12441" spans="1:5" x14ac:dyDescent="0.25">
      <c r="A12441" s="1" t="s">
        <v>30251</v>
      </c>
      <c r="B12441" s="1" t="s">
        <v>53782</v>
      </c>
      <c r="C12441" s="1" t="s">
        <v>30252</v>
      </c>
      <c r="D12441" s="2">
        <v>165269</v>
      </c>
      <c r="E12441" s="1" t="s">
        <v>0</v>
      </c>
    </row>
    <row r="12442" spans="1:5" x14ac:dyDescent="0.25">
      <c r="A12442" s="2">
        <v>2488</v>
      </c>
      <c r="B12442" s="2">
        <v>2488</v>
      </c>
      <c r="C12442" s="1" t="s">
        <v>0</v>
      </c>
      <c r="D12442" s="2">
        <v>165270</v>
      </c>
      <c r="E12442" s="1" t="s">
        <v>0</v>
      </c>
    </row>
    <row r="12443" spans="1:5" x14ac:dyDescent="0.25">
      <c r="A12443" s="1" t="s">
        <v>30253</v>
      </c>
      <c r="B12443" s="1" t="s">
        <v>8602</v>
      </c>
      <c r="C12443" s="1" t="s">
        <v>30254</v>
      </c>
      <c r="D12443" s="2">
        <v>165271</v>
      </c>
      <c r="E12443" s="1" t="s">
        <v>0</v>
      </c>
    </row>
    <row r="12444" spans="1:5" x14ac:dyDescent="0.25">
      <c r="A12444" s="1" t="s">
        <v>30255</v>
      </c>
      <c r="B12444" s="1" t="s">
        <v>53783</v>
      </c>
      <c r="C12444" s="1" t="s">
        <v>30256</v>
      </c>
      <c r="D12444" s="2">
        <v>165272</v>
      </c>
      <c r="E12444" s="1" t="s">
        <v>0</v>
      </c>
    </row>
    <row r="12445" spans="1:5" ht="409.5" x14ac:dyDescent="0.25">
      <c r="A12445" s="4" t="s">
        <v>30257</v>
      </c>
      <c r="B12445" s="1" t="s">
        <v>53784</v>
      </c>
      <c r="C12445" s="1" t="s">
        <v>30258</v>
      </c>
      <c r="D12445" s="2">
        <v>165273</v>
      </c>
      <c r="E12445" s="1" t="s">
        <v>0</v>
      </c>
    </row>
    <row r="12446" spans="1:5" x14ac:dyDescent="0.25">
      <c r="A12446" s="1" t="s">
        <v>30259</v>
      </c>
      <c r="B12446" s="1" t="s">
        <v>53785</v>
      </c>
      <c r="C12446" s="1" t="s">
        <v>30260</v>
      </c>
      <c r="D12446" s="2">
        <v>165274</v>
      </c>
      <c r="E12446" s="1" t="s">
        <v>0</v>
      </c>
    </row>
    <row r="12447" spans="1:5" x14ac:dyDescent="0.25">
      <c r="A12447" s="2">
        <v>2489</v>
      </c>
      <c r="B12447" s="2">
        <v>2489</v>
      </c>
      <c r="C12447" s="1" t="s">
        <v>0</v>
      </c>
      <c r="D12447" s="2">
        <v>165275</v>
      </c>
      <c r="E12447" s="1" t="s">
        <v>0</v>
      </c>
    </row>
    <row r="12448" spans="1:5" x14ac:dyDescent="0.25">
      <c r="A12448" s="1" t="s">
        <v>2279</v>
      </c>
      <c r="B12448" s="1" t="s">
        <v>58764</v>
      </c>
      <c r="C12448" s="1" t="s">
        <v>30261</v>
      </c>
      <c r="D12448" s="2">
        <v>165276</v>
      </c>
      <c r="E12448" s="1" t="s">
        <v>0</v>
      </c>
    </row>
    <row r="12449" spans="1:5" x14ac:dyDescent="0.25">
      <c r="A12449" s="1" t="s">
        <v>30262</v>
      </c>
      <c r="B12449" s="1" t="s">
        <v>62497</v>
      </c>
      <c r="C12449" s="1" t="s">
        <v>30263</v>
      </c>
      <c r="D12449" s="2">
        <v>165277</v>
      </c>
      <c r="E12449" s="1" t="s">
        <v>0</v>
      </c>
    </row>
    <row r="12450" spans="1:5" ht="409.5" x14ac:dyDescent="0.25">
      <c r="A12450" s="4" t="s">
        <v>30264</v>
      </c>
      <c r="B12450" s="1" t="s">
        <v>62498</v>
      </c>
      <c r="C12450" s="1" t="s">
        <v>30265</v>
      </c>
      <c r="D12450" s="2">
        <v>165278</v>
      </c>
      <c r="E12450" s="1" t="s">
        <v>0</v>
      </c>
    </row>
    <row r="12451" spans="1:5" x14ac:dyDescent="0.25">
      <c r="A12451" s="1" t="s">
        <v>30266</v>
      </c>
      <c r="B12451" s="1" t="s">
        <v>53786</v>
      </c>
      <c r="C12451" s="1" t="s">
        <v>30267</v>
      </c>
      <c r="D12451" s="2">
        <v>165279</v>
      </c>
      <c r="E12451" s="1" t="s">
        <v>0</v>
      </c>
    </row>
    <row r="12452" spans="1:5" x14ac:dyDescent="0.25">
      <c r="A12452" s="2">
        <v>2490</v>
      </c>
      <c r="B12452" s="2">
        <v>2490</v>
      </c>
      <c r="C12452" s="1" t="s">
        <v>0</v>
      </c>
      <c r="D12452" s="2">
        <v>165280</v>
      </c>
      <c r="E12452" s="1" t="s">
        <v>0</v>
      </c>
    </row>
    <row r="12453" spans="1:5" x14ac:dyDescent="0.25">
      <c r="A12453" s="1" t="s">
        <v>2280</v>
      </c>
      <c r="B12453" s="1" t="s">
        <v>8603</v>
      </c>
      <c r="C12453" s="1" t="s">
        <v>30268</v>
      </c>
      <c r="D12453" s="2">
        <v>165281</v>
      </c>
      <c r="E12453" s="1" t="s">
        <v>0</v>
      </c>
    </row>
    <row r="12454" spans="1:5" x14ac:dyDescent="0.25">
      <c r="A12454" s="1" t="s">
        <v>30269</v>
      </c>
      <c r="B12454" s="1" t="s">
        <v>8604</v>
      </c>
      <c r="C12454" s="1" t="s">
        <v>30270</v>
      </c>
      <c r="D12454" s="2">
        <v>165282</v>
      </c>
      <c r="E12454" s="1" t="s">
        <v>0</v>
      </c>
    </row>
    <row r="12455" spans="1:5" ht="409.5" x14ac:dyDescent="0.25">
      <c r="A12455" s="4" t="s">
        <v>30271</v>
      </c>
      <c r="B12455" s="1" t="s">
        <v>60610</v>
      </c>
      <c r="C12455" s="1" t="s">
        <v>30272</v>
      </c>
      <c r="D12455" s="2">
        <v>165283</v>
      </c>
      <c r="E12455" s="1" t="s">
        <v>0</v>
      </c>
    </row>
    <row r="12456" spans="1:5" x14ac:dyDescent="0.25">
      <c r="A12456" s="1" t="s">
        <v>30273</v>
      </c>
      <c r="B12456" s="1" t="s">
        <v>8605</v>
      </c>
      <c r="C12456" s="1" t="s">
        <v>30274</v>
      </c>
      <c r="D12456" s="2">
        <v>165284</v>
      </c>
      <c r="E12456" s="1" t="s">
        <v>0</v>
      </c>
    </row>
    <row r="12457" spans="1:5" x14ac:dyDescent="0.25">
      <c r="A12457" s="2">
        <v>2491</v>
      </c>
      <c r="B12457" s="2">
        <v>2491</v>
      </c>
      <c r="C12457" s="1" t="s">
        <v>0</v>
      </c>
      <c r="D12457" s="2">
        <v>165285</v>
      </c>
      <c r="E12457" s="1" t="s">
        <v>0</v>
      </c>
    </row>
    <row r="12458" spans="1:5" x14ac:dyDescent="0.25">
      <c r="A12458" s="1" t="s">
        <v>2281</v>
      </c>
      <c r="B12458" s="1" t="s">
        <v>50724</v>
      </c>
      <c r="C12458" s="1" t="s">
        <v>30275</v>
      </c>
      <c r="D12458" s="2">
        <v>165286</v>
      </c>
      <c r="E12458" s="1" t="s">
        <v>0</v>
      </c>
    </row>
    <row r="12459" spans="1:5" x14ac:dyDescent="0.25">
      <c r="A12459" s="1" t="s">
        <v>30276</v>
      </c>
      <c r="B12459" s="1" t="s">
        <v>50725</v>
      </c>
      <c r="C12459" s="1" t="s">
        <v>30277</v>
      </c>
      <c r="D12459" s="2">
        <v>165287</v>
      </c>
      <c r="E12459" s="1" t="s">
        <v>0</v>
      </c>
    </row>
    <row r="12460" spans="1:5" ht="409.5" x14ac:dyDescent="0.25">
      <c r="A12460" s="4" t="s">
        <v>30278</v>
      </c>
      <c r="B12460" s="1" t="s">
        <v>50726</v>
      </c>
      <c r="C12460" s="1" t="s">
        <v>30279</v>
      </c>
      <c r="D12460" s="2">
        <v>165288</v>
      </c>
      <c r="E12460" s="1" t="s">
        <v>0</v>
      </c>
    </row>
    <row r="12461" spans="1:5" x14ac:dyDescent="0.25">
      <c r="A12461" s="1" t="s">
        <v>30280</v>
      </c>
      <c r="B12461" s="1" t="s">
        <v>53787</v>
      </c>
      <c r="C12461" s="1" t="s">
        <v>30281</v>
      </c>
      <c r="D12461" s="2">
        <v>165289</v>
      </c>
      <c r="E12461" s="1" t="s">
        <v>0</v>
      </c>
    </row>
    <row r="12462" spans="1:5" x14ac:dyDescent="0.25">
      <c r="A12462" s="2">
        <v>2492</v>
      </c>
      <c r="B12462" s="2">
        <v>2492</v>
      </c>
      <c r="C12462" s="1" t="s">
        <v>0</v>
      </c>
      <c r="D12462" s="2">
        <v>165290</v>
      </c>
      <c r="E12462" s="1" t="s">
        <v>0</v>
      </c>
    </row>
    <row r="12463" spans="1:5" x14ac:dyDescent="0.25">
      <c r="A12463" s="1" t="s">
        <v>2282</v>
      </c>
      <c r="B12463" s="1" t="s">
        <v>50727</v>
      </c>
      <c r="C12463" s="1" t="s">
        <v>30282</v>
      </c>
      <c r="D12463" s="2">
        <v>165291</v>
      </c>
      <c r="E12463" s="1" t="s">
        <v>0</v>
      </c>
    </row>
    <row r="12464" spans="1:5" x14ac:dyDescent="0.25">
      <c r="A12464" s="1" t="s">
        <v>30283</v>
      </c>
      <c r="B12464" s="1" t="s">
        <v>53788</v>
      </c>
      <c r="C12464" s="1" t="s">
        <v>30284</v>
      </c>
      <c r="D12464" s="2">
        <v>165292</v>
      </c>
      <c r="E12464" s="1" t="s">
        <v>0</v>
      </c>
    </row>
    <row r="12465" spans="1:5" ht="409.5" x14ac:dyDescent="0.25">
      <c r="A12465" s="4" t="s">
        <v>30285</v>
      </c>
      <c r="B12465" s="1" t="s">
        <v>60001</v>
      </c>
      <c r="C12465" s="1" t="s">
        <v>30286</v>
      </c>
      <c r="D12465" s="2">
        <v>165293</v>
      </c>
      <c r="E12465" s="1" t="s">
        <v>0</v>
      </c>
    </row>
    <row r="12466" spans="1:5" x14ac:dyDescent="0.25">
      <c r="A12466" s="1" t="s">
        <v>13413</v>
      </c>
      <c r="B12466" s="1" t="s">
        <v>60845</v>
      </c>
      <c r="C12466" s="1" t="s">
        <v>13414</v>
      </c>
      <c r="D12466" s="2">
        <v>165294</v>
      </c>
      <c r="E12466" s="1" t="s">
        <v>0</v>
      </c>
    </row>
    <row r="12467" spans="1:5" x14ac:dyDescent="0.25">
      <c r="A12467" s="2">
        <v>2493</v>
      </c>
      <c r="B12467" s="2">
        <v>2493</v>
      </c>
      <c r="C12467" s="1" t="s">
        <v>0</v>
      </c>
      <c r="D12467" s="2">
        <v>165295</v>
      </c>
      <c r="E12467" s="1" t="s">
        <v>0</v>
      </c>
    </row>
    <row r="12468" spans="1:5" x14ac:dyDescent="0.25">
      <c r="A12468" s="1" t="s">
        <v>2283</v>
      </c>
      <c r="B12468" s="1" t="s">
        <v>8606</v>
      </c>
      <c r="C12468" s="1" t="s">
        <v>30287</v>
      </c>
      <c r="D12468" s="2">
        <v>165296</v>
      </c>
      <c r="E12468" s="1" t="s">
        <v>0</v>
      </c>
    </row>
    <row r="12469" spans="1:5" x14ac:dyDescent="0.25">
      <c r="A12469" s="1" t="s">
        <v>30288</v>
      </c>
      <c r="B12469" s="1" t="s">
        <v>58386</v>
      </c>
      <c r="C12469" s="1" t="s">
        <v>30289</v>
      </c>
      <c r="D12469" s="2">
        <v>165297</v>
      </c>
      <c r="E12469" s="1" t="s">
        <v>0</v>
      </c>
    </row>
    <row r="12470" spans="1:5" ht="409.5" x14ac:dyDescent="0.25">
      <c r="A12470" s="4" t="s">
        <v>30290</v>
      </c>
      <c r="B12470" s="1" t="s">
        <v>59618</v>
      </c>
      <c r="C12470" s="1" t="s">
        <v>30291</v>
      </c>
      <c r="D12470" s="2">
        <v>165298</v>
      </c>
      <c r="E12470" s="1" t="s">
        <v>0</v>
      </c>
    </row>
    <row r="12471" spans="1:5" x14ac:dyDescent="0.25">
      <c r="A12471" s="1" t="s">
        <v>30292</v>
      </c>
      <c r="B12471" s="1" t="s">
        <v>53789</v>
      </c>
      <c r="C12471" s="1" t="s">
        <v>30293</v>
      </c>
      <c r="D12471" s="2">
        <v>165299</v>
      </c>
      <c r="E12471" s="1" t="s">
        <v>0</v>
      </c>
    </row>
    <row r="12472" spans="1:5" x14ac:dyDescent="0.25">
      <c r="A12472" s="2">
        <v>2494</v>
      </c>
      <c r="B12472" s="2">
        <v>2494</v>
      </c>
      <c r="C12472" s="1" t="s">
        <v>0</v>
      </c>
      <c r="D12472" s="2">
        <v>165300</v>
      </c>
      <c r="E12472" s="1" t="s">
        <v>0</v>
      </c>
    </row>
    <row r="12473" spans="1:5" x14ac:dyDescent="0.25">
      <c r="A12473" s="1" t="s">
        <v>8607</v>
      </c>
      <c r="B12473" s="1" t="s">
        <v>53790</v>
      </c>
      <c r="C12473" s="1" t="s">
        <v>30294</v>
      </c>
      <c r="D12473" s="2">
        <v>165301</v>
      </c>
      <c r="E12473" s="1" t="s">
        <v>0</v>
      </c>
    </row>
    <row r="12474" spans="1:5" x14ac:dyDescent="0.25">
      <c r="A12474" s="1" t="s">
        <v>30295</v>
      </c>
      <c r="B12474" s="1" t="s">
        <v>53791</v>
      </c>
      <c r="C12474" s="1" t="s">
        <v>30296</v>
      </c>
      <c r="D12474" s="2">
        <v>165302</v>
      </c>
      <c r="E12474" s="1" t="s">
        <v>0</v>
      </c>
    </row>
    <row r="12475" spans="1:5" ht="409.5" x14ac:dyDescent="0.25">
      <c r="A12475" s="4" t="s">
        <v>30297</v>
      </c>
      <c r="B12475" s="1" t="s">
        <v>53792</v>
      </c>
      <c r="C12475" s="1" t="s">
        <v>30298</v>
      </c>
      <c r="D12475" s="2">
        <v>165303</v>
      </c>
      <c r="E12475" s="1" t="s">
        <v>0</v>
      </c>
    </row>
    <row r="12476" spans="1:5" x14ac:dyDescent="0.25">
      <c r="A12476" s="1" t="s">
        <v>30299</v>
      </c>
      <c r="B12476" s="1" t="s">
        <v>8608</v>
      </c>
      <c r="C12476" s="1" t="s">
        <v>30300</v>
      </c>
      <c r="D12476" s="2">
        <v>165304</v>
      </c>
      <c r="E12476" s="1" t="s">
        <v>0</v>
      </c>
    </row>
    <row r="12477" spans="1:5" x14ac:dyDescent="0.25">
      <c r="A12477" s="2">
        <v>2495</v>
      </c>
      <c r="B12477" s="2">
        <v>2495</v>
      </c>
      <c r="C12477" s="1" t="s">
        <v>0</v>
      </c>
      <c r="D12477" s="2">
        <v>165305</v>
      </c>
      <c r="E12477" s="1" t="s">
        <v>0</v>
      </c>
    </row>
    <row r="12478" spans="1:5" x14ac:dyDescent="0.25">
      <c r="A12478" s="1" t="s">
        <v>2284</v>
      </c>
      <c r="B12478" s="1" t="s">
        <v>8609</v>
      </c>
      <c r="C12478" s="1" t="s">
        <v>30301</v>
      </c>
      <c r="D12478" s="2">
        <v>165306</v>
      </c>
      <c r="E12478" s="1" t="s">
        <v>0</v>
      </c>
    </row>
    <row r="12479" spans="1:5" x14ac:dyDescent="0.25">
      <c r="A12479" s="1" t="s">
        <v>30302</v>
      </c>
      <c r="B12479" s="1" t="s">
        <v>53793</v>
      </c>
      <c r="C12479" s="1" t="s">
        <v>30303</v>
      </c>
      <c r="D12479" s="2">
        <v>165307</v>
      </c>
      <c r="E12479" s="1" t="s">
        <v>0</v>
      </c>
    </row>
    <row r="12480" spans="1:5" ht="409.5" x14ac:dyDescent="0.25">
      <c r="A12480" s="4" t="s">
        <v>30304</v>
      </c>
      <c r="B12480" s="1" t="s">
        <v>63710</v>
      </c>
      <c r="C12480" s="1" t="s">
        <v>30305</v>
      </c>
      <c r="D12480" s="2">
        <v>165308</v>
      </c>
      <c r="E12480" s="1" t="s">
        <v>0</v>
      </c>
    </row>
    <row r="12481" spans="1:5" x14ac:dyDescent="0.25">
      <c r="A12481" s="1" t="s">
        <v>30306</v>
      </c>
      <c r="B12481" s="1" t="s">
        <v>8610</v>
      </c>
      <c r="C12481" s="1" t="s">
        <v>30307</v>
      </c>
      <c r="D12481" s="2">
        <v>165309</v>
      </c>
      <c r="E12481" s="1" t="s">
        <v>0</v>
      </c>
    </row>
    <row r="12482" spans="1:5" x14ac:dyDescent="0.25">
      <c r="A12482" s="2">
        <v>2496</v>
      </c>
      <c r="B12482" s="2">
        <v>2496</v>
      </c>
      <c r="C12482" s="1" t="s">
        <v>0</v>
      </c>
      <c r="D12482" s="2">
        <v>165310</v>
      </c>
      <c r="E12482" s="1" t="s">
        <v>0</v>
      </c>
    </row>
    <row r="12483" spans="1:5" x14ac:dyDescent="0.25">
      <c r="A12483" s="1" t="s">
        <v>2285</v>
      </c>
      <c r="B12483" s="1" t="s">
        <v>8611</v>
      </c>
      <c r="C12483" s="1" t="s">
        <v>30308</v>
      </c>
      <c r="D12483" s="2">
        <v>165311</v>
      </c>
      <c r="E12483" s="1" t="s">
        <v>0</v>
      </c>
    </row>
    <row r="12484" spans="1:5" x14ac:dyDescent="0.25">
      <c r="A12484" s="1" t="s">
        <v>30309</v>
      </c>
      <c r="B12484" s="1" t="s">
        <v>8612</v>
      </c>
      <c r="C12484" s="1" t="s">
        <v>30310</v>
      </c>
      <c r="D12484" s="2">
        <v>165312</v>
      </c>
      <c r="E12484" s="1" t="s">
        <v>0</v>
      </c>
    </row>
    <row r="12485" spans="1:5" ht="409.5" x14ac:dyDescent="0.25">
      <c r="A12485" s="4" t="s">
        <v>30311</v>
      </c>
      <c r="B12485" s="1" t="s">
        <v>58387</v>
      </c>
      <c r="C12485" s="1" t="s">
        <v>30312</v>
      </c>
      <c r="D12485" s="2">
        <v>165313</v>
      </c>
      <c r="E12485" s="1" t="s">
        <v>0</v>
      </c>
    </row>
    <row r="12486" spans="1:5" x14ac:dyDescent="0.25">
      <c r="A12486" s="1" t="s">
        <v>30313</v>
      </c>
      <c r="B12486" s="1" t="s">
        <v>53794</v>
      </c>
      <c r="C12486" s="1" t="s">
        <v>30314</v>
      </c>
      <c r="D12486" s="2">
        <v>165314</v>
      </c>
      <c r="E12486" s="1" t="s">
        <v>0</v>
      </c>
    </row>
    <row r="12487" spans="1:5" x14ac:dyDescent="0.25">
      <c r="A12487" s="2">
        <v>2497</v>
      </c>
      <c r="B12487" s="2">
        <v>2497</v>
      </c>
      <c r="C12487" s="1" t="s">
        <v>0</v>
      </c>
      <c r="D12487" s="2">
        <v>165315</v>
      </c>
      <c r="E12487" s="1" t="s">
        <v>0</v>
      </c>
    </row>
    <row r="12488" spans="1:5" x14ac:dyDescent="0.25">
      <c r="A12488" s="1" t="s">
        <v>2286</v>
      </c>
      <c r="B12488" s="1" t="s">
        <v>8613</v>
      </c>
      <c r="C12488" s="1" t="s">
        <v>30315</v>
      </c>
      <c r="D12488" s="2">
        <v>165316</v>
      </c>
      <c r="E12488" s="1" t="s">
        <v>0</v>
      </c>
    </row>
    <row r="12489" spans="1:5" x14ac:dyDescent="0.25">
      <c r="A12489" s="1" t="s">
        <v>30316</v>
      </c>
      <c r="B12489" s="1" t="s">
        <v>8614</v>
      </c>
      <c r="C12489" s="1" t="s">
        <v>30317</v>
      </c>
      <c r="D12489" s="2">
        <v>165317</v>
      </c>
      <c r="E12489" s="1" t="s">
        <v>0</v>
      </c>
    </row>
    <row r="12490" spans="1:5" ht="409.5" x14ac:dyDescent="0.25">
      <c r="A12490" s="4" t="s">
        <v>30318</v>
      </c>
      <c r="B12490" s="1" t="s">
        <v>60431</v>
      </c>
      <c r="C12490" s="1" t="s">
        <v>30319</v>
      </c>
      <c r="D12490" s="2">
        <v>165318</v>
      </c>
      <c r="E12490" s="1" t="s">
        <v>0</v>
      </c>
    </row>
    <row r="12491" spans="1:5" x14ac:dyDescent="0.25">
      <c r="A12491" s="1" t="s">
        <v>30320</v>
      </c>
      <c r="B12491" s="1" t="s">
        <v>53795</v>
      </c>
      <c r="C12491" s="1" t="s">
        <v>30321</v>
      </c>
      <c r="D12491" s="2">
        <v>165319</v>
      </c>
      <c r="E12491" s="1" t="s">
        <v>0</v>
      </c>
    </row>
    <row r="12492" spans="1:5" x14ac:dyDescent="0.25">
      <c r="A12492" s="2">
        <v>2498</v>
      </c>
      <c r="B12492" s="2">
        <v>2498</v>
      </c>
      <c r="C12492" s="1" t="s">
        <v>0</v>
      </c>
      <c r="D12492" s="2">
        <v>165320</v>
      </c>
      <c r="E12492" s="1" t="s">
        <v>0</v>
      </c>
    </row>
    <row r="12493" spans="1:5" x14ac:dyDescent="0.25">
      <c r="A12493" s="1" t="s">
        <v>2287</v>
      </c>
      <c r="B12493" s="1" t="s">
        <v>8615</v>
      </c>
      <c r="C12493" s="1" t="s">
        <v>30322</v>
      </c>
      <c r="D12493" s="2">
        <v>165321</v>
      </c>
      <c r="E12493" s="1" t="s">
        <v>0</v>
      </c>
    </row>
    <row r="12494" spans="1:5" x14ac:dyDescent="0.25">
      <c r="A12494" s="1" t="s">
        <v>30323</v>
      </c>
      <c r="B12494" s="1" t="s">
        <v>58388</v>
      </c>
      <c r="C12494" s="1" t="s">
        <v>30324</v>
      </c>
      <c r="D12494" s="2">
        <v>165322</v>
      </c>
      <c r="E12494" s="1" t="s">
        <v>0</v>
      </c>
    </row>
    <row r="12495" spans="1:5" ht="409.5" x14ac:dyDescent="0.25">
      <c r="A12495" s="4" t="s">
        <v>30325</v>
      </c>
      <c r="B12495" s="1" t="s">
        <v>58389</v>
      </c>
      <c r="C12495" s="1" t="s">
        <v>30326</v>
      </c>
      <c r="D12495" s="2">
        <v>165323</v>
      </c>
      <c r="E12495" s="1" t="s">
        <v>0</v>
      </c>
    </row>
    <row r="12496" spans="1:5" x14ac:dyDescent="0.25">
      <c r="A12496" s="1" t="s">
        <v>30327</v>
      </c>
      <c r="B12496" s="1" t="s">
        <v>8616</v>
      </c>
      <c r="C12496" s="1" t="s">
        <v>30328</v>
      </c>
      <c r="D12496" s="2">
        <v>165324</v>
      </c>
      <c r="E12496" s="1" t="s">
        <v>0</v>
      </c>
    </row>
    <row r="12497" spans="1:5" x14ac:dyDescent="0.25">
      <c r="A12497" s="2">
        <v>2499</v>
      </c>
      <c r="B12497" s="2">
        <v>2499</v>
      </c>
      <c r="C12497" s="1" t="s">
        <v>0</v>
      </c>
      <c r="D12497" s="2">
        <v>165325</v>
      </c>
      <c r="E12497" s="1" t="s">
        <v>0</v>
      </c>
    </row>
    <row r="12498" spans="1:5" x14ac:dyDescent="0.25">
      <c r="A12498" s="1" t="s">
        <v>2288</v>
      </c>
      <c r="B12498" s="1" t="s">
        <v>8617</v>
      </c>
      <c r="C12498" s="1" t="s">
        <v>30329</v>
      </c>
      <c r="D12498" s="2">
        <v>165326</v>
      </c>
      <c r="E12498" s="1" t="s">
        <v>0</v>
      </c>
    </row>
    <row r="12499" spans="1:5" x14ac:dyDescent="0.25">
      <c r="A12499" s="1" t="s">
        <v>30330</v>
      </c>
      <c r="B12499" s="1" t="s">
        <v>8618</v>
      </c>
      <c r="C12499" s="1" t="s">
        <v>30331</v>
      </c>
      <c r="D12499" s="2">
        <v>165327</v>
      </c>
      <c r="E12499" s="1" t="s">
        <v>0</v>
      </c>
    </row>
    <row r="12500" spans="1:5" ht="409.5" x14ac:dyDescent="0.25">
      <c r="A12500" s="4" t="s">
        <v>30332</v>
      </c>
      <c r="B12500" s="1" t="s">
        <v>53796</v>
      </c>
      <c r="C12500" s="1" t="s">
        <v>30333</v>
      </c>
      <c r="D12500" s="2">
        <v>165328</v>
      </c>
      <c r="E12500" s="1" t="s">
        <v>0</v>
      </c>
    </row>
    <row r="12501" spans="1:5" x14ac:dyDescent="0.25">
      <c r="A12501" s="1" t="s">
        <v>30334</v>
      </c>
      <c r="B12501" s="1" t="s">
        <v>8619</v>
      </c>
      <c r="C12501" s="1" t="s">
        <v>30335</v>
      </c>
      <c r="D12501" s="2">
        <v>165329</v>
      </c>
      <c r="E12501" s="1" t="s">
        <v>0</v>
      </c>
    </row>
    <row r="12502" spans="1:5" x14ac:dyDescent="0.25">
      <c r="A12502" s="2">
        <v>2500</v>
      </c>
      <c r="B12502" s="2">
        <v>2500</v>
      </c>
      <c r="C12502" s="1" t="s">
        <v>0</v>
      </c>
      <c r="D12502" s="2">
        <v>165330</v>
      </c>
      <c r="E12502" s="1" t="s">
        <v>0</v>
      </c>
    </row>
    <row r="12503" spans="1:5" x14ac:dyDescent="0.25">
      <c r="A12503" s="1" t="s">
        <v>2289</v>
      </c>
      <c r="B12503" s="1" t="s">
        <v>60002</v>
      </c>
      <c r="C12503" s="1" t="s">
        <v>30336</v>
      </c>
      <c r="D12503" s="2">
        <v>165331</v>
      </c>
      <c r="E12503" s="1" t="s">
        <v>0</v>
      </c>
    </row>
    <row r="12504" spans="1:5" x14ac:dyDescent="0.25">
      <c r="A12504" s="1" t="s">
        <v>30337</v>
      </c>
      <c r="B12504" s="1" t="s">
        <v>53797</v>
      </c>
      <c r="C12504" s="1" t="s">
        <v>30338</v>
      </c>
      <c r="D12504" s="2">
        <v>165332</v>
      </c>
      <c r="E12504" s="1" t="s">
        <v>0</v>
      </c>
    </row>
    <row r="12505" spans="1:5" ht="409.5" x14ac:dyDescent="0.25">
      <c r="A12505" s="4" t="s">
        <v>30339</v>
      </c>
      <c r="B12505" s="1" t="s">
        <v>56770</v>
      </c>
      <c r="C12505" s="1" t="s">
        <v>30340</v>
      </c>
      <c r="D12505" s="2">
        <v>165333</v>
      </c>
      <c r="E12505" s="1" t="s">
        <v>0</v>
      </c>
    </row>
    <row r="12506" spans="1:5" x14ac:dyDescent="0.25">
      <c r="A12506" s="1" t="s">
        <v>30341</v>
      </c>
      <c r="B12506" s="1" t="s">
        <v>53798</v>
      </c>
      <c r="C12506" s="1" t="s">
        <v>30342</v>
      </c>
      <c r="D12506" s="2">
        <v>165334</v>
      </c>
      <c r="E12506" s="1" t="s">
        <v>0</v>
      </c>
    </row>
    <row r="12507" spans="1:5" x14ac:dyDescent="0.25">
      <c r="A12507" s="2">
        <v>2501</v>
      </c>
      <c r="B12507" s="2">
        <v>2501</v>
      </c>
      <c r="C12507" s="1" t="s">
        <v>0</v>
      </c>
      <c r="D12507" s="2">
        <v>165335</v>
      </c>
      <c r="E12507" s="1" t="s">
        <v>0</v>
      </c>
    </row>
    <row r="12508" spans="1:5" x14ac:dyDescent="0.25">
      <c r="A12508" s="1" t="s">
        <v>2290</v>
      </c>
      <c r="B12508" s="1" t="s">
        <v>8620</v>
      </c>
      <c r="C12508" s="1" t="s">
        <v>30343</v>
      </c>
      <c r="D12508" s="2">
        <v>165336</v>
      </c>
      <c r="E12508" s="1" t="s">
        <v>0</v>
      </c>
    </row>
    <row r="12509" spans="1:5" x14ac:dyDescent="0.25">
      <c r="A12509" s="1" t="s">
        <v>30344</v>
      </c>
      <c r="B12509" s="1" t="s">
        <v>57846</v>
      </c>
      <c r="C12509" s="1" t="s">
        <v>30345</v>
      </c>
      <c r="D12509" s="2">
        <v>165337</v>
      </c>
      <c r="E12509" s="1" t="s">
        <v>0</v>
      </c>
    </row>
    <row r="12510" spans="1:5" ht="409.5" x14ac:dyDescent="0.25">
      <c r="A12510" s="4" t="s">
        <v>30346</v>
      </c>
      <c r="B12510" s="1" t="s">
        <v>57847</v>
      </c>
      <c r="C12510" s="1" t="s">
        <v>30347</v>
      </c>
      <c r="D12510" s="2">
        <v>165338</v>
      </c>
      <c r="E12510" s="1" t="s">
        <v>0</v>
      </c>
    </row>
    <row r="12511" spans="1:5" x14ac:dyDescent="0.25">
      <c r="A12511" s="1" t="s">
        <v>30348</v>
      </c>
      <c r="B12511" s="1" t="s">
        <v>53799</v>
      </c>
      <c r="C12511" s="1" t="s">
        <v>30349</v>
      </c>
      <c r="D12511" s="2">
        <v>165339</v>
      </c>
      <c r="E12511" s="1" t="s">
        <v>0</v>
      </c>
    </row>
    <row r="12512" spans="1:5" x14ac:dyDescent="0.25">
      <c r="A12512" s="2">
        <v>2502</v>
      </c>
      <c r="B12512" s="2">
        <v>2502</v>
      </c>
      <c r="C12512" s="1" t="s">
        <v>0</v>
      </c>
      <c r="D12512" s="2">
        <v>165340</v>
      </c>
      <c r="E12512" s="1" t="s">
        <v>0</v>
      </c>
    </row>
    <row r="12513" spans="1:5" x14ac:dyDescent="0.25">
      <c r="A12513" s="1" t="s">
        <v>2291</v>
      </c>
      <c r="B12513" s="1" t="s">
        <v>8621</v>
      </c>
      <c r="C12513" s="1" t="s">
        <v>30350</v>
      </c>
      <c r="D12513" s="2">
        <v>165341</v>
      </c>
      <c r="E12513" s="1" t="s">
        <v>0</v>
      </c>
    </row>
    <row r="12514" spans="1:5" x14ac:dyDescent="0.25">
      <c r="A12514" s="1" t="s">
        <v>30351</v>
      </c>
      <c r="B12514" s="1" t="s">
        <v>8622</v>
      </c>
      <c r="C12514" s="1" t="s">
        <v>30352</v>
      </c>
      <c r="D12514" s="2">
        <v>165342</v>
      </c>
      <c r="E12514" s="1" t="s">
        <v>0</v>
      </c>
    </row>
    <row r="12515" spans="1:5" ht="409.5" x14ac:dyDescent="0.25">
      <c r="A12515" s="4" t="s">
        <v>30353</v>
      </c>
      <c r="B12515" s="1" t="s">
        <v>53800</v>
      </c>
      <c r="C12515" s="1" t="s">
        <v>30354</v>
      </c>
      <c r="D12515" s="2">
        <v>165343</v>
      </c>
      <c r="E12515" s="1" t="s">
        <v>0</v>
      </c>
    </row>
    <row r="12516" spans="1:5" x14ac:dyDescent="0.25">
      <c r="A12516" s="1" t="s">
        <v>30355</v>
      </c>
      <c r="B12516" s="1" t="s">
        <v>8623</v>
      </c>
      <c r="C12516" s="1" t="s">
        <v>30356</v>
      </c>
      <c r="D12516" s="2">
        <v>165344</v>
      </c>
      <c r="E12516" s="1" t="s">
        <v>0</v>
      </c>
    </row>
    <row r="12517" spans="1:5" x14ac:dyDescent="0.25">
      <c r="A12517" s="2">
        <v>2503</v>
      </c>
      <c r="B12517" s="2">
        <v>2503</v>
      </c>
      <c r="C12517" s="1" t="s">
        <v>0</v>
      </c>
      <c r="D12517" s="2">
        <v>165345</v>
      </c>
      <c r="E12517" s="1" t="s">
        <v>0</v>
      </c>
    </row>
    <row r="12518" spans="1:5" x14ac:dyDescent="0.25">
      <c r="A12518" s="1" t="s">
        <v>2292</v>
      </c>
      <c r="B12518" s="1" t="s">
        <v>8624</v>
      </c>
      <c r="C12518" s="1" t="s">
        <v>30357</v>
      </c>
      <c r="D12518" s="2">
        <v>165346</v>
      </c>
      <c r="E12518" s="1" t="s">
        <v>0</v>
      </c>
    </row>
    <row r="12519" spans="1:5" x14ac:dyDescent="0.25">
      <c r="A12519" s="1" t="s">
        <v>2293</v>
      </c>
      <c r="B12519" s="1" t="s">
        <v>8625</v>
      </c>
      <c r="C12519" s="1" t="s">
        <v>30358</v>
      </c>
      <c r="D12519" s="2">
        <v>165347</v>
      </c>
      <c r="E12519" s="1" t="s">
        <v>0</v>
      </c>
    </row>
    <row r="12520" spans="1:5" ht="409.5" x14ac:dyDescent="0.25">
      <c r="A12520" s="4" t="s">
        <v>30359</v>
      </c>
      <c r="B12520" s="1" t="s">
        <v>50728</v>
      </c>
      <c r="C12520" s="1" t="s">
        <v>30360</v>
      </c>
      <c r="D12520" s="2">
        <v>165348</v>
      </c>
      <c r="E12520" s="1" t="s">
        <v>0</v>
      </c>
    </row>
    <row r="12521" spans="1:5" x14ac:dyDescent="0.25">
      <c r="A12521" s="1" t="s">
        <v>30361</v>
      </c>
      <c r="B12521" s="1" t="s">
        <v>53801</v>
      </c>
      <c r="C12521" s="1" t="s">
        <v>30362</v>
      </c>
      <c r="D12521" s="2">
        <v>165349</v>
      </c>
      <c r="E12521" s="1" t="s">
        <v>0</v>
      </c>
    </row>
    <row r="12522" spans="1:5" x14ac:dyDescent="0.25">
      <c r="A12522" s="2">
        <v>2504</v>
      </c>
      <c r="B12522" s="2">
        <v>2504</v>
      </c>
      <c r="C12522" s="1" t="s">
        <v>0</v>
      </c>
      <c r="D12522" s="2">
        <v>165350</v>
      </c>
      <c r="E12522" s="1" t="s">
        <v>0</v>
      </c>
    </row>
    <row r="12523" spans="1:5" x14ac:dyDescent="0.25">
      <c r="A12523" s="1" t="s">
        <v>2294</v>
      </c>
      <c r="B12523" s="1" t="s">
        <v>8626</v>
      </c>
      <c r="C12523" s="1" t="s">
        <v>30363</v>
      </c>
      <c r="D12523" s="2">
        <v>165351</v>
      </c>
      <c r="E12523" s="1" t="s">
        <v>0</v>
      </c>
    </row>
    <row r="12524" spans="1:5" x14ac:dyDescent="0.25">
      <c r="A12524" s="1" t="s">
        <v>30364</v>
      </c>
      <c r="B12524" s="1" t="s">
        <v>57525</v>
      </c>
      <c r="C12524" s="1" t="s">
        <v>30365</v>
      </c>
      <c r="D12524" s="2">
        <v>165352</v>
      </c>
      <c r="E12524" s="1" t="s">
        <v>0</v>
      </c>
    </row>
    <row r="12525" spans="1:5" ht="409.5" x14ac:dyDescent="0.25">
      <c r="A12525" s="4" t="s">
        <v>30366</v>
      </c>
      <c r="B12525" s="1" t="s">
        <v>63362</v>
      </c>
      <c r="C12525" s="1" t="s">
        <v>30367</v>
      </c>
      <c r="D12525" s="2">
        <v>165353</v>
      </c>
      <c r="E12525" s="1" t="s">
        <v>0</v>
      </c>
    </row>
    <row r="12526" spans="1:5" x14ac:dyDescent="0.25">
      <c r="A12526" s="1" t="s">
        <v>30368</v>
      </c>
      <c r="B12526" s="1" t="s">
        <v>53802</v>
      </c>
      <c r="C12526" s="1" t="s">
        <v>30369</v>
      </c>
      <c r="D12526" s="2">
        <v>165354</v>
      </c>
      <c r="E12526" s="1" t="s">
        <v>0</v>
      </c>
    </row>
    <row r="12527" spans="1:5" x14ac:dyDescent="0.25">
      <c r="A12527" s="2">
        <v>2505</v>
      </c>
      <c r="B12527" s="2">
        <v>2505</v>
      </c>
      <c r="C12527" s="1" t="s">
        <v>0</v>
      </c>
      <c r="D12527" s="2">
        <v>165355</v>
      </c>
      <c r="E12527" s="1" t="s">
        <v>0</v>
      </c>
    </row>
    <row r="12528" spans="1:5" x14ac:dyDescent="0.25">
      <c r="A12528" s="1" t="s">
        <v>2295</v>
      </c>
      <c r="B12528" s="1" t="s">
        <v>8627</v>
      </c>
      <c r="C12528" s="1" t="s">
        <v>30370</v>
      </c>
      <c r="D12528" s="2">
        <v>165356</v>
      </c>
      <c r="E12528" s="1" t="s">
        <v>0</v>
      </c>
    </row>
    <row r="12529" spans="1:5" x14ac:dyDescent="0.25">
      <c r="A12529" s="1" t="s">
        <v>30371</v>
      </c>
      <c r="B12529" s="1" t="s">
        <v>8628</v>
      </c>
      <c r="C12529" s="1" t="s">
        <v>30372</v>
      </c>
      <c r="D12529" s="2">
        <v>165357</v>
      </c>
      <c r="E12529" s="1" t="s">
        <v>0</v>
      </c>
    </row>
    <row r="12530" spans="1:5" ht="409.5" x14ac:dyDescent="0.25">
      <c r="A12530" s="4" t="s">
        <v>30373</v>
      </c>
      <c r="B12530" s="1" t="s">
        <v>63711</v>
      </c>
      <c r="C12530" s="1" t="s">
        <v>30374</v>
      </c>
      <c r="D12530" s="2">
        <v>165358</v>
      </c>
      <c r="E12530" s="1" t="s">
        <v>0</v>
      </c>
    </row>
    <row r="12531" spans="1:5" x14ac:dyDescent="0.25">
      <c r="A12531" s="1" t="s">
        <v>30375</v>
      </c>
      <c r="B12531" s="1" t="s">
        <v>8629</v>
      </c>
      <c r="C12531" s="1" t="s">
        <v>30376</v>
      </c>
      <c r="D12531" s="2">
        <v>165359</v>
      </c>
      <c r="E12531" s="1" t="s">
        <v>0</v>
      </c>
    </row>
    <row r="12532" spans="1:5" x14ac:dyDescent="0.25">
      <c r="A12532" s="2">
        <v>2506</v>
      </c>
      <c r="B12532" s="2">
        <v>2506</v>
      </c>
      <c r="C12532" s="1" t="s">
        <v>0</v>
      </c>
      <c r="D12532" s="2">
        <v>165360</v>
      </c>
      <c r="E12532" s="1" t="s">
        <v>0</v>
      </c>
    </row>
    <row r="12533" spans="1:5" x14ac:dyDescent="0.25">
      <c r="A12533" s="1" t="s">
        <v>2296</v>
      </c>
      <c r="B12533" s="1" t="s">
        <v>8630</v>
      </c>
      <c r="C12533" s="1" t="s">
        <v>30377</v>
      </c>
      <c r="D12533" s="2">
        <v>165361</v>
      </c>
      <c r="E12533" s="1" t="s">
        <v>0</v>
      </c>
    </row>
    <row r="12534" spans="1:5" x14ac:dyDescent="0.25">
      <c r="A12534" s="1" t="s">
        <v>30378</v>
      </c>
      <c r="B12534" s="1" t="s">
        <v>8631</v>
      </c>
      <c r="C12534" s="1" t="s">
        <v>30379</v>
      </c>
      <c r="D12534" s="2">
        <v>165362</v>
      </c>
      <c r="E12534" s="1" t="s">
        <v>0</v>
      </c>
    </row>
    <row r="12535" spans="1:5" ht="409.5" x14ac:dyDescent="0.25">
      <c r="A12535" s="4" t="s">
        <v>30380</v>
      </c>
      <c r="B12535" s="1" t="s">
        <v>60432</v>
      </c>
      <c r="C12535" s="1" t="s">
        <v>30381</v>
      </c>
      <c r="D12535" s="2">
        <v>165363</v>
      </c>
      <c r="E12535" s="1" t="s">
        <v>0</v>
      </c>
    </row>
    <row r="12536" spans="1:5" x14ac:dyDescent="0.25">
      <c r="A12536" s="1" t="s">
        <v>30382</v>
      </c>
      <c r="B12536" s="1" t="s">
        <v>8632</v>
      </c>
      <c r="C12536" s="1" t="s">
        <v>30383</v>
      </c>
      <c r="D12536" s="2">
        <v>165364</v>
      </c>
      <c r="E12536" s="1" t="s">
        <v>0</v>
      </c>
    </row>
    <row r="12537" spans="1:5" x14ac:dyDescent="0.25">
      <c r="A12537" s="2">
        <v>2507</v>
      </c>
      <c r="B12537" s="2">
        <v>2507</v>
      </c>
      <c r="C12537" s="1" t="s">
        <v>0</v>
      </c>
      <c r="D12537" s="2">
        <v>165365</v>
      </c>
      <c r="E12537" s="1" t="s">
        <v>0</v>
      </c>
    </row>
    <row r="12538" spans="1:5" x14ac:dyDescent="0.25">
      <c r="A12538" s="1" t="s">
        <v>2297</v>
      </c>
      <c r="B12538" s="1" t="s">
        <v>8633</v>
      </c>
      <c r="C12538" s="1" t="s">
        <v>30384</v>
      </c>
      <c r="D12538" s="2">
        <v>165366</v>
      </c>
      <c r="E12538" s="1" t="s">
        <v>0</v>
      </c>
    </row>
    <row r="12539" spans="1:5" x14ac:dyDescent="0.25">
      <c r="A12539" s="1" t="s">
        <v>30385</v>
      </c>
      <c r="B12539" s="1" t="s">
        <v>53803</v>
      </c>
      <c r="C12539" s="1" t="s">
        <v>30386</v>
      </c>
      <c r="D12539" s="2">
        <v>165367</v>
      </c>
      <c r="E12539" s="1" t="s">
        <v>0</v>
      </c>
    </row>
    <row r="12540" spans="1:5" ht="409.5" x14ac:dyDescent="0.25">
      <c r="A12540" s="4" t="s">
        <v>30387</v>
      </c>
      <c r="B12540" s="1" t="s">
        <v>57064</v>
      </c>
      <c r="C12540" s="1" t="s">
        <v>30388</v>
      </c>
      <c r="D12540" s="2">
        <v>165368</v>
      </c>
      <c r="E12540" s="1" t="s">
        <v>0</v>
      </c>
    </row>
    <row r="12541" spans="1:5" x14ac:dyDescent="0.25">
      <c r="A12541" s="1" t="s">
        <v>30389</v>
      </c>
      <c r="B12541" s="1" t="s">
        <v>8634</v>
      </c>
      <c r="C12541" s="1" t="s">
        <v>30390</v>
      </c>
      <c r="D12541" s="2">
        <v>165369</v>
      </c>
      <c r="E12541" s="1" t="s">
        <v>0</v>
      </c>
    </row>
    <row r="12542" spans="1:5" x14ac:dyDescent="0.25">
      <c r="A12542" s="2">
        <v>2508</v>
      </c>
      <c r="B12542" s="2">
        <v>2508</v>
      </c>
      <c r="C12542" s="1" t="s">
        <v>0</v>
      </c>
      <c r="D12542" s="2">
        <v>165370</v>
      </c>
      <c r="E12542" s="1" t="s">
        <v>0</v>
      </c>
    </row>
    <row r="12543" spans="1:5" x14ac:dyDescent="0.25">
      <c r="A12543" s="1" t="s">
        <v>2298</v>
      </c>
      <c r="B12543" s="1" t="s">
        <v>50729</v>
      </c>
      <c r="C12543" s="1" t="s">
        <v>30391</v>
      </c>
      <c r="D12543" s="2">
        <v>165371</v>
      </c>
      <c r="E12543" s="1" t="s">
        <v>0</v>
      </c>
    </row>
    <row r="12544" spans="1:5" x14ac:dyDescent="0.25">
      <c r="A12544" s="1" t="s">
        <v>30392</v>
      </c>
      <c r="B12544" s="1" t="s">
        <v>53804</v>
      </c>
      <c r="C12544" s="1" t="s">
        <v>30393</v>
      </c>
      <c r="D12544" s="2">
        <v>165372</v>
      </c>
      <c r="E12544" s="1" t="s">
        <v>0</v>
      </c>
    </row>
    <row r="12545" spans="1:5" ht="409.5" x14ac:dyDescent="0.25">
      <c r="A12545" s="4" t="s">
        <v>30394</v>
      </c>
      <c r="B12545" s="1" t="s">
        <v>53805</v>
      </c>
      <c r="C12545" s="1" t="s">
        <v>30395</v>
      </c>
      <c r="D12545" s="2">
        <v>165373</v>
      </c>
      <c r="E12545" s="1" t="s">
        <v>0</v>
      </c>
    </row>
    <row r="12546" spans="1:5" x14ac:dyDescent="0.25">
      <c r="A12546" s="1" t="s">
        <v>30396</v>
      </c>
      <c r="B12546" s="1" t="s">
        <v>50730</v>
      </c>
      <c r="C12546" s="1" t="s">
        <v>30397</v>
      </c>
      <c r="D12546" s="2">
        <v>165374</v>
      </c>
      <c r="E12546" s="1" t="s">
        <v>0</v>
      </c>
    </row>
    <row r="12547" spans="1:5" x14ac:dyDescent="0.25">
      <c r="A12547" s="2">
        <v>2509</v>
      </c>
      <c r="B12547" s="2">
        <v>2509</v>
      </c>
      <c r="C12547" s="1" t="s">
        <v>0</v>
      </c>
      <c r="D12547" s="2">
        <v>165375</v>
      </c>
      <c r="E12547" s="1" t="s">
        <v>0</v>
      </c>
    </row>
    <row r="12548" spans="1:5" x14ac:dyDescent="0.25">
      <c r="A12548" s="1" t="s">
        <v>2299</v>
      </c>
      <c r="B12548" s="1" t="s">
        <v>8635</v>
      </c>
      <c r="C12548" s="1" t="s">
        <v>30398</v>
      </c>
      <c r="D12548" s="2">
        <v>165376</v>
      </c>
      <c r="E12548" s="1" t="s">
        <v>0</v>
      </c>
    </row>
    <row r="12549" spans="1:5" x14ac:dyDescent="0.25">
      <c r="A12549" s="1" t="s">
        <v>30399</v>
      </c>
      <c r="B12549" s="1" t="s">
        <v>8636</v>
      </c>
      <c r="C12549" s="1" t="s">
        <v>30400</v>
      </c>
      <c r="D12549" s="2">
        <v>165377</v>
      </c>
      <c r="E12549" s="1" t="s">
        <v>0</v>
      </c>
    </row>
    <row r="12550" spans="1:5" ht="409.5" x14ac:dyDescent="0.25">
      <c r="A12550" s="4" t="s">
        <v>30401</v>
      </c>
      <c r="B12550" s="1" t="s">
        <v>60003</v>
      </c>
      <c r="C12550" s="1" t="s">
        <v>30402</v>
      </c>
      <c r="D12550" s="2">
        <v>165378</v>
      </c>
      <c r="E12550" s="1" t="s">
        <v>0</v>
      </c>
    </row>
    <row r="12551" spans="1:5" x14ac:dyDescent="0.25">
      <c r="A12551" s="1" t="s">
        <v>30403</v>
      </c>
      <c r="B12551" s="1" t="s">
        <v>53806</v>
      </c>
      <c r="C12551" s="1" t="s">
        <v>30404</v>
      </c>
      <c r="D12551" s="2">
        <v>165379</v>
      </c>
      <c r="E12551" s="1" t="s">
        <v>0</v>
      </c>
    </row>
    <row r="12552" spans="1:5" x14ac:dyDescent="0.25">
      <c r="A12552" s="2">
        <v>2510</v>
      </c>
      <c r="B12552" s="2">
        <v>2510</v>
      </c>
      <c r="C12552" s="1" t="s">
        <v>0</v>
      </c>
      <c r="D12552" s="2">
        <v>165380</v>
      </c>
      <c r="E12552" s="1" t="s">
        <v>0</v>
      </c>
    </row>
    <row r="12553" spans="1:5" x14ac:dyDescent="0.25">
      <c r="A12553" s="1" t="s">
        <v>2300</v>
      </c>
      <c r="B12553" s="1" t="s">
        <v>53807</v>
      </c>
      <c r="C12553" s="1" t="s">
        <v>30405</v>
      </c>
      <c r="D12553" s="2">
        <v>165381</v>
      </c>
      <c r="E12553" s="1" t="s">
        <v>0</v>
      </c>
    </row>
    <row r="12554" spans="1:5" x14ac:dyDescent="0.25">
      <c r="A12554" s="1" t="s">
        <v>30406</v>
      </c>
      <c r="B12554" s="1" t="s">
        <v>53808</v>
      </c>
      <c r="C12554" s="1" t="s">
        <v>30407</v>
      </c>
      <c r="D12554" s="2">
        <v>165382</v>
      </c>
      <c r="E12554" s="1" t="s">
        <v>0</v>
      </c>
    </row>
    <row r="12555" spans="1:5" ht="409.5" x14ac:dyDescent="0.25">
      <c r="A12555" s="4" t="s">
        <v>30408</v>
      </c>
      <c r="B12555" s="1" t="s">
        <v>61133</v>
      </c>
      <c r="C12555" s="1" t="s">
        <v>30409</v>
      </c>
      <c r="D12555" s="2">
        <v>165383</v>
      </c>
      <c r="E12555" s="1" t="s">
        <v>0</v>
      </c>
    </row>
    <row r="12556" spans="1:5" x14ac:dyDescent="0.25">
      <c r="A12556" s="1" t="s">
        <v>30410</v>
      </c>
      <c r="B12556" s="1" t="s">
        <v>8637</v>
      </c>
      <c r="C12556" s="1" t="s">
        <v>30411</v>
      </c>
      <c r="D12556" s="2">
        <v>165384</v>
      </c>
      <c r="E12556" s="1" t="s">
        <v>0</v>
      </c>
    </row>
    <row r="12557" spans="1:5" x14ac:dyDescent="0.25">
      <c r="A12557" s="2">
        <v>2511</v>
      </c>
      <c r="B12557" s="2">
        <v>2511</v>
      </c>
      <c r="C12557" s="1" t="s">
        <v>0</v>
      </c>
      <c r="D12557" s="2">
        <v>165385</v>
      </c>
      <c r="E12557" s="1" t="s">
        <v>0</v>
      </c>
    </row>
    <row r="12558" spans="1:5" x14ac:dyDescent="0.25">
      <c r="A12558" s="1" t="s">
        <v>2301</v>
      </c>
      <c r="B12558" s="1" t="s">
        <v>8638</v>
      </c>
      <c r="C12558" s="1" t="s">
        <v>30412</v>
      </c>
      <c r="D12558" s="2">
        <v>165386</v>
      </c>
      <c r="E12558" s="1" t="s">
        <v>0</v>
      </c>
    </row>
    <row r="12559" spans="1:5" x14ac:dyDescent="0.25">
      <c r="A12559" s="1" t="s">
        <v>30413</v>
      </c>
      <c r="B12559" s="1" t="s">
        <v>60611</v>
      </c>
      <c r="C12559" s="1" t="s">
        <v>30414</v>
      </c>
      <c r="D12559" s="2">
        <v>165387</v>
      </c>
      <c r="E12559" s="1" t="s">
        <v>0</v>
      </c>
    </row>
    <row r="12560" spans="1:5" ht="409.5" x14ac:dyDescent="0.25">
      <c r="A12560" s="4" t="s">
        <v>30415</v>
      </c>
      <c r="B12560" s="1" t="s">
        <v>60612</v>
      </c>
      <c r="C12560" s="1" t="s">
        <v>30416</v>
      </c>
      <c r="D12560" s="2">
        <v>165388</v>
      </c>
      <c r="E12560" s="1" t="s">
        <v>0</v>
      </c>
    </row>
    <row r="12561" spans="1:5" x14ac:dyDescent="0.25">
      <c r="A12561" s="1" t="s">
        <v>30417</v>
      </c>
      <c r="B12561" s="1" t="s">
        <v>53809</v>
      </c>
      <c r="C12561" s="1" t="s">
        <v>30418</v>
      </c>
      <c r="D12561" s="2">
        <v>165389</v>
      </c>
      <c r="E12561" s="1" t="s">
        <v>0</v>
      </c>
    </row>
    <row r="12562" spans="1:5" x14ac:dyDescent="0.25">
      <c r="A12562" s="2">
        <v>2512</v>
      </c>
      <c r="B12562" s="2">
        <v>2512</v>
      </c>
      <c r="C12562" s="1" t="s">
        <v>0</v>
      </c>
      <c r="D12562" s="2">
        <v>165390</v>
      </c>
      <c r="E12562" s="1" t="s">
        <v>0</v>
      </c>
    </row>
    <row r="12563" spans="1:5" x14ac:dyDescent="0.25">
      <c r="A12563" s="1" t="s">
        <v>2302</v>
      </c>
      <c r="B12563" s="1" t="s">
        <v>8639</v>
      </c>
      <c r="C12563" s="1" t="s">
        <v>30419</v>
      </c>
      <c r="D12563" s="2">
        <v>165391</v>
      </c>
      <c r="E12563" s="1" t="s">
        <v>0</v>
      </c>
    </row>
    <row r="12564" spans="1:5" x14ac:dyDescent="0.25">
      <c r="A12564" s="1" t="s">
        <v>30420</v>
      </c>
      <c r="B12564" s="1" t="s">
        <v>8640</v>
      </c>
      <c r="C12564" s="1" t="s">
        <v>30421</v>
      </c>
      <c r="D12564" s="2">
        <v>165392</v>
      </c>
      <c r="E12564" s="1" t="s">
        <v>0</v>
      </c>
    </row>
    <row r="12565" spans="1:5" ht="409.5" x14ac:dyDescent="0.25">
      <c r="A12565" s="4" t="s">
        <v>30422</v>
      </c>
      <c r="B12565" s="1" t="s">
        <v>13135</v>
      </c>
      <c r="C12565" s="1" t="s">
        <v>30423</v>
      </c>
      <c r="D12565" s="2">
        <v>165393</v>
      </c>
      <c r="E12565" s="1" t="s">
        <v>0</v>
      </c>
    </row>
    <row r="12566" spans="1:5" x14ac:dyDescent="0.25">
      <c r="A12566" s="1" t="s">
        <v>30424</v>
      </c>
      <c r="B12566" s="1" t="s">
        <v>8641</v>
      </c>
      <c r="C12566" s="1" t="s">
        <v>30425</v>
      </c>
      <c r="D12566" s="2">
        <v>165394</v>
      </c>
      <c r="E12566" s="1" t="s">
        <v>0</v>
      </c>
    </row>
    <row r="12567" spans="1:5" x14ac:dyDescent="0.25">
      <c r="A12567" s="2">
        <v>2513</v>
      </c>
      <c r="B12567" s="2">
        <v>2513</v>
      </c>
      <c r="C12567" s="1" t="s">
        <v>0</v>
      </c>
      <c r="D12567" s="2">
        <v>165395</v>
      </c>
      <c r="E12567" s="1" t="s">
        <v>0</v>
      </c>
    </row>
    <row r="12568" spans="1:5" x14ac:dyDescent="0.25">
      <c r="A12568" s="1" t="s">
        <v>2303</v>
      </c>
      <c r="B12568" s="1" t="s">
        <v>8642</v>
      </c>
      <c r="C12568" s="1" t="s">
        <v>30426</v>
      </c>
      <c r="D12568" s="2">
        <v>165396</v>
      </c>
      <c r="E12568" s="1" t="s">
        <v>0</v>
      </c>
    </row>
    <row r="12569" spans="1:5" x14ac:dyDescent="0.25">
      <c r="A12569" s="1" t="s">
        <v>30427</v>
      </c>
      <c r="B12569" s="1" t="s">
        <v>53810</v>
      </c>
      <c r="C12569" s="1" t="s">
        <v>30428</v>
      </c>
      <c r="D12569" s="2">
        <v>165397</v>
      </c>
      <c r="E12569" s="1" t="s">
        <v>0</v>
      </c>
    </row>
    <row r="12570" spans="1:5" ht="409.5" x14ac:dyDescent="0.25">
      <c r="A12570" s="4" t="s">
        <v>30429</v>
      </c>
      <c r="B12570" s="1" t="s">
        <v>57083</v>
      </c>
      <c r="C12570" s="1" t="s">
        <v>30430</v>
      </c>
      <c r="D12570" s="2">
        <v>165398</v>
      </c>
      <c r="E12570" s="1" t="s">
        <v>0</v>
      </c>
    </row>
    <row r="12571" spans="1:5" x14ac:dyDescent="0.25">
      <c r="A12571" s="1" t="s">
        <v>30431</v>
      </c>
      <c r="B12571" s="1" t="s">
        <v>53811</v>
      </c>
      <c r="C12571" s="1" t="s">
        <v>30432</v>
      </c>
      <c r="D12571" s="2">
        <v>165399</v>
      </c>
      <c r="E12571" s="1" t="s">
        <v>0</v>
      </c>
    </row>
    <row r="12572" spans="1:5" x14ac:dyDescent="0.25">
      <c r="A12572" s="2">
        <v>2514</v>
      </c>
      <c r="B12572" s="2">
        <v>2514</v>
      </c>
      <c r="C12572" s="1" t="s">
        <v>0</v>
      </c>
      <c r="D12572" s="2">
        <v>165400</v>
      </c>
      <c r="E12572" s="1" t="s">
        <v>0</v>
      </c>
    </row>
    <row r="12573" spans="1:5" x14ac:dyDescent="0.25">
      <c r="A12573" s="1" t="s">
        <v>2304</v>
      </c>
      <c r="B12573" s="1" t="s">
        <v>60004</v>
      </c>
      <c r="C12573" s="1" t="s">
        <v>30433</v>
      </c>
      <c r="D12573" s="2">
        <v>165401</v>
      </c>
      <c r="E12573" s="1" t="s">
        <v>0</v>
      </c>
    </row>
    <row r="12574" spans="1:5" x14ac:dyDescent="0.25">
      <c r="A12574" s="1" t="s">
        <v>30434</v>
      </c>
      <c r="B12574" s="1" t="s">
        <v>62499</v>
      </c>
      <c r="C12574" s="1" t="s">
        <v>30435</v>
      </c>
      <c r="D12574" s="2">
        <v>165402</v>
      </c>
      <c r="E12574" s="1" t="s">
        <v>0</v>
      </c>
    </row>
    <row r="12575" spans="1:5" ht="409.5" x14ac:dyDescent="0.25">
      <c r="A12575" s="4" t="s">
        <v>30436</v>
      </c>
      <c r="B12575" s="1" t="s">
        <v>62500</v>
      </c>
      <c r="C12575" s="1" t="s">
        <v>30437</v>
      </c>
      <c r="D12575" s="2">
        <v>165403</v>
      </c>
      <c r="E12575" s="1" t="s">
        <v>0</v>
      </c>
    </row>
    <row r="12576" spans="1:5" x14ac:dyDescent="0.25">
      <c r="A12576" s="1" t="s">
        <v>30438</v>
      </c>
      <c r="B12576" s="1" t="s">
        <v>8643</v>
      </c>
      <c r="C12576" s="1" t="s">
        <v>30439</v>
      </c>
      <c r="D12576" s="2">
        <v>165404</v>
      </c>
      <c r="E12576" s="1" t="s">
        <v>0</v>
      </c>
    </row>
    <row r="12577" spans="1:5" x14ac:dyDescent="0.25">
      <c r="A12577" s="2">
        <v>2515</v>
      </c>
      <c r="B12577" s="2">
        <v>2515</v>
      </c>
      <c r="C12577" s="1" t="s">
        <v>0</v>
      </c>
      <c r="D12577" s="2">
        <v>165405</v>
      </c>
      <c r="E12577" s="1" t="s">
        <v>0</v>
      </c>
    </row>
    <row r="12578" spans="1:5" x14ac:dyDescent="0.25">
      <c r="A12578" s="1" t="s">
        <v>2305</v>
      </c>
      <c r="B12578" s="1" t="s">
        <v>8644</v>
      </c>
      <c r="C12578" s="1" t="s">
        <v>30440</v>
      </c>
      <c r="D12578" s="2">
        <v>165406</v>
      </c>
      <c r="E12578" s="1" t="s">
        <v>0</v>
      </c>
    </row>
    <row r="12579" spans="1:5" x14ac:dyDescent="0.25">
      <c r="A12579" s="1" t="s">
        <v>30441</v>
      </c>
      <c r="B12579" s="1" t="s">
        <v>50731</v>
      </c>
      <c r="C12579" s="1" t="s">
        <v>30442</v>
      </c>
      <c r="D12579" s="2">
        <v>165407</v>
      </c>
      <c r="E12579" s="1" t="s">
        <v>0</v>
      </c>
    </row>
    <row r="12580" spans="1:5" ht="409.5" x14ac:dyDescent="0.25">
      <c r="A12580" s="4" t="s">
        <v>30443</v>
      </c>
      <c r="B12580" s="1" t="s">
        <v>53812</v>
      </c>
      <c r="C12580" s="1" t="s">
        <v>30444</v>
      </c>
      <c r="D12580" s="2">
        <v>165408</v>
      </c>
      <c r="E12580" s="1" t="s">
        <v>0</v>
      </c>
    </row>
    <row r="12581" spans="1:5" x14ac:dyDescent="0.25">
      <c r="A12581" s="1" t="s">
        <v>30445</v>
      </c>
      <c r="B12581" s="1" t="s">
        <v>8645</v>
      </c>
      <c r="C12581" s="1" t="s">
        <v>30446</v>
      </c>
      <c r="D12581" s="2">
        <v>165409</v>
      </c>
      <c r="E12581" s="1" t="s">
        <v>0</v>
      </c>
    </row>
    <row r="12582" spans="1:5" x14ac:dyDescent="0.25">
      <c r="A12582" s="2">
        <v>2516</v>
      </c>
      <c r="B12582" s="2">
        <v>2516</v>
      </c>
      <c r="C12582" s="1" t="s">
        <v>0</v>
      </c>
      <c r="D12582" s="2">
        <v>165410</v>
      </c>
      <c r="E12582" s="1" t="s">
        <v>0</v>
      </c>
    </row>
    <row r="12583" spans="1:5" x14ac:dyDescent="0.25">
      <c r="A12583" s="1" t="s">
        <v>2306</v>
      </c>
      <c r="B12583" s="1" t="s">
        <v>8646</v>
      </c>
      <c r="C12583" s="1" t="s">
        <v>30447</v>
      </c>
      <c r="D12583" s="2">
        <v>165411</v>
      </c>
      <c r="E12583" s="1" t="s">
        <v>0</v>
      </c>
    </row>
    <row r="12584" spans="1:5" x14ac:dyDescent="0.25">
      <c r="A12584" s="1" t="s">
        <v>30448</v>
      </c>
      <c r="B12584" s="1" t="s">
        <v>53813</v>
      </c>
      <c r="C12584" s="1" t="s">
        <v>30449</v>
      </c>
      <c r="D12584" s="2">
        <v>165412</v>
      </c>
      <c r="E12584" s="1" t="s">
        <v>0</v>
      </c>
    </row>
    <row r="12585" spans="1:5" ht="409.5" x14ac:dyDescent="0.25">
      <c r="A12585" s="4" t="s">
        <v>30450</v>
      </c>
      <c r="B12585" s="1" t="s">
        <v>53814</v>
      </c>
      <c r="C12585" s="1" t="s">
        <v>30451</v>
      </c>
      <c r="D12585" s="2">
        <v>165413</v>
      </c>
      <c r="E12585" s="1" t="s">
        <v>0</v>
      </c>
    </row>
    <row r="12586" spans="1:5" x14ac:dyDescent="0.25">
      <c r="A12586" s="1" t="s">
        <v>30452</v>
      </c>
      <c r="B12586" s="1" t="s">
        <v>8647</v>
      </c>
      <c r="C12586" s="1" t="s">
        <v>30453</v>
      </c>
      <c r="D12586" s="2">
        <v>165414</v>
      </c>
      <c r="E12586" s="1" t="s">
        <v>0</v>
      </c>
    </row>
    <row r="12587" spans="1:5" x14ac:dyDescent="0.25">
      <c r="A12587" s="2">
        <v>2517</v>
      </c>
      <c r="B12587" s="2">
        <v>2517</v>
      </c>
      <c r="C12587" s="1" t="s">
        <v>0</v>
      </c>
      <c r="D12587" s="2">
        <v>165415</v>
      </c>
      <c r="E12587" s="1" t="s">
        <v>0</v>
      </c>
    </row>
    <row r="12588" spans="1:5" x14ac:dyDescent="0.25">
      <c r="A12588" s="1" t="s">
        <v>2307</v>
      </c>
      <c r="B12588" s="1" t="s">
        <v>8648</v>
      </c>
      <c r="C12588" s="1" t="s">
        <v>30454</v>
      </c>
      <c r="D12588" s="2">
        <v>165416</v>
      </c>
      <c r="E12588" s="1" t="s">
        <v>0</v>
      </c>
    </row>
    <row r="12589" spans="1:5" x14ac:dyDescent="0.25">
      <c r="A12589" s="1" t="s">
        <v>30455</v>
      </c>
      <c r="B12589" s="1" t="s">
        <v>62501</v>
      </c>
      <c r="C12589" s="1" t="s">
        <v>30456</v>
      </c>
      <c r="D12589" s="2">
        <v>165417</v>
      </c>
      <c r="E12589" s="1" t="s">
        <v>0</v>
      </c>
    </row>
    <row r="12590" spans="1:5" ht="409.5" x14ac:dyDescent="0.25">
      <c r="A12590" s="4" t="s">
        <v>30457</v>
      </c>
      <c r="B12590" s="1" t="s">
        <v>62502</v>
      </c>
      <c r="C12590" s="1" t="s">
        <v>30458</v>
      </c>
      <c r="D12590" s="2">
        <v>165418</v>
      </c>
      <c r="E12590" s="1" t="s">
        <v>0</v>
      </c>
    </row>
    <row r="12591" spans="1:5" x14ac:dyDescent="0.25">
      <c r="A12591" s="1" t="s">
        <v>30459</v>
      </c>
      <c r="B12591" s="1" t="s">
        <v>58765</v>
      </c>
      <c r="C12591" s="1" t="s">
        <v>30460</v>
      </c>
      <c r="D12591" s="2">
        <v>165419</v>
      </c>
      <c r="E12591" s="1" t="s">
        <v>0</v>
      </c>
    </row>
    <row r="12592" spans="1:5" x14ac:dyDescent="0.25">
      <c r="A12592" s="2">
        <v>2518</v>
      </c>
      <c r="B12592" s="2">
        <v>2518</v>
      </c>
      <c r="C12592" s="1" t="s">
        <v>0</v>
      </c>
      <c r="D12592" s="2">
        <v>165420</v>
      </c>
      <c r="E12592" s="1" t="s">
        <v>0</v>
      </c>
    </row>
    <row r="12593" spans="1:5" x14ac:dyDescent="0.25">
      <c r="A12593" s="1" t="s">
        <v>2308</v>
      </c>
      <c r="B12593" s="1" t="s">
        <v>8649</v>
      </c>
      <c r="C12593" s="1" t="s">
        <v>30461</v>
      </c>
      <c r="D12593" s="2">
        <v>165421</v>
      </c>
      <c r="E12593" s="1" t="s">
        <v>0</v>
      </c>
    </row>
    <row r="12594" spans="1:5" x14ac:dyDescent="0.25">
      <c r="A12594" s="1" t="s">
        <v>30462</v>
      </c>
      <c r="B12594" s="1" t="s">
        <v>58081</v>
      </c>
      <c r="C12594" s="1" t="s">
        <v>30463</v>
      </c>
      <c r="D12594" s="2">
        <v>165422</v>
      </c>
      <c r="E12594" s="1" t="s">
        <v>0</v>
      </c>
    </row>
    <row r="12595" spans="1:5" ht="409.5" x14ac:dyDescent="0.25">
      <c r="A12595" s="4" t="s">
        <v>30464</v>
      </c>
      <c r="B12595" s="1" t="s">
        <v>58082</v>
      </c>
      <c r="C12595" s="1" t="s">
        <v>30465</v>
      </c>
      <c r="D12595" s="2">
        <v>165423</v>
      </c>
      <c r="E12595" s="1" t="s">
        <v>0</v>
      </c>
    </row>
    <row r="12596" spans="1:5" x14ac:dyDescent="0.25">
      <c r="A12596" s="1" t="s">
        <v>30466</v>
      </c>
      <c r="B12596" s="1" t="s">
        <v>8650</v>
      </c>
      <c r="C12596" s="1" t="s">
        <v>30467</v>
      </c>
      <c r="D12596" s="2">
        <v>165424</v>
      </c>
      <c r="E12596" s="1" t="s">
        <v>0</v>
      </c>
    </row>
    <row r="12597" spans="1:5" x14ac:dyDescent="0.25">
      <c r="A12597" s="2">
        <v>2519</v>
      </c>
      <c r="B12597" s="2">
        <v>2519</v>
      </c>
      <c r="C12597" s="1" t="s">
        <v>0</v>
      </c>
      <c r="D12597" s="2">
        <v>165425</v>
      </c>
      <c r="E12597" s="1" t="s">
        <v>0</v>
      </c>
    </row>
    <row r="12598" spans="1:5" x14ac:dyDescent="0.25">
      <c r="A12598" s="1" t="s">
        <v>30468</v>
      </c>
      <c r="B12598" s="1" t="s">
        <v>53815</v>
      </c>
      <c r="C12598" s="1" t="s">
        <v>30469</v>
      </c>
      <c r="D12598" s="2">
        <v>165426</v>
      </c>
      <c r="E12598" s="1" t="s">
        <v>0</v>
      </c>
    </row>
    <row r="12599" spans="1:5" x14ac:dyDescent="0.25">
      <c r="A12599" s="1" t="s">
        <v>30470</v>
      </c>
      <c r="B12599" s="1" t="s">
        <v>61134</v>
      </c>
      <c r="C12599" s="1" t="s">
        <v>30471</v>
      </c>
      <c r="D12599" s="2">
        <v>165427</v>
      </c>
      <c r="E12599" s="1" t="s">
        <v>0</v>
      </c>
    </row>
    <row r="12600" spans="1:5" ht="409.5" x14ac:dyDescent="0.25">
      <c r="A12600" s="4" t="s">
        <v>64172</v>
      </c>
      <c r="B12600" s="1" t="s">
        <v>61135</v>
      </c>
      <c r="C12600" s="1" t="s">
        <v>30472</v>
      </c>
      <c r="D12600" s="2">
        <v>165428</v>
      </c>
      <c r="E12600" s="1" t="s">
        <v>0</v>
      </c>
    </row>
    <row r="12601" spans="1:5" x14ac:dyDescent="0.25">
      <c r="A12601" s="1" t="s">
        <v>30473</v>
      </c>
      <c r="B12601" s="1" t="s">
        <v>53816</v>
      </c>
      <c r="C12601" s="1" t="s">
        <v>30474</v>
      </c>
      <c r="D12601" s="2">
        <v>165429</v>
      </c>
      <c r="E12601" s="1" t="s">
        <v>0</v>
      </c>
    </row>
    <row r="12602" spans="1:5" x14ac:dyDescent="0.25">
      <c r="A12602" s="2">
        <v>2520</v>
      </c>
      <c r="B12602" s="2">
        <v>2520</v>
      </c>
      <c r="C12602" s="1" t="s">
        <v>0</v>
      </c>
      <c r="D12602" s="2">
        <v>165430</v>
      </c>
      <c r="E12602" s="1" t="s">
        <v>0</v>
      </c>
    </row>
    <row r="12603" spans="1:5" x14ac:dyDescent="0.25">
      <c r="A12603" s="1" t="s">
        <v>2309</v>
      </c>
      <c r="B12603" s="1" t="s">
        <v>8651</v>
      </c>
      <c r="C12603" s="1" t="s">
        <v>30475</v>
      </c>
      <c r="D12603" s="2">
        <v>165431</v>
      </c>
      <c r="E12603" s="1" t="s">
        <v>0</v>
      </c>
    </row>
    <row r="12604" spans="1:5" x14ac:dyDescent="0.25">
      <c r="A12604" s="1" t="s">
        <v>30476</v>
      </c>
      <c r="B12604" s="1" t="s">
        <v>53817</v>
      </c>
      <c r="C12604" s="1" t="s">
        <v>30477</v>
      </c>
      <c r="D12604" s="2">
        <v>165432</v>
      </c>
      <c r="E12604" s="1" t="s">
        <v>0</v>
      </c>
    </row>
    <row r="12605" spans="1:5" ht="409.5" x14ac:dyDescent="0.25">
      <c r="A12605" s="4" t="s">
        <v>30478</v>
      </c>
      <c r="B12605" s="1" t="s">
        <v>53818</v>
      </c>
      <c r="C12605" s="1" t="s">
        <v>30479</v>
      </c>
      <c r="D12605" s="2">
        <v>165433</v>
      </c>
      <c r="E12605" s="1" t="s">
        <v>0</v>
      </c>
    </row>
    <row r="12606" spans="1:5" x14ac:dyDescent="0.25">
      <c r="A12606" s="1" t="s">
        <v>30480</v>
      </c>
      <c r="B12606" s="1" t="s">
        <v>8652</v>
      </c>
      <c r="C12606" s="1" t="s">
        <v>30481</v>
      </c>
      <c r="D12606" s="2">
        <v>165434</v>
      </c>
      <c r="E12606" s="1" t="s">
        <v>0</v>
      </c>
    </row>
    <row r="12607" spans="1:5" x14ac:dyDescent="0.25">
      <c r="A12607" s="2">
        <v>2521</v>
      </c>
      <c r="B12607" s="2">
        <v>2521</v>
      </c>
      <c r="C12607" s="1" t="s">
        <v>0</v>
      </c>
      <c r="D12607" s="2">
        <v>165435</v>
      </c>
      <c r="E12607" s="1" t="s">
        <v>0</v>
      </c>
    </row>
    <row r="12608" spans="1:5" x14ac:dyDescent="0.25">
      <c r="A12608" s="1" t="s">
        <v>2310</v>
      </c>
      <c r="B12608" s="1" t="s">
        <v>8653</v>
      </c>
      <c r="C12608" s="1" t="s">
        <v>30482</v>
      </c>
      <c r="D12608" s="2">
        <v>165436</v>
      </c>
      <c r="E12608" s="1" t="s">
        <v>0</v>
      </c>
    </row>
    <row r="12609" spans="1:5" x14ac:dyDescent="0.25">
      <c r="A12609" s="1" t="s">
        <v>30483</v>
      </c>
      <c r="B12609" s="1" t="s">
        <v>53819</v>
      </c>
      <c r="C12609" s="1" t="s">
        <v>30484</v>
      </c>
      <c r="D12609" s="2">
        <v>165437</v>
      </c>
      <c r="E12609" s="1" t="s">
        <v>0</v>
      </c>
    </row>
    <row r="12610" spans="1:5" ht="409.5" x14ac:dyDescent="0.25">
      <c r="A12610" s="4" t="s">
        <v>30485</v>
      </c>
      <c r="B12610" s="1" t="s">
        <v>61136</v>
      </c>
      <c r="C12610" s="1" t="s">
        <v>30486</v>
      </c>
      <c r="D12610" s="2">
        <v>165438</v>
      </c>
      <c r="E12610" s="1" t="s">
        <v>0</v>
      </c>
    </row>
    <row r="12611" spans="1:5" x14ac:dyDescent="0.25">
      <c r="A12611" s="1" t="s">
        <v>30487</v>
      </c>
      <c r="B12611" s="1" t="s">
        <v>57221</v>
      </c>
      <c r="C12611" s="1" t="s">
        <v>30488</v>
      </c>
      <c r="D12611" s="2">
        <v>165439</v>
      </c>
      <c r="E12611" s="1" t="s">
        <v>0</v>
      </c>
    </row>
    <row r="12612" spans="1:5" x14ac:dyDescent="0.25">
      <c r="A12612" s="2">
        <v>2522</v>
      </c>
      <c r="B12612" s="2">
        <v>2522</v>
      </c>
      <c r="C12612" s="1" t="s">
        <v>0</v>
      </c>
      <c r="D12612" s="2">
        <v>165440</v>
      </c>
      <c r="E12612" s="1" t="s">
        <v>0</v>
      </c>
    </row>
    <row r="12613" spans="1:5" x14ac:dyDescent="0.25">
      <c r="A12613" s="1" t="s">
        <v>2311</v>
      </c>
      <c r="B12613" s="1" t="s">
        <v>8654</v>
      </c>
      <c r="C12613" s="1" t="s">
        <v>30489</v>
      </c>
      <c r="D12613" s="2">
        <v>165441</v>
      </c>
      <c r="E12613" s="1" t="s">
        <v>0</v>
      </c>
    </row>
    <row r="12614" spans="1:5" x14ac:dyDescent="0.25">
      <c r="A12614" s="1" t="s">
        <v>30490</v>
      </c>
      <c r="B12614" s="1" t="s">
        <v>62503</v>
      </c>
      <c r="C12614" s="1" t="s">
        <v>30491</v>
      </c>
      <c r="D12614" s="2">
        <v>165442</v>
      </c>
      <c r="E12614" s="1" t="s">
        <v>0</v>
      </c>
    </row>
    <row r="12615" spans="1:5" ht="409.5" x14ac:dyDescent="0.25">
      <c r="A12615" s="4" t="s">
        <v>30492</v>
      </c>
      <c r="B12615" s="1" t="s">
        <v>62504</v>
      </c>
      <c r="C12615" s="1" t="s">
        <v>30493</v>
      </c>
      <c r="D12615" s="2">
        <v>165443</v>
      </c>
      <c r="E12615" s="1" t="s">
        <v>0</v>
      </c>
    </row>
    <row r="12616" spans="1:5" x14ac:dyDescent="0.25">
      <c r="A12616" s="1" t="s">
        <v>30494</v>
      </c>
      <c r="B12616" s="1" t="s">
        <v>8655</v>
      </c>
      <c r="C12616" s="1" t="s">
        <v>30495</v>
      </c>
      <c r="D12616" s="2">
        <v>165444</v>
      </c>
      <c r="E12616" s="1" t="s">
        <v>0</v>
      </c>
    </row>
    <row r="12617" spans="1:5" x14ac:dyDescent="0.25">
      <c r="A12617" s="2">
        <v>2523</v>
      </c>
      <c r="B12617" s="2">
        <v>2523</v>
      </c>
      <c r="C12617" s="1" t="s">
        <v>0</v>
      </c>
      <c r="D12617" s="2">
        <v>165445</v>
      </c>
      <c r="E12617" s="1" t="s">
        <v>0</v>
      </c>
    </row>
    <row r="12618" spans="1:5" x14ac:dyDescent="0.25">
      <c r="A12618" s="1" t="s">
        <v>2312</v>
      </c>
      <c r="B12618" s="1" t="s">
        <v>8656</v>
      </c>
      <c r="C12618" s="1" t="s">
        <v>30496</v>
      </c>
      <c r="D12618" s="2">
        <v>165446</v>
      </c>
      <c r="E12618" s="1" t="s">
        <v>0</v>
      </c>
    </row>
    <row r="12619" spans="1:5" x14ac:dyDescent="0.25">
      <c r="A12619" s="1" t="s">
        <v>30497</v>
      </c>
      <c r="B12619" s="1" t="s">
        <v>57848</v>
      </c>
      <c r="C12619" s="1" t="s">
        <v>30498</v>
      </c>
      <c r="D12619" s="2">
        <v>165447</v>
      </c>
      <c r="E12619" s="1" t="s">
        <v>0</v>
      </c>
    </row>
    <row r="12620" spans="1:5" ht="409.5" x14ac:dyDescent="0.25">
      <c r="A12620" s="4" t="s">
        <v>30499</v>
      </c>
      <c r="B12620" s="1" t="s">
        <v>57849</v>
      </c>
      <c r="C12620" s="1" t="s">
        <v>30500</v>
      </c>
      <c r="D12620" s="2">
        <v>165448</v>
      </c>
      <c r="E12620" s="1" t="s">
        <v>0</v>
      </c>
    </row>
    <row r="12621" spans="1:5" x14ac:dyDescent="0.25">
      <c r="A12621" s="1" t="s">
        <v>15286</v>
      </c>
      <c r="B12621" s="1" t="s">
        <v>60887</v>
      </c>
      <c r="C12621" s="1" t="s">
        <v>15287</v>
      </c>
      <c r="D12621" s="2">
        <v>165449</v>
      </c>
      <c r="E12621" s="1" t="s">
        <v>0</v>
      </c>
    </row>
    <row r="12622" spans="1:5" x14ac:dyDescent="0.25">
      <c r="A12622" s="2">
        <v>2524</v>
      </c>
      <c r="B12622" s="2">
        <v>2524</v>
      </c>
      <c r="C12622" s="1" t="s">
        <v>0</v>
      </c>
      <c r="D12622" s="2">
        <v>165450</v>
      </c>
      <c r="E12622" s="1" t="s">
        <v>0</v>
      </c>
    </row>
    <row r="12623" spans="1:5" x14ac:dyDescent="0.25">
      <c r="A12623" s="1" t="s">
        <v>2313</v>
      </c>
      <c r="B12623" s="1" t="s">
        <v>8657</v>
      </c>
      <c r="C12623" s="1" t="s">
        <v>30501</v>
      </c>
      <c r="D12623" s="2">
        <v>165451</v>
      </c>
      <c r="E12623" s="1" t="s">
        <v>0</v>
      </c>
    </row>
    <row r="12624" spans="1:5" x14ac:dyDescent="0.25">
      <c r="A12624" s="1" t="s">
        <v>30502</v>
      </c>
      <c r="B12624" s="1" t="s">
        <v>8658</v>
      </c>
      <c r="C12624" s="1" t="s">
        <v>30503</v>
      </c>
      <c r="D12624" s="2">
        <v>165452</v>
      </c>
      <c r="E12624" s="1" t="s">
        <v>0</v>
      </c>
    </row>
    <row r="12625" spans="1:5" ht="409.5" x14ac:dyDescent="0.25">
      <c r="A12625" s="4" t="s">
        <v>30504</v>
      </c>
      <c r="B12625" s="1" t="s">
        <v>8659</v>
      </c>
      <c r="C12625" s="1" t="s">
        <v>30505</v>
      </c>
      <c r="D12625" s="2">
        <v>165453</v>
      </c>
      <c r="E12625" s="1" t="s">
        <v>0</v>
      </c>
    </row>
    <row r="12626" spans="1:5" x14ac:dyDescent="0.25">
      <c r="A12626" s="1" t="s">
        <v>30506</v>
      </c>
      <c r="B12626" s="1" t="s">
        <v>53820</v>
      </c>
      <c r="C12626" s="1" t="s">
        <v>30507</v>
      </c>
      <c r="D12626" s="2">
        <v>165454</v>
      </c>
      <c r="E12626" s="1" t="s">
        <v>0</v>
      </c>
    </row>
    <row r="12627" spans="1:5" x14ac:dyDescent="0.25">
      <c r="A12627" s="2">
        <v>2525</v>
      </c>
      <c r="B12627" s="2">
        <v>2525</v>
      </c>
      <c r="C12627" s="1" t="s">
        <v>0</v>
      </c>
      <c r="D12627" s="2">
        <v>165455</v>
      </c>
      <c r="E12627" s="1" t="s">
        <v>0</v>
      </c>
    </row>
    <row r="12628" spans="1:5" x14ac:dyDescent="0.25">
      <c r="A12628" s="1" t="s">
        <v>8660</v>
      </c>
      <c r="B12628" s="1" t="s">
        <v>60613</v>
      </c>
      <c r="C12628" s="1" t="s">
        <v>30508</v>
      </c>
      <c r="D12628" s="2">
        <v>165456</v>
      </c>
      <c r="E12628" s="1" t="s">
        <v>0</v>
      </c>
    </row>
    <row r="12629" spans="1:5" x14ac:dyDescent="0.25">
      <c r="A12629" s="1" t="s">
        <v>30509</v>
      </c>
      <c r="B12629" s="1" t="s">
        <v>62505</v>
      </c>
      <c r="C12629" s="1" t="s">
        <v>30510</v>
      </c>
      <c r="D12629" s="2">
        <v>165457</v>
      </c>
      <c r="E12629" s="1" t="s">
        <v>0</v>
      </c>
    </row>
    <row r="12630" spans="1:5" ht="409.5" x14ac:dyDescent="0.25">
      <c r="A12630" s="4" t="s">
        <v>30511</v>
      </c>
      <c r="B12630" s="1" t="s">
        <v>62506</v>
      </c>
      <c r="C12630" s="1" t="s">
        <v>30512</v>
      </c>
      <c r="D12630" s="2">
        <v>165458</v>
      </c>
      <c r="E12630" s="1" t="s">
        <v>0</v>
      </c>
    </row>
    <row r="12631" spans="1:5" x14ac:dyDescent="0.25">
      <c r="A12631" s="1" t="s">
        <v>30513</v>
      </c>
      <c r="B12631" s="1" t="s">
        <v>53821</v>
      </c>
      <c r="C12631" s="1" t="s">
        <v>30514</v>
      </c>
      <c r="D12631" s="2">
        <v>165459</v>
      </c>
      <c r="E12631" s="1" t="s">
        <v>0</v>
      </c>
    </row>
    <row r="12632" spans="1:5" x14ac:dyDescent="0.25">
      <c r="A12632" s="2">
        <v>2526</v>
      </c>
      <c r="B12632" s="2">
        <v>2526</v>
      </c>
      <c r="C12632" s="1" t="s">
        <v>0</v>
      </c>
      <c r="D12632" s="2">
        <v>165460</v>
      </c>
      <c r="E12632" s="1" t="s">
        <v>0</v>
      </c>
    </row>
    <row r="12633" spans="1:5" x14ac:dyDescent="0.25">
      <c r="A12633" s="1" t="s">
        <v>2314</v>
      </c>
      <c r="B12633" s="1" t="s">
        <v>53822</v>
      </c>
      <c r="C12633" s="1" t="s">
        <v>30515</v>
      </c>
      <c r="D12633" s="2">
        <v>165461</v>
      </c>
      <c r="E12633" s="1" t="s">
        <v>0</v>
      </c>
    </row>
    <row r="12634" spans="1:5" x14ac:dyDescent="0.25">
      <c r="A12634" s="1" t="s">
        <v>30516</v>
      </c>
      <c r="B12634" s="1" t="s">
        <v>53823</v>
      </c>
      <c r="C12634" s="1" t="s">
        <v>30517</v>
      </c>
      <c r="D12634" s="2">
        <v>165462</v>
      </c>
      <c r="E12634" s="1" t="s">
        <v>0</v>
      </c>
    </row>
    <row r="12635" spans="1:5" ht="409.5" x14ac:dyDescent="0.25">
      <c r="A12635" s="4" t="s">
        <v>30518</v>
      </c>
      <c r="B12635" s="1" t="s">
        <v>53824</v>
      </c>
      <c r="C12635" s="1" t="s">
        <v>30519</v>
      </c>
      <c r="D12635" s="2">
        <v>165463</v>
      </c>
      <c r="E12635" s="1" t="s">
        <v>0</v>
      </c>
    </row>
    <row r="12636" spans="1:5" x14ac:dyDescent="0.25">
      <c r="A12636" s="1" t="s">
        <v>30520</v>
      </c>
      <c r="B12636" s="1" t="s">
        <v>53825</v>
      </c>
      <c r="C12636" s="1" t="s">
        <v>30521</v>
      </c>
      <c r="D12636" s="2">
        <v>165464</v>
      </c>
      <c r="E12636" s="1" t="s">
        <v>0</v>
      </c>
    </row>
    <row r="12637" spans="1:5" x14ac:dyDescent="0.25">
      <c r="A12637" s="2">
        <v>2527</v>
      </c>
      <c r="B12637" s="2">
        <v>2527</v>
      </c>
      <c r="C12637" s="1" t="s">
        <v>0</v>
      </c>
      <c r="D12637" s="2">
        <v>165465</v>
      </c>
      <c r="E12637" s="1" t="s">
        <v>0</v>
      </c>
    </row>
    <row r="12638" spans="1:5" x14ac:dyDescent="0.25">
      <c r="A12638" s="1" t="s">
        <v>8661</v>
      </c>
      <c r="B12638" s="1" t="s">
        <v>8662</v>
      </c>
      <c r="C12638" s="1" t="s">
        <v>30522</v>
      </c>
      <c r="D12638" s="2">
        <v>165466</v>
      </c>
      <c r="E12638" s="1" t="s">
        <v>0</v>
      </c>
    </row>
    <row r="12639" spans="1:5" x14ac:dyDescent="0.25">
      <c r="A12639" s="1" t="s">
        <v>30523</v>
      </c>
      <c r="B12639" s="1" t="s">
        <v>8663</v>
      </c>
      <c r="C12639" s="1" t="s">
        <v>30524</v>
      </c>
      <c r="D12639" s="2">
        <v>165467</v>
      </c>
      <c r="E12639" s="1" t="s">
        <v>0</v>
      </c>
    </row>
    <row r="12640" spans="1:5" ht="409.5" x14ac:dyDescent="0.25">
      <c r="A12640" s="4" t="s">
        <v>30525</v>
      </c>
      <c r="B12640" s="1" t="s">
        <v>8664</v>
      </c>
      <c r="C12640" s="1" t="s">
        <v>30526</v>
      </c>
      <c r="D12640" s="2">
        <v>165468</v>
      </c>
      <c r="E12640" s="1" t="s">
        <v>0</v>
      </c>
    </row>
    <row r="12641" spans="1:5" x14ac:dyDescent="0.25">
      <c r="A12641" s="1" t="s">
        <v>30527</v>
      </c>
      <c r="B12641" s="1" t="s">
        <v>53826</v>
      </c>
      <c r="C12641" s="1" t="s">
        <v>30528</v>
      </c>
      <c r="D12641" s="2">
        <v>165469</v>
      </c>
      <c r="E12641" s="1" t="s">
        <v>0</v>
      </c>
    </row>
    <row r="12642" spans="1:5" x14ac:dyDescent="0.25">
      <c r="A12642" s="2">
        <v>2528</v>
      </c>
      <c r="B12642" s="2">
        <v>2528</v>
      </c>
      <c r="C12642" s="1" t="s">
        <v>0</v>
      </c>
      <c r="D12642" s="2">
        <v>165470</v>
      </c>
      <c r="E12642" s="1" t="s">
        <v>0</v>
      </c>
    </row>
    <row r="12643" spans="1:5" x14ac:dyDescent="0.25">
      <c r="A12643" s="1" t="s">
        <v>2315</v>
      </c>
      <c r="B12643" s="1" t="s">
        <v>8665</v>
      </c>
      <c r="C12643" s="1" t="s">
        <v>30529</v>
      </c>
      <c r="D12643" s="2">
        <v>165471</v>
      </c>
      <c r="E12643" s="1" t="s">
        <v>0</v>
      </c>
    </row>
    <row r="12644" spans="1:5" x14ac:dyDescent="0.25">
      <c r="A12644" s="1" t="s">
        <v>30530</v>
      </c>
      <c r="B12644" s="1" t="s">
        <v>63363</v>
      </c>
      <c r="C12644" s="1" t="s">
        <v>30531</v>
      </c>
      <c r="D12644" s="2">
        <v>165472</v>
      </c>
      <c r="E12644" s="1" t="s">
        <v>0</v>
      </c>
    </row>
    <row r="12645" spans="1:5" ht="409.5" x14ac:dyDescent="0.25">
      <c r="A12645" s="4" t="s">
        <v>30532</v>
      </c>
      <c r="B12645" s="1" t="s">
        <v>63364</v>
      </c>
      <c r="C12645" s="1" t="s">
        <v>30533</v>
      </c>
      <c r="D12645" s="2">
        <v>165473</v>
      </c>
      <c r="E12645" s="1" t="s">
        <v>0</v>
      </c>
    </row>
    <row r="12646" spans="1:5" x14ac:dyDescent="0.25">
      <c r="A12646" s="1" t="s">
        <v>30534</v>
      </c>
      <c r="B12646" s="1" t="s">
        <v>53827</v>
      </c>
      <c r="C12646" s="1" t="s">
        <v>30535</v>
      </c>
      <c r="D12646" s="2">
        <v>165474</v>
      </c>
      <c r="E12646" s="1" t="s">
        <v>0</v>
      </c>
    </row>
    <row r="12647" spans="1:5" x14ac:dyDescent="0.25">
      <c r="A12647" s="2">
        <v>2529</v>
      </c>
      <c r="B12647" s="2">
        <v>2529</v>
      </c>
      <c r="C12647" s="1" t="s">
        <v>0</v>
      </c>
      <c r="D12647" s="2">
        <v>165475</v>
      </c>
      <c r="E12647" s="1" t="s">
        <v>0</v>
      </c>
    </row>
    <row r="12648" spans="1:5" x14ac:dyDescent="0.25">
      <c r="A12648" s="1" t="s">
        <v>30536</v>
      </c>
      <c r="B12648" s="1" t="s">
        <v>8666</v>
      </c>
      <c r="C12648" s="1" t="s">
        <v>30537</v>
      </c>
      <c r="D12648" s="2">
        <v>165476</v>
      </c>
      <c r="E12648" s="1" t="s">
        <v>0</v>
      </c>
    </row>
    <row r="12649" spans="1:5" x14ac:dyDescent="0.25">
      <c r="A12649" s="1" t="s">
        <v>30538</v>
      </c>
      <c r="B12649" s="1" t="s">
        <v>53828</v>
      </c>
      <c r="C12649" s="1" t="s">
        <v>30539</v>
      </c>
      <c r="D12649" s="2">
        <v>165477</v>
      </c>
      <c r="E12649" s="1" t="s">
        <v>0</v>
      </c>
    </row>
    <row r="12650" spans="1:5" ht="409.5" x14ac:dyDescent="0.25">
      <c r="A12650" s="4" t="s">
        <v>30540</v>
      </c>
      <c r="B12650" s="1" t="s">
        <v>53829</v>
      </c>
      <c r="C12650" s="1" t="s">
        <v>30541</v>
      </c>
      <c r="D12650" s="2">
        <v>165478</v>
      </c>
      <c r="E12650" s="1" t="s">
        <v>0</v>
      </c>
    </row>
    <row r="12651" spans="1:5" x14ac:dyDescent="0.25">
      <c r="A12651" s="1" t="s">
        <v>30542</v>
      </c>
      <c r="B12651" s="1" t="s">
        <v>53830</v>
      </c>
      <c r="C12651" s="1" t="s">
        <v>30543</v>
      </c>
      <c r="D12651" s="2">
        <v>165479</v>
      </c>
      <c r="E12651" s="1" t="s">
        <v>0</v>
      </c>
    </row>
    <row r="12652" spans="1:5" x14ac:dyDescent="0.25">
      <c r="A12652" s="2">
        <v>2530</v>
      </c>
      <c r="B12652" s="2">
        <v>2530</v>
      </c>
      <c r="C12652" s="1" t="s">
        <v>0</v>
      </c>
      <c r="D12652" s="2">
        <v>165480</v>
      </c>
      <c r="E12652" s="1" t="s">
        <v>0</v>
      </c>
    </row>
    <row r="12653" spans="1:5" x14ac:dyDescent="0.25">
      <c r="A12653" s="1" t="s">
        <v>30544</v>
      </c>
      <c r="B12653" s="1" t="s">
        <v>8667</v>
      </c>
      <c r="C12653" s="1" t="s">
        <v>30545</v>
      </c>
      <c r="D12653" s="2">
        <v>165481</v>
      </c>
      <c r="E12653" s="1" t="s">
        <v>0</v>
      </c>
    </row>
    <row r="12654" spans="1:5" x14ac:dyDescent="0.25">
      <c r="A12654" s="1" t="s">
        <v>30546</v>
      </c>
      <c r="B12654" s="1" t="s">
        <v>50732</v>
      </c>
      <c r="C12654" s="1" t="s">
        <v>30547</v>
      </c>
      <c r="D12654" s="2">
        <v>165482</v>
      </c>
      <c r="E12654" s="1" t="s">
        <v>0</v>
      </c>
    </row>
    <row r="12655" spans="1:5" ht="409.5" x14ac:dyDescent="0.25">
      <c r="A12655" s="4" t="s">
        <v>30548</v>
      </c>
      <c r="B12655" s="1" t="s">
        <v>60433</v>
      </c>
      <c r="C12655" s="1" t="s">
        <v>30549</v>
      </c>
      <c r="D12655" s="2">
        <v>165483</v>
      </c>
      <c r="E12655" s="1" t="s">
        <v>0</v>
      </c>
    </row>
    <row r="12656" spans="1:5" x14ac:dyDescent="0.25">
      <c r="A12656" s="1" t="s">
        <v>30550</v>
      </c>
      <c r="B12656" s="1" t="s">
        <v>8668</v>
      </c>
      <c r="C12656" s="1" t="s">
        <v>30551</v>
      </c>
      <c r="D12656" s="2">
        <v>165484</v>
      </c>
      <c r="E12656" s="1" t="s">
        <v>0</v>
      </c>
    </row>
    <row r="12657" spans="1:5" x14ac:dyDescent="0.25">
      <c r="A12657" s="2">
        <v>2531</v>
      </c>
      <c r="B12657" s="2">
        <v>2531</v>
      </c>
      <c r="C12657" s="1" t="s">
        <v>0</v>
      </c>
      <c r="D12657" s="2">
        <v>165485</v>
      </c>
      <c r="E12657" s="1" t="s">
        <v>0</v>
      </c>
    </row>
    <row r="12658" spans="1:5" x14ac:dyDescent="0.25">
      <c r="A12658" s="1" t="s">
        <v>2316</v>
      </c>
      <c r="B12658" s="1" t="s">
        <v>8669</v>
      </c>
      <c r="C12658" s="1" t="s">
        <v>30552</v>
      </c>
      <c r="D12658" s="2">
        <v>165486</v>
      </c>
      <c r="E12658" s="1" t="s">
        <v>0</v>
      </c>
    </row>
    <row r="12659" spans="1:5" x14ac:dyDescent="0.25">
      <c r="A12659" s="1" t="s">
        <v>30553</v>
      </c>
      <c r="B12659" s="1" t="s">
        <v>8670</v>
      </c>
      <c r="C12659" s="1" t="s">
        <v>30554</v>
      </c>
      <c r="D12659" s="2">
        <v>165487</v>
      </c>
      <c r="E12659" s="1" t="s">
        <v>0</v>
      </c>
    </row>
    <row r="12660" spans="1:5" ht="409.5" x14ac:dyDescent="0.25">
      <c r="A12660" s="4" t="s">
        <v>30555</v>
      </c>
      <c r="B12660" s="1" t="s">
        <v>8671</v>
      </c>
      <c r="C12660" s="1" t="s">
        <v>30556</v>
      </c>
      <c r="D12660" s="2">
        <v>165488</v>
      </c>
      <c r="E12660" s="1" t="s">
        <v>0</v>
      </c>
    </row>
    <row r="12661" spans="1:5" x14ac:dyDescent="0.25">
      <c r="A12661" s="1" t="s">
        <v>30557</v>
      </c>
      <c r="B12661" s="1" t="s">
        <v>53831</v>
      </c>
      <c r="C12661" s="1" t="s">
        <v>30558</v>
      </c>
      <c r="D12661" s="2">
        <v>165489</v>
      </c>
      <c r="E12661" s="1" t="s">
        <v>0</v>
      </c>
    </row>
    <row r="12662" spans="1:5" x14ac:dyDescent="0.25">
      <c r="A12662" s="2">
        <v>2532</v>
      </c>
      <c r="B12662" s="2">
        <v>2532</v>
      </c>
      <c r="C12662" s="1" t="s">
        <v>0</v>
      </c>
      <c r="D12662" s="2">
        <v>165490</v>
      </c>
      <c r="E12662" s="1" t="s">
        <v>0</v>
      </c>
    </row>
    <row r="12663" spans="1:5" x14ac:dyDescent="0.25">
      <c r="A12663" s="1" t="s">
        <v>2317</v>
      </c>
      <c r="B12663" s="1" t="s">
        <v>56945</v>
      </c>
      <c r="C12663" s="1" t="s">
        <v>30559</v>
      </c>
      <c r="D12663" s="2">
        <v>165491</v>
      </c>
      <c r="E12663" s="1" t="s">
        <v>0</v>
      </c>
    </row>
    <row r="12664" spans="1:5" x14ac:dyDescent="0.25">
      <c r="A12664" s="1" t="s">
        <v>30560</v>
      </c>
      <c r="B12664" s="1" t="s">
        <v>62507</v>
      </c>
      <c r="C12664" s="1" t="s">
        <v>30561</v>
      </c>
      <c r="D12664" s="2">
        <v>165492</v>
      </c>
      <c r="E12664" s="1" t="s">
        <v>0</v>
      </c>
    </row>
    <row r="12665" spans="1:5" ht="409.5" x14ac:dyDescent="0.25">
      <c r="A12665" s="4" t="s">
        <v>30562</v>
      </c>
      <c r="B12665" s="1" t="s">
        <v>62508</v>
      </c>
      <c r="C12665" s="1" t="s">
        <v>30563</v>
      </c>
      <c r="D12665" s="2">
        <v>165493</v>
      </c>
      <c r="E12665" s="1" t="s">
        <v>0</v>
      </c>
    </row>
    <row r="12666" spans="1:5" x14ac:dyDescent="0.25">
      <c r="A12666" s="1" t="s">
        <v>30564</v>
      </c>
      <c r="B12666" s="1" t="s">
        <v>61659</v>
      </c>
      <c r="C12666" s="1" t="s">
        <v>30565</v>
      </c>
      <c r="D12666" s="2">
        <v>165494</v>
      </c>
      <c r="E12666" s="1" t="s">
        <v>0</v>
      </c>
    </row>
    <row r="12667" spans="1:5" x14ac:dyDescent="0.25">
      <c r="A12667" s="2">
        <v>2533</v>
      </c>
      <c r="B12667" s="2">
        <v>2533</v>
      </c>
      <c r="C12667" s="1" t="s">
        <v>0</v>
      </c>
      <c r="D12667" s="2">
        <v>165495</v>
      </c>
      <c r="E12667" s="1" t="s">
        <v>0</v>
      </c>
    </row>
    <row r="12668" spans="1:5" x14ac:dyDescent="0.25">
      <c r="A12668" s="1" t="s">
        <v>2318</v>
      </c>
      <c r="B12668" s="1" t="s">
        <v>8672</v>
      </c>
      <c r="C12668" s="1" t="s">
        <v>30566</v>
      </c>
      <c r="D12668" s="2">
        <v>165496</v>
      </c>
      <c r="E12668" s="1" t="s">
        <v>0</v>
      </c>
    </row>
    <row r="12669" spans="1:5" x14ac:dyDescent="0.25">
      <c r="A12669" s="1" t="s">
        <v>30567</v>
      </c>
      <c r="B12669" s="1" t="s">
        <v>53832</v>
      </c>
      <c r="C12669" s="1" t="s">
        <v>30568</v>
      </c>
      <c r="D12669" s="2">
        <v>165497</v>
      </c>
      <c r="E12669" s="1" t="s">
        <v>0</v>
      </c>
    </row>
    <row r="12670" spans="1:5" ht="409.5" x14ac:dyDescent="0.25">
      <c r="A12670" s="4" t="s">
        <v>30569</v>
      </c>
      <c r="B12670" s="1" t="s">
        <v>63365</v>
      </c>
      <c r="C12670" s="1" t="s">
        <v>30570</v>
      </c>
      <c r="D12670" s="2">
        <v>165498</v>
      </c>
      <c r="E12670" s="1" t="s">
        <v>0</v>
      </c>
    </row>
    <row r="12671" spans="1:5" x14ac:dyDescent="0.25">
      <c r="A12671" s="1" t="s">
        <v>30571</v>
      </c>
      <c r="B12671" s="1" t="s">
        <v>8673</v>
      </c>
      <c r="C12671" s="1" t="s">
        <v>30572</v>
      </c>
      <c r="D12671" s="2">
        <v>165499</v>
      </c>
      <c r="E12671" s="1" t="s">
        <v>0</v>
      </c>
    </row>
    <row r="12672" spans="1:5" x14ac:dyDescent="0.25">
      <c r="A12672" s="2">
        <v>2534</v>
      </c>
      <c r="B12672" s="2">
        <v>2534</v>
      </c>
      <c r="C12672" s="1" t="s">
        <v>0</v>
      </c>
      <c r="D12672" s="2">
        <v>165500</v>
      </c>
      <c r="E12672" s="1" t="s">
        <v>0</v>
      </c>
    </row>
    <row r="12673" spans="1:5" x14ac:dyDescent="0.25">
      <c r="A12673" s="1" t="s">
        <v>2319</v>
      </c>
      <c r="B12673" s="1" t="s">
        <v>53833</v>
      </c>
      <c r="C12673" s="1" t="s">
        <v>30573</v>
      </c>
      <c r="D12673" s="2">
        <v>165501</v>
      </c>
      <c r="E12673" s="1" t="s">
        <v>0</v>
      </c>
    </row>
    <row r="12674" spans="1:5" x14ac:dyDescent="0.25">
      <c r="A12674" s="1" t="s">
        <v>30574</v>
      </c>
      <c r="B12674" s="1" t="s">
        <v>8674</v>
      </c>
      <c r="C12674" s="1" t="s">
        <v>30575</v>
      </c>
      <c r="D12674" s="2">
        <v>165502</v>
      </c>
      <c r="E12674" s="1" t="s">
        <v>0</v>
      </c>
    </row>
    <row r="12675" spans="1:5" ht="409.5" x14ac:dyDescent="0.25">
      <c r="A12675" s="4" t="s">
        <v>30576</v>
      </c>
      <c r="B12675" s="1" t="s">
        <v>53834</v>
      </c>
      <c r="C12675" s="1" t="s">
        <v>30577</v>
      </c>
      <c r="D12675" s="2">
        <v>165503</v>
      </c>
      <c r="E12675" s="1" t="s">
        <v>0</v>
      </c>
    </row>
    <row r="12676" spans="1:5" x14ac:dyDescent="0.25">
      <c r="A12676" s="1" t="s">
        <v>30578</v>
      </c>
      <c r="B12676" s="1" t="s">
        <v>50733</v>
      </c>
      <c r="C12676" s="1" t="s">
        <v>30579</v>
      </c>
      <c r="D12676" s="2">
        <v>165504</v>
      </c>
      <c r="E12676" s="1" t="s">
        <v>0</v>
      </c>
    </row>
    <row r="12677" spans="1:5" x14ac:dyDescent="0.25">
      <c r="A12677" s="2">
        <v>2535</v>
      </c>
      <c r="B12677" s="2">
        <v>2535</v>
      </c>
      <c r="C12677" s="1" t="s">
        <v>0</v>
      </c>
      <c r="D12677" s="2">
        <v>165505</v>
      </c>
      <c r="E12677" s="1" t="s">
        <v>0</v>
      </c>
    </row>
    <row r="12678" spans="1:5" x14ac:dyDescent="0.25">
      <c r="A12678" s="1" t="s">
        <v>2320</v>
      </c>
      <c r="B12678" s="1" t="s">
        <v>53835</v>
      </c>
      <c r="C12678" s="1" t="s">
        <v>30580</v>
      </c>
      <c r="D12678" s="2">
        <v>165506</v>
      </c>
      <c r="E12678" s="1" t="s">
        <v>0</v>
      </c>
    </row>
    <row r="12679" spans="1:5" x14ac:dyDescent="0.25">
      <c r="A12679" s="1" t="s">
        <v>30581</v>
      </c>
      <c r="B12679" s="1" t="s">
        <v>53836</v>
      </c>
      <c r="C12679" s="1" t="s">
        <v>30582</v>
      </c>
      <c r="D12679" s="2">
        <v>165507</v>
      </c>
      <c r="E12679" s="1" t="s">
        <v>0</v>
      </c>
    </row>
    <row r="12680" spans="1:5" ht="409.5" x14ac:dyDescent="0.25">
      <c r="A12680" s="4" t="s">
        <v>30583</v>
      </c>
      <c r="B12680" s="1" t="s">
        <v>61137</v>
      </c>
      <c r="C12680" s="1" t="s">
        <v>30584</v>
      </c>
      <c r="D12680" s="2">
        <v>165508</v>
      </c>
      <c r="E12680" s="1" t="s">
        <v>0</v>
      </c>
    </row>
    <row r="12681" spans="1:5" x14ac:dyDescent="0.25">
      <c r="A12681" s="1" t="s">
        <v>30585</v>
      </c>
      <c r="B12681" s="1" t="s">
        <v>53837</v>
      </c>
      <c r="C12681" s="1" t="s">
        <v>30586</v>
      </c>
      <c r="D12681" s="2">
        <v>165509</v>
      </c>
      <c r="E12681" s="1" t="s">
        <v>0</v>
      </c>
    </row>
    <row r="12682" spans="1:5" x14ac:dyDescent="0.25">
      <c r="A12682" s="2">
        <v>2536</v>
      </c>
      <c r="B12682" s="2">
        <v>2536</v>
      </c>
      <c r="C12682" s="1" t="s">
        <v>0</v>
      </c>
      <c r="D12682" s="2">
        <v>165510</v>
      </c>
      <c r="E12682" s="1" t="s">
        <v>0</v>
      </c>
    </row>
    <row r="12683" spans="1:5" x14ac:dyDescent="0.25">
      <c r="A12683" s="1" t="s">
        <v>2321</v>
      </c>
      <c r="B12683" s="1" t="s">
        <v>61498</v>
      </c>
      <c r="C12683" s="1" t="s">
        <v>30587</v>
      </c>
      <c r="D12683" s="2">
        <v>165511</v>
      </c>
      <c r="E12683" s="1" t="s">
        <v>0</v>
      </c>
    </row>
    <row r="12684" spans="1:5" x14ac:dyDescent="0.25">
      <c r="A12684" s="1" t="s">
        <v>30588</v>
      </c>
      <c r="B12684" s="1" t="s">
        <v>61499</v>
      </c>
      <c r="C12684" s="1" t="s">
        <v>30589</v>
      </c>
      <c r="D12684" s="2">
        <v>165512</v>
      </c>
      <c r="E12684" s="1" t="s">
        <v>0</v>
      </c>
    </row>
    <row r="12685" spans="1:5" ht="409.5" x14ac:dyDescent="0.25">
      <c r="A12685" s="4" t="s">
        <v>30590</v>
      </c>
      <c r="B12685" s="1" t="s">
        <v>61500</v>
      </c>
      <c r="C12685" s="1" t="s">
        <v>30591</v>
      </c>
      <c r="D12685" s="2">
        <v>165513</v>
      </c>
      <c r="E12685" s="1" t="s">
        <v>0</v>
      </c>
    </row>
    <row r="12686" spans="1:5" x14ac:dyDescent="0.25">
      <c r="A12686" s="1" t="s">
        <v>30592</v>
      </c>
      <c r="B12686" s="1" t="s">
        <v>53838</v>
      </c>
      <c r="C12686" s="1" t="s">
        <v>30593</v>
      </c>
      <c r="D12686" s="2">
        <v>165514</v>
      </c>
      <c r="E12686" s="1" t="s">
        <v>0</v>
      </c>
    </row>
    <row r="12687" spans="1:5" x14ac:dyDescent="0.25">
      <c r="A12687" s="2">
        <v>2537</v>
      </c>
      <c r="B12687" s="2">
        <v>2537</v>
      </c>
      <c r="C12687" s="1" t="s">
        <v>0</v>
      </c>
      <c r="D12687" s="2">
        <v>165515</v>
      </c>
      <c r="E12687" s="1" t="s">
        <v>0</v>
      </c>
    </row>
    <row r="12688" spans="1:5" x14ac:dyDescent="0.25">
      <c r="A12688" s="1" t="s">
        <v>2322</v>
      </c>
      <c r="B12688" s="1" t="s">
        <v>8675</v>
      </c>
      <c r="C12688" s="1" t="s">
        <v>30594</v>
      </c>
      <c r="D12688" s="2">
        <v>165516</v>
      </c>
      <c r="E12688" s="1" t="s">
        <v>0</v>
      </c>
    </row>
    <row r="12689" spans="1:5" x14ac:dyDescent="0.25">
      <c r="A12689" s="1" t="s">
        <v>30595</v>
      </c>
      <c r="B12689" s="1" t="s">
        <v>8676</v>
      </c>
      <c r="C12689" s="1" t="s">
        <v>30596</v>
      </c>
      <c r="D12689" s="2">
        <v>165517</v>
      </c>
      <c r="E12689" s="1" t="s">
        <v>0</v>
      </c>
    </row>
    <row r="12690" spans="1:5" ht="409.5" x14ac:dyDescent="0.25">
      <c r="A12690" s="4" t="s">
        <v>64173</v>
      </c>
      <c r="B12690" s="1" t="s">
        <v>60005</v>
      </c>
      <c r="C12690" s="1" t="s">
        <v>30597</v>
      </c>
      <c r="D12690" s="2">
        <v>165518</v>
      </c>
      <c r="E12690" s="1" t="s">
        <v>0</v>
      </c>
    </row>
    <row r="12691" spans="1:5" x14ac:dyDescent="0.25">
      <c r="A12691" s="1" t="s">
        <v>30598</v>
      </c>
      <c r="B12691" s="1" t="s">
        <v>60006</v>
      </c>
      <c r="C12691" s="1" t="s">
        <v>30599</v>
      </c>
      <c r="D12691" s="2">
        <v>165519</v>
      </c>
      <c r="E12691" s="1" t="s">
        <v>0</v>
      </c>
    </row>
    <row r="12692" spans="1:5" x14ac:dyDescent="0.25">
      <c r="A12692" s="2">
        <v>2538</v>
      </c>
      <c r="B12692" s="2">
        <v>2538</v>
      </c>
      <c r="C12692" s="1" t="s">
        <v>0</v>
      </c>
      <c r="D12692" s="2">
        <v>165520</v>
      </c>
      <c r="E12692" s="1" t="s">
        <v>0</v>
      </c>
    </row>
    <row r="12693" spans="1:5" x14ac:dyDescent="0.25">
      <c r="A12693" s="1" t="s">
        <v>2323</v>
      </c>
      <c r="B12693" s="1" t="s">
        <v>61660</v>
      </c>
      <c r="C12693" s="1" t="s">
        <v>30600</v>
      </c>
      <c r="D12693" s="2">
        <v>165521</v>
      </c>
      <c r="E12693" s="1" t="s">
        <v>0</v>
      </c>
    </row>
    <row r="12694" spans="1:5" x14ac:dyDescent="0.25">
      <c r="A12694" s="1" t="s">
        <v>30601</v>
      </c>
      <c r="B12694" s="1" t="s">
        <v>62509</v>
      </c>
      <c r="C12694" s="1" t="s">
        <v>30602</v>
      </c>
      <c r="D12694" s="2">
        <v>165522</v>
      </c>
      <c r="E12694" s="1" t="s">
        <v>0</v>
      </c>
    </row>
    <row r="12695" spans="1:5" ht="409.5" x14ac:dyDescent="0.25">
      <c r="A12695" s="4" t="s">
        <v>30603</v>
      </c>
      <c r="B12695" s="1" t="s">
        <v>62510</v>
      </c>
      <c r="C12695" s="1" t="s">
        <v>30604</v>
      </c>
      <c r="D12695" s="2">
        <v>165523</v>
      </c>
      <c r="E12695" s="1" t="s">
        <v>0</v>
      </c>
    </row>
    <row r="12696" spans="1:5" x14ac:dyDescent="0.25">
      <c r="A12696" s="1" t="s">
        <v>30605</v>
      </c>
      <c r="B12696" s="1" t="s">
        <v>61661</v>
      </c>
      <c r="C12696" s="1" t="s">
        <v>30606</v>
      </c>
      <c r="D12696" s="2">
        <v>165524</v>
      </c>
      <c r="E12696" s="1" t="s">
        <v>0</v>
      </c>
    </row>
    <row r="12697" spans="1:5" x14ac:dyDescent="0.25">
      <c r="A12697" s="2">
        <v>2539</v>
      </c>
      <c r="B12697" s="2">
        <v>2539</v>
      </c>
      <c r="C12697" s="1" t="s">
        <v>0</v>
      </c>
      <c r="D12697" s="2">
        <v>165525</v>
      </c>
      <c r="E12697" s="1" t="s">
        <v>0</v>
      </c>
    </row>
    <row r="12698" spans="1:5" x14ac:dyDescent="0.25">
      <c r="A12698" s="1" t="s">
        <v>2324</v>
      </c>
      <c r="B12698" s="1" t="s">
        <v>8677</v>
      </c>
      <c r="C12698" s="1" t="s">
        <v>30607</v>
      </c>
      <c r="D12698" s="2">
        <v>165526</v>
      </c>
      <c r="E12698" s="1" t="s">
        <v>0</v>
      </c>
    </row>
    <row r="12699" spans="1:5" x14ac:dyDescent="0.25">
      <c r="A12699" s="1" t="s">
        <v>30608</v>
      </c>
      <c r="B12699" s="1" t="s">
        <v>62511</v>
      </c>
      <c r="C12699" s="1" t="s">
        <v>30609</v>
      </c>
      <c r="D12699" s="2">
        <v>165527</v>
      </c>
      <c r="E12699" s="1" t="s">
        <v>0</v>
      </c>
    </row>
    <row r="12700" spans="1:5" ht="409.5" x14ac:dyDescent="0.25">
      <c r="A12700" s="4" t="s">
        <v>30610</v>
      </c>
      <c r="B12700" s="1" t="s">
        <v>62512</v>
      </c>
      <c r="C12700" s="1" t="s">
        <v>30611</v>
      </c>
      <c r="D12700" s="2">
        <v>165528</v>
      </c>
      <c r="E12700" s="1" t="s">
        <v>0</v>
      </c>
    </row>
    <row r="12701" spans="1:5" x14ac:dyDescent="0.25">
      <c r="A12701" s="1" t="s">
        <v>30612</v>
      </c>
      <c r="B12701" s="1" t="s">
        <v>53839</v>
      </c>
      <c r="C12701" s="1" t="s">
        <v>30613</v>
      </c>
      <c r="D12701" s="2">
        <v>165529</v>
      </c>
      <c r="E12701" s="1" t="s">
        <v>0</v>
      </c>
    </row>
    <row r="12702" spans="1:5" x14ac:dyDescent="0.25">
      <c r="A12702" s="2">
        <v>2540</v>
      </c>
      <c r="B12702" s="2">
        <v>2540</v>
      </c>
      <c r="C12702" s="1" t="s">
        <v>0</v>
      </c>
      <c r="D12702" s="2">
        <v>165530</v>
      </c>
      <c r="E12702" s="1" t="s">
        <v>0</v>
      </c>
    </row>
    <row r="12703" spans="1:5" x14ac:dyDescent="0.25">
      <c r="A12703" s="1" t="s">
        <v>2325</v>
      </c>
      <c r="B12703" s="1" t="s">
        <v>8678</v>
      </c>
      <c r="C12703" s="1" t="s">
        <v>30614</v>
      </c>
      <c r="D12703" s="2">
        <v>165531</v>
      </c>
      <c r="E12703" s="1" t="s">
        <v>0</v>
      </c>
    </row>
    <row r="12704" spans="1:5" x14ac:dyDescent="0.25">
      <c r="A12704" s="1" t="s">
        <v>30615</v>
      </c>
      <c r="B12704" s="1" t="s">
        <v>53840</v>
      </c>
      <c r="C12704" s="1" t="s">
        <v>30616</v>
      </c>
      <c r="D12704" s="2">
        <v>165532</v>
      </c>
      <c r="E12704" s="1" t="s">
        <v>0</v>
      </c>
    </row>
    <row r="12705" spans="1:5" ht="409.5" x14ac:dyDescent="0.25">
      <c r="A12705" s="4" t="s">
        <v>30617</v>
      </c>
      <c r="B12705" s="1" t="s">
        <v>58390</v>
      </c>
      <c r="C12705" s="1" t="s">
        <v>30618</v>
      </c>
      <c r="D12705" s="2">
        <v>165533</v>
      </c>
      <c r="E12705" s="1" t="s">
        <v>0</v>
      </c>
    </row>
    <row r="12706" spans="1:5" x14ac:dyDescent="0.25">
      <c r="A12706" s="1" t="s">
        <v>30619</v>
      </c>
      <c r="B12706" s="1" t="s">
        <v>61138</v>
      </c>
      <c r="C12706" s="1" t="s">
        <v>30620</v>
      </c>
      <c r="D12706" s="2">
        <v>165534</v>
      </c>
      <c r="E12706" s="1" t="s">
        <v>0</v>
      </c>
    </row>
    <row r="12707" spans="1:5" x14ac:dyDescent="0.25">
      <c r="A12707" s="2">
        <v>2541</v>
      </c>
      <c r="B12707" s="2">
        <v>2541</v>
      </c>
      <c r="C12707" s="1" t="s">
        <v>0</v>
      </c>
      <c r="D12707" s="2">
        <v>165535</v>
      </c>
      <c r="E12707" s="1" t="s">
        <v>0</v>
      </c>
    </row>
    <row r="12708" spans="1:5" x14ac:dyDescent="0.25">
      <c r="A12708" s="1" t="s">
        <v>2326</v>
      </c>
      <c r="B12708" s="1" t="s">
        <v>60007</v>
      </c>
      <c r="C12708" s="1" t="s">
        <v>30621</v>
      </c>
      <c r="D12708" s="2">
        <v>165536</v>
      </c>
      <c r="E12708" s="1" t="s">
        <v>0</v>
      </c>
    </row>
    <row r="12709" spans="1:5" x14ac:dyDescent="0.25">
      <c r="A12709" s="1" t="s">
        <v>30622</v>
      </c>
      <c r="B12709" s="1" t="s">
        <v>56771</v>
      </c>
      <c r="C12709" s="1" t="s">
        <v>30623</v>
      </c>
      <c r="D12709" s="2">
        <v>165537</v>
      </c>
      <c r="E12709" s="1" t="s">
        <v>0</v>
      </c>
    </row>
    <row r="12710" spans="1:5" ht="409.5" x14ac:dyDescent="0.25">
      <c r="A12710" s="4" t="s">
        <v>30624</v>
      </c>
      <c r="B12710" s="1" t="s">
        <v>57526</v>
      </c>
      <c r="C12710" s="1" t="s">
        <v>30625</v>
      </c>
      <c r="D12710" s="2">
        <v>165538</v>
      </c>
      <c r="E12710" s="1" t="s">
        <v>0</v>
      </c>
    </row>
    <row r="12711" spans="1:5" x14ac:dyDescent="0.25">
      <c r="A12711" s="1" t="s">
        <v>30626</v>
      </c>
      <c r="B12711" s="1" t="s">
        <v>57527</v>
      </c>
      <c r="C12711" s="1" t="s">
        <v>30627</v>
      </c>
      <c r="D12711" s="2">
        <v>165539</v>
      </c>
      <c r="E12711" s="1" t="s">
        <v>0</v>
      </c>
    </row>
    <row r="12712" spans="1:5" x14ac:dyDescent="0.25">
      <c r="A12712" s="2">
        <v>2542</v>
      </c>
      <c r="B12712" s="2">
        <v>2542</v>
      </c>
      <c r="C12712" s="1" t="s">
        <v>0</v>
      </c>
      <c r="D12712" s="2">
        <v>165540</v>
      </c>
      <c r="E12712" s="1" t="s">
        <v>0</v>
      </c>
    </row>
    <row r="12713" spans="1:5" x14ac:dyDescent="0.25">
      <c r="A12713" s="1" t="s">
        <v>2327</v>
      </c>
      <c r="B12713" s="1" t="s">
        <v>60008</v>
      </c>
      <c r="C12713" s="1" t="s">
        <v>30628</v>
      </c>
      <c r="D12713" s="2">
        <v>165541</v>
      </c>
      <c r="E12713" s="1" t="s">
        <v>0</v>
      </c>
    </row>
    <row r="12714" spans="1:5" x14ac:dyDescent="0.25">
      <c r="A12714" s="1" t="s">
        <v>30629</v>
      </c>
      <c r="B12714" s="1" t="s">
        <v>8679</v>
      </c>
      <c r="C12714" s="1" t="s">
        <v>30630</v>
      </c>
      <c r="D12714" s="2">
        <v>165542</v>
      </c>
      <c r="E12714" s="1" t="s">
        <v>0</v>
      </c>
    </row>
    <row r="12715" spans="1:5" ht="409.5" x14ac:dyDescent="0.25">
      <c r="A12715" s="4" t="s">
        <v>30631</v>
      </c>
      <c r="B12715" s="1" t="s">
        <v>60009</v>
      </c>
      <c r="C12715" s="1" t="s">
        <v>30632</v>
      </c>
      <c r="D12715" s="2">
        <v>165543</v>
      </c>
      <c r="E12715" s="1" t="s">
        <v>0</v>
      </c>
    </row>
    <row r="12716" spans="1:5" x14ac:dyDescent="0.25">
      <c r="A12716" s="1" t="s">
        <v>30633</v>
      </c>
      <c r="B12716" s="1" t="s">
        <v>53841</v>
      </c>
      <c r="C12716" s="1" t="s">
        <v>30634</v>
      </c>
      <c r="D12716" s="2">
        <v>165544</v>
      </c>
      <c r="E12716" s="1" t="s">
        <v>0</v>
      </c>
    </row>
    <row r="12717" spans="1:5" x14ac:dyDescent="0.25">
      <c r="A12717" s="2">
        <v>2543</v>
      </c>
      <c r="B12717" s="2">
        <v>2543</v>
      </c>
      <c r="C12717" s="1" t="s">
        <v>0</v>
      </c>
      <c r="D12717" s="2">
        <v>165545</v>
      </c>
      <c r="E12717" s="1" t="s">
        <v>0</v>
      </c>
    </row>
    <row r="12718" spans="1:5" x14ac:dyDescent="0.25">
      <c r="A12718" s="1" t="s">
        <v>8680</v>
      </c>
      <c r="B12718" s="1" t="s">
        <v>50734</v>
      </c>
      <c r="C12718" s="1" t="s">
        <v>30635</v>
      </c>
      <c r="D12718" s="2">
        <v>165546</v>
      </c>
      <c r="E12718" s="1" t="s">
        <v>0</v>
      </c>
    </row>
    <row r="12719" spans="1:5" x14ac:dyDescent="0.25">
      <c r="A12719" s="1" t="s">
        <v>30636</v>
      </c>
      <c r="B12719" s="1" t="s">
        <v>53842</v>
      </c>
      <c r="C12719" s="1" t="s">
        <v>30637</v>
      </c>
      <c r="D12719" s="2">
        <v>165547</v>
      </c>
      <c r="E12719" s="1" t="s">
        <v>0</v>
      </c>
    </row>
    <row r="12720" spans="1:5" ht="409.5" x14ac:dyDescent="0.25">
      <c r="A12720" s="4" t="s">
        <v>30638</v>
      </c>
      <c r="B12720" s="1" t="s">
        <v>53843</v>
      </c>
      <c r="C12720" s="1" t="s">
        <v>30639</v>
      </c>
      <c r="D12720" s="2">
        <v>165548</v>
      </c>
      <c r="E12720" s="1" t="s">
        <v>0</v>
      </c>
    </row>
    <row r="12721" spans="1:5" x14ac:dyDescent="0.25">
      <c r="A12721" s="1" t="s">
        <v>30640</v>
      </c>
      <c r="B12721" s="1" t="s">
        <v>8681</v>
      </c>
      <c r="C12721" s="1" t="s">
        <v>30641</v>
      </c>
      <c r="D12721" s="2">
        <v>165549</v>
      </c>
      <c r="E12721" s="1" t="s">
        <v>0</v>
      </c>
    </row>
    <row r="12722" spans="1:5" x14ac:dyDescent="0.25">
      <c r="A12722" s="2">
        <v>2544</v>
      </c>
      <c r="B12722" s="2">
        <v>2544</v>
      </c>
      <c r="C12722" s="1" t="s">
        <v>0</v>
      </c>
      <c r="D12722" s="2">
        <v>165550</v>
      </c>
      <c r="E12722" s="1" t="s">
        <v>0</v>
      </c>
    </row>
    <row r="12723" spans="1:5" x14ac:dyDescent="0.25">
      <c r="A12723" s="1" t="s">
        <v>2328</v>
      </c>
      <c r="B12723" s="1" t="s">
        <v>8682</v>
      </c>
      <c r="C12723" s="1" t="s">
        <v>30642</v>
      </c>
      <c r="D12723" s="2">
        <v>165551</v>
      </c>
      <c r="E12723" s="1" t="s">
        <v>0</v>
      </c>
    </row>
    <row r="12724" spans="1:5" x14ac:dyDescent="0.25">
      <c r="A12724" s="1" t="s">
        <v>64174</v>
      </c>
      <c r="B12724" s="1" t="s">
        <v>53844</v>
      </c>
      <c r="C12724" s="1" t="s">
        <v>30643</v>
      </c>
      <c r="D12724" s="2">
        <v>165552</v>
      </c>
      <c r="E12724" s="1" t="s">
        <v>0</v>
      </c>
    </row>
    <row r="12725" spans="1:5" ht="409.5" x14ac:dyDescent="0.25">
      <c r="A12725" s="4" t="s">
        <v>64175</v>
      </c>
      <c r="B12725" s="1" t="s">
        <v>53845</v>
      </c>
      <c r="C12725" s="1" t="s">
        <v>30644</v>
      </c>
      <c r="D12725" s="2">
        <v>165553</v>
      </c>
      <c r="E12725" s="1" t="s">
        <v>0</v>
      </c>
    </row>
    <row r="12726" spans="1:5" x14ac:dyDescent="0.25">
      <c r="A12726" s="1" t="s">
        <v>14572</v>
      </c>
      <c r="B12726" s="1" t="s">
        <v>60869</v>
      </c>
      <c r="C12726" s="1" t="s">
        <v>14573</v>
      </c>
      <c r="D12726" s="2">
        <v>165554</v>
      </c>
      <c r="E12726" s="1" t="s">
        <v>0</v>
      </c>
    </row>
    <row r="12727" spans="1:5" x14ac:dyDescent="0.25">
      <c r="A12727" s="2">
        <v>2545</v>
      </c>
      <c r="B12727" s="2">
        <v>2545</v>
      </c>
      <c r="C12727" s="1" t="s">
        <v>0</v>
      </c>
      <c r="D12727" s="2">
        <v>165555</v>
      </c>
      <c r="E12727" s="1" t="s">
        <v>0</v>
      </c>
    </row>
    <row r="12728" spans="1:5" x14ac:dyDescent="0.25">
      <c r="A12728" s="1" t="s">
        <v>2329</v>
      </c>
      <c r="B12728" s="1" t="s">
        <v>8683</v>
      </c>
      <c r="C12728" s="1" t="s">
        <v>30645</v>
      </c>
      <c r="D12728" s="2">
        <v>165556</v>
      </c>
      <c r="E12728" s="1" t="s">
        <v>0</v>
      </c>
    </row>
    <row r="12729" spans="1:5" x14ac:dyDescent="0.25">
      <c r="A12729" s="1" t="s">
        <v>30646</v>
      </c>
      <c r="B12729" s="1" t="s">
        <v>53846</v>
      </c>
      <c r="C12729" s="1" t="s">
        <v>30647</v>
      </c>
      <c r="D12729" s="2">
        <v>165557</v>
      </c>
      <c r="E12729" s="1" t="s">
        <v>0</v>
      </c>
    </row>
    <row r="12730" spans="1:5" ht="409.5" x14ac:dyDescent="0.25">
      <c r="A12730" s="4" t="s">
        <v>30648</v>
      </c>
      <c r="B12730" s="1" t="s">
        <v>60505</v>
      </c>
      <c r="C12730" s="1" t="s">
        <v>30649</v>
      </c>
      <c r="D12730" s="2">
        <v>165558</v>
      </c>
      <c r="E12730" s="1" t="s">
        <v>0</v>
      </c>
    </row>
    <row r="12731" spans="1:5" x14ac:dyDescent="0.25">
      <c r="A12731" s="1" t="s">
        <v>30650</v>
      </c>
      <c r="B12731" s="1" t="s">
        <v>8684</v>
      </c>
      <c r="C12731" s="1" t="s">
        <v>30651</v>
      </c>
      <c r="D12731" s="2">
        <v>165559</v>
      </c>
      <c r="E12731" s="1" t="s">
        <v>0</v>
      </c>
    </row>
    <row r="12732" spans="1:5" x14ac:dyDescent="0.25">
      <c r="A12732" s="2">
        <v>2546</v>
      </c>
      <c r="B12732" s="2">
        <v>2546</v>
      </c>
      <c r="C12732" s="1" t="s">
        <v>0</v>
      </c>
      <c r="D12732" s="2">
        <v>165560</v>
      </c>
      <c r="E12732" s="1" t="s">
        <v>0</v>
      </c>
    </row>
    <row r="12733" spans="1:5" x14ac:dyDescent="0.25">
      <c r="A12733" s="1" t="s">
        <v>2330</v>
      </c>
      <c r="B12733" s="1" t="s">
        <v>8685</v>
      </c>
      <c r="C12733" s="1" t="s">
        <v>30652</v>
      </c>
      <c r="D12733" s="2">
        <v>165561</v>
      </c>
      <c r="E12733" s="1" t="s">
        <v>0</v>
      </c>
    </row>
    <row r="12734" spans="1:5" x14ac:dyDescent="0.25">
      <c r="A12734" s="1" t="s">
        <v>30653</v>
      </c>
      <c r="B12734" s="1" t="s">
        <v>63366</v>
      </c>
      <c r="C12734" s="1" t="s">
        <v>30654</v>
      </c>
      <c r="D12734" s="2">
        <v>165562</v>
      </c>
      <c r="E12734" s="1" t="s">
        <v>0</v>
      </c>
    </row>
    <row r="12735" spans="1:5" ht="409.5" x14ac:dyDescent="0.25">
      <c r="A12735" s="4" t="s">
        <v>30655</v>
      </c>
      <c r="B12735" s="1" t="s">
        <v>63367</v>
      </c>
      <c r="C12735" s="1" t="s">
        <v>30656</v>
      </c>
      <c r="D12735" s="2">
        <v>165563</v>
      </c>
      <c r="E12735" s="1" t="s">
        <v>0</v>
      </c>
    </row>
    <row r="12736" spans="1:5" x14ac:dyDescent="0.25">
      <c r="A12736" s="1" t="s">
        <v>30657</v>
      </c>
      <c r="B12736" s="1" t="s">
        <v>8686</v>
      </c>
      <c r="C12736" s="1" t="s">
        <v>30658</v>
      </c>
      <c r="D12736" s="2">
        <v>165564</v>
      </c>
      <c r="E12736" s="1" t="s">
        <v>0</v>
      </c>
    </row>
    <row r="12737" spans="1:5" x14ac:dyDescent="0.25">
      <c r="A12737" s="2">
        <v>2547</v>
      </c>
      <c r="B12737" s="2">
        <v>2547</v>
      </c>
      <c r="C12737" s="1" t="s">
        <v>0</v>
      </c>
      <c r="D12737" s="2">
        <v>165565</v>
      </c>
      <c r="E12737" s="1" t="s">
        <v>0</v>
      </c>
    </row>
    <row r="12738" spans="1:5" x14ac:dyDescent="0.25">
      <c r="A12738" s="1" t="s">
        <v>2331</v>
      </c>
      <c r="B12738" s="1" t="s">
        <v>8687</v>
      </c>
      <c r="C12738" s="1" t="s">
        <v>30659</v>
      </c>
      <c r="D12738" s="2">
        <v>165566</v>
      </c>
      <c r="E12738" s="1" t="s">
        <v>0</v>
      </c>
    </row>
    <row r="12739" spans="1:5" x14ac:dyDescent="0.25">
      <c r="A12739" s="1" t="s">
        <v>30660</v>
      </c>
      <c r="B12739" s="1" t="s">
        <v>57528</v>
      </c>
      <c r="C12739" s="1" t="s">
        <v>30661</v>
      </c>
      <c r="D12739" s="2">
        <v>165567</v>
      </c>
      <c r="E12739" s="1" t="s">
        <v>0</v>
      </c>
    </row>
    <row r="12740" spans="1:5" ht="409.5" x14ac:dyDescent="0.25">
      <c r="A12740" s="4" t="s">
        <v>30662</v>
      </c>
      <c r="B12740" s="1" t="s">
        <v>62513</v>
      </c>
      <c r="C12740" s="1" t="s">
        <v>30663</v>
      </c>
      <c r="D12740" s="2">
        <v>165568</v>
      </c>
      <c r="E12740" s="1" t="s">
        <v>0</v>
      </c>
    </row>
    <row r="12741" spans="1:5" x14ac:dyDescent="0.25">
      <c r="A12741" s="1" t="s">
        <v>30664</v>
      </c>
      <c r="B12741" s="1" t="s">
        <v>57529</v>
      </c>
      <c r="C12741" s="1" t="s">
        <v>30665</v>
      </c>
      <c r="D12741" s="2">
        <v>165569</v>
      </c>
      <c r="E12741" s="1" t="s">
        <v>0</v>
      </c>
    </row>
    <row r="12742" spans="1:5" x14ac:dyDescent="0.25">
      <c r="A12742" s="2">
        <v>2548</v>
      </c>
      <c r="B12742" s="2">
        <v>2548</v>
      </c>
      <c r="C12742" s="1" t="s">
        <v>0</v>
      </c>
      <c r="D12742" s="2">
        <v>165570</v>
      </c>
      <c r="E12742" s="1" t="s">
        <v>0</v>
      </c>
    </row>
    <row r="12743" spans="1:5" x14ac:dyDescent="0.25">
      <c r="A12743" s="1" t="s">
        <v>2332</v>
      </c>
      <c r="B12743" s="1" t="s">
        <v>8688</v>
      </c>
      <c r="C12743" s="1" t="s">
        <v>30666</v>
      </c>
      <c r="D12743" s="2">
        <v>165571</v>
      </c>
      <c r="E12743" s="1" t="s">
        <v>0</v>
      </c>
    </row>
    <row r="12744" spans="1:5" x14ac:dyDescent="0.25">
      <c r="A12744" s="1" t="s">
        <v>30667</v>
      </c>
      <c r="B12744" s="1" t="s">
        <v>53847</v>
      </c>
      <c r="C12744" s="1" t="s">
        <v>30668</v>
      </c>
      <c r="D12744" s="2">
        <v>165572</v>
      </c>
      <c r="E12744" s="1" t="s">
        <v>0</v>
      </c>
    </row>
    <row r="12745" spans="1:5" ht="409.5" x14ac:dyDescent="0.25">
      <c r="A12745" s="4" t="s">
        <v>30669</v>
      </c>
      <c r="B12745" s="1" t="s">
        <v>53848</v>
      </c>
      <c r="C12745" s="1" t="s">
        <v>30670</v>
      </c>
      <c r="D12745" s="2">
        <v>165573</v>
      </c>
      <c r="E12745" s="1" t="s">
        <v>0</v>
      </c>
    </row>
    <row r="12746" spans="1:5" x14ac:dyDescent="0.25">
      <c r="A12746" s="1" t="s">
        <v>30671</v>
      </c>
      <c r="B12746" s="1" t="s">
        <v>61139</v>
      </c>
      <c r="C12746" s="1" t="s">
        <v>30672</v>
      </c>
      <c r="D12746" s="2">
        <v>165574</v>
      </c>
      <c r="E12746" s="1" t="s">
        <v>0</v>
      </c>
    </row>
    <row r="12747" spans="1:5" x14ac:dyDescent="0.25">
      <c r="A12747" s="2">
        <v>2549</v>
      </c>
      <c r="B12747" s="2">
        <v>2549</v>
      </c>
      <c r="C12747" s="1" t="s">
        <v>0</v>
      </c>
      <c r="D12747" s="2">
        <v>165575</v>
      </c>
      <c r="E12747" s="1" t="s">
        <v>0</v>
      </c>
    </row>
    <row r="12748" spans="1:5" x14ac:dyDescent="0.25">
      <c r="A12748" s="1" t="s">
        <v>13136</v>
      </c>
      <c r="B12748" s="1" t="s">
        <v>8689</v>
      </c>
      <c r="C12748" s="1" t="s">
        <v>30673</v>
      </c>
      <c r="D12748" s="2">
        <v>165576</v>
      </c>
      <c r="E12748" s="1" t="s">
        <v>0</v>
      </c>
    </row>
    <row r="12749" spans="1:5" x14ac:dyDescent="0.25">
      <c r="A12749" s="1" t="s">
        <v>30674</v>
      </c>
      <c r="B12749" s="1" t="s">
        <v>53849</v>
      </c>
      <c r="C12749" s="1" t="s">
        <v>30675</v>
      </c>
      <c r="D12749" s="2">
        <v>165577</v>
      </c>
      <c r="E12749" s="1" t="s">
        <v>0</v>
      </c>
    </row>
    <row r="12750" spans="1:5" ht="409.5" x14ac:dyDescent="0.25">
      <c r="A12750" s="4" t="s">
        <v>30676</v>
      </c>
      <c r="B12750" s="1" t="s">
        <v>53850</v>
      </c>
      <c r="C12750" s="1" t="s">
        <v>30677</v>
      </c>
      <c r="D12750" s="2">
        <v>165578</v>
      </c>
      <c r="E12750" s="1" t="s">
        <v>0</v>
      </c>
    </row>
    <row r="12751" spans="1:5" x14ac:dyDescent="0.25">
      <c r="A12751" s="1" t="s">
        <v>30678</v>
      </c>
      <c r="B12751" s="1" t="s">
        <v>57222</v>
      </c>
      <c r="C12751" s="1" t="s">
        <v>30679</v>
      </c>
      <c r="D12751" s="2">
        <v>165579</v>
      </c>
      <c r="E12751" s="1" t="s">
        <v>0</v>
      </c>
    </row>
    <row r="12752" spans="1:5" x14ac:dyDescent="0.25">
      <c r="A12752" s="2">
        <v>2550</v>
      </c>
      <c r="B12752" s="2">
        <v>2550</v>
      </c>
      <c r="C12752" s="1" t="s">
        <v>0</v>
      </c>
      <c r="D12752" s="2">
        <v>165580</v>
      </c>
      <c r="E12752" s="1" t="s">
        <v>0</v>
      </c>
    </row>
    <row r="12753" spans="1:5" x14ac:dyDescent="0.25">
      <c r="A12753" s="1" t="s">
        <v>2333</v>
      </c>
      <c r="B12753" s="1" t="s">
        <v>8690</v>
      </c>
      <c r="C12753" s="1" t="s">
        <v>30680</v>
      </c>
      <c r="D12753" s="2">
        <v>165581</v>
      </c>
      <c r="E12753" s="1" t="s">
        <v>0</v>
      </c>
    </row>
    <row r="12754" spans="1:5" x14ac:dyDescent="0.25">
      <c r="A12754" s="1" t="s">
        <v>30681</v>
      </c>
      <c r="B12754" s="1" t="s">
        <v>60614</v>
      </c>
      <c r="C12754" s="1" t="s">
        <v>30682</v>
      </c>
      <c r="D12754" s="2">
        <v>165582</v>
      </c>
      <c r="E12754" s="1" t="s">
        <v>0</v>
      </c>
    </row>
    <row r="12755" spans="1:5" ht="409.5" x14ac:dyDescent="0.25">
      <c r="A12755" s="4" t="s">
        <v>30683</v>
      </c>
      <c r="B12755" s="1" t="s">
        <v>60615</v>
      </c>
      <c r="C12755" s="1" t="s">
        <v>30684</v>
      </c>
      <c r="D12755" s="2">
        <v>165583</v>
      </c>
      <c r="E12755" s="1" t="s">
        <v>0</v>
      </c>
    </row>
    <row r="12756" spans="1:5" x14ac:dyDescent="0.25">
      <c r="A12756" s="1" t="s">
        <v>30685</v>
      </c>
      <c r="B12756" s="1" t="s">
        <v>8691</v>
      </c>
      <c r="C12756" s="1" t="s">
        <v>30686</v>
      </c>
      <c r="D12756" s="2">
        <v>165584</v>
      </c>
      <c r="E12756" s="1" t="s">
        <v>0</v>
      </c>
    </row>
    <row r="12757" spans="1:5" x14ac:dyDescent="0.25">
      <c r="A12757" s="2">
        <v>2551</v>
      </c>
      <c r="B12757" s="2">
        <v>2551</v>
      </c>
      <c r="C12757" s="1" t="s">
        <v>0</v>
      </c>
      <c r="D12757" s="2">
        <v>165585</v>
      </c>
      <c r="E12757" s="1" t="s">
        <v>0</v>
      </c>
    </row>
    <row r="12758" spans="1:5" x14ac:dyDescent="0.25">
      <c r="A12758" s="1" t="s">
        <v>2334</v>
      </c>
      <c r="B12758" s="1" t="s">
        <v>8692</v>
      </c>
      <c r="C12758" s="1" t="s">
        <v>30687</v>
      </c>
      <c r="D12758" s="2">
        <v>165586</v>
      </c>
      <c r="E12758" s="1" t="s">
        <v>0</v>
      </c>
    </row>
    <row r="12759" spans="1:5" x14ac:dyDescent="0.25">
      <c r="A12759" s="1" t="s">
        <v>30688</v>
      </c>
      <c r="B12759" s="1" t="s">
        <v>57850</v>
      </c>
      <c r="C12759" s="1" t="s">
        <v>30689</v>
      </c>
      <c r="D12759" s="2">
        <v>165587</v>
      </c>
      <c r="E12759" s="1" t="s">
        <v>0</v>
      </c>
    </row>
    <row r="12760" spans="1:5" ht="409.5" x14ac:dyDescent="0.25">
      <c r="A12760" s="4" t="s">
        <v>30690</v>
      </c>
      <c r="B12760" s="1" t="s">
        <v>57851</v>
      </c>
      <c r="C12760" s="1" t="s">
        <v>30691</v>
      </c>
      <c r="D12760" s="2">
        <v>165588</v>
      </c>
      <c r="E12760" s="1" t="s">
        <v>0</v>
      </c>
    </row>
    <row r="12761" spans="1:5" x14ac:dyDescent="0.25">
      <c r="A12761" s="1" t="s">
        <v>30692</v>
      </c>
      <c r="B12761" s="1" t="s">
        <v>53851</v>
      </c>
      <c r="C12761" s="1" t="s">
        <v>30693</v>
      </c>
      <c r="D12761" s="2">
        <v>165589</v>
      </c>
      <c r="E12761" s="1" t="s">
        <v>0</v>
      </c>
    </row>
    <row r="12762" spans="1:5" x14ac:dyDescent="0.25">
      <c r="A12762" s="2">
        <v>2552</v>
      </c>
      <c r="B12762" s="2">
        <v>2552</v>
      </c>
      <c r="C12762" s="1" t="s">
        <v>0</v>
      </c>
      <c r="D12762" s="2">
        <v>165590</v>
      </c>
      <c r="E12762" s="1" t="s">
        <v>0</v>
      </c>
    </row>
    <row r="12763" spans="1:5" x14ac:dyDescent="0.25">
      <c r="A12763" s="1" t="s">
        <v>8693</v>
      </c>
      <c r="B12763" s="1" t="s">
        <v>8694</v>
      </c>
      <c r="C12763" s="1" t="s">
        <v>30694</v>
      </c>
      <c r="D12763" s="2">
        <v>165591</v>
      </c>
      <c r="E12763" s="1" t="s">
        <v>0</v>
      </c>
    </row>
    <row r="12764" spans="1:5" x14ac:dyDescent="0.25">
      <c r="A12764" s="1" t="s">
        <v>30695</v>
      </c>
      <c r="B12764" s="1" t="s">
        <v>53852</v>
      </c>
      <c r="C12764" s="1" t="s">
        <v>30696</v>
      </c>
      <c r="D12764" s="2">
        <v>165592</v>
      </c>
      <c r="E12764" s="1" t="s">
        <v>0</v>
      </c>
    </row>
    <row r="12765" spans="1:5" ht="409.5" x14ac:dyDescent="0.25">
      <c r="A12765" s="4" t="s">
        <v>30697</v>
      </c>
      <c r="B12765" s="1" t="s">
        <v>57678</v>
      </c>
      <c r="C12765" s="1" t="s">
        <v>30698</v>
      </c>
      <c r="D12765" s="2">
        <v>165593</v>
      </c>
      <c r="E12765" s="1" t="s">
        <v>0</v>
      </c>
    </row>
    <row r="12766" spans="1:5" x14ac:dyDescent="0.25">
      <c r="A12766" s="1" t="s">
        <v>30699</v>
      </c>
      <c r="B12766" s="1" t="s">
        <v>8695</v>
      </c>
      <c r="C12766" s="1" t="s">
        <v>30700</v>
      </c>
      <c r="D12766" s="2">
        <v>165594</v>
      </c>
      <c r="E12766" s="1" t="s">
        <v>0</v>
      </c>
    </row>
    <row r="12767" spans="1:5" x14ac:dyDescent="0.25">
      <c r="A12767" s="2">
        <v>2553</v>
      </c>
      <c r="B12767" s="2">
        <v>2553</v>
      </c>
      <c r="C12767" s="1" t="s">
        <v>0</v>
      </c>
      <c r="D12767" s="2">
        <v>165595</v>
      </c>
      <c r="E12767" s="1" t="s">
        <v>0</v>
      </c>
    </row>
    <row r="12768" spans="1:5" x14ac:dyDescent="0.25">
      <c r="A12768" s="1" t="s">
        <v>2335</v>
      </c>
      <c r="B12768" s="1" t="s">
        <v>8696</v>
      </c>
      <c r="C12768" s="1" t="s">
        <v>30701</v>
      </c>
      <c r="D12768" s="2">
        <v>165596</v>
      </c>
      <c r="E12768" s="1" t="s">
        <v>0</v>
      </c>
    </row>
    <row r="12769" spans="1:5" x14ac:dyDescent="0.25">
      <c r="A12769" s="1" t="s">
        <v>30702</v>
      </c>
      <c r="B12769" s="1" t="s">
        <v>61662</v>
      </c>
      <c r="C12769" s="1" t="s">
        <v>30703</v>
      </c>
      <c r="D12769" s="2">
        <v>165597</v>
      </c>
      <c r="E12769" s="1" t="s">
        <v>0</v>
      </c>
    </row>
    <row r="12770" spans="1:5" ht="409.5" x14ac:dyDescent="0.25">
      <c r="A12770" s="4" t="s">
        <v>30704</v>
      </c>
      <c r="B12770" s="1" t="s">
        <v>61663</v>
      </c>
      <c r="C12770" s="1" t="s">
        <v>30705</v>
      </c>
      <c r="D12770" s="2">
        <v>165598</v>
      </c>
      <c r="E12770" s="1" t="s">
        <v>0</v>
      </c>
    </row>
    <row r="12771" spans="1:5" x14ac:dyDescent="0.25">
      <c r="A12771" s="1" t="s">
        <v>30706</v>
      </c>
      <c r="B12771" s="1" t="s">
        <v>8697</v>
      </c>
      <c r="C12771" s="1" t="s">
        <v>30707</v>
      </c>
      <c r="D12771" s="2">
        <v>165599</v>
      </c>
      <c r="E12771" s="1" t="s">
        <v>0</v>
      </c>
    </row>
    <row r="12772" spans="1:5" x14ac:dyDescent="0.25">
      <c r="A12772" s="2">
        <v>2554</v>
      </c>
      <c r="B12772" s="2">
        <v>2554</v>
      </c>
      <c r="C12772" s="1" t="s">
        <v>0</v>
      </c>
      <c r="D12772" s="2">
        <v>165600</v>
      </c>
      <c r="E12772" s="1" t="s">
        <v>0</v>
      </c>
    </row>
    <row r="12773" spans="1:5" x14ac:dyDescent="0.25">
      <c r="A12773" s="1" t="s">
        <v>2336</v>
      </c>
      <c r="B12773" s="1" t="s">
        <v>8698</v>
      </c>
      <c r="C12773" s="1" t="s">
        <v>30708</v>
      </c>
      <c r="D12773" s="2">
        <v>165601</v>
      </c>
      <c r="E12773" s="1" t="s">
        <v>0</v>
      </c>
    </row>
    <row r="12774" spans="1:5" x14ac:dyDescent="0.25">
      <c r="A12774" s="1" t="s">
        <v>30709</v>
      </c>
      <c r="B12774" s="1" t="s">
        <v>8699</v>
      </c>
      <c r="C12774" s="1" t="s">
        <v>30710</v>
      </c>
      <c r="D12774" s="2">
        <v>165602</v>
      </c>
      <c r="E12774" s="1" t="s">
        <v>0</v>
      </c>
    </row>
    <row r="12775" spans="1:5" ht="409.5" x14ac:dyDescent="0.25">
      <c r="A12775" s="4" t="s">
        <v>30711</v>
      </c>
      <c r="B12775" s="1" t="s">
        <v>8700</v>
      </c>
      <c r="C12775" s="1" t="s">
        <v>30712</v>
      </c>
      <c r="D12775" s="2">
        <v>165603</v>
      </c>
      <c r="E12775" s="1" t="s">
        <v>0</v>
      </c>
    </row>
    <row r="12776" spans="1:5" x14ac:dyDescent="0.25">
      <c r="A12776" s="1" t="s">
        <v>30713</v>
      </c>
      <c r="B12776" s="1" t="s">
        <v>53853</v>
      </c>
      <c r="C12776" s="1" t="s">
        <v>30714</v>
      </c>
      <c r="D12776" s="2">
        <v>165604</v>
      </c>
      <c r="E12776" s="1" t="s">
        <v>0</v>
      </c>
    </row>
    <row r="12777" spans="1:5" x14ac:dyDescent="0.25">
      <c r="A12777" s="2">
        <v>2555</v>
      </c>
      <c r="B12777" s="2">
        <v>2555</v>
      </c>
      <c r="C12777" s="1" t="s">
        <v>0</v>
      </c>
      <c r="D12777" s="2">
        <v>165605</v>
      </c>
      <c r="E12777" s="1" t="s">
        <v>0</v>
      </c>
    </row>
    <row r="12778" spans="1:5" x14ac:dyDescent="0.25">
      <c r="A12778" s="1" t="s">
        <v>2337</v>
      </c>
      <c r="B12778" s="1" t="s">
        <v>8701</v>
      </c>
      <c r="C12778" s="1" t="s">
        <v>30715</v>
      </c>
      <c r="D12778" s="2">
        <v>165606</v>
      </c>
      <c r="E12778" s="1" t="s">
        <v>0</v>
      </c>
    </row>
    <row r="12779" spans="1:5" x14ac:dyDescent="0.25">
      <c r="A12779" s="1" t="s">
        <v>30716</v>
      </c>
      <c r="B12779" s="1" t="s">
        <v>50735</v>
      </c>
      <c r="C12779" s="1" t="s">
        <v>30717</v>
      </c>
      <c r="D12779" s="2">
        <v>165607</v>
      </c>
      <c r="E12779" s="1" t="s">
        <v>0</v>
      </c>
    </row>
    <row r="12780" spans="1:5" ht="409.5" x14ac:dyDescent="0.25">
      <c r="A12780" s="4" t="s">
        <v>30718</v>
      </c>
      <c r="B12780" s="1" t="s">
        <v>50736</v>
      </c>
      <c r="C12780" s="1" t="s">
        <v>30719</v>
      </c>
      <c r="D12780" s="2">
        <v>165608</v>
      </c>
      <c r="E12780" s="1" t="s">
        <v>0</v>
      </c>
    </row>
    <row r="12781" spans="1:5" x14ac:dyDescent="0.25">
      <c r="A12781" s="1" t="s">
        <v>30720</v>
      </c>
      <c r="B12781" s="1" t="s">
        <v>61140</v>
      </c>
      <c r="C12781" s="1" t="s">
        <v>30721</v>
      </c>
      <c r="D12781" s="2">
        <v>165609</v>
      </c>
      <c r="E12781" s="1" t="s">
        <v>0</v>
      </c>
    </row>
    <row r="12782" spans="1:5" x14ac:dyDescent="0.25">
      <c r="A12782" s="2">
        <v>2556</v>
      </c>
      <c r="B12782" s="2">
        <v>2556</v>
      </c>
      <c r="C12782" s="1" t="s">
        <v>0</v>
      </c>
      <c r="D12782" s="2">
        <v>165610</v>
      </c>
      <c r="E12782" s="1" t="s">
        <v>0</v>
      </c>
    </row>
    <row r="12783" spans="1:5" x14ac:dyDescent="0.25">
      <c r="A12783" s="1" t="s">
        <v>2338</v>
      </c>
      <c r="B12783" s="1" t="s">
        <v>8702</v>
      </c>
      <c r="C12783" s="1" t="s">
        <v>30722</v>
      </c>
      <c r="D12783" s="2">
        <v>165611</v>
      </c>
      <c r="E12783" s="1" t="s">
        <v>0</v>
      </c>
    </row>
    <row r="12784" spans="1:5" x14ac:dyDescent="0.25">
      <c r="A12784" s="1" t="s">
        <v>30723</v>
      </c>
      <c r="B12784" s="1" t="s">
        <v>30724</v>
      </c>
      <c r="C12784" s="1" t="s">
        <v>30725</v>
      </c>
      <c r="D12784" s="2">
        <v>165612</v>
      </c>
      <c r="E12784" s="1" t="s">
        <v>0</v>
      </c>
    </row>
    <row r="12785" spans="1:5" ht="409.5" x14ac:dyDescent="0.25">
      <c r="A12785" s="4" t="s">
        <v>30726</v>
      </c>
      <c r="B12785" s="1" t="s">
        <v>30727</v>
      </c>
      <c r="C12785" s="1" t="s">
        <v>30728</v>
      </c>
      <c r="D12785" s="2">
        <v>165613</v>
      </c>
      <c r="E12785" s="1" t="s">
        <v>0</v>
      </c>
    </row>
    <row r="12786" spans="1:5" x14ac:dyDescent="0.25">
      <c r="A12786" s="1" t="s">
        <v>30729</v>
      </c>
      <c r="B12786" s="1" t="s">
        <v>53854</v>
      </c>
      <c r="C12786" s="1" t="s">
        <v>30730</v>
      </c>
      <c r="D12786" s="2">
        <v>165614</v>
      </c>
      <c r="E12786" s="1" t="s">
        <v>0</v>
      </c>
    </row>
    <row r="12787" spans="1:5" x14ac:dyDescent="0.25">
      <c r="A12787" s="2">
        <v>2557</v>
      </c>
      <c r="B12787" s="2">
        <v>2557</v>
      </c>
      <c r="C12787" s="1" t="s">
        <v>0</v>
      </c>
      <c r="D12787" s="2">
        <v>165615</v>
      </c>
      <c r="E12787" s="1" t="s">
        <v>0</v>
      </c>
    </row>
    <row r="12788" spans="1:5" x14ac:dyDescent="0.25">
      <c r="A12788" s="1" t="s">
        <v>2339</v>
      </c>
      <c r="B12788" s="1" t="s">
        <v>8703</v>
      </c>
      <c r="C12788" s="1" t="s">
        <v>30731</v>
      </c>
      <c r="D12788" s="2">
        <v>165616</v>
      </c>
      <c r="E12788" s="1" t="s">
        <v>0</v>
      </c>
    </row>
    <row r="12789" spans="1:5" x14ac:dyDescent="0.25">
      <c r="A12789" s="1" t="s">
        <v>30732</v>
      </c>
      <c r="B12789" s="1" t="s">
        <v>53855</v>
      </c>
      <c r="C12789" s="1" t="s">
        <v>30733</v>
      </c>
      <c r="D12789" s="2">
        <v>165617</v>
      </c>
      <c r="E12789" s="1" t="s">
        <v>0</v>
      </c>
    </row>
    <row r="12790" spans="1:5" ht="409.5" x14ac:dyDescent="0.25">
      <c r="A12790" s="4" t="s">
        <v>30734</v>
      </c>
      <c r="B12790" s="1" t="s">
        <v>53856</v>
      </c>
      <c r="C12790" s="1" t="s">
        <v>30735</v>
      </c>
      <c r="D12790" s="2">
        <v>165618</v>
      </c>
      <c r="E12790" s="1" t="s">
        <v>0</v>
      </c>
    </row>
    <row r="12791" spans="1:5" x14ac:dyDescent="0.25">
      <c r="A12791" s="1" t="s">
        <v>30736</v>
      </c>
      <c r="B12791" s="1" t="s">
        <v>53857</v>
      </c>
      <c r="C12791" s="1" t="s">
        <v>30737</v>
      </c>
      <c r="D12791" s="2">
        <v>165619</v>
      </c>
      <c r="E12791" s="1" t="s">
        <v>0</v>
      </c>
    </row>
    <row r="12792" spans="1:5" x14ac:dyDescent="0.25">
      <c r="A12792" s="2">
        <v>2558</v>
      </c>
      <c r="B12792" s="2">
        <v>2558</v>
      </c>
      <c r="C12792" s="1" t="s">
        <v>0</v>
      </c>
      <c r="D12792" s="2">
        <v>165620</v>
      </c>
      <c r="E12792" s="1" t="s">
        <v>0</v>
      </c>
    </row>
    <row r="12793" spans="1:5" x14ac:dyDescent="0.25">
      <c r="A12793" s="1" t="s">
        <v>2340</v>
      </c>
      <c r="B12793" s="1" t="s">
        <v>60010</v>
      </c>
      <c r="C12793" s="1" t="s">
        <v>30738</v>
      </c>
      <c r="D12793" s="2">
        <v>165621</v>
      </c>
      <c r="E12793" s="1" t="s">
        <v>0</v>
      </c>
    </row>
    <row r="12794" spans="1:5" x14ac:dyDescent="0.25">
      <c r="A12794" s="1" t="s">
        <v>30739</v>
      </c>
      <c r="B12794" s="1" t="s">
        <v>62514</v>
      </c>
      <c r="C12794" s="1" t="s">
        <v>30740</v>
      </c>
      <c r="D12794" s="2">
        <v>165622</v>
      </c>
      <c r="E12794" s="1" t="s">
        <v>0</v>
      </c>
    </row>
    <row r="12795" spans="1:5" ht="409.5" x14ac:dyDescent="0.25">
      <c r="A12795" s="4" t="s">
        <v>30741</v>
      </c>
      <c r="B12795" s="1" t="s">
        <v>62515</v>
      </c>
      <c r="C12795" s="1" t="s">
        <v>30742</v>
      </c>
      <c r="D12795" s="2">
        <v>165623</v>
      </c>
      <c r="E12795" s="1" t="s">
        <v>0</v>
      </c>
    </row>
    <row r="12796" spans="1:5" x14ac:dyDescent="0.25">
      <c r="A12796" s="1" t="s">
        <v>30743</v>
      </c>
      <c r="B12796" s="1" t="s">
        <v>53858</v>
      </c>
      <c r="C12796" s="1" t="s">
        <v>30744</v>
      </c>
      <c r="D12796" s="2">
        <v>165624</v>
      </c>
      <c r="E12796" s="1" t="s">
        <v>0</v>
      </c>
    </row>
    <row r="12797" spans="1:5" x14ac:dyDescent="0.25">
      <c r="A12797" s="2">
        <v>2559</v>
      </c>
      <c r="B12797" s="2">
        <v>2559</v>
      </c>
      <c r="C12797" s="1" t="s">
        <v>0</v>
      </c>
      <c r="D12797" s="2">
        <v>165625</v>
      </c>
      <c r="E12797" s="1" t="s">
        <v>0</v>
      </c>
    </row>
    <row r="12798" spans="1:5" x14ac:dyDescent="0.25">
      <c r="A12798" s="1" t="s">
        <v>2341</v>
      </c>
      <c r="B12798" s="1" t="s">
        <v>56946</v>
      </c>
      <c r="C12798" s="1" t="s">
        <v>30745</v>
      </c>
      <c r="D12798" s="2">
        <v>165626</v>
      </c>
      <c r="E12798" s="1" t="s">
        <v>0</v>
      </c>
    </row>
    <row r="12799" spans="1:5" x14ac:dyDescent="0.25">
      <c r="A12799" s="1" t="s">
        <v>30746</v>
      </c>
      <c r="B12799" s="1" t="s">
        <v>62516</v>
      </c>
      <c r="C12799" s="1" t="s">
        <v>30747</v>
      </c>
      <c r="D12799" s="2">
        <v>165627</v>
      </c>
      <c r="E12799" s="1" t="s">
        <v>0</v>
      </c>
    </row>
    <row r="12800" spans="1:5" ht="409.5" x14ac:dyDescent="0.25">
      <c r="A12800" s="4" t="s">
        <v>30748</v>
      </c>
      <c r="B12800" s="1" t="s">
        <v>62517</v>
      </c>
      <c r="C12800" s="1" t="s">
        <v>30749</v>
      </c>
      <c r="D12800" s="2">
        <v>165628</v>
      </c>
      <c r="E12800" s="1" t="s">
        <v>0</v>
      </c>
    </row>
    <row r="12801" spans="1:5" x14ac:dyDescent="0.25">
      <c r="A12801" s="1" t="s">
        <v>30750</v>
      </c>
      <c r="B12801" s="1" t="s">
        <v>53859</v>
      </c>
      <c r="C12801" s="1" t="s">
        <v>30751</v>
      </c>
      <c r="D12801" s="2">
        <v>165629</v>
      </c>
      <c r="E12801" s="1" t="s">
        <v>0</v>
      </c>
    </row>
    <row r="12802" spans="1:5" x14ac:dyDescent="0.25">
      <c r="A12802" s="2">
        <v>2560</v>
      </c>
      <c r="B12802" s="2">
        <v>2560</v>
      </c>
      <c r="C12802" s="1" t="s">
        <v>0</v>
      </c>
      <c r="D12802" s="2">
        <v>165630</v>
      </c>
      <c r="E12802" s="1" t="s">
        <v>0</v>
      </c>
    </row>
    <row r="12803" spans="1:5" x14ac:dyDescent="0.25">
      <c r="A12803" s="1" t="s">
        <v>2342</v>
      </c>
      <c r="B12803" s="1" t="s">
        <v>8704</v>
      </c>
      <c r="C12803" s="1" t="s">
        <v>30752</v>
      </c>
      <c r="D12803" s="2">
        <v>165631</v>
      </c>
      <c r="E12803" s="1" t="s">
        <v>0</v>
      </c>
    </row>
    <row r="12804" spans="1:5" x14ac:dyDescent="0.25">
      <c r="A12804" s="1" t="s">
        <v>30753</v>
      </c>
      <c r="B12804" s="1" t="s">
        <v>8705</v>
      </c>
      <c r="C12804" s="1" t="s">
        <v>30754</v>
      </c>
      <c r="D12804" s="2">
        <v>165632</v>
      </c>
      <c r="E12804" s="1" t="s">
        <v>0</v>
      </c>
    </row>
    <row r="12805" spans="1:5" ht="409.5" x14ac:dyDescent="0.25">
      <c r="A12805" s="4" t="s">
        <v>30755</v>
      </c>
      <c r="B12805" s="1" t="s">
        <v>13137</v>
      </c>
      <c r="C12805" s="1" t="s">
        <v>30756</v>
      </c>
      <c r="D12805" s="2">
        <v>165633</v>
      </c>
      <c r="E12805" s="1" t="s">
        <v>0</v>
      </c>
    </row>
    <row r="12806" spans="1:5" x14ac:dyDescent="0.25">
      <c r="A12806" s="1" t="s">
        <v>30757</v>
      </c>
      <c r="B12806" s="1" t="s">
        <v>53860</v>
      </c>
      <c r="C12806" s="1" t="s">
        <v>30758</v>
      </c>
      <c r="D12806" s="2">
        <v>165634</v>
      </c>
      <c r="E12806" s="1" t="s">
        <v>0</v>
      </c>
    </row>
    <row r="12807" spans="1:5" x14ac:dyDescent="0.25">
      <c r="A12807" s="2">
        <v>2561</v>
      </c>
      <c r="B12807" s="2">
        <v>2561</v>
      </c>
      <c r="C12807" s="1" t="s">
        <v>0</v>
      </c>
      <c r="D12807" s="2">
        <v>165635</v>
      </c>
      <c r="E12807" s="1" t="s">
        <v>0</v>
      </c>
    </row>
    <row r="12808" spans="1:5" x14ac:dyDescent="0.25">
      <c r="A12808" s="1" t="s">
        <v>2343</v>
      </c>
      <c r="B12808" s="1" t="s">
        <v>8706</v>
      </c>
      <c r="C12808" s="1" t="s">
        <v>30759</v>
      </c>
      <c r="D12808" s="2">
        <v>165636</v>
      </c>
      <c r="E12808" s="1" t="s">
        <v>0</v>
      </c>
    </row>
    <row r="12809" spans="1:5" x14ac:dyDescent="0.25">
      <c r="A12809" s="1" t="s">
        <v>61812</v>
      </c>
      <c r="B12809" s="1" t="s">
        <v>61664</v>
      </c>
      <c r="C12809" s="1" t="s">
        <v>30760</v>
      </c>
      <c r="D12809" s="2">
        <v>165637</v>
      </c>
      <c r="E12809" s="1" t="s">
        <v>0</v>
      </c>
    </row>
    <row r="12810" spans="1:5" ht="409.5" x14ac:dyDescent="0.25">
      <c r="A12810" s="4" t="s">
        <v>61813</v>
      </c>
      <c r="B12810" s="1" t="s">
        <v>61665</v>
      </c>
      <c r="C12810" s="1" t="s">
        <v>30761</v>
      </c>
      <c r="D12810" s="2">
        <v>165638</v>
      </c>
      <c r="E12810" s="1" t="s">
        <v>0</v>
      </c>
    </row>
    <row r="12811" spans="1:5" x14ac:dyDescent="0.25">
      <c r="A12811" s="1" t="s">
        <v>30762</v>
      </c>
      <c r="B12811" s="1" t="s">
        <v>53861</v>
      </c>
      <c r="C12811" s="1" t="s">
        <v>30763</v>
      </c>
      <c r="D12811" s="2">
        <v>165639</v>
      </c>
      <c r="E12811" s="1" t="s">
        <v>0</v>
      </c>
    </row>
    <row r="12812" spans="1:5" x14ac:dyDescent="0.25">
      <c r="A12812" s="2">
        <v>2562</v>
      </c>
      <c r="B12812" s="2">
        <v>2562</v>
      </c>
      <c r="C12812" s="1" t="s">
        <v>0</v>
      </c>
      <c r="D12812" s="2">
        <v>165640</v>
      </c>
      <c r="E12812" s="1" t="s">
        <v>0</v>
      </c>
    </row>
    <row r="12813" spans="1:5" x14ac:dyDescent="0.25">
      <c r="A12813" s="1" t="s">
        <v>2344</v>
      </c>
      <c r="B12813" s="1" t="s">
        <v>8707</v>
      </c>
      <c r="C12813" s="1" t="s">
        <v>30764</v>
      </c>
      <c r="D12813" s="2">
        <v>165641</v>
      </c>
      <c r="E12813" s="1" t="s">
        <v>0</v>
      </c>
    </row>
    <row r="12814" spans="1:5" x14ac:dyDescent="0.25">
      <c r="A12814" s="1" t="s">
        <v>30765</v>
      </c>
      <c r="B12814" s="1" t="s">
        <v>8708</v>
      </c>
      <c r="C12814" s="1" t="s">
        <v>30766</v>
      </c>
      <c r="D12814" s="2">
        <v>165642</v>
      </c>
      <c r="E12814" s="1" t="s">
        <v>0</v>
      </c>
    </row>
    <row r="12815" spans="1:5" ht="409.5" x14ac:dyDescent="0.25">
      <c r="A12815" s="4" t="s">
        <v>30767</v>
      </c>
      <c r="B12815" s="1" t="s">
        <v>59619</v>
      </c>
      <c r="C12815" s="1" t="s">
        <v>30768</v>
      </c>
      <c r="D12815" s="2">
        <v>165643</v>
      </c>
      <c r="E12815" s="1" t="s">
        <v>0</v>
      </c>
    </row>
    <row r="12816" spans="1:5" x14ac:dyDescent="0.25">
      <c r="A12816" s="1" t="s">
        <v>30769</v>
      </c>
      <c r="B12816" s="1" t="s">
        <v>53862</v>
      </c>
      <c r="C12816" s="1" t="s">
        <v>30770</v>
      </c>
      <c r="D12816" s="2">
        <v>165644</v>
      </c>
      <c r="E12816" s="1" t="s">
        <v>0</v>
      </c>
    </row>
    <row r="12817" spans="1:5" x14ac:dyDescent="0.25">
      <c r="A12817" s="2">
        <v>2563</v>
      </c>
      <c r="B12817" s="2">
        <v>2563</v>
      </c>
      <c r="C12817" s="1" t="s">
        <v>0</v>
      </c>
      <c r="D12817" s="2">
        <v>165645</v>
      </c>
      <c r="E12817" s="1" t="s">
        <v>0</v>
      </c>
    </row>
    <row r="12818" spans="1:5" x14ac:dyDescent="0.25">
      <c r="A12818" s="1" t="s">
        <v>2345</v>
      </c>
      <c r="B12818" s="1" t="s">
        <v>8709</v>
      </c>
      <c r="C12818" s="1" t="s">
        <v>30771</v>
      </c>
      <c r="D12818" s="2">
        <v>165646</v>
      </c>
      <c r="E12818" s="1" t="s">
        <v>0</v>
      </c>
    </row>
    <row r="12819" spans="1:5" x14ac:dyDescent="0.25">
      <c r="A12819" s="1" t="s">
        <v>30772</v>
      </c>
      <c r="B12819" s="1" t="s">
        <v>53863</v>
      </c>
      <c r="C12819" s="1" t="s">
        <v>30773</v>
      </c>
      <c r="D12819" s="2">
        <v>165647</v>
      </c>
      <c r="E12819" s="1" t="s">
        <v>0</v>
      </c>
    </row>
    <row r="12820" spans="1:5" ht="409.5" x14ac:dyDescent="0.25">
      <c r="A12820" s="4" t="s">
        <v>30774</v>
      </c>
      <c r="B12820" s="1" t="s">
        <v>60434</v>
      </c>
      <c r="C12820" s="1" t="s">
        <v>30775</v>
      </c>
      <c r="D12820" s="2">
        <v>165648</v>
      </c>
      <c r="E12820" s="1" t="s">
        <v>0</v>
      </c>
    </row>
    <row r="12821" spans="1:5" x14ac:dyDescent="0.25">
      <c r="A12821" s="1" t="s">
        <v>30776</v>
      </c>
      <c r="B12821" s="1" t="s">
        <v>53864</v>
      </c>
      <c r="C12821" s="1" t="s">
        <v>30777</v>
      </c>
      <c r="D12821" s="2">
        <v>165649</v>
      </c>
      <c r="E12821" s="1" t="s">
        <v>0</v>
      </c>
    </row>
    <row r="12822" spans="1:5" x14ac:dyDescent="0.25">
      <c r="A12822" s="2">
        <v>2564</v>
      </c>
      <c r="B12822" s="2">
        <v>2564</v>
      </c>
      <c r="C12822" s="1" t="s">
        <v>0</v>
      </c>
      <c r="D12822" s="2">
        <v>165650</v>
      </c>
      <c r="E12822" s="1" t="s">
        <v>0</v>
      </c>
    </row>
    <row r="12823" spans="1:5" x14ac:dyDescent="0.25">
      <c r="A12823" s="1" t="s">
        <v>2346</v>
      </c>
      <c r="B12823" s="1" t="s">
        <v>8710</v>
      </c>
      <c r="C12823" s="1" t="s">
        <v>30778</v>
      </c>
      <c r="D12823" s="2">
        <v>165651</v>
      </c>
      <c r="E12823" s="1" t="s">
        <v>0</v>
      </c>
    </row>
    <row r="12824" spans="1:5" x14ac:dyDescent="0.25">
      <c r="A12824" s="1" t="s">
        <v>30779</v>
      </c>
      <c r="B12824" s="1" t="s">
        <v>53865</v>
      </c>
      <c r="C12824" s="1" t="s">
        <v>30780</v>
      </c>
      <c r="D12824" s="2">
        <v>165652</v>
      </c>
      <c r="E12824" s="1" t="s">
        <v>0</v>
      </c>
    </row>
    <row r="12825" spans="1:5" ht="409.5" x14ac:dyDescent="0.25">
      <c r="A12825" s="4" t="s">
        <v>30781</v>
      </c>
      <c r="B12825" s="1" t="s">
        <v>53866</v>
      </c>
      <c r="C12825" s="1" t="s">
        <v>30782</v>
      </c>
      <c r="D12825" s="2">
        <v>165653</v>
      </c>
      <c r="E12825" s="1" t="s">
        <v>0</v>
      </c>
    </row>
    <row r="12826" spans="1:5" x14ac:dyDescent="0.25">
      <c r="A12826" s="1" t="s">
        <v>30783</v>
      </c>
      <c r="B12826" s="1" t="s">
        <v>8711</v>
      </c>
      <c r="C12826" s="1" t="s">
        <v>30784</v>
      </c>
      <c r="D12826" s="2">
        <v>165654</v>
      </c>
      <c r="E12826" s="1" t="s">
        <v>0</v>
      </c>
    </row>
    <row r="12827" spans="1:5" x14ac:dyDescent="0.25">
      <c r="A12827" s="2">
        <v>2565</v>
      </c>
      <c r="B12827" s="2">
        <v>2565</v>
      </c>
      <c r="C12827" s="1" t="s">
        <v>0</v>
      </c>
      <c r="D12827" s="2">
        <v>165655</v>
      </c>
      <c r="E12827" s="1" t="s">
        <v>0</v>
      </c>
    </row>
    <row r="12828" spans="1:5" x14ac:dyDescent="0.25">
      <c r="A12828" s="1" t="s">
        <v>2347</v>
      </c>
      <c r="B12828" s="1" t="s">
        <v>8712</v>
      </c>
      <c r="C12828" s="1" t="s">
        <v>30785</v>
      </c>
      <c r="D12828" s="2">
        <v>165656</v>
      </c>
      <c r="E12828" s="1" t="s">
        <v>0</v>
      </c>
    </row>
    <row r="12829" spans="1:5" x14ac:dyDescent="0.25">
      <c r="A12829" s="1" t="s">
        <v>30786</v>
      </c>
      <c r="B12829" s="1" t="s">
        <v>8713</v>
      </c>
      <c r="C12829" s="1" t="s">
        <v>30787</v>
      </c>
      <c r="D12829" s="2">
        <v>165657</v>
      </c>
      <c r="E12829" s="1" t="s">
        <v>0</v>
      </c>
    </row>
    <row r="12830" spans="1:5" ht="409.5" x14ac:dyDescent="0.25">
      <c r="A12830" s="4" t="s">
        <v>30788</v>
      </c>
      <c r="B12830" s="1" t="s">
        <v>59620</v>
      </c>
      <c r="C12830" s="1" t="s">
        <v>30789</v>
      </c>
      <c r="D12830" s="2">
        <v>165658</v>
      </c>
      <c r="E12830" s="1" t="s">
        <v>0</v>
      </c>
    </row>
    <row r="12831" spans="1:5" x14ac:dyDescent="0.25">
      <c r="A12831" s="1" t="s">
        <v>30790</v>
      </c>
      <c r="B12831" s="1" t="s">
        <v>53867</v>
      </c>
      <c r="C12831" s="1" t="s">
        <v>30791</v>
      </c>
      <c r="D12831" s="2">
        <v>165659</v>
      </c>
      <c r="E12831" s="1" t="s">
        <v>0</v>
      </c>
    </row>
    <row r="12832" spans="1:5" x14ac:dyDescent="0.25">
      <c r="A12832" s="2">
        <v>2566</v>
      </c>
      <c r="B12832" s="2">
        <v>2566</v>
      </c>
      <c r="C12832" s="1" t="s">
        <v>0</v>
      </c>
      <c r="D12832" s="2">
        <v>165660</v>
      </c>
      <c r="E12832" s="1" t="s">
        <v>0</v>
      </c>
    </row>
    <row r="12833" spans="1:5" x14ac:dyDescent="0.25">
      <c r="A12833" s="1" t="s">
        <v>2348</v>
      </c>
      <c r="B12833" s="1" t="s">
        <v>8714</v>
      </c>
      <c r="C12833" s="1" t="s">
        <v>30792</v>
      </c>
      <c r="D12833" s="2">
        <v>165661</v>
      </c>
      <c r="E12833" s="1" t="s">
        <v>0</v>
      </c>
    </row>
    <row r="12834" spans="1:5" x14ac:dyDescent="0.25">
      <c r="A12834" s="1" t="s">
        <v>30793</v>
      </c>
      <c r="B12834" s="1" t="s">
        <v>8715</v>
      </c>
      <c r="C12834" s="1" t="s">
        <v>30794</v>
      </c>
      <c r="D12834" s="2">
        <v>165662</v>
      </c>
      <c r="E12834" s="1" t="s">
        <v>0</v>
      </c>
    </row>
    <row r="12835" spans="1:5" ht="409.5" x14ac:dyDescent="0.25">
      <c r="A12835" s="4" t="s">
        <v>30795</v>
      </c>
      <c r="B12835" s="1" t="s">
        <v>8716</v>
      </c>
      <c r="C12835" s="1" t="s">
        <v>30796</v>
      </c>
      <c r="D12835" s="2">
        <v>165663</v>
      </c>
      <c r="E12835" s="1" t="s">
        <v>0</v>
      </c>
    </row>
    <row r="12836" spans="1:5" x14ac:dyDescent="0.25">
      <c r="A12836" s="1" t="s">
        <v>30797</v>
      </c>
      <c r="B12836" s="1" t="s">
        <v>53868</v>
      </c>
      <c r="C12836" s="1" t="s">
        <v>30798</v>
      </c>
      <c r="D12836" s="2">
        <v>165664</v>
      </c>
      <c r="E12836" s="1" t="s">
        <v>0</v>
      </c>
    </row>
    <row r="12837" spans="1:5" x14ac:dyDescent="0.25">
      <c r="A12837" s="2">
        <v>2567</v>
      </c>
      <c r="B12837" s="2">
        <v>2567</v>
      </c>
      <c r="C12837" s="1" t="s">
        <v>0</v>
      </c>
      <c r="D12837" s="2">
        <v>165665</v>
      </c>
      <c r="E12837" s="1" t="s">
        <v>0</v>
      </c>
    </row>
    <row r="12838" spans="1:5" x14ac:dyDescent="0.25">
      <c r="A12838" s="1" t="s">
        <v>8717</v>
      </c>
      <c r="B12838" s="1" t="s">
        <v>8718</v>
      </c>
      <c r="C12838" s="1" t="s">
        <v>30799</v>
      </c>
      <c r="D12838" s="2">
        <v>165666</v>
      </c>
      <c r="E12838" s="1" t="s">
        <v>0</v>
      </c>
    </row>
    <row r="12839" spans="1:5" x14ac:dyDescent="0.25">
      <c r="A12839" s="1" t="s">
        <v>30800</v>
      </c>
      <c r="B12839" s="1" t="s">
        <v>8719</v>
      </c>
      <c r="C12839" s="1" t="s">
        <v>30801</v>
      </c>
      <c r="D12839" s="2">
        <v>165667</v>
      </c>
      <c r="E12839" s="1" t="s">
        <v>0</v>
      </c>
    </row>
    <row r="12840" spans="1:5" ht="409.5" x14ac:dyDescent="0.25">
      <c r="A12840" s="4" t="s">
        <v>30802</v>
      </c>
      <c r="B12840" s="1" t="s">
        <v>59621</v>
      </c>
      <c r="C12840" s="1" t="s">
        <v>30803</v>
      </c>
      <c r="D12840" s="2">
        <v>165668</v>
      </c>
      <c r="E12840" s="1" t="s">
        <v>0</v>
      </c>
    </row>
    <row r="12841" spans="1:5" x14ac:dyDescent="0.25">
      <c r="A12841" s="1" t="s">
        <v>30804</v>
      </c>
      <c r="B12841" s="1" t="s">
        <v>53869</v>
      </c>
      <c r="C12841" s="1" t="s">
        <v>30805</v>
      </c>
      <c r="D12841" s="2">
        <v>165669</v>
      </c>
      <c r="E12841" s="1" t="s">
        <v>0</v>
      </c>
    </row>
    <row r="12842" spans="1:5" x14ac:dyDescent="0.25">
      <c r="A12842" s="2">
        <v>2568</v>
      </c>
      <c r="B12842" s="2">
        <v>2568</v>
      </c>
      <c r="C12842" s="1" t="s">
        <v>0</v>
      </c>
      <c r="D12842" s="2">
        <v>165670</v>
      </c>
      <c r="E12842" s="1" t="s">
        <v>0</v>
      </c>
    </row>
    <row r="12843" spans="1:5" x14ac:dyDescent="0.25">
      <c r="A12843" s="1" t="s">
        <v>2349</v>
      </c>
      <c r="B12843" s="1" t="s">
        <v>8720</v>
      </c>
      <c r="C12843" s="1" t="s">
        <v>30806</v>
      </c>
      <c r="D12843" s="2">
        <v>165671</v>
      </c>
      <c r="E12843" s="1" t="s">
        <v>0</v>
      </c>
    </row>
    <row r="12844" spans="1:5" x14ac:dyDescent="0.25">
      <c r="A12844" s="1" t="s">
        <v>30807</v>
      </c>
      <c r="B12844" s="1" t="s">
        <v>62518</v>
      </c>
      <c r="C12844" s="1" t="s">
        <v>30808</v>
      </c>
      <c r="D12844" s="2">
        <v>165672</v>
      </c>
      <c r="E12844" s="1" t="s">
        <v>0</v>
      </c>
    </row>
    <row r="12845" spans="1:5" ht="409.5" x14ac:dyDescent="0.25">
      <c r="A12845" s="4" t="s">
        <v>30809</v>
      </c>
      <c r="B12845" s="1" t="s">
        <v>62519</v>
      </c>
      <c r="C12845" s="1" t="s">
        <v>30810</v>
      </c>
      <c r="D12845" s="2">
        <v>165673</v>
      </c>
      <c r="E12845" s="1" t="s">
        <v>0</v>
      </c>
    </row>
    <row r="12846" spans="1:5" x14ac:dyDescent="0.25">
      <c r="A12846" s="1" t="s">
        <v>27283</v>
      </c>
      <c r="B12846" s="1" t="s">
        <v>61086</v>
      </c>
      <c r="C12846" s="1" t="s">
        <v>27284</v>
      </c>
      <c r="D12846" s="2">
        <v>165674</v>
      </c>
      <c r="E12846" s="1" t="s">
        <v>0</v>
      </c>
    </row>
    <row r="12847" spans="1:5" x14ac:dyDescent="0.25">
      <c r="A12847" s="2">
        <v>2569</v>
      </c>
      <c r="B12847" s="2">
        <v>2569</v>
      </c>
      <c r="C12847" s="1" t="s">
        <v>0</v>
      </c>
      <c r="D12847" s="2">
        <v>165675</v>
      </c>
      <c r="E12847" s="1" t="s">
        <v>0</v>
      </c>
    </row>
    <row r="12848" spans="1:5" x14ac:dyDescent="0.25">
      <c r="A12848" s="1" t="s">
        <v>2350</v>
      </c>
      <c r="B12848" s="1" t="s">
        <v>60011</v>
      </c>
      <c r="C12848" s="1" t="s">
        <v>30811</v>
      </c>
      <c r="D12848" s="2">
        <v>165676</v>
      </c>
      <c r="E12848" s="1" t="s">
        <v>0</v>
      </c>
    </row>
    <row r="12849" spans="1:5" x14ac:dyDescent="0.25">
      <c r="A12849" s="1" t="s">
        <v>30812</v>
      </c>
      <c r="B12849" s="1" t="s">
        <v>53870</v>
      </c>
      <c r="C12849" s="1" t="s">
        <v>30813</v>
      </c>
      <c r="D12849" s="2">
        <v>165677</v>
      </c>
      <c r="E12849" s="1" t="s">
        <v>0</v>
      </c>
    </row>
    <row r="12850" spans="1:5" ht="409.5" x14ac:dyDescent="0.25">
      <c r="A12850" s="4" t="s">
        <v>30814</v>
      </c>
      <c r="B12850" s="1" t="s">
        <v>60012</v>
      </c>
      <c r="C12850" s="1" t="s">
        <v>30815</v>
      </c>
      <c r="D12850" s="2">
        <v>165678</v>
      </c>
      <c r="E12850" s="1" t="s">
        <v>0</v>
      </c>
    </row>
    <row r="12851" spans="1:5" x14ac:dyDescent="0.25">
      <c r="A12851" s="1" t="s">
        <v>30816</v>
      </c>
      <c r="B12851" s="1" t="s">
        <v>8721</v>
      </c>
      <c r="C12851" s="1" t="s">
        <v>30817</v>
      </c>
      <c r="D12851" s="2">
        <v>165679</v>
      </c>
      <c r="E12851" s="1" t="s">
        <v>0</v>
      </c>
    </row>
    <row r="12852" spans="1:5" x14ac:dyDescent="0.25">
      <c r="A12852" s="2">
        <v>2570</v>
      </c>
      <c r="B12852" s="2">
        <v>2570</v>
      </c>
      <c r="C12852" s="1" t="s">
        <v>0</v>
      </c>
      <c r="D12852" s="2">
        <v>165680</v>
      </c>
      <c r="E12852" s="1" t="s">
        <v>0</v>
      </c>
    </row>
    <row r="12853" spans="1:5" x14ac:dyDescent="0.25">
      <c r="A12853" s="1" t="s">
        <v>13138</v>
      </c>
      <c r="B12853" s="1" t="s">
        <v>8722</v>
      </c>
      <c r="C12853" s="1" t="s">
        <v>30818</v>
      </c>
      <c r="D12853" s="2">
        <v>165681</v>
      </c>
      <c r="E12853" s="1" t="s">
        <v>0</v>
      </c>
    </row>
    <row r="12854" spans="1:5" x14ac:dyDescent="0.25">
      <c r="A12854" s="1" t="s">
        <v>30819</v>
      </c>
      <c r="B12854" s="1" t="s">
        <v>57852</v>
      </c>
      <c r="C12854" s="1" t="s">
        <v>30820</v>
      </c>
      <c r="D12854" s="2">
        <v>165682</v>
      </c>
      <c r="E12854" s="1" t="s">
        <v>0</v>
      </c>
    </row>
    <row r="12855" spans="1:5" ht="409.5" x14ac:dyDescent="0.25">
      <c r="A12855" s="4" t="s">
        <v>30821</v>
      </c>
      <c r="B12855" s="1" t="s">
        <v>58391</v>
      </c>
      <c r="C12855" s="1" t="s">
        <v>30822</v>
      </c>
      <c r="D12855" s="2">
        <v>165683</v>
      </c>
      <c r="E12855" s="1" t="s">
        <v>0</v>
      </c>
    </row>
    <row r="12856" spans="1:5" x14ac:dyDescent="0.25">
      <c r="A12856" s="1" t="s">
        <v>30823</v>
      </c>
      <c r="B12856" s="1" t="s">
        <v>53871</v>
      </c>
      <c r="C12856" s="1" t="s">
        <v>30824</v>
      </c>
      <c r="D12856" s="2">
        <v>165684</v>
      </c>
      <c r="E12856" s="1" t="s">
        <v>0</v>
      </c>
    </row>
    <row r="12857" spans="1:5" x14ac:dyDescent="0.25">
      <c r="A12857" s="2">
        <v>2571</v>
      </c>
      <c r="B12857" s="2">
        <v>2571</v>
      </c>
      <c r="C12857" s="1" t="s">
        <v>0</v>
      </c>
      <c r="D12857" s="2">
        <v>165685</v>
      </c>
      <c r="E12857" s="1" t="s">
        <v>0</v>
      </c>
    </row>
    <row r="12858" spans="1:5" x14ac:dyDescent="0.25">
      <c r="A12858" s="1" t="s">
        <v>2351</v>
      </c>
      <c r="B12858" s="1" t="s">
        <v>8723</v>
      </c>
      <c r="C12858" s="1" t="s">
        <v>30825</v>
      </c>
      <c r="D12858" s="2">
        <v>165686</v>
      </c>
      <c r="E12858" s="1" t="s">
        <v>0</v>
      </c>
    </row>
    <row r="12859" spans="1:5" x14ac:dyDescent="0.25">
      <c r="A12859" s="1" t="s">
        <v>30826</v>
      </c>
      <c r="B12859" s="1" t="s">
        <v>53872</v>
      </c>
      <c r="C12859" s="1" t="s">
        <v>30827</v>
      </c>
      <c r="D12859" s="2">
        <v>165687</v>
      </c>
      <c r="E12859" s="1" t="s">
        <v>0</v>
      </c>
    </row>
    <row r="12860" spans="1:5" ht="409.5" x14ac:dyDescent="0.25">
      <c r="A12860" s="4" t="s">
        <v>30828</v>
      </c>
      <c r="B12860" s="1" t="s">
        <v>53873</v>
      </c>
      <c r="C12860" s="1" t="s">
        <v>30829</v>
      </c>
      <c r="D12860" s="2">
        <v>165688</v>
      </c>
      <c r="E12860" s="1" t="s">
        <v>0</v>
      </c>
    </row>
    <row r="12861" spans="1:5" x14ac:dyDescent="0.25">
      <c r="A12861" s="1" t="s">
        <v>30830</v>
      </c>
      <c r="B12861" s="1" t="s">
        <v>8724</v>
      </c>
      <c r="C12861" s="1" t="s">
        <v>30831</v>
      </c>
      <c r="D12861" s="2">
        <v>165689</v>
      </c>
      <c r="E12861" s="1" t="s">
        <v>0</v>
      </c>
    </row>
    <row r="12862" spans="1:5" x14ac:dyDescent="0.25">
      <c r="A12862" s="2">
        <v>2572</v>
      </c>
      <c r="B12862" s="2">
        <v>2572</v>
      </c>
      <c r="C12862" s="1" t="s">
        <v>0</v>
      </c>
      <c r="D12862" s="2">
        <v>165690</v>
      </c>
      <c r="E12862" s="1" t="s">
        <v>0</v>
      </c>
    </row>
    <row r="12863" spans="1:5" x14ac:dyDescent="0.25">
      <c r="A12863" s="1" t="s">
        <v>2352</v>
      </c>
      <c r="B12863" s="1" t="s">
        <v>8725</v>
      </c>
      <c r="C12863" s="1" t="s">
        <v>30832</v>
      </c>
      <c r="D12863" s="2">
        <v>165691</v>
      </c>
      <c r="E12863" s="1" t="s">
        <v>0</v>
      </c>
    </row>
    <row r="12864" spans="1:5" x14ac:dyDescent="0.25">
      <c r="A12864" s="1" t="s">
        <v>30833</v>
      </c>
      <c r="B12864" s="1" t="s">
        <v>58392</v>
      </c>
      <c r="C12864" s="1" t="s">
        <v>30834</v>
      </c>
      <c r="D12864" s="2">
        <v>165692</v>
      </c>
      <c r="E12864" s="1" t="s">
        <v>0</v>
      </c>
    </row>
    <row r="12865" spans="1:5" ht="409.5" x14ac:dyDescent="0.25">
      <c r="A12865" s="4" t="s">
        <v>30835</v>
      </c>
      <c r="B12865" s="1" t="s">
        <v>58393</v>
      </c>
      <c r="C12865" s="1" t="s">
        <v>30836</v>
      </c>
      <c r="D12865" s="2">
        <v>165693</v>
      </c>
      <c r="E12865" s="1" t="s">
        <v>0</v>
      </c>
    </row>
    <row r="12866" spans="1:5" x14ac:dyDescent="0.25">
      <c r="A12866" s="1" t="s">
        <v>30837</v>
      </c>
      <c r="B12866" s="1" t="s">
        <v>8726</v>
      </c>
      <c r="C12866" s="1" t="s">
        <v>30838</v>
      </c>
      <c r="D12866" s="2">
        <v>165694</v>
      </c>
      <c r="E12866" s="1" t="s">
        <v>0</v>
      </c>
    </row>
    <row r="12867" spans="1:5" x14ac:dyDescent="0.25">
      <c r="A12867" s="2">
        <v>2573</v>
      </c>
      <c r="B12867" s="2">
        <v>2573</v>
      </c>
      <c r="C12867" s="1" t="s">
        <v>0</v>
      </c>
      <c r="D12867" s="2">
        <v>165695</v>
      </c>
      <c r="E12867" s="1" t="s">
        <v>0</v>
      </c>
    </row>
    <row r="12868" spans="1:5" x14ac:dyDescent="0.25">
      <c r="A12868" s="1" t="s">
        <v>2353</v>
      </c>
      <c r="B12868" s="1" t="s">
        <v>53874</v>
      </c>
      <c r="C12868" s="1" t="s">
        <v>30839</v>
      </c>
      <c r="D12868" s="2">
        <v>165696</v>
      </c>
      <c r="E12868" s="1" t="s">
        <v>0</v>
      </c>
    </row>
    <row r="12869" spans="1:5" x14ac:dyDescent="0.25">
      <c r="A12869" s="1" t="s">
        <v>30840</v>
      </c>
      <c r="B12869" s="1" t="s">
        <v>63882</v>
      </c>
      <c r="C12869" s="1" t="s">
        <v>30841</v>
      </c>
      <c r="D12869" s="2">
        <v>165697</v>
      </c>
      <c r="E12869" s="1" t="s">
        <v>0</v>
      </c>
    </row>
    <row r="12870" spans="1:5" ht="409.5" x14ac:dyDescent="0.25">
      <c r="A12870" s="4" t="s">
        <v>30842</v>
      </c>
      <c r="B12870" s="1" t="s">
        <v>63883</v>
      </c>
      <c r="C12870" s="1" t="s">
        <v>30843</v>
      </c>
      <c r="D12870" s="2">
        <v>165698</v>
      </c>
      <c r="E12870" s="1" t="s">
        <v>0</v>
      </c>
    </row>
    <row r="12871" spans="1:5" x14ac:dyDescent="0.25">
      <c r="A12871" s="1" t="s">
        <v>30844</v>
      </c>
      <c r="B12871" s="1" t="s">
        <v>57223</v>
      </c>
      <c r="C12871" s="1" t="s">
        <v>30845</v>
      </c>
      <c r="D12871" s="2">
        <v>165699</v>
      </c>
      <c r="E12871" s="1" t="s">
        <v>0</v>
      </c>
    </row>
    <row r="12872" spans="1:5" x14ac:dyDescent="0.25">
      <c r="A12872" s="2">
        <v>2574</v>
      </c>
      <c r="B12872" s="2">
        <v>2574</v>
      </c>
      <c r="C12872" s="1" t="s">
        <v>0</v>
      </c>
      <c r="D12872" s="2">
        <v>165700</v>
      </c>
      <c r="E12872" s="1" t="s">
        <v>0</v>
      </c>
    </row>
    <row r="12873" spans="1:5" x14ac:dyDescent="0.25">
      <c r="A12873" s="1" t="s">
        <v>2354</v>
      </c>
      <c r="B12873" s="1" t="s">
        <v>50737</v>
      </c>
      <c r="C12873" s="1" t="s">
        <v>30846</v>
      </c>
      <c r="D12873" s="2">
        <v>165701</v>
      </c>
      <c r="E12873" s="1" t="s">
        <v>0</v>
      </c>
    </row>
    <row r="12874" spans="1:5" x14ac:dyDescent="0.25">
      <c r="A12874" s="1" t="s">
        <v>30847</v>
      </c>
      <c r="B12874" s="1" t="s">
        <v>50738</v>
      </c>
      <c r="C12874" s="1" t="s">
        <v>30848</v>
      </c>
      <c r="D12874" s="2">
        <v>165702</v>
      </c>
      <c r="E12874" s="1" t="s">
        <v>0</v>
      </c>
    </row>
    <row r="12875" spans="1:5" ht="409.5" x14ac:dyDescent="0.25">
      <c r="A12875" s="4" t="s">
        <v>30849</v>
      </c>
      <c r="B12875" s="1" t="s">
        <v>53875</v>
      </c>
      <c r="C12875" s="1" t="s">
        <v>30850</v>
      </c>
      <c r="D12875" s="2">
        <v>165703</v>
      </c>
      <c r="E12875" s="1" t="s">
        <v>0</v>
      </c>
    </row>
    <row r="12876" spans="1:5" x14ac:dyDescent="0.25">
      <c r="A12876" s="1" t="s">
        <v>30851</v>
      </c>
      <c r="B12876" s="1" t="s">
        <v>53876</v>
      </c>
      <c r="C12876" s="1" t="s">
        <v>30852</v>
      </c>
      <c r="D12876" s="2">
        <v>165704</v>
      </c>
      <c r="E12876" s="1" t="s">
        <v>0</v>
      </c>
    </row>
    <row r="12877" spans="1:5" x14ac:dyDescent="0.25">
      <c r="A12877" s="2">
        <v>2575</v>
      </c>
      <c r="B12877" s="2">
        <v>2575</v>
      </c>
      <c r="C12877" s="1" t="s">
        <v>0</v>
      </c>
      <c r="D12877" s="2">
        <v>165705</v>
      </c>
      <c r="E12877" s="1" t="s">
        <v>0</v>
      </c>
    </row>
    <row r="12878" spans="1:5" x14ac:dyDescent="0.25">
      <c r="A12878" s="1" t="s">
        <v>2355</v>
      </c>
      <c r="B12878" s="1" t="s">
        <v>8727</v>
      </c>
      <c r="C12878" s="1" t="s">
        <v>30853</v>
      </c>
      <c r="D12878" s="2">
        <v>165706</v>
      </c>
      <c r="E12878" s="1" t="s">
        <v>0</v>
      </c>
    </row>
    <row r="12879" spans="1:5" x14ac:dyDescent="0.25">
      <c r="A12879" s="1" t="s">
        <v>30854</v>
      </c>
      <c r="B12879" s="1" t="s">
        <v>53877</v>
      </c>
      <c r="C12879" s="1" t="s">
        <v>30855</v>
      </c>
      <c r="D12879" s="2">
        <v>165707</v>
      </c>
      <c r="E12879" s="1" t="s">
        <v>0</v>
      </c>
    </row>
    <row r="12880" spans="1:5" ht="409.5" x14ac:dyDescent="0.25">
      <c r="A12880" s="4" t="s">
        <v>30856</v>
      </c>
      <c r="B12880" s="1" t="s">
        <v>53878</v>
      </c>
      <c r="C12880" s="1" t="s">
        <v>30857</v>
      </c>
      <c r="D12880" s="2">
        <v>165708</v>
      </c>
      <c r="E12880" s="1" t="s">
        <v>0</v>
      </c>
    </row>
    <row r="12881" spans="1:5" x14ac:dyDescent="0.25">
      <c r="A12881" s="1" t="s">
        <v>30858</v>
      </c>
      <c r="B12881" s="1" t="s">
        <v>8728</v>
      </c>
      <c r="C12881" s="1" t="s">
        <v>30859</v>
      </c>
      <c r="D12881" s="2">
        <v>165709</v>
      </c>
      <c r="E12881" s="1" t="s">
        <v>0</v>
      </c>
    </row>
    <row r="12882" spans="1:5" x14ac:dyDescent="0.25">
      <c r="A12882" s="2">
        <v>2576</v>
      </c>
      <c r="B12882" s="2">
        <v>2576</v>
      </c>
      <c r="C12882" s="1" t="s">
        <v>0</v>
      </c>
      <c r="D12882" s="2">
        <v>165710</v>
      </c>
      <c r="E12882" s="1" t="s">
        <v>0</v>
      </c>
    </row>
    <row r="12883" spans="1:5" x14ac:dyDescent="0.25">
      <c r="A12883" s="1" t="s">
        <v>30860</v>
      </c>
      <c r="B12883" s="1" t="s">
        <v>53879</v>
      </c>
      <c r="C12883" s="1" t="s">
        <v>30861</v>
      </c>
      <c r="D12883" s="2">
        <v>165711</v>
      </c>
      <c r="E12883" s="1" t="s">
        <v>0</v>
      </c>
    </row>
    <row r="12884" spans="1:5" x14ac:dyDescent="0.25">
      <c r="A12884" s="1" t="s">
        <v>30862</v>
      </c>
      <c r="B12884" s="1" t="s">
        <v>53880</v>
      </c>
      <c r="C12884" s="1" t="s">
        <v>30863</v>
      </c>
      <c r="D12884" s="2">
        <v>165712</v>
      </c>
      <c r="E12884" s="1" t="s">
        <v>0</v>
      </c>
    </row>
    <row r="12885" spans="1:5" ht="409.5" x14ac:dyDescent="0.25">
      <c r="A12885" s="4" t="s">
        <v>30864</v>
      </c>
      <c r="B12885" s="1" t="s">
        <v>53881</v>
      </c>
      <c r="C12885" s="1" t="s">
        <v>30865</v>
      </c>
      <c r="D12885" s="2">
        <v>165713</v>
      </c>
      <c r="E12885" s="1" t="s">
        <v>0</v>
      </c>
    </row>
    <row r="12886" spans="1:5" x14ac:dyDescent="0.25">
      <c r="A12886" s="1" t="s">
        <v>30866</v>
      </c>
      <c r="B12886" s="1" t="s">
        <v>57224</v>
      </c>
      <c r="C12886" s="1" t="s">
        <v>30867</v>
      </c>
      <c r="D12886" s="2">
        <v>165714</v>
      </c>
      <c r="E12886" s="1" t="s">
        <v>0</v>
      </c>
    </row>
    <row r="12887" spans="1:5" x14ac:dyDescent="0.25">
      <c r="A12887" s="2">
        <v>2577</v>
      </c>
      <c r="B12887" s="2">
        <v>2577</v>
      </c>
      <c r="C12887" s="1" t="s">
        <v>0</v>
      </c>
      <c r="D12887" s="2">
        <v>165715</v>
      </c>
      <c r="E12887" s="1" t="s">
        <v>0</v>
      </c>
    </row>
    <row r="12888" spans="1:5" x14ac:dyDescent="0.25">
      <c r="A12888" s="1" t="s">
        <v>2356</v>
      </c>
      <c r="B12888" s="1" t="s">
        <v>8729</v>
      </c>
      <c r="C12888" s="1" t="s">
        <v>30868</v>
      </c>
      <c r="D12888" s="2">
        <v>165716</v>
      </c>
      <c r="E12888" s="1" t="s">
        <v>0</v>
      </c>
    </row>
    <row r="12889" spans="1:5" x14ac:dyDescent="0.25">
      <c r="A12889" s="1" t="s">
        <v>30869</v>
      </c>
      <c r="B12889" s="1" t="s">
        <v>8730</v>
      </c>
      <c r="C12889" s="1" t="s">
        <v>30870</v>
      </c>
      <c r="D12889" s="2">
        <v>165717</v>
      </c>
      <c r="E12889" s="1" t="s">
        <v>0</v>
      </c>
    </row>
    <row r="12890" spans="1:5" ht="409.5" x14ac:dyDescent="0.25">
      <c r="A12890" s="4" t="s">
        <v>30871</v>
      </c>
      <c r="B12890" s="1" t="s">
        <v>57530</v>
      </c>
      <c r="C12890" s="1" t="s">
        <v>30872</v>
      </c>
      <c r="D12890" s="2">
        <v>165718</v>
      </c>
      <c r="E12890" s="1" t="s">
        <v>0</v>
      </c>
    </row>
    <row r="12891" spans="1:5" x14ac:dyDescent="0.25">
      <c r="A12891" s="1" t="s">
        <v>30873</v>
      </c>
      <c r="B12891" s="1" t="s">
        <v>53882</v>
      </c>
      <c r="C12891" s="1" t="s">
        <v>30874</v>
      </c>
      <c r="D12891" s="2">
        <v>165719</v>
      </c>
      <c r="E12891" s="1" t="s">
        <v>0</v>
      </c>
    </row>
    <row r="12892" spans="1:5" x14ac:dyDescent="0.25">
      <c r="A12892" s="2">
        <v>2578</v>
      </c>
      <c r="B12892" s="2">
        <v>2578</v>
      </c>
      <c r="C12892" s="1" t="s">
        <v>0</v>
      </c>
      <c r="D12892" s="2">
        <v>165720</v>
      </c>
      <c r="E12892" s="1" t="s">
        <v>0</v>
      </c>
    </row>
    <row r="12893" spans="1:5" x14ac:dyDescent="0.25">
      <c r="A12893" s="1" t="s">
        <v>2357</v>
      </c>
      <c r="B12893" s="1" t="s">
        <v>8731</v>
      </c>
      <c r="C12893" s="1" t="s">
        <v>30875</v>
      </c>
      <c r="D12893" s="2">
        <v>165721</v>
      </c>
      <c r="E12893" s="1" t="s">
        <v>0</v>
      </c>
    </row>
    <row r="12894" spans="1:5" x14ac:dyDescent="0.25">
      <c r="A12894" s="1" t="s">
        <v>30876</v>
      </c>
      <c r="B12894" s="1" t="s">
        <v>63368</v>
      </c>
      <c r="C12894" s="1" t="s">
        <v>30877</v>
      </c>
      <c r="D12894" s="2">
        <v>165722</v>
      </c>
      <c r="E12894" s="1" t="s">
        <v>0</v>
      </c>
    </row>
    <row r="12895" spans="1:5" ht="409.5" x14ac:dyDescent="0.25">
      <c r="A12895" s="4" t="s">
        <v>30878</v>
      </c>
      <c r="B12895" s="1" t="s">
        <v>63369</v>
      </c>
      <c r="C12895" s="1" t="s">
        <v>30879</v>
      </c>
      <c r="D12895" s="2">
        <v>165723</v>
      </c>
      <c r="E12895" s="1" t="s">
        <v>0</v>
      </c>
    </row>
    <row r="12896" spans="1:5" x14ac:dyDescent="0.25">
      <c r="A12896" s="1" t="s">
        <v>30880</v>
      </c>
      <c r="B12896" s="1" t="s">
        <v>8732</v>
      </c>
      <c r="C12896" s="1" t="s">
        <v>30881</v>
      </c>
      <c r="D12896" s="2">
        <v>165724</v>
      </c>
      <c r="E12896" s="1" t="s">
        <v>0</v>
      </c>
    </row>
    <row r="12897" spans="1:5" x14ac:dyDescent="0.25">
      <c r="A12897" s="2">
        <v>2579</v>
      </c>
      <c r="B12897" s="2">
        <v>2579</v>
      </c>
      <c r="C12897" s="1" t="s">
        <v>0</v>
      </c>
      <c r="D12897" s="2">
        <v>165725</v>
      </c>
      <c r="E12897" s="1" t="s">
        <v>0</v>
      </c>
    </row>
    <row r="12898" spans="1:5" x14ac:dyDescent="0.25">
      <c r="A12898" s="1" t="s">
        <v>2358</v>
      </c>
      <c r="B12898" s="1" t="s">
        <v>8733</v>
      </c>
      <c r="C12898" s="1" t="s">
        <v>30882</v>
      </c>
      <c r="D12898" s="2">
        <v>165726</v>
      </c>
      <c r="E12898" s="1" t="s">
        <v>0</v>
      </c>
    </row>
    <row r="12899" spans="1:5" x14ac:dyDescent="0.25">
      <c r="A12899" s="1" t="s">
        <v>30883</v>
      </c>
      <c r="B12899" s="1" t="s">
        <v>50739</v>
      </c>
      <c r="C12899" s="1" t="s">
        <v>30884</v>
      </c>
      <c r="D12899" s="2">
        <v>165727</v>
      </c>
      <c r="E12899" s="1" t="s">
        <v>0</v>
      </c>
    </row>
    <row r="12900" spans="1:5" ht="409.5" x14ac:dyDescent="0.25">
      <c r="A12900" s="4" t="s">
        <v>30885</v>
      </c>
      <c r="B12900" s="1" t="s">
        <v>53883</v>
      </c>
      <c r="C12900" s="1" t="s">
        <v>30886</v>
      </c>
      <c r="D12900" s="2">
        <v>165728</v>
      </c>
      <c r="E12900" s="1" t="s">
        <v>0</v>
      </c>
    </row>
    <row r="12901" spans="1:5" x14ac:dyDescent="0.25">
      <c r="A12901" s="1" t="s">
        <v>30887</v>
      </c>
      <c r="B12901" s="1" t="s">
        <v>53884</v>
      </c>
      <c r="C12901" s="1" t="s">
        <v>30888</v>
      </c>
      <c r="D12901" s="2">
        <v>165729</v>
      </c>
      <c r="E12901" s="1" t="s">
        <v>0</v>
      </c>
    </row>
    <row r="12902" spans="1:5" x14ac:dyDescent="0.25">
      <c r="A12902" s="2">
        <v>2580</v>
      </c>
      <c r="B12902" s="2">
        <v>2580</v>
      </c>
      <c r="C12902" s="1" t="s">
        <v>0</v>
      </c>
      <c r="D12902" s="2">
        <v>165730</v>
      </c>
      <c r="E12902" s="1" t="s">
        <v>0</v>
      </c>
    </row>
    <row r="12903" spans="1:5" x14ac:dyDescent="0.25">
      <c r="A12903" s="1" t="s">
        <v>13139</v>
      </c>
      <c r="B12903" s="1" t="s">
        <v>13140</v>
      </c>
      <c r="C12903" s="1" t="s">
        <v>30889</v>
      </c>
      <c r="D12903" s="2">
        <v>165731</v>
      </c>
      <c r="E12903" s="1" t="s">
        <v>0</v>
      </c>
    </row>
    <row r="12904" spans="1:5" x14ac:dyDescent="0.25">
      <c r="A12904" s="1" t="s">
        <v>30890</v>
      </c>
      <c r="B12904" s="1" t="s">
        <v>58921</v>
      </c>
      <c r="C12904" s="1" t="s">
        <v>30891</v>
      </c>
      <c r="D12904" s="2">
        <v>165732</v>
      </c>
      <c r="E12904" s="1" t="s">
        <v>0</v>
      </c>
    </row>
    <row r="12905" spans="1:5" ht="409.5" x14ac:dyDescent="0.25">
      <c r="A12905" s="4" t="s">
        <v>30892</v>
      </c>
      <c r="B12905" s="1" t="s">
        <v>58922</v>
      </c>
      <c r="C12905" s="1" t="s">
        <v>30893</v>
      </c>
      <c r="D12905" s="2">
        <v>165733</v>
      </c>
      <c r="E12905" s="1" t="s">
        <v>0</v>
      </c>
    </row>
    <row r="12906" spans="1:5" x14ac:dyDescent="0.25">
      <c r="A12906" s="1" t="s">
        <v>30894</v>
      </c>
      <c r="B12906" s="1" t="s">
        <v>8734</v>
      </c>
      <c r="C12906" s="1" t="s">
        <v>30895</v>
      </c>
      <c r="D12906" s="2">
        <v>165734</v>
      </c>
      <c r="E12906" s="1" t="s">
        <v>0</v>
      </c>
    </row>
    <row r="12907" spans="1:5" x14ac:dyDescent="0.25">
      <c r="A12907" s="2">
        <v>2581</v>
      </c>
      <c r="B12907" s="2">
        <v>2581</v>
      </c>
      <c r="C12907" s="1" t="s">
        <v>0</v>
      </c>
      <c r="D12907" s="2">
        <v>165735</v>
      </c>
      <c r="E12907" s="1" t="s">
        <v>0</v>
      </c>
    </row>
    <row r="12908" spans="1:5" x14ac:dyDescent="0.25">
      <c r="A12908" s="1" t="s">
        <v>2359</v>
      </c>
      <c r="B12908" s="1" t="s">
        <v>8735</v>
      </c>
      <c r="C12908" s="1" t="s">
        <v>30896</v>
      </c>
      <c r="D12908" s="2">
        <v>165736</v>
      </c>
      <c r="E12908" s="1" t="s">
        <v>0</v>
      </c>
    </row>
    <row r="12909" spans="1:5" x14ac:dyDescent="0.25">
      <c r="A12909" s="1" t="s">
        <v>30897</v>
      </c>
      <c r="B12909" s="1" t="s">
        <v>62520</v>
      </c>
      <c r="C12909" s="1" t="s">
        <v>30898</v>
      </c>
      <c r="D12909" s="2">
        <v>165737</v>
      </c>
      <c r="E12909" s="1" t="s">
        <v>0</v>
      </c>
    </row>
    <row r="12910" spans="1:5" ht="409.5" x14ac:dyDescent="0.25">
      <c r="A12910" s="4" t="s">
        <v>30899</v>
      </c>
      <c r="B12910" s="1" t="s">
        <v>62521</v>
      </c>
      <c r="C12910" s="1" t="s">
        <v>30900</v>
      </c>
      <c r="D12910" s="2">
        <v>165738</v>
      </c>
      <c r="E12910" s="1" t="s">
        <v>0</v>
      </c>
    </row>
    <row r="12911" spans="1:5" x14ac:dyDescent="0.25">
      <c r="A12911" s="1" t="s">
        <v>30901</v>
      </c>
      <c r="B12911" s="1" t="s">
        <v>61666</v>
      </c>
      <c r="C12911" s="1" t="s">
        <v>30902</v>
      </c>
      <c r="D12911" s="2">
        <v>165739</v>
      </c>
      <c r="E12911" s="1" t="s">
        <v>0</v>
      </c>
    </row>
    <row r="12912" spans="1:5" x14ac:dyDescent="0.25">
      <c r="A12912" s="2">
        <v>2582</v>
      </c>
      <c r="B12912" s="2">
        <v>2582</v>
      </c>
      <c r="C12912" s="1" t="s">
        <v>0</v>
      </c>
      <c r="D12912" s="2">
        <v>165740</v>
      </c>
      <c r="E12912" s="1" t="s">
        <v>0</v>
      </c>
    </row>
    <row r="12913" spans="1:5" x14ac:dyDescent="0.25">
      <c r="A12913" s="1" t="s">
        <v>2360</v>
      </c>
      <c r="B12913" s="1" t="s">
        <v>53885</v>
      </c>
      <c r="C12913" s="1" t="s">
        <v>30903</v>
      </c>
      <c r="D12913" s="2">
        <v>165741</v>
      </c>
      <c r="E12913" s="1" t="s">
        <v>0</v>
      </c>
    </row>
    <row r="12914" spans="1:5" x14ac:dyDescent="0.25">
      <c r="A12914" s="1" t="s">
        <v>30904</v>
      </c>
      <c r="B12914" s="1" t="s">
        <v>56772</v>
      </c>
      <c r="C12914" s="1" t="s">
        <v>30905</v>
      </c>
      <c r="D12914" s="2">
        <v>165742</v>
      </c>
      <c r="E12914" s="1" t="s">
        <v>0</v>
      </c>
    </row>
    <row r="12915" spans="1:5" ht="409.5" x14ac:dyDescent="0.25">
      <c r="A12915" s="4" t="s">
        <v>30906</v>
      </c>
      <c r="B12915" s="1" t="s">
        <v>63370</v>
      </c>
      <c r="C12915" s="1" t="s">
        <v>30907</v>
      </c>
      <c r="D12915" s="2">
        <v>165743</v>
      </c>
      <c r="E12915" s="1" t="s">
        <v>0</v>
      </c>
    </row>
    <row r="12916" spans="1:5" x14ac:dyDescent="0.25">
      <c r="A12916" s="1" t="s">
        <v>30908</v>
      </c>
      <c r="B12916" s="1" t="s">
        <v>8736</v>
      </c>
      <c r="C12916" s="1" t="s">
        <v>30909</v>
      </c>
      <c r="D12916" s="2">
        <v>165744</v>
      </c>
      <c r="E12916" s="1" t="s">
        <v>0</v>
      </c>
    </row>
    <row r="12917" spans="1:5" x14ac:dyDescent="0.25">
      <c r="A12917" s="2">
        <v>2583</v>
      </c>
      <c r="B12917" s="2">
        <v>2583</v>
      </c>
      <c r="C12917" s="1" t="s">
        <v>0</v>
      </c>
      <c r="D12917" s="2">
        <v>165745</v>
      </c>
      <c r="E12917" s="1" t="s">
        <v>0</v>
      </c>
    </row>
    <row r="12918" spans="1:5" x14ac:dyDescent="0.25">
      <c r="A12918" s="1" t="s">
        <v>30910</v>
      </c>
      <c r="B12918" s="1" t="s">
        <v>53886</v>
      </c>
      <c r="C12918" s="1" t="s">
        <v>30911</v>
      </c>
      <c r="D12918" s="2">
        <v>165746</v>
      </c>
      <c r="E12918" s="1" t="s">
        <v>0</v>
      </c>
    </row>
    <row r="12919" spans="1:5" x14ac:dyDescent="0.25">
      <c r="A12919" s="1" t="s">
        <v>30912</v>
      </c>
      <c r="B12919" s="1" t="s">
        <v>53887</v>
      </c>
      <c r="C12919" s="1" t="s">
        <v>30913</v>
      </c>
      <c r="D12919" s="2">
        <v>165747</v>
      </c>
      <c r="E12919" s="1" t="s">
        <v>0</v>
      </c>
    </row>
    <row r="12920" spans="1:5" ht="409.5" x14ac:dyDescent="0.25">
      <c r="A12920" s="4" t="s">
        <v>30914</v>
      </c>
      <c r="B12920" s="1" t="s">
        <v>53888</v>
      </c>
      <c r="C12920" s="1" t="s">
        <v>30915</v>
      </c>
      <c r="D12920" s="2">
        <v>165748</v>
      </c>
      <c r="E12920" s="1" t="s">
        <v>0</v>
      </c>
    </row>
    <row r="12921" spans="1:5" x14ac:dyDescent="0.25">
      <c r="A12921" s="1" t="s">
        <v>30916</v>
      </c>
      <c r="B12921" s="1" t="s">
        <v>53889</v>
      </c>
      <c r="C12921" s="1" t="s">
        <v>30917</v>
      </c>
      <c r="D12921" s="2">
        <v>165749</v>
      </c>
      <c r="E12921" s="1" t="s">
        <v>0</v>
      </c>
    </row>
    <row r="12922" spans="1:5" x14ac:dyDescent="0.25">
      <c r="A12922" s="2">
        <v>2584</v>
      </c>
      <c r="B12922" s="2">
        <v>2584</v>
      </c>
      <c r="C12922" s="1" t="s">
        <v>0</v>
      </c>
      <c r="D12922" s="2">
        <v>165750</v>
      </c>
      <c r="E12922" s="1" t="s">
        <v>0</v>
      </c>
    </row>
    <row r="12923" spans="1:5" x14ac:dyDescent="0.25">
      <c r="A12923" s="1" t="s">
        <v>2361</v>
      </c>
      <c r="B12923" s="1" t="s">
        <v>8737</v>
      </c>
      <c r="C12923" s="1" t="s">
        <v>30918</v>
      </c>
      <c r="D12923" s="2">
        <v>165751</v>
      </c>
      <c r="E12923" s="1" t="s">
        <v>0</v>
      </c>
    </row>
    <row r="12924" spans="1:5" x14ac:dyDescent="0.25">
      <c r="A12924" s="1" t="s">
        <v>30919</v>
      </c>
      <c r="B12924" s="1" t="s">
        <v>50740</v>
      </c>
      <c r="C12924" s="1" t="s">
        <v>30920</v>
      </c>
      <c r="D12924" s="2">
        <v>165752</v>
      </c>
      <c r="E12924" s="1" t="s">
        <v>0</v>
      </c>
    </row>
    <row r="12925" spans="1:5" ht="409.5" x14ac:dyDescent="0.25">
      <c r="A12925" s="4" t="s">
        <v>30921</v>
      </c>
      <c r="B12925" s="1" t="s">
        <v>60013</v>
      </c>
      <c r="C12925" s="1" t="s">
        <v>30922</v>
      </c>
      <c r="D12925" s="2">
        <v>165753</v>
      </c>
      <c r="E12925" s="1" t="s">
        <v>0</v>
      </c>
    </row>
    <row r="12926" spans="1:5" x14ac:dyDescent="0.25">
      <c r="A12926" s="1" t="s">
        <v>30923</v>
      </c>
      <c r="B12926" s="1" t="s">
        <v>53890</v>
      </c>
      <c r="C12926" s="1" t="s">
        <v>30924</v>
      </c>
      <c r="D12926" s="2">
        <v>165754</v>
      </c>
      <c r="E12926" s="1" t="s">
        <v>0</v>
      </c>
    </row>
    <row r="12927" spans="1:5" x14ac:dyDescent="0.25">
      <c r="A12927" s="2">
        <v>2585</v>
      </c>
      <c r="B12927" s="2">
        <v>2585</v>
      </c>
      <c r="C12927" s="1" t="s">
        <v>0</v>
      </c>
      <c r="D12927" s="2">
        <v>165755</v>
      </c>
      <c r="E12927" s="1" t="s">
        <v>0</v>
      </c>
    </row>
    <row r="12928" spans="1:5" x14ac:dyDescent="0.25">
      <c r="A12928" s="1" t="s">
        <v>2362</v>
      </c>
      <c r="B12928" s="1" t="s">
        <v>8738</v>
      </c>
      <c r="C12928" s="1" t="s">
        <v>30925</v>
      </c>
      <c r="D12928" s="2">
        <v>165756</v>
      </c>
      <c r="E12928" s="1" t="s">
        <v>0</v>
      </c>
    </row>
    <row r="12929" spans="1:5" x14ac:dyDescent="0.25">
      <c r="A12929" s="1" t="s">
        <v>30926</v>
      </c>
      <c r="B12929" s="1" t="s">
        <v>8739</v>
      </c>
      <c r="C12929" s="1" t="s">
        <v>30927</v>
      </c>
      <c r="D12929" s="2">
        <v>165757</v>
      </c>
      <c r="E12929" s="1" t="s">
        <v>0</v>
      </c>
    </row>
    <row r="12930" spans="1:5" ht="409.5" x14ac:dyDescent="0.25">
      <c r="A12930" s="4" t="s">
        <v>30928</v>
      </c>
      <c r="B12930" s="1" t="s">
        <v>8740</v>
      </c>
      <c r="C12930" s="1" t="s">
        <v>30929</v>
      </c>
      <c r="D12930" s="2">
        <v>165758</v>
      </c>
      <c r="E12930" s="1" t="s">
        <v>0</v>
      </c>
    </row>
    <row r="12931" spans="1:5" x14ac:dyDescent="0.25">
      <c r="A12931" s="1" t="s">
        <v>30930</v>
      </c>
      <c r="B12931" s="1" t="s">
        <v>57143</v>
      </c>
      <c r="C12931" s="1" t="s">
        <v>19209</v>
      </c>
      <c r="D12931" s="2">
        <v>165759</v>
      </c>
      <c r="E12931" s="1" t="s">
        <v>0</v>
      </c>
    </row>
    <row r="12932" spans="1:5" x14ac:dyDescent="0.25">
      <c r="A12932" s="2">
        <v>2586</v>
      </c>
      <c r="B12932" s="2">
        <v>2586</v>
      </c>
      <c r="C12932" s="1" t="s">
        <v>0</v>
      </c>
      <c r="D12932" s="2">
        <v>165760</v>
      </c>
      <c r="E12932" s="1" t="s">
        <v>0</v>
      </c>
    </row>
    <row r="12933" spans="1:5" x14ac:dyDescent="0.25">
      <c r="A12933" s="1" t="s">
        <v>2363</v>
      </c>
      <c r="B12933" s="1" t="s">
        <v>8741</v>
      </c>
      <c r="C12933" s="1" t="s">
        <v>30931</v>
      </c>
      <c r="D12933" s="2">
        <v>165761</v>
      </c>
      <c r="E12933" s="1" t="s">
        <v>0</v>
      </c>
    </row>
    <row r="12934" spans="1:5" x14ac:dyDescent="0.25">
      <c r="A12934" s="1" t="s">
        <v>30932</v>
      </c>
      <c r="B12934" s="1" t="s">
        <v>53891</v>
      </c>
      <c r="C12934" s="1" t="s">
        <v>30933</v>
      </c>
      <c r="D12934" s="2">
        <v>165762</v>
      </c>
      <c r="E12934" s="1" t="s">
        <v>0</v>
      </c>
    </row>
    <row r="12935" spans="1:5" ht="409.5" x14ac:dyDescent="0.25">
      <c r="A12935" s="4" t="s">
        <v>30934</v>
      </c>
      <c r="B12935" s="1" t="s">
        <v>53892</v>
      </c>
      <c r="C12935" s="1" t="s">
        <v>30935</v>
      </c>
      <c r="D12935" s="2">
        <v>165763</v>
      </c>
      <c r="E12935" s="1" t="s">
        <v>0</v>
      </c>
    </row>
    <row r="12936" spans="1:5" x14ac:dyDescent="0.25">
      <c r="A12936" s="1" t="s">
        <v>30936</v>
      </c>
      <c r="B12936" s="1" t="s">
        <v>53893</v>
      </c>
      <c r="C12936" s="1" t="s">
        <v>30937</v>
      </c>
      <c r="D12936" s="2">
        <v>165764</v>
      </c>
      <c r="E12936" s="1" t="s">
        <v>0</v>
      </c>
    </row>
    <row r="12937" spans="1:5" x14ac:dyDescent="0.25">
      <c r="A12937" s="2">
        <v>2587</v>
      </c>
      <c r="B12937" s="2">
        <v>2587</v>
      </c>
      <c r="C12937" s="1" t="s">
        <v>0</v>
      </c>
      <c r="D12937" s="2">
        <v>165765</v>
      </c>
      <c r="E12937" s="1" t="s">
        <v>0</v>
      </c>
    </row>
    <row r="12938" spans="1:5" x14ac:dyDescent="0.25">
      <c r="A12938" s="1" t="s">
        <v>2364</v>
      </c>
      <c r="B12938" s="1" t="s">
        <v>8742</v>
      </c>
      <c r="C12938" s="1" t="s">
        <v>30938</v>
      </c>
      <c r="D12938" s="2">
        <v>165766</v>
      </c>
      <c r="E12938" s="1" t="s">
        <v>0</v>
      </c>
    </row>
    <row r="12939" spans="1:5" x14ac:dyDescent="0.25">
      <c r="A12939" s="1" t="s">
        <v>30939</v>
      </c>
      <c r="B12939" s="1" t="s">
        <v>53894</v>
      </c>
      <c r="C12939" s="1" t="s">
        <v>30940</v>
      </c>
      <c r="D12939" s="2">
        <v>165767</v>
      </c>
      <c r="E12939" s="1" t="s">
        <v>0</v>
      </c>
    </row>
    <row r="12940" spans="1:5" ht="409.5" x14ac:dyDescent="0.25">
      <c r="A12940" s="4" t="s">
        <v>30941</v>
      </c>
      <c r="B12940" s="1" t="s">
        <v>53895</v>
      </c>
      <c r="C12940" s="1" t="s">
        <v>30942</v>
      </c>
      <c r="D12940" s="2">
        <v>165768</v>
      </c>
      <c r="E12940" s="1" t="s">
        <v>0</v>
      </c>
    </row>
    <row r="12941" spans="1:5" x14ac:dyDescent="0.25">
      <c r="A12941" s="1" t="s">
        <v>30943</v>
      </c>
      <c r="B12941" s="1" t="s">
        <v>8743</v>
      </c>
      <c r="C12941" s="1" t="s">
        <v>30944</v>
      </c>
      <c r="D12941" s="2">
        <v>165769</v>
      </c>
      <c r="E12941" s="1" t="s">
        <v>0</v>
      </c>
    </row>
    <row r="12942" spans="1:5" x14ac:dyDescent="0.25">
      <c r="A12942" s="2">
        <v>2588</v>
      </c>
      <c r="B12942" s="2">
        <v>2588</v>
      </c>
      <c r="C12942" s="1" t="s">
        <v>0</v>
      </c>
      <c r="D12942" s="2">
        <v>165770</v>
      </c>
      <c r="E12942" s="1" t="s">
        <v>0</v>
      </c>
    </row>
    <row r="12943" spans="1:5" x14ac:dyDescent="0.25">
      <c r="A12943" s="1" t="s">
        <v>2365</v>
      </c>
      <c r="B12943" s="1" t="s">
        <v>8744</v>
      </c>
      <c r="C12943" s="1" t="s">
        <v>30945</v>
      </c>
      <c r="D12943" s="2">
        <v>165771</v>
      </c>
      <c r="E12943" s="1" t="s">
        <v>0</v>
      </c>
    </row>
    <row r="12944" spans="1:5" x14ac:dyDescent="0.25">
      <c r="A12944" s="1" t="s">
        <v>30946</v>
      </c>
      <c r="B12944" s="1" t="s">
        <v>13141</v>
      </c>
      <c r="C12944" s="1" t="s">
        <v>30947</v>
      </c>
      <c r="D12944" s="2">
        <v>165772</v>
      </c>
      <c r="E12944" s="1" t="s">
        <v>0</v>
      </c>
    </row>
    <row r="12945" spans="1:5" ht="409.5" x14ac:dyDescent="0.25">
      <c r="A12945" s="4" t="s">
        <v>30948</v>
      </c>
      <c r="B12945" s="1" t="s">
        <v>13142</v>
      </c>
      <c r="C12945" s="1" t="s">
        <v>30949</v>
      </c>
      <c r="D12945" s="2">
        <v>165773</v>
      </c>
      <c r="E12945" s="1" t="s">
        <v>0</v>
      </c>
    </row>
    <row r="12946" spans="1:5" x14ac:dyDescent="0.25">
      <c r="A12946" s="1" t="s">
        <v>30950</v>
      </c>
      <c r="B12946" s="1" t="s">
        <v>8745</v>
      </c>
      <c r="C12946" s="1" t="s">
        <v>30951</v>
      </c>
      <c r="D12946" s="2">
        <v>165774</v>
      </c>
      <c r="E12946" s="1" t="s">
        <v>0</v>
      </c>
    </row>
    <row r="12947" spans="1:5" x14ac:dyDescent="0.25">
      <c r="A12947" s="2">
        <v>2589</v>
      </c>
      <c r="B12947" s="2">
        <v>2589</v>
      </c>
      <c r="C12947" s="1" t="s">
        <v>0</v>
      </c>
      <c r="D12947" s="2">
        <v>165775</v>
      </c>
      <c r="E12947" s="1" t="s">
        <v>0</v>
      </c>
    </row>
    <row r="12948" spans="1:5" x14ac:dyDescent="0.25">
      <c r="A12948" s="1" t="s">
        <v>2366</v>
      </c>
      <c r="B12948" s="1" t="s">
        <v>8746</v>
      </c>
      <c r="C12948" s="1" t="s">
        <v>30952</v>
      </c>
      <c r="D12948" s="2">
        <v>165776</v>
      </c>
      <c r="E12948" s="1" t="s">
        <v>0</v>
      </c>
    </row>
    <row r="12949" spans="1:5" x14ac:dyDescent="0.25">
      <c r="A12949" s="1" t="s">
        <v>30953</v>
      </c>
      <c r="B12949" s="1" t="s">
        <v>60435</v>
      </c>
      <c r="C12949" s="1" t="s">
        <v>30954</v>
      </c>
      <c r="D12949" s="2">
        <v>165777</v>
      </c>
      <c r="E12949" s="1" t="s">
        <v>0</v>
      </c>
    </row>
    <row r="12950" spans="1:5" ht="409.5" x14ac:dyDescent="0.25">
      <c r="A12950" s="4" t="s">
        <v>30955</v>
      </c>
      <c r="B12950" s="1" t="s">
        <v>60436</v>
      </c>
      <c r="C12950" s="1" t="s">
        <v>30956</v>
      </c>
      <c r="D12950" s="2">
        <v>165778</v>
      </c>
      <c r="E12950" s="1" t="s">
        <v>0</v>
      </c>
    </row>
    <row r="12951" spans="1:5" x14ac:dyDescent="0.25">
      <c r="A12951" s="1" t="s">
        <v>22860</v>
      </c>
      <c r="B12951" s="1" t="s">
        <v>57169</v>
      </c>
      <c r="C12951" s="1" t="s">
        <v>22861</v>
      </c>
      <c r="D12951" s="2">
        <v>165779</v>
      </c>
      <c r="E12951" s="1" t="s">
        <v>0</v>
      </c>
    </row>
    <row r="12952" spans="1:5" x14ac:dyDescent="0.25">
      <c r="A12952" s="2">
        <v>2590</v>
      </c>
      <c r="B12952" s="2">
        <v>2590</v>
      </c>
      <c r="C12952" s="1" t="s">
        <v>0</v>
      </c>
      <c r="D12952" s="2">
        <v>165780</v>
      </c>
      <c r="E12952" s="1" t="s">
        <v>0</v>
      </c>
    </row>
    <row r="12953" spans="1:5" x14ac:dyDescent="0.25">
      <c r="A12953" s="1" t="s">
        <v>2367</v>
      </c>
      <c r="B12953" s="1" t="s">
        <v>53896</v>
      </c>
      <c r="C12953" s="1" t="s">
        <v>30957</v>
      </c>
      <c r="D12953" s="2">
        <v>165781</v>
      </c>
      <c r="E12953" s="1" t="s">
        <v>0</v>
      </c>
    </row>
    <row r="12954" spans="1:5" x14ac:dyDescent="0.25">
      <c r="A12954" s="1" t="s">
        <v>30958</v>
      </c>
      <c r="B12954" s="1" t="s">
        <v>53897</v>
      </c>
      <c r="C12954" s="1" t="s">
        <v>30959</v>
      </c>
      <c r="D12954" s="2">
        <v>165782</v>
      </c>
      <c r="E12954" s="1" t="s">
        <v>0</v>
      </c>
    </row>
    <row r="12955" spans="1:5" ht="409.5" x14ac:dyDescent="0.25">
      <c r="A12955" s="4" t="s">
        <v>30960</v>
      </c>
      <c r="B12955" s="1" t="s">
        <v>53898</v>
      </c>
      <c r="C12955" s="1" t="s">
        <v>30961</v>
      </c>
      <c r="D12955" s="2">
        <v>165783</v>
      </c>
      <c r="E12955" s="1" t="s">
        <v>0</v>
      </c>
    </row>
    <row r="12956" spans="1:5" x14ac:dyDescent="0.25">
      <c r="A12956" s="1" t="s">
        <v>30962</v>
      </c>
      <c r="B12956" s="1" t="s">
        <v>53899</v>
      </c>
      <c r="C12956" s="1" t="s">
        <v>30963</v>
      </c>
      <c r="D12956" s="2">
        <v>165784</v>
      </c>
      <c r="E12956" s="1" t="s">
        <v>0</v>
      </c>
    </row>
    <row r="12957" spans="1:5" x14ac:dyDescent="0.25">
      <c r="A12957" s="2">
        <v>2591</v>
      </c>
      <c r="B12957" s="2">
        <v>2591</v>
      </c>
      <c r="C12957" s="1" t="s">
        <v>0</v>
      </c>
      <c r="D12957" s="2">
        <v>165785</v>
      </c>
      <c r="E12957" s="1" t="s">
        <v>0</v>
      </c>
    </row>
    <row r="12958" spans="1:5" x14ac:dyDescent="0.25">
      <c r="A12958" s="1" t="s">
        <v>2368</v>
      </c>
      <c r="B12958" s="1" t="s">
        <v>8747</v>
      </c>
      <c r="C12958" s="1" t="s">
        <v>30964</v>
      </c>
      <c r="D12958" s="2">
        <v>165786</v>
      </c>
      <c r="E12958" s="1" t="s">
        <v>0</v>
      </c>
    </row>
    <row r="12959" spans="1:5" x14ac:dyDescent="0.25">
      <c r="A12959" s="1" t="s">
        <v>30965</v>
      </c>
      <c r="B12959" s="1" t="s">
        <v>62522</v>
      </c>
      <c r="C12959" s="1" t="s">
        <v>30966</v>
      </c>
      <c r="D12959" s="2">
        <v>165787</v>
      </c>
      <c r="E12959" s="1" t="s">
        <v>0</v>
      </c>
    </row>
    <row r="12960" spans="1:5" ht="409.5" x14ac:dyDescent="0.25">
      <c r="A12960" s="4" t="s">
        <v>30967</v>
      </c>
      <c r="B12960" s="1" t="s">
        <v>62523</v>
      </c>
      <c r="C12960" s="1" t="s">
        <v>30968</v>
      </c>
      <c r="D12960" s="2">
        <v>165788</v>
      </c>
      <c r="E12960" s="1" t="s">
        <v>0</v>
      </c>
    </row>
    <row r="12961" spans="1:5" x14ac:dyDescent="0.25">
      <c r="A12961" s="1" t="s">
        <v>30969</v>
      </c>
      <c r="B12961" s="1" t="s">
        <v>8748</v>
      </c>
      <c r="C12961" s="1" t="s">
        <v>30970</v>
      </c>
      <c r="D12961" s="2">
        <v>165789</v>
      </c>
      <c r="E12961" s="1" t="s">
        <v>0</v>
      </c>
    </row>
    <row r="12962" spans="1:5" x14ac:dyDescent="0.25">
      <c r="A12962" s="2">
        <v>2592</v>
      </c>
      <c r="B12962" s="2">
        <v>2592</v>
      </c>
      <c r="C12962" s="1" t="s">
        <v>0</v>
      </c>
      <c r="D12962" s="2">
        <v>165790</v>
      </c>
      <c r="E12962" s="1" t="s">
        <v>0</v>
      </c>
    </row>
    <row r="12963" spans="1:5" x14ac:dyDescent="0.25">
      <c r="A12963" s="1" t="s">
        <v>2369</v>
      </c>
      <c r="B12963" s="1" t="s">
        <v>8749</v>
      </c>
      <c r="C12963" s="1" t="s">
        <v>30971</v>
      </c>
      <c r="D12963" s="2">
        <v>165791</v>
      </c>
      <c r="E12963" s="1" t="s">
        <v>0</v>
      </c>
    </row>
    <row r="12964" spans="1:5" x14ac:dyDescent="0.25">
      <c r="A12964" s="1" t="s">
        <v>30972</v>
      </c>
      <c r="B12964" s="1" t="s">
        <v>8750</v>
      </c>
      <c r="C12964" s="1" t="s">
        <v>30973</v>
      </c>
      <c r="D12964" s="2">
        <v>165792</v>
      </c>
      <c r="E12964" s="1" t="s">
        <v>0</v>
      </c>
    </row>
    <row r="12965" spans="1:5" ht="409.5" x14ac:dyDescent="0.25">
      <c r="A12965" s="4" t="s">
        <v>30974</v>
      </c>
      <c r="B12965" s="1" t="s">
        <v>62524</v>
      </c>
      <c r="C12965" s="1" t="s">
        <v>30975</v>
      </c>
      <c r="D12965" s="2">
        <v>165793</v>
      </c>
      <c r="E12965" s="1" t="s">
        <v>0</v>
      </c>
    </row>
    <row r="12966" spans="1:5" x14ac:dyDescent="0.25">
      <c r="A12966" s="1" t="s">
        <v>30976</v>
      </c>
      <c r="B12966" s="1" t="s">
        <v>8751</v>
      </c>
      <c r="C12966" s="1" t="s">
        <v>30977</v>
      </c>
      <c r="D12966" s="2">
        <v>165794</v>
      </c>
      <c r="E12966" s="1" t="s">
        <v>0</v>
      </c>
    </row>
    <row r="12967" spans="1:5" x14ac:dyDescent="0.25">
      <c r="A12967" s="2">
        <v>2593</v>
      </c>
      <c r="B12967" s="2">
        <v>2593</v>
      </c>
      <c r="C12967" s="1" t="s">
        <v>0</v>
      </c>
      <c r="D12967" s="2">
        <v>165795</v>
      </c>
      <c r="E12967" s="1" t="s">
        <v>0</v>
      </c>
    </row>
    <row r="12968" spans="1:5" x14ac:dyDescent="0.25">
      <c r="A12968" s="1" t="s">
        <v>2370</v>
      </c>
      <c r="B12968" s="1" t="s">
        <v>8752</v>
      </c>
      <c r="C12968" s="1" t="s">
        <v>30978</v>
      </c>
      <c r="D12968" s="2">
        <v>165796</v>
      </c>
      <c r="E12968" s="1" t="s">
        <v>0</v>
      </c>
    </row>
    <row r="12969" spans="1:5" x14ac:dyDescent="0.25">
      <c r="A12969" s="1" t="s">
        <v>30979</v>
      </c>
      <c r="B12969" s="1" t="s">
        <v>8753</v>
      </c>
      <c r="C12969" s="1" t="s">
        <v>30980</v>
      </c>
      <c r="D12969" s="2">
        <v>165797</v>
      </c>
      <c r="E12969" s="1" t="s">
        <v>0</v>
      </c>
    </row>
    <row r="12970" spans="1:5" ht="409.5" x14ac:dyDescent="0.25">
      <c r="A12970" s="4" t="s">
        <v>64176</v>
      </c>
      <c r="B12970" s="1" t="s">
        <v>60823</v>
      </c>
      <c r="C12970" s="1" t="s">
        <v>30981</v>
      </c>
      <c r="D12970" s="2">
        <v>165798</v>
      </c>
      <c r="E12970" s="1" t="s">
        <v>0</v>
      </c>
    </row>
    <row r="12971" spans="1:5" x14ac:dyDescent="0.25">
      <c r="A12971" s="1" t="s">
        <v>30982</v>
      </c>
      <c r="B12971" s="1" t="s">
        <v>50741</v>
      </c>
      <c r="C12971" s="1" t="s">
        <v>30983</v>
      </c>
      <c r="D12971" s="2">
        <v>165799</v>
      </c>
      <c r="E12971" s="1" t="s">
        <v>0</v>
      </c>
    </row>
    <row r="12972" spans="1:5" x14ac:dyDescent="0.25">
      <c r="A12972" s="2">
        <v>2594</v>
      </c>
      <c r="B12972" s="2">
        <v>2594</v>
      </c>
      <c r="C12972" s="1" t="s">
        <v>0</v>
      </c>
      <c r="D12972" s="2">
        <v>165800</v>
      </c>
      <c r="E12972" s="1" t="s">
        <v>0</v>
      </c>
    </row>
    <row r="12973" spans="1:5" x14ac:dyDescent="0.25">
      <c r="A12973" s="1" t="s">
        <v>2371</v>
      </c>
      <c r="B12973" s="1" t="s">
        <v>8754</v>
      </c>
      <c r="C12973" s="1" t="s">
        <v>30984</v>
      </c>
      <c r="D12973" s="2">
        <v>165801</v>
      </c>
      <c r="E12973" s="1" t="s">
        <v>0</v>
      </c>
    </row>
    <row r="12974" spans="1:5" x14ac:dyDescent="0.25">
      <c r="A12974" s="1" t="s">
        <v>30985</v>
      </c>
      <c r="B12974" s="1" t="s">
        <v>53900</v>
      </c>
      <c r="C12974" s="1" t="s">
        <v>30986</v>
      </c>
      <c r="D12974" s="2">
        <v>165802</v>
      </c>
      <c r="E12974" s="1" t="s">
        <v>0</v>
      </c>
    </row>
    <row r="12975" spans="1:5" ht="409.5" x14ac:dyDescent="0.25">
      <c r="A12975" s="4" t="s">
        <v>64177</v>
      </c>
      <c r="B12975" s="1" t="s">
        <v>53901</v>
      </c>
      <c r="C12975" s="1" t="s">
        <v>30987</v>
      </c>
      <c r="D12975" s="2">
        <v>165803</v>
      </c>
      <c r="E12975" s="1" t="s">
        <v>0</v>
      </c>
    </row>
    <row r="12976" spans="1:5" x14ac:dyDescent="0.25">
      <c r="A12976" s="1" t="s">
        <v>30988</v>
      </c>
      <c r="B12976" s="1" t="s">
        <v>53902</v>
      </c>
      <c r="C12976" s="1" t="s">
        <v>30989</v>
      </c>
      <c r="D12976" s="2">
        <v>165804</v>
      </c>
      <c r="E12976" s="1" t="s">
        <v>0</v>
      </c>
    </row>
    <row r="12977" spans="1:5" x14ac:dyDescent="0.25">
      <c r="A12977" s="2">
        <v>2595</v>
      </c>
      <c r="B12977" s="2">
        <v>2595</v>
      </c>
      <c r="C12977" s="1" t="s">
        <v>0</v>
      </c>
      <c r="D12977" s="2">
        <v>165805</v>
      </c>
      <c r="E12977" s="1" t="s">
        <v>0</v>
      </c>
    </row>
    <row r="12978" spans="1:5" x14ac:dyDescent="0.25">
      <c r="A12978" s="1" t="s">
        <v>2372</v>
      </c>
      <c r="B12978" s="1" t="s">
        <v>8755</v>
      </c>
      <c r="C12978" s="1" t="s">
        <v>30990</v>
      </c>
      <c r="D12978" s="2">
        <v>165806</v>
      </c>
      <c r="E12978" s="1" t="s">
        <v>0</v>
      </c>
    </row>
    <row r="12979" spans="1:5" x14ac:dyDescent="0.25">
      <c r="A12979" s="1" t="s">
        <v>30991</v>
      </c>
      <c r="B12979" s="1" t="s">
        <v>60616</v>
      </c>
      <c r="C12979" s="1" t="s">
        <v>30992</v>
      </c>
      <c r="D12979" s="2">
        <v>165807</v>
      </c>
      <c r="E12979" s="1" t="s">
        <v>0</v>
      </c>
    </row>
    <row r="12980" spans="1:5" ht="409.5" x14ac:dyDescent="0.25">
      <c r="A12980" s="4" t="s">
        <v>30993</v>
      </c>
      <c r="B12980" s="1" t="s">
        <v>60617</v>
      </c>
      <c r="C12980" s="1" t="s">
        <v>30994</v>
      </c>
      <c r="D12980" s="2">
        <v>165808</v>
      </c>
      <c r="E12980" s="1" t="s">
        <v>0</v>
      </c>
    </row>
    <row r="12981" spans="1:5" x14ac:dyDescent="0.25">
      <c r="A12981" s="1" t="s">
        <v>30995</v>
      </c>
      <c r="B12981" s="1" t="s">
        <v>53903</v>
      </c>
      <c r="C12981" s="1" t="s">
        <v>30996</v>
      </c>
      <c r="D12981" s="2">
        <v>165809</v>
      </c>
      <c r="E12981" s="1" t="s">
        <v>0</v>
      </c>
    </row>
    <row r="12982" spans="1:5" x14ac:dyDescent="0.25">
      <c r="A12982" s="2">
        <v>2596</v>
      </c>
      <c r="B12982" s="2">
        <v>2596</v>
      </c>
      <c r="C12982" s="1" t="s">
        <v>0</v>
      </c>
      <c r="D12982" s="2">
        <v>165810</v>
      </c>
      <c r="E12982" s="1" t="s">
        <v>0</v>
      </c>
    </row>
    <row r="12983" spans="1:5" x14ac:dyDescent="0.25">
      <c r="A12983" s="1" t="s">
        <v>2373</v>
      </c>
      <c r="B12983" s="1" t="s">
        <v>8756</v>
      </c>
      <c r="C12983" s="1" t="s">
        <v>30997</v>
      </c>
      <c r="D12983" s="2">
        <v>165811</v>
      </c>
      <c r="E12983" s="1" t="s">
        <v>0</v>
      </c>
    </row>
    <row r="12984" spans="1:5" x14ac:dyDescent="0.25">
      <c r="A12984" s="1" t="s">
        <v>30998</v>
      </c>
      <c r="B12984" s="1" t="s">
        <v>53904</v>
      </c>
      <c r="C12984" s="1" t="s">
        <v>30999</v>
      </c>
      <c r="D12984" s="2">
        <v>165812</v>
      </c>
      <c r="E12984" s="1" t="s">
        <v>0</v>
      </c>
    </row>
    <row r="12985" spans="1:5" ht="409.5" x14ac:dyDescent="0.25">
      <c r="A12985" s="4" t="s">
        <v>31000</v>
      </c>
      <c r="B12985" s="1" t="s">
        <v>53905</v>
      </c>
      <c r="C12985" s="1" t="s">
        <v>31001</v>
      </c>
      <c r="D12985" s="2">
        <v>165813</v>
      </c>
      <c r="E12985" s="1" t="s">
        <v>0</v>
      </c>
    </row>
    <row r="12986" spans="1:5" x14ac:dyDescent="0.25">
      <c r="A12986" s="1" t="s">
        <v>31002</v>
      </c>
      <c r="B12986" s="1" t="s">
        <v>8757</v>
      </c>
      <c r="C12986" s="1" t="s">
        <v>31003</v>
      </c>
      <c r="D12986" s="2">
        <v>165814</v>
      </c>
      <c r="E12986" s="1" t="s">
        <v>0</v>
      </c>
    </row>
    <row r="12987" spans="1:5" x14ac:dyDescent="0.25">
      <c r="A12987" s="2">
        <v>2597</v>
      </c>
      <c r="B12987" s="2">
        <v>2597</v>
      </c>
      <c r="C12987" s="1" t="s">
        <v>0</v>
      </c>
      <c r="D12987" s="2">
        <v>165815</v>
      </c>
      <c r="E12987" s="1" t="s">
        <v>0</v>
      </c>
    </row>
    <row r="12988" spans="1:5" x14ac:dyDescent="0.25">
      <c r="A12988" s="1" t="s">
        <v>8758</v>
      </c>
      <c r="B12988" s="1" t="s">
        <v>8759</v>
      </c>
      <c r="C12988" s="1" t="s">
        <v>31004</v>
      </c>
      <c r="D12988" s="2">
        <v>165816</v>
      </c>
      <c r="E12988" s="1" t="s">
        <v>0</v>
      </c>
    </row>
    <row r="12989" spans="1:5" x14ac:dyDescent="0.25">
      <c r="A12989" s="1" t="s">
        <v>31005</v>
      </c>
      <c r="B12989" s="1" t="s">
        <v>53906</v>
      </c>
      <c r="C12989" s="1" t="s">
        <v>31006</v>
      </c>
      <c r="D12989" s="2">
        <v>165817</v>
      </c>
      <c r="E12989" s="1" t="s">
        <v>0</v>
      </c>
    </row>
    <row r="12990" spans="1:5" ht="409.5" x14ac:dyDescent="0.25">
      <c r="A12990" s="4" t="s">
        <v>31007</v>
      </c>
      <c r="B12990" s="1" t="s">
        <v>53907</v>
      </c>
      <c r="C12990" s="1" t="s">
        <v>31008</v>
      </c>
      <c r="D12990" s="2">
        <v>165818</v>
      </c>
      <c r="E12990" s="1" t="s">
        <v>0</v>
      </c>
    </row>
    <row r="12991" spans="1:5" x14ac:dyDescent="0.25">
      <c r="A12991" s="1" t="s">
        <v>31009</v>
      </c>
      <c r="B12991" s="1" t="s">
        <v>61141</v>
      </c>
      <c r="C12991" s="1" t="s">
        <v>31010</v>
      </c>
      <c r="D12991" s="2">
        <v>165819</v>
      </c>
      <c r="E12991" s="1" t="s">
        <v>0</v>
      </c>
    </row>
    <row r="12992" spans="1:5" x14ac:dyDescent="0.25">
      <c r="A12992" s="2">
        <v>2598</v>
      </c>
      <c r="B12992" s="2">
        <v>2598</v>
      </c>
      <c r="C12992" s="1" t="s">
        <v>0</v>
      </c>
      <c r="D12992" s="2">
        <v>165820</v>
      </c>
      <c r="E12992" s="1" t="s">
        <v>0</v>
      </c>
    </row>
    <row r="12993" spans="1:5" x14ac:dyDescent="0.25">
      <c r="A12993" s="1" t="s">
        <v>2374</v>
      </c>
      <c r="B12993" s="1" t="s">
        <v>60014</v>
      </c>
      <c r="C12993" s="1" t="s">
        <v>31011</v>
      </c>
      <c r="D12993" s="2">
        <v>165821</v>
      </c>
      <c r="E12993" s="1" t="s">
        <v>0</v>
      </c>
    </row>
    <row r="12994" spans="1:5" x14ac:dyDescent="0.25">
      <c r="A12994" s="1" t="s">
        <v>31012</v>
      </c>
      <c r="B12994" s="1" t="s">
        <v>62525</v>
      </c>
      <c r="C12994" s="1" t="s">
        <v>31013</v>
      </c>
      <c r="D12994" s="2">
        <v>165822</v>
      </c>
      <c r="E12994" s="1" t="s">
        <v>0</v>
      </c>
    </row>
    <row r="12995" spans="1:5" ht="409.5" x14ac:dyDescent="0.25">
      <c r="A12995" s="4" t="s">
        <v>31014</v>
      </c>
      <c r="B12995" s="1" t="s">
        <v>62526</v>
      </c>
      <c r="C12995" s="1" t="s">
        <v>31015</v>
      </c>
      <c r="D12995" s="2">
        <v>165823</v>
      </c>
      <c r="E12995" s="1" t="s">
        <v>0</v>
      </c>
    </row>
    <row r="12996" spans="1:5" x14ac:dyDescent="0.25">
      <c r="A12996" s="1" t="s">
        <v>31016</v>
      </c>
      <c r="B12996" s="1" t="s">
        <v>8760</v>
      </c>
      <c r="C12996" s="1" t="s">
        <v>31017</v>
      </c>
      <c r="D12996" s="2">
        <v>165824</v>
      </c>
      <c r="E12996" s="1" t="s">
        <v>0</v>
      </c>
    </row>
    <row r="12997" spans="1:5" x14ac:dyDescent="0.25">
      <c r="A12997" s="2">
        <v>2599</v>
      </c>
      <c r="B12997" s="2">
        <v>2599</v>
      </c>
      <c r="C12997" s="1" t="s">
        <v>0</v>
      </c>
      <c r="D12997" s="2">
        <v>165825</v>
      </c>
      <c r="E12997" s="1" t="s">
        <v>0</v>
      </c>
    </row>
    <row r="12998" spans="1:5" x14ac:dyDescent="0.25">
      <c r="A12998" s="1" t="s">
        <v>2375</v>
      </c>
      <c r="B12998" s="1" t="s">
        <v>8761</v>
      </c>
      <c r="C12998" s="1" t="s">
        <v>31018</v>
      </c>
      <c r="D12998" s="2">
        <v>165826</v>
      </c>
      <c r="E12998" s="1" t="s">
        <v>0</v>
      </c>
    </row>
    <row r="12999" spans="1:5" x14ac:dyDescent="0.25">
      <c r="A12999" s="1" t="s">
        <v>31019</v>
      </c>
      <c r="B12999" s="1" t="s">
        <v>53908</v>
      </c>
      <c r="C12999" s="1" t="s">
        <v>31020</v>
      </c>
      <c r="D12999" s="2">
        <v>165827</v>
      </c>
      <c r="E12999" s="1" t="s">
        <v>0</v>
      </c>
    </row>
    <row r="13000" spans="1:5" ht="409.5" x14ac:dyDescent="0.25">
      <c r="A13000" s="4" t="s">
        <v>31021</v>
      </c>
      <c r="B13000" s="1" t="s">
        <v>53909</v>
      </c>
      <c r="C13000" s="1" t="s">
        <v>31022</v>
      </c>
      <c r="D13000" s="2">
        <v>165828</v>
      </c>
      <c r="E13000" s="1" t="s">
        <v>0</v>
      </c>
    </row>
    <row r="13001" spans="1:5" x14ac:dyDescent="0.25">
      <c r="A13001" s="1" t="s">
        <v>31023</v>
      </c>
      <c r="B13001" s="1" t="s">
        <v>8762</v>
      </c>
      <c r="C13001" s="1" t="s">
        <v>31024</v>
      </c>
      <c r="D13001" s="2">
        <v>165829</v>
      </c>
      <c r="E13001" s="1" t="s">
        <v>0</v>
      </c>
    </row>
    <row r="13002" spans="1:5" x14ac:dyDescent="0.25">
      <c r="A13002" s="2">
        <v>2600</v>
      </c>
      <c r="B13002" s="2">
        <v>2600</v>
      </c>
      <c r="C13002" s="1" t="s">
        <v>0</v>
      </c>
      <c r="D13002" s="2">
        <v>165830</v>
      </c>
      <c r="E13002" s="1" t="s">
        <v>0</v>
      </c>
    </row>
    <row r="13003" spans="1:5" x14ac:dyDescent="0.25">
      <c r="A13003" s="1" t="s">
        <v>2376</v>
      </c>
      <c r="B13003" s="1" t="s">
        <v>8763</v>
      </c>
      <c r="C13003" s="1" t="s">
        <v>31025</v>
      </c>
      <c r="D13003" s="2">
        <v>165831</v>
      </c>
      <c r="E13003" s="1" t="s">
        <v>0</v>
      </c>
    </row>
    <row r="13004" spans="1:5" x14ac:dyDescent="0.25">
      <c r="A13004" s="1" t="s">
        <v>31026</v>
      </c>
      <c r="B13004" s="1" t="s">
        <v>8764</v>
      </c>
      <c r="C13004" s="1" t="s">
        <v>31027</v>
      </c>
      <c r="D13004" s="2">
        <v>165832</v>
      </c>
      <c r="E13004" s="1" t="s">
        <v>0</v>
      </c>
    </row>
    <row r="13005" spans="1:5" ht="409.5" x14ac:dyDescent="0.25">
      <c r="A13005" s="4" t="s">
        <v>31028</v>
      </c>
      <c r="B13005" s="1" t="s">
        <v>8765</v>
      </c>
      <c r="C13005" s="1" t="s">
        <v>31029</v>
      </c>
      <c r="D13005" s="2">
        <v>165833</v>
      </c>
      <c r="E13005" s="1" t="s">
        <v>0</v>
      </c>
    </row>
    <row r="13006" spans="1:5" x14ac:dyDescent="0.25">
      <c r="A13006" s="1" t="s">
        <v>31030</v>
      </c>
      <c r="B13006" s="1" t="s">
        <v>53910</v>
      </c>
      <c r="C13006" s="1" t="s">
        <v>31031</v>
      </c>
      <c r="D13006" s="2">
        <v>165834</v>
      </c>
      <c r="E13006" s="1" t="s">
        <v>0</v>
      </c>
    </row>
    <row r="13007" spans="1:5" x14ac:dyDescent="0.25">
      <c r="A13007" s="2">
        <v>2601</v>
      </c>
      <c r="B13007" s="2">
        <v>2601</v>
      </c>
      <c r="C13007" s="1" t="s">
        <v>0</v>
      </c>
      <c r="D13007" s="2">
        <v>165835</v>
      </c>
      <c r="E13007" s="1" t="s">
        <v>0</v>
      </c>
    </row>
    <row r="13008" spans="1:5" x14ac:dyDescent="0.25">
      <c r="A13008" s="1" t="s">
        <v>2377</v>
      </c>
      <c r="B13008" s="1" t="s">
        <v>50742</v>
      </c>
      <c r="C13008" s="1" t="s">
        <v>31032</v>
      </c>
      <c r="D13008" s="2">
        <v>165836</v>
      </c>
      <c r="E13008" s="1" t="s">
        <v>0</v>
      </c>
    </row>
    <row r="13009" spans="1:5" x14ac:dyDescent="0.25">
      <c r="A13009" s="1" t="s">
        <v>31033</v>
      </c>
      <c r="B13009" s="1" t="s">
        <v>53911</v>
      </c>
      <c r="C13009" s="1" t="s">
        <v>31034</v>
      </c>
      <c r="D13009" s="2">
        <v>165837</v>
      </c>
      <c r="E13009" s="1" t="s">
        <v>0</v>
      </c>
    </row>
    <row r="13010" spans="1:5" ht="409.5" x14ac:dyDescent="0.25">
      <c r="A13010" s="4" t="s">
        <v>31035</v>
      </c>
      <c r="B13010" s="1" t="s">
        <v>53912</v>
      </c>
      <c r="C13010" s="1" t="s">
        <v>31036</v>
      </c>
      <c r="D13010" s="2">
        <v>165838</v>
      </c>
      <c r="E13010" s="1" t="s">
        <v>0</v>
      </c>
    </row>
    <row r="13011" spans="1:5" x14ac:dyDescent="0.25">
      <c r="A13011" s="1" t="s">
        <v>31037</v>
      </c>
      <c r="B13011" s="1" t="s">
        <v>53913</v>
      </c>
      <c r="C13011" s="1" t="s">
        <v>31038</v>
      </c>
      <c r="D13011" s="2">
        <v>165839</v>
      </c>
      <c r="E13011" s="1" t="s">
        <v>0</v>
      </c>
    </row>
    <row r="13012" spans="1:5" x14ac:dyDescent="0.25">
      <c r="A13012" s="2">
        <v>2602</v>
      </c>
      <c r="B13012" s="2">
        <v>2602</v>
      </c>
      <c r="C13012" s="1" t="s">
        <v>0</v>
      </c>
      <c r="D13012" s="2">
        <v>165840</v>
      </c>
      <c r="E13012" s="1" t="s">
        <v>0</v>
      </c>
    </row>
    <row r="13013" spans="1:5" x14ac:dyDescent="0.25">
      <c r="A13013" s="1" t="s">
        <v>2378</v>
      </c>
      <c r="B13013" s="1" t="s">
        <v>8766</v>
      </c>
      <c r="C13013" s="1" t="s">
        <v>31039</v>
      </c>
      <c r="D13013" s="2">
        <v>165841</v>
      </c>
      <c r="E13013" s="1" t="s">
        <v>0</v>
      </c>
    </row>
    <row r="13014" spans="1:5" x14ac:dyDescent="0.25">
      <c r="A13014" s="1" t="s">
        <v>31040</v>
      </c>
      <c r="B13014" s="1" t="s">
        <v>50743</v>
      </c>
      <c r="C13014" s="1" t="s">
        <v>31041</v>
      </c>
      <c r="D13014" s="2">
        <v>165842</v>
      </c>
      <c r="E13014" s="1" t="s">
        <v>0</v>
      </c>
    </row>
    <row r="13015" spans="1:5" ht="409.5" x14ac:dyDescent="0.25">
      <c r="A13015" s="4" t="s">
        <v>31042</v>
      </c>
      <c r="B13015" s="1" t="s">
        <v>53914</v>
      </c>
      <c r="C13015" s="1" t="s">
        <v>31043</v>
      </c>
      <c r="D13015" s="2">
        <v>165843</v>
      </c>
      <c r="E13015" s="1" t="s">
        <v>0</v>
      </c>
    </row>
    <row r="13016" spans="1:5" x14ac:dyDescent="0.25">
      <c r="A13016" s="1" t="s">
        <v>13588</v>
      </c>
      <c r="B13016" s="1" t="s">
        <v>60850</v>
      </c>
      <c r="C13016" s="1" t="s">
        <v>13589</v>
      </c>
      <c r="D13016" s="2">
        <v>165844</v>
      </c>
      <c r="E13016" s="1" t="s">
        <v>0</v>
      </c>
    </row>
    <row r="13017" spans="1:5" x14ac:dyDescent="0.25">
      <c r="A13017" s="2">
        <v>2603</v>
      </c>
      <c r="B13017" s="2">
        <v>2603</v>
      </c>
      <c r="C13017" s="1" t="s">
        <v>0</v>
      </c>
      <c r="D13017" s="2">
        <v>165845</v>
      </c>
      <c r="E13017" s="1" t="s">
        <v>0</v>
      </c>
    </row>
    <row r="13018" spans="1:5" x14ac:dyDescent="0.25">
      <c r="A13018" s="1" t="s">
        <v>2379</v>
      </c>
      <c r="B13018" s="1" t="s">
        <v>8767</v>
      </c>
      <c r="C13018" s="1" t="s">
        <v>31044</v>
      </c>
      <c r="D13018" s="2">
        <v>165846</v>
      </c>
      <c r="E13018" s="1" t="s">
        <v>0</v>
      </c>
    </row>
    <row r="13019" spans="1:5" x14ac:dyDescent="0.25">
      <c r="A13019" s="1" t="s">
        <v>31045</v>
      </c>
      <c r="B13019" s="1" t="s">
        <v>8768</v>
      </c>
      <c r="C13019" s="1" t="s">
        <v>31046</v>
      </c>
      <c r="D13019" s="2">
        <v>165847</v>
      </c>
      <c r="E13019" s="1" t="s">
        <v>0</v>
      </c>
    </row>
    <row r="13020" spans="1:5" ht="409.5" x14ac:dyDescent="0.25">
      <c r="A13020" s="4" t="s">
        <v>31047</v>
      </c>
      <c r="B13020" s="1" t="s">
        <v>8769</v>
      </c>
      <c r="C13020" s="1" t="s">
        <v>31048</v>
      </c>
      <c r="D13020" s="2">
        <v>165848</v>
      </c>
      <c r="E13020" s="1" t="s">
        <v>0</v>
      </c>
    </row>
    <row r="13021" spans="1:5" x14ac:dyDescent="0.25">
      <c r="A13021" s="1" t="s">
        <v>31049</v>
      </c>
      <c r="B13021" s="1" t="s">
        <v>53915</v>
      </c>
      <c r="C13021" s="1" t="s">
        <v>31050</v>
      </c>
      <c r="D13021" s="2">
        <v>165849</v>
      </c>
      <c r="E13021" s="1" t="s">
        <v>0</v>
      </c>
    </row>
    <row r="13022" spans="1:5" x14ac:dyDescent="0.25">
      <c r="A13022" s="2">
        <v>2604</v>
      </c>
      <c r="B13022" s="2">
        <v>2604</v>
      </c>
      <c r="C13022" s="1" t="s">
        <v>0</v>
      </c>
      <c r="D13022" s="2">
        <v>165850</v>
      </c>
      <c r="E13022" s="1" t="s">
        <v>0</v>
      </c>
    </row>
    <row r="13023" spans="1:5" x14ac:dyDescent="0.25">
      <c r="A13023" s="1" t="s">
        <v>8770</v>
      </c>
      <c r="B13023" s="1" t="s">
        <v>53916</v>
      </c>
      <c r="C13023" s="1" t="s">
        <v>31051</v>
      </c>
      <c r="D13023" s="2">
        <v>165851</v>
      </c>
      <c r="E13023" s="1" t="s">
        <v>0</v>
      </c>
    </row>
    <row r="13024" spans="1:5" x14ac:dyDescent="0.25">
      <c r="A13024" s="1" t="s">
        <v>31052</v>
      </c>
      <c r="B13024" s="1" t="s">
        <v>63712</v>
      </c>
      <c r="C13024" s="1" t="s">
        <v>31053</v>
      </c>
      <c r="D13024" s="2">
        <v>165852</v>
      </c>
      <c r="E13024" s="1" t="s">
        <v>0</v>
      </c>
    </row>
    <row r="13025" spans="1:5" ht="409.5" x14ac:dyDescent="0.25">
      <c r="A13025" s="4" t="s">
        <v>31054</v>
      </c>
      <c r="B13025" s="1" t="s">
        <v>63713</v>
      </c>
      <c r="C13025" s="1" t="s">
        <v>31055</v>
      </c>
      <c r="D13025" s="2">
        <v>165853</v>
      </c>
      <c r="E13025" s="1" t="s">
        <v>0</v>
      </c>
    </row>
    <row r="13026" spans="1:5" x14ac:dyDescent="0.25">
      <c r="A13026" s="1" t="s">
        <v>31056</v>
      </c>
      <c r="B13026" s="1" t="s">
        <v>53917</v>
      </c>
      <c r="C13026" s="1" t="s">
        <v>31057</v>
      </c>
      <c r="D13026" s="2">
        <v>165854</v>
      </c>
      <c r="E13026" s="1" t="s">
        <v>0</v>
      </c>
    </row>
    <row r="13027" spans="1:5" x14ac:dyDescent="0.25">
      <c r="A13027" s="2">
        <v>2605</v>
      </c>
      <c r="B13027" s="2">
        <v>2605</v>
      </c>
      <c r="C13027" s="1" t="s">
        <v>0</v>
      </c>
      <c r="D13027" s="2">
        <v>165855</v>
      </c>
      <c r="E13027" s="1" t="s">
        <v>0</v>
      </c>
    </row>
    <row r="13028" spans="1:5" x14ac:dyDescent="0.25">
      <c r="A13028" s="1" t="s">
        <v>2380</v>
      </c>
      <c r="B13028" s="1" t="s">
        <v>53918</v>
      </c>
      <c r="C13028" s="1" t="s">
        <v>31058</v>
      </c>
      <c r="D13028" s="2">
        <v>165856</v>
      </c>
      <c r="E13028" s="1" t="s">
        <v>0</v>
      </c>
    </row>
    <row r="13029" spans="1:5" x14ac:dyDescent="0.25">
      <c r="A13029" s="1" t="s">
        <v>31059</v>
      </c>
      <c r="B13029" s="1" t="s">
        <v>53919</v>
      </c>
      <c r="C13029" s="1" t="s">
        <v>31060</v>
      </c>
      <c r="D13029" s="2">
        <v>165857</v>
      </c>
      <c r="E13029" s="1" t="s">
        <v>0</v>
      </c>
    </row>
    <row r="13030" spans="1:5" ht="409.5" x14ac:dyDescent="0.25">
      <c r="A13030" s="4" t="s">
        <v>31061</v>
      </c>
      <c r="B13030" s="1" t="s">
        <v>53920</v>
      </c>
      <c r="C13030" s="1" t="s">
        <v>31062</v>
      </c>
      <c r="D13030" s="2">
        <v>165858</v>
      </c>
      <c r="E13030" s="1" t="s">
        <v>0</v>
      </c>
    </row>
    <row r="13031" spans="1:5" x14ac:dyDescent="0.25">
      <c r="A13031" s="1" t="s">
        <v>31063</v>
      </c>
      <c r="B13031" s="1" t="s">
        <v>57225</v>
      </c>
      <c r="C13031" s="1" t="s">
        <v>31064</v>
      </c>
      <c r="D13031" s="2">
        <v>165859</v>
      </c>
      <c r="E13031" s="1" t="s">
        <v>0</v>
      </c>
    </row>
    <row r="13032" spans="1:5" x14ac:dyDescent="0.25">
      <c r="A13032" s="2">
        <v>2606</v>
      </c>
      <c r="B13032" s="2">
        <v>2606</v>
      </c>
      <c r="C13032" s="1" t="s">
        <v>0</v>
      </c>
      <c r="D13032" s="2">
        <v>165860</v>
      </c>
      <c r="E13032" s="1" t="s">
        <v>0</v>
      </c>
    </row>
    <row r="13033" spans="1:5" x14ac:dyDescent="0.25">
      <c r="A13033" s="1" t="s">
        <v>2381</v>
      </c>
      <c r="B13033" s="1" t="s">
        <v>8771</v>
      </c>
      <c r="C13033" s="1" t="s">
        <v>31065</v>
      </c>
      <c r="D13033" s="2">
        <v>165861</v>
      </c>
      <c r="E13033" s="1" t="s">
        <v>0</v>
      </c>
    </row>
    <row r="13034" spans="1:5" x14ac:dyDescent="0.25">
      <c r="A13034" s="1" t="s">
        <v>31066</v>
      </c>
      <c r="B13034" s="1" t="s">
        <v>62527</v>
      </c>
      <c r="C13034" s="1" t="s">
        <v>31067</v>
      </c>
      <c r="D13034" s="2">
        <v>165862</v>
      </c>
      <c r="E13034" s="1" t="s">
        <v>0</v>
      </c>
    </row>
    <row r="13035" spans="1:5" ht="409.5" x14ac:dyDescent="0.25">
      <c r="A13035" s="4" t="s">
        <v>31068</v>
      </c>
      <c r="B13035" s="1" t="s">
        <v>62528</v>
      </c>
      <c r="C13035" s="1" t="s">
        <v>31069</v>
      </c>
      <c r="D13035" s="2">
        <v>165863</v>
      </c>
      <c r="E13035" s="1" t="s">
        <v>0</v>
      </c>
    </row>
    <row r="13036" spans="1:5" x14ac:dyDescent="0.25">
      <c r="A13036" s="1" t="s">
        <v>31070</v>
      </c>
      <c r="B13036" s="1" t="s">
        <v>53921</v>
      </c>
      <c r="C13036" s="1" t="s">
        <v>31071</v>
      </c>
      <c r="D13036" s="2">
        <v>165864</v>
      </c>
      <c r="E13036" s="1" t="s">
        <v>0</v>
      </c>
    </row>
    <row r="13037" spans="1:5" x14ac:dyDescent="0.25">
      <c r="A13037" s="2">
        <v>2607</v>
      </c>
      <c r="B13037" s="2">
        <v>2607</v>
      </c>
      <c r="C13037" s="1" t="s">
        <v>0</v>
      </c>
      <c r="D13037" s="2">
        <v>165865</v>
      </c>
      <c r="E13037" s="1" t="s">
        <v>0</v>
      </c>
    </row>
    <row r="13038" spans="1:5" x14ac:dyDescent="0.25">
      <c r="A13038" s="1" t="s">
        <v>2382</v>
      </c>
      <c r="B13038" s="1" t="s">
        <v>8772</v>
      </c>
      <c r="C13038" s="1" t="s">
        <v>31072</v>
      </c>
      <c r="D13038" s="2">
        <v>165866</v>
      </c>
      <c r="E13038" s="1" t="s">
        <v>0</v>
      </c>
    </row>
    <row r="13039" spans="1:5" x14ac:dyDescent="0.25">
      <c r="A13039" s="1" t="s">
        <v>61814</v>
      </c>
      <c r="B13039" s="1" t="s">
        <v>62529</v>
      </c>
      <c r="C13039" s="1" t="s">
        <v>61815</v>
      </c>
      <c r="D13039" s="2">
        <v>165867</v>
      </c>
      <c r="E13039" s="1" t="s">
        <v>0</v>
      </c>
    </row>
    <row r="13040" spans="1:5" ht="409.5" x14ac:dyDescent="0.25">
      <c r="A13040" s="4" t="s">
        <v>61816</v>
      </c>
      <c r="B13040" s="1" t="s">
        <v>62530</v>
      </c>
      <c r="C13040" s="1" t="s">
        <v>31073</v>
      </c>
      <c r="D13040" s="2">
        <v>165868</v>
      </c>
      <c r="E13040" s="1" t="s">
        <v>0</v>
      </c>
    </row>
    <row r="13041" spans="1:5" x14ac:dyDescent="0.25">
      <c r="A13041" s="1" t="s">
        <v>31074</v>
      </c>
      <c r="B13041" s="1" t="s">
        <v>53922</v>
      </c>
      <c r="C13041" s="1" t="s">
        <v>31075</v>
      </c>
      <c r="D13041" s="2">
        <v>165869</v>
      </c>
      <c r="E13041" s="1" t="s">
        <v>0</v>
      </c>
    </row>
    <row r="13042" spans="1:5" x14ac:dyDescent="0.25">
      <c r="A13042" s="2">
        <v>2608</v>
      </c>
      <c r="B13042" s="2">
        <v>2608</v>
      </c>
      <c r="C13042" s="1" t="s">
        <v>0</v>
      </c>
      <c r="D13042" s="2">
        <v>165870</v>
      </c>
      <c r="E13042" s="1" t="s">
        <v>0</v>
      </c>
    </row>
    <row r="13043" spans="1:5" x14ac:dyDescent="0.25">
      <c r="A13043" s="1" t="s">
        <v>2383</v>
      </c>
      <c r="B13043" s="1" t="s">
        <v>8773</v>
      </c>
      <c r="C13043" s="1" t="s">
        <v>31076</v>
      </c>
      <c r="D13043" s="2">
        <v>165871</v>
      </c>
      <c r="E13043" s="1" t="s">
        <v>0</v>
      </c>
    </row>
    <row r="13044" spans="1:5" x14ac:dyDescent="0.25">
      <c r="A13044" s="1" t="s">
        <v>31077</v>
      </c>
      <c r="B13044" s="1" t="s">
        <v>53923</v>
      </c>
      <c r="C13044" s="1" t="s">
        <v>31078</v>
      </c>
      <c r="D13044" s="2">
        <v>165872</v>
      </c>
      <c r="E13044" s="1" t="s">
        <v>0</v>
      </c>
    </row>
    <row r="13045" spans="1:5" ht="409.5" x14ac:dyDescent="0.25">
      <c r="A13045" s="4" t="s">
        <v>31079</v>
      </c>
      <c r="B13045" s="1" t="s">
        <v>53924</v>
      </c>
      <c r="C13045" s="1" t="s">
        <v>31080</v>
      </c>
      <c r="D13045" s="2">
        <v>165873</v>
      </c>
      <c r="E13045" s="1" t="s">
        <v>0</v>
      </c>
    </row>
    <row r="13046" spans="1:5" x14ac:dyDescent="0.25">
      <c r="A13046" s="1" t="s">
        <v>31081</v>
      </c>
      <c r="B13046" s="1" t="s">
        <v>61142</v>
      </c>
      <c r="C13046" s="1" t="s">
        <v>31082</v>
      </c>
      <c r="D13046" s="2">
        <v>165874</v>
      </c>
      <c r="E13046" s="1" t="s">
        <v>0</v>
      </c>
    </row>
    <row r="13047" spans="1:5" x14ac:dyDescent="0.25">
      <c r="A13047" s="2">
        <v>2609</v>
      </c>
      <c r="B13047" s="2">
        <v>2609</v>
      </c>
      <c r="C13047" s="1" t="s">
        <v>0</v>
      </c>
      <c r="D13047" s="2">
        <v>165875</v>
      </c>
      <c r="E13047" s="1" t="s">
        <v>0</v>
      </c>
    </row>
    <row r="13048" spans="1:5" x14ac:dyDescent="0.25">
      <c r="A13048" s="1" t="s">
        <v>2384</v>
      </c>
      <c r="B13048" s="1" t="s">
        <v>8774</v>
      </c>
      <c r="C13048" s="1" t="s">
        <v>31083</v>
      </c>
      <c r="D13048" s="2">
        <v>165876</v>
      </c>
      <c r="E13048" s="1" t="s">
        <v>0</v>
      </c>
    </row>
    <row r="13049" spans="1:5" x14ac:dyDescent="0.25">
      <c r="A13049" s="1" t="s">
        <v>31084</v>
      </c>
      <c r="B13049" s="1" t="s">
        <v>53925</v>
      </c>
      <c r="C13049" s="1" t="s">
        <v>31085</v>
      </c>
      <c r="D13049" s="2">
        <v>165877</v>
      </c>
      <c r="E13049" s="1" t="s">
        <v>0</v>
      </c>
    </row>
    <row r="13050" spans="1:5" ht="409.5" x14ac:dyDescent="0.25">
      <c r="A13050" s="4" t="s">
        <v>31086</v>
      </c>
      <c r="B13050" s="1" t="s">
        <v>60741</v>
      </c>
      <c r="C13050" s="1" t="s">
        <v>31087</v>
      </c>
      <c r="D13050" s="2">
        <v>165878</v>
      </c>
      <c r="E13050" s="1" t="s">
        <v>0</v>
      </c>
    </row>
    <row r="13051" spans="1:5" x14ac:dyDescent="0.25">
      <c r="A13051" s="1" t="s">
        <v>31088</v>
      </c>
      <c r="B13051" s="1" t="s">
        <v>8775</v>
      </c>
      <c r="C13051" s="1" t="s">
        <v>31089</v>
      </c>
      <c r="D13051" s="2">
        <v>165879</v>
      </c>
      <c r="E13051" s="1" t="s">
        <v>0</v>
      </c>
    </row>
    <row r="13052" spans="1:5" x14ac:dyDescent="0.25">
      <c r="A13052" s="2">
        <v>2610</v>
      </c>
      <c r="B13052" s="2">
        <v>2610</v>
      </c>
      <c r="C13052" s="1" t="s">
        <v>0</v>
      </c>
      <c r="D13052" s="2">
        <v>165880</v>
      </c>
      <c r="E13052" s="1" t="s">
        <v>0</v>
      </c>
    </row>
    <row r="13053" spans="1:5" x14ac:dyDescent="0.25">
      <c r="A13053" s="1" t="s">
        <v>2385</v>
      </c>
      <c r="B13053" s="1" t="s">
        <v>8776</v>
      </c>
      <c r="C13053" s="1" t="s">
        <v>31090</v>
      </c>
      <c r="D13053" s="2">
        <v>165881</v>
      </c>
      <c r="E13053" s="1" t="s">
        <v>0</v>
      </c>
    </row>
    <row r="13054" spans="1:5" x14ac:dyDescent="0.25">
      <c r="A13054" s="1" t="s">
        <v>31091</v>
      </c>
      <c r="B13054" s="1" t="s">
        <v>8777</v>
      </c>
      <c r="C13054" s="1" t="s">
        <v>31092</v>
      </c>
      <c r="D13054" s="2">
        <v>165882</v>
      </c>
      <c r="E13054" s="1" t="s">
        <v>0</v>
      </c>
    </row>
    <row r="13055" spans="1:5" ht="409.5" x14ac:dyDescent="0.25">
      <c r="A13055" s="4" t="s">
        <v>64178</v>
      </c>
      <c r="B13055" s="1" t="s">
        <v>58766</v>
      </c>
      <c r="C13055" s="1" t="s">
        <v>31093</v>
      </c>
      <c r="D13055" s="2">
        <v>165883</v>
      </c>
      <c r="E13055" s="1" t="s">
        <v>0</v>
      </c>
    </row>
    <row r="13056" spans="1:5" x14ac:dyDescent="0.25">
      <c r="A13056" s="1" t="s">
        <v>31094</v>
      </c>
      <c r="B13056" s="1" t="s">
        <v>53926</v>
      </c>
      <c r="C13056" s="1" t="s">
        <v>31095</v>
      </c>
      <c r="D13056" s="2">
        <v>165884</v>
      </c>
      <c r="E13056" s="1" t="s">
        <v>0</v>
      </c>
    </row>
    <row r="13057" spans="1:5" x14ac:dyDescent="0.25">
      <c r="A13057" s="2">
        <v>2611</v>
      </c>
      <c r="B13057" s="2">
        <v>2611</v>
      </c>
      <c r="C13057" s="1" t="s">
        <v>0</v>
      </c>
      <c r="D13057" s="2">
        <v>165885</v>
      </c>
      <c r="E13057" s="1" t="s">
        <v>0</v>
      </c>
    </row>
    <row r="13058" spans="1:5" x14ac:dyDescent="0.25">
      <c r="A13058" s="1" t="s">
        <v>2386</v>
      </c>
      <c r="B13058" s="1" t="s">
        <v>8778</v>
      </c>
      <c r="C13058" s="1" t="s">
        <v>31096</v>
      </c>
      <c r="D13058" s="2">
        <v>165886</v>
      </c>
      <c r="E13058" s="1" t="s">
        <v>0</v>
      </c>
    </row>
    <row r="13059" spans="1:5" x14ac:dyDescent="0.25">
      <c r="A13059" s="1" t="s">
        <v>31097</v>
      </c>
      <c r="B13059" s="1" t="s">
        <v>8779</v>
      </c>
      <c r="C13059" s="1" t="s">
        <v>31098</v>
      </c>
      <c r="D13059" s="2">
        <v>165887</v>
      </c>
      <c r="E13059" s="1" t="s">
        <v>0</v>
      </c>
    </row>
    <row r="13060" spans="1:5" ht="409.5" x14ac:dyDescent="0.25">
      <c r="A13060" s="4" t="s">
        <v>31099</v>
      </c>
      <c r="B13060" s="1" t="s">
        <v>8780</v>
      </c>
      <c r="C13060" s="1" t="s">
        <v>31100</v>
      </c>
      <c r="D13060" s="2">
        <v>165888</v>
      </c>
      <c r="E13060" s="1" t="s">
        <v>0</v>
      </c>
    </row>
    <row r="13061" spans="1:5" x14ac:dyDescent="0.25">
      <c r="A13061" s="1" t="s">
        <v>31101</v>
      </c>
      <c r="B13061" s="1" t="s">
        <v>53927</v>
      </c>
      <c r="C13061" s="1" t="s">
        <v>31102</v>
      </c>
      <c r="D13061" s="2">
        <v>165889</v>
      </c>
      <c r="E13061" s="1" t="s">
        <v>0</v>
      </c>
    </row>
    <row r="13062" spans="1:5" x14ac:dyDescent="0.25">
      <c r="A13062" s="2">
        <v>2612</v>
      </c>
      <c r="B13062" s="2">
        <v>2612</v>
      </c>
      <c r="C13062" s="1" t="s">
        <v>0</v>
      </c>
      <c r="D13062" s="2">
        <v>165890</v>
      </c>
      <c r="E13062" s="1" t="s">
        <v>0</v>
      </c>
    </row>
    <row r="13063" spans="1:5" x14ac:dyDescent="0.25">
      <c r="A13063" s="1" t="s">
        <v>2387</v>
      </c>
      <c r="B13063" s="1" t="s">
        <v>8781</v>
      </c>
      <c r="C13063" s="1" t="s">
        <v>31103</v>
      </c>
      <c r="D13063" s="2">
        <v>165891</v>
      </c>
      <c r="E13063" s="1" t="s">
        <v>0</v>
      </c>
    </row>
    <row r="13064" spans="1:5" x14ac:dyDescent="0.25">
      <c r="A13064" s="1" t="s">
        <v>31104</v>
      </c>
      <c r="B13064" s="1" t="s">
        <v>53928</v>
      </c>
      <c r="C13064" s="1" t="s">
        <v>31105</v>
      </c>
      <c r="D13064" s="2">
        <v>165892</v>
      </c>
      <c r="E13064" s="1" t="s">
        <v>0</v>
      </c>
    </row>
    <row r="13065" spans="1:5" ht="409.5" x14ac:dyDescent="0.25">
      <c r="A13065" s="4" t="s">
        <v>31106</v>
      </c>
      <c r="B13065" s="1" t="s">
        <v>53929</v>
      </c>
      <c r="C13065" s="1" t="s">
        <v>31107</v>
      </c>
      <c r="D13065" s="2">
        <v>165893</v>
      </c>
      <c r="E13065" s="1" t="s">
        <v>0</v>
      </c>
    </row>
    <row r="13066" spans="1:5" x14ac:dyDescent="0.25">
      <c r="A13066" s="1" t="s">
        <v>31108</v>
      </c>
      <c r="B13066" s="1" t="s">
        <v>8782</v>
      </c>
      <c r="C13066" s="1" t="s">
        <v>31109</v>
      </c>
      <c r="D13066" s="2">
        <v>165894</v>
      </c>
      <c r="E13066" s="1" t="s">
        <v>0</v>
      </c>
    </row>
    <row r="13067" spans="1:5" x14ac:dyDescent="0.25">
      <c r="A13067" s="2">
        <v>2613</v>
      </c>
      <c r="B13067" s="2">
        <v>2613</v>
      </c>
      <c r="C13067" s="1" t="s">
        <v>0</v>
      </c>
      <c r="D13067" s="2">
        <v>165895</v>
      </c>
      <c r="E13067" s="1" t="s">
        <v>0</v>
      </c>
    </row>
    <row r="13068" spans="1:5" x14ac:dyDescent="0.25">
      <c r="A13068" s="1" t="s">
        <v>2388</v>
      </c>
      <c r="B13068" s="1" t="s">
        <v>8783</v>
      </c>
      <c r="C13068" s="1" t="s">
        <v>31110</v>
      </c>
      <c r="D13068" s="2">
        <v>165896</v>
      </c>
      <c r="E13068" s="1" t="s">
        <v>0</v>
      </c>
    </row>
    <row r="13069" spans="1:5" x14ac:dyDescent="0.25">
      <c r="A13069" s="1" t="s">
        <v>31111</v>
      </c>
      <c r="B13069" s="1" t="s">
        <v>53930</v>
      </c>
      <c r="C13069" s="1" t="s">
        <v>31112</v>
      </c>
      <c r="D13069" s="2">
        <v>165897</v>
      </c>
      <c r="E13069" s="1" t="s">
        <v>0</v>
      </c>
    </row>
    <row r="13070" spans="1:5" ht="409.5" x14ac:dyDescent="0.25">
      <c r="A13070" s="4" t="s">
        <v>31113</v>
      </c>
      <c r="B13070" s="1" t="s">
        <v>59030</v>
      </c>
      <c r="C13070" s="1" t="s">
        <v>31114</v>
      </c>
      <c r="D13070" s="2">
        <v>165898</v>
      </c>
      <c r="E13070" s="1" t="s">
        <v>0</v>
      </c>
    </row>
    <row r="13071" spans="1:5" x14ac:dyDescent="0.25">
      <c r="A13071" s="1" t="s">
        <v>31115</v>
      </c>
      <c r="B13071" s="1" t="s">
        <v>8784</v>
      </c>
      <c r="C13071" s="1" t="s">
        <v>31116</v>
      </c>
      <c r="D13071" s="2">
        <v>165899</v>
      </c>
      <c r="E13071" s="1" t="s">
        <v>0</v>
      </c>
    </row>
    <row r="13072" spans="1:5" x14ac:dyDescent="0.25">
      <c r="A13072" s="2">
        <v>2614</v>
      </c>
      <c r="B13072" s="2">
        <v>2614</v>
      </c>
      <c r="C13072" s="1" t="s">
        <v>0</v>
      </c>
      <c r="D13072" s="2">
        <v>165900</v>
      </c>
      <c r="E13072" s="1" t="s">
        <v>0</v>
      </c>
    </row>
    <row r="13073" spans="1:5" x14ac:dyDescent="0.25">
      <c r="A13073" s="1" t="s">
        <v>2389</v>
      </c>
      <c r="B13073" s="1" t="s">
        <v>8785</v>
      </c>
      <c r="C13073" s="1" t="s">
        <v>31117</v>
      </c>
      <c r="D13073" s="2">
        <v>165901</v>
      </c>
      <c r="E13073" s="1" t="s">
        <v>0</v>
      </c>
    </row>
    <row r="13074" spans="1:5" x14ac:dyDescent="0.25">
      <c r="A13074" s="1" t="s">
        <v>31118</v>
      </c>
      <c r="B13074" s="1" t="s">
        <v>53931</v>
      </c>
      <c r="C13074" s="1" t="s">
        <v>31119</v>
      </c>
      <c r="D13074" s="2">
        <v>165902</v>
      </c>
      <c r="E13074" s="1" t="s">
        <v>0</v>
      </c>
    </row>
    <row r="13075" spans="1:5" ht="409.5" x14ac:dyDescent="0.25">
      <c r="A13075" s="4" t="s">
        <v>31120</v>
      </c>
      <c r="B13075" s="1" t="s">
        <v>53932</v>
      </c>
      <c r="C13075" s="1" t="s">
        <v>31121</v>
      </c>
      <c r="D13075" s="2">
        <v>165903</v>
      </c>
      <c r="E13075" s="1" t="s">
        <v>0</v>
      </c>
    </row>
    <row r="13076" spans="1:5" x14ac:dyDescent="0.25">
      <c r="A13076" s="1" t="s">
        <v>31122</v>
      </c>
      <c r="B13076" s="1" t="s">
        <v>8786</v>
      </c>
      <c r="C13076" s="1" t="s">
        <v>31123</v>
      </c>
      <c r="D13076" s="2">
        <v>165904</v>
      </c>
      <c r="E13076" s="1" t="s">
        <v>0</v>
      </c>
    </row>
    <row r="13077" spans="1:5" x14ac:dyDescent="0.25">
      <c r="A13077" s="2">
        <v>2615</v>
      </c>
      <c r="B13077" s="2">
        <v>2615</v>
      </c>
      <c r="C13077" s="1" t="s">
        <v>0</v>
      </c>
      <c r="D13077" s="2">
        <v>165905</v>
      </c>
      <c r="E13077" s="1" t="s">
        <v>0</v>
      </c>
    </row>
    <row r="13078" spans="1:5" x14ac:dyDescent="0.25">
      <c r="A13078" s="1" t="s">
        <v>2390</v>
      </c>
      <c r="B13078" s="1" t="s">
        <v>60015</v>
      </c>
      <c r="C13078" s="1" t="s">
        <v>31124</v>
      </c>
      <c r="D13078" s="2">
        <v>165906</v>
      </c>
      <c r="E13078" s="1" t="s">
        <v>0</v>
      </c>
    </row>
    <row r="13079" spans="1:5" x14ac:dyDescent="0.25">
      <c r="A13079" s="1" t="s">
        <v>31125</v>
      </c>
      <c r="B13079" s="1" t="s">
        <v>53933</v>
      </c>
      <c r="C13079" s="1" t="s">
        <v>31126</v>
      </c>
      <c r="D13079" s="2">
        <v>165907</v>
      </c>
      <c r="E13079" s="1" t="s">
        <v>0</v>
      </c>
    </row>
    <row r="13080" spans="1:5" ht="409.5" x14ac:dyDescent="0.25">
      <c r="A13080" s="4" t="s">
        <v>61817</v>
      </c>
      <c r="B13080" s="1" t="s">
        <v>58767</v>
      </c>
      <c r="C13080" s="1" t="s">
        <v>31127</v>
      </c>
      <c r="D13080" s="2">
        <v>165908</v>
      </c>
      <c r="E13080" s="1" t="s">
        <v>0</v>
      </c>
    </row>
    <row r="13081" spans="1:5" x14ac:dyDescent="0.25">
      <c r="A13081" s="1" t="s">
        <v>31128</v>
      </c>
      <c r="B13081" s="1" t="s">
        <v>60016</v>
      </c>
      <c r="C13081" s="1" t="s">
        <v>31129</v>
      </c>
      <c r="D13081" s="2">
        <v>165909</v>
      </c>
      <c r="E13081" s="1" t="s">
        <v>0</v>
      </c>
    </row>
    <row r="13082" spans="1:5" x14ac:dyDescent="0.25">
      <c r="A13082" s="2">
        <v>2616</v>
      </c>
      <c r="B13082" s="2">
        <v>2616</v>
      </c>
      <c r="C13082" s="1" t="s">
        <v>0</v>
      </c>
      <c r="D13082" s="2">
        <v>165910</v>
      </c>
      <c r="E13082" s="1" t="s">
        <v>0</v>
      </c>
    </row>
    <row r="13083" spans="1:5" x14ac:dyDescent="0.25">
      <c r="A13083" s="1" t="s">
        <v>2391</v>
      </c>
      <c r="B13083" s="1" t="s">
        <v>53934</v>
      </c>
      <c r="C13083" s="1" t="s">
        <v>31130</v>
      </c>
      <c r="D13083" s="2">
        <v>165911</v>
      </c>
      <c r="E13083" s="1" t="s">
        <v>0</v>
      </c>
    </row>
    <row r="13084" spans="1:5" x14ac:dyDescent="0.25">
      <c r="A13084" s="1" t="s">
        <v>31131</v>
      </c>
      <c r="B13084" s="1" t="s">
        <v>53935</v>
      </c>
      <c r="C13084" s="1" t="s">
        <v>31132</v>
      </c>
      <c r="D13084" s="2">
        <v>165912</v>
      </c>
      <c r="E13084" s="1" t="s">
        <v>0</v>
      </c>
    </row>
    <row r="13085" spans="1:5" ht="409.5" x14ac:dyDescent="0.25">
      <c r="A13085" s="4" t="s">
        <v>31133</v>
      </c>
      <c r="B13085" s="1" t="s">
        <v>58768</v>
      </c>
      <c r="C13085" s="1" t="s">
        <v>31134</v>
      </c>
      <c r="D13085" s="2">
        <v>165913</v>
      </c>
      <c r="E13085" s="1" t="s">
        <v>0</v>
      </c>
    </row>
    <row r="13086" spans="1:5" x14ac:dyDescent="0.25">
      <c r="A13086" s="1" t="s">
        <v>31135</v>
      </c>
      <c r="B13086" s="1" t="s">
        <v>61143</v>
      </c>
      <c r="C13086" s="1" t="s">
        <v>31136</v>
      </c>
      <c r="D13086" s="2">
        <v>165914</v>
      </c>
      <c r="E13086" s="1" t="s">
        <v>0</v>
      </c>
    </row>
    <row r="13087" spans="1:5" x14ac:dyDescent="0.25">
      <c r="A13087" s="2">
        <v>2617</v>
      </c>
      <c r="B13087" s="2">
        <v>2617</v>
      </c>
      <c r="C13087" s="1" t="s">
        <v>0</v>
      </c>
      <c r="D13087" s="2">
        <v>165915</v>
      </c>
      <c r="E13087" s="1" t="s">
        <v>0</v>
      </c>
    </row>
    <row r="13088" spans="1:5" x14ac:dyDescent="0.25">
      <c r="A13088" s="1" t="s">
        <v>2392</v>
      </c>
      <c r="B13088" s="1" t="s">
        <v>63884</v>
      </c>
      <c r="C13088" s="1" t="s">
        <v>31137</v>
      </c>
      <c r="D13088" s="2">
        <v>165916</v>
      </c>
      <c r="E13088" s="1" t="s">
        <v>0</v>
      </c>
    </row>
    <row r="13089" spans="1:5" x14ac:dyDescent="0.25">
      <c r="A13089" s="1" t="s">
        <v>31138</v>
      </c>
      <c r="B13089" s="1" t="s">
        <v>60506</v>
      </c>
      <c r="C13089" s="1" t="s">
        <v>31139</v>
      </c>
      <c r="D13089" s="2">
        <v>165917</v>
      </c>
      <c r="E13089" s="1" t="s">
        <v>0</v>
      </c>
    </row>
    <row r="13090" spans="1:5" ht="409.5" x14ac:dyDescent="0.25">
      <c r="A13090" s="4" t="s">
        <v>31140</v>
      </c>
      <c r="B13090" s="1" t="s">
        <v>60507</v>
      </c>
      <c r="C13090" s="1" t="s">
        <v>31141</v>
      </c>
      <c r="D13090" s="2">
        <v>165918</v>
      </c>
      <c r="E13090" s="1" t="s">
        <v>0</v>
      </c>
    </row>
    <row r="13091" spans="1:5" x14ac:dyDescent="0.25">
      <c r="A13091" s="1" t="s">
        <v>13902</v>
      </c>
      <c r="B13091" s="1" t="s">
        <v>60855</v>
      </c>
      <c r="C13091" s="1" t="s">
        <v>13903</v>
      </c>
      <c r="D13091" s="2">
        <v>165919</v>
      </c>
      <c r="E13091" s="1" t="s">
        <v>0</v>
      </c>
    </row>
    <row r="13092" spans="1:5" x14ac:dyDescent="0.25">
      <c r="A13092" s="2">
        <v>2618</v>
      </c>
      <c r="B13092" s="2">
        <v>2618</v>
      </c>
      <c r="C13092" s="1" t="s">
        <v>0</v>
      </c>
      <c r="D13092" s="2">
        <v>165920</v>
      </c>
      <c r="E13092" s="1" t="s">
        <v>0</v>
      </c>
    </row>
    <row r="13093" spans="1:5" x14ac:dyDescent="0.25">
      <c r="A13093" s="1" t="s">
        <v>2393</v>
      </c>
      <c r="B13093" s="1" t="s">
        <v>8787</v>
      </c>
      <c r="C13093" s="1" t="s">
        <v>31142</v>
      </c>
      <c r="D13093" s="2">
        <v>165921</v>
      </c>
      <c r="E13093" s="1" t="s">
        <v>0</v>
      </c>
    </row>
    <row r="13094" spans="1:5" x14ac:dyDescent="0.25">
      <c r="A13094" s="1" t="s">
        <v>31143</v>
      </c>
      <c r="B13094" s="1" t="s">
        <v>53936</v>
      </c>
      <c r="C13094" s="1" t="s">
        <v>31144</v>
      </c>
      <c r="D13094" s="2">
        <v>165922</v>
      </c>
      <c r="E13094" s="1" t="s">
        <v>0</v>
      </c>
    </row>
    <row r="13095" spans="1:5" ht="409.5" x14ac:dyDescent="0.25">
      <c r="A13095" s="4" t="s">
        <v>64179</v>
      </c>
      <c r="B13095" s="1" t="s">
        <v>53937</v>
      </c>
      <c r="C13095" s="1" t="s">
        <v>31145</v>
      </c>
      <c r="D13095" s="2">
        <v>165923</v>
      </c>
      <c r="E13095" s="1" t="s">
        <v>0</v>
      </c>
    </row>
    <row r="13096" spans="1:5" x14ac:dyDescent="0.25">
      <c r="A13096" s="1" t="s">
        <v>14572</v>
      </c>
      <c r="B13096" s="1" t="s">
        <v>60869</v>
      </c>
      <c r="C13096" s="1" t="s">
        <v>14573</v>
      </c>
      <c r="D13096" s="2">
        <v>165924</v>
      </c>
      <c r="E13096" s="1" t="s">
        <v>0</v>
      </c>
    </row>
    <row r="13097" spans="1:5" x14ac:dyDescent="0.25">
      <c r="A13097" s="2">
        <v>2619</v>
      </c>
      <c r="B13097" s="2">
        <v>2619</v>
      </c>
      <c r="C13097" s="1" t="s">
        <v>0</v>
      </c>
      <c r="D13097" s="2">
        <v>165925</v>
      </c>
      <c r="E13097" s="1" t="s">
        <v>0</v>
      </c>
    </row>
    <row r="13098" spans="1:5" x14ac:dyDescent="0.25">
      <c r="A13098" s="1" t="s">
        <v>13143</v>
      </c>
      <c r="B13098" s="1" t="s">
        <v>8788</v>
      </c>
      <c r="C13098" s="1" t="s">
        <v>31146</v>
      </c>
      <c r="D13098" s="2">
        <v>165926</v>
      </c>
      <c r="E13098" s="1" t="s">
        <v>0</v>
      </c>
    </row>
    <row r="13099" spans="1:5" x14ac:dyDescent="0.25">
      <c r="A13099" s="1" t="s">
        <v>31147</v>
      </c>
      <c r="B13099" s="1" t="s">
        <v>61144</v>
      </c>
      <c r="C13099" s="1" t="s">
        <v>31148</v>
      </c>
      <c r="D13099" s="2">
        <v>165927</v>
      </c>
      <c r="E13099" s="1" t="s">
        <v>0</v>
      </c>
    </row>
    <row r="13100" spans="1:5" ht="409.5" x14ac:dyDescent="0.25">
      <c r="A13100" s="4" t="s">
        <v>31149</v>
      </c>
      <c r="B13100" s="1" t="s">
        <v>61145</v>
      </c>
      <c r="C13100" s="1" t="s">
        <v>31150</v>
      </c>
      <c r="D13100" s="2">
        <v>165928</v>
      </c>
      <c r="E13100" s="1" t="s">
        <v>0</v>
      </c>
    </row>
    <row r="13101" spans="1:5" x14ac:dyDescent="0.25">
      <c r="A13101" s="1" t="s">
        <v>31151</v>
      </c>
      <c r="B13101" s="1" t="s">
        <v>57226</v>
      </c>
      <c r="C13101" s="1" t="s">
        <v>31152</v>
      </c>
      <c r="D13101" s="2">
        <v>165929</v>
      </c>
      <c r="E13101" s="1" t="s">
        <v>0</v>
      </c>
    </row>
    <row r="13102" spans="1:5" x14ac:dyDescent="0.25">
      <c r="A13102" s="2">
        <v>2620</v>
      </c>
      <c r="B13102" s="2">
        <v>2620</v>
      </c>
      <c r="C13102" s="1" t="s">
        <v>0</v>
      </c>
      <c r="D13102" s="2">
        <v>165930</v>
      </c>
      <c r="E13102" s="1" t="s">
        <v>0</v>
      </c>
    </row>
    <row r="13103" spans="1:5" x14ac:dyDescent="0.25">
      <c r="A13103" s="1" t="s">
        <v>2394</v>
      </c>
      <c r="B13103" s="1" t="s">
        <v>58394</v>
      </c>
      <c r="C13103" s="1" t="s">
        <v>31153</v>
      </c>
      <c r="D13103" s="2">
        <v>165931</v>
      </c>
      <c r="E13103" s="1" t="s">
        <v>0</v>
      </c>
    </row>
    <row r="13104" spans="1:5" x14ac:dyDescent="0.25">
      <c r="A13104" s="1" t="s">
        <v>31154</v>
      </c>
      <c r="B13104" s="1" t="s">
        <v>53938</v>
      </c>
      <c r="C13104" s="1" t="s">
        <v>31155</v>
      </c>
      <c r="D13104" s="2">
        <v>165932</v>
      </c>
      <c r="E13104" s="1" t="s">
        <v>0</v>
      </c>
    </row>
    <row r="13105" spans="1:5" ht="409.5" x14ac:dyDescent="0.25">
      <c r="A13105" s="4" t="s">
        <v>31156</v>
      </c>
      <c r="B13105" s="1" t="s">
        <v>62531</v>
      </c>
      <c r="C13105" s="1" t="s">
        <v>31157</v>
      </c>
      <c r="D13105" s="2">
        <v>165933</v>
      </c>
      <c r="E13105" s="1" t="s">
        <v>0</v>
      </c>
    </row>
    <row r="13106" spans="1:5" x14ac:dyDescent="0.25">
      <c r="A13106" s="1" t="s">
        <v>31158</v>
      </c>
      <c r="B13106" s="1" t="s">
        <v>53939</v>
      </c>
      <c r="C13106" s="1" t="s">
        <v>31159</v>
      </c>
      <c r="D13106" s="2">
        <v>165934</v>
      </c>
      <c r="E13106" s="1" t="s">
        <v>0</v>
      </c>
    </row>
    <row r="13107" spans="1:5" x14ac:dyDescent="0.25">
      <c r="A13107" s="2">
        <v>2621</v>
      </c>
      <c r="B13107" s="2">
        <v>2621</v>
      </c>
      <c r="C13107" s="1" t="s">
        <v>0</v>
      </c>
      <c r="D13107" s="2">
        <v>165935</v>
      </c>
      <c r="E13107" s="1" t="s">
        <v>0</v>
      </c>
    </row>
    <row r="13108" spans="1:5" x14ac:dyDescent="0.25">
      <c r="A13108" s="1" t="s">
        <v>2395</v>
      </c>
      <c r="B13108" s="1" t="s">
        <v>8789</v>
      </c>
      <c r="C13108" s="1" t="s">
        <v>31160</v>
      </c>
      <c r="D13108" s="2">
        <v>165936</v>
      </c>
      <c r="E13108" s="1" t="s">
        <v>0</v>
      </c>
    </row>
    <row r="13109" spans="1:5" x14ac:dyDescent="0.25">
      <c r="A13109" s="1" t="s">
        <v>31161</v>
      </c>
      <c r="B13109" s="1" t="s">
        <v>8790</v>
      </c>
      <c r="C13109" s="1" t="s">
        <v>31162</v>
      </c>
      <c r="D13109" s="2">
        <v>165937</v>
      </c>
      <c r="E13109" s="1" t="s">
        <v>0</v>
      </c>
    </row>
    <row r="13110" spans="1:5" ht="409.5" x14ac:dyDescent="0.25">
      <c r="A13110" s="4" t="s">
        <v>31163</v>
      </c>
      <c r="B13110" s="1" t="s">
        <v>8791</v>
      </c>
      <c r="C13110" s="1" t="s">
        <v>31164</v>
      </c>
      <c r="D13110" s="2">
        <v>165938</v>
      </c>
      <c r="E13110" s="1" t="s">
        <v>0</v>
      </c>
    </row>
    <row r="13111" spans="1:5" x14ac:dyDescent="0.25">
      <c r="A13111" s="1" t="s">
        <v>31165</v>
      </c>
      <c r="B13111" s="1" t="s">
        <v>53940</v>
      </c>
      <c r="C13111" s="1" t="s">
        <v>31166</v>
      </c>
      <c r="D13111" s="2">
        <v>165939</v>
      </c>
      <c r="E13111" s="1" t="s">
        <v>0</v>
      </c>
    </row>
    <row r="13112" spans="1:5" x14ac:dyDescent="0.25">
      <c r="A13112" s="2">
        <v>2622</v>
      </c>
      <c r="B13112" s="2">
        <v>2622</v>
      </c>
      <c r="C13112" s="1" t="s">
        <v>0</v>
      </c>
      <c r="D13112" s="2">
        <v>165940</v>
      </c>
      <c r="E13112" s="1" t="s">
        <v>0</v>
      </c>
    </row>
    <row r="13113" spans="1:5" x14ac:dyDescent="0.25">
      <c r="A13113" s="1" t="s">
        <v>2396</v>
      </c>
      <c r="B13113" s="1" t="s">
        <v>8792</v>
      </c>
      <c r="C13113" s="1" t="s">
        <v>31167</v>
      </c>
      <c r="D13113" s="2">
        <v>165941</v>
      </c>
      <c r="E13113" s="1" t="s">
        <v>0</v>
      </c>
    </row>
    <row r="13114" spans="1:5" x14ac:dyDescent="0.25">
      <c r="A13114" s="1" t="s">
        <v>31168</v>
      </c>
      <c r="B13114" s="1" t="s">
        <v>60017</v>
      </c>
      <c r="C13114" s="1" t="s">
        <v>31169</v>
      </c>
      <c r="D13114" s="2">
        <v>165942</v>
      </c>
      <c r="E13114" s="1" t="s">
        <v>0</v>
      </c>
    </row>
    <row r="13115" spans="1:5" ht="409.5" x14ac:dyDescent="0.25">
      <c r="A13115" s="4" t="s">
        <v>31170</v>
      </c>
      <c r="B13115" s="1" t="s">
        <v>60018</v>
      </c>
      <c r="C13115" s="1" t="s">
        <v>31171</v>
      </c>
      <c r="D13115" s="2">
        <v>165943</v>
      </c>
      <c r="E13115" s="1" t="s">
        <v>0</v>
      </c>
    </row>
    <row r="13116" spans="1:5" x14ac:dyDescent="0.25">
      <c r="A13116" s="1" t="s">
        <v>31172</v>
      </c>
      <c r="B13116" s="1" t="s">
        <v>60019</v>
      </c>
      <c r="C13116" s="1" t="s">
        <v>31173</v>
      </c>
      <c r="D13116" s="2">
        <v>165944</v>
      </c>
      <c r="E13116" s="1" t="s">
        <v>0</v>
      </c>
    </row>
    <row r="13117" spans="1:5" x14ac:dyDescent="0.25">
      <c r="A13117" s="2">
        <v>2623</v>
      </c>
      <c r="B13117" s="2">
        <v>2623</v>
      </c>
      <c r="C13117" s="1" t="s">
        <v>0</v>
      </c>
      <c r="D13117" s="2">
        <v>165945</v>
      </c>
      <c r="E13117" s="1" t="s">
        <v>0</v>
      </c>
    </row>
    <row r="13118" spans="1:5" x14ac:dyDescent="0.25">
      <c r="A13118" s="1" t="s">
        <v>2397</v>
      </c>
      <c r="B13118" s="1" t="s">
        <v>8793</v>
      </c>
      <c r="C13118" s="1" t="s">
        <v>31174</v>
      </c>
      <c r="D13118" s="2">
        <v>165946</v>
      </c>
      <c r="E13118" s="1" t="s">
        <v>0</v>
      </c>
    </row>
    <row r="13119" spans="1:5" x14ac:dyDescent="0.25">
      <c r="A13119" s="1" t="s">
        <v>31175</v>
      </c>
      <c r="B13119" s="1" t="s">
        <v>63371</v>
      </c>
      <c r="C13119" s="1" t="s">
        <v>31176</v>
      </c>
      <c r="D13119" s="2">
        <v>165947</v>
      </c>
      <c r="E13119" s="1" t="s">
        <v>0</v>
      </c>
    </row>
    <row r="13120" spans="1:5" ht="409.5" x14ac:dyDescent="0.25">
      <c r="A13120" s="4" t="s">
        <v>31177</v>
      </c>
      <c r="B13120" s="1" t="s">
        <v>63372</v>
      </c>
      <c r="C13120" s="1" t="s">
        <v>31178</v>
      </c>
      <c r="D13120" s="2">
        <v>165948</v>
      </c>
      <c r="E13120" s="1" t="s">
        <v>0</v>
      </c>
    </row>
    <row r="13121" spans="1:5" x14ac:dyDescent="0.25">
      <c r="A13121" s="1" t="s">
        <v>31179</v>
      </c>
      <c r="B13121" s="1" t="s">
        <v>53941</v>
      </c>
      <c r="C13121" s="1" t="s">
        <v>31180</v>
      </c>
      <c r="D13121" s="2">
        <v>165949</v>
      </c>
      <c r="E13121" s="1" t="s">
        <v>0</v>
      </c>
    </row>
    <row r="13122" spans="1:5" x14ac:dyDescent="0.25">
      <c r="A13122" s="2">
        <v>2624</v>
      </c>
      <c r="B13122" s="2">
        <v>2624</v>
      </c>
      <c r="C13122" s="1" t="s">
        <v>0</v>
      </c>
      <c r="D13122" s="2">
        <v>165950</v>
      </c>
      <c r="E13122" s="1" t="s">
        <v>0</v>
      </c>
    </row>
    <row r="13123" spans="1:5" x14ac:dyDescent="0.25">
      <c r="A13123" s="1" t="s">
        <v>2398</v>
      </c>
      <c r="B13123" s="1" t="s">
        <v>8794</v>
      </c>
      <c r="C13123" s="1" t="s">
        <v>31181</v>
      </c>
      <c r="D13123" s="2">
        <v>165951</v>
      </c>
      <c r="E13123" s="1" t="s">
        <v>0</v>
      </c>
    </row>
    <row r="13124" spans="1:5" x14ac:dyDescent="0.25">
      <c r="A13124" s="1" t="s">
        <v>31182</v>
      </c>
      <c r="B13124" s="1" t="s">
        <v>53942</v>
      </c>
      <c r="C13124" s="1" t="s">
        <v>31183</v>
      </c>
      <c r="D13124" s="2">
        <v>165952</v>
      </c>
      <c r="E13124" s="1" t="s">
        <v>0</v>
      </c>
    </row>
    <row r="13125" spans="1:5" ht="409.5" x14ac:dyDescent="0.25">
      <c r="A13125" s="4" t="s">
        <v>31184</v>
      </c>
      <c r="B13125" s="1" t="s">
        <v>53943</v>
      </c>
      <c r="C13125" s="1" t="s">
        <v>31185</v>
      </c>
      <c r="D13125" s="2">
        <v>165953</v>
      </c>
      <c r="E13125" s="1" t="s">
        <v>0</v>
      </c>
    </row>
    <row r="13126" spans="1:5" x14ac:dyDescent="0.25">
      <c r="A13126" s="1" t="s">
        <v>31186</v>
      </c>
      <c r="B13126" s="1" t="s">
        <v>53944</v>
      </c>
      <c r="C13126" s="1" t="s">
        <v>31187</v>
      </c>
      <c r="D13126" s="2">
        <v>165954</v>
      </c>
      <c r="E13126" s="1" t="s">
        <v>0</v>
      </c>
    </row>
    <row r="13127" spans="1:5" x14ac:dyDescent="0.25">
      <c r="A13127" s="2">
        <v>2625</v>
      </c>
      <c r="B13127" s="2">
        <v>2625</v>
      </c>
      <c r="C13127" s="1" t="s">
        <v>0</v>
      </c>
      <c r="D13127" s="2">
        <v>165955</v>
      </c>
      <c r="E13127" s="1" t="s">
        <v>0</v>
      </c>
    </row>
    <row r="13128" spans="1:5" x14ac:dyDescent="0.25">
      <c r="A13128" s="1" t="s">
        <v>2399</v>
      </c>
      <c r="B13128" s="1" t="s">
        <v>8795</v>
      </c>
      <c r="C13128" s="1" t="s">
        <v>31188</v>
      </c>
      <c r="D13128" s="2">
        <v>165956</v>
      </c>
      <c r="E13128" s="1" t="s">
        <v>0</v>
      </c>
    </row>
    <row r="13129" spans="1:5" x14ac:dyDescent="0.25">
      <c r="A13129" s="1" t="s">
        <v>31189</v>
      </c>
      <c r="B13129" s="1" t="s">
        <v>8796</v>
      </c>
      <c r="C13129" s="1" t="s">
        <v>31190</v>
      </c>
      <c r="D13129" s="2">
        <v>165957</v>
      </c>
      <c r="E13129" s="1" t="s">
        <v>0</v>
      </c>
    </row>
    <row r="13130" spans="1:5" ht="409.5" x14ac:dyDescent="0.25">
      <c r="A13130" s="4" t="s">
        <v>31191</v>
      </c>
      <c r="B13130" s="1" t="s">
        <v>62532</v>
      </c>
      <c r="C13130" s="1" t="s">
        <v>31192</v>
      </c>
      <c r="D13130" s="2">
        <v>165958</v>
      </c>
      <c r="E13130" s="1" t="s">
        <v>0</v>
      </c>
    </row>
    <row r="13131" spans="1:5" x14ac:dyDescent="0.25">
      <c r="A13131" s="1" t="s">
        <v>31193</v>
      </c>
      <c r="B13131" s="1" t="s">
        <v>53945</v>
      </c>
      <c r="C13131" s="1" t="s">
        <v>31194</v>
      </c>
      <c r="D13131" s="2">
        <v>165959</v>
      </c>
      <c r="E13131" s="1" t="s">
        <v>0</v>
      </c>
    </row>
    <row r="13132" spans="1:5" x14ac:dyDescent="0.25">
      <c r="A13132" s="2">
        <v>2626</v>
      </c>
      <c r="B13132" s="2">
        <v>2626</v>
      </c>
      <c r="C13132" s="1" t="s">
        <v>0</v>
      </c>
      <c r="D13132" s="2">
        <v>165960</v>
      </c>
      <c r="E13132" s="1" t="s">
        <v>0</v>
      </c>
    </row>
    <row r="13133" spans="1:5" x14ac:dyDescent="0.25">
      <c r="A13133" s="1" t="s">
        <v>2400</v>
      </c>
      <c r="B13133" s="1" t="s">
        <v>8797</v>
      </c>
      <c r="C13133" s="1" t="s">
        <v>31195</v>
      </c>
      <c r="D13133" s="2">
        <v>165961</v>
      </c>
      <c r="E13133" s="1" t="s">
        <v>0</v>
      </c>
    </row>
    <row r="13134" spans="1:5" x14ac:dyDescent="0.25">
      <c r="A13134" s="1" t="s">
        <v>31196</v>
      </c>
      <c r="B13134" s="1" t="s">
        <v>8798</v>
      </c>
      <c r="C13134" s="1" t="s">
        <v>31197</v>
      </c>
      <c r="D13134" s="2">
        <v>165962</v>
      </c>
      <c r="E13134" s="1" t="s">
        <v>0</v>
      </c>
    </row>
    <row r="13135" spans="1:5" ht="409.5" x14ac:dyDescent="0.25">
      <c r="A13135" s="4" t="s">
        <v>31198</v>
      </c>
      <c r="B13135" s="1" t="s">
        <v>50744</v>
      </c>
      <c r="C13135" s="1" t="s">
        <v>31199</v>
      </c>
      <c r="D13135" s="2">
        <v>165963</v>
      </c>
      <c r="E13135" s="1" t="s">
        <v>0</v>
      </c>
    </row>
    <row r="13136" spans="1:5" x14ac:dyDescent="0.25">
      <c r="A13136" s="1" t="s">
        <v>31200</v>
      </c>
      <c r="B13136" s="1" t="s">
        <v>8799</v>
      </c>
      <c r="C13136" s="1" t="s">
        <v>31201</v>
      </c>
      <c r="D13136" s="2">
        <v>165964</v>
      </c>
      <c r="E13136" s="1" t="s">
        <v>0</v>
      </c>
    </row>
    <row r="13137" spans="1:5" x14ac:dyDescent="0.25">
      <c r="A13137" s="2">
        <v>2627</v>
      </c>
      <c r="B13137" s="2">
        <v>2627</v>
      </c>
      <c r="C13137" s="1" t="s">
        <v>0</v>
      </c>
      <c r="D13137" s="2">
        <v>165965</v>
      </c>
      <c r="E13137" s="1" t="s">
        <v>0</v>
      </c>
    </row>
    <row r="13138" spans="1:5" x14ac:dyDescent="0.25">
      <c r="A13138" s="1" t="s">
        <v>2401</v>
      </c>
      <c r="B13138" s="1" t="s">
        <v>8800</v>
      </c>
      <c r="C13138" s="1" t="s">
        <v>31202</v>
      </c>
      <c r="D13138" s="2">
        <v>165966</v>
      </c>
      <c r="E13138" s="1" t="s">
        <v>0</v>
      </c>
    </row>
    <row r="13139" spans="1:5" x14ac:dyDescent="0.25">
      <c r="A13139" s="1" t="s">
        <v>31203</v>
      </c>
      <c r="B13139" s="1" t="s">
        <v>61146</v>
      </c>
      <c r="C13139" s="1" t="s">
        <v>31204</v>
      </c>
      <c r="D13139" s="2">
        <v>165967</v>
      </c>
      <c r="E13139" s="1" t="s">
        <v>0</v>
      </c>
    </row>
    <row r="13140" spans="1:5" ht="409.5" x14ac:dyDescent="0.25">
      <c r="A13140" s="4" t="s">
        <v>31205</v>
      </c>
      <c r="B13140" s="1" t="s">
        <v>61147</v>
      </c>
      <c r="C13140" s="1" t="s">
        <v>31206</v>
      </c>
      <c r="D13140" s="2">
        <v>165968</v>
      </c>
      <c r="E13140" s="1" t="s">
        <v>0</v>
      </c>
    </row>
    <row r="13141" spans="1:5" x14ac:dyDescent="0.25">
      <c r="A13141" s="1" t="s">
        <v>31207</v>
      </c>
      <c r="B13141" s="1" t="s">
        <v>53946</v>
      </c>
      <c r="C13141" s="1" t="s">
        <v>31208</v>
      </c>
      <c r="D13141" s="2">
        <v>165969</v>
      </c>
      <c r="E13141" s="1" t="s">
        <v>0</v>
      </c>
    </row>
    <row r="13142" spans="1:5" x14ac:dyDescent="0.25">
      <c r="A13142" s="2">
        <v>2628</v>
      </c>
      <c r="B13142" s="2">
        <v>2628</v>
      </c>
      <c r="C13142" s="1" t="s">
        <v>0</v>
      </c>
      <c r="D13142" s="2">
        <v>165970</v>
      </c>
      <c r="E13142" s="1" t="s">
        <v>0</v>
      </c>
    </row>
    <row r="13143" spans="1:5" x14ac:dyDescent="0.25">
      <c r="A13143" s="1" t="s">
        <v>2402</v>
      </c>
      <c r="B13143" s="1" t="s">
        <v>8801</v>
      </c>
      <c r="C13143" s="1" t="s">
        <v>31209</v>
      </c>
      <c r="D13143" s="2">
        <v>165971</v>
      </c>
      <c r="E13143" s="1" t="s">
        <v>0</v>
      </c>
    </row>
    <row r="13144" spans="1:5" x14ac:dyDescent="0.25">
      <c r="A13144" s="1" t="s">
        <v>31210</v>
      </c>
      <c r="B13144" s="1" t="s">
        <v>63885</v>
      </c>
      <c r="C13144" s="1" t="s">
        <v>31211</v>
      </c>
      <c r="D13144" s="2">
        <v>165972</v>
      </c>
      <c r="E13144" s="1" t="s">
        <v>0</v>
      </c>
    </row>
    <row r="13145" spans="1:5" ht="409.5" x14ac:dyDescent="0.25">
      <c r="A13145" s="4" t="s">
        <v>31212</v>
      </c>
      <c r="B13145" s="1" t="s">
        <v>63886</v>
      </c>
      <c r="C13145" s="1" t="s">
        <v>31213</v>
      </c>
      <c r="D13145" s="2">
        <v>165973</v>
      </c>
      <c r="E13145" s="1" t="s">
        <v>0</v>
      </c>
    </row>
    <row r="13146" spans="1:5" x14ac:dyDescent="0.25">
      <c r="A13146" s="1" t="s">
        <v>31214</v>
      </c>
      <c r="B13146" s="1" t="s">
        <v>61148</v>
      </c>
      <c r="C13146" s="1" t="s">
        <v>31215</v>
      </c>
      <c r="D13146" s="2">
        <v>165974</v>
      </c>
      <c r="E13146" s="1" t="s">
        <v>0</v>
      </c>
    </row>
    <row r="13147" spans="1:5" x14ac:dyDescent="0.25">
      <c r="A13147" s="2">
        <v>2629</v>
      </c>
      <c r="B13147" s="2">
        <v>2629</v>
      </c>
      <c r="C13147" s="1" t="s">
        <v>0</v>
      </c>
      <c r="D13147" s="2">
        <v>165975</v>
      </c>
      <c r="E13147" s="1" t="s">
        <v>0</v>
      </c>
    </row>
    <row r="13148" spans="1:5" x14ac:dyDescent="0.25">
      <c r="A13148" s="1" t="s">
        <v>31216</v>
      </c>
      <c r="B13148" s="1" t="s">
        <v>8802</v>
      </c>
      <c r="C13148" s="1" t="s">
        <v>31217</v>
      </c>
      <c r="D13148" s="2">
        <v>165976</v>
      </c>
      <c r="E13148" s="1" t="s">
        <v>0</v>
      </c>
    </row>
    <row r="13149" spans="1:5" x14ac:dyDescent="0.25">
      <c r="A13149" s="1" t="s">
        <v>31218</v>
      </c>
      <c r="B13149" s="1" t="s">
        <v>53947</v>
      </c>
      <c r="C13149" s="1" t="s">
        <v>31219</v>
      </c>
      <c r="D13149" s="2">
        <v>165977</v>
      </c>
      <c r="E13149" s="1" t="s">
        <v>0</v>
      </c>
    </row>
    <row r="13150" spans="1:5" x14ac:dyDescent="0.25">
      <c r="A13150" s="1" t="s">
        <v>31220</v>
      </c>
      <c r="B13150" s="1" t="s">
        <v>53948</v>
      </c>
      <c r="C13150" s="1" t="s">
        <v>31221</v>
      </c>
      <c r="D13150" s="2">
        <v>165978</v>
      </c>
      <c r="E13150" s="1" t="s">
        <v>0</v>
      </c>
    </row>
    <row r="13151" spans="1:5" x14ac:dyDescent="0.25">
      <c r="A13151" s="1" t="s">
        <v>31222</v>
      </c>
      <c r="B13151" s="1" t="s">
        <v>8803</v>
      </c>
      <c r="C13151" s="1" t="s">
        <v>31223</v>
      </c>
      <c r="D13151" s="2">
        <v>165979</v>
      </c>
      <c r="E13151" s="1" t="s">
        <v>0</v>
      </c>
    </row>
    <row r="13152" spans="1:5" x14ac:dyDescent="0.25">
      <c r="A13152" s="2">
        <v>2630</v>
      </c>
      <c r="B13152" s="2">
        <v>2630</v>
      </c>
      <c r="C13152" s="1" t="s">
        <v>0</v>
      </c>
      <c r="D13152" s="2">
        <v>165980</v>
      </c>
      <c r="E13152" s="1" t="s">
        <v>0</v>
      </c>
    </row>
    <row r="13153" spans="1:5" x14ac:dyDescent="0.25">
      <c r="A13153" s="1" t="s">
        <v>2403</v>
      </c>
      <c r="B13153" s="1" t="s">
        <v>53949</v>
      </c>
      <c r="C13153" s="1" t="s">
        <v>31224</v>
      </c>
      <c r="D13153" s="2">
        <v>165981</v>
      </c>
      <c r="E13153" s="1" t="s">
        <v>0</v>
      </c>
    </row>
    <row r="13154" spans="1:5" x14ac:dyDescent="0.25">
      <c r="A13154" s="1" t="s">
        <v>31225</v>
      </c>
      <c r="B13154" s="1" t="s">
        <v>59622</v>
      </c>
      <c r="C13154" s="1" t="s">
        <v>31226</v>
      </c>
      <c r="D13154" s="2">
        <v>165982</v>
      </c>
      <c r="E13154" s="1" t="s">
        <v>0</v>
      </c>
    </row>
    <row r="13155" spans="1:5" ht="409.5" x14ac:dyDescent="0.25">
      <c r="A13155" s="4" t="s">
        <v>31227</v>
      </c>
      <c r="B13155" s="1" t="s">
        <v>59623</v>
      </c>
      <c r="C13155" s="1" t="s">
        <v>31228</v>
      </c>
      <c r="D13155" s="2">
        <v>165983</v>
      </c>
      <c r="E13155" s="1" t="s">
        <v>0</v>
      </c>
    </row>
    <row r="13156" spans="1:5" x14ac:dyDescent="0.25">
      <c r="A13156" s="1" t="s">
        <v>31229</v>
      </c>
      <c r="B13156" s="1" t="s">
        <v>8804</v>
      </c>
      <c r="C13156" s="1" t="s">
        <v>31230</v>
      </c>
      <c r="D13156" s="2">
        <v>165984</v>
      </c>
      <c r="E13156" s="1" t="s">
        <v>0</v>
      </c>
    </row>
    <row r="13157" spans="1:5" x14ac:dyDescent="0.25">
      <c r="A13157" s="2">
        <v>2631</v>
      </c>
      <c r="B13157" s="2">
        <v>2631</v>
      </c>
      <c r="C13157" s="1" t="s">
        <v>0</v>
      </c>
      <c r="D13157" s="2">
        <v>165985</v>
      </c>
      <c r="E13157" s="1" t="s">
        <v>0</v>
      </c>
    </row>
    <row r="13158" spans="1:5" x14ac:dyDescent="0.25">
      <c r="A13158" s="1" t="s">
        <v>2404</v>
      </c>
      <c r="B13158" s="1" t="s">
        <v>8805</v>
      </c>
      <c r="C13158" s="1" t="s">
        <v>31231</v>
      </c>
      <c r="D13158" s="2">
        <v>165986</v>
      </c>
      <c r="E13158" s="1" t="s">
        <v>0</v>
      </c>
    </row>
    <row r="13159" spans="1:5" x14ac:dyDescent="0.25">
      <c r="A13159" s="1" t="s">
        <v>31232</v>
      </c>
      <c r="B13159" s="1" t="s">
        <v>63714</v>
      </c>
      <c r="C13159" s="1" t="s">
        <v>31233</v>
      </c>
      <c r="D13159" s="2">
        <v>165987</v>
      </c>
      <c r="E13159" s="1" t="s">
        <v>0</v>
      </c>
    </row>
    <row r="13160" spans="1:5" ht="409.5" x14ac:dyDescent="0.25">
      <c r="A13160" s="4" t="s">
        <v>31234</v>
      </c>
      <c r="B13160" s="1" t="s">
        <v>63715</v>
      </c>
      <c r="C13160" s="1" t="s">
        <v>31235</v>
      </c>
      <c r="D13160" s="2">
        <v>165988</v>
      </c>
      <c r="E13160" s="1" t="s">
        <v>0</v>
      </c>
    </row>
    <row r="13161" spans="1:5" x14ac:dyDescent="0.25">
      <c r="A13161" s="1" t="s">
        <v>31236</v>
      </c>
      <c r="B13161" s="1" t="s">
        <v>8806</v>
      </c>
      <c r="C13161" s="1" t="s">
        <v>31237</v>
      </c>
      <c r="D13161" s="2">
        <v>165989</v>
      </c>
      <c r="E13161" s="1" t="s">
        <v>0</v>
      </c>
    </row>
    <row r="13162" spans="1:5" x14ac:dyDescent="0.25">
      <c r="A13162" s="2">
        <v>2632</v>
      </c>
      <c r="B13162" s="2">
        <v>2632</v>
      </c>
      <c r="C13162" s="1" t="s">
        <v>0</v>
      </c>
      <c r="D13162" s="2">
        <v>165990</v>
      </c>
      <c r="E13162" s="1" t="s">
        <v>0</v>
      </c>
    </row>
    <row r="13163" spans="1:5" x14ac:dyDescent="0.25">
      <c r="A13163" s="1" t="s">
        <v>2405</v>
      </c>
      <c r="B13163" s="1" t="s">
        <v>56947</v>
      </c>
      <c r="C13163" s="1" t="s">
        <v>31238</v>
      </c>
      <c r="D13163" s="2">
        <v>165991</v>
      </c>
      <c r="E13163" s="1" t="s">
        <v>0</v>
      </c>
    </row>
    <row r="13164" spans="1:5" x14ac:dyDescent="0.25">
      <c r="A13164" s="1" t="s">
        <v>31239</v>
      </c>
      <c r="B13164" s="1" t="s">
        <v>62533</v>
      </c>
      <c r="C13164" s="1" t="s">
        <v>31240</v>
      </c>
      <c r="D13164" s="2">
        <v>165992</v>
      </c>
      <c r="E13164" s="1" t="s">
        <v>0</v>
      </c>
    </row>
    <row r="13165" spans="1:5" ht="409.5" x14ac:dyDescent="0.25">
      <c r="A13165" s="4" t="s">
        <v>31241</v>
      </c>
      <c r="B13165" s="1" t="s">
        <v>62534</v>
      </c>
      <c r="C13165" s="1" t="s">
        <v>31242</v>
      </c>
      <c r="D13165" s="2">
        <v>165993</v>
      </c>
      <c r="E13165" s="1" t="s">
        <v>0</v>
      </c>
    </row>
    <row r="13166" spans="1:5" x14ac:dyDescent="0.25">
      <c r="A13166" s="1" t="s">
        <v>31243</v>
      </c>
      <c r="B13166" s="1" t="s">
        <v>8807</v>
      </c>
      <c r="C13166" s="1" t="s">
        <v>31244</v>
      </c>
      <c r="D13166" s="2">
        <v>165994</v>
      </c>
      <c r="E13166" s="1" t="s">
        <v>0</v>
      </c>
    </row>
    <row r="13167" spans="1:5" x14ac:dyDescent="0.25">
      <c r="A13167" s="2">
        <v>2633</v>
      </c>
      <c r="B13167" s="2">
        <v>2633</v>
      </c>
      <c r="C13167" s="1" t="s">
        <v>0</v>
      </c>
      <c r="D13167" s="2">
        <v>165995</v>
      </c>
      <c r="E13167" s="1" t="s">
        <v>0</v>
      </c>
    </row>
    <row r="13168" spans="1:5" x14ac:dyDescent="0.25">
      <c r="A13168" s="1" t="s">
        <v>2406</v>
      </c>
      <c r="B13168" s="1" t="s">
        <v>8808</v>
      </c>
      <c r="C13168" s="1" t="s">
        <v>31245</v>
      </c>
      <c r="D13168" s="2">
        <v>165996</v>
      </c>
      <c r="E13168" s="1" t="s">
        <v>0</v>
      </c>
    </row>
    <row r="13169" spans="1:5" x14ac:dyDescent="0.25">
      <c r="A13169" s="1" t="s">
        <v>31246</v>
      </c>
      <c r="B13169" s="1" t="s">
        <v>8809</v>
      </c>
      <c r="C13169" s="1" t="s">
        <v>31247</v>
      </c>
      <c r="D13169" s="2">
        <v>165997</v>
      </c>
      <c r="E13169" s="1" t="s">
        <v>0</v>
      </c>
    </row>
    <row r="13170" spans="1:5" ht="409.5" x14ac:dyDescent="0.25">
      <c r="A13170" s="4" t="s">
        <v>31248</v>
      </c>
      <c r="B13170" s="1" t="s">
        <v>53950</v>
      </c>
      <c r="C13170" s="1" t="s">
        <v>31249</v>
      </c>
      <c r="D13170" s="2">
        <v>165998</v>
      </c>
      <c r="E13170" s="1" t="s">
        <v>0</v>
      </c>
    </row>
    <row r="13171" spans="1:5" x14ac:dyDescent="0.25">
      <c r="A13171" s="1" t="s">
        <v>13588</v>
      </c>
      <c r="B13171" s="1" t="s">
        <v>60850</v>
      </c>
      <c r="C13171" s="1" t="s">
        <v>13589</v>
      </c>
      <c r="D13171" s="2">
        <v>165999</v>
      </c>
      <c r="E13171" s="1" t="s">
        <v>0</v>
      </c>
    </row>
    <row r="13172" spans="1:5" x14ac:dyDescent="0.25">
      <c r="A13172" s="2">
        <v>2634</v>
      </c>
      <c r="B13172" s="2">
        <v>2634</v>
      </c>
      <c r="C13172" s="1" t="s">
        <v>0</v>
      </c>
      <c r="D13172" s="2">
        <v>166000</v>
      </c>
      <c r="E13172" s="1" t="s">
        <v>0</v>
      </c>
    </row>
    <row r="13173" spans="1:5" x14ac:dyDescent="0.25">
      <c r="A13173" s="1" t="s">
        <v>2407</v>
      </c>
      <c r="B13173" s="1" t="s">
        <v>8810</v>
      </c>
      <c r="C13173" s="1" t="s">
        <v>31250</v>
      </c>
      <c r="D13173" s="2">
        <v>166001</v>
      </c>
      <c r="E13173" s="1" t="s">
        <v>0</v>
      </c>
    </row>
    <row r="13174" spans="1:5" x14ac:dyDescent="0.25">
      <c r="A13174" s="1" t="s">
        <v>31251</v>
      </c>
      <c r="B13174" s="1" t="s">
        <v>62535</v>
      </c>
      <c r="C13174" s="1" t="s">
        <v>31252</v>
      </c>
      <c r="D13174" s="2">
        <v>166002</v>
      </c>
      <c r="E13174" s="1" t="s">
        <v>0</v>
      </c>
    </row>
    <row r="13175" spans="1:5" ht="409.5" x14ac:dyDescent="0.25">
      <c r="A13175" s="4" t="s">
        <v>64180</v>
      </c>
      <c r="B13175" s="1" t="s">
        <v>62536</v>
      </c>
      <c r="C13175" s="1" t="s">
        <v>31253</v>
      </c>
      <c r="D13175" s="2">
        <v>166003</v>
      </c>
      <c r="E13175" s="1" t="s">
        <v>0</v>
      </c>
    </row>
    <row r="13176" spans="1:5" x14ac:dyDescent="0.25">
      <c r="A13176" s="1" t="s">
        <v>31254</v>
      </c>
      <c r="B13176" s="1" t="s">
        <v>53951</v>
      </c>
      <c r="C13176" s="1" t="s">
        <v>31255</v>
      </c>
      <c r="D13176" s="2">
        <v>166004</v>
      </c>
      <c r="E13176" s="1" t="s">
        <v>0</v>
      </c>
    </row>
    <row r="13177" spans="1:5" x14ac:dyDescent="0.25">
      <c r="A13177" s="2">
        <v>2635</v>
      </c>
      <c r="B13177" s="2">
        <v>2635</v>
      </c>
      <c r="C13177" s="1" t="s">
        <v>0</v>
      </c>
      <c r="D13177" s="2">
        <v>166005</v>
      </c>
      <c r="E13177" s="1" t="s">
        <v>0</v>
      </c>
    </row>
    <row r="13178" spans="1:5" x14ac:dyDescent="0.25">
      <c r="A13178" s="1" t="s">
        <v>2408</v>
      </c>
      <c r="B13178" s="1" t="s">
        <v>8811</v>
      </c>
      <c r="C13178" s="1" t="s">
        <v>31256</v>
      </c>
      <c r="D13178" s="2">
        <v>166006</v>
      </c>
      <c r="E13178" s="1" t="s">
        <v>0</v>
      </c>
    </row>
    <row r="13179" spans="1:5" x14ac:dyDescent="0.25">
      <c r="A13179" s="1" t="s">
        <v>31257</v>
      </c>
      <c r="B13179" s="1" t="s">
        <v>53952</v>
      </c>
      <c r="C13179" s="1" t="s">
        <v>31258</v>
      </c>
      <c r="D13179" s="2">
        <v>166007</v>
      </c>
      <c r="E13179" s="1" t="s">
        <v>0</v>
      </c>
    </row>
    <row r="13180" spans="1:5" ht="409.5" x14ac:dyDescent="0.25">
      <c r="A13180" s="4" t="s">
        <v>31259</v>
      </c>
      <c r="B13180" s="1" t="s">
        <v>53953</v>
      </c>
      <c r="C13180" s="1" t="s">
        <v>31260</v>
      </c>
      <c r="D13180" s="2">
        <v>166008</v>
      </c>
      <c r="E13180" s="1" t="s">
        <v>0</v>
      </c>
    </row>
    <row r="13181" spans="1:5" x14ac:dyDescent="0.25">
      <c r="A13181" s="1" t="s">
        <v>31261</v>
      </c>
      <c r="B13181" s="1" t="s">
        <v>8812</v>
      </c>
      <c r="C13181" s="1" t="s">
        <v>31262</v>
      </c>
      <c r="D13181" s="2">
        <v>166009</v>
      </c>
      <c r="E13181" s="1" t="s">
        <v>0</v>
      </c>
    </row>
    <row r="13182" spans="1:5" x14ac:dyDescent="0.25">
      <c r="A13182" s="2">
        <v>2636</v>
      </c>
      <c r="B13182" s="2">
        <v>2636</v>
      </c>
      <c r="C13182" s="1" t="s">
        <v>0</v>
      </c>
      <c r="D13182" s="2">
        <v>166010</v>
      </c>
      <c r="E13182" s="1" t="s">
        <v>0</v>
      </c>
    </row>
    <row r="13183" spans="1:5" x14ac:dyDescent="0.25">
      <c r="A13183" s="1" t="s">
        <v>13144</v>
      </c>
      <c r="B13183" s="1" t="s">
        <v>8813</v>
      </c>
      <c r="C13183" s="1" t="s">
        <v>31263</v>
      </c>
      <c r="D13183" s="2">
        <v>166011</v>
      </c>
      <c r="E13183" s="1" t="s">
        <v>0</v>
      </c>
    </row>
    <row r="13184" spans="1:5" x14ac:dyDescent="0.25">
      <c r="A13184" s="1" t="s">
        <v>31264</v>
      </c>
      <c r="B13184" s="1" t="s">
        <v>59624</v>
      </c>
      <c r="C13184" s="1" t="s">
        <v>31265</v>
      </c>
      <c r="D13184" s="2">
        <v>166012</v>
      </c>
      <c r="E13184" s="1" t="s">
        <v>0</v>
      </c>
    </row>
    <row r="13185" spans="1:5" ht="409.5" x14ac:dyDescent="0.25">
      <c r="A13185" s="4" t="s">
        <v>31266</v>
      </c>
      <c r="B13185" s="1" t="s">
        <v>59625</v>
      </c>
      <c r="C13185" s="1" t="s">
        <v>31267</v>
      </c>
      <c r="D13185" s="2">
        <v>166013</v>
      </c>
      <c r="E13185" s="1" t="s">
        <v>0</v>
      </c>
    </row>
    <row r="13186" spans="1:5" x14ac:dyDescent="0.25">
      <c r="A13186" s="1" t="s">
        <v>31268</v>
      </c>
      <c r="B13186" s="1" t="s">
        <v>8814</v>
      </c>
      <c r="C13186" s="1" t="s">
        <v>31269</v>
      </c>
      <c r="D13186" s="2">
        <v>166014</v>
      </c>
      <c r="E13186" s="1" t="s">
        <v>0</v>
      </c>
    </row>
    <row r="13187" spans="1:5" x14ac:dyDescent="0.25">
      <c r="A13187" s="2">
        <v>2637</v>
      </c>
      <c r="B13187" s="2">
        <v>2637</v>
      </c>
      <c r="C13187" s="1" t="s">
        <v>0</v>
      </c>
      <c r="D13187" s="2">
        <v>166015</v>
      </c>
      <c r="E13187" s="1" t="s">
        <v>0</v>
      </c>
    </row>
    <row r="13188" spans="1:5" x14ac:dyDescent="0.25">
      <c r="A13188" s="1" t="s">
        <v>2409</v>
      </c>
      <c r="B13188" s="1" t="s">
        <v>8815</v>
      </c>
      <c r="C13188" s="1" t="s">
        <v>31270</v>
      </c>
      <c r="D13188" s="2">
        <v>166016</v>
      </c>
      <c r="E13188" s="1" t="s">
        <v>0</v>
      </c>
    </row>
    <row r="13189" spans="1:5" x14ac:dyDescent="0.25">
      <c r="A13189" s="1" t="s">
        <v>31271</v>
      </c>
      <c r="B13189" s="1" t="s">
        <v>58395</v>
      </c>
      <c r="C13189" s="1" t="s">
        <v>31272</v>
      </c>
      <c r="D13189" s="2">
        <v>166017</v>
      </c>
      <c r="E13189" s="1" t="s">
        <v>0</v>
      </c>
    </row>
    <row r="13190" spans="1:5" ht="409.5" x14ac:dyDescent="0.25">
      <c r="A13190" s="4" t="s">
        <v>31273</v>
      </c>
      <c r="B13190" s="1" t="s">
        <v>58396</v>
      </c>
      <c r="C13190" s="1" t="s">
        <v>31274</v>
      </c>
      <c r="D13190" s="2">
        <v>166018</v>
      </c>
      <c r="E13190" s="1" t="s">
        <v>0</v>
      </c>
    </row>
    <row r="13191" spans="1:5" x14ac:dyDescent="0.25">
      <c r="A13191" s="1" t="s">
        <v>31275</v>
      </c>
      <c r="B13191" s="1" t="s">
        <v>53954</v>
      </c>
      <c r="C13191" s="1" t="s">
        <v>31276</v>
      </c>
      <c r="D13191" s="2">
        <v>166019</v>
      </c>
      <c r="E13191" s="1" t="s">
        <v>0</v>
      </c>
    </row>
    <row r="13192" spans="1:5" x14ac:dyDescent="0.25">
      <c r="A13192" s="2">
        <v>2638</v>
      </c>
      <c r="B13192" s="2">
        <v>2638</v>
      </c>
      <c r="C13192" s="1" t="s">
        <v>0</v>
      </c>
      <c r="D13192" s="2">
        <v>166020</v>
      </c>
      <c r="E13192" s="1" t="s">
        <v>0</v>
      </c>
    </row>
    <row r="13193" spans="1:5" x14ac:dyDescent="0.25">
      <c r="A13193" s="1" t="s">
        <v>2410</v>
      </c>
      <c r="B13193" s="1" t="s">
        <v>8816</v>
      </c>
      <c r="C13193" s="1" t="s">
        <v>31277</v>
      </c>
      <c r="D13193" s="2">
        <v>166021</v>
      </c>
      <c r="E13193" s="1" t="s">
        <v>0</v>
      </c>
    </row>
    <row r="13194" spans="1:5" x14ac:dyDescent="0.25">
      <c r="A13194" s="1" t="s">
        <v>31278</v>
      </c>
      <c r="B13194" s="1" t="s">
        <v>53955</v>
      </c>
      <c r="C13194" s="1" t="s">
        <v>31279</v>
      </c>
      <c r="D13194" s="2">
        <v>166022</v>
      </c>
      <c r="E13194" s="1" t="s">
        <v>0</v>
      </c>
    </row>
    <row r="13195" spans="1:5" ht="409.5" x14ac:dyDescent="0.25">
      <c r="A13195" s="4" t="s">
        <v>31280</v>
      </c>
      <c r="B13195" s="1" t="s">
        <v>63373</v>
      </c>
      <c r="C13195" s="1" t="s">
        <v>31281</v>
      </c>
      <c r="D13195" s="2">
        <v>166023</v>
      </c>
      <c r="E13195" s="1" t="s">
        <v>0</v>
      </c>
    </row>
    <row r="13196" spans="1:5" x14ac:dyDescent="0.25">
      <c r="A13196" s="1" t="s">
        <v>31282</v>
      </c>
      <c r="B13196" s="1" t="s">
        <v>53956</v>
      </c>
      <c r="C13196" s="1" t="s">
        <v>31283</v>
      </c>
      <c r="D13196" s="2">
        <v>166024</v>
      </c>
      <c r="E13196" s="1" t="s">
        <v>0</v>
      </c>
    </row>
    <row r="13197" spans="1:5" x14ac:dyDescent="0.25">
      <c r="A13197" s="2">
        <v>2639</v>
      </c>
      <c r="B13197" s="2">
        <v>2639</v>
      </c>
      <c r="C13197" s="1" t="s">
        <v>0</v>
      </c>
      <c r="D13197" s="2">
        <v>166025</v>
      </c>
      <c r="E13197" s="1" t="s">
        <v>0</v>
      </c>
    </row>
    <row r="13198" spans="1:5" x14ac:dyDescent="0.25">
      <c r="A13198" s="1" t="s">
        <v>2411</v>
      </c>
      <c r="B13198" s="1" t="s">
        <v>60020</v>
      </c>
      <c r="C13198" s="1" t="s">
        <v>31284</v>
      </c>
      <c r="D13198" s="2">
        <v>166026</v>
      </c>
      <c r="E13198" s="1" t="s">
        <v>0</v>
      </c>
    </row>
    <row r="13199" spans="1:5" x14ac:dyDescent="0.25">
      <c r="A13199" s="1" t="s">
        <v>31285</v>
      </c>
      <c r="B13199" s="1" t="s">
        <v>8817</v>
      </c>
      <c r="C13199" s="1" t="s">
        <v>31286</v>
      </c>
      <c r="D13199" s="2">
        <v>166027</v>
      </c>
      <c r="E13199" s="1" t="s">
        <v>0</v>
      </c>
    </row>
    <row r="13200" spans="1:5" ht="409.5" x14ac:dyDescent="0.25">
      <c r="A13200" s="4" t="s">
        <v>31287</v>
      </c>
      <c r="B13200" s="1" t="s">
        <v>58769</v>
      </c>
      <c r="C13200" s="1" t="s">
        <v>31288</v>
      </c>
      <c r="D13200" s="2">
        <v>166028</v>
      </c>
      <c r="E13200" s="1" t="s">
        <v>0</v>
      </c>
    </row>
    <row r="13201" spans="1:5" x14ac:dyDescent="0.25">
      <c r="A13201" s="1" t="s">
        <v>31289</v>
      </c>
      <c r="B13201" s="1" t="s">
        <v>53957</v>
      </c>
      <c r="C13201" s="1" t="s">
        <v>31290</v>
      </c>
      <c r="D13201" s="2">
        <v>166029</v>
      </c>
      <c r="E13201" s="1" t="s">
        <v>0</v>
      </c>
    </row>
    <row r="13202" spans="1:5" x14ac:dyDescent="0.25">
      <c r="A13202" s="2">
        <v>2640</v>
      </c>
      <c r="B13202" s="2">
        <v>2640</v>
      </c>
      <c r="C13202" s="1" t="s">
        <v>0</v>
      </c>
      <c r="D13202" s="2">
        <v>166030</v>
      </c>
      <c r="E13202" s="1" t="s">
        <v>0</v>
      </c>
    </row>
    <row r="13203" spans="1:5" x14ac:dyDescent="0.25">
      <c r="A13203" s="1" t="s">
        <v>2412</v>
      </c>
      <c r="B13203" s="1" t="s">
        <v>8818</v>
      </c>
      <c r="C13203" s="1" t="s">
        <v>31291</v>
      </c>
      <c r="D13203" s="2">
        <v>166031</v>
      </c>
      <c r="E13203" s="1" t="s">
        <v>0</v>
      </c>
    </row>
    <row r="13204" spans="1:5" x14ac:dyDescent="0.25">
      <c r="A13204" s="1" t="s">
        <v>31292</v>
      </c>
      <c r="B13204" s="1" t="s">
        <v>62537</v>
      </c>
      <c r="C13204" s="1" t="s">
        <v>31293</v>
      </c>
      <c r="D13204" s="2">
        <v>166032</v>
      </c>
      <c r="E13204" s="1" t="s">
        <v>0</v>
      </c>
    </row>
    <row r="13205" spans="1:5" ht="409.5" x14ac:dyDescent="0.25">
      <c r="A13205" s="4" t="s">
        <v>31294</v>
      </c>
      <c r="B13205" s="1" t="s">
        <v>62538</v>
      </c>
      <c r="C13205" s="1" t="s">
        <v>31295</v>
      </c>
      <c r="D13205" s="2">
        <v>166033</v>
      </c>
      <c r="E13205" s="1" t="s">
        <v>0</v>
      </c>
    </row>
    <row r="13206" spans="1:5" x14ac:dyDescent="0.25">
      <c r="A13206" s="1" t="s">
        <v>31296</v>
      </c>
      <c r="B13206" s="1" t="s">
        <v>61149</v>
      </c>
      <c r="C13206" s="1" t="s">
        <v>31297</v>
      </c>
      <c r="D13206" s="2">
        <v>166034</v>
      </c>
      <c r="E13206" s="1" t="s">
        <v>0</v>
      </c>
    </row>
    <row r="13207" spans="1:5" x14ac:dyDescent="0.25">
      <c r="A13207" s="2">
        <v>2641</v>
      </c>
      <c r="B13207" s="2">
        <v>2641</v>
      </c>
      <c r="C13207" s="1" t="s">
        <v>0</v>
      </c>
      <c r="D13207" s="2">
        <v>166035</v>
      </c>
      <c r="E13207" s="1" t="s">
        <v>0</v>
      </c>
    </row>
    <row r="13208" spans="1:5" x14ac:dyDescent="0.25">
      <c r="A13208" s="1" t="s">
        <v>2413</v>
      </c>
      <c r="B13208" s="1" t="s">
        <v>8819</v>
      </c>
      <c r="C13208" s="1" t="s">
        <v>31298</v>
      </c>
      <c r="D13208" s="2">
        <v>166036</v>
      </c>
      <c r="E13208" s="1" t="s">
        <v>0</v>
      </c>
    </row>
    <row r="13209" spans="1:5" x14ac:dyDescent="0.25">
      <c r="A13209" s="1" t="s">
        <v>31299</v>
      </c>
      <c r="B13209" s="1" t="s">
        <v>62539</v>
      </c>
      <c r="C13209" s="1" t="s">
        <v>31300</v>
      </c>
      <c r="D13209" s="2">
        <v>166037</v>
      </c>
      <c r="E13209" s="1" t="s">
        <v>0</v>
      </c>
    </row>
    <row r="13210" spans="1:5" ht="409.5" x14ac:dyDescent="0.25">
      <c r="A13210" s="4" t="s">
        <v>31301</v>
      </c>
      <c r="B13210" s="1" t="s">
        <v>62540</v>
      </c>
      <c r="C13210" s="1" t="s">
        <v>31302</v>
      </c>
      <c r="D13210" s="2">
        <v>166038</v>
      </c>
      <c r="E13210" s="1" t="s">
        <v>0</v>
      </c>
    </row>
    <row r="13211" spans="1:5" x14ac:dyDescent="0.25">
      <c r="A13211" s="1" t="s">
        <v>31303</v>
      </c>
      <c r="B13211" s="1" t="s">
        <v>58770</v>
      </c>
      <c r="C13211" s="1" t="s">
        <v>31304</v>
      </c>
      <c r="D13211" s="2">
        <v>166039</v>
      </c>
      <c r="E13211" s="1" t="s">
        <v>0</v>
      </c>
    </row>
    <row r="13212" spans="1:5" x14ac:dyDescent="0.25">
      <c r="A13212" s="2">
        <v>2642</v>
      </c>
      <c r="B13212" s="2">
        <v>2642</v>
      </c>
      <c r="C13212" s="1" t="s">
        <v>0</v>
      </c>
      <c r="D13212" s="2">
        <v>166040</v>
      </c>
      <c r="E13212" s="1" t="s">
        <v>0</v>
      </c>
    </row>
    <row r="13213" spans="1:5" x14ac:dyDescent="0.25">
      <c r="A13213" s="1" t="s">
        <v>2414</v>
      </c>
      <c r="B13213" s="1" t="s">
        <v>8820</v>
      </c>
      <c r="C13213" s="1" t="s">
        <v>31305</v>
      </c>
      <c r="D13213" s="2">
        <v>166041</v>
      </c>
      <c r="E13213" s="1" t="s">
        <v>0</v>
      </c>
    </row>
    <row r="13214" spans="1:5" x14ac:dyDescent="0.25">
      <c r="A13214" s="1" t="s">
        <v>31306</v>
      </c>
      <c r="B13214" s="1" t="s">
        <v>13145</v>
      </c>
      <c r="C13214" s="1" t="s">
        <v>31307</v>
      </c>
      <c r="D13214" s="2">
        <v>166042</v>
      </c>
      <c r="E13214" s="1" t="s">
        <v>0</v>
      </c>
    </row>
    <row r="13215" spans="1:5" ht="409.5" x14ac:dyDescent="0.25">
      <c r="A13215" s="4" t="s">
        <v>31308</v>
      </c>
      <c r="B13215" s="1" t="s">
        <v>53958</v>
      </c>
      <c r="C13215" s="1" t="s">
        <v>31309</v>
      </c>
      <c r="D13215" s="2">
        <v>166043</v>
      </c>
      <c r="E13215" s="1" t="s">
        <v>0</v>
      </c>
    </row>
    <row r="13216" spans="1:5" x14ac:dyDescent="0.25">
      <c r="A13216" s="1" t="s">
        <v>31310</v>
      </c>
      <c r="B13216" s="1" t="s">
        <v>8821</v>
      </c>
      <c r="C13216" s="1" t="s">
        <v>21759</v>
      </c>
      <c r="D13216" s="2">
        <v>166044</v>
      </c>
      <c r="E13216" s="1" t="s">
        <v>0</v>
      </c>
    </row>
    <row r="13217" spans="1:5" x14ac:dyDescent="0.25">
      <c r="A13217" s="2">
        <v>2643</v>
      </c>
      <c r="B13217" s="2">
        <v>2643</v>
      </c>
      <c r="C13217" s="1" t="s">
        <v>0</v>
      </c>
      <c r="D13217" s="2">
        <v>166045</v>
      </c>
      <c r="E13217" s="1" t="s">
        <v>0</v>
      </c>
    </row>
    <row r="13218" spans="1:5" x14ac:dyDescent="0.25">
      <c r="A13218" s="1" t="s">
        <v>2415</v>
      </c>
      <c r="B13218" s="1" t="s">
        <v>8822</v>
      </c>
      <c r="C13218" s="1" t="s">
        <v>31311</v>
      </c>
      <c r="D13218" s="2">
        <v>166046</v>
      </c>
      <c r="E13218" s="1" t="s">
        <v>0</v>
      </c>
    </row>
    <row r="13219" spans="1:5" x14ac:dyDescent="0.25">
      <c r="A13219" s="1" t="s">
        <v>31312</v>
      </c>
      <c r="B13219" s="1" t="s">
        <v>8823</v>
      </c>
      <c r="C13219" s="1" t="s">
        <v>31313</v>
      </c>
      <c r="D13219" s="2">
        <v>166047</v>
      </c>
      <c r="E13219" s="1" t="s">
        <v>0</v>
      </c>
    </row>
    <row r="13220" spans="1:5" ht="409.5" x14ac:dyDescent="0.25">
      <c r="A13220" s="4" t="s">
        <v>31314</v>
      </c>
      <c r="B13220" s="1" t="s">
        <v>57853</v>
      </c>
      <c r="C13220" s="1" t="s">
        <v>31315</v>
      </c>
      <c r="D13220" s="2">
        <v>166048</v>
      </c>
      <c r="E13220" s="1" t="s">
        <v>0</v>
      </c>
    </row>
    <row r="13221" spans="1:5" x14ac:dyDescent="0.25">
      <c r="A13221" s="1" t="s">
        <v>31316</v>
      </c>
      <c r="B13221" s="1" t="s">
        <v>53959</v>
      </c>
      <c r="C13221" s="1" t="s">
        <v>31317</v>
      </c>
      <c r="D13221" s="2">
        <v>166049</v>
      </c>
      <c r="E13221" s="1" t="s">
        <v>0</v>
      </c>
    </row>
    <row r="13222" spans="1:5" x14ac:dyDescent="0.25">
      <c r="A13222" s="2">
        <v>2644</v>
      </c>
      <c r="B13222" s="2">
        <v>2644</v>
      </c>
      <c r="C13222" s="1" t="s">
        <v>0</v>
      </c>
      <c r="D13222" s="2">
        <v>166050</v>
      </c>
      <c r="E13222" s="1" t="s">
        <v>0</v>
      </c>
    </row>
    <row r="13223" spans="1:5" x14ac:dyDescent="0.25">
      <c r="A13223" s="1" t="s">
        <v>2416</v>
      </c>
      <c r="B13223" s="1" t="s">
        <v>8824</v>
      </c>
      <c r="C13223" s="1" t="s">
        <v>31318</v>
      </c>
      <c r="D13223" s="2">
        <v>166051</v>
      </c>
      <c r="E13223" s="1" t="s">
        <v>0</v>
      </c>
    </row>
    <row r="13224" spans="1:5" x14ac:dyDescent="0.25">
      <c r="A13224" s="1" t="s">
        <v>31319</v>
      </c>
      <c r="B13224" s="1" t="s">
        <v>8825</v>
      </c>
      <c r="C13224" s="1" t="s">
        <v>31320</v>
      </c>
      <c r="D13224" s="2">
        <v>166052</v>
      </c>
      <c r="E13224" s="1" t="s">
        <v>0</v>
      </c>
    </row>
    <row r="13225" spans="1:5" ht="409.5" x14ac:dyDescent="0.25">
      <c r="A13225" s="4" t="s">
        <v>31321</v>
      </c>
      <c r="B13225" s="1" t="s">
        <v>58397</v>
      </c>
      <c r="C13225" s="1" t="s">
        <v>31322</v>
      </c>
      <c r="D13225" s="2">
        <v>166053</v>
      </c>
      <c r="E13225" s="1" t="s">
        <v>0</v>
      </c>
    </row>
    <row r="13226" spans="1:5" x14ac:dyDescent="0.25">
      <c r="A13226" s="1" t="s">
        <v>31323</v>
      </c>
      <c r="B13226" s="1" t="s">
        <v>53960</v>
      </c>
      <c r="C13226" s="1" t="s">
        <v>31324</v>
      </c>
      <c r="D13226" s="2">
        <v>166054</v>
      </c>
      <c r="E13226" s="1" t="s">
        <v>0</v>
      </c>
    </row>
    <row r="13227" spans="1:5" x14ac:dyDescent="0.25">
      <c r="A13227" s="2">
        <v>2645</v>
      </c>
      <c r="B13227" s="2">
        <v>2645</v>
      </c>
      <c r="C13227" s="1" t="s">
        <v>0</v>
      </c>
      <c r="D13227" s="2">
        <v>166055</v>
      </c>
      <c r="E13227" s="1" t="s">
        <v>0</v>
      </c>
    </row>
    <row r="13228" spans="1:5" x14ac:dyDescent="0.25">
      <c r="A13228" s="1" t="s">
        <v>2417</v>
      </c>
      <c r="B13228" s="1" t="s">
        <v>8826</v>
      </c>
      <c r="C13228" s="1" t="s">
        <v>31325</v>
      </c>
      <c r="D13228" s="2">
        <v>166056</v>
      </c>
      <c r="E13228" s="1" t="s">
        <v>0</v>
      </c>
    </row>
    <row r="13229" spans="1:5" x14ac:dyDescent="0.25">
      <c r="A13229" s="1" t="s">
        <v>31326</v>
      </c>
      <c r="B13229" s="1" t="s">
        <v>60437</v>
      </c>
      <c r="C13229" s="1" t="s">
        <v>31327</v>
      </c>
      <c r="D13229" s="2">
        <v>166057</v>
      </c>
      <c r="E13229" s="1" t="s">
        <v>0</v>
      </c>
    </row>
    <row r="13230" spans="1:5" ht="409.5" x14ac:dyDescent="0.25">
      <c r="A13230" s="4" t="s">
        <v>64181</v>
      </c>
      <c r="B13230" s="1" t="s">
        <v>60438</v>
      </c>
      <c r="C13230" s="1" t="s">
        <v>31328</v>
      </c>
      <c r="D13230" s="2">
        <v>166058</v>
      </c>
      <c r="E13230" s="1" t="s">
        <v>0</v>
      </c>
    </row>
    <row r="13231" spans="1:5" x14ac:dyDescent="0.25">
      <c r="A13231" s="1" t="s">
        <v>31329</v>
      </c>
      <c r="B13231" s="1" t="s">
        <v>8827</v>
      </c>
      <c r="C13231" s="1" t="s">
        <v>31330</v>
      </c>
      <c r="D13231" s="2">
        <v>166059</v>
      </c>
      <c r="E13231" s="1" t="s">
        <v>0</v>
      </c>
    </row>
    <row r="13232" spans="1:5" x14ac:dyDescent="0.25">
      <c r="A13232" s="2">
        <v>2646</v>
      </c>
      <c r="B13232" s="2">
        <v>2646</v>
      </c>
      <c r="C13232" s="1" t="s">
        <v>0</v>
      </c>
      <c r="D13232" s="2">
        <v>166060</v>
      </c>
      <c r="E13232" s="1" t="s">
        <v>0</v>
      </c>
    </row>
    <row r="13233" spans="1:5" x14ac:dyDescent="0.25">
      <c r="A13233" s="1" t="s">
        <v>2418</v>
      </c>
      <c r="B13233" s="1" t="s">
        <v>8828</v>
      </c>
      <c r="C13233" s="1" t="s">
        <v>31331</v>
      </c>
      <c r="D13233" s="2">
        <v>166061</v>
      </c>
      <c r="E13233" s="1" t="s">
        <v>0</v>
      </c>
    </row>
    <row r="13234" spans="1:5" x14ac:dyDescent="0.25">
      <c r="A13234" s="1" t="s">
        <v>31332</v>
      </c>
      <c r="B13234" s="1" t="s">
        <v>53961</v>
      </c>
      <c r="C13234" s="1" t="s">
        <v>31333</v>
      </c>
      <c r="D13234" s="2">
        <v>166062</v>
      </c>
      <c r="E13234" s="1" t="s">
        <v>0</v>
      </c>
    </row>
    <row r="13235" spans="1:5" ht="409.5" x14ac:dyDescent="0.25">
      <c r="A13235" s="4" t="s">
        <v>64182</v>
      </c>
      <c r="B13235" s="1" t="s">
        <v>57854</v>
      </c>
      <c r="C13235" s="1" t="s">
        <v>31334</v>
      </c>
      <c r="D13235" s="2">
        <v>166063</v>
      </c>
      <c r="E13235" s="1" t="s">
        <v>0</v>
      </c>
    </row>
    <row r="13236" spans="1:5" x14ac:dyDescent="0.25">
      <c r="A13236" s="1" t="s">
        <v>31335</v>
      </c>
      <c r="B13236" s="1" t="s">
        <v>53962</v>
      </c>
      <c r="C13236" s="1" t="s">
        <v>31336</v>
      </c>
      <c r="D13236" s="2">
        <v>166064</v>
      </c>
      <c r="E13236" s="1" t="s">
        <v>0</v>
      </c>
    </row>
    <row r="13237" spans="1:5" x14ac:dyDescent="0.25">
      <c r="A13237" s="2">
        <v>2647</v>
      </c>
      <c r="B13237" s="2">
        <v>2647</v>
      </c>
      <c r="C13237" s="1" t="s">
        <v>0</v>
      </c>
      <c r="D13237" s="2">
        <v>166065</v>
      </c>
      <c r="E13237" s="1" t="s">
        <v>0</v>
      </c>
    </row>
    <row r="13238" spans="1:5" x14ac:dyDescent="0.25">
      <c r="A13238" s="1" t="s">
        <v>2419</v>
      </c>
      <c r="B13238" s="1" t="s">
        <v>8829</v>
      </c>
      <c r="C13238" s="1" t="s">
        <v>31337</v>
      </c>
      <c r="D13238" s="2">
        <v>166066</v>
      </c>
      <c r="E13238" s="1" t="s">
        <v>0</v>
      </c>
    </row>
    <row r="13239" spans="1:5" x14ac:dyDescent="0.25">
      <c r="A13239" s="1" t="s">
        <v>31338</v>
      </c>
      <c r="B13239" s="1" t="s">
        <v>53963</v>
      </c>
      <c r="C13239" s="1" t="s">
        <v>31339</v>
      </c>
      <c r="D13239" s="2">
        <v>166067</v>
      </c>
      <c r="E13239" s="1" t="s">
        <v>0</v>
      </c>
    </row>
    <row r="13240" spans="1:5" ht="409.5" x14ac:dyDescent="0.25">
      <c r="A13240" s="4" t="s">
        <v>31340</v>
      </c>
      <c r="B13240" s="1" t="s">
        <v>59626</v>
      </c>
      <c r="C13240" s="1" t="s">
        <v>31341</v>
      </c>
      <c r="D13240" s="2">
        <v>166068</v>
      </c>
      <c r="E13240" s="1" t="s">
        <v>0</v>
      </c>
    </row>
    <row r="13241" spans="1:5" x14ac:dyDescent="0.25">
      <c r="A13241" s="1" t="s">
        <v>31342</v>
      </c>
      <c r="B13241" s="1" t="s">
        <v>8830</v>
      </c>
      <c r="C13241" s="1" t="s">
        <v>31343</v>
      </c>
      <c r="D13241" s="2">
        <v>166069</v>
      </c>
      <c r="E13241" s="1" t="s">
        <v>0</v>
      </c>
    </row>
    <row r="13242" spans="1:5" x14ac:dyDescent="0.25">
      <c r="A13242" s="2">
        <v>2648</v>
      </c>
      <c r="B13242" s="2">
        <v>2648</v>
      </c>
      <c r="C13242" s="1" t="s">
        <v>0</v>
      </c>
      <c r="D13242" s="2">
        <v>166070</v>
      </c>
      <c r="E13242" s="1" t="s">
        <v>0</v>
      </c>
    </row>
    <row r="13243" spans="1:5" x14ac:dyDescent="0.25">
      <c r="A13243" s="1" t="s">
        <v>2420</v>
      </c>
      <c r="B13243" s="1" t="s">
        <v>58771</v>
      </c>
      <c r="C13243" s="1" t="s">
        <v>31344</v>
      </c>
      <c r="D13243" s="2">
        <v>166071</v>
      </c>
      <c r="E13243" s="1" t="s">
        <v>0</v>
      </c>
    </row>
    <row r="13244" spans="1:5" x14ac:dyDescent="0.25">
      <c r="A13244" s="1" t="s">
        <v>31345</v>
      </c>
      <c r="B13244" s="1" t="s">
        <v>62541</v>
      </c>
      <c r="C13244" s="1" t="s">
        <v>31346</v>
      </c>
      <c r="D13244" s="2">
        <v>166072</v>
      </c>
      <c r="E13244" s="1" t="s">
        <v>0</v>
      </c>
    </row>
    <row r="13245" spans="1:5" ht="409.5" x14ac:dyDescent="0.25">
      <c r="A13245" s="4" t="s">
        <v>31347</v>
      </c>
      <c r="B13245" s="1" t="s">
        <v>62542</v>
      </c>
      <c r="C13245" s="1" t="s">
        <v>31348</v>
      </c>
      <c r="D13245" s="2">
        <v>166073</v>
      </c>
      <c r="E13245" s="1" t="s">
        <v>0</v>
      </c>
    </row>
    <row r="13246" spans="1:5" x14ac:dyDescent="0.25">
      <c r="A13246" s="1" t="s">
        <v>26378</v>
      </c>
      <c r="B13246" s="1" t="s">
        <v>58737</v>
      </c>
      <c r="C13246" s="1" t="s">
        <v>26379</v>
      </c>
      <c r="D13246" s="2">
        <v>166074</v>
      </c>
      <c r="E13246" s="1" t="s">
        <v>0</v>
      </c>
    </row>
    <row r="13247" spans="1:5" x14ac:dyDescent="0.25">
      <c r="A13247" s="2">
        <v>2649</v>
      </c>
      <c r="B13247" s="2">
        <v>2649</v>
      </c>
      <c r="C13247" s="1" t="s">
        <v>0</v>
      </c>
      <c r="D13247" s="2">
        <v>166075</v>
      </c>
      <c r="E13247" s="1" t="s">
        <v>0</v>
      </c>
    </row>
    <row r="13248" spans="1:5" x14ac:dyDescent="0.25">
      <c r="A13248" s="1" t="s">
        <v>2421</v>
      </c>
      <c r="B13248" s="1" t="s">
        <v>53964</v>
      </c>
      <c r="C13248" s="1" t="s">
        <v>31349</v>
      </c>
      <c r="D13248" s="2">
        <v>166076</v>
      </c>
      <c r="E13248" s="1" t="s">
        <v>0</v>
      </c>
    </row>
    <row r="13249" spans="1:5" x14ac:dyDescent="0.25">
      <c r="A13249" s="1" t="s">
        <v>31350</v>
      </c>
      <c r="B13249" s="1" t="s">
        <v>56773</v>
      </c>
      <c r="C13249" s="1" t="s">
        <v>30905</v>
      </c>
      <c r="D13249" s="2">
        <v>166077</v>
      </c>
      <c r="E13249" s="1" t="s">
        <v>0</v>
      </c>
    </row>
    <row r="13250" spans="1:5" ht="409.5" x14ac:dyDescent="0.25">
      <c r="A13250" s="4" t="s">
        <v>64183</v>
      </c>
      <c r="B13250" s="1" t="s">
        <v>64184</v>
      </c>
      <c r="C13250" s="1" t="s">
        <v>31351</v>
      </c>
      <c r="D13250" s="2">
        <v>166078</v>
      </c>
      <c r="E13250" s="1" t="s">
        <v>0</v>
      </c>
    </row>
    <row r="13251" spans="1:5" x14ac:dyDescent="0.25">
      <c r="A13251" s="1" t="s">
        <v>31352</v>
      </c>
      <c r="B13251" s="1" t="s">
        <v>8831</v>
      </c>
      <c r="C13251" s="1" t="s">
        <v>31353</v>
      </c>
      <c r="D13251" s="2">
        <v>166079</v>
      </c>
      <c r="E13251" s="1" t="s">
        <v>0</v>
      </c>
    </row>
    <row r="13252" spans="1:5" x14ac:dyDescent="0.25">
      <c r="A13252" s="2">
        <v>2650</v>
      </c>
      <c r="B13252" s="2">
        <v>2650</v>
      </c>
      <c r="C13252" s="1" t="s">
        <v>0</v>
      </c>
      <c r="D13252" s="2">
        <v>166080</v>
      </c>
      <c r="E13252" s="1" t="s">
        <v>0</v>
      </c>
    </row>
    <row r="13253" spans="1:5" x14ac:dyDescent="0.25">
      <c r="A13253" s="1" t="s">
        <v>2422</v>
      </c>
      <c r="B13253" s="1" t="s">
        <v>8832</v>
      </c>
      <c r="C13253" s="1" t="s">
        <v>31354</v>
      </c>
      <c r="D13253" s="2">
        <v>166081</v>
      </c>
      <c r="E13253" s="1" t="s">
        <v>0</v>
      </c>
    </row>
    <row r="13254" spans="1:5" x14ac:dyDescent="0.25">
      <c r="A13254" s="1" t="s">
        <v>31355</v>
      </c>
      <c r="B13254" s="1" t="s">
        <v>50745</v>
      </c>
      <c r="C13254" s="1" t="s">
        <v>31356</v>
      </c>
      <c r="D13254" s="2">
        <v>166082</v>
      </c>
      <c r="E13254" s="1" t="s">
        <v>0</v>
      </c>
    </row>
    <row r="13255" spans="1:5" ht="409.5" x14ac:dyDescent="0.25">
      <c r="A13255" s="4" t="s">
        <v>31357</v>
      </c>
      <c r="B13255" s="1" t="s">
        <v>50746</v>
      </c>
      <c r="C13255" s="1" t="s">
        <v>31358</v>
      </c>
      <c r="D13255" s="2">
        <v>166083</v>
      </c>
      <c r="E13255" s="1" t="s">
        <v>0</v>
      </c>
    </row>
    <row r="13256" spans="1:5" x14ac:dyDescent="0.25">
      <c r="A13256" s="1" t="s">
        <v>31359</v>
      </c>
      <c r="B13256" s="1" t="s">
        <v>8833</v>
      </c>
      <c r="C13256" s="1" t="s">
        <v>31360</v>
      </c>
      <c r="D13256" s="2">
        <v>166084</v>
      </c>
      <c r="E13256" s="1" t="s">
        <v>0</v>
      </c>
    </row>
    <row r="13257" spans="1:5" x14ac:dyDescent="0.25">
      <c r="A13257" s="2">
        <v>2651</v>
      </c>
      <c r="B13257" s="2">
        <v>2651</v>
      </c>
      <c r="C13257" s="1" t="s">
        <v>0</v>
      </c>
      <c r="D13257" s="2">
        <v>166085</v>
      </c>
      <c r="E13257" s="1" t="s">
        <v>0</v>
      </c>
    </row>
    <row r="13258" spans="1:5" x14ac:dyDescent="0.25">
      <c r="A13258" s="1" t="s">
        <v>2423</v>
      </c>
      <c r="B13258" s="1" t="s">
        <v>53965</v>
      </c>
      <c r="C13258" s="1" t="s">
        <v>31361</v>
      </c>
      <c r="D13258" s="2">
        <v>166086</v>
      </c>
      <c r="E13258" s="1" t="s">
        <v>0</v>
      </c>
    </row>
    <row r="13259" spans="1:5" x14ac:dyDescent="0.25">
      <c r="A13259" s="1" t="s">
        <v>31362</v>
      </c>
      <c r="B13259" s="1" t="s">
        <v>53966</v>
      </c>
      <c r="C13259" s="1" t="s">
        <v>31363</v>
      </c>
      <c r="D13259" s="2">
        <v>166087</v>
      </c>
      <c r="E13259" s="1" t="s">
        <v>0</v>
      </c>
    </row>
    <row r="13260" spans="1:5" ht="409.5" x14ac:dyDescent="0.25">
      <c r="A13260" s="4" t="s">
        <v>31364</v>
      </c>
      <c r="B13260" s="1" t="s">
        <v>53967</v>
      </c>
      <c r="C13260" s="1" t="s">
        <v>31365</v>
      </c>
      <c r="D13260" s="2">
        <v>166088</v>
      </c>
      <c r="E13260" s="1" t="s">
        <v>0</v>
      </c>
    </row>
    <row r="13261" spans="1:5" x14ac:dyDescent="0.25">
      <c r="A13261" s="1" t="s">
        <v>31366</v>
      </c>
      <c r="B13261" s="1" t="s">
        <v>53968</v>
      </c>
      <c r="C13261" s="1" t="s">
        <v>31367</v>
      </c>
      <c r="D13261" s="2">
        <v>166089</v>
      </c>
      <c r="E13261" s="1" t="s">
        <v>0</v>
      </c>
    </row>
    <row r="13262" spans="1:5" x14ac:dyDescent="0.25">
      <c r="A13262" s="2">
        <v>2652</v>
      </c>
      <c r="B13262" s="2">
        <v>2652</v>
      </c>
      <c r="C13262" s="1" t="s">
        <v>0</v>
      </c>
      <c r="D13262" s="2">
        <v>166090</v>
      </c>
      <c r="E13262" s="1" t="s">
        <v>0</v>
      </c>
    </row>
    <row r="13263" spans="1:5" x14ac:dyDescent="0.25">
      <c r="A13263" s="1" t="s">
        <v>2424</v>
      </c>
      <c r="B13263" s="1" t="s">
        <v>8834</v>
      </c>
      <c r="C13263" s="1" t="s">
        <v>31368</v>
      </c>
      <c r="D13263" s="2">
        <v>166091</v>
      </c>
      <c r="E13263" s="1" t="s">
        <v>0</v>
      </c>
    </row>
    <row r="13264" spans="1:5" x14ac:dyDescent="0.25">
      <c r="A13264" s="1" t="s">
        <v>31369</v>
      </c>
      <c r="B13264" s="1" t="s">
        <v>53969</v>
      </c>
      <c r="C13264" s="1" t="s">
        <v>31370</v>
      </c>
      <c r="D13264" s="2">
        <v>166092</v>
      </c>
      <c r="E13264" s="1" t="s">
        <v>0</v>
      </c>
    </row>
    <row r="13265" spans="1:5" ht="409.5" x14ac:dyDescent="0.25">
      <c r="A13265" s="4" t="s">
        <v>31371</v>
      </c>
      <c r="B13265" s="1" t="s">
        <v>53970</v>
      </c>
      <c r="C13265" s="1" t="s">
        <v>31372</v>
      </c>
      <c r="D13265" s="2">
        <v>166093</v>
      </c>
      <c r="E13265" s="1" t="s">
        <v>0</v>
      </c>
    </row>
    <row r="13266" spans="1:5" x14ac:dyDescent="0.25">
      <c r="A13266" s="1" t="s">
        <v>31373</v>
      </c>
      <c r="B13266" s="1" t="s">
        <v>8835</v>
      </c>
      <c r="C13266" s="1" t="s">
        <v>31374</v>
      </c>
      <c r="D13266" s="2">
        <v>166094</v>
      </c>
      <c r="E13266" s="1" t="s">
        <v>0</v>
      </c>
    </row>
    <row r="13267" spans="1:5" x14ac:dyDescent="0.25">
      <c r="A13267" s="2">
        <v>2653</v>
      </c>
      <c r="B13267" s="2">
        <v>2653</v>
      </c>
      <c r="C13267" s="1" t="s">
        <v>0</v>
      </c>
      <c r="D13267" s="2">
        <v>166095</v>
      </c>
      <c r="E13267" s="1" t="s">
        <v>0</v>
      </c>
    </row>
    <row r="13268" spans="1:5" x14ac:dyDescent="0.25">
      <c r="A13268" s="1" t="s">
        <v>2425</v>
      </c>
      <c r="B13268" s="1" t="s">
        <v>8836</v>
      </c>
      <c r="C13268" s="1" t="s">
        <v>31375</v>
      </c>
      <c r="D13268" s="2">
        <v>166096</v>
      </c>
      <c r="E13268" s="1" t="s">
        <v>0</v>
      </c>
    </row>
    <row r="13269" spans="1:5" x14ac:dyDescent="0.25">
      <c r="A13269" s="1" t="s">
        <v>31376</v>
      </c>
      <c r="B13269" s="1" t="s">
        <v>8837</v>
      </c>
      <c r="C13269" s="1" t="s">
        <v>31377</v>
      </c>
      <c r="D13269" s="2">
        <v>166097</v>
      </c>
      <c r="E13269" s="1" t="s">
        <v>0</v>
      </c>
    </row>
    <row r="13270" spans="1:5" ht="409.5" x14ac:dyDescent="0.25">
      <c r="A13270" s="4" t="s">
        <v>31378</v>
      </c>
      <c r="B13270" s="1" t="s">
        <v>53971</v>
      </c>
      <c r="C13270" s="1" t="s">
        <v>31379</v>
      </c>
      <c r="D13270" s="2">
        <v>166098</v>
      </c>
      <c r="E13270" s="1" t="s">
        <v>0</v>
      </c>
    </row>
    <row r="13271" spans="1:5" x14ac:dyDescent="0.25">
      <c r="A13271" s="1" t="s">
        <v>31380</v>
      </c>
      <c r="B13271" s="1" t="s">
        <v>8838</v>
      </c>
      <c r="C13271" s="1" t="s">
        <v>31381</v>
      </c>
      <c r="D13271" s="2">
        <v>166099</v>
      </c>
      <c r="E13271" s="1" t="s">
        <v>0</v>
      </c>
    </row>
    <row r="13272" spans="1:5" x14ac:dyDescent="0.25">
      <c r="A13272" s="2">
        <v>2654</v>
      </c>
      <c r="B13272" s="2">
        <v>2654</v>
      </c>
      <c r="C13272" s="1" t="s">
        <v>0</v>
      </c>
      <c r="D13272" s="2">
        <v>166100</v>
      </c>
      <c r="E13272" s="1" t="s">
        <v>0</v>
      </c>
    </row>
    <row r="13273" spans="1:5" x14ac:dyDescent="0.25">
      <c r="A13273" s="1" t="s">
        <v>2426</v>
      </c>
      <c r="B13273" s="1" t="s">
        <v>8839</v>
      </c>
      <c r="C13273" s="1" t="s">
        <v>31382</v>
      </c>
      <c r="D13273" s="2">
        <v>166101</v>
      </c>
      <c r="E13273" s="1" t="s">
        <v>0</v>
      </c>
    </row>
    <row r="13274" spans="1:5" x14ac:dyDescent="0.25">
      <c r="A13274" s="1" t="s">
        <v>31383</v>
      </c>
      <c r="B13274" s="1" t="s">
        <v>8840</v>
      </c>
      <c r="C13274" s="1" t="s">
        <v>31384</v>
      </c>
      <c r="D13274" s="2">
        <v>166102</v>
      </c>
      <c r="E13274" s="1" t="s">
        <v>0</v>
      </c>
    </row>
    <row r="13275" spans="1:5" ht="409.5" x14ac:dyDescent="0.25">
      <c r="A13275" s="4" t="s">
        <v>31385</v>
      </c>
      <c r="B13275" s="1" t="s">
        <v>57855</v>
      </c>
      <c r="C13275" s="1" t="s">
        <v>31386</v>
      </c>
      <c r="D13275" s="2">
        <v>166103</v>
      </c>
      <c r="E13275" s="1" t="s">
        <v>0</v>
      </c>
    </row>
    <row r="13276" spans="1:5" x14ac:dyDescent="0.25">
      <c r="A13276" s="1" t="s">
        <v>31387</v>
      </c>
      <c r="B13276" s="1" t="s">
        <v>8841</v>
      </c>
      <c r="C13276" s="1" t="s">
        <v>31388</v>
      </c>
      <c r="D13276" s="2">
        <v>166104</v>
      </c>
      <c r="E13276" s="1" t="s">
        <v>0</v>
      </c>
    </row>
    <row r="13277" spans="1:5" x14ac:dyDescent="0.25">
      <c r="A13277" s="2">
        <v>2655</v>
      </c>
      <c r="B13277" s="2">
        <v>2655</v>
      </c>
      <c r="C13277" s="1" t="s">
        <v>0</v>
      </c>
      <c r="D13277" s="2">
        <v>166105</v>
      </c>
      <c r="E13277" s="1" t="s">
        <v>0</v>
      </c>
    </row>
    <row r="13278" spans="1:5" x14ac:dyDescent="0.25">
      <c r="A13278" s="1" t="s">
        <v>2427</v>
      </c>
      <c r="B13278" s="1" t="s">
        <v>8842</v>
      </c>
      <c r="C13278" s="1" t="s">
        <v>31389</v>
      </c>
      <c r="D13278" s="2">
        <v>166106</v>
      </c>
      <c r="E13278" s="1" t="s">
        <v>0</v>
      </c>
    </row>
    <row r="13279" spans="1:5" x14ac:dyDescent="0.25">
      <c r="A13279" s="1" t="s">
        <v>31390</v>
      </c>
      <c r="B13279" s="1" t="s">
        <v>63716</v>
      </c>
      <c r="C13279" s="1" t="s">
        <v>31391</v>
      </c>
      <c r="D13279" s="2">
        <v>166107</v>
      </c>
      <c r="E13279" s="1" t="s">
        <v>0</v>
      </c>
    </row>
    <row r="13280" spans="1:5" ht="409.5" x14ac:dyDescent="0.25">
      <c r="A13280" s="4" t="s">
        <v>31392</v>
      </c>
      <c r="B13280" s="1" t="s">
        <v>63717</v>
      </c>
      <c r="C13280" s="1" t="s">
        <v>31393</v>
      </c>
      <c r="D13280" s="2">
        <v>166108</v>
      </c>
      <c r="E13280" s="1" t="s">
        <v>0</v>
      </c>
    </row>
    <row r="13281" spans="1:5" x14ac:dyDescent="0.25">
      <c r="A13281" s="1" t="s">
        <v>31394</v>
      </c>
      <c r="B13281" s="1" t="s">
        <v>8843</v>
      </c>
      <c r="C13281" s="1" t="s">
        <v>31395</v>
      </c>
      <c r="D13281" s="2">
        <v>166109</v>
      </c>
      <c r="E13281" s="1" t="s">
        <v>0</v>
      </c>
    </row>
    <row r="13282" spans="1:5" x14ac:dyDescent="0.25">
      <c r="A13282" s="2">
        <v>2656</v>
      </c>
      <c r="B13282" s="2">
        <v>2656</v>
      </c>
      <c r="C13282" s="1" t="s">
        <v>0</v>
      </c>
      <c r="D13282" s="2">
        <v>166110</v>
      </c>
      <c r="E13282" s="1" t="s">
        <v>0</v>
      </c>
    </row>
    <row r="13283" spans="1:5" x14ac:dyDescent="0.25">
      <c r="A13283" s="1" t="s">
        <v>2428</v>
      </c>
      <c r="B13283" s="1" t="s">
        <v>8844</v>
      </c>
      <c r="C13283" s="1" t="s">
        <v>31396</v>
      </c>
      <c r="D13283" s="2">
        <v>166111</v>
      </c>
      <c r="E13283" s="1" t="s">
        <v>0</v>
      </c>
    </row>
    <row r="13284" spans="1:5" x14ac:dyDescent="0.25">
      <c r="A13284" s="1" t="s">
        <v>22564</v>
      </c>
      <c r="B13284" s="1" t="s">
        <v>63654</v>
      </c>
      <c r="C13284" s="1" t="s">
        <v>22565</v>
      </c>
      <c r="D13284" s="2">
        <v>166112</v>
      </c>
      <c r="E13284" s="1" t="s">
        <v>0</v>
      </c>
    </row>
    <row r="13285" spans="1:5" ht="409.5" x14ac:dyDescent="0.25">
      <c r="A13285" s="4" t="s">
        <v>31397</v>
      </c>
      <c r="B13285" s="1" t="s">
        <v>63718</v>
      </c>
      <c r="C13285" s="1" t="s">
        <v>31398</v>
      </c>
      <c r="D13285" s="2">
        <v>166113</v>
      </c>
      <c r="E13285" s="1" t="s">
        <v>0</v>
      </c>
    </row>
    <row r="13286" spans="1:5" x14ac:dyDescent="0.25">
      <c r="A13286" s="1" t="s">
        <v>31399</v>
      </c>
      <c r="B13286" s="1" t="s">
        <v>53972</v>
      </c>
      <c r="C13286" s="1" t="s">
        <v>31400</v>
      </c>
      <c r="D13286" s="2">
        <v>166114</v>
      </c>
      <c r="E13286" s="1" t="s">
        <v>0</v>
      </c>
    </row>
    <row r="13287" spans="1:5" x14ac:dyDescent="0.25">
      <c r="A13287" s="2">
        <v>2657</v>
      </c>
      <c r="B13287" s="2">
        <v>2657</v>
      </c>
      <c r="C13287" s="1" t="s">
        <v>0</v>
      </c>
      <c r="D13287" s="2">
        <v>166115</v>
      </c>
      <c r="E13287" s="1" t="s">
        <v>0</v>
      </c>
    </row>
    <row r="13288" spans="1:5" x14ac:dyDescent="0.25">
      <c r="A13288" s="1" t="s">
        <v>2429</v>
      </c>
      <c r="B13288" s="1" t="s">
        <v>8845</v>
      </c>
      <c r="C13288" s="1" t="s">
        <v>31401</v>
      </c>
      <c r="D13288" s="2">
        <v>166116</v>
      </c>
      <c r="E13288" s="1" t="s">
        <v>0</v>
      </c>
    </row>
    <row r="13289" spans="1:5" x14ac:dyDescent="0.25">
      <c r="A13289" s="1" t="s">
        <v>31402</v>
      </c>
      <c r="B13289" s="1" t="s">
        <v>58398</v>
      </c>
      <c r="C13289" s="1" t="s">
        <v>31403</v>
      </c>
      <c r="D13289" s="2">
        <v>166117</v>
      </c>
      <c r="E13289" s="1" t="s">
        <v>0</v>
      </c>
    </row>
    <row r="13290" spans="1:5" ht="409.5" x14ac:dyDescent="0.25">
      <c r="A13290" s="4" t="s">
        <v>31404</v>
      </c>
      <c r="B13290" s="1" t="s">
        <v>58399</v>
      </c>
      <c r="C13290" s="1" t="s">
        <v>31405</v>
      </c>
      <c r="D13290" s="2">
        <v>166118</v>
      </c>
      <c r="E13290" s="1" t="s">
        <v>0</v>
      </c>
    </row>
    <row r="13291" spans="1:5" x14ac:dyDescent="0.25">
      <c r="A13291" s="1" t="s">
        <v>18619</v>
      </c>
      <c r="B13291" s="1" t="s">
        <v>60942</v>
      </c>
      <c r="C13291" s="1" t="s">
        <v>18620</v>
      </c>
      <c r="D13291" s="2">
        <v>166119</v>
      </c>
      <c r="E13291" s="1" t="s">
        <v>0</v>
      </c>
    </row>
    <row r="13292" spans="1:5" x14ac:dyDescent="0.25">
      <c r="A13292" s="2">
        <v>2658</v>
      </c>
      <c r="B13292" s="2">
        <v>2658</v>
      </c>
      <c r="C13292" s="1" t="s">
        <v>0</v>
      </c>
      <c r="D13292" s="2">
        <v>166120</v>
      </c>
      <c r="E13292" s="1" t="s">
        <v>0</v>
      </c>
    </row>
    <row r="13293" spans="1:5" x14ac:dyDescent="0.25">
      <c r="A13293" s="1" t="s">
        <v>2430</v>
      </c>
      <c r="B13293" s="1" t="s">
        <v>60618</v>
      </c>
      <c r="C13293" s="1" t="s">
        <v>31406</v>
      </c>
      <c r="D13293" s="2">
        <v>166121</v>
      </c>
      <c r="E13293" s="1" t="s">
        <v>0</v>
      </c>
    </row>
    <row r="13294" spans="1:5" x14ac:dyDescent="0.25">
      <c r="A13294" s="1" t="s">
        <v>31407</v>
      </c>
      <c r="B13294" s="1" t="s">
        <v>8846</v>
      </c>
      <c r="C13294" s="1" t="s">
        <v>31408</v>
      </c>
      <c r="D13294" s="2">
        <v>166122</v>
      </c>
      <c r="E13294" s="1" t="s">
        <v>0</v>
      </c>
    </row>
    <row r="13295" spans="1:5" ht="409.5" x14ac:dyDescent="0.25">
      <c r="A13295" s="4" t="s">
        <v>31409</v>
      </c>
      <c r="B13295" s="1" t="s">
        <v>8847</v>
      </c>
      <c r="C13295" s="1" t="s">
        <v>31410</v>
      </c>
      <c r="D13295" s="2">
        <v>166123</v>
      </c>
      <c r="E13295" s="1" t="s">
        <v>0</v>
      </c>
    </row>
    <row r="13296" spans="1:5" x14ac:dyDescent="0.25">
      <c r="A13296" s="1" t="s">
        <v>31411</v>
      </c>
      <c r="B13296" s="1" t="s">
        <v>60619</v>
      </c>
      <c r="C13296" s="1" t="s">
        <v>31412</v>
      </c>
      <c r="D13296" s="2">
        <v>166124</v>
      </c>
      <c r="E13296" s="1" t="s">
        <v>0</v>
      </c>
    </row>
    <row r="13297" spans="1:5" x14ac:dyDescent="0.25">
      <c r="A13297" s="2">
        <v>2659</v>
      </c>
      <c r="B13297" s="2">
        <v>2659</v>
      </c>
      <c r="C13297" s="1" t="s">
        <v>0</v>
      </c>
      <c r="D13297" s="2">
        <v>166125</v>
      </c>
      <c r="E13297" s="1" t="s">
        <v>0</v>
      </c>
    </row>
    <row r="13298" spans="1:5" x14ac:dyDescent="0.25">
      <c r="A13298" s="1" t="s">
        <v>2431</v>
      </c>
      <c r="B13298" s="1" t="s">
        <v>57531</v>
      </c>
      <c r="C13298" s="1" t="s">
        <v>31413</v>
      </c>
      <c r="D13298" s="2">
        <v>166126</v>
      </c>
      <c r="E13298" s="1" t="s">
        <v>0</v>
      </c>
    </row>
    <row r="13299" spans="1:5" x14ac:dyDescent="0.25">
      <c r="A13299" s="1" t="s">
        <v>31414</v>
      </c>
      <c r="B13299" s="1" t="s">
        <v>57532</v>
      </c>
      <c r="C13299" s="1" t="s">
        <v>31415</v>
      </c>
      <c r="D13299" s="2">
        <v>166127</v>
      </c>
      <c r="E13299" s="1" t="s">
        <v>0</v>
      </c>
    </row>
    <row r="13300" spans="1:5" ht="409.5" x14ac:dyDescent="0.25">
      <c r="A13300" s="4" t="s">
        <v>31416</v>
      </c>
      <c r="B13300" s="1" t="s">
        <v>57533</v>
      </c>
      <c r="C13300" s="1" t="s">
        <v>31417</v>
      </c>
      <c r="D13300" s="2">
        <v>166128</v>
      </c>
      <c r="E13300" s="1" t="s">
        <v>0</v>
      </c>
    </row>
    <row r="13301" spans="1:5" x14ac:dyDescent="0.25">
      <c r="A13301" s="1" t="s">
        <v>31418</v>
      </c>
      <c r="B13301" s="1" t="s">
        <v>57534</v>
      </c>
      <c r="C13301" s="1" t="s">
        <v>31419</v>
      </c>
      <c r="D13301" s="2">
        <v>166129</v>
      </c>
      <c r="E13301" s="1" t="s">
        <v>0</v>
      </c>
    </row>
    <row r="13302" spans="1:5" x14ac:dyDescent="0.25">
      <c r="A13302" s="2">
        <v>2660</v>
      </c>
      <c r="B13302" s="2">
        <v>2660</v>
      </c>
      <c r="C13302" s="1" t="s">
        <v>0</v>
      </c>
      <c r="D13302" s="2">
        <v>166130</v>
      </c>
      <c r="E13302" s="1" t="s">
        <v>0</v>
      </c>
    </row>
    <row r="13303" spans="1:5" x14ac:dyDescent="0.25">
      <c r="A13303" s="1" t="s">
        <v>8848</v>
      </c>
      <c r="B13303" s="1" t="s">
        <v>8849</v>
      </c>
      <c r="C13303" s="1" t="s">
        <v>31420</v>
      </c>
      <c r="D13303" s="2">
        <v>166131</v>
      </c>
      <c r="E13303" s="1" t="s">
        <v>0</v>
      </c>
    </row>
    <row r="13304" spans="1:5" x14ac:dyDescent="0.25">
      <c r="A13304" s="1" t="s">
        <v>31421</v>
      </c>
      <c r="B13304" s="1" t="s">
        <v>62543</v>
      </c>
      <c r="C13304" s="1" t="s">
        <v>31422</v>
      </c>
      <c r="D13304" s="2">
        <v>166132</v>
      </c>
      <c r="E13304" s="1" t="s">
        <v>0</v>
      </c>
    </row>
    <row r="13305" spans="1:5" ht="409.5" x14ac:dyDescent="0.25">
      <c r="A13305" s="4" t="s">
        <v>31423</v>
      </c>
      <c r="B13305" s="1" t="s">
        <v>62544</v>
      </c>
      <c r="C13305" s="1" t="s">
        <v>31424</v>
      </c>
      <c r="D13305" s="2">
        <v>166133</v>
      </c>
      <c r="E13305" s="1" t="s">
        <v>0</v>
      </c>
    </row>
    <row r="13306" spans="1:5" x14ac:dyDescent="0.25">
      <c r="A13306" s="1" t="s">
        <v>31425</v>
      </c>
      <c r="B13306" s="1" t="s">
        <v>53973</v>
      </c>
      <c r="C13306" s="1" t="s">
        <v>31426</v>
      </c>
      <c r="D13306" s="2">
        <v>166134</v>
      </c>
      <c r="E13306" s="1" t="s">
        <v>0</v>
      </c>
    </row>
    <row r="13307" spans="1:5" x14ac:dyDescent="0.25">
      <c r="A13307" s="2">
        <v>2661</v>
      </c>
      <c r="B13307" s="2">
        <v>2661</v>
      </c>
      <c r="C13307" s="1" t="s">
        <v>0</v>
      </c>
      <c r="D13307" s="2">
        <v>166135</v>
      </c>
      <c r="E13307" s="1" t="s">
        <v>0</v>
      </c>
    </row>
    <row r="13308" spans="1:5" x14ac:dyDescent="0.25">
      <c r="A13308" s="1" t="s">
        <v>2432</v>
      </c>
      <c r="B13308" s="1" t="s">
        <v>8850</v>
      </c>
      <c r="C13308" s="1" t="s">
        <v>31427</v>
      </c>
      <c r="D13308" s="2">
        <v>166136</v>
      </c>
      <c r="E13308" s="1" t="s">
        <v>0</v>
      </c>
    </row>
    <row r="13309" spans="1:5" x14ac:dyDescent="0.25">
      <c r="A13309" s="1" t="s">
        <v>31428</v>
      </c>
      <c r="B13309" s="1" t="s">
        <v>58772</v>
      </c>
      <c r="C13309" s="1" t="s">
        <v>31429</v>
      </c>
      <c r="D13309" s="2">
        <v>166137</v>
      </c>
      <c r="E13309" s="1" t="s">
        <v>0</v>
      </c>
    </row>
    <row r="13310" spans="1:5" ht="409.5" x14ac:dyDescent="0.25">
      <c r="A13310" s="4" t="s">
        <v>31430</v>
      </c>
      <c r="B13310" s="1" t="s">
        <v>58773</v>
      </c>
      <c r="C13310" s="1" t="s">
        <v>31431</v>
      </c>
      <c r="D13310" s="2">
        <v>166138</v>
      </c>
      <c r="E13310" s="1" t="s">
        <v>0</v>
      </c>
    </row>
    <row r="13311" spans="1:5" x14ac:dyDescent="0.25">
      <c r="A13311" s="1" t="s">
        <v>31432</v>
      </c>
      <c r="B13311" s="1" t="s">
        <v>8851</v>
      </c>
      <c r="C13311" s="1" t="s">
        <v>31433</v>
      </c>
      <c r="D13311" s="2">
        <v>166139</v>
      </c>
      <c r="E13311" s="1" t="s">
        <v>0</v>
      </c>
    </row>
    <row r="13312" spans="1:5" x14ac:dyDescent="0.25">
      <c r="A13312" s="2">
        <v>2662</v>
      </c>
      <c r="B13312" s="2">
        <v>2662</v>
      </c>
      <c r="C13312" s="1" t="s">
        <v>0</v>
      </c>
      <c r="D13312" s="2">
        <v>166140</v>
      </c>
      <c r="E13312" s="1" t="s">
        <v>0</v>
      </c>
    </row>
    <row r="13313" spans="1:5" x14ac:dyDescent="0.25">
      <c r="A13313" s="1" t="s">
        <v>2433</v>
      </c>
      <c r="B13313" s="1" t="s">
        <v>8852</v>
      </c>
      <c r="C13313" s="1" t="s">
        <v>31434</v>
      </c>
      <c r="D13313" s="2">
        <v>166141</v>
      </c>
      <c r="E13313" s="1" t="s">
        <v>0</v>
      </c>
    </row>
    <row r="13314" spans="1:5" x14ac:dyDescent="0.25">
      <c r="A13314" s="1" t="s">
        <v>31435</v>
      </c>
      <c r="B13314" s="1" t="s">
        <v>53974</v>
      </c>
      <c r="C13314" s="1" t="s">
        <v>31436</v>
      </c>
      <c r="D13314" s="2">
        <v>166142</v>
      </c>
      <c r="E13314" s="1" t="s">
        <v>0</v>
      </c>
    </row>
    <row r="13315" spans="1:5" ht="409.5" x14ac:dyDescent="0.25">
      <c r="A13315" s="4" t="s">
        <v>31437</v>
      </c>
      <c r="B13315" s="1" t="s">
        <v>53975</v>
      </c>
      <c r="C13315" s="1" t="s">
        <v>31438</v>
      </c>
      <c r="D13315" s="2">
        <v>166143</v>
      </c>
      <c r="E13315" s="1" t="s">
        <v>0</v>
      </c>
    </row>
    <row r="13316" spans="1:5" x14ac:dyDescent="0.25">
      <c r="A13316" s="1" t="s">
        <v>31439</v>
      </c>
      <c r="B13316" s="1" t="s">
        <v>57227</v>
      </c>
      <c r="C13316" s="1" t="s">
        <v>31440</v>
      </c>
      <c r="D13316" s="2">
        <v>166144</v>
      </c>
      <c r="E13316" s="1" t="s">
        <v>0</v>
      </c>
    </row>
    <row r="13317" spans="1:5" x14ac:dyDescent="0.25">
      <c r="A13317" s="2">
        <v>2663</v>
      </c>
      <c r="B13317" s="2">
        <v>2663</v>
      </c>
      <c r="C13317" s="1" t="s">
        <v>0</v>
      </c>
      <c r="D13317" s="2">
        <v>166145</v>
      </c>
      <c r="E13317" s="1" t="s">
        <v>0</v>
      </c>
    </row>
    <row r="13318" spans="1:5" x14ac:dyDescent="0.25">
      <c r="A13318" s="1" t="s">
        <v>2434</v>
      </c>
      <c r="B13318" s="1" t="s">
        <v>8853</v>
      </c>
      <c r="C13318" s="1" t="s">
        <v>31441</v>
      </c>
      <c r="D13318" s="2">
        <v>166146</v>
      </c>
      <c r="E13318" s="1" t="s">
        <v>0</v>
      </c>
    </row>
    <row r="13319" spans="1:5" x14ac:dyDescent="0.25">
      <c r="A13319" s="1" t="s">
        <v>31442</v>
      </c>
      <c r="B13319" s="1" t="s">
        <v>57228</v>
      </c>
      <c r="C13319" s="1" t="s">
        <v>31443</v>
      </c>
      <c r="D13319" s="2">
        <v>166147</v>
      </c>
      <c r="E13319" s="1" t="s">
        <v>0</v>
      </c>
    </row>
    <row r="13320" spans="1:5" ht="409.5" x14ac:dyDescent="0.25">
      <c r="A13320" s="4" t="s">
        <v>31444</v>
      </c>
      <c r="B13320" s="1" t="s">
        <v>57229</v>
      </c>
      <c r="C13320" s="1" t="s">
        <v>31445</v>
      </c>
      <c r="D13320" s="2">
        <v>166148</v>
      </c>
      <c r="E13320" s="1" t="s">
        <v>0</v>
      </c>
    </row>
    <row r="13321" spans="1:5" x14ac:dyDescent="0.25">
      <c r="A13321" s="1" t="s">
        <v>20657</v>
      </c>
      <c r="B13321" s="1" t="s">
        <v>60982</v>
      </c>
      <c r="C13321" s="1" t="s">
        <v>20658</v>
      </c>
      <c r="D13321" s="2">
        <v>166149</v>
      </c>
      <c r="E13321" s="1" t="s">
        <v>0</v>
      </c>
    </row>
    <row r="13322" spans="1:5" x14ac:dyDescent="0.25">
      <c r="A13322" s="2">
        <v>2664</v>
      </c>
      <c r="B13322" s="2">
        <v>2664</v>
      </c>
      <c r="C13322" s="1" t="s">
        <v>0</v>
      </c>
      <c r="D13322" s="2">
        <v>166150</v>
      </c>
      <c r="E13322" s="1" t="s">
        <v>0</v>
      </c>
    </row>
    <row r="13323" spans="1:5" x14ac:dyDescent="0.25">
      <c r="A13323" s="1" t="s">
        <v>2435</v>
      </c>
      <c r="B13323" s="1" t="s">
        <v>58400</v>
      </c>
      <c r="C13323" s="1" t="s">
        <v>31446</v>
      </c>
      <c r="D13323" s="2">
        <v>166151</v>
      </c>
      <c r="E13323" s="1" t="s">
        <v>0</v>
      </c>
    </row>
    <row r="13324" spans="1:5" x14ac:dyDescent="0.25">
      <c r="A13324" s="1" t="s">
        <v>31447</v>
      </c>
      <c r="B13324" s="1" t="s">
        <v>62545</v>
      </c>
      <c r="C13324" s="1" t="s">
        <v>31448</v>
      </c>
      <c r="D13324" s="2">
        <v>166152</v>
      </c>
      <c r="E13324" s="1" t="s">
        <v>0</v>
      </c>
    </row>
    <row r="13325" spans="1:5" ht="409.5" x14ac:dyDescent="0.25">
      <c r="A13325" s="4" t="s">
        <v>31449</v>
      </c>
      <c r="B13325" s="1" t="s">
        <v>62546</v>
      </c>
      <c r="C13325" s="1" t="s">
        <v>31450</v>
      </c>
      <c r="D13325" s="2">
        <v>166153</v>
      </c>
      <c r="E13325" s="1" t="s">
        <v>0</v>
      </c>
    </row>
    <row r="13326" spans="1:5" x14ac:dyDescent="0.25">
      <c r="A13326" s="1" t="s">
        <v>31451</v>
      </c>
      <c r="B13326" s="1" t="s">
        <v>61150</v>
      </c>
      <c r="C13326" s="1" t="s">
        <v>31452</v>
      </c>
      <c r="D13326" s="2">
        <v>166154</v>
      </c>
      <c r="E13326" s="1" t="s">
        <v>0</v>
      </c>
    </row>
    <row r="13327" spans="1:5" x14ac:dyDescent="0.25">
      <c r="A13327" s="2">
        <v>2665</v>
      </c>
      <c r="B13327" s="2">
        <v>2665</v>
      </c>
      <c r="C13327" s="1" t="s">
        <v>0</v>
      </c>
      <c r="D13327" s="2">
        <v>166155</v>
      </c>
      <c r="E13327" s="1" t="s">
        <v>0</v>
      </c>
    </row>
    <row r="13328" spans="1:5" x14ac:dyDescent="0.25">
      <c r="A13328" s="1" t="s">
        <v>8854</v>
      </c>
      <c r="B13328" s="1" t="s">
        <v>60742</v>
      </c>
      <c r="C13328" s="1" t="s">
        <v>31453</v>
      </c>
      <c r="D13328" s="2">
        <v>166156</v>
      </c>
      <c r="E13328" s="1" t="s">
        <v>0</v>
      </c>
    </row>
    <row r="13329" spans="1:5" x14ac:dyDescent="0.25">
      <c r="A13329" s="1" t="s">
        <v>31454</v>
      </c>
      <c r="B13329" s="1" t="s">
        <v>58401</v>
      </c>
      <c r="C13329" s="1" t="s">
        <v>31455</v>
      </c>
      <c r="D13329" s="2">
        <v>166157</v>
      </c>
      <c r="E13329" s="1" t="s">
        <v>0</v>
      </c>
    </row>
    <row r="13330" spans="1:5" ht="409.5" x14ac:dyDescent="0.25">
      <c r="A13330" s="4" t="s">
        <v>31456</v>
      </c>
      <c r="B13330" s="1" t="s">
        <v>60743</v>
      </c>
      <c r="C13330" s="1" t="s">
        <v>31457</v>
      </c>
      <c r="D13330" s="2">
        <v>166158</v>
      </c>
      <c r="E13330" s="1" t="s">
        <v>0</v>
      </c>
    </row>
    <row r="13331" spans="1:5" x14ac:dyDescent="0.25">
      <c r="A13331" s="1" t="s">
        <v>31458</v>
      </c>
      <c r="B13331" s="1" t="s">
        <v>57230</v>
      </c>
      <c r="C13331" s="1" t="s">
        <v>31459</v>
      </c>
      <c r="D13331" s="2">
        <v>166159</v>
      </c>
      <c r="E13331" s="1" t="s">
        <v>0</v>
      </c>
    </row>
    <row r="13332" spans="1:5" x14ac:dyDescent="0.25">
      <c r="A13332" s="2">
        <v>2666</v>
      </c>
      <c r="B13332" s="2">
        <v>2666</v>
      </c>
      <c r="C13332" s="1" t="s">
        <v>0</v>
      </c>
      <c r="D13332" s="2">
        <v>166160</v>
      </c>
      <c r="E13332" s="1" t="s">
        <v>0</v>
      </c>
    </row>
    <row r="13333" spans="1:5" x14ac:dyDescent="0.25">
      <c r="A13333" s="1" t="s">
        <v>2436</v>
      </c>
      <c r="B13333" s="1" t="s">
        <v>58774</v>
      </c>
      <c r="C13333" s="1" t="s">
        <v>31460</v>
      </c>
      <c r="D13333" s="2">
        <v>166161</v>
      </c>
      <c r="E13333" s="1" t="s">
        <v>0</v>
      </c>
    </row>
    <row r="13334" spans="1:5" x14ac:dyDescent="0.25">
      <c r="A13334" s="1" t="s">
        <v>31461</v>
      </c>
      <c r="B13334" s="1" t="s">
        <v>62547</v>
      </c>
      <c r="C13334" s="1" t="s">
        <v>31462</v>
      </c>
      <c r="D13334" s="2">
        <v>166162</v>
      </c>
      <c r="E13334" s="1" t="s">
        <v>0</v>
      </c>
    </row>
    <row r="13335" spans="1:5" ht="409.5" x14ac:dyDescent="0.25">
      <c r="A13335" s="4" t="s">
        <v>31463</v>
      </c>
      <c r="B13335" s="1" t="s">
        <v>62548</v>
      </c>
      <c r="C13335" s="1" t="s">
        <v>31464</v>
      </c>
      <c r="D13335" s="2">
        <v>166163</v>
      </c>
      <c r="E13335" s="1" t="s">
        <v>0</v>
      </c>
    </row>
    <row r="13336" spans="1:5" x14ac:dyDescent="0.25">
      <c r="A13336" s="1" t="s">
        <v>31465</v>
      </c>
      <c r="B13336" s="1" t="s">
        <v>61667</v>
      </c>
      <c r="C13336" s="1" t="s">
        <v>31466</v>
      </c>
      <c r="D13336" s="2">
        <v>166164</v>
      </c>
      <c r="E13336" s="1" t="s">
        <v>0</v>
      </c>
    </row>
    <row r="13337" spans="1:5" x14ac:dyDescent="0.25">
      <c r="A13337" s="2">
        <v>2667</v>
      </c>
      <c r="B13337" s="2">
        <v>2667</v>
      </c>
      <c r="C13337" s="1" t="s">
        <v>0</v>
      </c>
      <c r="D13337" s="2">
        <v>166165</v>
      </c>
      <c r="E13337" s="1" t="s">
        <v>0</v>
      </c>
    </row>
    <row r="13338" spans="1:5" x14ac:dyDescent="0.25">
      <c r="A13338" s="1" t="s">
        <v>2437</v>
      </c>
      <c r="B13338" s="1" t="s">
        <v>53976</v>
      </c>
      <c r="C13338" s="1" t="s">
        <v>31467</v>
      </c>
      <c r="D13338" s="2">
        <v>166166</v>
      </c>
      <c r="E13338" s="1" t="s">
        <v>0</v>
      </c>
    </row>
    <row r="13339" spans="1:5" x14ac:dyDescent="0.25">
      <c r="A13339" s="1" t="s">
        <v>31468</v>
      </c>
      <c r="B13339" s="1" t="s">
        <v>53977</v>
      </c>
      <c r="C13339" s="1" t="s">
        <v>31469</v>
      </c>
      <c r="D13339" s="2">
        <v>166167</v>
      </c>
      <c r="E13339" s="1" t="s">
        <v>0</v>
      </c>
    </row>
    <row r="13340" spans="1:5" ht="409.5" x14ac:dyDescent="0.25">
      <c r="A13340" s="4" t="s">
        <v>31470</v>
      </c>
      <c r="B13340" s="1" t="s">
        <v>53978</v>
      </c>
      <c r="C13340" s="1" t="s">
        <v>31471</v>
      </c>
      <c r="D13340" s="2">
        <v>166168</v>
      </c>
      <c r="E13340" s="1" t="s">
        <v>0</v>
      </c>
    </row>
    <row r="13341" spans="1:5" x14ac:dyDescent="0.25">
      <c r="A13341" s="1" t="s">
        <v>31472</v>
      </c>
      <c r="B13341" s="1" t="s">
        <v>8855</v>
      </c>
      <c r="C13341" s="1" t="s">
        <v>31473</v>
      </c>
      <c r="D13341" s="2">
        <v>166169</v>
      </c>
      <c r="E13341" s="1" t="s">
        <v>0</v>
      </c>
    </row>
    <row r="13342" spans="1:5" x14ac:dyDescent="0.25">
      <c r="A13342" s="2">
        <v>2668</v>
      </c>
      <c r="B13342" s="2">
        <v>2668</v>
      </c>
      <c r="C13342" s="1" t="s">
        <v>0</v>
      </c>
      <c r="D13342" s="2">
        <v>166170</v>
      </c>
      <c r="E13342" s="1" t="s">
        <v>0</v>
      </c>
    </row>
    <row r="13343" spans="1:5" x14ac:dyDescent="0.25">
      <c r="A13343" s="1" t="s">
        <v>2438</v>
      </c>
      <c r="B13343" s="1" t="s">
        <v>8856</v>
      </c>
      <c r="C13343" s="1" t="s">
        <v>31474</v>
      </c>
      <c r="D13343" s="2">
        <v>166171</v>
      </c>
      <c r="E13343" s="1" t="s">
        <v>0</v>
      </c>
    </row>
    <row r="13344" spans="1:5" x14ac:dyDescent="0.25">
      <c r="A13344" s="1" t="s">
        <v>31475</v>
      </c>
      <c r="B13344" s="1" t="s">
        <v>8857</v>
      </c>
      <c r="C13344" s="1" t="s">
        <v>31476</v>
      </c>
      <c r="D13344" s="2">
        <v>166172</v>
      </c>
      <c r="E13344" s="1" t="s">
        <v>0</v>
      </c>
    </row>
    <row r="13345" spans="1:5" ht="409.5" x14ac:dyDescent="0.25">
      <c r="A13345" s="4" t="s">
        <v>31477</v>
      </c>
      <c r="B13345" s="1" t="s">
        <v>13146</v>
      </c>
      <c r="C13345" s="1" t="s">
        <v>31478</v>
      </c>
      <c r="D13345" s="2">
        <v>166173</v>
      </c>
      <c r="E13345" s="1" t="s">
        <v>0</v>
      </c>
    </row>
    <row r="13346" spans="1:5" x14ac:dyDescent="0.25">
      <c r="A13346" s="1" t="s">
        <v>31479</v>
      </c>
      <c r="B13346" s="1" t="s">
        <v>57679</v>
      </c>
      <c r="C13346" s="1" t="s">
        <v>31480</v>
      </c>
      <c r="D13346" s="2">
        <v>166174</v>
      </c>
      <c r="E13346" s="1" t="s">
        <v>0</v>
      </c>
    </row>
    <row r="13347" spans="1:5" x14ac:dyDescent="0.25">
      <c r="A13347" s="2">
        <v>2669</v>
      </c>
      <c r="B13347" s="2">
        <v>2669</v>
      </c>
      <c r="C13347" s="1" t="s">
        <v>0</v>
      </c>
      <c r="D13347" s="2">
        <v>166175</v>
      </c>
      <c r="E13347" s="1" t="s">
        <v>0</v>
      </c>
    </row>
    <row r="13348" spans="1:5" x14ac:dyDescent="0.25">
      <c r="A13348" s="1" t="s">
        <v>2439</v>
      </c>
      <c r="B13348" s="1" t="s">
        <v>8858</v>
      </c>
      <c r="C13348" s="1" t="s">
        <v>31481</v>
      </c>
      <c r="D13348" s="2">
        <v>166176</v>
      </c>
      <c r="E13348" s="1" t="s">
        <v>0</v>
      </c>
    </row>
    <row r="13349" spans="1:5" x14ac:dyDescent="0.25">
      <c r="A13349" s="1" t="s">
        <v>31482</v>
      </c>
      <c r="B13349" s="1" t="s">
        <v>13147</v>
      </c>
      <c r="C13349" s="1" t="s">
        <v>31483</v>
      </c>
      <c r="D13349" s="2">
        <v>166177</v>
      </c>
      <c r="E13349" s="1" t="s">
        <v>0</v>
      </c>
    </row>
    <row r="13350" spans="1:5" ht="409.5" x14ac:dyDescent="0.25">
      <c r="A13350" s="4" t="s">
        <v>31484</v>
      </c>
      <c r="B13350" s="1" t="s">
        <v>53979</v>
      </c>
      <c r="C13350" s="1" t="s">
        <v>31485</v>
      </c>
      <c r="D13350" s="2">
        <v>166178</v>
      </c>
      <c r="E13350" s="1" t="s">
        <v>0</v>
      </c>
    </row>
    <row r="13351" spans="1:5" x14ac:dyDescent="0.25">
      <c r="A13351" s="1" t="s">
        <v>31486</v>
      </c>
      <c r="B13351" s="1" t="s">
        <v>8859</v>
      </c>
      <c r="C13351" s="1" t="s">
        <v>31487</v>
      </c>
      <c r="D13351" s="2">
        <v>166179</v>
      </c>
      <c r="E13351" s="1" t="s">
        <v>0</v>
      </c>
    </row>
    <row r="13352" spans="1:5" x14ac:dyDescent="0.25">
      <c r="A13352" s="2">
        <v>2670</v>
      </c>
      <c r="B13352" s="2">
        <v>2670</v>
      </c>
      <c r="C13352" s="1" t="s">
        <v>0</v>
      </c>
      <c r="D13352" s="2">
        <v>166180</v>
      </c>
      <c r="E13352" s="1" t="s">
        <v>0</v>
      </c>
    </row>
    <row r="13353" spans="1:5" x14ac:dyDescent="0.25">
      <c r="A13353" s="1" t="s">
        <v>2440</v>
      </c>
      <c r="B13353" s="1" t="s">
        <v>50747</v>
      </c>
      <c r="C13353" s="1" t="s">
        <v>31488</v>
      </c>
      <c r="D13353" s="2">
        <v>166181</v>
      </c>
      <c r="E13353" s="1" t="s">
        <v>0</v>
      </c>
    </row>
    <row r="13354" spans="1:5" x14ac:dyDescent="0.25">
      <c r="A13354" s="1" t="s">
        <v>31489</v>
      </c>
      <c r="B13354" s="1" t="s">
        <v>56774</v>
      </c>
      <c r="C13354" s="1" t="s">
        <v>31490</v>
      </c>
      <c r="D13354" s="2">
        <v>166182</v>
      </c>
      <c r="E13354" s="1" t="s">
        <v>0</v>
      </c>
    </row>
    <row r="13355" spans="1:5" ht="409.5" x14ac:dyDescent="0.25">
      <c r="A13355" s="4" t="s">
        <v>31491</v>
      </c>
      <c r="B13355" s="1" t="s">
        <v>56775</v>
      </c>
      <c r="C13355" s="1" t="s">
        <v>31492</v>
      </c>
      <c r="D13355" s="2">
        <v>166183</v>
      </c>
      <c r="E13355" s="1" t="s">
        <v>0</v>
      </c>
    </row>
    <row r="13356" spans="1:5" x14ac:dyDescent="0.25">
      <c r="A13356" s="1" t="s">
        <v>31493</v>
      </c>
      <c r="B13356" s="1" t="s">
        <v>53980</v>
      </c>
      <c r="C13356" s="1" t="s">
        <v>31494</v>
      </c>
      <c r="D13356" s="2">
        <v>166184</v>
      </c>
      <c r="E13356" s="1" t="s">
        <v>0</v>
      </c>
    </row>
    <row r="13357" spans="1:5" x14ac:dyDescent="0.25">
      <c r="A13357" s="2">
        <v>2671</v>
      </c>
      <c r="B13357" s="2">
        <v>2671</v>
      </c>
      <c r="C13357" s="1" t="s">
        <v>0</v>
      </c>
      <c r="D13357" s="2">
        <v>166185</v>
      </c>
      <c r="E13357" s="1" t="s">
        <v>0</v>
      </c>
    </row>
    <row r="13358" spans="1:5" x14ac:dyDescent="0.25">
      <c r="A13358" s="1" t="s">
        <v>2441</v>
      </c>
      <c r="B13358" s="1" t="s">
        <v>8860</v>
      </c>
      <c r="C13358" s="1" t="s">
        <v>31495</v>
      </c>
      <c r="D13358" s="2">
        <v>166186</v>
      </c>
      <c r="E13358" s="1" t="s">
        <v>0</v>
      </c>
    </row>
    <row r="13359" spans="1:5" x14ac:dyDescent="0.25">
      <c r="A13359" s="1" t="s">
        <v>31496</v>
      </c>
      <c r="B13359" s="1" t="s">
        <v>50748</v>
      </c>
      <c r="C13359" s="1" t="s">
        <v>31497</v>
      </c>
      <c r="D13359" s="2">
        <v>166187</v>
      </c>
      <c r="E13359" s="1" t="s">
        <v>0</v>
      </c>
    </row>
    <row r="13360" spans="1:5" ht="409.5" x14ac:dyDescent="0.25">
      <c r="A13360" s="4" t="s">
        <v>31498</v>
      </c>
      <c r="B13360" s="1" t="s">
        <v>60021</v>
      </c>
      <c r="C13360" s="1" t="s">
        <v>31499</v>
      </c>
      <c r="D13360" s="2">
        <v>166188</v>
      </c>
      <c r="E13360" s="1" t="s">
        <v>0</v>
      </c>
    </row>
    <row r="13361" spans="1:5" x14ac:dyDescent="0.25">
      <c r="A13361" s="1" t="s">
        <v>31500</v>
      </c>
      <c r="B13361" s="1" t="s">
        <v>53981</v>
      </c>
      <c r="C13361" s="1" t="s">
        <v>31501</v>
      </c>
      <c r="D13361" s="2">
        <v>166189</v>
      </c>
      <c r="E13361" s="1" t="s">
        <v>0</v>
      </c>
    </row>
    <row r="13362" spans="1:5" x14ac:dyDescent="0.25">
      <c r="A13362" s="2">
        <v>2672</v>
      </c>
      <c r="B13362" s="2">
        <v>2672</v>
      </c>
      <c r="C13362" s="1" t="s">
        <v>0</v>
      </c>
      <c r="D13362" s="2">
        <v>166190</v>
      </c>
      <c r="E13362" s="1" t="s">
        <v>0</v>
      </c>
    </row>
    <row r="13363" spans="1:5" x14ac:dyDescent="0.25">
      <c r="A13363" s="1" t="s">
        <v>2442</v>
      </c>
      <c r="B13363" s="1" t="s">
        <v>53982</v>
      </c>
      <c r="C13363" s="1" t="s">
        <v>31502</v>
      </c>
      <c r="D13363" s="2">
        <v>166191</v>
      </c>
      <c r="E13363" s="1" t="s">
        <v>0</v>
      </c>
    </row>
    <row r="13364" spans="1:5" x14ac:dyDescent="0.25">
      <c r="A13364" s="1" t="s">
        <v>31503</v>
      </c>
      <c r="B13364" s="1" t="s">
        <v>53983</v>
      </c>
      <c r="C13364" s="1" t="s">
        <v>31504</v>
      </c>
      <c r="D13364" s="2">
        <v>166192</v>
      </c>
      <c r="E13364" s="1" t="s">
        <v>0</v>
      </c>
    </row>
    <row r="13365" spans="1:5" ht="409.5" x14ac:dyDescent="0.25">
      <c r="A13365" s="4" t="s">
        <v>63972</v>
      </c>
      <c r="B13365" s="1" t="s">
        <v>51612</v>
      </c>
      <c r="C13365" s="1" t="s">
        <v>16495</v>
      </c>
      <c r="D13365" s="2">
        <v>166193</v>
      </c>
      <c r="E13365" s="1" t="s">
        <v>0</v>
      </c>
    </row>
    <row r="13366" spans="1:5" x14ac:dyDescent="0.25">
      <c r="A13366" s="1" t="s">
        <v>31505</v>
      </c>
      <c r="B13366" s="1" t="s">
        <v>8861</v>
      </c>
      <c r="C13366" s="1" t="s">
        <v>31506</v>
      </c>
      <c r="D13366" s="2">
        <v>166194</v>
      </c>
      <c r="E13366" s="1" t="s">
        <v>0</v>
      </c>
    </row>
    <row r="13367" spans="1:5" x14ac:dyDescent="0.25">
      <c r="A13367" s="2">
        <v>2673</v>
      </c>
      <c r="B13367" s="2">
        <v>2673</v>
      </c>
      <c r="C13367" s="1" t="s">
        <v>0</v>
      </c>
      <c r="D13367" s="2">
        <v>166195</v>
      </c>
      <c r="E13367" s="1" t="s">
        <v>0</v>
      </c>
    </row>
    <row r="13368" spans="1:5" x14ac:dyDescent="0.25">
      <c r="A13368" s="1" t="s">
        <v>2443</v>
      </c>
      <c r="B13368" s="1" t="s">
        <v>8862</v>
      </c>
      <c r="C13368" s="1" t="s">
        <v>31507</v>
      </c>
      <c r="D13368" s="2">
        <v>166196</v>
      </c>
      <c r="E13368" s="1" t="s">
        <v>0</v>
      </c>
    </row>
    <row r="13369" spans="1:5" x14ac:dyDescent="0.25">
      <c r="A13369" s="1" t="s">
        <v>31508</v>
      </c>
      <c r="B13369" s="1" t="s">
        <v>53984</v>
      </c>
      <c r="C13369" s="1" t="s">
        <v>31509</v>
      </c>
      <c r="D13369" s="2">
        <v>166197</v>
      </c>
      <c r="E13369" s="1" t="s">
        <v>0</v>
      </c>
    </row>
    <row r="13370" spans="1:5" ht="409.5" x14ac:dyDescent="0.25">
      <c r="A13370" s="4" t="s">
        <v>31510</v>
      </c>
      <c r="B13370" s="1" t="s">
        <v>53985</v>
      </c>
      <c r="C13370" s="1" t="s">
        <v>31511</v>
      </c>
      <c r="D13370" s="2">
        <v>166198</v>
      </c>
      <c r="E13370" s="1" t="s">
        <v>0</v>
      </c>
    </row>
    <row r="13371" spans="1:5" x14ac:dyDescent="0.25">
      <c r="A13371" s="1" t="s">
        <v>31512</v>
      </c>
      <c r="B13371" s="1" t="s">
        <v>8863</v>
      </c>
      <c r="C13371" s="1" t="s">
        <v>31513</v>
      </c>
      <c r="D13371" s="2">
        <v>166199</v>
      </c>
      <c r="E13371" s="1" t="s">
        <v>0</v>
      </c>
    </row>
    <row r="13372" spans="1:5" x14ac:dyDescent="0.25">
      <c r="A13372" s="2">
        <v>2674</v>
      </c>
      <c r="B13372" s="2">
        <v>2674</v>
      </c>
      <c r="C13372" s="1" t="s">
        <v>0</v>
      </c>
      <c r="D13372" s="2">
        <v>166200</v>
      </c>
      <c r="E13372" s="1" t="s">
        <v>0</v>
      </c>
    </row>
    <row r="13373" spans="1:5" x14ac:dyDescent="0.25">
      <c r="A13373" s="1" t="s">
        <v>2444</v>
      </c>
      <c r="B13373" s="1" t="s">
        <v>8864</v>
      </c>
      <c r="C13373" s="1" t="s">
        <v>31514</v>
      </c>
      <c r="D13373" s="2">
        <v>166201</v>
      </c>
      <c r="E13373" s="1" t="s">
        <v>0</v>
      </c>
    </row>
    <row r="13374" spans="1:5" x14ac:dyDescent="0.25">
      <c r="A13374" s="1" t="s">
        <v>31515</v>
      </c>
      <c r="B13374" s="1" t="s">
        <v>53986</v>
      </c>
      <c r="C13374" s="1" t="s">
        <v>31516</v>
      </c>
      <c r="D13374" s="2">
        <v>166202</v>
      </c>
      <c r="E13374" s="1" t="s">
        <v>0</v>
      </c>
    </row>
    <row r="13375" spans="1:5" ht="409.5" x14ac:dyDescent="0.25">
      <c r="A13375" s="4" t="s">
        <v>31517</v>
      </c>
      <c r="B13375" s="1" t="s">
        <v>53987</v>
      </c>
      <c r="C13375" s="1" t="s">
        <v>31518</v>
      </c>
      <c r="D13375" s="2">
        <v>166203</v>
      </c>
      <c r="E13375" s="1" t="s">
        <v>0</v>
      </c>
    </row>
    <row r="13376" spans="1:5" x14ac:dyDescent="0.25">
      <c r="A13376" s="1" t="s">
        <v>31519</v>
      </c>
      <c r="B13376" s="1" t="s">
        <v>8865</v>
      </c>
      <c r="C13376" s="1" t="s">
        <v>31520</v>
      </c>
      <c r="D13376" s="2">
        <v>166204</v>
      </c>
      <c r="E13376" s="1" t="s">
        <v>0</v>
      </c>
    </row>
    <row r="13377" spans="1:5" x14ac:dyDescent="0.25">
      <c r="A13377" s="2">
        <v>2675</v>
      </c>
      <c r="B13377" s="2">
        <v>2675</v>
      </c>
      <c r="C13377" s="1" t="s">
        <v>0</v>
      </c>
      <c r="D13377" s="2">
        <v>166205</v>
      </c>
      <c r="E13377" s="1" t="s">
        <v>0</v>
      </c>
    </row>
    <row r="13378" spans="1:5" x14ac:dyDescent="0.25">
      <c r="A13378" s="1" t="s">
        <v>2445</v>
      </c>
      <c r="B13378" s="1" t="s">
        <v>8866</v>
      </c>
      <c r="C13378" s="1" t="s">
        <v>31521</v>
      </c>
      <c r="D13378" s="2">
        <v>166206</v>
      </c>
      <c r="E13378" s="1" t="s">
        <v>0</v>
      </c>
    </row>
    <row r="13379" spans="1:5" x14ac:dyDescent="0.25">
      <c r="A13379" s="1" t="s">
        <v>31522</v>
      </c>
      <c r="B13379" s="1" t="s">
        <v>57037</v>
      </c>
      <c r="C13379" s="1" t="s">
        <v>31523</v>
      </c>
      <c r="D13379" s="2">
        <v>166207</v>
      </c>
      <c r="E13379" s="1" t="s">
        <v>0</v>
      </c>
    </row>
    <row r="13380" spans="1:5" ht="409.5" x14ac:dyDescent="0.25">
      <c r="A13380" s="4" t="s">
        <v>31524</v>
      </c>
      <c r="B13380" s="1" t="s">
        <v>59627</v>
      </c>
      <c r="C13380" s="1" t="s">
        <v>31525</v>
      </c>
      <c r="D13380" s="2">
        <v>166208</v>
      </c>
      <c r="E13380" s="1" t="s">
        <v>0</v>
      </c>
    </row>
    <row r="13381" spans="1:5" x14ac:dyDescent="0.25">
      <c r="A13381" s="1" t="s">
        <v>31526</v>
      </c>
      <c r="B13381" s="1" t="s">
        <v>8867</v>
      </c>
      <c r="C13381" s="1" t="s">
        <v>31527</v>
      </c>
      <c r="D13381" s="2">
        <v>166209</v>
      </c>
      <c r="E13381" s="1" t="s">
        <v>0</v>
      </c>
    </row>
    <row r="13382" spans="1:5" x14ac:dyDescent="0.25">
      <c r="A13382" s="2">
        <v>2676</v>
      </c>
      <c r="B13382" s="2">
        <v>2676</v>
      </c>
      <c r="C13382" s="1" t="s">
        <v>0</v>
      </c>
      <c r="D13382" s="2">
        <v>166210</v>
      </c>
      <c r="E13382" s="1" t="s">
        <v>0</v>
      </c>
    </row>
    <row r="13383" spans="1:5" x14ac:dyDescent="0.25">
      <c r="A13383" s="1" t="s">
        <v>2446</v>
      </c>
      <c r="B13383" s="1" t="s">
        <v>8868</v>
      </c>
      <c r="C13383" s="1" t="s">
        <v>31528</v>
      </c>
      <c r="D13383" s="2">
        <v>166211</v>
      </c>
      <c r="E13383" s="1" t="s">
        <v>0</v>
      </c>
    </row>
    <row r="13384" spans="1:5" x14ac:dyDescent="0.25">
      <c r="A13384" s="1" t="s">
        <v>31529</v>
      </c>
      <c r="B13384" s="1" t="s">
        <v>53988</v>
      </c>
      <c r="C13384" s="1" t="s">
        <v>31530</v>
      </c>
      <c r="D13384" s="2">
        <v>166212</v>
      </c>
      <c r="E13384" s="1" t="s">
        <v>0</v>
      </c>
    </row>
    <row r="13385" spans="1:5" ht="409.5" x14ac:dyDescent="0.25">
      <c r="A13385" s="4" t="s">
        <v>31531</v>
      </c>
      <c r="B13385" s="1" t="s">
        <v>53989</v>
      </c>
      <c r="C13385" s="1" t="s">
        <v>31532</v>
      </c>
      <c r="D13385" s="2">
        <v>166213</v>
      </c>
      <c r="E13385" s="1" t="s">
        <v>0</v>
      </c>
    </row>
    <row r="13386" spans="1:5" x14ac:dyDescent="0.25">
      <c r="A13386" s="1" t="s">
        <v>31533</v>
      </c>
      <c r="B13386" s="1" t="s">
        <v>8869</v>
      </c>
      <c r="C13386" s="1" t="s">
        <v>31534</v>
      </c>
      <c r="D13386" s="2">
        <v>166214</v>
      </c>
      <c r="E13386" s="1" t="s">
        <v>0</v>
      </c>
    </row>
    <row r="13387" spans="1:5" x14ac:dyDescent="0.25">
      <c r="A13387" s="2">
        <v>2677</v>
      </c>
      <c r="B13387" s="2">
        <v>2677</v>
      </c>
      <c r="C13387" s="1" t="s">
        <v>0</v>
      </c>
      <c r="D13387" s="2">
        <v>166215</v>
      </c>
      <c r="E13387" s="1" t="s">
        <v>0</v>
      </c>
    </row>
    <row r="13388" spans="1:5" x14ac:dyDescent="0.25">
      <c r="A13388" s="1" t="s">
        <v>2447</v>
      </c>
      <c r="B13388" s="1" t="s">
        <v>8870</v>
      </c>
      <c r="C13388" s="1" t="s">
        <v>31535</v>
      </c>
      <c r="D13388" s="2">
        <v>166216</v>
      </c>
      <c r="E13388" s="1" t="s">
        <v>0</v>
      </c>
    </row>
    <row r="13389" spans="1:5" x14ac:dyDescent="0.25">
      <c r="A13389" s="1" t="s">
        <v>31536</v>
      </c>
      <c r="B13389" s="1" t="s">
        <v>62549</v>
      </c>
      <c r="C13389" s="1" t="s">
        <v>31537</v>
      </c>
      <c r="D13389" s="2">
        <v>166217</v>
      </c>
      <c r="E13389" s="1" t="s">
        <v>0</v>
      </c>
    </row>
    <row r="13390" spans="1:5" ht="409.5" x14ac:dyDescent="0.25">
      <c r="A13390" s="4" t="s">
        <v>31538</v>
      </c>
      <c r="B13390" s="1" t="s">
        <v>62550</v>
      </c>
      <c r="C13390" s="1" t="s">
        <v>31539</v>
      </c>
      <c r="D13390" s="2">
        <v>166218</v>
      </c>
      <c r="E13390" s="1" t="s">
        <v>0</v>
      </c>
    </row>
    <row r="13391" spans="1:5" x14ac:dyDescent="0.25">
      <c r="A13391" s="1" t="s">
        <v>31540</v>
      </c>
      <c r="B13391" s="1" t="s">
        <v>58402</v>
      </c>
      <c r="C13391" s="1" t="s">
        <v>31541</v>
      </c>
      <c r="D13391" s="2">
        <v>166219</v>
      </c>
      <c r="E13391" s="1" t="s">
        <v>0</v>
      </c>
    </row>
    <row r="13392" spans="1:5" x14ac:dyDescent="0.25">
      <c r="A13392" s="2">
        <v>2678</v>
      </c>
      <c r="B13392" s="2">
        <v>2678</v>
      </c>
      <c r="C13392" s="1" t="s">
        <v>0</v>
      </c>
      <c r="D13392" s="2">
        <v>166220</v>
      </c>
      <c r="E13392" s="1" t="s">
        <v>0</v>
      </c>
    </row>
    <row r="13393" spans="1:5" x14ac:dyDescent="0.25">
      <c r="A13393" s="1" t="s">
        <v>2448</v>
      </c>
      <c r="B13393" s="1" t="s">
        <v>8871</v>
      </c>
      <c r="C13393" s="1" t="s">
        <v>31542</v>
      </c>
      <c r="D13393" s="2">
        <v>166221</v>
      </c>
      <c r="E13393" s="1" t="s">
        <v>0</v>
      </c>
    </row>
    <row r="13394" spans="1:5" x14ac:dyDescent="0.25">
      <c r="A13394" s="1" t="s">
        <v>31543</v>
      </c>
      <c r="B13394" s="1" t="s">
        <v>53990</v>
      </c>
      <c r="C13394" s="1" t="s">
        <v>31544</v>
      </c>
      <c r="D13394" s="2">
        <v>166222</v>
      </c>
      <c r="E13394" s="1" t="s">
        <v>0</v>
      </c>
    </row>
    <row r="13395" spans="1:5" ht="409.5" x14ac:dyDescent="0.25">
      <c r="A13395" s="4" t="s">
        <v>31545</v>
      </c>
      <c r="B13395" s="1" t="s">
        <v>53991</v>
      </c>
      <c r="C13395" s="1" t="s">
        <v>31546</v>
      </c>
      <c r="D13395" s="2">
        <v>166223</v>
      </c>
      <c r="E13395" s="1" t="s">
        <v>0</v>
      </c>
    </row>
    <row r="13396" spans="1:5" x14ac:dyDescent="0.25">
      <c r="A13396" s="1" t="s">
        <v>31547</v>
      </c>
      <c r="B13396" s="1" t="s">
        <v>8872</v>
      </c>
      <c r="C13396" s="1" t="s">
        <v>31548</v>
      </c>
      <c r="D13396" s="2">
        <v>166224</v>
      </c>
      <c r="E13396" s="1" t="s">
        <v>0</v>
      </c>
    </row>
    <row r="13397" spans="1:5" x14ac:dyDescent="0.25">
      <c r="A13397" s="2">
        <v>2679</v>
      </c>
      <c r="B13397" s="2">
        <v>2679</v>
      </c>
      <c r="C13397" s="1" t="s">
        <v>0</v>
      </c>
      <c r="D13397" s="2">
        <v>166225</v>
      </c>
      <c r="E13397" s="1" t="s">
        <v>0</v>
      </c>
    </row>
    <row r="13398" spans="1:5" x14ac:dyDescent="0.25">
      <c r="A13398" s="1" t="s">
        <v>13148</v>
      </c>
      <c r="B13398" s="1" t="s">
        <v>8873</v>
      </c>
      <c r="C13398" s="1" t="s">
        <v>31549</v>
      </c>
      <c r="D13398" s="2">
        <v>166226</v>
      </c>
      <c r="E13398" s="1" t="s">
        <v>0</v>
      </c>
    </row>
    <row r="13399" spans="1:5" x14ac:dyDescent="0.25">
      <c r="A13399" s="1" t="s">
        <v>31550</v>
      </c>
      <c r="B13399" s="1" t="s">
        <v>31551</v>
      </c>
      <c r="C13399" s="1" t="s">
        <v>31552</v>
      </c>
      <c r="D13399" s="2">
        <v>166227</v>
      </c>
      <c r="E13399" s="1" t="s">
        <v>0</v>
      </c>
    </row>
    <row r="13400" spans="1:5" ht="409.5" x14ac:dyDescent="0.25">
      <c r="A13400" s="4" t="s">
        <v>31553</v>
      </c>
      <c r="B13400" s="1" t="s">
        <v>53992</v>
      </c>
      <c r="C13400" s="1" t="s">
        <v>31554</v>
      </c>
      <c r="D13400" s="2">
        <v>166228</v>
      </c>
      <c r="E13400" s="1" t="s">
        <v>0</v>
      </c>
    </row>
    <row r="13401" spans="1:5" x14ac:dyDescent="0.25">
      <c r="A13401" s="1" t="s">
        <v>31555</v>
      </c>
      <c r="B13401" s="1" t="s">
        <v>53993</v>
      </c>
      <c r="C13401" s="1" t="s">
        <v>31556</v>
      </c>
      <c r="D13401" s="2">
        <v>166229</v>
      </c>
      <c r="E13401" s="1" t="s">
        <v>0</v>
      </c>
    </row>
    <row r="13402" spans="1:5" x14ac:dyDescent="0.25">
      <c r="A13402" s="2">
        <v>2680</v>
      </c>
      <c r="B13402" s="2">
        <v>2680</v>
      </c>
      <c r="C13402" s="1" t="s">
        <v>0</v>
      </c>
      <c r="D13402" s="2">
        <v>166230</v>
      </c>
      <c r="E13402" s="1" t="s">
        <v>0</v>
      </c>
    </row>
    <row r="13403" spans="1:5" x14ac:dyDescent="0.25">
      <c r="A13403" s="1" t="s">
        <v>2449</v>
      </c>
      <c r="B13403" s="1" t="s">
        <v>8874</v>
      </c>
      <c r="C13403" s="1" t="s">
        <v>31557</v>
      </c>
      <c r="D13403" s="2">
        <v>166231</v>
      </c>
      <c r="E13403" s="1" t="s">
        <v>0</v>
      </c>
    </row>
    <row r="13404" spans="1:5" x14ac:dyDescent="0.25">
      <c r="A13404" s="1" t="s">
        <v>31558</v>
      </c>
      <c r="B13404" s="1" t="s">
        <v>53994</v>
      </c>
      <c r="C13404" s="1" t="s">
        <v>31559</v>
      </c>
      <c r="D13404" s="2">
        <v>166232</v>
      </c>
      <c r="E13404" s="1" t="s">
        <v>0</v>
      </c>
    </row>
    <row r="13405" spans="1:5" ht="409.5" x14ac:dyDescent="0.25">
      <c r="A13405" s="4" t="s">
        <v>64185</v>
      </c>
      <c r="B13405" s="1" t="s">
        <v>63374</v>
      </c>
      <c r="C13405" s="1" t="s">
        <v>31560</v>
      </c>
      <c r="D13405" s="2">
        <v>166233</v>
      </c>
      <c r="E13405" s="1" t="s">
        <v>0</v>
      </c>
    </row>
    <row r="13406" spans="1:5" x14ac:dyDescent="0.25">
      <c r="A13406" s="1" t="s">
        <v>31561</v>
      </c>
      <c r="B13406" s="1" t="s">
        <v>53995</v>
      </c>
      <c r="C13406" s="1" t="s">
        <v>31562</v>
      </c>
      <c r="D13406" s="2">
        <v>166234</v>
      </c>
      <c r="E13406" s="1" t="s">
        <v>0</v>
      </c>
    </row>
    <row r="13407" spans="1:5" x14ac:dyDescent="0.25">
      <c r="A13407" s="2">
        <v>2681</v>
      </c>
      <c r="B13407" s="2">
        <v>2681</v>
      </c>
      <c r="C13407" s="1" t="s">
        <v>0</v>
      </c>
      <c r="D13407" s="2">
        <v>166235</v>
      </c>
      <c r="E13407" s="1" t="s">
        <v>0</v>
      </c>
    </row>
    <row r="13408" spans="1:5" x14ac:dyDescent="0.25">
      <c r="A13408" s="1" t="s">
        <v>2450</v>
      </c>
      <c r="B13408" s="1" t="s">
        <v>58403</v>
      </c>
      <c r="C13408" s="1" t="s">
        <v>31563</v>
      </c>
      <c r="D13408" s="2">
        <v>166236</v>
      </c>
      <c r="E13408" s="1" t="s">
        <v>0</v>
      </c>
    </row>
    <row r="13409" spans="1:5" x14ac:dyDescent="0.25">
      <c r="A13409" s="1" t="s">
        <v>31564</v>
      </c>
      <c r="B13409" s="1" t="s">
        <v>60744</v>
      </c>
      <c r="C13409" s="1" t="s">
        <v>31565</v>
      </c>
      <c r="D13409" s="2">
        <v>166237</v>
      </c>
      <c r="E13409" s="1" t="s">
        <v>0</v>
      </c>
    </row>
    <row r="13410" spans="1:5" ht="409.5" x14ac:dyDescent="0.25">
      <c r="A13410" s="4" t="s">
        <v>31566</v>
      </c>
      <c r="B13410" s="1" t="s">
        <v>60745</v>
      </c>
      <c r="C13410" s="1" t="s">
        <v>31567</v>
      </c>
      <c r="D13410" s="2">
        <v>166238</v>
      </c>
      <c r="E13410" s="1" t="s">
        <v>0</v>
      </c>
    </row>
    <row r="13411" spans="1:5" x14ac:dyDescent="0.25">
      <c r="A13411" s="1" t="s">
        <v>31568</v>
      </c>
      <c r="B13411" s="1" t="s">
        <v>58404</v>
      </c>
      <c r="C13411" s="1" t="s">
        <v>31569</v>
      </c>
      <c r="D13411" s="2">
        <v>166239</v>
      </c>
      <c r="E13411" s="1" t="s">
        <v>0</v>
      </c>
    </row>
    <row r="13412" spans="1:5" x14ac:dyDescent="0.25">
      <c r="A13412" s="2">
        <v>2682</v>
      </c>
      <c r="B13412" s="2">
        <v>2682</v>
      </c>
      <c r="C13412" s="1" t="s">
        <v>0</v>
      </c>
      <c r="D13412" s="2">
        <v>166240</v>
      </c>
      <c r="E13412" s="1" t="s">
        <v>0</v>
      </c>
    </row>
    <row r="13413" spans="1:5" x14ac:dyDescent="0.25">
      <c r="A13413" s="1" t="s">
        <v>31570</v>
      </c>
      <c r="B13413" s="1" t="s">
        <v>13149</v>
      </c>
      <c r="C13413" s="1" t="s">
        <v>31571</v>
      </c>
      <c r="D13413" s="2">
        <v>166241</v>
      </c>
      <c r="E13413" s="1" t="s">
        <v>0</v>
      </c>
    </row>
    <row r="13414" spans="1:5" x14ac:dyDescent="0.25">
      <c r="A13414" s="1" t="s">
        <v>31572</v>
      </c>
      <c r="B13414" s="1" t="s">
        <v>53996</v>
      </c>
      <c r="C13414" s="1" t="s">
        <v>31573</v>
      </c>
      <c r="D13414" s="2">
        <v>166242</v>
      </c>
      <c r="E13414" s="1" t="s">
        <v>0</v>
      </c>
    </row>
    <row r="13415" spans="1:5" ht="409.5" x14ac:dyDescent="0.25">
      <c r="A13415" s="4" t="s">
        <v>31574</v>
      </c>
      <c r="B13415" s="1" t="s">
        <v>53997</v>
      </c>
      <c r="C13415" s="1" t="s">
        <v>31575</v>
      </c>
      <c r="D13415" s="2">
        <v>166243</v>
      </c>
      <c r="E13415" s="1" t="s">
        <v>0</v>
      </c>
    </row>
    <row r="13416" spans="1:5" x14ac:dyDescent="0.25">
      <c r="A13416" s="1" t="s">
        <v>31576</v>
      </c>
      <c r="B13416" s="1" t="s">
        <v>53998</v>
      </c>
      <c r="C13416" s="1" t="s">
        <v>31577</v>
      </c>
      <c r="D13416" s="2">
        <v>166244</v>
      </c>
      <c r="E13416" s="1" t="s">
        <v>0</v>
      </c>
    </row>
    <row r="13417" spans="1:5" x14ac:dyDescent="0.25">
      <c r="A13417" s="2">
        <v>2683</v>
      </c>
      <c r="B13417" s="2">
        <v>2683</v>
      </c>
      <c r="C13417" s="1" t="s">
        <v>0</v>
      </c>
      <c r="D13417" s="2">
        <v>166245</v>
      </c>
      <c r="E13417" s="1" t="s">
        <v>0</v>
      </c>
    </row>
    <row r="13418" spans="1:5" x14ac:dyDescent="0.25">
      <c r="A13418" s="1" t="s">
        <v>2451</v>
      </c>
      <c r="B13418" s="1" t="s">
        <v>8875</v>
      </c>
      <c r="C13418" s="1" t="s">
        <v>31578</v>
      </c>
      <c r="D13418" s="2">
        <v>166246</v>
      </c>
      <c r="E13418" s="1" t="s">
        <v>0</v>
      </c>
    </row>
    <row r="13419" spans="1:5" x14ac:dyDescent="0.25">
      <c r="A13419" s="1" t="s">
        <v>31579</v>
      </c>
      <c r="B13419" s="1" t="s">
        <v>57856</v>
      </c>
      <c r="C13419" s="1" t="s">
        <v>31580</v>
      </c>
      <c r="D13419" s="2">
        <v>166247</v>
      </c>
      <c r="E13419" s="1" t="s">
        <v>0</v>
      </c>
    </row>
    <row r="13420" spans="1:5" ht="409.5" x14ac:dyDescent="0.25">
      <c r="A13420" s="4" t="s">
        <v>31581</v>
      </c>
      <c r="B13420" s="1" t="s">
        <v>57857</v>
      </c>
      <c r="C13420" s="1" t="s">
        <v>31582</v>
      </c>
      <c r="D13420" s="2">
        <v>166248</v>
      </c>
      <c r="E13420" s="1" t="s">
        <v>0</v>
      </c>
    </row>
    <row r="13421" spans="1:5" x14ac:dyDescent="0.25">
      <c r="A13421" s="1" t="s">
        <v>31583</v>
      </c>
      <c r="B13421" s="1" t="s">
        <v>8876</v>
      </c>
      <c r="C13421" s="1" t="s">
        <v>31584</v>
      </c>
      <c r="D13421" s="2">
        <v>166249</v>
      </c>
      <c r="E13421" s="1" t="s">
        <v>0</v>
      </c>
    </row>
    <row r="13422" spans="1:5" x14ac:dyDescent="0.25">
      <c r="A13422" s="2">
        <v>2684</v>
      </c>
      <c r="B13422" s="2">
        <v>2684</v>
      </c>
      <c r="C13422" s="1" t="s">
        <v>0</v>
      </c>
      <c r="D13422" s="2">
        <v>166250</v>
      </c>
      <c r="E13422" s="1" t="s">
        <v>0</v>
      </c>
    </row>
    <row r="13423" spans="1:5" x14ac:dyDescent="0.25">
      <c r="A13423" s="1" t="s">
        <v>2452</v>
      </c>
      <c r="B13423" s="1" t="s">
        <v>8877</v>
      </c>
      <c r="C13423" s="1" t="s">
        <v>31585</v>
      </c>
      <c r="D13423" s="2">
        <v>166251</v>
      </c>
      <c r="E13423" s="1" t="s">
        <v>0</v>
      </c>
    </row>
    <row r="13424" spans="1:5" x14ac:dyDescent="0.25">
      <c r="A13424" s="1" t="s">
        <v>31586</v>
      </c>
      <c r="B13424" s="1" t="s">
        <v>62551</v>
      </c>
      <c r="C13424" s="1" t="s">
        <v>31587</v>
      </c>
      <c r="D13424" s="2">
        <v>166252</v>
      </c>
      <c r="E13424" s="1" t="s">
        <v>0</v>
      </c>
    </row>
    <row r="13425" spans="1:5" ht="409.5" x14ac:dyDescent="0.25">
      <c r="A13425" s="4" t="s">
        <v>31588</v>
      </c>
      <c r="B13425" s="1" t="s">
        <v>62552</v>
      </c>
      <c r="C13425" s="1" t="s">
        <v>31589</v>
      </c>
      <c r="D13425" s="2">
        <v>166253</v>
      </c>
      <c r="E13425" s="1" t="s">
        <v>0</v>
      </c>
    </row>
    <row r="13426" spans="1:5" x14ac:dyDescent="0.25">
      <c r="A13426" s="1" t="s">
        <v>31590</v>
      </c>
      <c r="B13426" s="1" t="s">
        <v>57535</v>
      </c>
      <c r="C13426" s="1" t="s">
        <v>31591</v>
      </c>
      <c r="D13426" s="2">
        <v>166254</v>
      </c>
      <c r="E13426" s="1" t="s">
        <v>0</v>
      </c>
    </row>
    <row r="13427" spans="1:5" x14ac:dyDescent="0.25">
      <c r="A13427" s="2">
        <v>2685</v>
      </c>
      <c r="B13427" s="2">
        <v>2685</v>
      </c>
      <c r="C13427" s="1" t="s">
        <v>0</v>
      </c>
      <c r="D13427" s="2">
        <v>166255</v>
      </c>
      <c r="E13427" s="1" t="s">
        <v>0</v>
      </c>
    </row>
    <row r="13428" spans="1:5" x14ac:dyDescent="0.25">
      <c r="A13428" s="1" t="s">
        <v>2453</v>
      </c>
      <c r="B13428" s="1" t="s">
        <v>8878</v>
      </c>
      <c r="C13428" s="1" t="s">
        <v>31592</v>
      </c>
      <c r="D13428" s="2">
        <v>166256</v>
      </c>
      <c r="E13428" s="1" t="s">
        <v>0</v>
      </c>
    </row>
    <row r="13429" spans="1:5" x14ac:dyDescent="0.25">
      <c r="A13429" s="1" t="s">
        <v>31593</v>
      </c>
      <c r="B13429" s="1" t="s">
        <v>8879</v>
      </c>
      <c r="C13429" s="1" t="s">
        <v>31594</v>
      </c>
      <c r="D13429" s="2">
        <v>166257</v>
      </c>
      <c r="E13429" s="1" t="s">
        <v>0</v>
      </c>
    </row>
    <row r="13430" spans="1:5" ht="409.5" x14ac:dyDescent="0.25">
      <c r="A13430" s="4" t="s">
        <v>31595</v>
      </c>
      <c r="B13430" s="1" t="s">
        <v>57858</v>
      </c>
      <c r="C13430" s="1" t="s">
        <v>31596</v>
      </c>
      <c r="D13430" s="2">
        <v>166258</v>
      </c>
      <c r="E13430" s="1" t="s">
        <v>0</v>
      </c>
    </row>
    <row r="13431" spans="1:5" x14ac:dyDescent="0.25">
      <c r="A13431" s="1" t="s">
        <v>31597</v>
      </c>
      <c r="B13431" s="1" t="s">
        <v>53999</v>
      </c>
      <c r="C13431" s="1" t="s">
        <v>31598</v>
      </c>
      <c r="D13431" s="2">
        <v>166259</v>
      </c>
      <c r="E13431" s="1" t="s">
        <v>0</v>
      </c>
    </row>
    <row r="13432" spans="1:5" x14ac:dyDescent="0.25">
      <c r="A13432" s="2">
        <v>2686</v>
      </c>
      <c r="B13432" s="2">
        <v>2686</v>
      </c>
      <c r="C13432" s="1" t="s">
        <v>0</v>
      </c>
      <c r="D13432" s="2">
        <v>166260</v>
      </c>
      <c r="E13432" s="1" t="s">
        <v>0</v>
      </c>
    </row>
    <row r="13433" spans="1:5" x14ac:dyDescent="0.25">
      <c r="A13433" s="1" t="s">
        <v>2454</v>
      </c>
      <c r="B13433" s="1" t="s">
        <v>8880</v>
      </c>
      <c r="C13433" s="1" t="s">
        <v>31599</v>
      </c>
      <c r="D13433" s="2">
        <v>166261</v>
      </c>
      <c r="E13433" s="1" t="s">
        <v>0</v>
      </c>
    </row>
    <row r="13434" spans="1:5" x14ac:dyDescent="0.25">
      <c r="A13434" s="1" t="s">
        <v>31600</v>
      </c>
      <c r="B13434" s="1" t="s">
        <v>54000</v>
      </c>
      <c r="C13434" s="1" t="s">
        <v>31601</v>
      </c>
      <c r="D13434" s="2">
        <v>166262</v>
      </c>
      <c r="E13434" s="1" t="s">
        <v>0</v>
      </c>
    </row>
    <row r="13435" spans="1:5" ht="409.5" x14ac:dyDescent="0.25">
      <c r="A13435" s="4" t="s">
        <v>31602</v>
      </c>
      <c r="B13435" s="1" t="s">
        <v>57038</v>
      </c>
      <c r="C13435" s="1" t="s">
        <v>31603</v>
      </c>
      <c r="D13435" s="2">
        <v>166263</v>
      </c>
      <c r="E13435" s="1" t="s">
        <v>0</v>
      </c>
    </row>
    <row r="13436" spans="1:5" x14ac:dyDescent="0.25">
      <c r="A13436" s="1" t="s">
        <v>15303</v>
      </c>
      <c r="B13436" s="1" t="s">
        <v>60888</v>
      </c>
      <c r="C13436" s="1" t="s">
        <v>15304</v>
      </c>
      <c r="D13436" s="2">
        <v>166264</v>
      </c>
      <c r="E13436" s="1" t="s">
        <v>0</v>
      </c>
    </row>
    <row r="13437" spans="1:5" x14ac:dyDescent="0.25">
      <c r="A13437" s="2">
        <v>2687</v>
      </c>
      <c r="B13437" s="2">
        <v>2687</v>
      </c>
      <c r="C13437" s="1" t="s">
        <v>0</v>
      </c>
      <c r="D13437" s="2">
        <v>166265</v>
      </c>
      <c r="E13437" s="1" t="s">
        <v>0</v>
      </c>
    </row>
    <row r="13438" spans="1:5" x14ac:dyDescent="0.25">
      <c r="A13438" s="1" t="s">
        <v>2455</v>
      </c>
      <c r="B13438" s="1" t="s">
        <v>50749</v>
      </c>
      <c r="C13438" s="1" t="s">
        <v>31604</v>
      </c>
      <c r="D13438" s="2">
        <v>166266</v>
      </c>
      <c r="E13438" s="1" t="s">
        <v>0</v>
      </c>
    </row>
    <row r="13439" spans="1:5" x14ac:dyDescent="0.25">
      <c r="A13439" s="1" t="s">
        <v>31605</v>
      </c>
      <c r="B13439" s="1" t="s">
        <v>61668</v>
      </c>
      <c r="C13439" s="1" t="s">
        <v>31606</v>
      </c>
      <c r="D13439" s="2">
        <v>166267</v>
      </c>
      <c r="E13439" s="1" t="s">
        <v>0</v>
      </c>
    </row>
    <row r="13440" spans="1:5" ht="409.5" x14ac:dyDescent="0.25">
      <c r="A13440" s="4" t="s">
        <v>31607</v>
      </c>
      <c r="B13440" s="1" t="s">
        <v>61669</v>
      </c>
      <c r="C13440" s="1" t="s">
        <v>31608</v>
      </c>
      <c r="D13440" s="2">
        <v>166268</v>
      </c>
      <c r="E13440" s="1" t="s">
        <v>0</v>
      </c>
    </row>
    <row r="13441" spans="1:5" x14ac:dyDescent="0.25">
      <c r="A13441" s="1" t="s">
        <v>31609</v>
      </c>
      <c r="B13441" s="1" t="s">
        <v>50750</v>
      </c>
      <c r="C13441" s="1" t="s">
        <v>31610</v>
      </c>
      <c r="D13441" s="2">
        <v>166269</v>
      </c>
      <c r="E13441" s="1" t="s">
        <v>0</v>
      </c>
    </row>
    <row r="13442" spans="1:5" x14ac:dyDescent="0.25">
      <c r="A13442" s="2">
        <v>2688</v>
      </c>
      <c r="B13442" s="2">
        <v>2688</v>
      </c>
      <c r="C13442" s="1" t="s">
        <v>0</v>
      </c>
      <c r="D13442" s="2">
        <v>166270</v>
      </c>
      <c r="E13442" s="1" t="s">
        <v>0</v>
      </c>
    </row>
    <row r="13443" spans="1:5" x14ac:dyDescent="0.25">
      <c r="A13443" s="1" t="s">
        <v>2456</v>
      </c>
      <c r="B13443" s="1" t="s">
        <v>54001</v>
      </c>
      <c r="C13443" s="1" t="s">
        <v>31611</v>
      </c>
      <c r="D13443" s="2">
        <v>166271</v>
      </c>
      <c r="E13443" s="1" t="s">
        <v>0</v>
      </c>
    </row>
    <row r="13444" spans="1:5" x14ac:dyDescent="0.25">
      <c r="A13444" s="1" t="s">
        <v>31612</v>
      </c>
      <c r="B13444" s="1" t="s">
        <v>8881</v>
      </c>
      <c r="C13444" s="1" t="s">
        <v>31613</v>
      </c>
      <c r="D13444" s="2">
        <v>166272</v>
      </c>
      <c r="E13444" s="1" t="s">
        <v>0</v>
      </c>
    </row>
    <row r="13445" spans="1:5" ht="409.5" x14ac:dyDescent="0.25">
      <c r="A13445" s="4" t="s">
        <v>31614</v>
      </c>
      <c r="B13445" s="1" t="s">
        <v>61151</v>
      </c>
      <c r="C13445" s="1" t="s">
        <v>31615</v>
      </c>
      <c r="D13445" s="2">
        <v>166273</v>
      </c>
      <c r="E13445" s="1" t="s">
        <v>0</v>
      </c>
    </row>
    <row r="13446" spans="1:5" x14ac:dyDescent="0.25">
      <c r="A13446" s="1" t="s">
        <v>31616</v>
      </c>
      <c r="B13446" s="1" t="s">
        <v>61152</v>
      </c>
      <c r="C13446" s="1" t="s">
        <v>31617</v>
      </c>
      <c r="D13446" s="2">
        <v>166274</v>
      </c>
      <c r="E13446" s="1" t="s">
        <v>0</v>
      </c>
    </row>
    <row r="13447" spans="1:5" x14ac:dyDescent="0.25">
      <c r="A13447" s="2">
        <v>2689</v>
      </c>
      <c r="B13447" s="2">
        <v>2689</v>
      </c>
      <c r="C13447" s="1" t="s">
        <v>0</v>
      </c>
      <c r="D13447" s="2">
        <v>166275</v>
      </c>
      <c r="E13447" s="1" t="s">
        <v>0</v>
      </c>
    </row>
    <row r="13448" spans="1:5" x14ac:dyDescent="0.25">
      <c r="A13448" s="1" t="s">
        <v>2457</v>
      </c>
      <c r="B13448" s="1" t="s">
        <v>8882</v>
      </c>
      <c r="C13448" s="1" t="s">
        <v>31618</v>
      </c>
      <c r="D13448" s="2">
        <v>166276</v>
      </c>
      <c r="E13448" s="1" t="s">
        <v>0</v>
      </c>
    </row>
    <row r="13449" spans="1:5" x14ac:dyDescent="0.25">
      <c r="A13449" s="1" t="s">
        <v>31619</v>
      </c>
      <c r="B13449" s="1" t="s">
        <v>54002</v>
      </c>
      <c r="C13449" s="1" t="s">
        <v>31620</v>
      </c>
      <c r="D13449" s="2">
        <v>166277</v>
      </c>
      <c r="E13449" s="1" t="s">
        <v>0</v>
      </c>
    </row>
    <row r="13450" spans="1:5" ht="409.5" x14ac:dyDescent="0.25">
      <c r="A13450" s="4" t="s">
        <v>31621</v>
      </c>
      <c r="B13450" s="1" t="s">
        <v>58083</v>
      </c>
      <c r="C13450" s="1" t="s">
        <v>31622</v>
      </c>
      <c r="D13450" s="2">
        <v>166278</v>
      </c>
      <c r="E13450" s="1" t="s">
        <v>0</v>
      </c>
    </row>
    <row r="13451" spans="1:5" x14ac:dyDescent="0.25">
      <c r="A13451" s="1" t="s">
        <v>31623</v>
      </c>
      <c r="B13451" s="1" t="s">
        <v>8883</v>
      </c>
      <c r="C13451" s="1" t="s">
        <v>31624</v>
      </c>
      <c r="D13451" s="2">
        <v>166279</v>
      </c>
      <c r="E13451" s="1" t="s">
        <v>0</v>
      </c>
    </row>
    <row r="13452" spans="1:5" x14ac:dyDescent="0.25">
      <c r="A13452" s="2">
        <v>2690</v>
      </c>
      <c r="B13452" s="2">
        <v>2690</v>
      </c>
      <c r="C13452" s="1" t="s">
        <v>0</v>
      </c>
      <c r="D13452" s="2">
        <v>166280</v>
      </c>
      <c r="E13452" s="1" t="s">
        <v>0</v>
      </c>
    </row>
    <row r="13453" spans="1:5" x14ac:dyDescent="0.25">
      <c r="A13453" s="1" t="s">
        <v>2458</v>
      </c>
      <c r="B13453" s="1" t="s">
        <v>8884</v>
      </c>
      <c r="C13453" s="1" t="s">
        <v>31625</v>
      </c>
      <c r="D13453" s="2">
        <v>166281</v>
      </c>
      <c r="E13453" s="1" t="s">
        <v>0</v>
      </c>
    </row>
    <row r="13454" spans="1:5" x14ac:dyDescent="0.25">
      <c r="A13454" s="1" t="s">
        <v>31626</v>
      </c>
      <c r="B13454" s="1" t="s">
        <v>8885</v>
      </c>
      <c r="C13454" s="1" t="s">
        <v>31627</v>
      </c>
      <c r="D13454" s="2">
        <v>166282</v>
      </c>
      <c r="E13454" s="1" t="s">
        <v>0</v>
      </c>
    </row>
    <row r="13455" spans="1:5" ht="409.5" x14ac:dyDescent="0.25">
      <c r="A13455" s="4" t="s">
        <v>31628</v>
      </c>
      <c r="B13455" s="1" t="s">
        <v>54003</v>
      </c>
      <c r="C13455" s="1" t="s">
        <v>31629</v>
      </c>
      <c r="D13455" s="2">
        <v>166283</v>
      </c>
      <c r="E13455" s="1" t="s">
        <v>0</v>
      </c>
    </row>
    <row r="13456" spans="1:5" x14ac:dyDescent="0.25">
      <c r="A13456" s="1" t="s">
        <v>31630</v>
      </c>
      <c r="B13456" s="1" t="s">
        <v>54004</v>
      </c>
      <c r="C13456" s="1" t="s">
        <v>31631</v>
      </c>
      <c r="D13456" s="2">
        <v>166284</v>
      </c>
      <c r="E13456" s="1" t="s">
        <v>0</v>
      </c>
    </row>
    <row r="13457" spans="1:5" x14ac:dyDescent="0.25">
      <c r="A13457" s="2">
        <v>2691</v>
      </c>
      <c r="B13457" s="2">
        <v>2691</v>
      </c>
      <c r="C13457" s="1" t="s">
        <v>0</v>
      </c>
      <c r="D13457" s="2">
        <v>166285</v>
      </c>
      <c r="E13457" s="1" t="s">
        <v>0</v>
      </c>
    </row>
    <row r="13458" spans="1:5" x14ac:dyDescent="0.25">
      <c r="A13458" s="1" t="s">
        <v>2459</v>
      </c>
      <c r="B13458" s="1" t="s">
        <v>8886</v>
      </c>
      <c r="C13458" s="1" t="s">
        <v>31632</v>
      </c>
      <c r="D13458" s="2">
        <v>166286</v>
      </c>
      <c r="E13458" s="1" t="s">
        <v>0</v>
      </c>
    </row>
    <row r="13459" spans="1:5" x14ac:dyDescent="0.25">
      <c r="A13459" s="1" t="s">
        <v>31633</v>
      </c>
      <c r="B13459" s="1" t="s">
        <v>60022</v>
      </c>
      <c r="C13459" s="1" t="s">
        <v>31634</v>
      </c>
      <c r="D13459" s="2">
        <v>166287</v>
      </c>
      <c r="E13459" s="1" t="s">
        <v>0</v>
      </c>
    </row>
    <row r="13460" spans="1:5" ht="409.5" x14ac:dyDescent="0.25">
      <c r="A13460" s="4" t="s">
        <v>31635</v>
      </c>
      <c r="B13460" s="1" t="s">
        <v>60023</v>
      </c>
      <c r="C13460" s="1" t="s">
        <v>31636</v>
      </c>
      <c r="D13460" s="2">
        <v>166288</v>
      </c>
      <c r="E13460" s="1" t="s">
        <v>0</v>
      </c>
    </row>
    <row r="13461" spans="1:5" x14ac:dyDescent="0.25">
      <c r="A13461" s="1" t="s">
        <v>31637</v>
      </c>
      <c r="B13461" s="1" t="s">
        <v>54005</v>
      </c>
      <c r="C13461" s="1" t="s">
        <v>31638</v>
      </c>
      <c r="D13461" s="2">
        <v>166289</v>
      </c>
      <c r="E13461" s="1" t="s">
        <v>0</v>
      </c>
    </row>
    <row r="13462" spans="1:5" x14ac:dyDescent="0.25">
      <c r="A13462" s="2">
        <v>2692</v>
      </c>
      <c r="B13462" s="2">
        <v>2692</v>
      </c>
      <c r="C13462" s="1" t="s">
        <v>0</v>
      </c>
      <c r="D13462" s="2">
        <v>166290</v>
      </c>
      <c r="E13462" s="1" t="s">
        <v>0</v>
      </c>
    </row>
    <row r="13463" spans="1:5" x14ac:dyDescent="0.25">
      <c r="A13463" s="1" t="s">
        <v>8887</v>
      </c>
      <c r="B13463" s="1" t="s">
        <v>8888</v>
      </c>
      <c r="C13463" s="1" t="s">
        <v>31639</v>
      </c>
      <c r="D13463" s="2">
        <v>166291</v>
      </c>
      <c r="E13463" s="1" t="s">
        <v>0</v>
      </c>
    </row>
    <row r="13464" spans="1:5" x14ac:dyDescent="0.25">
      <c r="A13464" s="1" t="s">
        <v>64186</v>
      </c>
      <c r="B13464" s="1" t="s">
        <v>61670</v>
      </c>
      <c r="C13464" s="1" t="s">
        <v>31640</v>
      </c>
      <c r="D13464" s="2">
        <v>166292</v>
      </c>
      <c r="E13464" s="1" t="s">
        <v>0</v>
      </c>
    </row>
    <row r="13465" spans="1:5" ht="409.5" x14ac:dyDescent="0.25">
      <c r="A13465" s="4" t="s">
        <v>64187</v>
      </c>
      <c r="B13465" s="1" t="s">
        <v>61671</v>
      </c>
      <c r="C13465" s="1" t="s">
        <v>31641</v>
      </c>
      <c r="D13465" s="2">
        <v>166293</v>
      </c>
      <c r="E13465" s="1" t="s">
        <v>0</v>
      </c>
    </row>
    <row r="13466" spans="1:5" x14ac:dyDescent="0.25">
      <c r="A13466" s="1" t="s">
        <v>64188</v>
      </c>
      <c r="B13466" s="1" t="s">
        <v>54006</v>
      </c>
      <c r="C13466" s="1" t="s">
        <v>31642</v>
      </c>
      <c r="D13466" s="2">
        <v>166294</v>
      </c>
      <c r="E13466" s="1" t="s">
        <v>0</v>
      </c>
    </row>
    <row r="13467" spans="1:5" x14ac:dyDescent="0.25">
      <c r="A13467" s="2">
        <v>2693</v>
      </c>
      <c r="B13467" s="2">
        <v>2693</v>
      </c>
      <c r="C13467" s="1" t="s">
        <v>0</v>
      </c>
      <c r="D13467" s="2">
        <v>166295</v>
      </c>
      <c r="E13467" s="1" t="s">
        <v>0</v>
      </c>
    </row>
    <row r="13468" spans="1:5" x14ac:dyDescent="0.25">
      <c r="A13468" s="1" t="s">
        <v>2460</v>
      </c>
      <c r="B13468" s="1" t="s">
        <v>8889</v>
      </c>
      <c r="C13468" s="1" t="s">
        <v>31643</v>
      </c>
      <c r="D13468" s="2">
        <v>166296</v>
      </c>
      <c r="E13468" s="1" t="s">
        <v>0</v>
      </c>
    </row>
    <row r="13469" spans="1:5" x14ac:dyDescent="0.25">
      <c r="A13469" s="1" t="s">
        <v>31644</v>
      </c>
      <c r="B13469" s="1" t="s">
        <v>8890</v>
      </c>
      <c r="C13469" s="1" t="s">
        <v>31645</v>
      </c>
      <c r="D13469" s="2">
        <v>166297</v>
      </c>
      <c r="E13469" s="1" t="s">
        <v>0</v>
      </c>
    </row>
    <row r="13470" spans="1:5" ht="409.5" x14ac:dyDescent="0.25">
      <c r="A13470" s="4" t="s">
        <v>31646</v>
      </c>
      <c r="B13470" s="1" t="s">
        <v>8891</v>
      </c>
      <c r="C13470" s="1" t="s">
        <v>31647</v>
      </c>
      <c r="D13470" s="2">
        <v>166298</v>
      </c>
      <c r="E13470" s="1" t="s">
        <v>0</v>
      </c>
    </row>
    <row r="13471" spans="1:5" x14ac:dyDescent="0.25">
      <c r="A13471" s="1" t="s">
        <v>31648</v>
      </c>
      <c r="B13471" s="1" t="s">
        <v>8892</v>
      </c>
      <c r="C13471" s="1" t="s">
        <v>31649</v>
      </c>
      <c r="D13471" s="2">
        <v>166299</v>
      </c>
      <c r="E13471" s="1" t="s">
        <v>0</v>
      </c>
    </row>
    <row r="13472" spans="1:5" x14ac:dyDescent="0.25">
      <c r="A13472" s="2">
        <v>2694</v>
      </c>
      <c r="B13472" s="2">
        <v>2694</v>
      </c>
      <c r="C13472" s="1" t="s">
        <v>0</v>
      </c>
      <c r="D13472" s="2">
        <v>166300</v>
      </c>
      <c r="E13472" s="1" t="s">
        <v>0</v>
      </c>
    </row>
    <row r="13473" spans="1:5" x14ac:dyDescent="0.25">
      <c r="A13473" s="1" t="s">
        <v>2461</v>
      </c>
      <c r="B13473" s="1" t="s">
        <v>8893</v>
      </c>
      <c r="C13473" s="1" t="s">
        <v>31650</v>
      </c>
      <c r="D13473" s="2">
        <v>166301</v>
      </c>
      <c r="E13473" s="1" t="s">
        <v>0</v>
      </c>
    </row>
    <row r="13474" spans="1:5" x14ac:dyDescent="0.25">
      <c r="A13474" s="1" t="s">
        <v>31651</v>
      </c>
      <c r="B13474" s="1" t="s">
        <v>8894</v>
      </c>
      <c r="C13474" s="1" t="s">
        <v>31652</v>
      </c>
      <c r="D13474" s="2">
        <v>166302</v>
      </c>
      <c r="E13474" s="1" t="s">
        <v>0</v>
      </c>
    </row>
    <row r="13475" spans="1:5" ht="409.5" x14ac:dyDescent="0.25">
      <c r="A13475" s="4" t="s">
        <v>31653</v>
      </c>
      <c r="B13475" s="1" t="s">
        <v>8895</v>
      </c>
      <c r="C13475" s="1" t="s">
        <v>31654</v>
      </c>
      <c r="D13475" s="2">
        <v>166303</v>
      </c>
      <c r="E13475" s="1" t="s">
        <v>0</v>
      </c>
    </row>
    <row r="13476" spans="1:5" x14ac:dyDescent="0.25">
      <c r="A13476" s="1" t="s">
        <v>31655</v>
      </c>
      <c r="B13476" s="1" t="s">
        <v>54007</v>
      </c>
      <c r="C13476" s="1" t="s">
        <v>31656</v>
      </c>
      <c r="D13476" s="2">
        <v>166304</v>
      </c>
      <c r="E13476" s="1" t="s">
        <v>0</v>
      </c>
    </row>
    <row r="13477" spans="1:5" x14ac:dyDescent="0.25">
      <c r="A13477" s="2">
        <v>2695</v>
      </c>
      <c r="B13477" s="2">
        <v>2695</v>
      </c>
      <c r="C13477" s="1" t="s">
        <v>0</v>
      </c>
      <c r="D13477" s="2">
        <v>166305</v>
      </c>
      <c r="E13477" s="1" t="s">
        <v>0</v>
      </c>
    </row>
    <row r="13478" spans="1:5" x14ac:dyDescent="0.25">
      <c r="A13478" s="1" t="s">
        <v>2462</v>
      </c>
      <c r="B13478" s="1" t="s">
        <v>8896</v>
      </c>
      <c r="C13478" s="1" t="s">
        <v>31657</v>
      </c>
      <c r="D13478" s="2">
        <v>166306</v>
      </c>
      <c r="E13478" s="1" t="s">
        <v>0</v>
      </c>
    </row>
    <row r="13479" spans="1:5" x14ac:dyDescent="0.25">
      <c r="A13479" s="1" t="s">
        <v>31658</v>
      </c>
      <c r="B13479" s="1" t="s">
        <v>8897</v>
      </c>
      <c r="C13479" s="1" t="s">
        <v>31659</v>
      </c>
      <c r="D13479" s="2">
        <v>166307</v>
      </c>
      <c r="E13479" s="1" t="s">
        <v>0</v>
      </c>
    </row>
    <row r="13480" spans="1:5" ht="409.5" x14ac:dyDescent="0.25">
      <c r="A13480" s="4" t="s">
        <v>31660</v>
      </c>
      <c r="B13480" s="1" t="s">
        <v>56776</v>
      </c>
      <c r="C13480" s="1" t="s">
        <v>31661</v>
      </c>
      <c r="D13480" s="2">
        <v>166308</v>
      </c>
      <c r="E13480" s="1" t="s">
        <v>0</v>
      </c>
    </row>
    <row r="13481" spans="1:5" x14ac:dyDescent="0.25">
      <c r="A13481" s="1" t="s">
        <v>31662</v>
      </c>
      <c r="B13481" s="1" t="s">
        <v>54008</v>
      </c>
      <c r="C13481" s="1" t="s">
        <v>31663</v>
      </c>
      <c r="D13481" s="2">
        <v>166309</v>
      </c>
      <c r="E13481" s="1" t="s">
        <v>0</v>
      </c>
    </row>
    <row r="13482" spans="1:5" x14ac:dyDescent="0.25">
      <c r="A13482" s="2">
        <v>2696</v>
      </c>
      <c r="B13482" s="2">
        <v>2696</v>
      </c>
      <c r="C13482" s="1" t="s">
        <v>0</v>
      </c>
      <c r="D13482" s="2">
        <v>166310</v>
      </c>
      <c r="E13482" s="1" t="s">
        <v>0</v>
      </c>
    </row>
    <row r="13483" spans="1:5" x14ac:dyDescent="0.25">
      <c r="A13483" s="1" t="s">
        <v>2463</v>
      </c>
      <c r="B13483" s="1" t="s">
        <v>8898</v>
      </c>
      <c r="C13483" s="1" t="s">
        <v>31664</v>
      </c>
      <c r="D13483" s="2">
        <v>166311</v>
      </c>
      <c r="E13483" s="1" t="s">
        <v>0</v>
      </c>
    </row>
    <row r="13484" spans="1:5" x14ac:dyDescent="0.25">
      <c r="A13484" s="1" t="s">
        <v>31665</v>
      </c>
      <c r="B13484" s="1" t="s">
        <v>8899</v>
      </c>
      <c r="C13484" s="1" t="s">
        <v>31666</v>
      </c>
      <c r="D13484" s="2">
        <v>166312</v>
      </c>
      <c r="E13484" s="1" t="s">
        <v>0</v>
      </c>
    </row>
    <row r="13485" spans="1:5" ht="409.5" x14ac:dyDescent="0.25">
      <c r="A13485" s="4" t="s">
        <v>31667</v>
      </c>
      <c r="B13485" s="1" t="s">
        <v>8900</v>
      </c>
      <c r="C13485" s="1" t="s">
        <v>31668</v>
      </c>
      <c r="D13485" s="2">
        <v>166313</v>
      </c>
      <c r="E13485" s="1" t="s">
        <v>0</v>
      </c>
    </row>
    <row r="13486" spans="1:5" x14ac:dyDescent="0.25">
      <c r="A13486" s="1" t="s">
        <v>31669</v>
      </c>
      <c r="B13486" s="1" t="s">
        <v>54009</v>
      </c>
      <c r="C13486" s="1" t="s">
        <v>31670</v>
      </c>
      <c r="D13486" s="2">
        <v>166314</v>
      </c>
      <c r="E13486" s="1" t="s">
        <v>0</v>
      </c>
    </row>
    <row r="13487" spans="1:5" x14ac:dyDescent="0.25">
      <c r="A13487" s="2">
        <v>2697</v>
      </c>
      <c r="B13487" s="2">
        <v>2697</v>
      </c>
      <c r="C13487" s="1" t="s">
        <v>0</v>
      </c>
      <c r="D13487" s="2">
        <v>166315</v>
      </c>
      <c r="E13487" s="1" t="s">
        <v>0</v>
      </c>
    </row>
    <row r="13488" spans="1:5" x14ac:dyDescent="0.25">
      <c r="A13488" s="1" t="s">
        <v>2464</v>
      </c>
      <c r="B13488" s="1" t="s">
        <v>8901</v>
      </c>
      <c r="C13488" s="1" t="s">
        <v>31671</v>
      </c>
      <c r="D13488" s="2">
        <v>166316</v>
      </c>
      <c r="E13488" s="1" t="s">
        <v>0</v>
      </c>
    </row>
    <row r="13489" spans="1:5" x14ac:dyDescent="0.25">
      <c r="A13489" s="1" t="s">
        <v>31672</v>
      </c>
      <c r="B13489" s="1" t="s">
        <v>54010</v>
      </c>
      <c r="C13489" s="1" t="s">
        <v>31673</v>
      </c>
      <c r="D13489" s="2">
        <v>166317</v>
      </c>
      <c r="E13489" s="1" t="s">
        <v>0</v>
      </c>
    </row>
    <row r="13490" spans="1:5" ht="409.5" x14ac:dyDescent="0.25">
      <c r="A13490" s="4" t="s">
        <v>31674</v>
      </c>
      <c r="B13490" s="1" t="s">
        <v>57039</v>
      </c>
      <c r="C13490" s="1" t="s">
        <v>31675</v>
      </c>
      <c r="D13490" s="2">
        <v>166318</v>
      </c>
      <c r="E13490" s="1" t="s">
        <v>0</v>
      </c>
    </row>
    <row r="13491" spans="1:5" x14ac:dyDescent="0.25">
      <c r="A13491" s="1" t="s">
        <v>13413</v>
      </c>
      <c r="B13491" s="1" t="s">
        <v>60845</v>
      </c>
      <c r="C13491" s="1" t="s">
        <v>13414</v>
      </c>
      <c r="D13491" s="2">
        <v>166319</v>
      </c>
      <c r="E13491" s="1" t="s">
        <v>0</v>
      </c>
    </row>
    <row r="13492" spans="1:5" x14ac:dyDescent="0.25">
      <c r="A13492" s="2">
        <v>2698</v>
      </c>
      <c r="B13492" s="2">
        <v>2698</v>
      </c>
      <c r="C13492" s="1" t="s">
        <v>0</v>
      </c>
      <c r="D13492" s="2">
        <v>166320</v>
      </c>
      <c r="E13492" s="1" t="s">
        <v>0</v>
      </c>
    </row>
    <row r="13493" spans="1:5" x14ac:dyDescent="0.25">
      <c r="A13493" s="1" t="s">
        <v>2465</v>
      </c>
      <c r="B13493" s="1" t="s">
        <v>8902</v>
      </c>
      <c r="C13493" s="1" t="s">
        <v>31676</v>
      </c>
      <c r="D13493" s="2">
        <v>166321</v>
      </c>
      <c r="E13493" s="1" t="s">
        <v>0</v>
      </c>
    </row>
    <row r="13494" spans="1:5" x14ac:dyDescent="0.25">
      <c r="A13494" s="1" t="s">
        <v>31677</v>
      </c>
      <c r="B13494" s="1" t="s">
        <v>58405</v>
      </c>
      <c r="C13494" s="1" t="s">
        <v>31678</v>
      </c>
      <c r="D13494" s="2">
        <v>166322</v>
      </c>
      <c r="E13494" s="1" t="s">
        <v>0</v>
      </c>
    </row>
    <row r="13495" spans="1:5" ht="409.5" x14ac:dyDescent="0.25">
      <c r="A13495" s="4" t="s">
        <v>31679</v>
      </c>
      <c r="B13495" s="1" t="s">
        <v>60024</v>
      </c>
      <c r="C13495" s="1" t="s">
        <v>31680</v>
      </c>
      <c r="D13495" s="2">
        <v>166323</v>
      </c>
      <c r="E13495" s="1" t="s">
        <v>0</v>
      </c>
    </row>
    <row r="13496" spans="1:5" x14ac:dyDescent="0.25">
      <c r="A13496" s="1" t="s">
        <v>31681</v>
      </c>
      <c r="B13496" s="1" t="s">
        <v>54011</v>
      </c>
      <c r="C13496" s="1" t="s">
        <v>31682</v>
      </c>
      <c r="D13496" s="2">
        <v>166324</v>
      </c>
      <c r="E13496" s="1" t="s">
        <v>0</v>
      </c>
    </row>
    <row r="13497" spans="1:5" x14ac:dyDescent="0.25">
      <c r="A13497" s="2">
        <v>2699</v>
      </c>
      <c r="B13497" s="2">
        <v>2699</v>
      </c>
      <c r="C13497" s="1" t="s">
        <v>0</v>
      </c>
      <c r="D13497" s="2">
        <v>166325</v>
      </c>
      <c r="E13497" s="1" t="s">
        <v>0</v>
      </c>
    </row>
    <row r="13498" spans="1:5" x14ac:dyDescent="0.25">
      <c r="A13498" s="1" t="s">
        <v>2466</v>
      </c>
      <c r="B13498" s="1" t="s">
        <v>8903</v>
      </c>
      <c r="C13498" s="1" t="s">
        <v>31683</v>
      </c>
      <c r="D13498" s="2">
        <v>166326</v>
      </c>
      <c r="E13498" s="1" t="s">
        <v>0</v>
      </c>
    </row>
    <row r="13499" spans="1:5" x14ac:dyDescent="0.25">
      <c r="A13499" s="1" t="s">
        <v>31684</v>
      </c>
      <c r="B13499" s="1" t="s">
        <v>8904</v>
      </c>
      <c r="C13499" s="1" t="s">
        <v>31685</v>
      </c>
      <c r="D13499" s="2">
        <v>166327</v>
      </c>
      <c r="E13499" s="1" t="s">
        <v>0</v>
      </c>
    </row>
    <row r="13500" spans="1:5" ht="409.5" x14ac:dyDescent="0.25">
      <c r="A13500" s="4" t="s">
        <v>31686</v>
      </c>
      <c r="B13500" s="1" t="s">
        <v>57536</v>
      </c>
      <c r="C13500" s="1" t="s">
        <v>31687</v>
      </c>
      <c r="D13500" s="2">
        <v>166328</v>
      </c>
      <c r="E13500" s="1" t="s">
        <v>0</v>
      </c>
    </row>
    <row r="13501" spans="1:5" x14ac:dyDescent="0.25">
      <c r="A13501" s="1" t="s">
        <v>31688</v>
      </c>
      <c r="B13501" s="1" t="s">
        <v>54012</v>
      </c>
      <c r="C13501" s="1" t="s">
        <v>31689</v>
      </c>
      <c r="D13501" s="2">
        <v>166329</v>
      </c>
      <c r="E13501" s="1" t="s">
        <v>0</v>
      </c>
    </row>
    <row r="13502" spans="1:5" x14ac:dyDescent="0.25">
      <c r="A13502" s="2">
        <v>2700</v>
      </c>
      <c r="B13502" s="2">
        <v>2700</v>
      </c>
      <c r="C13502" s="1" t="s">
        <v>0</v>
      </c>
      <c r="D13502" s="2">
        <v>166330</v>
      </c>
      <c r="E13502" s="1" t="s">
        <v>0</v>
      </c>
    </row>
    <row r="13503" spans="1:5" x14ac:dyDescent="0.25">
      <c r="A13503" s="1" t="s">
        <v>2467</v>
      </c>
      <c r="B13503" s="1" t="s">
        <v>54013</v>
      </c>
      <c r="C13503" s="1" t="s">
        <v>31690</v>
      </c>
      <c r="D13503" s="2">
        <v>166331</v>
      </c>
      <c r="E13503" s="1" t="s">
        <v>0</v>
      </c>
    </row>
    <row r="13504" spans="1:5" x14ac:dyDescent="0.25">
      <c r="A13504" s="1" t="s">
        <v>31691</v>
      </c>
      <c r="B13504" s="1" t="s">
        <v>54014</v>
      </c>
      <c r="C13504" s="1" t="s">
        <v>31692</v>
      </c>
      <c r="D13504" s="2">
        <v>166332</v>
      </c>
      <c r="E13504" s="1" t="s">
        <v>0</v>
      </c>
    </row>
    <row r="13505" spans="1:5" ht="409.5" x14ac:dyDescent="0.25">
      <c r="A13505" s="4" t="s">
        <v>31693</v>
      </c>
      <c r="B13505" s="1" t="s">
        <v>54015</v>
      </c>
      <c r="C13505" s="1" t="s">
        <v>31694</v>
      </c>
      <c r="D13505" s="2">
        <v>166333</v>
      </c>
      <c r="E13505" s="1" t="s">
        <v>0</v>
      </c>
    </row>
    <row r="13506" spans="1:5" x14ac:dyDescent="0.25">
      <c r="A13506" s="1" t="s">
        <v>2468</v>
      </c>
      <c r="B13506" s="1" t="s">
        <v>8905</v>
      </c>
      <c r="C13506" s="1" t="s">
        <v>8905</v>
      </c>
      <c r="D13506" s="2">
        <v>166334</v>
      </c>
      <c r="E13506" s="1" t="s">
        <v>0</v>
      </c>
    </row>
    <row r="13507" spans="1:5" x14ac:dyDescent="0.25">
      <c r="A13507" s="2">
        <v>2701</v>
      </c>
      <c r="B13507" s="2">
        <v>2701</v>
      </c>
      <c r="C13507" s="1" t="s">
        <v>0</v>
      </c>
      <c r="D13507" s="2">
        <v>166335</v>
      </c>
      <c r="E13507" s="1" t="s">
        <v>0</v>
      </c>
    </row>
    <row r="13508" spans="1:5" x14ac:dyDescent="0.25">
      <c r="A13508" s="1" t="s">
        <v>2469</v>
      </c>
      <c r="B13508" s="1" t="s">
        <v>8906</v>
      </c>
      <c r="C13508" s="1" t="s">
        <v>31695</v>
      </c>
      <c r="D13508" s="2">
        <v>166336</v>
      </c>
      <c r="E13508" s="1" t="s">
        <v>0</v>
      </c>
    </row>
    <row r="13509" spans="1:5" x14ac:dyDescent="0.25">
      <c r="A13509" s="1" t="s">
        <v>31696</v>
      </c>
      <c r="B13509" s="1" t="s">
        <v>8907</v>
      </c>
      <c r="C13509" s="1" t="s">
        <v>31697</v>
      </c>
      <c r="D13509" s="2">
        <v>166337</v>
      </c>
      <c r="E13509" s="1" t="s">
        <v>0</v>
      </c>
    </row>
    <row r="13510" spans="1:5" ht="409.5" x14ac:dyDescent="0.25">
      <c r="A13510" s="4" t="s">
        <v>31698</v>
      </c>
      <c r="B13510" s="1" t="s">
        <v>58406</v>
      </c>
      <c r="C13510" s="1" t="s">
        <v>31699</v>
      </c>
      <c r="D13510" s="2">
        <v>166338</v>
      </c>
      <c r="E13510" s="1" t="s">
        <v>0</v>
      </c>
    </row>
    <row r="13511" spans="1:5" x14ac:dyDescent="0.25">
      <c r="A13511" s="1" t="s">
        <v>31700</v>
      </c>
      <c r="B13511" s="1" t="s">
        <v>54016</v>
      </c>
      <c r="C13511" s="1" t="s">
        <v>31701</v>
      </c>
      <c r="D13511" s="2">
        <v>166339</v>
      </c>
      <c r="E13511" s="1" t="s">
        <v>0</v>
      </c>
    </row>
    <row r="13512" spans="1:5" x14ac:dyDescent="0.25">
      <c r="A13512" s="2">
        <v>2702</v>
      </c>
      <c r="B13512" s="2">
        <v>2702</v>
      </c>
      <c r="C13512" s="1" t="s">
        <v>0</v>
      </c>
      <c r="D13512" s="2">
        <v>166340</v>
      </c>
      <c r="E13512" s="1" t="s">
        <v>0</v>
      </c>
    </row>
    <row r="13513" spans="1:5" x14ac:dyDescent="0.25">
      <c r="A13513" s="1" t="s">
        <v>2470</v>
      </c>
      <c r="B13513" s="1" t="s">
        <v>8908</v>
      </c>
      <c r="C13513" s="1" t="s">
        <v>31702</v>
      </c>
      <c r="D13513" s="2">
        <v>166341</v>
      </c>
      <c r="E13513" s="1" t="s">
        <v>0</v>
      </c>
    </row>
    <row r="13514" spans="1:5" x14ac:dyDescent="0.25">
      <c r="A13514" s="1" t="s">
        <v>31703</v>
      </c>
      <c r="B13514" s="1" t="s">
        <v>8909</v>
      </c>
      <c r="C13514" s="1" t="s">
        <v>31704</v>
      </c>
      <c r="D13514" s="2">
        <v>166342</v>
      </c>
      <c r="E13514" s="1" t="s">
        <v>0</v>
      </c>
    </row>
    <row r="13515" spans="1:5" ht="409.5" x14ac:dyDescent="0.25">
      <c r="A13515" s="4" t="s">
        <v>31705</v>
      </c>
      <c r="B13515" s="1" t="s">
        <v>59628</v>
      </c>
      <c r="C13515" s="1" t="s">
        <v>31706</v>
      </c>
      <c r="D13515" s="2">
        <v>166343</v>
      </c>
      <c r="E13515" s="1" t="s">
        <v>0</v>
      </c>
    </row>
    <row r="13516" spans="1:5" x14ac:dyDescent="0.25">
      <c r="A13516" s="1" t="s">
        <v>31707</v>
      </c>
      <c r="B13516" s="1" t="s">
        <v>57231</v>
      </c>
      <c r="C13516" s="1" t="s">
        <v>31708</v>
      </c>
      <c r="D13516" s="2">
        <v>166344</v>
      </c>
      <c r="E13516" s="1" t="s">
        <v>0</v>
      </c>
    </row>
    <row r="13517" spans="1:5" x14ac:dyDescent="0.25">
      <c r="A13517" s="2">
        <v>2703</v>
      </c>
      <c r="B13517" s="2">
        <v>2703</v>
      </c>
      <c r="C13517" s="1" t="s">
        <v>0</v>
      </c>
      <c r="D13517" s="2">
        <v>166345</v>
      </c>
      <c r="E13517" s="1" t="s">
        <v>0</v>
      </c>
    </row>
    <row r="13518" spans="1:5" x14ac:dyDescent="0.25">
      <c r="A13518" s="1" t="s">
        <v>2471</v>
      </c>
      <c r="B13518" s="1" t="s">
        <v>8910</v>
      </c>
      <c r="C13518" s="1" t="s">
        <v>31709</v>
      </c>
      <c r="D13518" s="2">
        <v>166346</v>
      </c>
      <c r="E13518" s="1" t="s">
        <v>0</v>
      </c>
    </row>
    <row r="13519" spans="1:5" x14ac:dyDescent="0.25">
      <c r="A13519" s="1" t="s">
        <v>31710</v>
      </c>
      <c r="B13519" s="1" t="s">
        <v>59629</v>
      </c>
      <c r="C13519" s="1" t="s">
        <v>31711</v>
      </c>
      <c r="D13519" s="2">
        <v>166347</v>
      </c>
      <c r="E13519" s="1" t="s">
        <v>0</v>
      </c>
    </row>
    <row r="13520" spans="1:5" ht="409.5" x14ac:dyDescent="0.25">
      <c r="A13520" s="4" t="s">
        <v>31712</v>
      </c>
      <c r="B13520" s="1" t="s">
        <v>62553</v>
      </c>
      <c r="C13520" s="1" t="s">
        <v>31713</v>
      </c>
      <c r="D13520" s="2">
        <v>166348</v>
      </c>
      <c r="E13520" s="1" t="s">
        <v>0</v>
      </c>
    </row>
    <row r="13521" spans="1:5" x14ac:dyDescent="0.25">
      <c r="A13521" s="1" t="s">
        <v>31714</v>
      </c>
      <c r="B13521" s="1" t="s">
        <v>54017</v>
      </c>
      <c r="C13521" s="1" t="s">
        <v>31715</v>
      </c>
      <c r="D13521" s="2">
        <v>166349</v>
      </c>
      <c r="E13521" s="1" t="s">
        <v>0</v>
      </c>
    </row>
    <row r="13522" spans="1:5" x14ac:dyDescent="0.25">
      <c r="A13522" s="2">
        <v>2704</v>
      </c>
      <c r="B13522" s="2">
        <v>2704</v>
      </c>
      <c r="C13522" s="1" t="s">
        <v>0</v>
      </c>
      <c r="D13522" s="2">
        <v>166350</v>
      </c>
      <c r="E13522" s="1" t="s">
        <v>0</v>
      </c>
    </row>
    <row r="13523" spans="1:5" x14ac:dyDescent="0.25">
      <c r="A13523" s="1" t="s">
        <v>2472</v>
      </c>
      <c r="B13523" s="1" t="s">
        <v>8911</v>
      </c>
      <c r="C13523" s="1" t="s">
        <v>31716</v>
      </c>
      <c r="D13523" s="2">
        <v>166351</v>
      </c>
      <c r="E13523" s="1" t="s">
        <v>0</v>
      </c>
    </row>
    <row r="13524" spans="1:5" x14ac:dyDescent="0.25">
      <c r="A13524" s="1" t="s">
        <v>31717</v>
      </c>
      <c r="B13524" s="1" t="s">
        <v>8912</v>
      </c>
      <c r="C13524" s="1" t="s">
        <v>31718</v>
      </c>
      <c r="D13524" s="2">
        <v>166352</v>
      </c>
      <c r="E13524" s="1" t="s">
        <v>0</v>
      </c>
    </row>
    <row r="13525" spans="1:5" ht="409.5" x14ac:dyDescent="0.25">
      <c r="A13525" s="4" t="s">
        <v>31719</v>
      </c>
      <c r="B13525" s="1" t="s">
        <v>8913</v>
      </c>
      <c r="C13525" s="1" t="s">
        <v>31720</v>
      </c>
      <c r="D13525" s="2">
        <v>166353</v>
      </c>
      <c r="E13525" s="1" t="s">
        <v>0</v>
      </c>
    </row>
    <row r="13526" spans="1:5" x14ac:dyDescent="0.25">
      <c r="A13526" s="1" t="s">
        <v>31721</v>
      </c>
      <c r="B13526" s="1" t="s">
        <v>54018</v>
      </c>
      <c r="C13526" s="1" t="s">
        <v>31722</v>
      </c>
      <c r="D13526" s="2">
        <v>166354</v>
      </c>
      <c r="E13526" s="1" t="s">
        <v>0</v>
      </c>
    </row>
    <row r="13527" spans="1:5" x14ac:dyDescent="0.25">
      <c r="A13527" s="2">
        <v>2705</v>
      </c>
      <c r="B13527" s="2">
        <v>2705</v>
      </c>
      <c r="C13527" s="1" t="s">
        <v>0</v>
      </c>
      <c r="D13527" s="2">
        <v>166355</v>
      </c>
      <c r="E13527" s="1" t="s">
        <v>0</v>
      </c>
    </row>
    <row r="13528" spans="1:5" x14ac:dyDescent="0.25">
      <c r="A13528" s="1" t="s">
        <v>2473</v>
      </c>
      <c r="B13528" s="1" t="s">
        <v>8914</v>
      </c>
      <c r="C13528" s="1" t="s">
        <v>31723</v>
      </c>
      <c r="D13528" s="2">
        <v>166356</v>
      </c>
      <c r="E13528" s="1" t="s">
        <v>0</v>
      </c>
    </row>
    <row r="13529" spans="1:5" x14ac:dyDescent="0.25">
      <c r="A13529" s="1" t="s">
        <v>31724</v>
      </c>
      <c r="B13529" s="1" t="s">
        <v>54019</v>
      </c>
      <c r="C13529" s="1" t="s">
        <v>31725</v>
      </c>
      <c r="D13529" s="2">
        <v>166357</v>
      </c>
      <c r="E13529" s="1" t="s">
        <v>0</v>
      </c>
    </row>
    <row r="13530" spans="1:5" ht="409.5" x14ac:dyDescent="0.25">
      <c r="A13530" s="4" t="s">
        <v>64189</v>
      </c>
      <c r="B13530" s="1" t="s">
        <v>61153</v>
      </c>
      <c r="C13530" s="1" t="s">
        <v>31726</v>
      </c>
      <c r="D13530" s="2">
        <v>166358</v>
      </c>
      <c r="E13530" s="1" t="s">
        <v>0</v>
      </c>
    </row>
    <row r="13531" spans="1:5" x14ac:dyDescent="0.25">
      <c r="A13531" s="1" t="s">
        <v>31727</v>
      </c>
      <c r="B13531" s="1" t="s">
        <v>54020</v>
      </c>
      <c r="C13531" s="1" t="s">
        <v>31728</v>
      </c>
      <c r="D13531" s="2">
        <v>166359</v>
      </c>
      <c r="E13531" s="1" t="s">
        <v>0</v>
      </c>
    </row>
    <row r="13532" spans="1:5" x14ac:dyDescent="0.25">
      <c r="A13532" s="2">
        <v>2706</v>
      </c>
      <c r="B13532" s="2">
        <v>2706</v>
      </c>
      <c r="C13532" s="1" t="s">
        <v>0</v>
      </c>
      <c r="D13532" s="2">
        <v>166360</v>
      </c>
      <c r="E13532" s="1" t="s">
        <v>0</v>
      </c>
    </row>
    <row r="13533" spans="1:5" x14ac:dyDescent="0.25">
      <c r="A13533" s="1" t="s">
        <v>2474</v>
      </c>
      <c r="B13533" s="1" t="s">
        <v>8915</v>
      </c>
      <c r="C13533" s="1" t="s">
        <v>31729</v>
      </c>
      <c r="D13533" s="2">
        <v>166361</v>
      </c>
      <c r="E13533" s="1" t="s">
        <v>0</v>
      </c>
    </row>
    <row r="13534" spans="1:5" x14ac:dyDescent="0.25">
      <c r="A13534" s="1" t="s">
        <v>31730</v>
      </c>
      <c r="B13534" s="1" t="s">
        <v>54021</v>
      </c>
      <c r="C13534" s="1" t="s">
        <v>31731</v>
      </c>
      <c r="D13534" s="2">
        <v>166362</v>
      </c>
      <c r="E13534" s="1" t="s">
        <v>0</v>
      </c>
    </row>
    <row r="13535" spans="1:5" ht="409.5" x14ac:dyDescent="0.25">
      <c r="A13535" s="4" t="s">
        <v>31732</v>
      </c>
      <c r="B13535" s="1" t="s">
        <v>54022</v>
      </c>
      <c r="C13535" s="1" t="s">
        <v>31733</v>
      </c>
      <c r="D13535" s="2">
        <v>166363</v>
      </c>
      <c r="E13535" s="1" t="s">
        <v>0</v>
      </c>
    </row>
    <row r="13536" spans="1:5" x14ac:dyDescent="0.25">
      <c r="A13536" s="1" t="s">
        <v>31734</v>
      </c>
      <c r="B13536" s="1" t="s">
        <v>8916</v>
      </c>
      <c r="C13536" s="1" t="s">
        <v>31735</v>
      </c>
      <c r="D13536" s="2">
        <v>166364</v>
      </c>
      <c r="E13536" s="1" t="s">
        <v>0</v>
      </c>
    </row>
    <row r="13537" spans="1:5" x14ac:dyDescent="0.25">
      <c r="A13537" s="2">
        <v>2707</v>
      </c>
      <c r="B13537" s="2">
        <v>2707</v>
      </c>
      <c r="C13537" s="1" t="s">
        <v>0</v>
      </c>
      <c r="D13537" s="2">
        <v>166365</v>
      </c>
      <c r="E13537" s="1" t="s">
        <v>0</v>
      </c>
    </row>
    <row r="13538" spans="1:5" x14ac:dyDescent="0.25">
      <c r="A13538" s="1" t="s">
        <v>2475</v>
      </c>
      <c r="B13538" s="1" t="s">
        <v>8917</v>
      </c>
      <c r="C13538" s="1" t="s">
        <v>31736</v>
      </c>
      <c r="D13538" s="2">
        <v>166366</v>
      </c>
      <c r="E13538" s="1" t="s">
        <v>0</v>
      </c>
    </row>
    <row r="13539" spans="1:5" x14ac:dyDescent="0.25">
      <c r="A13539" s="1" t="s">
        <v>31737</v>
      </c>
      <c r="B13539" s="1" t="s">
        <v>8918</v>
      </c>
      <c r="C13539" s="1" t="s">
        <v>31738</v>
      </c>
      <c r="D13539" s="2">
        <v>166367</v>
      </c>
      <c r="E13539" s="1" t="s">
        <v>0</v>
      </c>
    </row>
    <row r="13540" spans="1:5" ht="409.5" x14ac:dyDescent="0.25">
      <c r="A13540" s="4" t="s">
        <v>31739</v>
      </c>
      <c r="B13540" s="1" t="s">
        <v>8919</v>
      </c>
      <c r="C13540" s="1" t="s">
        <v>31740</v>
      </c>
      <c r="D13540" s="2">
        <v>166368</v>
      </c>
      <c r="E13540" s="1" t="s">
        <v>0</v>
      </c>
    </row>
    <row r="13541" spans="1:5" x14ac:dyDescent="0.25">
      <c r="A13541" s="1" t="s">
        <v>31741</v>
      </c>
      <c r="B13541" s="1" t="s">
        <v>8920</v>
      </c>
      <c r="C13541" s="1" t="s">
        <v>31742</v>
      </c>
      <c r="D13541" s="2">
        <v>166369</v>
      </c>
      <c r="E13541" s="1" t="s">
        <v>0</v>
      </c>
    </row>
    <row r="13542" spans="1:5" x14ac:dyDescent="0.25">
      <c r="A13542" s="2">
        <v>2708</v>
      </c>
      <c r="B13542" s="2">
        <v>2708</v>
      </c>
      <c r="C13542" s="1" t="s">
        <v>0</v>
      </c>
      <c r="D13542" s="2">
        <v>166370</v>
      </c>
      <c r="E13542" s="1" t="s">
        <v>0</v>
      </c>
    </row>
    <row r="13543" spans="1:5" x14ac:dyDescent="0.25">
      <c r="A13543" s="1" t="s">
        <v>2476</v>
      </c>
      <c r="B13543" s="1" t="s">
        <v>8921</v>
      </c>
      <c r="C13543" s="1" t="s">
        <v>31743</v>
      </c>
      <c r="D13543" s="2">
        <v>166371</v>
      </c>
      <c r="E13543" s="1" t="s">
        <v>0</v>
      </c>
    </row>
    <row r="13544" spans="1:5" x14ac:dyDescent="0.25">
      <c r="A13544" s="1" t="s">
        <v>31744</v>
      </c>
      <c r="B13544" s="1" t="s">
        <v>54023</v>
      </c>
      <c r="C13544" s="1" t="s">
        <v>31745</v>
      </c>
      <c r="D13544" s="2">
        <v>166372</v>
      </c>
      <c r="E13544" s="1" t="s">
        <v>0</v>
      </c>
    </row>
    <row r="13545" spans="1:5" ht="409.5" x14ac:dyDescent="0.25">
      <c r="A13545" s="4" t="s">
        <v>31746</v>
      </c>
      <c r="B13545" s="1" t="s">
        <v>57859</v>
      </c>
      <c r="C13545" s="1" t="s">
        <v>31747</v>
      </c>
      <c r="D13545" s="2">
        <v>166373</v>
      </c>
      <c r="E13545" s="1" t="s">
        <v>0</v>
      </c>
    </row>
    <row r="13546" spans="1:5" x14ac:dyDescent="0.25">
      <c r="A13546" s="1" t="s">
        <v>31748</v>
      </c>
      <c r="B13546" s="1" t="s">
        <v>8922</v>
      </c>
      <c r="C13546" s="1" t="s">
        <v>31749</v>
      </c>
      <c r="D13546" s="2">
        <v>166374</v>
      </c>
      <c r="E13546" s="1" t="s">
        <v>0</v>
      </c>
    </row>
    <row r="13547" spans="1:5" x14ac:dyDescent="0.25">
      <c r="A13547" s="2">
        <v>2709</v>
      </c>
      <c r="B13547" s="2">
        <v>2709</v>
      </c>
      <c r="C13547" s="1" t="s">
        <v>0</v>
      </c>
      <c r="D13547" s="2">
        <v>166375</v>
      </c>
      <c r="E13547" s="1" t="s">
        <v>0</v>
      </c>
    </row>
    <row r="13548" spans="1:5" x14ac:dyDescent="0.25">
      <c r="A13548" s="1" t="s">
        <v>2477</v>
      </c>
      <c r="B13548" s="1" t="s">
        <v>61154</v>
      </c>
      <c r="C13548" s="1" t="s">
        <v>31750</v>
      </c>
      <c r="D13548" s="2">
        <v>166376</v>
      </c>
      <c r="E13548" s="1" t="s">
        <v>0</v>
      </c>
    </row>
    <row r="13549" spans="1:5" x14ac:dyDescent="0.25">
      <c r="A13549" s="1" t="s">
        <v>64190</v>
      </c>
      <c r="B13549" s="1" t="s">
        <v>60025</v>
      </c>
      <c r="C13549" s="1" t="s">
        <v>31751</v>
      </c>
      <c r="D13549" s="2">
        <v>166377</v>
      </c>
      <c r="E13549" s="1" t="s">
        <v>0</v>
      </c>
    </row>
    <row r="13550" spans="1:5" ht="409.5" x14ac:dyDescent="0.25">
      <c r="A13550" s="4" t="s">
        <v>64191</v>
      </c>
      <c r="B13550" s="1" t="s">
        <v>61501</v>
      </c>
      <c r="C13550" s="1" t="s">
        <v>31752</v>
      </c>
      <c r="D13550" s="2">
        <v>166378</v>
      </c>
      <c r="E13550" s="1" t="s">
        <v>0</v>
      </c>
    </row>
    <row r="13551" spans="1:5" x14ac:dyDescent="0.25">
      <c r="A13551" s="1" t="s">
        <v>31753</v>
      </c>
      <c r="B13551" s="1" t="s">
        <v>50751</v>
      </c>
      <c r="C13551" s="1" t="s">
        <v>31754</v>
      </c>
      <c r="D13551" s="2">
        <v>166379</v>
      </c>
      <c r="E13551" s="1" t="s">
        <v>0</v>
      </c>
    </row>
    <row r="13552" spans="1:5" x14ac:dyDescent="0.25">
      <c r="A13552" s="2">
        <v>2710</v>
      </c>
      <c r="B13552" s="2">
        <v>2710</v>
      </c>
      <c r="C13552" s="1" t="s">
        <v>0</v>
      </c>
      <c r="D13552" s="2">
        <v>166380</v>
      </c>
      <c r="E13552" s="1" t="s">
        <v>0</v>
      </c>
    </row>
    <row r="13553" spans="1:5" x14ac:dyDescent="0.25">
      <c r="A13553" s="1" t="s">
        <v>2478</v>
      </c>
      <c r="B13553" s="1" t="s">
        <v>8923</v>
      </c>
      <c r="C13553" s="1" t="s">
        <v>31755</v>
      </c>
      <c r="D13553" s="2">
        <v>166381</v>
      </c>
      <c r="E13553" s="1" t="s">
        <v>0</v>
      </c>
    </row>
    <row r="13554" spans="1:5" x14ac:dyDescent="0.25">
      <c r="A13554" s="1" t="s">
        <v>31756</v>
      </c>
      <c r="B13554" s="1" t="s">
        <v>56777</v>
      </c>
      <c r="C13554" s="1" t="s">
        <v>31757</v>
      </c>
      <c r="D13554" s="2">
        <v>166382</v>
      </c>
      <c r="E13554" s="1" t="s">
        <v>0</v>
      </c>
    </row>
    <row r="13555" spans="1:5" ht="409.5" x14ac:dyDescent="0.25">
      <c r="A13555" s="4" t="s">
        <v>31758</v>
      </c>
      <c r="B13555" s="1" t="s">
        <v>59630</v>
      </c>
      <c r="C13555" s="1" t="s">
        <v>31759</v>
      </c>
      <c r="D13555" s="2">
        <v>166383</v>
      </c>
      <c r="E13555" s="1" t="s">
        <v>0</v>
      </c>
    </row>
    <row r="13556" spans="1:5" x14ac:dyDescent="0.25">
      <c r="A13556" s="1" t="s">
        <v>31760</v>
      </c>
      <c r="B13556" s="1" t="s">
        <v>54024</v>
      </c>
      <c r="C13556" s="1" t="s">
        <v>31761</v>
      </c>
      <c r="D13556" s="2">
        <v>166384</v>
      </c>
      <c r="E13556" s="1" t="s">
        <v>0</v>
      </c>
    </row>
    <row r="13557" spans="1:5" x14ac:dyDescent="0.25">
      <c r="A13557" s="2">
        <v>2711</v>
      </c>
      <c r="B13557" s="2">
        <v>2711</v>
      </c>
      <c r="C13557" s="1" t="s">
        <v>0</v>
      </c>
      <c r="D13557" s="2">
        <v>166385</v>
      </c>
      <c r="E13557" s="1" t="s">
        <v>0</v>
      </c>
    </row>
    <row r="13558" spans="1:5" x14ac:dyDescent="0.25">
      <c r="A13558" s="1" t="s">
        <v>2479</v>
      </c>
      <c r="B13558" s="1" t="s">
        <v>8924</v>
      </c>
      <c r="C13558" s="1" t="s">
        <v>31762</v>
      </c>
      <c r="D13558" s="2">
        <v>166386</v>
      </c>
      <c r="E13558" s="1" t="s">
        <v>0</v>
      </c>
    </row>
    <row r="13559" spans="1:5" x14ac:dyDescent="0.25">
      <c r="A13559" s="1" t="s">
        <v>31763</v>
      </c>
      <c r="B13559" s="1" t="s">
        <v>8925</v>
      </c>
      <c r="C13559" s="1" t="s">
        <v>31764</v>
      </c>
      <c r="D13559" s="2">
        <v>166387</v>
      </c>
      <c r="E13559" s="1" t="s">
        <v>0</v>
      </c>
    </row>
    <row r="13560" spans="1:5" ht="409.5" x14ac:dyDescent="0.25">
      <c r="A13560" s="4" t="s">
        <v>31765</v>
      </c>
      <c r="B13560" s="1" t="s">
        <v>61155</v>
      </c>
      <c r="C13560" s="1" t="s">
        <v>31766</v>
      </c>
      <c r="D13560" s="2">
        <v>166388</v>
      </c>
      <c r="E13560" s="1" t="s">
        <v>0</v>
      </c>
    </row>
    <row r="13561" spans="1:5" x14ac:dyDescent="0.25">
      <c r="A13561" s="1" t="s">
        <v>31767</v>
      </c>
      <c r="B13561" s="1" t="s">
        <v>54025</v>
      </c>
      <c r="C13561" s="1" t="s">
        <v>31768</v>
      </c>
      <c r="D13561" s="2">
        <v>166389</v>
      </c>
      <c r="E13561" s="1" t="s">
        <v>0</v>
      </c>
    </row>
    <row r="13562" spans="1:5" x14ac:dyDescent="0.25">
      <c r="A13562" s="2">
        <v>2712</v>
      </c>
      <c r="B13562" s="2">
        <v>2712</v>
      </c>
      <c r="C13562" s="1" t="s">
        <v>0</v>
      </c>
      <c r="D13562" s="2">
        <v>166390</v>
      </c>
      <c r="E13562" s="1" t="s">
        <v>0</v>
      </c>
    </row>
    <row r="13563" spans="1:5" x14ac:dyDescent="0.25">
      <c r="A13563" s="1" t="s">
        <v>2480</v>
      </c>
      <c r="B13563" s="1" t="s">
        <v>8926</v>
      </c>
      <c r="C13563" s="1" t="s">
        <v>31769</v>
      </c>
      <c r="D13563" s="2">
        <v>166391</v>
      </c>
      <c r="E13563" s="1" t="s">
        <v>0</v>
      </c>
    </row>
    <row r="13564" spans="1:5" x14ac:dyDescent="0.25">
      <c r="A13564" s="1" t="s">
        <v>31770</v>
      </c>
      <c r="B13564" s="1" t="s">
        <v>62554</v>
      </c>
      <c r="C13564" s="1" t="s">
        <v>31771</v>
      </c>
      <c r="D13564" s="2">
        <v>166392</v>
      </c>
      <c r="E13564" s="1" t="s">
        <v>0</v>
      </c>
    </row>
    <row r="13565" spans="1:5" ht="409.5" x14ac:dyDescent="0.25">
      <c r="A13565" s="4" t="s">
        <v>31772</v>
      </c>
      <c r="B13565" s="1" t="s">
        <v>62555</v>
      </c>
      <c r="C13565" s="1" t="s">
        <v>31773</v>
      </c>
      <c r="D13565" s="2">
        <v>166393</v>
      </c>
      <c r="E13565" s="1" t="s">
        <v>0</v>
      </c>
    </row>
    <row r="13566" spans="1:5" x14ac:dyDescent="0.25">
      <c r="A13566" s="1" t="s">
        <v>31774</v>
      </c>
      <c r="B13566" s="1" t="s">
        <v>50752</v>
      </c>
      <c r="C13566" s="1" t="s">
        <v>31775</v>
      </c>
      <c r="D13566" s="2">
        <v>166394</v>
      </c>
      <c r="E13566" s="1" t="s">
        <v>0</v>
      </c>
    </row>
    <row r="13567" spans="1:5" x14ac:dyDescent="0.25">
      <c r="A13567" s="2">
        <v>2713</v>
      </c>
      <c r="B13567" s="2">
        <v>2713</v>
      </c>
      <c r="C13567" s="1" t="s">
        <v>0</v>
      </c>
      <c r="D13567" s="2">
        <v>166395</v>
      </c>
      <c r="E13567" s="1" t="s">
        <v>0</v>
      </c>
    </row>
    <row r="13568" spans="1:5" x14ac:dyDescent="0.25">
      <c r="A13568" s="1" t="s">
        <v>2481</v>
      </c>
      <c r="B13568" s="1" t="s">
        <v>8927</v>
      </c>
      <c r="C13568" s="1" t="s">
        <v>31776</v>
      </c>
      <c r="D13568" s="2">
        <v>166396</v>
      </c>
      <c r="E13568" s="1" t="s">
        <v>0</v>
      </c>
    </row>
    <row r="13569" spans="1:5" x14ac:dyDescent="0.25">
      <c r="A13569" s="1" t="s">
        <v>31777</v>
      </c>
      <c r="B13569" s="1" t="s">
        <v>50753</v>
      </c>
      <c r="C13569" s="1" t="s">
        <v>31778</v>
      </c>
      <c r="D13569" s="2">
        <v>166397</v>
      </c>
      <c r="E13569" s="1" t="s">
        <v>0</v>
      </c>
    </row>
    <row r="13570" spans="1:5" ht="409.5" x14ac:dyDescent="0.25">
      <c r="A13570" s="4" t="s">
        <v>31779</v>
      </c>
      <c r="B13570" s="1" t="s">
        <v>54026</v>
      </c>
      <c r="C13570" s="1" t="s">
        <v>31780</v>
      </c>
      <c r="D13570" s="2">
        <v>166398</v>
      </c>
      <c r="E13570" s="1" t="s">
        <v>0</v>
      </c>
    </row>
    <row r="13571" spans="1:5" x14ac:dyDescent="0.25">
      <c r="A13571" s="1" t="s">
        <v>31781</v>
      </c>
      <c r="B13571" s="1" t="s">
        <v>8928</v>
      </c>
      <c r="C13571" s="1" t="s">
        <v>31782</v>
      </c>
      <c r="D13571" s="2">
        <v>166399</v>
      </c>
      <c r="E13571" s="1" t="s">
        <v>0</v>
      </c>
    </row>
    <row r="13572" spans="1:5" x14ac:dyDescent="0.25">
      <c r="A13572" s="2">
        <v>2714</v>
      </c>
      <c r="B13572" s="2">
        <v>2714</v>
      </c>
      <c r="C13572" s="1" t="s">
        <v>0</v>
      </c>
      <c r="D13572" s="2">
        <v>166400</v>
      </c>
      <c r="E13572" s="1" t="s">
        <v>0</v>
      </c>
    </row>
    <row r="13573" spans="1:5" x14ac:dyDescent="0.25">
      <c r="A13573" s="1" t="s">
        <v>2482</v>
      </c>
      <c r="B13573" s="1" t="s">
        <v>54027</v>
      </c>
      <c r="C13573" s="1" t="s">
        <v>31783</v>
      </c>
      <c r="D13573" s="2">
        <v>166401</v>
      </c>
      <c r="E13573" s="1" t="s">
        <v>0</v>
      </c>
    </row>
    <row r="13574" spans="1:5" x14ac:dyDescent="0.25">
      <c r="A13574" s="1" t="s">
        <v>31784</v>
      </c>
      <c r="B13574" s="1" t="s">
        <v>63719</v>
      </c>
      <c r="C13574" s="1" t="s">
        <v>31785</v>
      </c>
      <c r="D13574" s="2">
        <v>166402</v>
      </c>
      <c r="E13574" s="1" t="s">
        <v>0</v>
      </c>
    </row>
    <row r="13575" spans="1:5" ht="409.5" x14ac:dyDescent="0.25">
      <c r="A13575" s="4" t="s">
        <v>31786</v>
      </c>
      <c r="B13575" s="1" t="s">
        <v>63720</v>
      </c>
      <c r="C13575" s="1" t="s">
        <v>31787</v>
      </c>
      <c r="D13575" s="2">
        <v>166403</v>
      </c>
      <c r="E13575" s="1" t="s">
        <v>0</v>
      </c>
    </row>
    <row r="13576" spans="1:5" x14ac:dyDescent="0.25">
      <c r="A13576" s="1" t="s">
        <v>31788</v>
      </c>
      <c r="B13576" s="1" t="s">
        <v>8929</v>
      </c>
      <c r="C13576" s="1" t="s">
        <v>31789</v>
      </c>
      <c r="D13576" s="2">
        <v>166404</v>
      </c>
      <c r="E13576" s="1" t="s">
        <v>0</v>
      </c>
    </row>
    <row r="13577" spans="1:5" x14ac:dyDescent="0.25">
      <c r="A13577" s="2">
        <v>2715</v>
      </c>
      <c r="B13577" s="2">
        <v>2715</v>
      </c>
      <c r="C13577" s="1" t="s">
        <v>0</v>
      </c>
      <c r="D13577" s="2">
        <v>166405</v>
      </c>
      <c r="E13577" s="1" t="s">
        <v>0</v>
      </c>
    </row>
    <row r="13578" spans="1:5" x14ac:dyDescent="0.25">
      <c r="A13578" s="1" t="s">
        <v>2483</v>
      </c>
      <c r="B13578" s="1" t="s">
        <v>8930</v>
      </c>
      <c r="C13578" s="1" t="s">
        <v>31790</v>
      </c>
      <c r="D13578" s="2">
        <v>166406</v>
      </c>
      <c r="E13578" s="1" t="s">
        <v>0</v>
      </c>
    </row>
    <row r="13579" spans="1:5" x14ac:dyDescent="0.25">
      <c r="A13579" s="1" t="s">
        <v>31791</v>
      </c>
      <c r="B13579" s="1" t="s">
        <v>62556</v>
      </c>
      <c r="C13579" s="1" t="s">
        <v>31792</v>
      </c>
      <c r="D13579" s="2">
        <v>166407</v>
      </c>
      <c r="E13579" s="1" t="s">
        <v>0</v>
      </c>
    </row>
    <row r="13580" spans="1:5" ht="409.5" x14ac:dyDescent="0.25">
      <c r="A13580" s="4" t="s">
        <v>61818</v>
      </c>
      <c r="B13580" s="1" t="s">
        <v>62557</v>
      </c>
      <c r="C13580" s="1" t="s">
        <v>31793</v>
      </c>
      <c r="D13580" s="2">
        <v>166408</v>
      </c>
      <c r="E13580" s="1" t="s">
        <v>0</v>
      </c>
    </row>
    <row r="13581" spans="1:5" x14ac:dyDescent="0.25">
      <c r="A13581" s="1" t="s">
        <v>31794</v>
      </c>
      <c r="B13581" s="1" t="s">
        <v>54028</v>
      </c>
      <c r="C13581" s="1" t="s">
        <v>31795</v>
      </c>
      <c r="D13581" s="2">
        <v>166409</v>
      </c>
      <c r="E13581" s="1" t="s">
        <v>0</v>
      </c>
    </row>
    <row r="13582" spans="1:5" x14ac:dyDescent="0.25">
      <c r="A13582" s="2">
        <v>2716</v>
      </c>
      <c r="B13582" s="2">
        <v>2716</v>
      </c>
      <c r="C13582" s="1" t="s">
        <v>0</v>
      </c>
      <c r="D13582" s="2">
        <v>166410</v>
      </c>
      <c r="E13582" s="1" t="s">
        <v>0</v>
      </c>
    </row>
    <row r="13583" spans="1:5" x14ac:dyDescent="0.25">
      <c r="A13583" s="1" t="s">
        <v>13150</v>
      </c>
      <c r="B13583" s="1" t="s">
        <v>13151</v>
      </c>
      <c r="C13583" s="1" t="s">
        <v>31796</v>
      </c>
      <c r="D13583" s="2">
        <v>166411</v>
      </c>
      <c r="E13583" s="1" t="s">
        <v>0</v>
      </c>
    </row>
    <row r="13584" spans="1:5" x14ac:dyDescent="0.25">
      <c r="A13584" s="1" t="s">
        <v>31797</v>
      </c>
      <c r="B13584" s="1" t="s">
        <v>54029</v>
      </c>
      <c r="C13584" s="1" t="s">
        <v>31798</v>
      </c>
      <c r="D13584" s="2">
        <v>166412</v>
      </c>
      <c r="E13584" s="1" t="s">
        <v>0</v>
      </c>
    </row>
    <row r="13585" spans="1:5" ht="409.5" x14ac:dyDescent="0.25">
      <c r="A13585" s="4" t="s">
        <v>31799</v>
      </c>
      <c r="B13585" s="1" t="s">
        <v>63721</v>
      </c>
      <c r="C13585" s="1" t="s">
        <v>31800</v>
      </c>
      <c r="D13585" s="2">
        <v>166413</v>
      </c>
      <c r="E13585" s="1" t="s">
        <v>0</v>
      </c>
    </row>
    <row r="13586" spans="1:5" x14ac:dyDescent="0.25">
      <c r="A13586" s="1" t="s">
        <v>31801</v>
      </c>
      <c r="B13586" s="1" t="s">
        <v>8931</v>
      </c>
      <c r="C13586" s="1" t="s">
        <v>31802</v>
      </c>
      <c r="D13586" s="2">
        <v>166414</v>
      </c>
      <c r="E13586" s="1" t="s">
        <v>0</v>
      </c>
    </row>
    <row r="13587" spans="1:5" x14ac:dyDescent="0.25">
      <c r="A13587" s="2">
        <v>2717</v>
      </c>
      <c r="B13587" s="2">
        <v>2717</v>
      </c>
      <c r="C13587" s="1" t="s">
        <v>0</v>
      </c>
      <c r="D13587" s="2">
        <v>166415</v>
      </c>
      <c r="E13587" s="1" t="s">
        <v>0</v>
      </c>
    </row>
    <row r="13588" spans="1:5" x14ac:dyDescent="0.25">
      <c r="A13588" s="1" t="s">
        <v>2484</v>
      </c>
      <c r="B13588" s="1" t="s">
        <v>8932</v>
      </c>
      <c r="C13588" s="1" t="s">
        <v>31803</v>
      </c>
      <c r="D13588" s="2">
        <v>166416</v>
      </c>
      <c r="E13588" s="1" t="s">
        <v>0</v>
      </c>
    </row>
    <row r="13589" spans="1:5" x14ac:dyDescent="0.25">
      <c r="A13589" s="1" t="s">
        <v>31804</v>
      </c>
      <c r="B13589" s="1" t="s">
        <v>50754</v>
      </c>
      <c r="C13589" s="1" t="s">
        <v>31805</v>
      </c>
      <c r="D13589" s="2">
        <v>166417</v>
      </c>
      <c r="E13589" s="1" t="s">
        <v>0</v>
      </c>
    </row>
    <row r="13590" spans="1:5" ht="409.5" x14ac:dyDescent="0.25">
      <c r="A13590" s="4" t="s">
        <v>31806</v>
      </c>
      <c r="B13590" s="1" t="s">
        <v>61502</v>
      </c>
      <c r="C13590" s="1" t="s">
        <v>31807</v>
      </c>
      <c r="D13590" s="2">
        <v>166418</v>
      </c>
      <c r="E13590" s="1" t="s">
        <v>0</v>
      </c>
    </row>
    <row r="13591" spans="1:5" x14ac:dyDescent="0.25">
      <c r="A13591" s="1" t="s">
        <v>31808</v>
      </c>
      <c r="B13591" s="1" t="s">
        <v>8933</v>
      </c>
      <c r="C13591" s="1" t="s">
        <v>31809</v>
      </c>
      <c r="D13591" s="2">
        <v>166419</v>
      </c>
      <c r="E13591" s="1" t="s">
        <v>0</v>
      </c>
    </row>
    <row r="13592" spans="1:5" x14ac:dyDescent="0.25">
      <c r="A13592" s="2">
        <v>2718</v>
      </c>
      <c r="B13592" s="2">
        <v>2718</v>
      </c>
      <c r="C13592" s="1" t="s">
        <v>0</v>
      </c>
      <c r="D13592" s="2">
        <v>166420</v>
      </c>
      <c r="E13592" s="1" t="s">
        <v>0</v>
      </c>
    </row>
    <row r="13593" spans="1:5" x14ac:dyDescent="0.25">
      <c r="A13593" s="1" t="s">
        <v>2485</v>
      </c>
      <c r="B13593" s="1" t="s">
        <v>8934</v>
      </c>
      <c r="C13593" s="1" t="s">
        <v>31810</v>
      </c>
      <c r="D13593" s="2">
        <v>166421</v>
      </c>
      <c r="E13593" s="1" t="s">
        <v>0</v>
      </c>
    </row>
    <row r="13594" spans="1:5" x14ac:dyDescent="0.25">
      <c r="A13594" s="1" t="s">
        <v>31811</v>
      </c>
      <c r="B13594" s="1" t="s">
        <v>54030</v>
      </c>
      <c r="C13594" s="1" t="s">
        <v>31812</v>
      </c>
      <c r="D13594" s="2">
        <v>166422</v>
      </c>
      <c r="E13594" s="1" t="s">
        <v>0</v>
      </c>
    </row>
    <row r="13595" spans="1:5" ht="409.5" x14ac:dyDescent="0.25">
      <c r="A13595" s="4" t="s">
        <v>31813</v>
      </c>
      <c r="B13595" s="1" t="s">
        <v>59631</v>
      </c>
      <c r="C13595" s="1" t="s">
        <v>31814</v>
      </c>
      <c r="D13595" s="2">
        <v>166423</v>
      </c>
      <c r="E13595" s="1" t="s">
        <v>0</v>
      </c>
    </row>
    <row r="13596" spans="1:5" x14ac:dyDescent="0.25">
      <c r="A13596" s="1" t="s">
        <v>31815</v>
      </c>
      <c r="B13596" s="1" t="s">
        <v>54031</v>
      </c>
      <c r="C13596" s="1" t="s">
        <v>31816</v>
      </c>
      <c r="D13596" s="2">
        <v>166424</v>
      </c>
      <c r="E13596" s="1" t="s">
        <v>0</v>
      </c>
    </row>
    <row r="13597" spans="1:5" x14ac:dyDescent="0.25">
      <c r="A13597" s="2">
        <v>2719</v>
      </c>
      <c r="B13597" s="2">
        <v>2719</v>
      </c>
      <c r="C13597" s="1" t="s">
        <v>0</v>
      </c>
      <c r="D13597" s="2">
        <v>166425</v>
      </c>
      <c r="E13597" s="1" t="s">
        <v>0</v>
      </c>
    </row>
    <row r="13598" spans="1:5" x14ac:dyDescent="0.25">
      <c r="A13598" s="1" t="s">
        <v>2486</v>
      </c>
      <c r="B13598" s="1" t="s">
        <v>50755</v>
      </c>
      <c r="C13598" s="1" t="s">
        <v>31817</v>
      </c>
      <c r="D13598" s="2">
        <v>166426</v>
      </c>
      <c r="E13598" s="1" t="s">
        <v>0</v>
      </c>
    </row>
    <row r="13599" spans="1:5" x14ac:dyDescent="0.25">
      <c r="A13599" s="1" t="s">
        <v>31818</v>
      </c>
      <c r="B13599" s="1" t="s">
        <v>59632</v>
      </c>
      <c r="C13599" s="1" t="s">
        <v>31819</v>
      </c>
      <c r="D13599" s="2">
        <v>166427</v>
      </c>
      <c r="E13599" s="1" t="s">
        <v>0</v>
      </c>
    </row>
    <row r="13600" spans="1:5" ht="409.5" x14ac:dyDescent="0.25">
      <c r="A13600" s="4" t="s">
        <v>64192</v>
      </c>
      <c r="B13600" s="1" t="s">
        <v>59633</v>
      </c>
      <c r="C13600" s="1" t="s">
        <v>31820</v>
      </c>
      <c r="D13600" s="2">
        <v>166428</v>
      </c>
      <c r="E13600" s="1" t="s">
        <v>0</v>
      </c>
    </row>
    <row r="13601" spans="1:5" x14ac:dyDescent="0.25">
      <c r="A13601" s="1" t="s">
        <v>31821</v>
      </c>
      <c r="B13601" s="1" t="s">
        <v>54032</v>
      </c>
      <c r="C13601" s="1" t="s">
        <v>31822</v>
      </c>
      <c r="D13601" s="2">
        <v>166429</v>
      </c>
      <c r="E13601" s="1" t="s">
        <v>0</v>
      </c>
    </row>
    <row r="13602" spans="1:5" x14ac:dyDescent="0.25">
      <c r="A13602" s="2">
        <v>2720</v>
      </c>
      <c r="B13602" s="2">
        <v>2720</v>
      </c>
      <c r="C13602" s="1" t="s">
        <v>0</v>
      </c>
      <c r="D13602" s="2">
        <v>166430</v>
      </c>
      <c r="E13602" s="1" t="s">
        <v>0</v>
      </c>
    </row>
    <row r="13603" spans="1:5" x14ac:dyDescent="0.25">
      <c r="A13603" s="1" t="s">
        <v>2487</v>
      </c>
      <c r="B13603" s="1" t="s">
        <v>8935</v>
      </c>
      <c r="C13603" s="1" t="s">
        <v>31823</v>
      </c>
      <c r="D13603" s="2">
        <v>166431</v>
      </c>
      <c r="E13603" s="1" t="s">
        <v>0</v>
      </c>
    </row>
    <row r="13604" spans="1:5" x14ac:dyDescent="0.25">
      <c r="A13604" s="1" t="s">
        <v>31824</v>
      </c>
      <c r="B13604" s="1" t="s">
        <v>8936</v>
      </c>
      <c r="C13604" s="1" t="s">
        <v>31825</v>
      </c>
      <c r="D13604" s="2">
        <v>166432</v>
      </c>
      <c r="E13604" s="1" t="s">
        <v>0</v>
      </c>
    </row>
    <row r="13605" spans="1:5" ht="409.5" x14ac:dyDescent="0.25">
      <c r="A13605" s="4" t="s">
        <v>31826</v>
      </c>
      <c r="B13605" s="1" t="s">
        <v>63375</v>
      </c>
      <c r="C13605" s="1" t="s">
        <v>31827</v>
      </c>
      <c r="D13605" s="2">
        <v>166433</v>
      </c>
      <c r="E13605" s="1" t="s">
        <v>0</v>
      </c>
    </row>
    <row r="13606" spans="1:5" x14ac:dyDescent="0.25">
      <c r="A13606" s="1" t="s">
        <v>31828</v>
      </c>
      <c r="B13606" s="1" t="s">
        <v>8937</v>
      </c>
      <c r="C13606" s="1" t="s">
        <v>31829</v>
      </c>
      <c r="D13606" s="2">
        <v>166434</v>
      </c>
      <c r="E13606" s="1" t="s">
        <v>0</v>
      </c>
    </row>
    <row r="13607" spans="1:5" x14ac:dyDescent="0.25">
      <c r="A13607" s="2">
        <v>2721</v>
      </c>
      <c r="B13607" s="2">
        <v>2721</v>
      </c>
      <c r="C13607" s="1" t="s">
        <v>0</v>
      </c>
      <c r="D13607" s="2">
        <v>166435</v>
      </c>
      <c r="E13607" s="1" t="s">
        <v>0</v>
      </c>
    </row>
    <row r="13608" spans="1:5" x14ac:dyDescent="0.25">
      <c r="A13608" s="1" t="s">
        <v>2488</v>
      </c>
      <c r="B13608" s="1" t="s">
        <v>56948</v>
      </c>
      <c r="C13608" s="1" t="s">
        <v>31830</v>
      </c>
      <c r="D13608" s="2">
        <v>166436</v>
      </c>
      <c r="E13608" s="1" t="s">
        <v>0</v>
      </c>
    </row>
    <row r="13609" spans="1:5" x14ac:dyDescent="0.25">
      <c r="A13609" s="1" t="s">
        <v>61819</v>
      </c>
      <c r="B13609" s="1" t="s">
        <v>63376</v>
      </c>
      <c r="C13609" s="1" t="s">
        <v>61820</v>
      </c>
      <c r="D13609" s="2">
        <v>166437</v>
      </c>
      <c r="E13609" s="1" t="s">
        <v>0</v>
      </c>
    </row>
    <row r="13610" spans="1:5" ht="409.5" x14ac:dyDescent="0.25">
      <c r="A13610" s="4" t="s">
        <v>61821</v>
      </c>
      <c r="B13610" s="1" t="s">
        <v>63377</v>
      </c>
      <c r="C13610" s="1" t="s">
        <v>31831</v>
      </c>
      <c r="D13610" s="2">
        <v>166438</v>
      </c>
      <c r="E13610" s="1" t="s">
        <v>0</v>
      </c>
    </row>
    <row r="13611" spans="1:5" x14ac:dyDescent="0.25">
      <c r="A13611" s="1" t="s">
        <v>31832</v>
      </c>
      <c r="B13611" s="1" t="s">
        <v>54033</v>
      </c>
      <c r="C13611" s="1" t="s">
        <v>31833</v>
      </c>
      <c r="D13611" s="2">
        <v>166439</v>
      </c>
      <c r="E13611" s="1" t="s">
        <v>0</v>
      </c>
    </row>
    <row r="13612" spans="1:5" x14ac:dyDescent="0.25">
      <c r="A13612" s="2">
        <v>2722</v>
      </c>
      <c r="B13612" s="2">
        <v>2722</v>
      </c>
      <c r="C13612" s="1" t="s">
        <v>0</v>
      </c>
      <c r="D13612" s="2">
        <v>166440</v>
      </c>
      <c r="E13612" s="1" t="s">
        <v>0</v>
      </c>
    </row>
    <row r="13613" spans="1:5" x14ac:dyDescent="0.25">
      <c r="A13613" s="1" t="s">
        <v>2489</v>
      </c>
      <c r="B13613" s="1" t="s">
        <v>8938</v>
      </c>
      <c r="C13613" s="1" t="s">
        <v>31834</v>
      </c>
      <c r="D13613" s="2">
        <v>166441</v>
      </c>
      <c r="E13613" s="1" t="s">
        <v>0</v>
      </c>
    </row>
    <row r="13614" spans="1:5" x14ac:dyDescent="0.25">
      <c r="A13614" s="1" t="s">
        <v>31835</v>
      </c>
      <c r="B13614" s="1" t="s">
        <v>56778</v>
      </c>
      <c r="C13614" s="1" t="s">
        <v>31836</v>
      </c>
      <c r="D13614" s="2">
        <v>166442</v>
      </c>
      <c r="E13614" s="1" t="s">
        <v>0</v>
      </c>
    </row>
    <row r="13615" spans="1:5" ht="409.5" x14ac:dyDescent="0.25">
      <c r="A13615" s="4" t="s">
        <v>31837</v>
      </c>
      <c r="B13615" s="1" t="s">
        <v>56779</v>
      </c>
      <c r="C13615" s="1" t="s">
        <v>31838</v>
      </c>
      <c r="D13615" s="2">
        <v>166443</v>
      </c>
      <c r="E13615" s="1" t="s">
        <v>0</v>
      </c>
    </row>
    <row r="13616" spans="1:5" x14ac:dyDescent="0.25">
      <c r="A13616" s="1" t="s">
        <v>31839</v>
      </c>
      <c r="B13616" s="1" t="s">
        <v>8939</v>
      </c>
      <c r="C13616" s="1" t="s">
        <v>31840</v>
      </c>
      <c r="D13616" s="2">
        <v>166444</v>
      </c>
      <c r="E13616" s="1" t="s">
        <v>0</v>
      </c>
    </row>
    <row r="13617" spans="1:5" x14ac:dyDescent="0.25">
      <c r="A13617" s="2">
        <v>2723</v>
      </c>
      <c r="B13617" s="2">
        <v>2723</v>
      </c>
      <c r="C13617" s="1" t="s">
        <v>0</v>
      </c>
      <c r="D13617" s="2">
        <v>166445</v>
      </c>
      <c r="E13617" s="1" t="s">
        <v>0</v>
      </c>
    </row>
    <row r="13618" spans="1:5" x14ac:dyDescent="0.25">
      <c r="A13618" s="1" t="s">
        <v>2490</v>
      </c>
      <c r="B13618" s="1" t="s">
        <v>8940</v>
      </c>
      <c r="C13618" s="1" t="s">
        <v>31841</v>
      </c>
      <c r="D13618" s="2">
        <v>166446</v>
      </c>
      <c r="E13618" s="1" t="s">
        <v>0</v>
      </c>
    </row>
    <row r="13619" spans="1:5" x14ac:dyDescent="0.25">
      <c r="A13619" s="1" t="s">
        <v>31842</v>
      </c>
      <c r="B13619" s="1" t="s">
        <v>54034</v>
      </c>
      <c r="C13619" s="1" t="s">
        <v>31843</v>
      </c>
      <c r="D13619" s="2">
        <v>166447</v>
      </c>
      <c r="E13619" s="1" t="s">
        <v>0</v>
      </c>
    </row>
    <row r="13620" spans="1:5" ht="409.5" x14ac:dyDescent="0.25">
      <c r="A13620" s="4" t="s">
        <v>31844</v>
      </c>
      <c r="B13620" s="1" t="s">
        <v>57860</v>
      </c>
      <c r="C13620" s="1" t="s">
        <v>31845</v>
      </c>
      <c r="D13620" s="2">
        <v>166448</v>
      </c>
      <c r="E13620" s="1" t="s">
        <v>0</v>
      </c>
    </row>
    <row r="13621" spans="1:5" x14ac:dyDescent="0.25">
      <c r="A13621" s="1" t="s">
        <v>31846</v>
      </c>
      <c r="B13621" s="1" t="s">
        <v>54035</v>
      </c>
      <c r="C13621" s="1" t="s">
        <v>31847</v>
      </c>
      <c r="D13621" s="2">
        <v>166449</v>
      </c>
      <c r="E13621" s="1" t="s">
        <v>0</v>
      </c>
    </row>
    <row r="13622" spans="1:5" x14ac:dyDescent="0.25">
      <c r="A13622" s="2">
        <v>2724</v>
      </c>
      <c r="B13622" s="2">
        <v>2724</v>
      </c>
      <c r="C13622" s="1" t="s">
        <v>0</v>
      </c>
      <c r="D13622" s="2">
        <v>166450</v>
      </c>
      <c r="E13622" s="1" t="s">
        <v>0</v>
      </c>
    </row>
    <row r="13623" spans="1:5" x14ac:dyDescent="0.25">
      <c r="A13623" s="1" t="s">
        <v>2491</v>
      </c>
      <c r="B13623" s="1" t="s">
        <v>60026</v>
      </c>
      <c r="C13623" s="1" t="s">
        <v>31848</v>
      </c>
      <c r="D13623" s="2">
        <v>166451</v>
      </c>
      <c r="E13623" s="1" t="s">
        <v>0</v>
      </c>
    </row>
    <row r="13624" spans="1:5" x14ac:dyDescent="0.25">
      <c r="A13624" s="1" t="s">
        <v>31849</v>
      </c>
      <c r="B13624" s="1" t="s">
        <v>60027</v>
      </c>
      <c r="C13624" s="1" t="s">
        <v>31850</v>
      </c>
      <c r="D13624" s="2">
        <v>166452</v>
      </c>
      <c r="E13624" s="1" t="s">
        <v>0</v>
      </c>
    </row>
    <row r="13625" spans="1:5" ht="409.5" x14ac:dyDescent="0.25">
      <c r="A13625" s="4" t="s">
        <v>31851</v>
      </c>
      <c r="B13625" s="1" t="s">
        <v>60028</v>
      </c>
      <c r="C13625" s="1" t="s">
        <v>31852</v>
      </c>
      <c r="D13625" s="2">
        <v>166453</v>
      </c>
      <c r="E13625" s="1" t="s">
        <v>0</v>
      </c>
    </row>
    <row r="13626" spans="1:5" x14ac:dyDescent="0.25">
      <c r="A13626" s="1" t="s">
        <v>31853</v>
      </c>
      <c r="B13626" s="1" t="s">
        <v>60029</v>
      </c>
      <c r="C13626" s="1" t="s">
        <v>31854</v>
      </c>
      <c r="D13626" s="2">
        <v>166454</v>
      </c>
      <c r="E13626" s="1" t="s">
        <v>0</v>
      </c>
    </row>
    <row r="13627" spans="1:5" x14ac:dyDescent="0.25">
      <c r="A13627" s="2">
        <v>2725</v>
      </c>
      <c r="B13627" s="2">
        <v>2725</v>
      </c>
      <c r="C13627" s="1" t="s">
        <v>0</v>
      </c>
      <c r="D13627" s="2">
        <v>166455</v>
      </c>
      <c r="E13627" s="1" t="s">
        <v>0</v>
      </c>
    </row>
    <row r="13628" spans="1:5" x14ac:dyDescent="0.25">
      <c r="A13628" s="1" t="s">
        <v>2492</v>
      </c>
      <c r="B13628" s="1" t="s">
        <v>8941</v>
      </c>
      <c r="C13628" s="1" t="s">
        <v>31855</v>
      </c>
      <c r="D13628" s="2">
        <v>166456</v>
      </c>
      <c r="E13628" s="1" t="s">
        <v>0</v>
      </c>
    </row>
    <row r="13629" spans="1:5" x14ac:dyDescent="0.25">
      <c r="A13629" s="1" t="s">
        <v>31856</v>
      </c>
      <c r="B13629" s="1" t="s">
        <v>8942</v>
      </c>
      <c r="C13629" s="1" t="s">
        <v>31857</v>
      </c>
      <c r="D13629" s="2">
        <v>166457</v>
      </c>
      <c r="E13629" s="1" t="s">
        <v>0</v>
      </c>
    </row>
    <row r="13630" spans="1:5" ht="409.5" x14ac:dyDescent="0.25">
      <c r="A13630" s="4" t="s">
        <v>31858</v>
      </c>
      <c r="B13630" s="1" t="s">
        <v>54036</v>
      </c>
      <c r="C13630" s="1" t="s">
        <v>31859</v>
      </c>
      <c r="D13630" s="2">
        <v>166458</v>
      </c>
      <c r="E13630" s="1" t="s">
        <v>0</v>
      </c>
    </row>
    <row r="13631" spans="1:5" x14ac:dyDescent="0.25">
      <c r="A13631" s="1" t="s">
        <v>31860</v>
      </c>
      <c r="B13631" s="1" t="s">
        <v>8943</v>
      </c>
      <c r="C13631" s="1" t="s">
        <v>31861</v>
      </c>
      <c r="D13631" s="2">
        <v>166459</v>
      </c>
      <c r="E13631" s="1" t="s">
        <v>0</v>
      </c>
    </row>
    <row r="13632" spans="1:5" x14ac:dyDescent="0.25">
      <c r="A13632" s="2">
        <v>2726</v>
      </c>
      <c r="B13632" s="2">
        <v>2726</v>
      </c>
      <c r="C13632" s="1" t="s">
        <v>0</v>
      </c>
      <c r="D13632" s="2">
        <v>166460</v>
      </c>
      <c r="E13632" s="1" t="s">
        <v>0</v>
      </c>
    </row>
    <row r="13633" spans="1:5" x14ac:dyDescent="0.25">
      <c r="A13633" s="1" t="s">
        <v>2493</v>
      </c>
      <c r="B13633" s="1" t="s">
        <v>8944</v>
      </c>
      <c r="C13633" s="1" t="s">
        <v>31862</v>
      </c>
      <c r="D13633" s="2">
        <v>166461</v>
      </c>
      <c r="E13633" s="1" t="s">
        <v>0</v>
      </c>
    </row>
    <row r="13634" spans="1:5" x14ac:dyDescent="0.25">
      <c r="A13634" s="1" t="s">
        <v>31863</v>
      </c>
      <c r="B13634" s="1" t="s">
        <v>57861</v>
      </c>
      <c r="C13634" s="1" t="s">
        <v>31864</v>
      </c>
      <c r="D13634" s="2">
        <v>166462</v>
      </c>
      <c r="E13634" s="1" t="s">
        <v>0</v>
      </c>
    </row>
    <row r="13635" spans="1:5" ht="409.5" x14ac:dyDescent="0.25">
      <c r="A13635" s="4" t="s">
        <v>31865</v>
      </c>
      <c r="B13635" s="1" t="s">
        <v>57862</v>
      </c>
      <c r="C13635" s="1" t="s">
        <v>31866</v>
      </c>
      <c r="D13635" s="2">
        <v>166463</v>
      </c>
      <c r="E13635" s="1" t="s">
        <v>0</v>
      </c>
    </row>
    <row r="13636" spans="1:5" x14ac:dyDescent="0.25">
      <c r="A13636" s="1" t="s">
        <v>31867</v>
      </c>
      <c r="B13636" s="1" t="s">
        <v>54037</v>
      </c>
      <c r="C13636" s="1" t="s">
        <v>31868</v>
      </c>
      <c r="D13636" s="2">
        <v>166464</v>
      </c>
      <c r="E13636" s="1" t="s">
        <v>0</v>
      </c>
    </row>
    <row r="13637" spans="1:5" x14ac:dyDescent="0.25">
      <c r="A13637" s="2">
        <v>2727</v>
      </c>
      <c r="B13637" s="2">
        <v>2727</v>
      </c>
      <c r="C13637" s="1" t="s">
        <v>0</v>
      </c>
      <c r="D13637" s="2">
        <v>166465</v>
      </c>
      <c r="E13637" s="1" t="s">
        <v>0</v>
      </c>
    </row>
    <row r="13638" spans="1:5" x14ac:dyDescent="0.25">
      <c r="A13638" s="1" t="s">
        <v>2494</v>
      </c>
      <c r="B13638" s="1" t="s">
        <v>8945</v>
      </c>
      <c r="C13638" s="1" t="s">
        <v>31869</v>
      </c>
      <c r="D13638" s="2">
        <v>166466</v>
      </c>
      <c r="E13638" s="1" t="s">
        <v>0</v>
      </c>
    </row>
    <row r="13639" spans="1:5" x14ac:dyDescent="0.25">
      <c r="A13639" s="1" t="s">
        <v>31870</v>
      </c>
      <c r="B13639" s="1" t="s">
        <v>8946</v>
      </c>
      <c r="C13639" s="1" t="s">
        <v>31871</v>
      </c>
      <c r="D13639" s="2">
        <v>166467</v>
      </c>
      <c r="E13639" s="1" t="s">
        <v>0</v>
      </c>
    </row>
    <row r="13640" spans="1:5" ht="409.5" x14ac:dyDescent="0.25">
      <c r="A13640" s="4" t="s">
        <v>31872</v>
      </c>
      <c r="B13640" s="1" t="s">
        <v>60620</v>
      </c>
      <c r="C13640" s="1" t="s">
        <v>31873</v>
      </c>
      <c r="D13640" s="2">
        <v>166468</v>
      </c>
      <c r="E13640" s="1" t="s">
        <v>0</v>
      </c>
    </row>
    <row r="13641" spans="1:5" x14ac:dyDescent="0.25">
      <c r="A13641" s="1" t="s">
        <v>31874</v>
      </c>
      <c r="B13641" s="1" t="s">
        <v>54038</v>
      </c>
      <c r="C13641" s="1" t="s">
        <v>31875</v>
      </c>
      <c r="D13641" s="2">
        <v>166469</v>
      </c>
      <c r="E13641" s="1" t="s">
        <v>0</v>
      </c>
    </row>
    <row r="13642" spans="1:5" x14ac:dyDescent="0.25">
      <c r="A13642" s="2">
        <v>2728</v>
      </c>
      <c r="B13642" s="2">
        <v>2728</v>
      </c>
      <c r="C13642" s="1" t="s">
        <v>0</v>
      </c>
      <c r="D13642" s="2">
        <v>166470</v>
      </c>
      <c r="E13642" s="1" t="s">
        <v>0</v>
      </c>
    </row>
    <row r="13643" spans="1:5" x14ac:dyDescent="0.25">
      <c r="A13643" s="1" t="s">
        <v>2495</v>
      </c>
      <c r="B13643" s="1" t="s">
        <v>8947</v>
      </c>
      <c r="C13643" s="1" t="s">
        <v>31876</v>
      </c>
      <c r="D13643" s="2">
        <v>166471</v>
      </c>
      <c r="E13643" s="1" t="s">
        <v>0</v>
      </c>
    </row>
    <row r="13644" spans="1:5" x14ac:dyDescent="0.25">
      <c r="A13644" s="1" t="s">
        <v>31877</v>
      </c>
      <c r="B13644" s="1" t="s">
        <v>54039</v>
      </c>
      <c r="C13644" s="1" t="s">
        <v>31878</v>
      </c>
      <c r="D13644" s="2">
        <v>166472</v>
      </c>
      <c r="E13644" s="1" t="s">
        <v>0</v>
      </c>
    </row>
    <row r="13645" spans="1:5" ht="409.5" x14ac:dyDescent="0.25">
      <c r="A13645" s="4" t="s">
        <v>31879</v>
      </c>
      <c r="B13645" s="1" t="s">
        <v>54040</v>
      </c>
      <c r="C13645" s="1" t="s">
        <v>31880</v>
      </c>
      <c r="D13645" s="2">
        <v>166473</v>
      </c>
      <c r="E13645" s="1" t="s">
        <v>0</v>
      </c>
    </row>
    <row r="13646" spans="1:5" x14ac:dyDescent="0.25">
      <c r="A13646" s="1" t="s">
        <v>31881</v>
      </c>
      <c r="B13646" s="1" t="s">
        <v>8948</v>
      </c>
      <c r="C13646" s="1" t="s">
        <v>31882</v>
      </c>
      <c r="D13646" s="2">
        <v>166474</v>
      </c>
      <c r="E13646" s="1" t="s">
        <v>0</v>
      </c>
    </row>
    <row r="13647" spans="1:5" x14ac:dyDescent="0.25">
      <c r="A13647" s="2">
        <v>2729</v>
      </c>
      <c r="B13647" s="2">
        <v>2729</v>
      </c>
      <c r="C13647" s="1" t="s">
        <v>0</v>
      </c>
      <c r="D13647" s="2">
        <v>166475</v>
      </c>
      <c r="E13647" s="1" t="s">
        <v>0</v>
      </c>
    </row>
    <row r="13648" spans="1:5" x14ac:dyDescent="0.25">
      <c r="A13648" s="1" t="s">
        <v>2496</v>
      </c>
      <c r="B13648" s="1" t="s">
        <v>8949</v>
      </c>
      <c r="C13648" s="1" t="s">
        <v>31883</v>
      </c>
      <c r="D13648" s="2">
        <v>166476</v>
      </c>
      <c r="E13648" s="1" t="s">
        <v>0</v>
      </c>
    </row>
    <row r="13649" spans="1:5" x14ac:dyDescent="0.25">
      <c r="A13649" s="1" t="s">
        <v>31884</v>
      </c>
      <c r="B13649" s="1" t="s">
        <v>54041</v>
      </c>
      <c r="C13649" s="1" t="s">
        <v>31885</v>
      </c>
      <c r="D13649" s="2">
        <v>166477</v>
      </c>
      <c r="E13649" s="1" t="s">
        <v>0</v>
      </c>
    </row>
    <row r="13650" spans="1:5" ht="409.5" x14ac:dyDescent="0.25">
      <c r="A13650" s="4" t="s">
        <v>31886</v>
      </c>
      <c r="B13650" s="1" t="s">
        <v>58084</v>
      </c>
      <c r="C13650" s="1" t="s">
        <v>31887</v>
      </c>
      <c r="D13650" s="2">
        <v>166478</v>
      </c>
      <c r="E13650" s="1" t="s">
        <v>0</v>
      </c>
    </row>
    <row r="13651" spans="1:5" x14ac:dyDescent="0.25">
      <c r="A13651" s="1" t="s">
        <v>13413</v>
      </c>
      <c r="B13651" s="1" t="s">
        <v>60845</v>
      </c>
      <c r="C13651" s="1" t="s">
        <v>13414</v>
      </c>
      <c r="D13651" s="2">
        <v>166479</v>
      </c>
      <c r="E13651" s="1" t="s">
        <v>0</v>
      </c>
    </row>
    <row r="13652" spans="1:5" x14ac:dyDescent="0.25">
      <c r="A13652" s="2">
        <v>2730</v>
      </c>
      <c r="B13652" s="2">
        <v>2730</v>
      </c>
      <c r="C13652" s="1" t="s">
        <v>0</v>
      </c>
      <c r="D13652" s="2">
        <v>166480</v>
      </c>
      <c r="E13652" s="1" t="s">
        <v>0</v>
      </c>
    </row>
    <row r="13653" spans="1:5" x14ac:dyDescent="0.25">
      <c r="A13653" s="1" t="s">
        <v>2497</v>
      </c>
      <c r="B13653" s="1" t="s">
        <v>8950</v>
      </c>
      <c r="C13653" s="1" t="s">
        <v>31888</v>
      </c>
      <c r="D13653" s="2">
        <v>166481</v>
      </c>
      <c r="E13653" s="1" t="s">
        <v>0</v>
      </c>
    </row>
    <row r="13654" spans="1:5" x14ac:dyDescent="0.25">
      <c r="A13654" s="1" t="s">
        <v>31889</v>
      </c>
      <c r="B13654" s="1" t="s">
        <v>54042</v>
      </c>
      <c r="C13654" s="1" t="s">
        <v>31890</v>
      </c>
      <c r="D13654" s="2">
        <v>166482</v>
      </c>
      <c r="E13654" s="1" t="s">
        <v>0</v>
      </c>
    </row>
    <row r="13655" spans="1:5" ht="409.5" x14ac:dyDescent="0.25">
      <c r="A13655" s="4" t="s">
        <v>31891</v>
      </c>
      <c r="B13655" s="1" t="s">
        <v>54043</v>
      </c>
      <c r="C13655" s="1" t="s">
        <v>31892</v>
      </c>
      <c r="D13655" s="2">
        <v>166483</v>
      </c>
      <c r="E13655" s="1" t="s">
        <v>0</v>
      </c>
    </row>
    <row r="13656" spans="1:5" x14ac:dyDescent="0.25">
      <c r="A13656" s="1" t="s">
        <v>31893</v>
      </c>
      <c r="B13656" s="1" t="s">
        <v>8951</v>
      </c>
      <c r="C13656" s="1" t="s">
        <v>31894</v>
      </c>
      <c r="D13656" s="2">
        <v>166484</v>
      </c>
      <c r="E13656" s="1" t="s">
        <v>0</v>
      </c>
    </row>
    <row r="13657" spans="1:5" x14ac:dyDescent="0.25">
      <c r="A13657" s="2">
        <v>2731</v>
      </c>
      <c r="B13657" s="2">
        <v>2731</v>
      </c>
      <c r="C13657" s="1" t="s">
        <v>0</v>
      </c>
      <c r="D13657" s="2">
        <v>166485</v>
      </c>
      <c r="E13657" s="1" t="s">
        <v>0</v>
      </c>
    </row>
    <row r="13658" spans="1:5" x14ac:dyDescent="0.25">
      <c r="A13658" s="1" t="s">
        <v>2498</v>
      </c>
      <c r="B13658" s="1" t="s">
        <v>8952</v>
      </c>
      <c r="C13658" s="1" t="s">
        <v>31895</v>
      </c>
      <c r="D13658" s="2">
        <v>166486</v>
      </c>
      <c r="E13658" s="1" t="s">
        <v>0</v>
      </c>
    </row>
    <row r="13659" spans="1:5" x14ac:dyDescent="0.25">
      <c r="A13659" s="1" t="s">
        <v>31896</v>
      </c>
      <c r="B13659" s="1" t="s">
        <v>54044</v>
      </c>
      <c r="C13659" s="1" t="s">
        <v>31897</v>
      </c>
      <c r="D13659" s="2">
        <v>166487</v>
      </c>
      <c r="E13659" s="1" t="s">
        <v>0</v>
      </c>
    </row>
    <row r="13660" spans="1:5" ht="409.5" x14ac:dyDescent="0.25">
      <c r="A13660" s="4" t="s">
        <v>31898</v>
      </c>
      <c r="B13660" s="1" t="s">
        <v>61156</v>
      </c>
      <c r="C13660" s="1" t="s">
        <v>31899</v>
      </c>
      <c r="D13660" s="2">
        <v>166488</v>
      </c>
      <c r="E13660" s="1" t="s">
        <v>0</v>
      </c>
    </row>
    <row r="13661" spans="1:5" x14ac:dyDescent="0.25">
      <c r="A13661" s="1" t="s">
        <v>31900</v>
      </c>
      <c r="B13661" s="1" t="s">
        <v>8953</v>
      </c>
      <c r="C13661" s="1" t="s">
        <v>31901</v>
      </c>
      <c r="D13661" s="2">
        <v>166489</v>
      </c>
      <c r="E13661" s="1" t="s">
        <v>0</v>
      </c>
    </row>
    <row r="13662" spans="1:5" x14ac:dyDescent="0.25">
      <c r="A13662" s="2">
        <v>2732</v>
      </c>
      <c r="B13662" s="2">
        <v>2732</v>
      </c>
      <c r="C13662" s="1" t="s">
        <v>0</v>
      </c>
      <c r="D13662" s="2">
        <v>166490</v>
      </c>
      <c r="E13662" s="1" t="s">
        <v>0</v>
      </c>
    </row>
    <row r="13663" spans="1:5" x14ac:dyDescent="0.25">
      <c r="A13663" s="1" t="s">
        <v>2499</v>
      </c>
      <c r="B13663" s="1" t="s">
        <v>8954</v>
      </c>
      <c r="C13663" s="1" t="s">
        <v>31902</v>
      </c>
      <c r="D13663" s="2">
        <v>166491</v>
      </c>
      <c r="E13663" s="1" t="s">
        <v>0</v>
      </c>
    </row>
    <row r="13664" spans="1:5" x14ac:dyDescent="0.25">
      <c r="A13664" s="1" t="s">
        <v>31903</v>
      </c>
      <c r="B13664" s="1" t="s">
        <v>58407</v>
      </c>
      <c r="C13664" s="1" t="s">
        <v>31904</v>
      </c>
      <c r="D13664" s="2">
        <v>166492</v>
      </c>
      <c r="E13664" s="1" t="s">
        <v>0</v>
      </c>
    </row>
    <row r="13665" spans="1:5" ht="409.5" x14ac:dyDescent="0.25">
      <c r="A13665" s="4" t="s">
        <v>31905</v>
      </c>
      <c r="B13665" s="1" t="s">
        <v>62558</v>
      </c>
      <c r="C13665" s="1" t="s">
        <v>31906</v>
      </c>
      <c r="D13665" s="2">
        <v>166493</v>
      </c>
      <c r="E13665" s="1" t="s">
        <v>0</v>
      </c>
    </row>
    <row r="13666" spans="1:5" x14ac:dyDescent="0.25">
      <c r="A13666" s="1" t="s">
        <v>31907</v>
      </c>
      <c r="B13666" s="1" t="s">
        <v>58408</v>
      </c>
      <c r="C13666" s="1" t="s">
        <v>31908</v>
      </c>
      <c r="D13666" s="2">
        <v>166494</v>
      </c>
      <c r="E13666" s="1" t="s">
        <v>0</v>
      </c>
    </row>
    <row r="13667" spans="1:5" x14ac:dyDescent="0.25">
      <c r="A13667" s="2">
        <v>2733</v>
      </c>
      <c r="B13667" s="2">
        <v>2733</v>
      </c>
      <c r="C13667" s="1" t="s">
        <v>0</v>
      </c>
      <c r="D13667" s="2">
        <v>166495</v>
      </c>
      <c r="E13667" s="1" t="s">
        <v>0</v>
      </c>
    </row>
    <row r="13668" spans="1:5" x14ac:dyDescent="0.25">
      <c r="A13668" s="1" t="s">
        <v>13152</v>
      </c>
      <c r="B13668" s="1" t="s">
        <v>13153</v>
      </c>
      <c r="C13668" s="1" t="s">
        <v>31909</v>
      </c>
      <c r="D13668" s="2">
        <v>166496</v>
      </c>
      <c r="E13668" s="1" t="s">
        <v>0</v>
      </c>
    </row>
    <row r="13669" spans="1:5" x14ac:dyDescent="0.25">
      <c r="A13669" s="1" t="s">
        <v>31910</v>
      </c>
      <c r="B13669" s="1" t="s">
        <v>54045</v>
      </c>
      <c r="C13669" s="1" t="s">
        <v>31911</v>
      </c>
      <c r="D13669" s="2">
        <v>166497</v>
      </c>
      <c r="E13669" s="1" t="s">
        <v>0</v>
      </c>
    </row>
    <row r="13670" spans="1:5" ht="409.5" x14ac:dyDescent="0.25">
      <c r="A13670" s="4" t="s">
        <v>31912</v>
      </c>
      <c r="B13670" s="1" t="s">
        <v>54046</v>
      </c>
      <c r="C13670" s="1" t="s">
        <v>31913</v>
      </c>
      <c r="D13670" s="2">
        <v>166498</v>
      </c>
      <c r="E13670" s="1" t="s">
        <v>0</v>
      </c>
    </row>
    <row r="13671" spans="1:5" x14ac:dyDescent="0.25">
      <c r="A13671" s="1" t="s">
        <v>31914</v>
      </c>
      <c r="B13671" s="1" t="s">
        <v>8955</v>
      </c>
      <c r="C13671" s="1" t="s">
        <v>31915</v>
      </c>
      <c r="D13671" s="2">
        <v>166499</v>
      </c>
      <c r="E13671" s="1" t="s">
        <v>0</v>
      </c>
    </row>
    <row r="13672" spans="1:5" x14ac:dyDescent="0.25">
      <c r="A13672" s="2">
        <v>2734</v>
      </c>
      <c r="B13672" s="2">
        <v>2734</v>
      </c>
      <c r="C13672" s="1" t="s">
        <v>0</v>
      </c>
      <c r="D13672" s="2">
        <v>166500</v>
      </c>
      <c r="E13672" s="1" t="s">
        <v>0</v>
      </c>
    </row>
    <row r="13673" spans="1:5" x14ac:dyDescent="0.25">
      <c r="A13673" s="1" t="s">
        <v>2500</v>
      </c>
      <c r="B13673" s="1" t="s">
        <v>54047</v>
      </c>
      <c r="C13673" s="1" t="s">
        <v>31916</v>
      </c>
      <c r="D13673" s="2">
        <v>166501</v>
      </c>
      <c r="E13673" s="1" t="s">
        <v>0</v>
      </c>
    </row>
    <row r="13674" spans="1:5" x14ac:dyDescent="0.25">
      <c r="A13674" s="1" t="s">
        <v>31917</v>
      </c>
      <c r="B13674" s="1" t="s">
        <v>54048</v>
      </c>
      <c r="C13674" s="1" t="s">
        <v>31918</v>
      </c>
      <c r="D13674" s="2">
        <v>166502</v>
      </c>
      <c r="E13674" s="1" t="s">
        <v>0</v>
      </c>
    </row>
    <row r="13675" spans="1:5" ht="409.5" x14ac:dyDescent="0.25">
      <c r="A13675" s="4" t="s">
        <v>31919</v>
      </c>
      <c r="B13675" s="1" t="s">
        <v>60030</v>
      </c>
      <c r="C13675" s="1" t="s">
        <v>31920</v>
      </c>
      <c r="D13675" s="2">
        <v>166503</v>
      </c>
      <c r="E13675" s="1" t="s">
        <v>0</v>
      </c>
    </row>
    <row r="13676" spans="1:5" x14ac:dyDescent="0.25">
      <c r="A13676" s="1" t="s">
        <v>31921</v>
      </c>
      <c r="B13676" s="1" t="s">
        <v>54049</v>
      </c>
      <c r="C13676" s="1" t="s">
        <v>31922</v>
      </c>
      <c r="D13676" s="2">
        <v>166504</v>
      </c>
      <c r="E13676" s="1" t="s">
        <v>0</v>
      </c>
    </row>
    <row r="13677" spans="1:5" x14ac:dyDescent="0.25">
      <c r="A13677" s="2">
        <v>2735</v>
      </c>
      <c r="B13677" s="2">
        <v>2735</v>
      </c>
      <c r="C13677" s="1" t="s">
        <v>0</v>
      </c>
      <c r="D13677" s="2">
        <v>166505</v>
      </c>
      <c r="E13677" s="1" t="s">
        <v>0</v>
      </c>
    </row>
    <row r="13678" spans="1:5" x14ac:dyDescent="0.25">
      <c r="A13678" s="1" t="s">
        <v>2501</v>
      </c>
      <c r="B13678" s="1" t="s">
        <v>8956</v>
      </c>
      <c r="C13678" s="1" t="s">
        <v>31923</v>
      </c>
      <c r="D13678" s="2">
        <v>166506</v>
      </c>
      <c r="E13678" s="1" t="s">
        <v>0</v>
      </c>
    </row>
    <row r="13679" spans="1:5" x14ac:dyDescent="0.25">
      <c r="A13679" s="1" t="s">
        <v>31924</v>
      </c>
      <c r="B13679" s="1" t="s">
        <v>61503</v>
      </c>
      <c r="C13679" s="1" t="s">
        <v>31925</v>
      </c>
      <c r="D13679" s="2">
        <v>166507</v>
      </c>
      <c r="E13679" s="1" t="s">
        <v>0</v>
      </c>
    </row>
    <row r="13680" spans="1:5" ht="409.5" x14ac:dyDescent="0.25">
      <c r="A13680" s="4" t="s">
        <v>31926</v>
      </c>
      <c r="B13680" s="1" t="s">
        <v>61504</v>
      </c>
      <c r="C13680" s="1" t="s">
        <v>31927</v>
      </c>
      <c r="D13680" s="2">
        <v>166508</v>
      </c>
      <c r="E13680" s="1" t="s">
        <v>0</v>
      </c>
    </row>
    <row r="13681" spans="1:5" x14ac:dyDescent="0.25">
      <c r="A13681" s="1" t="s">
        <v>31928</v>
      </c>
      <c r="B13681" s="1" t="s">
        <v>54050</v>
      </c>
      <c r="C13681" s="1" t="s">
        <v>31929</v>
      </c>
      <c r="D13681" s="2">
        <v>166509</v>
      </c>
      <c r="E13681" s="1" t="s">
        <v>0</v>
      </c>
    </row>
    <row r="13682" spans="1:5" x14ac:dyDescent="0.25">
      <c r="A13682" s="2">
        <v>2736</v>
      </c>
      <c r="B13682" s="2">
        <v>2736</v>
      </c>
      <c r="C13682" s="1" t="s">
        <v>0</v>
      </c>
      <c r="D13682" s="2">
        <v>166510</v>
      </c>
      <c r="E13682" s="1" t="s">
        <v>0</v>
      </c>
    </row>
    <row r="13683" spans="1:5" x14ac:dyDescent="0.25">
      <c r="A13683" s="1" t="s">
        <v>2502</v>
      </c>
      <c r="B13683" s="1" t="s">
        <v>8957</v>
      </c>
      <c r="C13683" s="1" t="s">
        <v>31930</v>
      </c>
      <c r="D13683" s="2">
        <v>166511</v>
      </c>
      <c r="E13683" s="1" t="s">
        <v>0</v>
      </c>
    </row>
    <row r="13684" spans="1:5" x14ac:dyDescent="0.25">
      <c r="A13684" s="1" t="s">
        <v>31931</v>
      </c>
      <c r="B13684" s="1" t="s">
        <v>8958</v>
      </c>
      <c r="C13684" s="1" t="s">
        <v>31932</v>
      </c>
      <c r="D13684" s="2">
        <v>166512</v>
      </c>
      <c r="E13684" s="1" t="s">
        <v>0</v>
      </c>
    </row>
    <row r="13685" spans="1:5" ht="409.5" x14ac:dyDescent="0.25">
      <c r="A13685" s="4" t="s">
        <v>31933</v>
      </c>
      <c r="B13685" s="1" t="s">
        <v>8959</v>
      </c>
      <c r="C13685" s="1" t="s">
        <v>31934</v>
      </c>
      <c r="D13685" s="2">
        <v>166513</v>
      </c>
      <c r="E13685" s="1" t="s">
        <v>0</v>
      </c>
    </row>
    <row r="13686" spans="1:5" x14ac:dyDescent="0.25">
      <c r="A13686" s="1" t="s">
        <v>31935</v>
      </c>
      <c r="B13686" s="1" t="s">
        <v>54051</v>
      </c>
      <c r="C13686" s="1" t="s">
        <v>31936</v>
      </c>
      <c r="D13686" s="2">
        <v>166514</v>
      </c>
      <c r="E13686" s="1" t="s">
        <v>0</v>
      </c>
    </row>
    <row r="13687" spans="1:5" x14ac:dyDescent="0.25">
      <c r="A13687" s="2">
        <v>2737</v>
      </c>
      <c r="B13687" s="2">
        <v>2737</v>
      </c>
      <c r="C13687" s="1" t="s">
        <v>0</v>
      </c>
      <c r="D13687" s="2">
        <v>166515</v>
      </c>
      <c r="E13687" s="1" t="s">
        <v>0</v>
      </c>
    </row>
    <row r="13688" spans="1:5" x14ac:dyDescent="0.25">
      <c r="A13688" s="1" t="s">
        <v>2503</v>
      </c>
      <c r="B13688" s="1" t="s">
        <v>8960</v>
      </c>
      <c r="C13688" s="1" t="s">
        <v>31937</v>
      </c>
      <c r="D13688" s="2">
        <v>166516</v>
      </c>
      <c r="E13688" s="1" t="s">
        <v>0</v>
      </c>
    </row>
    <row r="13689" spans="1:5" x14ac:dyDescent="0.25">
      <c r="A13689" s="1" t="s">
        <v>31938</v>
      </c>
      <c r="B13689" s="1" t="s">
        <v>54052</v>
      </c>
      <c r="C13689" s="1" t="s">
        <v>31939</v>
      </c>
      <c r="D13689" s="2">
        <v>166517</v>
      </c>
      <c r="E13689" s="1" t="s">
        <v>0</v>
      </c>
    </row>
    <row r="13690" spans="1:5" ht="409.5" x14ac:dyDescent="0.25">
      <c r="A13690" s="4" t="s">
        <v>31940</v>
      </c>
      <c r="B13690" s="1" t="s">
        <v>54053</v>
      </c>
      <c r="C13690" s="1" t="s">
        <v>31941</v>
      </c>
      <c r="D13690" s="2">
        <v>166518</v>
      </c>
      <c r="E13690" s="1" t="s">
        <v>0</v>
      </c>
    </row>
    <row r="13691" spans="1:5" x14ac:dyDescent="0.25">
      <c r="A13691" s="1" t="s">
        <v>17330</v>
      </c>
      <c r="B13691" s="1" t="s">
        <v>60917</v>
      </c>
      <c r="C13691" s="1" t="s">
        <v>17331</v>
      </c>
      <c r="D13691" s="2">
        <v>166519</v>
      </c>
      <c r="E13691" s="1" t="s">
        <v>0</v>
      </c>
    </row>
    <row r="13692" spans="1:5" x14ac:dyDescent="0.25">
      <c r="A13692" s="2">
        <v>2738</v>
      </c>
      <c r="B13692" s="2">
        <v>2738</v>
      </c>
      <c r="C13692" s="1" t="s">
        <v>0</v>
      </c>
      <c r="D13692" s="2">
        <v>166520</v>
      </c>
      <c r="E13692" s="1" t="s">
        <v>0</v>
      </c>
    </row>
    <row r="13693" spans="1:5" x14ac:dyDescent="0.25">
      <c r="A13693" s="1" t="s">
        <v>2504</v>
      </c>
      <c r="B13693" s="1" t="s">
        <v>8961</v>
      </c>
      <c r="C13693" s="1" t="s">
        <v>31942</v>
      </c>
      <c r="D13693" s="2">
        <v>166521</v>
      </c>
      <c r="E13693" s="1" t="s">
        <v>0</v>
      </c>
    </row>
    <row r="13694" spans="1:5" x14ac:dyDescent="0.25">
      <c r="A13694" s="1" t="s">
        <v>31943</v>
      </c>
      <c r="B13694" s="1" t="s">
        <v>56780</v>
      </c>
      <c r="C13694" s="1" t="s">
        <v>31944</v>
      </c>
      <c r="D13694" s="2">
        <v>166522</v>
      </c>
      <c r="E13694" s="1" t="s">
        <v>0</v>
      </c>
    </row>
    <row r="13695" spans="1:5" ht="409.5" x14ac:dyDescent="0.25">
      <c r="A13695" s="4" t="s">
        <v>31945</v>
      </c>
      <c r="B13695" s="1" t="s">
        <v>56781</v>
      </c>
      <c r="C13695" s="1" t="s">
        <v>31946</v>
      </c>
      <c r="D13695" s="2">
        <v>166523</v>
      </c>
      <c r="E13695" s="1" t="s">
        <v>0</v>
      </c>
    </row>
    <row r="13696" spans="1:5" x14ac:dyDescent="0.25">
      <c r="A13696" s="1" t="s">
        <v>31947</v>
      </c>
      <c r="B13696" s="1" t="s">
        <v>54054</v>
      </c>
      <c r="C13696" s="1" t="s">
        <v>31948</v>
      </c>
      <c r="D13696" s="2">
        <v>166524</v>
      </c>
      <c r="E13696" s="1" t="s">
        <v>0</v>
      </c>
    </row>
    <row r="13697" spans="1:5" x14ac:dyDescent="0.25">
      <c r="A13697" s="2">
        <v>2739</v>
      </c>
      <c r="B13697" s="2">
        <v>2739</v>
      </c>
      <c r="C13697" s="1" t="s">
        <v>0</v>
      </c>
      <c r="D13697" s="2">
        <v>166525</v>
      </c>
      <c r="E13697" s="1" t="s">
        <v>0</v>
      </c>
    </row>
    <row r="13698" spans="1:5" x14ac:dyDescent="0.25">
      <c r="A13698" s="1" t="s">
        <v>8962</v>
      </c>
      <c r="B13698" s="1" t="s">
        <v>8963</v>
      </c>
      <c r="C13698" s="1" t="s">
        <v>31949</v>
      </c>
      <c r="D13698" s="2">
        <v>166526</v>
      </c>
      <c r="E13698" s="1" t="s">
        <v>0</v>
      </c>
    </row>
    <row r="13699" spans="1:5" x14ac:dyDescent="0.25">
      <c r="A13699" s="1" t="s">
        <v>31950</v>
      </c>
      <c r="B13699" s="1" t="s">
        <v>8964</v>
      </c>
      <c r="C13699" s="1" t="s">
        <v>31951</v>
      </c>
      <c r="D13699" s="2">
        <v>166527</v>
      </c>
      <c r="E13699" s="1" t="s">
        <v>0</v>
      </c>
    </row>
    <row r="13700" spans="1:5" ht="409.5" x14ac:dyDescent="0.25">
      <c r="A13700" s="4" t="s">
        <v>31952</v>
      </c>
      <c r="B13700" s="1" t="s">
        <v>54055</v>
      </c>
      <c r="C13700" s="1" t="s">
        <v>31953</v>
      </c>
      <c r="D13700" s="2">
        <v>166528</v>
      </c>
      <c r="E13700" s="1" t="s">
        <v>0</v>
      </c>
    </row>
    <row r="13701" spans="1:5" x14ac:dyDescent="0.25">
      <c r="A13701" s="1" t="s">
        <v>31954</v>
      </c>
      <c r="B13701" s="1" t="s">
        <v>8965</v>
      </c>
      <c r="C13701" s="1" t="s">
        <v>31955</v>
      </c>
      <c r="D13701" s="2">
        <v>166529</v>
      </c>
      <c r="E13701" s="1" t="s">
        <v>0</v>
      </c>
    </row>
    <row r="13702" spans="1:5" x14ac:dyDescent="0.25">
      <c r="A13702" s="2">
        <v>2740</v>
      </c>
      <c r="B13702" s="2">
        <v>2740</v>
      </c>
      <c r="C13702" s="1" t="s">
        <v>0</v>
      </c>
      <c r="D13702" s="2">
        <v>166530</v>
      </c>
      <c r="E13702" s="1" t="s">
        <v>0</v>
      </c>
    </row>
    <row r="13703" spans="1:5" x14ac:dyDescent="0.25">
      <c r="A13703" s="1" t="s">
        <v>2505</v>
      </c>
      <c r="B13703" s="1" t="s">
        <v>60031</v>
      </c>
      <c r="C13703" s="1" t="s">
        <v>31956</v>
      </c>
      <c r="D13703" s="2">
        <v>166531</v>
      </c>
      <c r="E13703" s="1" t="s">
        <v>0</v>
      </c>
    </row>
    <row r="13704" spans="1:5" x14ac:dyDescent="0.25">
      <c r="A13704" s="1" t="s">
        <v>31957</v>
      </c>
      <c r="B13704" s="1" t="s">
        <v>57537</v>
      </c>
      <c r="C13704" s="1" t="s">
        <v>31958</v>
      </c>
      <c r="D13704" s="2">
        <v>166532</v>
      </c>
      <c r="E13704" s="1" t="s">
        <v>0</v>
      </c>
    </row>
    <row r="13705" spans="1:5" ht="409.5" x14ac:dyDescent="0.25">
      <c r="A13705" s="4" t="s">
        <v>31959</v>
      </c>
      <c r="B13705" s="1" t="s">
        <v>60032</v>
      </c>
      <c r="C13705" s="1" t="s">
        <v>31960</v>
      </c>
      <c r="D13705" s="2">
        <v>166533</v>
      </c>
      <c r="E13705" s="1" t="s">
        <v>0</v>
      </c>
    </row>
    <row r="13706" spans="1:5" x14ac:dyDescent="0.25">
      <c r="A13706" s="1" t="s">
        <v>31961</v>
      </c>
      <c r="B13706" s="1" t="s">
        <v>60033</v>
      </c>
      <c r="C13706" s="1" t="s">
        <v>31962</v>
      </c>
      <c r="D13706" s="2">
        <v>166534</v>
      </c>
      <c r="E13706" s="1" t="s">
        <v>0</v>
      </c>
    </row>
    <row r="13707" spans="1:5" x14ac:dyDescent="0.25">
      <c r="A13707" s="2">
        <v>2741</v>
      </c>
      <c r="B13707" s="2">
        <v>2741</v>
      </c>
      <c r="C13707" s="1" t="s">
        <v>0</v>
      </c>
      <c r="D13707" s="2">
        <v>166535</v>
      </c>
      <c r="E13707" s="1" t="s">
        <v>0</v>
      </c>
    </row>
    <row r="13708" spans="1:5" x14ac:dyDescent="0.25">
      <c r="A13708" s="1" t="s">
        <v>13154</v>
      </c>
      <c r="B13708" s="1" t="s">
        <v>8966</v>
      </c>
      <c r="C13708" s="1" t="s">
        <v>31963</v>
      </c>
      <c r="D13708" s="2">
        <v>166536</v>
      </c>
      <c r="E13708" s="1" t="s">
        <v>0</v>
      </c>
    </row>
    <row r="13709" spans="1:5" x14ac:dyDescent="0.25">
      <c r="A13709" s="1" t="s">
        <v>31964</v>
      </c>
      <c r="B13709" s="1" t="s">
        <v>54056</v>
      </c>
      <c r="C13709" s="1" t="s">
        <v>31965</v>
      </c>
      <c r="D13709" s="2">
        <v>166537</v>
      </c>
      <c r="E13709" s="1" t="s">
        <v>0</v>
      </c>
    </row>
    <row r="13710" spans="1:5" ht="409.5" x14ac:dyDescent="0.25">
      <c r="A13710" s="4" t="s">
        <v>31966</v>
      </c>
      <c r="B13710" s="1" t="s">
        <v>54057</v>
      </c>
      <c r="C13710" s="1" t="s">
        <v>31967</v>
      </c>
      <c r="D13710" s="2">
        <v>166538</v>
      </c>
      <c r="E13710" s="1" t="s">
        <v>0</v>
      </c>
    </row>
    <row r="13711" spans="1:5" x14ac:dyDescent="0.25">
      <c r="A13711" s="1" t="s">
        <v>31968</v>
      </c>
      <c r="B13711" s="1" t="s">
        <v>8967</v>
      </c>
      <c r="C13711" s="1" t="s">
        <v>31969</v>
      </c>
      <c r="D13711" s="2">
        <v>166539</v>
      </c>
      <c r="E13711" s="1" t="s">
        <v>0</v>
      </c>
    </row>
    <row r="13712" spans="1:5" x14ac:dyDescent="0.25">
      <c r="A13712" s="2">
        <v>2742</v>
      </c>
      <c r="B13712" s="2">
        <v>2742</v>
      </c>
      <c r="C13712" s="1" t="s">
        <v>0</v>
      </c>
      <c r="D13712" s="2">
        <v>166540</v>
      </c>
      <c r="E13712" s="1" t="s">
        <v>0</v>
      </c>
    </row>
    <row r="13713" spans="1:5" x14ac:dyDescent="0.25">
      <c r="A13713" s="1" t="s">
        <v>2506</v>
      </c>
      <c r="B13713" s="1" t="s">
        <v>56949</v>
      </c>
      <c r="C13713" s="1" t="s">
        <v>31970</v>
      </c>
      <c r="D13713" s="2">
        <v>166541</v>
      </c>
      <c r="E13713" s="1" t="s">
        <v>0</v>
      </c>
    </row>
    <row r="13714" spans="1:5" x14ac:dyDescent="0.25">
      <c r="A13714" s="1" t="s">
        <v>31971</v>
      </c>
      <c r="B13714" s="1" t="s">
        <v>62559</v>
      </c>
      <c r="C13714" s="1" t="s">
        <v>31972</v>
      </c>
      <c r="D13714" s="2">
        <v>166542</v>
      </c>
      <c r="E13714" s="1" t="s">
        <v>0</v>
      </c>
    </row>
    <row r="13715" spans="1:5" ht="409.5" x14ac:dyDescent="0.25">
      <c r="A13715" s="4" t="s">
        <v>31973</v>
      </c>
      <c r="B13715" s="1" t="s">
        <v>62560</v>
      </c>
      <c r="C13715" s="1" t="s">
        <v>31974</v>
      </c>
      <c r="D13715" s="2">
        <v>166543</v>
      </c>
      <c r="E13715" s="1" t="s">
        <v>0</v>
      </c>
    </row>
    <row r="13716" spans="1:5" x14ac:dyDescent="0.25">
      <c r="A13716" s="1" t="s">
        <v>31975</v>
      </c>
      <c r="B13716" s="1" t="s">
        <v>8968</v>
      </c>
      <c r="C13716" s="1" t="s">
        <v>31976</v>
      </c>
      <c r="D13716" s="2">
        <v>166544</v>
      </c>
      <c r="E13716" s="1" t="s">
        <v>0</v>
      </c>
    </row>
    <row r="13717" spans="1:5" x14ac:dyDescent="0.25">
      <c r="A13717" s="2">
        <v>2743</v>
      </c>
      <c r="B13717" s="2">
        <v>2743</v>
      </c>
      <c r="C13717" s="1" t="s">
        <v>0</v>
      </c>
      <c r="D13717" s="2">
        <v>166545</v>
      </c>
      <c r="E13717" s="1" t="s">
        <v>0</v>
      </c>
    </row>
    <row r="13718" spans="1:5" x14ac:dyDescent="0.25">
      <c r="A13718" s="1" t="s">
        <v>2507</v>
      </c>
      <c r="B13718" s="1" t="s">
        <v>8969</v>
      </c>
      <c r="C13718" s="1" t="s">
        <v>31977</v>
      </c>
      <c r="D13718" s="2">
        <v>166546</v>
      </c>
      <c r="E13718" s="1" t="s">
        <v>0</v>
      </c>
    </row>
    <row r="13719" spans="1:5" x14ac:dyDescent="0.25">
      <c r="A13719" s="1" t="s">
        <v>31978</v>
      </c>
      <c r="B13719" s="1" t="s">
        <v>8970</v>
      </c>
      <c r="C13719" s="1" t="s">
        <v>31979</v>
      </c>
      <c r="D13719" s="2">
        <v>166547</v>
      </c>
      <c r="E13719" s="1" t="s">
        <v>0</v>
      </c>
    </row>
    <row r="13720" spans="1:5" ht="409.5" x14ac:dyDescent="0.25">
      <c r="A13720" s="4" t="s">
        <v>31980</v>
      </c>
      <c r="B13720" s="1" t="s">
        <v>8971</v>
      </c>
      <c r="C13720" s="1" t="s">
        <v>31981</v>
      </c>
      <c r="D13720" s="2">
        <v>166548</v>
      </c>
      <c r="E13720" s="1" t="s">
        <v>0</v>
      </c>
    </row>
    <row r="13721" spans="1:5" x14ac:dyDescent="0.25">
      <c r="A13721" s="1" t="s">
        <v>31982</v>
      </c>
      <c r="B13721" s="1" t="s">
        <v>54058</v>
      </c>
      <c r="C13721" s="1" t="s">
        <v>31983</v>
      </c>
      <c r="D13721" s="2">
        <v>166549</v>
      </c>
      <c r="E13721" s="1" t="s">
        <v>0</v>
      </c>
    </row>
    <row r="13722" spans="1:5" x14ac:dyDescent="0.25">
      <c r="A13722" s="2">
        <v>2744</v>
      </c>
      <c r="B13722" s="2">
        <v>2744</v>
      </c>
      <c r="C13722" s="1" t="s">
        <v>0</v>
      </c>
      <c r="D13722" s="2">
        <v>166550</v>
      </c>
      <c r="E13722" s="1" t="s">
        <v>0</v>
      </c>
    </row>
    <row r="13723" spans="1:5" x14ac:dyDescent="0.25">
      <c r="A13723" s="1" t="s">
        <v>2508</v>
      </c>
      <c r="B13723" s="1" t="s">
        <v>8972</v>
      </c>
      <c r="C13723" s="1" t="s">
        <v>31984</v>
      </c>
      <c r="D13723" s="2">
        <v>166551</v>
      </c>
      <c r="E13723" s="1" t="s">
        <v>0</v>
      </c>
    </row>
    <row r="13724" spans="1:5" x14ac:dyDescent="0.25">
      <c r="A13724" s="1" t="s">
        <v>31985</v>
      </c>
      <c r="B13724" s="1" t="s">
        <v>60746</v>
      </c>
      <c r="C13724" s="1" t="s">
        <v>31986</v>
      </c>
      <c r="D13724" s="2">
        <v>166552</v>
      </c>
      <c r="E13724" s="1" t="s">
        <v>0</v>
      </c>
    </row>
    <row r="13725" spans="1:5" ht="409.5" x14ac:dyDescent="0.25">
      <c r="A13725" s="4" t="s">
        <v>31987</v>
      </c>
      <c r="B13725" s="1" t="s">
        <v>63378</v>
      </c>
      <c r="C13725" s="1" t="s">
        <v>31988</v>
      </c>
      <c r="D13725" s="2">
        <v>166553</v>
      </c>
      <c r="E13725" s="1" t="s">
        <v>0</v>
      </c>
    </row>
    <row r="13726" spans="1:5" x14ac:dyDescent="0.25">
      <c r="A13726" s="1" t="s">
        <v>31989</v>
      </c>
      <c r="B13726" s="1" t="s">
        <v>54059</v>
      </c>
      <c r="C13726" s="1" t="s">
        <v>31990</v>
      </c>
      <c r="D13726" s="2">
        <v>166554</v>
      </c>
      <c r="E13726" s="1" t="s">
        <v>0</v>
      </c>
    </row>
    <row r="13727" spans="1:5" x14ac:dyDescent="0.25">
      <c r="A13727" s="2">
        <v>2745</v>
      </c>
      <c r="B13727" s="2">
        <v>2745</v>
      </c>
      <c r="C13727" s="1" t="s">
        <v>0</v>
      </c>
      <c r="D13727" s="2">
        <v>166555</v>
      </c>
      <c r="E13727" s="1" t="s">
        <v>0</v>
      </c>
    </row>
    <row r="13728" spans="1:5" x14ac:dyDescent="0.25">
      <c r="A13728" s="1" t="s">
        <v>2509</v>
      </c>
      <c r="B13728" s="1" t="s">
        <v>54060</v>
      </c>
      <c r="C13728" s="1" t="s">
        <v>31991</v>
      </c>
      <c r="D13728" s="2">
        <v>166556</v>
      </c>
      <c r="E13728" s="1" t="s">
        <v>0</v>
      </c>
    </row>
    <row r="13729" spans="1:5" x14ac:dyDescent="0.25">
      <c r="A13729" s="1" t="s">
        <v>31992</v>
      </c>
      <c r="B13729" s="1" t="s">
        <v>54061</v>
      </c>
      <c r="C13729" s="1" t="s">
        <v>31993</v>
      </c>
      <c r="D13729" s="2">
        <v>166557</v>
      </c>
      <c r="E13729" s="1" t="s">
        <v>0</v>
      </c>
    </row>
    <row r="13730" spans="1:5" ht="409.5" x14ac:dyDescent="0.25">
      <c r="A13730" s="4" t="s">
        <v>31994</v>
      </c>
      <c r="B13730" s="1" t="s">
        <v>57232</v>
      </c>
      <c r="C13730" s="1" t="s">
        <v>31995</v>
      </c>
      <c r="D13730" s="2">
        <v>166558</v>
      </c>
      <c r="E13730" s="1" t="s">
        <v>0</v>
      </c>
    </row>
    <row r="13731" spans="1:5" x14ac:dyDescent="0.25">
      <c r="A13731" s="1" t="s">
        <v>2510</v>
      </c>
      <c r="B13731" s="1" t="s">
        <v>2510</v>
      </c>
      <c r="C13731" s="1" t="s">
        <v>2510</v>
      </c>
      <c r="D13731" s="2">
        <v>166559</v>
      </c>
      <c r="E13731" s="1" t="s">
        <v>0</v>
      </c>
    </row>
    <row r="13732" spans="1:5" x14ac:dyDescent="0.25">
      <c r="A13732" s="2">
        <v>2746</v>
      </c>
      <c r="B13732" s="2">
        <v>2746</v>
      </c>
      <c r="C13732" s="1" t="s">
        <v>0</v>
      </c>
      <c r="D13732" s="2">
        <v>166560</v>
      </c>
      <c r="E13732" s="1" t="s">
        <v>0</v>
      </c>
    </row>
    <row r="13733" spans="1:5" x14ac:dyDescent="0.25">
      <c r="A13733" s="1" t="s">
        <v>2511</v>
      </c>
      <c r="B13733" s="1" t="s">
        <v>8973</v>
      </c>
      <c r="C13733" s="1" t="s">
        <v>31996</v>
      </c>
      <c r="D13733" s="2">
        <v>166561</v>
      </c>
      <c r="E13733" s="1" t="s">
        <v>0</v>
      </c>
    </row>
    <row r="13734" spans="1:5" x14ac:dyDescent="0.25">
      <c r="A13734" s="1" t="s">
        <v>31997</v>
      </c>
      <c r="B13734" s="1" t="s">
        <v>54062</v>
      </c>
      <c r="C13734" s="1" t="s">
        <v>31998</v>
      </c>
      <c r="D13734" s="2">
        <v>166562</v>
      </c>
      <c r="E13734" s="1" t="s">
        <v>0</v>
      </c>
    </row>
    <row r="13735" spans="1:5" ht="409.5" x14ac:dyDescent="0.25">
      <c r="A13735" s="4" t="s">
        <v>31999</v>
      </c>
      <c r="B13735" s="1" t="s">
        <v>57538</v>
      </c>
      <c r="C13735" s="1" t="s">
        <v>32000</v>
      </c>
      <c r="D13735" s="2">
        <v>166563</v>
      </c>
      <c r="E13735" s="1" t="s">
        <v>0</v>
      </c>
    </row>
    <row r="13736" spans="1:5" x14ac:dyDescent="0.25">
      <c r="A13736" s="1" t="s">
        <v>32001</v>
      </c>
      <c r="B13736" s="1" t="s">
        <v>54063</v>
      </c>
      <c r="C13736" s="1" t="s">
        <v>32002</v>
      </c>
      <c r="D13736" s="2">
        <v>166564</v>
      </c>
      <c r="E13736" s="1" t="s">
        <v>0</v>
      </c>
    </row>
    <row r="13737" spans="1:5" x14ac:dyDescent="0.25">
      <c r="A13737" s="2">
        <v>2747</v>
      </c>
      <c r="B13737" s="2">
        <v>2747</v>
      </c>
      <c r="C13737" s="1" t="s">
        <v>0</v>
      </c>
      <c r="D13737" s="2">
        <v>166565</v>
      </c>
      <c r="E13737" s="1" t="s">
        <v>0</v>
      </c>
    </row>
    <row r="13738" spans="1:5" x14ac:dyDescent="0.25">
      <c r="A13738" s="1" t="s">
        <v>2512</v>
      </c>
      <c r="B13738" s="1" t="s">
        <v>8974</v>
      </c>
      <c r="C13738" s="1" t="s">
        <v>32003</v>
      </c>
      <c r="D13738" s="2">
        <v>166566</v>
      </c>
      <c r="E13738" s="1" t="s">
        <v>0</v>
      </c>
    </row>
    <row r="13739" spans="1:5" x14ac:dyDescent="0.25">
      <c r="A13739" s="1" t="s">
        <v>32004</v>
      </c>
      <c r="B13739" s="1" t="s">
        <v>50756</v>
      </c>
      <c r="C13739" s="1" t="s">
        <v>32005</v>
      </c>
      <c r="D13739" s="2">
        <v>166567</v>
      </c>
      <c r="E13739" s="1" t="s">
        <v>0</v>
      </c>
    </row>
    <row r="13740" spans="1:5" ht="409.5" x14ac:dyDescent="0.25">
      <c r="A13740" s="4" t="s">
        <v>32006</v>
      </c>
      <c r="B13740" s="1" t="s">
        <v>58085</v>
      </c>
      <c r="C13740" s="1" t="s">
        <v>32007</v>
      </c>
      <c r="D13740" s="2">
        <v>166568</v>
      </c>
      <c r="E13740" s="1" t="s">
        <v>0</v>
      </c>
    </row>
    <row r="13741" spans="1:5" x14ac:dyDescent="0.25">
      <c r="A13741" s="1" t="s">
        <v>32008</v>
      </c>
      <c r="B13741" s="1" t="s">
        <v>8975</v>
      </c>
      <c r="C13741" s="1" t="s">
        <v>32009</v>
      </c>
      <c r="D13741" s="2">
        <v>166569</v>
      </c>
      <c r="E13741" s="1" t="s">
        <v>0</v>
      </c>
    </row>
    <row r="13742" spans="1:5" x14ac:dyDescent="0.25">
      <c r="A13742" s="2">
        <v>2748</v>
      </c>
      <c r="B13742" s="2">
        <v>2748</v>
      </c>
      <c r="C13742" s="1" t="s">
        <v>0</v>
      </c>
      <c r="D13742" s="2">
        <v>166570</v>
      </c>
      <c r="E13742" s="1" t="s">
        <v>0</v>
      </c>
    </row>
    <row r="13743" spans="1:5" x14ac:dyDescent="0.25">
      <c r="A13743" s="1" t="s">
        <v>2513</v>
      </c>
      <c r="B13743" s="1" t="s">
        <v>60034</v>
      </c>
      <c r="C13743" s="1" t="s">
        <v>32010</v>
      </c>
      <c r="D13743" s="2">
        <v>166571</v>
      </c>
      <c r="E13743" s="1" t="s">
        <v>0</v>
      </c>
    </row>
    <row r="13744" spans="1:5" x14ac:dyDescent="0.25">
      <c r="A13744" s="1" t="s">
        <v>32011</v>
      </c>
      <c r="B13744" s="1" t="s">
        <v>57539</v>
      </c>
      <c r="C13744" s="1" t="s">
        <v>32012</v>
      </c>
      <c r="D13744" s="2">
        <v>166572</v>
      </c>
      <c r="E13744" s="1" t="s">
        <v>0</v>
      </c>
    </row>
    <row r="13745" spans="1:5" ht="409.5" x14ac:dyDescent="0.25">
      <c r="A13745" s="4" t="s">
        <v>32013</v>
      </c>
      <c r="B13745" s="1" t="s">
        <v>57540</v>
      </c>
      <c r="C13745" s="1" t="s">
        <v>32014</v>
      </c>
      <c r="D13745" s="2">
        <v>166573</v>
      </c>
      <c r="E13745" s="1" t="s">
        <v>0</v>
      </c>
    </row>
    <row r="13746" spans="1:5" x14ac:dyDescent="0.25">
      <c r="A13746" s="1" t="s">
        <v>32015</v>
      </c>
      <c r="B13746" s="1" t="s">
        <v>57541</v>
      </c>
      <c r="C13746" s="1" t="s">
        <v>32016</v>
      </c>
      <c r="D13746" s="2">
        <v>166574</v>
      </c>
      <c r="E13746" s="1" t="s">
        <v>0</v>
      </c>
    </row>
    <row r="13747" spans="1:5" x14ac:dyDescent="0.25">
      <c r="A13747" s="2">
        <v>2749</v>
      </c>
      <c r="B13747" s="2">
        <v>2749</v>
      </c>
      <c r="C13747" s="1" t="s">
        <v>0</v>
      </c>
      <c r="D13747" s="2">
        <v>166575</v>
      </c>
      <c r="E13747" s="1" t="s">
        <v>0</v>
      </c>
    </row>
    <row r="13748" spans="1:5" x14ac:dyDescent="0.25">
      <c r="A13748" s="1" t="s">
        <v>2514</v>
      </c>
      <c r="B13748" s="1" t="s">
        <v>8976</v>
      </c>
      <c r="C13748" s="1" t="s">
        <v>32017</v>
      </c>
      <c r="D13748" s="2">
        <v>166576</v>
      </c>
      <c r="E13748" s="1" t="s">
        <v>0</v>
      </c>
    </row>
    <row r="13749" spans="1:5" x14ac:dyDescent="0.25">
      <c r="A13749" s="1" t="s">
        <v>32018</v>
      </c>
      <c r="B13749" s="1" t="s">
        <v>59634</v>
      </c>
      <c r="C13749" s="1" t="s">
        <v>32019</v>
      </c>
      <c r="D13749" s="2">
        <v>166577</v>
      </c>
      <c r="E13749" s="1" t="s">
        <v>0</v>
      </c>
    </row>
    <row r="13750" spans="1:5" ht="409.5" x14ac:dyDescent="0.25">
      <c r="A13750" s="4" t="s">
        <v>32020</v>
      </c>
      <c r="B13750" s="1" t="s">
        <v>63379</v>
      </c>
      <c r="C13750" s="1" t="s">
        <v>32021</v>
      </c>
      <c r="D13750" s="2">
        <v>166578</v>
      </c>
      <c r="E13750" s="1" t="s">
        <v>0</v>
      </c>
    </row>
    <row r="13751" spans="1:5" x14ac:dyDescent="0.25">
      <c r="A13751" s="1" t="s">
        <v>32022</v>
      </c>
      <c r="B13751" s="1" t="s">
        <v>8977</v>
      </c>
      <c r="C13751" s="1" t="s">
        <v>32023</v>
      </c>
      <c r="D13751" s="2">
        <v>166579</v>
      </c>
      <c r="E13751" s="1" t="s">
        <v>0</v>
      </c>
    </row>
    <row r="13752" spans="1:5" x14ac:dyDescent="0.25">
      <c r="A13752" s="2">
        <v>2750</v>
      </c>
      <c r="B13752" s="2">
        <v>2750</v>
      </c>
      <c r="C13752" s="1" t="s">
        <v>0</v>
      </c>
      <c r="D13752" s="2">
        <v>166580</v>
      </c>
      <c r="E13752" s="1" t="s">
        <v>0</v>
      </c>
    </row>
    <row r="13753" spans="1:5" x14ac:dyDescent="0.25">
      <c r="A13753" s="1" t="s">
        <v>2515</v>
      </c>
      <c r="B13753" s="1" t="s">
        <v>8978</v>
      </c>
      <c r="C13753" s="1" t="s">
        <v>32024</v>
      </c>
      <c r="D13753" s="2">
        <v>166581</v>
      </c>
      <c r="E13753" s="1" t="s">
        <v>0</v>
      </c>
    </row>
    <row r="13754" spans="1:5" x14ac:dyDescent="0.25">
      <c r="A13754" s="1" t="s">
        <v>32025</v>
      </c>
      <c r="B13754" s="1" t="s">
        <v>54064</v>
      </c>
      <c r="C13754" s="1" t="s">
        <v>32026</v>
      </c>
      <c r="D13754" s="2">
        <v>166582</v>
      </c>
      <c r="E13754" s="1" t="s">
        <v>0</v>
      </c>
    </row>
    <row r="13755" spans="1:5" ht="409.5" x14ac:dyDescent="0.25">
      <c r="A13755" s="4" t="s">
        <v>32027</v>
      </c>
      <c r="B13755" s="1" t="s">
        <v>54065</v>
      </c>
      <c r="C13755" s="1" t="s">
        <v>32028</v>
      </c>
      <c r="D13755" s="2">
        <v>166583</v>
      </c>
      <c r="E13755" s="1" t="s">
        <v>0</v>
      </c>
    </row>
    <row r="13756" spans="1:5" x14ac:dyDescent="0.25">
      <c r="A13756" s="1" t="s">
        <v>13413</v>
      </c>
      <c r="B13756" s="1" t="s">
        <v>60845</v>
      </c>
      <c r="C13756" s="1" t="s">
        <v>13414</v>
      </c>
      <c r="D13756" s="2">
        <v>166584</v>
      </c>
      <c r="E13756" s="1" t="s">
        <v>0</v>
      </c>
    </row>
    <row r="13757" spans="1:5" x14ac:dyDescent="0.25">
      <c r="A13757" s="2">
        <v>2751</v>
      </c>
      <c r="B13757" s="2">
        <v>2751</v>
      </c>
      <c r="C13757" s="1" t="s">
        <v>0</v>
      </c>
      <c r="D13757" s="2">
        <v>166585</v>
      </c>
      <c r="E13757" s="1" t="s">
        <v>0</v>
      </c>
    </row>
    <row r="13758" spans="1:5" x14ac:dyDescent="0.25">
      <c r="A13758" s="1" t="s">
        <v>2516</v>
      </c>
      <c r="B13758" s="1" t="s">
        <v>8979</v>
      </c>
      <c r="C13758" s="1" t="s">
        <v>32029</v>
      </c>
      <c r="D13758" s="2">
        <v>166586</v>
      </c>
      <c r="E13758" s="1" t="s">
        <v>0</v>
      </c>
    </row>
    <row r="13759" spans="1:5" x14ac:dyDescent="0.25">
      <c r="A13759" s="1" t="s">
        <v>32030</v>
      </c>
      <c r="B13759" s="1" t="s">
        <v>54066</v>
      </c>
      <c r="C13759" s="1" t="s">
        <v>32031</v>
      </c>
      <c r="D13759" s="2">
        <v>166587</v>
      </c>
      <c r="E13759" s="1" t="s">
        <v>0</v>
      </c>
    </row>
    <row r="13760" spans="1:5" ht="409.5" x14ac:dyDescent="0.25">
      <c r="A13760" s="4" t="s">
        <v>32032</v>
      </c>
      <c r="B13760" s="1" t="s">
        <v>54067</v>
      </c>
      <c r="C13760" s="1" t="s">
        <v>32033</v>
      </c>
      <c r="D13760" s="2">
        <v>166588</v>
      </c>
      <c r="E13760" s="1" t="s">
        <v>0</v>
      </c>
    </row>
    <row r="13761" spans="1:5" x14ac:dyDescent="0.25">
      <c r="A13761" s="1" t="s">
        <v>32034</v>
      </c>
      <c r="B13761" s="1" t="s">
        <v>54068</v>
      </c>
      <c r="C13761" s="1" t="s">
        <v>32035</v>
      </c>
      <c r="D13761" s="2">
        <v>166589</v>
      </c>
      <c r="E13761" s="1" t="s">
        <v>0</v>
      </c>
    </row>
    <row r="13762" spans="1:5" x14ac:dyDescent="0.25">
      <c r="A13762" s="2">
        <v>2752</v>
      </c>
      <c r="B13762" s="2">
        <v>2752</v>
      </c>
      <c r="C13762" s="1" t="s">
        <v>0</v>
      </c>
      <c r="D13762" s="2">
        <v>166590</v>
      </c>
      <c r="E13762" s="1" t="s">
        <v>0</v>
      </c>
    </row>
    <row r="13763" spans="1:5" x14ac:dyDescent="0.25">
      <c r="A13763" s="1" t="s">
        <v>2517</v>
      </c>
      <c r="B13763" s="1" t="s">
        <v>8980</v>
      </c>
      <c r="C13763" s="1" t="s">
        <v>32036</v>
      </c>
      <c r="D13763" s="2">
        <v>166591</v>
      </c>
      <c r="E13763" s="1" t="s">
        <v>0</v>
      </c>
    </row>
    <row r="13764" spans="1:5" x14ac:dyDescent="0.25">
      <c r="A13764" s="1" t="s">
        <v>32037</v>
      </c>
      <c r="B13764" s="1" t="s">
        <v>8981</v>
      </c>
      <c r="C13764" s="1" t="s">
        <v>32038</v>
      </c>
      <c r="D13764" s="2">
        <v>166592</v>
      </c>
      <c r="E13764" s="1" t="s">
        <v>0</v>
      </c>
    </row>
    <row r="13765" spans="1:5" ht="409.5" x14ac:dyDescent="0.25">
      <c r="A13765" s="4" t="s">
        <v>32039</v>
      </c>
      <c r="B13765" s="1" t="s">
        <v>8982</v>
      </c>
      <c r="C13765" s="1" t="s">
        <v>32040</v>
      </c>
      <c r="D13765" s="2">
        <v>166593</v>
      </c>
      <c r="E13765" s="1" t="s">
        <v>0</v>
      </c>
    </row>
    <row r="13766" spans="1:5" x14ac:dyDescent="0.25">
      <c r="A13766" s="1" t="s">
        <v>32041</v>
      </c>
      <c r="B13766" s="1" t="s">
        <v>8983</v>
      </c>
      <c r="C13766" s="1" t="s">
        <v>32042</v>
      </c>
      <c r="D13766" s="2">
        <v>166594</v>
      </c>
      <c r="E13766" s="1" t="s">
        <v>0</v>
      </c>
    </row>
    <row r="13767" spans="1:5" x14ac:dyDescent="0.25">
      <c r="A13767" s="2">
        <v>2753</v>
      </c>
      <c r="B13767" s="2">
        <v>2753</v>
      </c>
      <c r="C13767" s="1" t="s">
        <v>0</v>
      </c>
      <c r="D13767" s="2">
        <v>166595</v>
      </c>
      <c r="E13767" s="1" t="s">
        <v>0</v>
      </c>
    </row>
    <row r="13768" spans="1:5" x14ac:dyDescent="0.25">
      <c r="A13768" s="1" t="s">
        <v>2518</v>
      </c>
      <c r="B13768" s="1" t="s">
        <v>8984</v>
      </c>
      <c r="C13768" s="1" t="s">
        <v>32043</v>
      </c>
      <c r="D13768" s="2">
        <v>166596</v>
      </c>
      <c r="E13768" s="1" t="s">
        <v>0</v>
      </c>
    </row>
    <row r="13769" spans="1:5" x14ac:dyDescent="0.25">
      <c r="A13769" s="1" t="s">
        <v>32044</v>
      </c>
      <c r="B13769" s="1" t="s">
        <v>54069</v>
      </c>
      <c r="C13769" s="1" t="s">
        <v>32045</v>
      </c>
      <c r="D13769" s="2">
        <v>166597</v>
      </c>
      <c r="E13769" s="1" t="s">
        <v>0</v>
      </c>
    </row>
    <row r="13770" spans="1:5" ht="409.5" x14ac:dyDescent="0.25">
      <c r="A13770" s="4" t="s">
        <v>32046</v>
      </c>
      <c r="B13770" s="1" t="s">
        <v>54070</v>
      </c>
      <c r="C13770" s="1" t="s">
        <v>32047</v>
      </c>
      <c r="D13770" s="2">
        <v>166598</v>
      </c>
      <c r="E13770" s="1" t="s">
        <v>0</v>
      </c>
    </row>
    <row r="13771" spans="1:5" x14ac:dyDescent="0.25">
      <c r="A13771" s="1" t="s">
        <v>32048</v>
      </c>
      <c r="B13771" s="1" t="s">
        <v>8985</v>
      </c>
      <c r="C13771" s="1" t="s">
        <v>32049</v>
      </c>
      <c r="D13771" s="2">
        <v>166599</v>
      </c>
      <c r="E13771" s="1" t="s">
        <v>0</v>
      </c>
    </row>
    <row r="13772" spans="1:5" x14ac:dyDescent="0.25">
      <c r="A13772" s="2">
        <v>2754</v>
      </c>
      <c r="B13772" s="2">
        <v>2754</v>
      </c>
      <c r="C13772" s="1" t="s">
        <v>0</v>
      </c>
      <c r="D13772" s="2">
        <v>166600</v>
      </c>
      <c r="E13772" s="1" t="s">
        <v>0</v>
      </c>
    </row>
    <row r="13773" spans="1:5" x14ac:dyDescent="0.25">
      <c r="A13773" s="1" t="s">
        <v>2519</v>
      </c>
      <c r="B13773" s="1" t="s">
        <v>8986</v>
      </c>
      <c r="C13773" s="1" t="s">
        <v>32050</v>
      </c>
      <c r="D13773" s="2">
        <v>166601</v>
      </c>
      <c r="E13773" s="1" t="s">
        <v>0</v>
      </c>
    </row>
    <row r="13774" spans="1:5" x14ac:dyDescent="0.25">
      <c r="A13774" s="1" t="s">
        <v>32051</v>
      </c>
      <c r="B13774" s="1" t="s">
        <v>8987</v>
      </c>
      <c r="C13774" s="1" t="s">
        <v>32052</v>
      </c>
      <c r="D13774" s="2">
        <v>166602</v>
      </c>
      <c r="E13774" s="1" t="s">
        <v>0</v>
      </c>
    </row>
    <row r="13775" spans="1:5" ht="409.5" x14ac:dyDescent="0.25">
      <c r="A13775" s="4" t="s">
        <v>32053</v>
      </c>
      <c r="B13775" s="1" t="s">
        <v>8988</v>
      </c>
      <c r="C13775" s="1" t="s">
        <v>32054</v>
      </c>
      <c r="D13775" s="2">
        <v>166603</v>
      </c>
      <c r="E13775" s="1" t="s">
        <v>0</v>
      </c>
    </row>
    <row r="13776" spans="1:5" x14ac:dyDescent="0.25">
      <c r="A13776" s="1" t="s">
        <v>32055</v>
      </c>
      <c r="B13776" s="1" t="s">
        <v>54071</v>
      </c>
      <c r="C13776" s="1" t="s">
        <v>32056</v>
      </c>
      <c r="D13776" s="2">
        <v>166604</v>
      </c>
      <c r="E13776" s="1" t="s">
        <v>0</v>
      </c>
    </row>
    <row r="13777" spans="1:5" x14ac:dyDescent="0.25">
      <c r="A13777" s="2">
        <v>2755</v>
      </c>
      <c r="B13777" s="2">
        <v>2755</v>
      </c>
      <c r="C13777" s="1" t="s">
        <v>0</v>
      </c>
      <c r="D13777" s="2">
        <v>166605</v>
      </c>
      <c r="E13777" s="1" t="s">
        <v>0</v>
      </c>
    </row>
    <row r="13778" spans="1:5" x14ac:dyDescent="0.25">
      <c r="A13778" s="1" t="s">
        <v>2520</v>
      </c>
      <c r="B13778" s="1" t="s">
        <v>8989</v>
      </c>
      <c r="C13778" s="1" t="s">
        <v>32057</v>
      </c>
      <c r="D13778" s="2">
        <v>166606</v>
      </c>
      <c r="E13778" s="1" t="s">
        <v>0</v>
      </c>
    </row>
    <row r="13779" spans="1:5" x14ac:dyDescent="0.25">
      <c r="A13779" s="1" t="s">
        <v>32058</v>
      </c>
      <c r="B13779" s="1" t="s">
        <v>62561</v>
      </c>
      <c r="C13779" s="1" t="s">
        <v>32059</v>
      </c>
      <c r="D13779" s="2">
        <v>166607</v>
      </c>
      <c r="E13779" s="1" t="s">
        <v>0</v>
      </c>
    </row>
    <row r="13780" spans="1:5" ht="409.5" x14ac:dyDescent="0.25">
      <c r="A13780" s="4" t="s">
        <v>32060</v>
      </c>
      <c r="B13780" s="1" t="s">
        <v>63380</v>
      </c>
      <c r="C13780" s="1" t="s">
        <v>32061</v>
      </c>
      <c r="D13780" s="2">
        <v>166608</v>
      </c>
      <c r="E13780" s="1" t="s">
        <v>0</v>
      </c>
    </row>
    <row r="13781" spans="1:5" x14ac:dyDescent="0.25">
      <c r="A13781" s="1" t="s">
        <v>32062</v>
      </c>
      <c r="B13781" s="1" t="s">
        <v>54072</v>
      </c>
      <c r="C13781" s="1" t="s">
        <v>32063</v>
      </c>
      <c r="D13781" s="2">
        <v>166609</v>
      </c>
      <c r="E13781" s="1" t="s">
        <v>0</v>
      </c>
    </row>
    <row r="13782" spans="1:5" x14ac:dyDescent="0.25">
      <c r="A13782" s="2">
        <v>2756</v>
      </c>
      <c r="B13782" s="2">
        <v>2756</v>
      </c>
      <c r="C13782" s="1" t="s">
        <v>0</v>
      </c>
      <c r="D13782" s="2">
        <v>166610</v>
      </c>
      <c r="E13782" s="1" t="s">
        <v>0</v>
      </c>
    </row>
    <row r="13783" spans="1:5" x14ac:dyDescent="0.25">
      <c r="A13783" s="1" t="s">
        <v>2521</v>
      </c>
      <c r="B13783" s="1" t="s">
        <v>60035</v>
      </c>
      <c r="C13783" s="1" t="s">
        <v>32064</v>
      </c>
      <c r="D13783" s="2">
        <v>166611</v>
      </c>
      <c r="E13783" s="1" t="s">
        <v>0</v>
      </c>
    </row>
    <row r="13784" spans="1:5" x14ac:dyDescent="0.25">
      <c r="A13784" s="1" t="s">
        <v>32065</v>
      </c>
      <c r="B13784" s="1" t="s">
        <v>8990</v>
      </c>
      <c r="C13784" s="1" t="s">
        <v>32066</v>
      </c>
      <c r="D13784" s="2">
        <v>166612</v>
      </c>
      <c r="E13784" s="1" t="s">
        <v>0</v>
      </c>
    </row>
    <row r="13785" spans="1:5" ht="409.5" x14ac:dyDescent="0.25">
      <c r="A13785" s="4" t="s">
        <v>32067</v>
      </c>
      <c r="B13785" s="1" t="s">
        <v>56782</v>
      </c>
      <c r="C13785" s="1" t="s">
        <v>32068</v>
      </c>
      <c r="D13785" s="2">
        <v>166613</v>
      </c>
      <c r="E13785" s="1" t="s">
        <v>0</v>
      </c>
    </row>
    <row r="13786" spans="1:5" x14ac:dyDescent="0.25">
      <c r="A13786" s="1" t="s">
        <v>32069</v>
      </c>
      <c r="B13786" s="1" t="s">
        <v>54073</v>
      </c>
      <c r="C13786" s="1" t="s">
        <v>32070</v>
      </c>
      <c r="D13786" s="2">
        <v>166614</v>
      </c>
      <c r="E13786" s="1" t="s">
        <v>0</v>
      </c>
    </row>
    <row r="13787" spans="1:5" x14ac:dyDescent="0.25">
      <c r="A13787" s="2">
        <v>2757</v>
      </c>
      <c r="B13787" s="2">
        <v>2757</v>
      </c>
      <c r="C13787" s="1" t="s">
        <v>0</v>
      </c>
      <c r="D13787" s="2">
        <v>166615</v>
      </c>
      <c r="E13787" s="1" t="s">
        <v>0</v>
      </c>
    </row>
    <row r="13788" spans="1:5" x14ac:dyDescent="0.25">
      <c r="A13788" s="1" t="s">
        <v>2522</v>
      </c>
      <c r="B13788" s="1" t="s">
        <v>8991</v>
      </c>
      <c r="C13788" s="1" t="s">
        <v>32071</v>
      </c>
      <c r="D13788" s="2">
        <v>166616</v>
      </c>
      <c r="E13788" s="1" t="s">
        <v>0</v>
      </c>
    </row>
    <row r="13789" spans="1:5" x14ac:dyDescent="0.25">
      <c r="A13789" s="1" t="s">
        <v>32072</v>
      </c>
      <c r="B13789" s="1" t="s">
        <v>8992</v>
      </c>
      <c r="C13789" s="1" t="s">
        <v>32073</v>
      </c>
      <c r="D13789" s="2">
        <v>166617</v>
      </c>
      <c r="E13789" s="1" t="s">
        <v>0</v>
      </c>
    </row>
    <row r="13790" spans="1:5" ht="409.5" x14ac:dyDescent="0.25">
      <c r="A13790" s="4" t="s">
        <v>32074</v>
      </c>
      <c r="B13790" s="1" t="s">
        <v>60747</v>
      </c>
      <c r="C13790" s="1" t="s">
        <v>32075</v>
      </c>
      <c r="D13790" s="2">
        <v>166618</v>
      </c>
      <c r="E13790" s="1" t="s">
        <v>0</v>
      </c>
    </row>
    <row r="13791" spans="1:5" x14ac:dyDescent="0.25">
      <c r="A13791" s="1" t="s">
        <v>32076</v>
      </c>
      <c r="B13791" s="1" t="s">
        <v>54074</v>
      </c>
      <c r="C13791" s="1" t="s">
        <v>32077</v>
      </c>
      <c r="D13791" s="2">
        <v>166619</v>
      </c>
      <c r="E13791" s="1" t="s">
        <v>0</v>
      </c>
    </row>
    <row r="13792" spans="1:5" x14ac:dyDescent="0.25">
      <c r="A13792" s="2">
        <v>2758</v>
      </c>
      <c r="B13792" s="2">
        <v>2758</v>
      </c>
      <c r="C13792" s="1" t="s">
        <v>0</v>
      </c>
      <c r="D13792" s="2">
        <v>166620</v>
      </c>
      <c r="E13792" s="1" t="s">
        <v>0</v>
      </c>
    </row>
    <row r="13793" spans="1:5" x14ac:dyDescent="0.25">
      <c r="A13793" s="1" t="s">
        <v>8993</v>
      </c>
      <c r="B13793" s="1" t="s">
        <v>8994</v>
      </c>
      <c r="C13793" s="1" t="s">
        <v>32078</v>
      </c>
      <c r="D13793" s="2">
        <v>166621</v>
      </c>
      <c r="E13793" s="1" t="s">
        <v>0</v>
      </c>
    </row>
    <row r="13794" spans="1:5" x14ac:dyDescent="0.25">
      <c r="A13794" s="1" t="s">
        <v>32079</v>
      </c>
      <c r="B13794" s="1" t="s">
        <v>56783</v>
      </c>
      <c r="C13794" s="1" t="s">
        <v>32080</v>
      </c>
      <c r="D13794" s="2">
        <v>166622</v>
      </c>
      <c r="E13794" s="1" t="s">
        <v>0</v>
      </c>
    </row>
    <row r="13795" spans="1:5" ht="409.5" x14ac:dyDescent="0.25">
      <c r="A13795" s="4" t="s">
        <v>64193</v>
      </c>
      <c r="B13795" s="1" t="s">
        <v>61551</v>
      </c>
      <c r="C13795" s="1" t="s">
        <v>32081</v>
      </c>
      <c r="D13795" s="2">
        <v>166623</v>
      </c>
      <c r="E13795" s="1" t="s">
        <v>0</v>
      </c>
    </row>
    <row r="13796" spans="1:5" x14ac:dyDescent="0.25">
      <c r="A13796" s="1" t="s">
        <v>32082</v>
      </c>
      <c r="B13796" s="1" t="s">
        <v>8995</v>
      </c>
      <c r="C13796" s="1" t="s">
        <v>32083</v>
      </c>
      <c r="D13796" s="2">
        <v>166624</v>
      </c>
      <c r="E13796" s="1" t="s">
        <v>0</v>
      </c>
    </row>
    <row r="13797" spans="1:5" x14ac:dyDescent="0.25">
      <c r="A13797" s="2">
        <v>2759</v>
      </c>
      <c r="B13797" s="2">
        <v>2759</v>
      </c>
      <c r="C13797" s="1" t="s">
        <v>0</v>
      </c>
      <c r="D13797" s="2">
        <v>166625</v>
      </c>
      <c r="E13797" s="1" t="s">
        <v>0</v>
      </c>
    </row>
    <row r="13798" spans="1:5" x14ac:dyDescent="0.25">
      <c r="A13798" s="1" t="s">
        <v>2523</v>
      </c>
      <c r="B13798" s="1" t="s">
        <v>60748</v>
      </c>
      <c r="C13798" s="1" t="s">
        <v>32084</v>
      </c>
      <c r="D13798" s="2">
        <v>166626</v>
      </c>
      <c r="E13798" s="1" t="s">
        <v>0</v>
      </c>
    </row>
    <row r="13799" spans="1:5" x14ac:dyDescent="0.25">
      <c r="A13799" s="1" t="s">
        <v>32085</v>
      </c>
      <c r="B13799" s="1" t="s">
        <v>60749</v>
      </c>
      <c r="C13799" s="1" t="s">
        <v>32086</v>
      </c>
      <c r="D13799" s="2">
        <v>166627</v>
      </c>
      <c r="E13799" s="1" t="s">
        <v>0</v>
      </c>
    </row>
    <row r="13800" spans="1:5" ht="409.5" x14ac:dyDescent="0.25">
      <c r="A13800" s="4" t="s">
        <v>32087</v>
      </c>
      <c r="B13800" s="1" t="s">
        <v>60824</v>
      </c>
      <c r="C13800" s="1" t="s">
        <v>32088</v>
      </c>
      <c r="D13800" s="2">
        <v>166628</v>
      </c>
      <c r="E13800" s="1" t="s">
        <v>0</v>
      </c>
    </row>
    <row r="13801" spans="1:5" x14ac:dyDescent="0.25">
      <c r="A13801" s="1" t="s">
        <v>32089</v>
      </c>
      <c r="B13801" s="1" t="s">
        <v>54075</v>
      </c>
      <c r="C13801" s="1" t="s">
        <v>32090</v>
      </c>
      <c r="D13801" s="2">
        <v>166629</v>
      </c>
      <c r="E13801" s="1" t="s">
        <v>0</v>
      </c>
    </row>
    <row r="13802" spans="1:5" x14ac:dyDescent="0.25">
      <c r="A13802" s="2">
        <v>2760</v>
      </c>
      <c r="B13802" s="2">
        <v>2760</v>
      </c>
      <c r="C13802" s="1" t="s">
        <v>0</v>
      </c>
      <c r="D13802" s="2">
        <v>166630</v>
      </c>
      <c r="E13802" s="1" t="s">
        <v>0</v>
      </c>
    </row>
    <row r="13803" spans="1:5" x14ac:dyDescent="0.25">
      <c r="A13803" s="1" t="s">
        <v>2524</v>
      </c>
      <c r="B13803" s="1" t="s">
        <v>50757</v>
      </c>
      <c r="C13803" s="1" t="s">
        <v>32091</v>
      </c>
      <c r="D13803" s="2">
        <v>166631</v>
      </c>
      <c r="E13803" s="1" t="s">
        <v>0</v>
      </c>
    </row>
    <row r="13804" spans="1:5" x14ac:dyDescent="0.25">
      <c r="A13804" s="1" t="s">
        <v>32092</v>
      </c>
      <c r="B13804" s="1" t="s">
        <v>54076</v>
      </c>
      <c r="C13804" s="1" t="s">
        <v>32093</v>
      </c>
      <c r="D13804" s="2">
        <v>166632</v>
      </c>
      <c r="E13804" s="1" t="s">
        <v>0</v>
      </c>
    </row>
    <row r="13805" spans="1:5" ht="409.5" x14ac:dyDescent="0.25">
      <c r="A13805" s="4" t="s">
        <v>32094</v>
      </c>
      <c r="B13805" s="1" t="s">
        <v>54077</v>
      </c>
      <c r="C13805" s="1" t="s">
        <v>32095</v>
      </c>
      <c r="D13805" s="2">
        <v>166633</v>
      </c>
      <c r="E13805" s="1" t="s">
        <v>0</v>
      </c>
    </row>
    <row r="13806" spans="1:5" x14ac:dyDescent="0.25">
      <c r="A13806" s="1" t="s">
        <v>32096</v>
      </c>
      <c r="B13806" s="1" t="s">
        <v>57233</v>
      </c>
      <c r="C13806" s="1" t="s">
        <v>32097</v>
      </c>
      <c r="D13806" s="2">
        <v>166634</v>
      </c>
      <c r="E13806" s="1" t="s">
        <v>0</v>
      </c>
    </row>
    <row r="13807" spans="1:5" x14ac:dyDescent="0.25">
      <c r="A13807" s="2">
        <v>2761</v>
      </c>
      <c r="B13807" s="2">
        <v>2761</v>
      </c>
      <c r="C13807" s="1" t="s">
        <v>0</v>
      </c>
      <c r="D13807" s="2">
        <v>166635</v>
      </c>
      <c r="E13807" s="1" t="s">
        <v>0</v>
      </c>
    </row>
    <row r="13808" spans="1:5" x14ac:dyDescent="0.25">
      <c r="A13808" s="1" t="s">
        <v>2525</v>
      </c>
      <c r="B13808" s="1" t="s">
        <v>8996</v>
      </c>
      <c r="C13808" s="1" t="s">
        <v>32098</v>
      </c>
      <c r="D13808" s="2">
        <v>166636</v>
      </c>
      <c r="E13808" s="1" t="s">
        <v>0</v>
      </c>
    </row>
    <row r="13809" spans="1:5" x14ac:dyDescent="0.25">
      <c r="A13809" s="1" t="s">
        <v>32099</v>
      </c>
      <c r="B13809" s="1" t="s">
        <v>54078</v>
      </c>
      <c r="C13809" s="1" t="s">
        <v>32100</v>
      </c>
      <c r="D13809" s="2">
        <v>166637</v>
      </c>
      <c r="E13809" s="1" t="s">
        <v>0</v>
      </c>
    </row>
    <row r="13810" spans="1:5" ht="409.5" x14ac:dyDescent="0.25">
      <c r="A13810" s="4" t="s">
        <v>32101</v>
      </c>
      <c r="B13810" s="1" t="s">
        <v>54079</v>
      </c>
      <c r="C13810" s="1" t="s">
        <v>32102</v>
      </c>
      <c r="D13810" s="2">
        <v>166638</v>
      </c>
      <c r="E13810" s="1" t="s">
        <v>0</v>
      </c>
    </row>
    <row r="13811" spans="1:5" x14ac:dyDescent="0.25">
      <c r="A13811" s="1" t="s">
        <v>14855</v>
      </c>
      <c r="B13811" s="1" t="s">
        <v>60879</v>
      </c>
      <c r="C13811" s="1" t="s">
        <v>14856</v>
      </c>
      <c r="D13811" s="2">
        <v>166639</v>
      </c>
      <c r="E13811" s="1" t="s">
        <v>0</v>
      </c>
    </row>
    <row r="13812" spans="1:5" x14ac:dyDescent="0.25">
      <c r="A13812" s="2">
        <v>2762</v>
      </c>
      <c r="B13812" s="2">
        <v>2762</v>
      </c>
      <c r="C13812" s="1" t="s">
        <v>0</v>
      </c>
      <c r="D13812" s="2">
        <v>166640</v>
      </c>
      <c r="E13812" s="1" t="s">
        <v>0</v>
      </c>
    </row>
    <row r="13813" spans="1:5" x14ac:dyDescent="0.25">
      <c r="A13813" s="1" t="s">
        <v>2526</v>
      </c>
      <c r="B13813" s="1" t="s">
        <v>58775</v>
      </c>
      <c r="C13813" s="1" t="s">
        <v>32103</v>
      </c>
      <c r="D13813" s="2">
        <v>166641</v>
      </c>
      <c r="E13813" s="1" t="s">
        <v>0</v>
      </c>
    </row>
    <row r="13814" spans="1:5" x14ac:dyDescent="0.25">
      <c r="A13814" s="1" t="s">
        <v>32104</v>
      </c>
      <c r="B13814" s="1" t="s">
        <v>58776</v>
      </c>
      <c r="C13814" s="1" t="s">
        <v>32105</v>
      </c>
      <c r="D13814" s="2">
        <v>166642</v>
      </c>
      <c r="E13814" s="1" t="s">
        <v>0</v>
      </c>
    </row>
    <row r="13815" spans="1:5" ht="409.5" x14ac:dyDescent="0.25">
      <c r="A13815" s="4" t="s">
        <v>32106</v>
      </c>
      <c r="B13815" s="1" t="s">
        <v>60036</v>
      </c>
      <c r="C13815" s="1" t="s">
        <v>32107</v>
      </c>
      <c r="D13815" s="2">
        <v>166643</v>
      </c>
      <c r="E13815" s="1" t="s">
        <v>0</v>
      </c>
    </row>
    <row r="13816" spans="1:5" x14ac:dyDescent="0.25">
      <c r="A13816" s="1" t="s">
        <v>32108</v>
      </c>
      <c r="B13816" s="1" t="s">
        <v>58777</v>
      </c>
      <c r="C13816" s="1" t="s">
        <v>32109</v>
      </c>
      <c r="D13816" s="2">
        <v>166644</v>
      </c>
      <c r="E13816" s="1" t="s">
        <v>0</v>
      </c>
    </row>
    <row r="13817" spans="1:5" x14ac:dyDescent="0.25">
      <c r="A13817" s="2">
        <v>2763</v>
      </c>
      <c r="B13817" s="2">
        <v>2763</v>
      </c>
      <c r="C13817" s="1" t="s">
        <v>0</v>
      </c>
      <c r="D13817" s="2">
        <v>166645</v>
      </c>
      <c r="E13817" s="1" t="s">
        <v>0</v>
      </c>
    </row>
    <row r="13818" spans="1:5" x14ac:dyDescent="0.25">
      <c r="A13818" s="1" t="s">
        <v>2527</v>
      </c>
      <c r="B13818" s="1" t="s">
        <v>60037</v>
      </c>
      <c r="C13818" s="1" t="s">
        <v>32110</v>
      </c>
      <c r="D13818" s="2">
        <v>166646</v>
      </c>
      <c r="E13818" s="1" t="s">
        <v>0</v>
      </c>
    </row>
    <row r="13819" spans="1:5" x14ac:dyDescent="0.25">
      <c r="A13819" s="1" t="s">
        <v>32111</v>
      </c>
      <c r="B13819" s="1" t="s">
        <v>60038</v>
      </c>
      <c r="C13819" s="1" t="s">
        <v>32112</v>
      </c>
      <c r="D13819" s="2">
        <v>166647</v>
      </c>
      <c r="E13819" s="1" t="s">
        <v>0</v>
      </c>
    </row>
    <row r="13820" spans="1:5" ht="409.5" x14ac:dyDescent="0.25">
      <c r="A13820" s="4" t="s">
        <v>32113</v>
      </c>
      <c r="B13820" s="1" t="s">
        <v>60039</v>
      </c>
      <c r="C13820" s="1" t="s">
        <v>32114</v>
      </c>
      <c r="D13820" s="2">
        <v>166648</v>
      </c>
      <c r="E13820" s="1" t="s">
        <v>0</v>
      </c>
    </row>
    <row r="13821" spans="1:5" x14ac:dyDescent="0.25">
      <c r="A13821" s="1" t="s">
        <v>32115</v>
      </c>
      <c r="B13821" s="1" t="s">
        <v>54080</v>
      </c>
      <c r="C13821" s="1" t="s">
        <v>32116</v>
      </c>
      <c r="D13821" s="2">
        <v>166649</v>
      </c>
      <c r="E13821" s="1" t="s">
        <v>0</v>
      </c>
    </row>
    <row r="13822" spans="1:5" x14ac:dyDescent="0.25">
      <c r="A13822" s="2">
        <v>2764</v>
      </c>
      <c r="B13822" s="2">
        <v>2764</v>
      </c>
      <c r="C13822" s="1" t="s">
        <v>0</v>
      </c>
      <c r="D13822" s="2">
        <v>166650</v>
      </c>
      <c r="E13822" s="1" t="s">
        <v>0</v>
      </c>
    </row>
    <row r="13823" spans="1:5" x14ac:dyDescent="0.25">
      <c r="A13823" s="1" t="s">
        <v>2528</v>
      </c>
      <c r="B13823" s="1" t="s">
        <v>50758</v>
      </c>
      <c r="C13823" s="1" t="s">
        <v>32117</v>
      </c>
      <c r="D13823" s="2">
        <v>166651</v>
      </c>
      <c r="E13823" s="1" t="s">
        <v>0</v>
      </c>
    </row>
    <row r="13824" spans="1:5" x14ac:dyDescent="0.25">
      <c r="A13824" s="1" t="s">
        <v>32118</v>
      </c>
      <c r="B13824" s="1" t="s">
        <v>62562</v>
      </c>
      <c r="C13824" s="1" t="s">
        <v>32119</v>
      </c>
      <c r="D13824" s="2">
        <v>166652</v>
      </c>
      <c r="E13824" s="1" t="s">
        <v>0</v>
      </c>
    </row>
    <row r="13825" spans="1:5" ht="409.5" x14ac:dyDescent="0.25">
      <c r="A13825" s="4" t="s">
        <v>32120</v>
      </c>
      <c r="B13825" s="1" t="s">
        <v>62563</v>
      </c>
      <c r="C13825" s="1" t="s">
        <v>32121</v>
      </c>
      <c r="D13825" s="2">
        <v>166653</v>
      </c>
      <c r="E13825" s="1" t="s">
        <v>0</v>
      </c>
    </row>
    <row r="13826" spans="1:5" x14ac:dyDescent="0.25">
      <c r="A13826" s="1" t="s">
        <v>32122</v>
      </c>
      <c r="B13826" s="1" t="s">
        <v>58778</v>
      </c>
      <c r="C13826" s="1" t="s">
        <v>32123</v>
      </c>
      <c r="D13826" s="2">
        <v>166654</v>
      </c>
      <c r="E13826" s="1" t="s">
        <v>0</v>
      </c>
    </row>
    <row r="13827" spans="1:5" x14ac:dyDescent="0.25">
      <c r="A13827" s="2">
        <v>2765</v>
      </c>
      <c r="B13827" s="2">
        <v>2765</v>
      </c>
      <c r="C13827" s="1" t="s">
        <v>0</v>
      </c>
      <c r="D13827" s="2">
        <v>166655</v>
      </c>
      <c r="E13827" s="1" t="s">
        <v>0</v>
      </c>
    </row>
    <row r="13828" spans="1:5" x14ac:dyDescent="0.25">
      <c r="A13828" s="1" t="s">
        <v>2529</v>
      </c>
      <c r="B13828" s="1" t="s">
        <v>60040</v>
      </c>
      <c r="C13828" s="1" t="s">
        <v>32124</v>
      </c>
      <c r="D13828" s="2">
        <v>166656</v>
      </c>
      <c r="E13828" s="1" t="s">
        <v>0</v>
      </c>
    </row>
    <row r="13829" spans="1:5" x14ac:dyDescent="0.25">
      <c r="A13829" s="1" t="s">
        <v>32125</v>
      </c>
      <c r="B13829" s="1" t="s">
        <v>62564</v>
      </c>
      <c r="C13829" s="1" t="s">
        <v>32126</v>
      </c>
      <c r="D13829" s="2">
        <v>166657</v>
      </c>
      <c r="E13829" s="1" t="s">
        <v>0</v>
      </c>
    </row>
    <row r="13830" spans="1:5" ht="409.5" x14ac:dyDescent="0.25">
      <c r="A13830" s="4" t="s">
        <v>32127</v>
      </c>
      <c r="B13830" s="1" t="s">
        <v>62565</v>
      </c>
      <c r="C13830" s="1" t="s">
        <v>32128</v>
      </c>
      <c r="D13830" s="2">
        <v>166658</v>
      </c>
      <c r="E13830" s="1" t="s">
        <v>0</v>
      </c>
    </row>
    <row r="13831" spans="1:5" x14ac:dyDescent="0.25">
      <c r="A13831" s="1" t="s">
        <v>32129</v>
      </c>
      <c r="B13831" s="1" t="s">
        <v>57234</v>
      </c>
      <c r="C13831" s="1" t="s">
        <v>32130</v>
      </c>
      <c r="D13831" s="2">
        <v>166659</v>
      </c>
      <c r="E13831" s="1" t="s">
        <v>0</v>
      </c>
    </row>
    <row r="13832" spans="1:5" x14ac:dyDescent="0.25">
      <c r="A13832" s="2">
        <v>2766</v>
      </c>
      <c r="B13832" s="2">
        <v>2766</v>
      </c>
      <c r="C13832" s="1" t="s">
        <v>0</v>
      </c>
      <c r="D13832" s="2">
        <v>166660</v>
      </c>
      <c r="E13832" s="1" t="s">
        <v>0</v>
      </c>
    </row>
    <row r="13833" spans="1:5" x14ac:dyDescent="0.25">
      <c r="A13833" s="1" t="s">
        <v>2530</v>
      </c>
      <c r="B13833" s="1" t="s">
        <v>8997</v>
      </c>
      <c r="C13833" s="1" t="s">
        <v>32131</v>
      </c>
      <c r="D13833" s="2">
        <v>166661</v>
      </c>
      <c r="E13833" s="1" t="s">
        <v>0</v>
      </c>
    </row>
    <row r="13834" spans="1:5" x14ac:dyDescent="0.25">
      <c r="A13834" s="1" t="s">
        <v>32132</v>
      </c>
      <c r="B13834" s="1" t="s">
        <v>54081</v>
      </c>
      <c r="C13834" s="1" t="s">
        <v>32133</v>
      </c>
      <c r="D13834" s="2">
        <v>166662</v>
      </c>
      <c r="E13834" s="1" t="s">
        <v>0</v>
      </c>
    </row>
    <row r="13835" spans="1:5" ht="409.5" x14ac:dyDescent="0.25">
      <c r="A13835" s="4" t="s">
        <v>32134</v>
      </c>
      <c r="B13835" s="1" t="s">
        <v>54082</v>
      </c>
      <c r="C13835" s="1" t="s">
        <v>32135</v>
      </c>
      <c r="D13835" s="2">
        <v>166663</v>
      </c>
      <c r="E13835" s="1" t="s">
        <v>0</v>
      </c>
    </row>
    <row r="13836" spans="1:5" x14ac:dyDescent="0.25">
      <c r="A13836" s="1" t="s">
        <v>28341</v>
      </c>
      <c r="B13836" s="1" t="s">
        <v>61101</v>
      </c>
      <c r="C13836" s="1" t="s">
        <v>28342</v>
      </c>
      <c r="D13836" s="2">
        <v>166664</v>
      </c>
      <c r="E13836" s="1" t="s">
        <v>0</v>
      </c>
    </row>
    <row r="13837" spans="1:5" x14ac:dyDescent="0.25">
      <c r="A13837" s="2">
        <v>2767</v>
      </c>
      <c r="B13837" s="2">
        <v>2767</v>
      </c>
      <c r="C13837" s="1" t="s">
        <v>0</v>
      </c>
      <c r="D13837" s="2">
        <v>166665</v>
      </c>
      <c r="E13837" s="1" t="s">
        <v>0</v>
      </c>
    </row>
    <row r="13838" spans="1:5" x14ac:dyDescent="0.25">
      <c r="A13838" s="1" t="s">
        <v>2531</v>
      </c>
      <c r="B13838" s="1" t="s">
        <v>54083</v>
      </c>
      <c r="C13838" s="1" t="s">
        <v>32136</v>
      </c>
      <c r="D13838" s="2">
        <v>166666</v>
      </c>
      <c r="E13838" s="1" t="s">
        <v>0</v>
      </c>
    </row>
    <row r="13839" spans="1:5" x14ac:dyDescent="0.25">
      <c r="A13839" s="1" t="s">
        <v>32137</v>
      </c>
      <c r="B13839" s="1" t="s">
        <v>54084</v>
      </c>
      <c r="C13839" s="1" t="s">
        <v>32138</v>
      </c>
      <c r="D13839" s="2">
        <v>166667</v>
      </c>
      <c r="E13839" s="1" t="s">
        <v>0</v>
      </c>
    </row>
    <row r="13840" spans="1:5" ht="409.5" x14ac:dyDescent="0.25">
      <c r="A13840" s="4" t="s">
        <v>32139</v>
      </c>
      <c r="B13840" s="1" t="s">
        <v>60750</v>
      </c>
      <c r="C13840" s="1" t="s">
        <v>32140</v>
      </c>
      <c r="D13840" s="2">
        <v>166668</v>
      </c>
      <c r="E13840" s="1" t="s">
        <v>0</v>
      </c>
    </row>
    <row r="13841" spans="1:5" x14ac:dyDescent="0.25">
      <c r="A13841" s="1" t="s">
        <v>32141</v>
      </c>
      <c r="B13841" s="1" t="s">
        <v>54085</v>
      </c>
      <c r="C13841" s="1" t="s">
        <v>32142</v>
      </c>
      <c r="D13841" s="2">
        <v>166669</v>
      </c>
      <c r="E13841" s="1" t="s">
        <v>0</v>
      </c>
    </row>
    <row r="13842" spans="1:5" x14ac:dyDescent="0.25">
      <c r="A13842" s="2">
        <v>2768</v>
      </c>
      <c r="B13842" s="2">
        <v>2768</v>
      </c>
      <c r="C13842" s="1" t="s">
        <v>0</v>
      </c>
      <c r="D13842" s="2">
        <v>166670</v>
      </c>
      <c r="E13842" s="1" t="s">
        <v>0</v>
      </c>
    </row>
    <row r="13843" spans="1:5" x14ac:dyDescent="0.25">
      <c r="A13843" s="1" t="s">
        <v>2532</v>
      </c>
      <c r="B13843" s="1" t="s">
        <v>56950</v>
      </c>
      <c r="C13843" s="1" t="s">
        <v>32143</v>
      </c>
      <c r="D13843" s="2">
        <v>166671</v>
      </c>
      <c r="E13843" s="1" t="s">
        <v>0</v>
      </c>
    </row>
    <row r="13844" spans="1:5" x14ac:dyDescent="0.25">
      <c r="A13844" s="1" t="s">
        <v>32144</v>
      </c>
      <c r="B13844" s="1" t="s">
        <v>8998</v>
      </c>
      <c r="C13844" s="1" t="s">
        <v>32145</v>
      </c>
      <c r="D13844" s="2">
        <v>166672</v>
      </c>
      <c r="E13844" s="1" t="s">
        <v>0</v>
      </c>
    </row>
    <row r="13845" spans="1:5" ht="409.5" x14ac:dyDescent="0.25">
      <c r="A13845" s="4" t="s">
        <v>32146</v>
      </c>
      <c r="B13845" s="1" t="s">
        <v>56951</v>
      </c>
      <c r="C13845" s="1" t="s">
        <v>32147</v>
      </c>
      <c r="D13845" s="2">
        <v>166673</v>
      </c>
      <c r="E13845" s="1" t="s">
        <v>0</v>
      </c>
    </row>
    <row r="13846" spans="1:5" x14ac:dyDescent="0.25">
      <c r="A13846" s="1" t="s">
        <v>32148</v>
      </c>
      <c r="B13846" s="1" t="s">
        <v>54086</v>
      </c>
      <c r="C13846" s="1" t="s">
        <v>32149</v>
      </c>
      <c r="D13846" s="2">
        <v>166674</v>
      </c>
      <c r="E13846" s="1" t="s">
        <v>0</v>
      </c>
    </row>
    <row r="13847" spans="1:5" x14ac:dyDescent="0.25">
      <c r="A13847" s="2">
        <v>2769</v>
      </c>
      <c r="B13847" s="2">
        <v>2769</v>
      </c>
      <c r="C13847" s="1" t="s">
        <v>0</v>
      </c>
      <c r="D13847" s="2">
        <v>166675</v>
      </c>
      <c r="E13847" s="1" t="s">
        <v>0</v>
      </c>
    </row>
    <row r="13848" spans="1:5" x14ac:dyDescent="0.25">
      <c r="A13848" s="1" t="s">
        <v>8999</v>
      </c>
      <c r="B13848" s="1" t="s">
        <v>54087</v>
      </c>
      <c r="C13848" s="1" t="s">
        <v>32150</v>
      </c>
      <c r="D13848" s="2">
        <v>166676</v>
      </c>
      <c r="E13848" s="1" t="s">
        <v>0</v>
      </c>
    </row>
    <row r="13849" spans="1:5" x14ac:dyDescent="0.25">
      <c r="A13849" s="1" t="s">
        <v>32151</v>
      </c>
      <c r="B13849" s="1" t="s">
        <v>50759</v>
      </c>
      <c r="C13849" s="1" t="s">
        <v>32152</v>
      </c>
      <c r="D13849" s="2">
        <v>166677</v>
      </c>
      <c r="E13849" s="1" t="s">
        <v>0</v>
      </c>
    </row>
    <row r="13850" spans="1:5" ht="409.5" x14ac:dyDescent="0.25">
      <c r="A13850" s="4" t="s">
        <v>32153</v>
      </c>
      <c r="B13850" s="1" t="s">
        <v>54088</v>
      </c>
      <c r="C13850" s="1" t="s">
        <v>32154</v>
      </c>
      <c r="D13850" s="2">
        <v>166678</v>
      </c>
      <c r="E13850" s="1" t="s">
        <v>0</v>
      </c>
    </row>
    <row r="13851" spans="1:5" x14ac:dyDescent="0.25">
      <c r="A13851" s="1" t="s">
        <v>32155</v>
      </c>
      <c r="B13851" s="1" t="s">
        <v>54089</v>
      </c>
      <c r="C13851" s="1" t="s">
        <v>32156</v>
      </c>
      <c r="D13851" s="2">
        <v>166679</v>
      </c>
      <c r="E13851" s="1" t="s">
        <v>0</v>
      </c>
    </row>
    <row r="13852" spans="1:5" x14ac:dyDescent="0.25">
      <c r="A13852" s="2">
        <v>2770</v>
      </c>
      <c r="B13852" s="2">
        <v>2770</v>
      </c>
      <c r="C13852" s="1" t="s">
        <v>0</v>
      </c>
      <c r="D13852" s="2">
        <v>166680</v>
      </c>
      <c r="E13852" s="1" t="s">
        <v>0</v>
      </c>
    </row>
    <row r="13853" spans="1:5" x14ac:dyDescent="0.25">
      <c r="A13853" s="1" t="s">
        <v>2533</v>
      </c>
      <c r="B13853" s="1" t="s">
        <v>9000</v>
      </c>
      <c r="C13853" s="1" t="s">
        <v>32157</v>
      </c>
      <c r="D13853" s="2">
        <v>166681</v>
      </c>
      <c r="E13853" s="1" t="s">
        <v>0</v>
      </c>
    </row>
    <row r="13854" spans="1:5" x14ac:dyDescent="0.25">
      <c r="A13854" s="1" t="s">
        <v>32158</v>
      </c>
      <c r="B13854" s="1" t="s">
        <v>54090</v>
      </c>
      <c r="C13854" s="1" t="s">
        <v>32159</v>
      </c>
      <c r="D13854" s="2">
        <v>166682</v>
      </c>
      <c r="E13854" s="1" t="s">
        <v>0</v>
      </c>
    </row>
    <row r="13855" spans="1:5" ht="409.5" x14ac:dyDescent="0.25">
      <c r="A13855" s="4" t="s">
        <v>32160</v>
      </c>
      <c r="B13855" s="1" t="s">
        <v>60439</v>
      </c>
      <c r="C13855" s="1" t="s">
        <v>32161</v>
      </c>
      <c r="D13855" s="2">
        <v>166683</v>
      </c>
      <c r="E13855" s="1" t="s">
        <v>0</v>
      </c>
    </row>
    <row r="13856" spans="1:5" x14ac:dyDescent="0.25">
      <c r="A13856" s="1" t="s">
        <v>32162</v>
      </c>
      <c r="B13856" s="1" t="s">
        <v>9001</v>
      </c>
      <c r="C13856" s="1" t="s">
        <v>32163</v>
      </c>
      <c r="D13856" s="2">
        <v>166684</v>
      </c>
      <c r="E13856" s="1" t="s">
        <v>0</v>
      </c>
    </row>
    <row r="13857" spans="1:5" x14ac:dyDescent="0.25">
      <c r="A13857" s="2">
        <v>2771</v>
      </c>
      <c r="B13857" s="2">
        <v>2771</v>
      </c>
      <c r="C13857" s="1" t="s">
        <v>0</v>
      </c>
      <c r="D13857" s="2">
        <v>166685</v>
      </c>
      <c r="E13857" s="1" t="s">
        <v>0</v>
      </c>
    </row>
    <row r="13858" spans="1:5" x14ac:dyDescent="0.25">
      <c r="A13858" s="1" t="s">
        <v>2534</v>
      </c>
      <c r="B13858" s="1" t="s">
        <v>9002</v>
      </c>
      <c r="C13858" s="1" t="s">
        <v>32164</v>
      </c>
      <c r="D13858" s="2">
        <v>166686</v>
      </c>
      <c r="E13858" s="1" t="s">
        <v>0</v>
      </c>
    </row>
    <row r="13859" spans="1:5" x14ac:dyDescent="0.25">
      <c r="A13859" s="1" t="s">
        <v>32165</v>
      </c>
      <c r="B13859" s="1" t="s">
        <v>62566</v>
      </c>
      <c r="C13859" s="1" t="s">
        <v>32166</v>
      </c>
      <c r="D13859" s="2">
        <v>166687</v>
      </c>
      <c r="E13859" s="1" t="s">
        <v>0</v>
      </c>
    </row>
    <row r="13860" spans="1:5" ht="409.5" x14ac:dyDescent="0.25">
      <c r="A13860" s="4" t="s">
        <v>32167</v>
      </c>
      <c r="B13860" s="1" t="s">
        <v>62567</v>
      </c>
      <c r="C13860" s="1" t="s">
        <v>32168</v>
      </c>
      <c r="D13860" s="2">
        <v>166688</v>
      </c>
      <c r="E13860" s="1" t="s">
        <v>0</v>
      </c>
    </row>
    <row r="13861" spans="1:5" x14ac:dyDescent="0.25">
      <c r="A13861" s="1" t="s">
        <v>32169</v>
      </c>
      <c r="B13861" s="1" t="s">
        <v>54091</v>
      </c>
      <c r="C13861" s="1" t="s">
        <v>32170</v>
      </c>
      <c r="D13861" s="2">
        <v>166689</v>
      </c>
      <c r="E13861" s="1" t="s">
        <v>0</v>
      </c>
    </row>
    <row r="13862" spans="1:5" x14ac:dyDescent="0.25">
      <c r="A13862" s="2">
        <v>2772</v>
      </c>
      <c r="B13862" s="2">
        <v>2772</v>
      </c>
      <c r="C13862" s="1" t="s">
        <v>0</v>
      </c>
      <c r="D13862" s="2">
        <v>166690</v>
      </c>
      <c r="E13862" s="1" t="s">
        <v>0</v>
      </c>
    </row>
    <row r="13863" spans="1:5" x14ac:dyDescent="0.25">
      <c r="A13863" s="1" t="s">
        <v>2535</v>
      </c>
      <c r="B13863" s="1" t="s">
        <v>9003</v>
      </c>
      <c r="C13863" s="1" t="s">
        <v>32171</v>
      </c>
      <c r="D13863" s="2">
        <v>166691</v>
      </c>
      <c r="E13863" s="1" t="s">
        <v>0</v>
      </c>
    </row>
    <row r="13864" spans="1:5" x14ac:dyDescent="0.25">
      <c r="A13864" s="1" t="s">
        <v>32172</v>
      </c>
      <c r="B13864" s="1" t="s">
        <v>62568</v>
      </c>
      <c r="C13864" s="1" t="s">
        <v>32173</v>
      </c>
      <c r="D13864" s="2">
        <v>166692</v>
      </c>
      <c r="E13864" s="1" t="s">
        <v>0</v>
      </c>
    </row>
    <row r="13865" spans="1:5" ht="409.5" x14ac:dyDescent="0.25">
      <c r="A13865" s="4" t="s">
        <v>32174</v>
      </c>
      <c r="B13865" s="1" t="s">
        <v>62569</v>
      </c>
      <c r="C13865" s="1" t="s">
        <v>32175</v>
      </c>
      <c r="D13865" s="2">
        <v>166693</v>
      </c>
      <c r="E13865" s="1" t="s">
        <v>0</v>
      </c>
    </row>
    <row r="13866" spans="1:5" x14ac:dyDescent="0.25">
      <c r="A13866" s="1" t="s">
        <v>32176</v>
      </c>
      <c r="B13866" s="1" t="s">
        <v>54092</v>
      </c>
      <c r="C13866" s="1" t="s">
        <v>32177</v>
      </c>
      <c r="D13866" s="2">
        <v>166694</v>
      </c>
      <c r="E13866" s="1" t="s">
        <v>0</v>
      </c>
    </row>
    <row r="13867" spans="1:5" x14ac:dyDescent="0.25">
      <c r="A13867" s="2">
        <v>2773</v>
      </c>
      <c r="B13867" s="2">
        <v>2773</v>
      </c>
      <c r="C13867" s="1" t="s">
        <v>0</v>
      </c>
      <c r="D13867" s="2">
        <v>166695</v>
      </c>
      <c r="E13867" s="1" t="s">
        <v>0</v>
      </c>
    </row>
    <row r="13868" spans="1:5" x14ac:dyDescent="0.25">
      <c r="A13868" s="1" t="s">
        <v>2536</v>
      </c>
      <c r="B13868" s="1" t="s">
        <v>54093</v>
      </c>
      <c r="C13868" s="1" t="s">
        <v>32178</v>
      </c>
      <c r="D13868" s="2">
        <v>166696</v>
      </c>
      <c r="E13868" s="1" t="s">
        <v>0</v>
      </c>
    </row>
    <row r="13869" spans="1:5" x14ac:dyDescent="0.25">
      <c r="A13869" s="1" t="s">
        <v>32179</v>
      </c>
      <c r="B13869" s="1" t="s">
        <v>61157</v>
      </c>
      <c r="C13869" s="1" t="s">
        <v>32180</v>
      </c>
      <c r="D13869" s="2">
        <v>166697</v>
      </c>
      <c r="E13869" s="1" t="s">
        <v>0</v>
      </c>
    </row>
    <row r="13870" spans="1:5" ht="409.5" x14ac:dyDescent="0.25">
      <c r="A13870" s="4" t="s">
        <v>32181</v>
      </c>
      <c r="B13870" s="1" t="s">
        <v>61158</v>
      </c>
      <c r="C13870" s="1" t="s">
        <v>32182</v>
      </c>
      <c r="D13870" s="2">
        <v>166698</v>
      </c>
      <c r="E13870" s="1" t="s">
        <v>0</v>
      </c>
    </row>
    <row r="13871" spans="1:5" x14ac:dyDescent="0.25">
      <c r="A13871" s="1" t="s">
        <v>32183</v>
      </c>
      <c r="B13871" s="1" t="s">
        <v>57235</v>
      </c>
      <c r="C13871" s="1" t="s">
        <v>32184</v>
      </c>
      <c r="D13871" s="2">
        <v>166699</v>
      </c>
      <c r="E13871" s="1" t="s">
        <v>0</v>
      </c>
    </row>
    <row r="13872" spans="1:5" x14ac:dyDescent="0.25">
      <c r="A13872" s="2">
        <v>2774</v>
      </c>
      <c r="B13872" s="2">
        <v>2774</v>
      </c>
      <c r="C13872" s="1" t="s">
        <v>0</v>
      </c>
      <c r="D13872" s="2">
        <v>166700</v>
      </c>
      <c r="E13872" s="1" t="s">
        <v>0</v>
      </c>
    </row>
    <row r="13873" spans="1:5" x14ac:dyDescent="0.25">
      <c r="A13873" s="1" t="s">
        <v>9004</v>
      </c>
      <c r="B13873" s="1" t="s">
        <v>54094</v>
      </c>
      <c r="C13873" s="1" t="s">
        <v>32185</v>
      </c>
      <c r="D13873" s="2">
        <v>166701</v>
      </c>
      <c r="E13873" s="1" t="s">
        <v>0</v>
      </c>
    </row>
    <row r="13874" spans="1:5" x14ac:dyDescent="0.25">
      <c r="A13874" s="1" t="s">
        <v>32186</v>
      </c>
      <c r="B13874" s="1" t="s">
        <v>54095</v>
      </c>
      <c r="C13874" s="1" t="s">
        <v>32187</v>
      </c>
      <c r="D13874" s="2">
        <v>166702</v>
      </c>
      <c r="E13874" s="1" t="s">
        <v>0</v>
      </c>
    </row>
    <row r="13875" spans="1:5" ht="409.5" x14ac:dyDescent="0.25">
      <c r="A13875" s="4" t="s">
        <v>32188</v>
      </c>
      <c r="B13875" s="1" t="s">
        <v>54096</v>
      </c>
      <c r="C13875" s="1" t="s">
        <v>32189</v>
      </c>
      <c r="D13875" s="2">
        <v>166703</v>
      </c>
      <c r="E13875" s="1" t="s">
        <v>0</v>
      </c>
    </row>
    <row r="13876" spans="1:5" x14ac:dyDescent="0.25">
      <c r="A13876" s="1" t="s">
        <v>32190</v>
      </c>
      <c r="B13876" s="1" t="s">
        <v>54097</v>
      </c>
      <c r="C13876" s="1" t="s">
        <v>32191</v>
      </c>
      <c r="D13876" s="2">
        <v>166704</v>
      </c>
      <c r="E13876" s="1" t="s">
        <v>0</v>
      </c>
    </row>
    <row r="13877" spans="1:5" x14ac:dyDescent="0.25">
      <c r="A13877" s="2">
        <v>2775</v>
      </c>
      <c r="B13877" s="2">
        <v>2775</v>
      </c>
      <c r="C13877" s="1" t="s">
        <v>0</v>
      </c>
      <c r="D13877" s="2">
        <v>166705</v>
      </c>
      <c r="E13877" s="1" t="s">
        <v>0</v>
      </c>
    </row>
    <row r="13878" spans="1:5" x14ac:dyDescent="0.25">
      <c r="A13878" s="1" t="s">
        <v>2537</v>
      </c>
      <c r="B13878" s="1" t="s">
        <v>9005</v>
      </c>
      <c r="C13878" s="1" t="s">
        <v>32192</v>
      </c>
      <c r="D13878" s="2">
        <v>166706</v>
      </c>
      <c r="E13878" s="1" t="s">
        <v>0</v>
      </c>
    </row>
    <row r="13879" spans="1:5" x14ac:dyDescent="0.25">
      <c r="A13879" s="1" t="s">
        <v>32193</v>
      </c>
      <c r="B13879" s="1" t="s">
        <v>62570</v>
      </c>
      <c r="C13879" s="1" t="s">
        <v>32194</v>
      </c>
      <c r="D13879" s="2">
        <v>166707</v>
      </c>
      <c r="E13879" s="1" t="s">
        <v>0</v>
      </c>
    </row>
    <row r="13880" spans="1:5" ht="409.5" x14ac:dyDescent="0.25">
      <c r="A13880" s="4" t="s">
        <v>32195</v>
      </c>
      <c r="B13880" s="1" t="s">
        <v>62571</v>
      </c>
      <c r="C13880" s="1" t="s">
        <v>32196</v>
      </c>
      <c r="D13880" s="2">
        <v>166708</v>
      </c>
      <c r="E13880" s="1" t="s">
        <v>0</v>
      </c>
    </row>
    <row r="13881" spans="1:5" x14ac:dyDescent="0.25">
      <c r="A13881" s="1" t="s">
        <v>32197</v>
      </c>
      <c r="B13881" s="1" t="s">
        <v>54098</v>
      </c>
      <c r="C13881" s="1" t="s">
        <v>32198</v>
      </c>
      <c r="D13881" s="2">
        <v>166709</v>
      </c>
      <c r="E13881" s="1" t="s">
        <v>0</v>
      </c>
    </row>
    <row r="13882" spans="1:5" x14ac:dyDescent="0.25">
      <c r="A13882" s="2">
        <v>2776</v>
      </c>
      <c r="B13882" s="2">
        <v>2776</v>
      </c>
      <c r="C13882" s="1" t="s">
        <v>0</v>
      </c>
      <c r="D13882" s="2">
        <v>166710</v>
      </c>
      <c r="E13882" s="1" t="s">
        <v>0</v>
      </c>
    </row>
    <row r="13883" spans="1:5" x14ac:dyDescent="0.25">
      <c r="A13883" s="1" t="s">
        <v>2538</v>
      </c>
      <c r="B13883" s="1" t="s">
        <v>9006</v>
      </c>
      <c r="C13883" s="1" t="s">
        <v>32199</v>
      </c>
      <c r="D13883" s="2">
        <v>166711</v>
      </c>
      <c r="E13883" s="1" t="s">
        <v>0</v>
      </c>
    </row>
    <row r="13884" spans="1:5" x14ac:dyDescent="0.25">
      <c r="A13884" s="1" t="s">
        <v>32200</v>
      </c>
      <c r="B13884" s="1" t="s">
        <v>54099</v>
      </c>
      <c r="C13884" s="1" t="s">
        <v>32201</v>
      </c>
      <c r="D13884" s="2">
        <v>166712</v>
      </c>
      <c r="E13884" s="1" t="s">
        <v>0</v>
      </c>
    </row>
    <row r="13885" spans="1:5" x14ac:dyDescent="0.25">
      <c r="A13885" s="1" t="s">
        <v>32202</v>
      </c>
      <c r="B13885" s="1" t="s">
        <v>54100</v>
      </c>
      <c r="C13885" s="1" t="s">
        <v>32203</v>
      </c>
      <c r="D13885" s="2">
        <v>166713</v>
      </c>
      <c r="E13885" s="1" t="s">
        <v>0</v>
      </c>
    </row>
    <row r="13886" spans="1:5" x14ac:dyDescent="0.25">
      <c r="A13886" s="1" t="s">
        <v>25908</v>
      </c>
      <c r="B13886" s="1" t="s">
        <v>61063</v>
      </c>
      <c r="C13886" s="1" t="s">
        <v>25909</v>
      </c>
      <c r="D13886" s="2">
        <v>166714</v>
      </c>
      <c r="E13886" s="1" t="s">
        <v>0</v>
      </c>
    </row>
    <row r="13887" spans="1:5" x14ac:dyDescent="0.25">
      <c r="A13887" s="2">
        <v>2777</v>
      </c>
      <c r="B13887" s="2">
        <v>2777</v>
      </c>
      <c r="C13887" s="1" t="s">
        <v>0</v>
      </c>
      <c r="D13887" s="2">
        <v>166715</v>
      </c>
      <c r="E13887" s="1" t="s">
        <v>0</v>
      </c>
    </row>
    <row r="13888" spans="1:5" x14ac:dyDescent="0.25">
      <c r="A13888" s="1" t="s">
        <v>2539</v>
      </c>
      <c r="B13888" s="1" t="s">
        <v>9007</v>
      </c>
      <c r="C13888" s="1" t="s">
        <v>32204</v>
      </c>
      <c r="D13888" s="2">
        <v>166716</v>
      </c>
      <c r="E13888" s="1" t="s">
        <v>0</v>
      </c>
    </row>
    <row r="13889" spans="1:5" x14ac:dyDescent="0.25">
      <c r="A13889" s="1" t="s">
        <v>32205</v>
      </c>
      <c r="B13889" s="1" t="s">
        <v>9008</v>
      </c>
      <c r="C13889" s="1" t="s">
        <v>32206</v>
      </c>
      <c r="D13889" s="2">
        <v>166717</v>
      </c>
      <c r="E13889" s="1" t="s">
        <v>0</v>
      </c>
    </row>
    <row r="13890" spans="1:5" ht="409.5" x14ac:dyDescent="0.25">
      <c r="A13890" s="4" t="s">
        <v>32207</v>
      </c>
      <c r="B13890" s="1" t="s">
        <v>9009</v>
      </c>
      <c r="C13890" s="1" t="s">
        <v>32208</v>
      </c>
      <c r="D13890" s="2">
        <v>166718</v>
      </c>
      <c r="E13890" s="1" t="s">
        <v>0</v>
      </c>
    </row>
    <row r="13891" spans="1:5" x14ac:dyDescent="0.25">
      <c r="A13891" s="1" t="s">
        <v>32209</v>
      </c>
      <c r="B13891" s="1" t="s">
        <v>54101</v>
      </c>
      <c r="C13891" s="1" t="s">
        <v>32210</v>
      </c>
      <c r="D13891" s="2">
        <v>166719</v>
      </c>
      <c r="E13891" s="1" t="s">
        <v>0</v>
      </c>
    </row>
    <row r="13892" spans="1:5" x14ac:dyDescent="0.25">
      <c r="A13892" s="2">
        <v>2778</v>
      </c>
      <c r="B13892" s="2">
        <v>2778</v>
      </c>
      <c r="C13892" s="1" t="s">
        <v>0</v>
      </c>
      <c r="D13892" s="2">
        <v>166720</v>
      </c>
      <c r="E13892" s="1" t="s">
        <v>0</v>
      </c>
    </row>
    <row r="13893" spans="1:5" x14ac:dyDescent="0.25">
      <c r="A13893" s="1" t="s">
        <v>2540</v>
      </c>
      <c r="B13893" s="1" t="s">
        <v>60041</v>
      </c>
      <c r="C13893" s="1" t="s">
        <v>32211</v>
      </c>
      <c r="D13893" s="2">
        <v>166721</v>
      </c>
      <c r="E13893" s="1" t="s">
        <v>0</v>
      </c>
    </row>
    <row r="13894" spans="1:5" x14ac:dyDescent="0.25">
      <c r="A13894" s="1" t="s">
        <v>32212</v>
      </c>
      <c r="B13894" s="1" t="s">
        <v>60042</v>
      </c>
      <c r="C13894" s="1" t="s">
        <v>32213</v>
      </c>
      <c r="D13894" s="2">
        <v>166722</v>
      </c>
      <c r="E13894" s="1" t="s">
        <v>0</v>
      </c>
    </row>
    <row r="13895" spans="1:5" ht="409.5" x14ac:dyDescent="0.25">
      <c r="A13895" s="4" t="s">
        <v>32214</v>
      </c>
      <c r="B13895" s="1" t="s">
        <v>60043</v>
      </c>
      <c r="C13895" s="1" t="s">
        <v>32215</v>
      </c>
      <c r="D13895" s="2">
        <v>166723</v>
      </c>
      <c r="E13895" s="1" t="s">
        <v>0</v>
      </c>
    </row>
    <row r="13896" spans="1:5" x14ac:dyDescent="0.25">
      <c r="A13896" s="1" t="s">
        <v>32216</v>
      </c>
      <c r="B13896" s="1" t="s">
        <v>9010</v>
      </c>
      <c r="C13896" s="1" t="s">
        <v>32217</v>
      </c>
      <c r="D13896" s="2">
        <v>166724</v>
      </c>
      <c r="E13896" s="1" t="s">
        <v>0</v>
      </c>
    </row>
    <row r="13897" spans="1:5" x14ac:dyDescent="0.25">
      <c r="A13897" s="2">
        <v>2779</v>
      </c>
      <c r="B13897" s="2">
        <v>2779</v>
      </c>
      <c r="C13897" s="1" t="s">
        <v>0</v>
      </c>
      <c r="D13897" s="2">
        <v>166725</v>
      </c>
      <c r="E13897" s="1" t="s">
        <v>0</v>
      </c>
    </row>
    <row r="13898" spans="1:5" x14ac:dyDescent="0.25">
      <c r="A13898" s="1" t="s">
        <v>2541</v>
      </c>
      <c r="B13898" s="1" t="s">
        <v>54102</v>
      </c>
      <c r="C13898" s="1" t="s">
        <v>32218</v>
      </c>
      <c r="D13898" s="2">
        <v>166726</v>
      </c>
      <c r="E13898" s="1" t="s">
        <v>0</v>
      </c>
    </row>
    <row r="13899" spans="1:5" x14ac:dyDescent="0.25">
      <c r="A13899" s="1" t="s">
        <v>64194</v>
      </c>
      <c r="B13899" s="1" t="s">
        <v>56784</v>
      </c>
      <c r="C13899" s="1" t="s">
        <v>32219</v>
      </c>
      <c r="D13899" s="2">
        <v>166727</v>
      </c>
      <c r="E13899" s="1" t="s">
        <v>0</v>
      </c>
    </row>
    <row r="13900" spans="1:5" ht="409.5" x14ac:dyDescent="0.25">
      <c r="A13900" s="4" t="s">
        <v>64195</v>
      </c>
      <c r="B13900" s="1" t="s">
        <v>56785</v>
      </c>
      <c r="C13900" s="1" t="s">
        <v>32220</v>
      </c>
      <c r="D13900" s="2">
        <v>166728</v>
      </c>
      <c r="E13900" s="1" t="s">
        <v>0</v>
      </c>
    </row>
    <row r="13901" spans="1:5" x14ac:dyDescent="0.25">
      <c r="A13901" s="1" t="s">
        <v>32221</v>
      </c>
      <c r="B13901" s="1" t="s">
        <v>54103</v>
      </c>
      <c r="C13901" s="1" t="s">
        <v>32222</v>
      </c>
      <c r="D13901" s="2">
        <v>166729</v>
      </c>
      <c r="E13901" s="1" t="s">
        <v>0</v>
      </c>
    </row>
    <row r="13902" spans="1:5" x14ac:dyDescent="0.25">
      <c r="A13902" s="2">
        <v>2780</v>
      </c>
      <c r="B13902" s="2">
        <v>2780</v>
      </c>
      <c r="C13902" s="1" t="s">
        <v>0</v>
      </c>
      <c r="D13902" s="2">
        <v>166730</v>
      </c>
      <c r="E13902" s="1" t="s">
        <v>0</v>
      </c>
    </row>
    <row r="13903" spans="1:5" x14ac:dyDescent="0.25">
      <c r="A13903" s="1" t="s">
        <v>2542</v>
      </c>
      <c r="B13903" s="1" t="s">
        <v>9011</v>
      </c>
      <c r="C13903" s="1" t="s">
        <v>32223</v>
      </c>
      <c r="D13903" s="2">
        <v>166731</v>
      </c>
      <c r="E13903" s="1" t="s">
        <v>0</v>
      </c>
    </row>
    <row r="13904" spans="1:5" x14ac:dyDescent="0.25">
      <c r="A13904" s="1" t="s">
        <v>32224</v>
      </c>
      <c r="B13904" s="1" t="s">
        <v>59635</v>
      </c>
      <c r="C13904" s="1" t="s">
        <v>32225</v>
      </c>
      <c r="D13904" s="2">
        <v>166732</v>
      </c>
      <c r="E13904" s="1" t="s">
        <v>0</v>
      </c>
    </row>
    <row r="13905" spans="1:5" x14ac:dyDescent="0.25">
      <c r="A13905" s="1" t="s">
        <v>32224</v>
      </c>
      <c r="B13905" s="1" t="s">
        <v>59635</v>
      </c>
      <c r="C13905" s="1" t="s">
        <v>32225</v>
      </c>
      <c r="D13905" s="2">
        <v>166733</v>
      </c>
      <c r="E13905" s="1" t="s">
        <v>0</v>
      </c>
    </row>
    <row r="13906" spans="1:5" x14ac:dyDescent="0.25">
      <c r="A13906" s="1" t="s">
        <v>32226</v>
      </c>
      <c r="B13906" s="1" t="s">
        <v>54104</v>
      </c>
      <c r="C13906" s="1" t="s">
        <v>32227</v>
      </c>
      <c r="D13906" s="2">
        <v>166734</v>
      </c>
      <c r="E13906" s="1" t="s">
        <v>0</v>
      </c>
    </row>
    <row r="13907" spans="1:5" x14ac:dyDescent="0.25">
      <c r="A13907" s="2">
        <v>2781</v>
      </c>
      <c r="B13907" s="2">
        <v>2781</v>
      </c>
      <c r="C13907" s="1" t="s">
        <v>0</v>
      </c>
      <c r="D13907" s="2">
        <v>166735</v>
      </c>
      <c r="E13907" s="1" t="s">
        <v>0</v>
      </c>
    </row>
    <row r="13908" spans="1:5" x14ac:dyDescent="0.25">
      <c r="A13908" s="1" t="s">
        <v>2543</v>
      </c>
      <c r="B13908" s="1" t="s">
        <v>9012</v>
      </c>
      <c r="C13908" s="1" t="s">
        <v>32228</v>
      </c>
      <c r="D13908" s="2">
        <v>166736</v>
      </c>
      <c r="E13908" s="1" t="s">
        <v>0</v>
      </c>
    </row>
    <row r="13909" spans="1:5" x14ac:dyDescent="0.25">
      <c r="A13909" s="1" t="s">
        <v>32229</v>
      </c>
      <c r="B13909" s="1" t="s">
        <v>54105</v>
      </c>
      <c r="C13909" s="1" t="s">
        <v>32230</v>
      </c>
      <c r="D13909" s="2">
        <v>166737</v>
      </c>
      <c r="E13909" s="1" t="s">
        <v>0</v>
      </c>
    </row>
    <row r="13910" spans="1:5" ht="409.5" x14ac:dyDescent="0.25">
      <c r="A13910" s="4" t="s">
        <v>32231</v>
      </c>
      <c r="B13910" s="1" t="s">
        <v>61159</v>
      </c>
      <c r="C13910" s="1" t="s">
        <v>32232</v>
      </c>
      <c r="D13910" s="2">
        <v>166738</v>
      </c>
      <c r="E13910" s="1" t="s">
        <v>0</v>
      </c>
    </row>
    <row r="13911" spans="1:5" x14ac:dyDescent="0.25">
      <c r="A13911" s="1" t="s">
        <v>13413</v>
      </c>
      <c r="B13911" s="1" t="s">
        <v>60845</v>
      </c>
      <c r="C13911" s="1" t="s">
        <v>13414</v>
      </c>
      <c r="D13911" s="2">
        <v>166739</v>
      </c>
      <c r="E13911" s="1" t="s">
        <v>0</v>
      </c>
    </row>
    <row r="13912" spans="1:5" x14ac:dyDescent="0.25">
      <c r="A13912" s="2">
        <v>2782</v>
      </c>
      <c r="B13912" s="2">
        <v>2782</v>
      </c>
      <c r="C13912" s="1" t="s">
        <v>0</v>
      </c>
      <c r="D13912" s="2">
        <v>166740</v>
      </c>
      <c r="E13912" s="1" t="s">
        <v>0</v>
      </c>
    </row>
    <row r="13913" spans="1:5" x14ac:dyDescent="0.25">
      <c r="A13913" s="1" t="s">
        <v>2544</v>
      </c>
      <c r="B13913" s="1" t="s">
        <v>54106</v>
      </c>
      <c r="C13913" s="1" t="s">
        <v>32233</v>
      </c>
      <c r="D13913" s="2">
        <v>166741</v>
      </c>
      <c r="E13913" s="1" t="s">
        <v>0</v>
      </c>
    </row>
    <row r="13914" spans="1:5" x14ac:dyDescent="0.25">
      <c r="A13914" s="1" t="s">
        <v>32234</v>
      </c>
      <c r="B13914" s="1" t="s">
        <v>54107</v>
      </c>
      <c r="C13914" s="1" t="s">
        <v>32235</v>
      </c>
      <c r="D13914" s="2">
        <v>166742</v>
      </c>
      <c r="E13914" s="1" t="s">
        <v>0</v>
      </c>
    </row>
    <row r="13915" spans="1:5" ht="409.5" x14ac:dyDescent="0.25">
      <c r="A13915" s="4" t="s">
        <v>32236</v>
      </c>
      <c r="B13915" s="1" t="s">
        <v>61160</v>
      </c>
      <c r="C13915" s="1" t="s">
        <v>32237</v>
      </c>
      <c r="D13915" s="2">
        <v>166743</v>
      </c>
      <c r="E13915" s="1" t="s">
        <v>0</v>
      </c>
    </row>
    <row r="13916" spans="1:5" x14ac:dyDescent="0.25">
      <c r="A13916" s="1" t="s">
        <v>32238</v>
      </c>
      <c r="B13916" s="1" t="s">
        <v>54108</v>
      </c>
      <c r="C13916" s="1" t="s">
        <v>32239</v>
      </c>
      <c r="D13916" s="2">
        <v>166744</v>
      </c>
      <c r="E13916" s="1" t="s">
        <v>0</v>
      </c>
    </row>
    <row r="13917" spans="1:5" x14ac:dyDescent="0.25">
      <c r="A13917" s="2">
        <v>2783</v>
      </c>
      <c r="B13917" s="2">
        <v>2783</v>
      </c>
      <c r="C13917" s="1" t="s">
        <v>0</v>
      </c>
      <c r="D13917" s="2">
        <v>166745</v>
      </c>
      <c r="E13917" s="1" t="s">
        <v>0</v>
      </c>
    </row>
    <row r="13918" spans="1:5" x14ac:dyDescent="0.25">
      <c r="A13918" s="1" t="s">
        <v>2545</v>
      </c>
      <c r="B13918" s="1" t="s">
        <v>9013</v>
      </c>
      <c r="C13918" s="1" t="s">
        <v>32240</v>
      </c>
      <c r="D13918" s="2">
        <v>166746</v>
      </c>
      <c r="E13918" s="1" t="s">
        <v>0</v>
      </c>
    </row>
    <row r="13919" spans="1:5" x14ac:dyDescent="0.25">
      <c r="A13919" s="1" t="s">
        <v>32241</v>
      </c>
      <c r="B13919" s="1" t="s">
        <v>9014</v>
      </c>
      <c r="C13919" s="1" t="s">
        <v>32242</v>
      </c>
      <c r="D13919" s="2">
        <v>166747</v>
      </c>
      <c r="E13919" s="1" t="s">
        <v>0</v>
      </c>
    </row>
    <row r="13920" spans="1:5" ht="409.5" x14ac:dyDescent="0.25">
      <c r="A13920" s="4" t="s">
        <v>32243</v>
      </c>
      <c r="B13920" s="1" t="s">
        <v>57863</v>
      </c>
      <c r="C13920" s="1" t="s">
        <v>32244</v>
      </c>
      <c r="D13920" s="2">
        <v>166748</v>
      </c>
      <c r="E13920" s="1" t="s">
        <v>0</v>
      </c>
    </row>
    <row r="13921" spans="1:5" x14ac:dyDescent="0.25">
      <c r="A13921" s="1" t="s">
        <v>32245</v>
      </c>
      <c r="B13921" s="1" t="s">
        <v>9015</v>
      </c>
      <c r="C13921" s="1" t="s">
        <v>32246</v>
      </c>
      <c r="D13921" s="2">
        <v>166749</v>
      </c>
      <c r="E13921" s="1" t="s">
        <v>0</v>
      </c>
    </row>
    <row r="13922" spans="1:5" x14ac:dyDescent="0.25">
      <c r="A13922" s="2">
        <v>2784</v>
      </c>
      <c r="B13922" s="2">
        <v>2784</v>
      </c>
      <c r="C13922" s="1" t="s">
        <v>0</v>
      </c>
      <c r="D13922" s="2">
        <v>166750</v>
      </c>
      <c r="E13922" s="1" t="s">
        <v>0</v>
      </c>
    </row>
    <row r="13923" spans="1:5" x14ac:dyDescent="0.25">
      <c r="A13923" s="1" t="s">
        <v>2546</v>
      </c>
      <c r="B13923" s="1" t="s">
        <v>50760</v>
      </c>
      <c r="C13923" s="1" t="s">
        <v>32247</v>
      </c>
      <c r="D13923" s="2">
        <v>166751</v>
      </c>
      <c r="E13923" s="1" t="s">
        <v>0</v>
      </c>
    </row>
    <row r="13924" spans="1:5" x14ac:dyDescent="0.25">
      <c r="A13924" s="1" t="s">
        <v>32248</v>
      </c>
      <c r="B13924" s="1" t="s">
        <v>54109</v>
      </c>
      <c r="C13924" s="1" t="s">
        <v>32249</v>
      </c>
      <c r="D13924" s="2">
        <v>166752</v>
      </c>
      <c r="E13924" s="1" t="s">
        <v>0</v>
      </c>
    </row>
    <row r="13925" spans="1:5" ht="409.5" x14ac:dyDescent="0.25">
      <c r="A13925" s="4" t="s">
        <v>32250</v>
      </c>
      <c r="B13925" s="1" t="s">
        <v>54110</v>
      </c>
      <c r="C13925" s="1" t="s">
        <v>32251</v>
      </c>
      <c r="D13925" s="2">
        <v>166753</v>
      </c>
      <c r="E13925" s="1" t="s">
        <v>0</v>
      </c>
    </row>
    <row r="13926" spans="1:5" x14ac:dyDescent="0.25">
      <c r="A13926" s="1" t="s">
        <v>32252</v>
      </c>
      <c r="B13926" s="1" t="s">
        <v>57236</v>
      </c>
      <c r="C13926" s="1" t="s">
        <v>32253</v>
      </c>
      <c r="D13926" s="2">
        <v>166754</v>
      </c>
      <c r="E13926" s="1" t="s">
        <v>0</v>
      </c>
    </row>
    <row r="13927" spans="1:5" x14ac:dyDescent="0.25">
      <c r="A13927" s="2">
        <v>2785</v>
      </c>
      <c r="B13927" s="2">
        <v>2785</v>
      </c>
      <c r="C13927" s="1" t="s">
        <v>0</v>
      </c>
      <c r="D13927" s="2">
        <v>166755</v>
      </c>
      <c r="E13927" s="1" t="s">
        <v>0</v>
      </c>
    </row>
    <row r="13928" spans="1:5" x14ac:dyDescent="0.25">
      <c r="A13928" s="1" t="s">
        <v>2547</v>
      </c>
      <c r="B13928" s="1" t="s">
        <v>9016</v>
      </c>
      <c r="C13928" s="1" t="s">
        <v>32254</v>
      </c>
      <c r="D13928" s="2">
        <v>166756</v>
      </c>
      <c r="E13928" s="1" t="s">
        <v>0</v>
      </c>
    </row>
    <row r="13929" spans="1:5" x14ac:dyDescent="0.25">
      <c r="A13929" s="1" t="s">
        <v>32255</v>
      </c>
      <c r="B13929" s="1" t="s">
        <v>63722</v>
      </c>
      <c r="C13929" s="1" t="s">
        <v>32256</v>
      </c>
      <c r="D13929" s="2">
        <v>166757</v>
      </c>
      <c r="E13929" s="1" t="s">
        <v>0</v>
      </c>
    </row>
    <row r="13930" spans="1:5" ht="409.5" x14ac:dyDescent="0.25">
      <c r="A13930" s="4" t="s">
        <v>32257</v>
      </c>
      <c r="B13930" s="1" t="s">
        <v>63723</v>
      </c>
      <c r="C13930" s="1" t="s">
        <v>32258</v>
      </c>
      <c r="D13930" s="2">
        <v>166758</v>
      </c>
      <c r="E13930" s="1" t="s">
        <v>0</v>
      </c>
    </row>
    <row r="13931" spans="1:5" x14ac:dyDescent="0.25">
      <c r="A13931" s="1" t="s">
        <v>32259</v>
      </c>
      <c r="B13931" s="1" t="s">
        <v>54111</v>
      </c>
      <c r="C13931" s="1" t="s">
        <v>32260</v>
      </c>
      <c r="D13931" s="2">
        <v>166759</v>
      </c>
      <c r="E13931" s="1" t="s">
        <v>0</v>
      </c>
    </row>
    <row r="13932" spans="1:5" x14ac:dyDescent="0.25">
      <c r="A13932" s="2">
        <v>2786</v>
      </c>
      <c r="B13932" s="2">
        <v>2786</v>
      </c>
      <c r="C13932" s="1" t="s">
        <v>0</v>
      </c>
      <c r="D13932" s="2">
        <v>166760</v>
      </c>
      <c r="E13932" s="1" t="s">
        <v>0</v>
      </c>
    </row>
    <row r="13933" spans="1:5" x14ac:dyDescent="0.25">
      <c r="A13933" s="1" t="s">
        <v>2548</v>
      </c>
      <c r="B13933" s="1" t="s">
        <v>9017</v>
      </c>
      <c r="C13933" s="1" t="s">
        <v>32261</v>
      </c>
      <c r="D13933" s="2">
        <v>166761</v>
      </c>
      <c r="E13933" s="1" t="s">
        <v>0</v>
      </c>
    </row>
    <row r="13934" spans="1:5" x14ac:dyDescent="0.25">
      <c r="A13934" s="1" t="s">
        <v>32262</v>
      </c>
      <c r="B13934" s="1" t="s">
        <v>9018</v>
      </c>
      <c r="C13934" s="1" t="s">
        <v>32263</v>
      </c>
      <c r="D13934" s="2">
        <v>166762</v>
      </c>
      <c r="E13934" s="1" t="s">
        <v>0</v>
      </c>
    </row>
    <row r="13935" spans="1:5" ht="409.5" x14ac:dyDescent="0.25">
      <c r="A13935" s="4" t="s">
        <v>32264</v>
      </c>
      <c r="B13935" s="1" t="s">
        <v>13155</v>
      </c>
      <c r="C13935" s="1" t="s">
        <v>32265</v>
      </c>
      <c r="D13935" s="2">
        <v>166763</v>
      </c>
      <c r="E13935" s="1" t="s">
        <v>0</v>
      </c>
    </row>
    <row r="13936" spans="1:5" x14ac:dyDescent="0.25">
      <c r="A13936" s="1" t="s">
        <v>32266</v>
      </c>
      <c r="B13936" s="1" t="s">
        <v>9019</v>
      </c>
      <c r="C13936" s="1" t="s">
        <v>32267</v>
      </c>
      <c r="D13936" s="2">
        <v>166764</v>
      </c>
      <c r="E13936" s="1" t="s">
        <v>0</v>
      </c>
    </row>
    <row r="13937" spans="1:5" x14ac:dyDescent="0.25">
      <c r="A13937" s="2">
        <v>2787</v>
      </c>
      <c r="B13937" s="2">
        <v>2787</v>
      </c>
      <c r="C13937" s="1" t="s">
        <v>0</v>
      </c>
      <c r="D13937" s="2">
        <v>166765</v>
      </c>
      <c r="E13937" s="1" t="s">
        <v>0</v>
      </c>
    </row>
    <row r="13938" spans="1:5" x14ac:dyDescent="0.25">
      <c r="A13938" s="1" t="s">
        <v>2549</v>
      </c>
      <c r="B13938" s="1" t="s">
        <v>9020</v>
      </c>
      <c r="C13938" s="1" t="s">
        <v>32268</v>
      </c>
      <c r="D13938" s="2">
        <v>166766</v>
      </c>
      <c r="E13938" s="1" t="s">
        <v>0</v>
      </c>
    </row>
    <row r="13939" spans="1:5" x14ac:dyDescent="0.25">
      <c r="A13939" s="1" t="s">
        <v>32269</v>
      </c>
      <c r="B13939" s="1" t="s">
        <v>62572</v>
      </c>
      <c r="C13939" s="1" t="s">
        <v>32270</v>
      </c>
      <c r="D13939" s="2">
        <v>166767</v>
      </c>
      <c r="E13939" s="1" t="s">
        <v>0</v>
      </c>
    </row>
    <row r="13940" spans="1:5" ht="409.5" x14ac:dyDescent="0.25">
      <c r="A13940" s="4" t="s">
        <v>32271</v>
      </c>
      <c r="B13940" s="1" t="s">
        <v>62573</v>
      </c>
      <c r="C13940" s="1" t="s">
        <v>32272</v>
      </c>
      <c r="D13940" s="2">
        <v>166768</v>
      </c>
      <c r="E13940" s="1" t="s">
        <v>0</v>
      </c>
    </row>
    <row r="13941" spans="1:5" x14ac:dyDescent="0.25">
      <c r="A13941" s="1" t="s">
        <v>32273</v>
      </c>
      <c r="B13941" s="1" t="s">
        <v>54112</v>
      </c>
      <c r="C13941" s="1" t="s">
        <v>32274</v>
      </c>
      <c r="D13941" s="2">
        <v>166769</v>
      </c>
      <c r="E13941" s="1" t="s">
        <v>0</v>
      </c>
    </row>
    <row r="13942" spans="1:5" x14ac:dyDescent="0.25">
      <c r="A13942" s="2">
        <v>2788</v>
      </c>
      <c r="B13942" s="2">
        <v>2788</v>
      </c>
      <c r="C13942" s="1" t="s">
        <v>0</v>
      </c>
      <c r="D13942" s="2">
        <v>166770</v>
      </c>
      <c r="E13942" s="1" t="s">
        <v>0</v>
      </c>
    </row>
    <row r="13943" spans="1:5" x14ac:dyDescent="0.25">
      <c r="A13943" s="1" t="s">
        <v>2550</v>
      </c>
      <c r="B13943" s="1" t="s">
        <v>54113</v>
      </c>
      <c r="C13943" s="1" t="s">
        <v>32275</v>
      </c>
      <c r="D13943" s="2">
        <v>166771</v>
      </c>
      <c r="E13943" s="1" t="s">
        <v>0</v>
      </c>
    </row>
    <row r="13944" spans="1:5" x14ac:dyDescent="0.25">
      <c r="A13944" s="1" t="s">
        <v>32276</v>
      </c>
      <c r="B13944" s="1" t="s">
        <v>54114</v>
      </c>
      <c r="C13944" s="1" t="s">
        <v>32277</v>
      </c>
      <c r="D13944" s="2">
        <v>166772</v>
      </c>
      <c r="E13944" s="1" t="s">
        <v>0</v>
      </c>
    </row>
    <row r="13945" spans="1:5" ht="409.5" x14ac:dyDescent="0.25">
      <c r="A13945" s="4" t="s">
        <v>32278</v>
      </c>
      <c r="B13945" s="1" t="s">
        <v>54115</v>
      </c>
      <c r="C13945" s="1" t="s">
        <v>32279</v>
      </c>
      <c r="D13945" s="2">
        <v>166773</v>
      </c>
      <c r="E13945" s="1" t="s">
        <v>0</v>
      </c>
    </row>
    <row r="13946" spans="1:5" x14ac:dyDescent="0.25">
      <c r="A13946" s="1" t="s">
        <v>32280</v>
      </c>
      <c r="B13946" s="1" t="s">
        <v>57237</v>
      </c>
      <c r="C13946" s="1" t="s">
        <v>32281</v>
      </c>
      <c r="D13946" s="2">
        <v>166774</v>
      </c>
      <c r="E13946" s="1" t="s">
        <v>0</v>
      </c>
    </row>
    <row r="13947" spans="1:5" x14ac:dyDescent="0.25">
      <c r="A13947" s="2">
        <v>2789</v>
      </c>
      <c r="B13947" s="2">
        <v>2789</v>
      </c>
      <c r="C13947" s="1" t="s">
        <v>0</v>
      </c>
      <c r="D13947" s="2">
        <v>166775</v>
      </c>
      <c r="E13947" s="1" t="s">
        <v>0</v>
      </c>
    </row>
    <row r="13948" spans="1:5" x14ac:dyDescent="0.25">
      <c r="A13948" s="1" t="s">
        <v>2551</v>
      </c>
      <c r="B13948" s="1" t="s">
        <v>9021</v>
      </c>
      <c r="C13948" s="1" t="s">
        <v>32282</v>
      </c>
      <c r="D13948" s="2">
        <v>166776</v>
      </c>
      <c r="E13948" s="1" t="s">
        <v>0</v>
      </c>
    </row>
    <row r="13949" spans="1:5" x14ac:dyDescent="0.25">
      <c r="A13949" s="1" t="s">
        <v>32283</v>
      </c>
      <c r="B13949" s="1" t="s">
        <v>9022</v>
      </c>
      <c r="C13949" s="1" t="s">
        <v>32284</v>
      </c>
      <c r="D13949" s="2">
        <v>166777</v>
      </c>
      <c r="E13949" s="1" t="s">
        <v>0</v>
      </c>
    </row>
    <row r="13950" spans="1:5" ht="409.5" x14ac:dyDescent="0.25">
      <c r="A13950" s="4" t="s">
        <v>32285</v>
      </c>
      <c r="B13950" s="1" t="s">
        <v>57542</v>
      </c>
      <c r="C13950" s="1" t="s">
        <v>32286</v>
      </c>
      <c r="D13950" s="2">
        <v>166778</v>
      </c>
      <c r="E13950" s="1" t="s">
        <v>0</v>
      </c>
    </row>
    <row r="13951" spans="1:5" x14ac:dyDescent="0.25">
      <c r="A13951" s="1" t="s">
        <v>32287</v>
      </c>
      <c r="B13951" s="1" t="s">
        <v>54116</v>
      </c>
      <c r="C13951" s="1" t="s">
        <v>32288</v>
      </c>
      <c r="D13951" s="2">
        <v>166779</v>
      </c>
      <c r="E13951" s="1" t="s">
        <v>0</v>
      </c>
    </row>
    <row r="13952" spans="1:5" x14ac:dyDescent="0.25">
      <c r="A13952" s="2">
        <v>2790</v>
      </c>
      <c r="B13952" s="2">
        <v>2790</v>
      </c>
      <c r="C13952" s="1" t="s">
        <v>0</v>
      </c>
      <c r="D13952" s="2">
        <v>166780</v>
      </c>
      <c r="E13952" s="1" t="s">
        <v>0</v>
      </c>
    </row>
    <row r="13953" spans="1:5" x14ac:dyDescent="0.25">
      <c r="A13953" s="1" t="s">
        <v>2552</v>
      </c>
      <c r="B13953" s="1" t="s">
        <v>9023</v>
      </c>
      <c r="C13953" s="1" t="s">
        <v>32289</v>
      </c>
      <c r="D13953" s="2">
        <v>166781</v>
      </c>
      <c r="E13953" s="1" t="s">
        <v>0</v>
      </c>
    </row>
    <row r="13954" spans="1:5" x14ac:dyDescent="0.25">
      <c r="A13954" s="1" t="s">
        <v>32290</v>
      </c>
      <c r="B13954" s="1" t="s">
        <v>62574</v>
      </c>
      <c r="C13954" s="1" t="s">
        <v>32291</v>
      </c>
      <c r="D13954" s="2">
        <v>166782</v>
      </c>
      <c r="E13954" s="1" t="s">
        <v>0</v>
      </c>
    </row>
    <row r="13955" spans="1:5" ht="409.5" x14ac:dyDescent="0.25">
      <c r="A13955" s="4" t="s">
        <v>32292</v>
      </c>
      <c r="B13955" s="1" t="s">
        <v>62575</v>
      </c>
      <c r="C13955" s="1" t="s">
        <v>32293</v>
      </c>
      <c r="D13955" s="2">
        <v>166783</v>
      </c>
      <c r="E13955" s="1" t="s">
        <v>0</v>
      </c>
    </row>
    <row r="13956" spans="1:5" x14ac:dyDescent="0.25">
      <c r="A13956" s="1" t="s">
        <v>32294</v>
      </c>
      <c r="B13956" s="1" t="s">
        <v>9024</v>
      </c>
      <c r="C13956" s="1" t="s">
        <v>32295</v>
      </c>
      <c r="D13956" s="2">
        <v>166784</v>
      </c>
      <c r="E13956" s="1" t="s">
        <v>0</v>
      </c>
    </row>
    <row r="13957" spans="1:5" x14ac:dyDescent="0.25">
      <c r="A13957" s="2">
        <v>2791</v>
      </c>
      <c r="B13957" s="2">
        <v>2791</v>
      </c>
      <c r="C13957" s="1" t="s">
        <v>0</v>
      </c>
      <c r="D13957" s="2">
        <v>166785</v>
      </c>
      <c r="E13957" s="1" t="s">
        <v>0</v>
      </c>
    </row>
    <row r="13958" spans="1:5" x14ac:dyDescent="0.25">
      <c r="A13958" s="1" t="s">
        <v>13156</v>
      </c>
      <c r="B13958" s="1" t="s">
        <v>13157</v>
      </c>
      <c r="C13958" s="1" t="s">
        <v>32296</v>
      </c>
      <c r="D13958" s="2">
        <v>166786</v>
      </c>
      <c r="E13958" s="1" t="s">
        <v>0</v>
      </c>
    </row>
    <row r="13959" spans="1:5" x14ac:dyDescent="0.25">
      <c r="A13959" s="1" t="s">
        <v>32297</v>
      </c>
      <c r="B13959" s="1" t="s">
        <v>54117</v>
      </c>
      <c r="C13959" s="1" t="s">
        <v>32298</v>
      </c>
      <c r="D13959" s="2">
        <v>166787</v>
      </c>
      <c r="E13959" s="1" t="s">
        <v>0</v>
      </c>
    </row>
    <row r="13960" spans="1:5" ht="409.5" x14ac:dyDescent="0.25">
      <c r="A13960" s="4" t="s">
        <v>32299</v>
      </c>
      <c r="B13960" s="1" t="s">
        <v>54118</v>
      </c>
      <c r="C13960" s="1" t="s">
        <v>32300</v>
      </c>
      <c r="D13960" s="2">
        <v>166788</v>
      </c>
      <c r="E13960" s="1" t="s">
        <v>0</v>
      </c>
    </row>
    <row r="13961" spans="1:5" x14ac:dyDescent="0.25">
      <c r="A13961" s="1" t="s">
        <v>32301</v>
      </c>
      <c r="B13961" s="1" t="s">
        <v>54119</v>
      </c>
      <c r="C13961" s="1" t="s">
        <v>32302</v>
      </c>
      <c r="D13961" s="2">
        <v>166789</v>
      </c>
      <c r="E13961" s="1" t="s">
        <v>0</v>
      </c>
    </row>
    <row r="13962" spans="1:5" x14ac:dyDescent="0.25">
      <c r="A13962" s="2">
        <v>2792</v>
      </c>
      <c r="B13962" s="2">
        <v>2792</v>
      </c>
      <c r="C13962" s="1" t="s">
        <v>0</v>
      </c>
      <c r="D13962" s="2">
        <v>166790</v>
      </c>
      <c r="E13962" s="1" t="s">
        <v>0</v>
      </c>
    </row>
    <row r="13963" spans="1:5" x14ac:dyDescent="0.25">
      <c r="A13963" s="1" t="s">
        <v>9025</v>
      </c>
      <c r="B13963" s="1" t="s">
        <v>9026</v>
      </c>
      <c r="C13963" s="1" t="s">
        <v>32303</v>
      </c>
      <c r="D13963" s="2">
        <v>166791</v>
      </c>
      <c r="E13963" s="1" t="s">
        <v>0</v>
      </c>
    </row>
    <row r="13964" spans="1:5" x14ac:dyDescent="0.25">
      <c r="A13964" s="1" t="s">
        <v>32304</v>
      </c>
      <c r="B13964" s="1" t="s">
        <v>9027</v>
      </c>
      <c r="C13964" s="1" t="s">
        <v>32305</v>
      </c>
      <c r="D13964" s="2">
        <v>166792</v>
      </c>
      <c r="E13964" s="1" t="s">
        <v>0</v>
      </c>
    </row>
    <row r="13965" spans="1:5" ht="409.5" x14ac:dyDescent="0.25">
      <c r="A13965" s="4" t="s">
        <v>32306</v>
      </c>
      <c r="B13965" s="1" t="s">
        <v>13158</v>
      </c>
      <c r="C13965" s="1" t="s">
        <v>32307</v>
      </c>
      <c r="D13965" s="2">
        <v>166793</v>
      </c>
      <c r="E13965" s="1" t="s">
        <v>0</v>
      </c>
    </row>
    <row r="13966" spans="1:5" x14ac:dyDescent="0.25">
      <c r="A13966" s="1" t="s">
        <v>32308</v>
      </c>
      <c r="B13966" s="1" t="s">
        <v>54120</v>
      </c>
      <c r="C13966" s="1" t="s">
        <v>32309</v>
      </c>
      <c r="D13966" s="2">
        <v>166794</v>
      </c>
      <c r="E13966" s="1" t="s">
        <v>0</v>
      </c>
    </row>
    <row r="13967" spans="1:5" x14ac:dyDescent="0.25">
      <c r="A13967" s="2">
        <v>2793</v>
      </c>
      <c r="B13967" s="2">
        <v>2793</v>
      </c>
      <c r="C13967" s="1" t="s">
        <v>0</v>
      </c>
      <c r="D13967" s="2">
        <v>166795</v>
      </c>
      <c r="E13967" s="1" t="s">
        <v>0</v>
      </c>
    </row>
    <row r="13968" spans="1:5" x14ac:dyDescent="0.25">
      <c r="A13968" s="1" t="s">
        <v>2553</v>
      </c>
      <c r="B13968" s="1" t="s">
        <v>9028</v>
      </c>
      <c r="C13968" s="1" t="s">
        <v>32310</v>
      </c>
      <c r="D13968" s="2">
        <v>166796</v>
      </c>
      <c r="E13968" s="1" t="s">
        <v>0</v>
      </c>
    </row>
    <row r="13969" spans="1:5" x14ac:dyDescent="0.25">
      <c r="A13969" s="1" t="s">
        <v>32311</v>
      </c>
      <c r="B13969" s="1" t="s">
        <v>54121</v>
      </c>
      <c r="C13969" s="1" t="s">
        <v>32312</v>
      </c>
      <c r="D13969" s="2">
        <v>166797</v>
      </c>
      <c r="E13969" s="1" t="s">
        <v>0</v>
      </c>
    </row>
    <row r="13970" spans="1:5" ht="409.5" x14ac:dyDescent="0.25">
      <c r="A13970" s="4" t="s">
        <v>32313</v>
      </c>
      <c r="B13970" s="1" t="s">
        <v>54122</v>
      </c>
      <c r="C13970" s="1" t="s">
        <v>32314</v>
      </c>
      <c r="D13970" s="2">
        <v>166798</v>
      </c>
      <c r="E13970" s="1" t="s">
        <v>0</v>
      </c>
    </row>
    <row r="13971" spans="1:5" x14ac:dyDescent="0.25">
      <c r="A13971" s="1" t="s">
        <v>32315</v>
      </c>
      <c r="B13971" s="1" t="s">
        <v>57238</v>
      </c>
      <c r="C13971" s="1" t="s">
        <v>32316</v>
      </c>
      <c r="D13971" s="2">
        <v>166799</v>
      </c>
      <c r="E13971" s="1" t="s">
        <v>0</v>
      </c>
    </row>
    <row r="13972" spans="1:5" x14ac:dyDescent="0.25">
      <c r="A13972" s="2">
        <v>2794</v>
      </c>
      <c r="B13972" s="2">
        <v>2794</v>
      </c>
      <c r="C13972" s="1" t="s">
        <v>0</v>
      </c>
      <c r="D13972" s="2">
        <v>166800</v>
      </c>
      <c r="E13972" s="1" t="s">
        <v>0</v>
      </c>
    </row>
    <row r="13973" spans="1:5" x14ac:dyDescent="0.25">
      <c r="A13973" s="1" t="s">
        <v>2554</v>
      </c>
      <c r="B13973" s="1" t="s">
        <v>9029</v>
      </c>
      <c r="C13973" s="1" t="s">
        <v>32317</v>
      </c>
      <c r="D13973" s="2">
        <v>166801</v>
      </c>
      <c r="E13973" s="1" t="s">
        <v>0</v>
      </c>
    </row>
    <row r="13974" spans="1:5" x14ac:dyDescent="0.25">
      <c r="A13974" s="1" t="s">
        <v>32318</v>
      </c>
      <c r="B13974" s="1" t="s">
        <v>60044</v>
      </c>
      <c r="C13974" s="1" t="s">
        <v>32319</v>
      </c>
      <c r="D13974" s="2">
        <v>166802</v>
      </c>
      <c r="E13974" s="1" t="s">
        <v>0</v>
      </c>
    </row>
    <row r="13975" spans="1:5" ht="409.5" x14ac:dyDescent="0.25">
      <c r="A13975" s="4" t="s">
        <v>32320</v>
      </c>
      <c r="B13975" s="1" t="s">
        <v>60045</v>
      </c>
      <c r="C13975" s="1" t="s">
        <v>32321</v>
      </c>
      <c r="D13975" s="2">
        <v>166803</v>
      </c>
      <c r="E13975" s="1" t="s">
        <v>0</v>
      </c>
    </row>
    <row r="13976" spans="1:5" x14ac:dyDescent="0.25">
      <c r="A13976" s="1" t="s">
        <v>32322</v>
      </c>
      <c r="B13976" s="1" t="s">
        <v>9030</v>
      </c>
      <c r="C13976" s="1" t="s">
        <v>32323</v>
      </c>
      <c r="D13976" s="2">
        <v>166804</v>
      </c>
      <c r="E13976" s="1" t="s">
        <v>0</v>
      </c>
    </row>
    <row r="13977" spans="1:5" x14ac:dyDescent="0.25">
      <c r="A13977" s="2">
        <v>2795</v>
      </c>
      <c r="B13977" s="2">
        <v>2795</v>
      </c>
      <c r="C13977" s="1" t="s">
        <v>0</v>
      </c>
      <c r="D13977" s="2">
        <v>166805</v>
      </c>
      <c r="E13977" s="1" t="s">
        <v>0</v>
      </c>
    </row>
    <row r="13978" spans="1:5" x14ac:dyDescent="0.25">
      <c r="A13978" s="1" t="s">
        <v>9031</v>
      </c>
      <c r="B13978" s="1" t="s">
        <v>9032</v>
      </c>
      <c r="C13978" s="1" t="s">
        <v>32324</v>
      </c>
      <c r="D13978" s="2">
        <v>166806</v>
      </c>
      <c r="E13978" s="1" t="s">
        <v>0</v>
      </c>
    </row>
    <row r="13979" spans="1:5" x14ac:dyDescent="0.25">
      <c r="A13979" s="1" t="s">
        <v>32325</v>
      </c>
      <c r="B13979" s="1" t="s">
        <v>54123</v>
      </c>
      <c r="C13979" s="1" t="s">
        <v>32326</v>
      </c>
      <c r="D13979" s="2">
        <v>166807</v>
      </c>
      <c r="E13979" s="1" t="s">
        <v>0</v>
      </c>
    </row>
    <row r="13980" spans="1:5" ht="409.5" x14ac:dyDescent="0.25">
      <c r="A13980" s="4" t="s">
        <v>32327</v>
      </c>
      <c r="B13980" s="1" t="s">
        <v>57543</v>
      </c>
      <c r="C13980" s="1" t="s">
        <v>32328</v>
      </c>
      <c r="D13980" s="2">
        <v>166808</v>
      </c>
      <c r="E13980" s="1" t="s">
        <v>0</v>
      </c>
    </row>
    <row r="13981" spans="1:5" x14ac:dyDescent="0.25">
      <c r="A13981" s="1" t="s">
        <v>32329</v>
      </c>
      <c r="B13981" s="1" t="s">
        <v>54124</v>
      </c>
      <c r="C13981" s="1" t="s">
        <v>32330</v>
      </c>
      <c r="D13981" s="2">
        <v>166809</v>
      </c>
      <c r="E13981" s="1" t="s">
        <v>0</v>
      </c>
    </row>
    <row r="13982" spans="1:5" x14ac:dyDescent="0.25">
      <c r="A13982" s="2">
        <v>2796</v>
      </c>
      <c r="B13982" s="2">
        <v>2796</v>
      </c>
      <c r="C13982" s="1" t="s">
        <v>0</v>
      </c>
      <c r="D13982" s="2">
        <v>166810</v>
      </c>
      <c r="E13982" s="1" t="s">
        <v>0</v>
      </c>
    </row>
    <row r="13983" spans="1:5" x14ac:dyDescent="0.25">
      <c r="A13983" s="1" t="s">
        <v>2555</v>
      </c>
      <c r="B13983" s="1" t="s">
        <v>9033</v>
      </c>
      <c r="C13983" s="1" t="s">
        <v>32331</v>
      </c>
      <c r="D13983" s="2">
        <v>166811</v>
      </c>
      <c r="E13983" s="1" t="s">
        <v>0</v>
      </c>
    </row>
    <row r="13984" spans="1:5" x14ac:dyDescent="0.25">
      <c r="A13984" s="1" t="s">
        <v>32332</v>
      </c>
      <c r="B13984" s="1" t="s">
        <v>62576</v>
      </c>
      <c r="C13984" s="1" t="s">
        <v>32333</v>
      </c>
      <c r="D13984" s="2">
        <v>166812</v>
      </c>
      <c r="E13984" s="1" t="s">
        <v>0</v>
      </c>
    </row>
    <row r="13985" spans="1:5" ht="409.5" x14ac:dyDescent="0.25">
      <c r="A13985" s="4" t="s">
        <v>32334</v>
      </c>
      <c r="B13985" s="1" t="s">
        <v>62577</v>
      </c>
      <c r="C13985" s="1" t="s">
        <v>32335</v>
      </c>
      <c r="D13985" s="2">
        <v>166813</v>
      </c>
      <c r="E13985" s="1" t="s">
        <v>0</v>
      </c>
    </row>
    <row r="13986" spans="1:5" x14ac:dyDescent="0.25">
      <c r="A13986" s="1" t="s">
        <v>32336</v>
      </c>
      <c r="B13986" s="1" t="s">
        <v>9034</v>
      </c>
      <c r="C13986" s="1" t="s">
        <v>32337</v>
      </c>
      <c r="D13986" s="2">
        <v>166814</v>
      </c>
      <c r="E13986" s="1" t="s">
        <v>0</v>
      </c>
    </row>
    <row r="13987" spans="1:5" x14ac:dyDescent="0.25">
      <c r="A13987" s="2">
        <v>2797</v>
      </c>
      <c r="B13987" s="2">
        <v>2797</v>
      </c>
      <c r="C13987" s="1" t="s">
        <v>0</v>
      </c>
      <c r="D13987" s="2">
        <v>166815</v>
      </c>
      <c r="E13987" s="1" t="s">
        <v>0</v>
      </c>
    </row>
    <row r="13988" spans="1:5" x14ac:dyDescent="0.25">
      <c r="A13988" s="1" t="s">
        <v>2556</v>
      </c>
      <c r="B13988" s="1" t="s">
        <v>50761</v>
      </c>
      <c r="C13988" s="1" t="s">
        <v>32338</v>
      </c>
      <c r="D13988" s="2">
        <v>166816</v>
      </c>
      <c r="E13988" s="1" t="s">
        <v>0</v>
      </c>
    </row>
    <row r="13989" spans="1:5" x14ac:dyDescent="0.25">
      <c r="A13989" s="1" t="s">
        <v>32339</v>
      </c>
      <c r="B13989" s="1" t="s">
        <v>54125</v>
      </c>
      <c r="C13989" s="1" t="s">
        <v>32340</v>
      </c>
      <c r="D13989" s="2">
        <v>166817</v>
      </c>
      <c r="E13989" s="1" t="s">
        <v>0</v>
      </c>
    </row>
    <row r="13990" spans="1:5" ht="409.5" x14ac:dyDescent="0.25">
      <c r="A13990" s="4" t="s">
        <v>32341</v>
      </c>
      <c r="B13990" s="1" t="s">
        <v>54126</v>
      </c>
      <c r="C13990" s="1" t="s">
        <v>32342</v>
      </c>
      <c r="D13990" s="2">
        <v>166818</v>
      </c>
      <c r="E13990" s="1" t="s">
        <v>0</v>
      </c>
    </row>
    <row r="13991" spans="1:5" x14ac:dyDescent="0.25">
      <c r="A13991" s="1" t="s">
        <v>13413</v>
      </c>
      <c r="B13991" s="1" t="s">
        <v>60845</v>
      </c>
      <c r="C13991" s="1" t="s">
        <v>13414</v>
      </c>
      <c r="D13991" s="2">
        <v>166819</v>
      </c>
      <c r="E13991" s="1" t="s">
        <v>0</v>
      </c>
    </row>
    <row r="13992" spans="1:5" x14ac:dyDescent="0.25">
      <c r="A13992" s="2">
        <v>2798</v>
      </c>
      <c r="B13992" s="2">
        <v>2798</v>
      </c>
      <c r="C13992" s="1" t="s">
        <v>0</v>
      </c>
      <c r="D13992" s="2">
        <v>166820</v>
      </c>
      <c r="E13992" s="1" t="s">
        <v>0</v>
      </c>
    </row>
    <row r="13993" spans="1:5" x14ac:dyDescent="0.25">
      <c r="A13993" s="1" t="s">
        <v>2557</v>
      </c>
      <c r="B13993" s="1" t="s">
        <v>9035</v>
      </c>
      <c r="C13993" s="1" t="s">
        <v>32343</v>
      </c>
      <c r="D13993" s="2">
        <v>166821</v>
      </c>
      <c r="E13993" s="1" t="s">
        <v>0</v>
      </c>
    </row>
    <row r="13994" spans="1:5" x14ac:dyDescent="0.25">
      <c r="A13994" s="1" t="s">
        <v>32344</v>
      </c>
      <c r="B13994" s="1" t="s">
        <v>54127</v>
      </c>
      <c r="C13994" s="1" t="s">
        <v>32345</v>
      </c>
      <c r="D13994" s="2">
        <v>166822</v>
      </c>
      <c r="E13994" s="1" t="s">
        <v>0</v>
      </c>
    </row>
    <row r="13995" spans="1:5" ht="409.5" x14ac:dyDescent="0.25">
      <c r="A13995" s="4" t="s">
        <v>32346</v>
      </c>
      <c r="B13995" s="1" t="s">
        <v>54128</v>
      </c>
      <c r="C13995" s="1" t="s">
        <v>32347</v>
      </c>
      <c r="D13995" s="2">
        <v>166823</v>
      </c>
      <c r="E13995" s="1" t="s">
        <v>0</v>
      </c>
    </row>
    <row r="13996" spans="1:5" x14ac:dyDescent="0.25">
      <c r="A13996" s="1" t="s">
        <v>32348</v>
      </c>
      <c r="B13996" s="1" t="s">
        <v>9036</v>
      </c>
      <c r="C13996" s="1" t="s">
        <v>32349</v>
      </c>
      <c r="D13996" s="2">
        <v>166824</v>
      </c>
      <c r="E13996" s="1" t="s">
        <v>0</v>
      </c>
    </row>
    <row r="13997" spans="1:5" x14ac:dyDescent="0.25">
      <c r="A13997" s="2">
        <v>2799</v>
      </c>
      <c r="B13997" s="2">
        <v>2799</v>
      </c>
      <c r="C13997" s="1" t="s">
        <v>0</v>
      </c>
      <c r="D13997" s="2">
        <v>166825</v>
      </c>
      <c r="E13997" s="1" t="s">
        <v>0</v>
      </c>
    </row>
    <row r="13998" spans="1:5" x14ac:dyDescent="0.25">
      <c r="A13998" s="1" t="s">
        <v>2558</v>
      </c>
      <c r="B13998" s="1" t="s">
        <v>9037</v>
      </c>
      <c r="C13998" s="1" t="s">
        <v>32350</v>
      </c>
      <c r="D13998" s="2">
        <v>166826</v>
      </c>
      <c r="E13998" s="1" t="s">
        <v>0</v>
      </c>
    </row>
    <row r="13999" spans="1:5" x14ac:dyDescent="0.25">
      <c r="A13999" s="1" t="s">
        <v>32351</v>
      </c>
      <c r="B13999" s="1" t="s">
        <v>9038</v>
      </c>
      <c r="C13999" s="1" t="s">
        <v>32352</v>
      </c>
      <c r="D13999" s="2">
        <v>166827</v>
      </c>
      <c r="E13999" s="1" t="s">
        <v>0</v>
      </c>
    </row>
    <row r="14000" spans="1:5" ht="409.5" x14ac:dyDescent="0.25">
      <c r="A14000" s="4" t="s">
        <v>32353</v>
      </c>
      <c r="B14000" s="1" t="s">
        <v>61161</v>
      </c>
      <c r="C14000" s="1" t="s">
        <v>32354</v>
      </c>
      <c r="D14000" s="2">
        <v>166828</v>
      </c>
      <c r="E14000" s="1" t="s">
        <v>0</v>
      </c>
    </row>
    <row r="14001" spans="1:5" x14ac:dyDescent="0.25">
      <c r="A14001" s="1" t="s">
        <v>32355</v>
      </c>
      <c r="B14001" s="1" t="s">
        <v>9039</v>
      </c>
      <c r="C14001" s="1" t="s">
        <v>32356</v>
      </c>
      <c r="D14001" s="2">
        <v>166829</v>
      </c>
      <c r="E14001" s="1" t="s">
        <v>0</v>
      </c>
    </row>
    <row r="14002" spans="1:5" x14ac:dyDescent="0.25">
      <c r="A14002" s="2">
        <v>2800</v>
      </c>
      <c r="B14002" s="2">
        <v>2800</v>
      </c>
      <c r="C14002" s="1" t="s">
        <v>0</v>
      </c>
      <c r="D14002" s="2">
        <v>166830</v>
      </c>
      <c r="E14002" s="1" t="s">
        <v>0</v>
      </c>
    </row>
    <row r="14003" spans="1:5" x14ac:dyDescent="0.25">
      <c r="A14003" s="1" t="s">
        <v>2559</v>
      </c>
      <c r="B14003" s="1" t="s">
        <v>9040</v>
      </c>
      <c r="C14003" s="1" t="s">
        <v>32357</v>
      </c>
      <c r="D14003" s="2">
        <v>166831</v>
      </c>
      <c r="E14003" s="1" t="s">
        <v>0</v>
      </c>
    </row>
    <row r="14004" spans="1:5" x14ac:dyDescent="0.25">
      <c r="A14004" s="1" t="s">
        <v>32358</v>
      </c>
      <c r="B14004" s="1" t="s">
        <v>59031</v>
      </c>
      <c r="C14004" s="1" t="s">
        <v>32359</v>
      </c>
      <c r="D14004" s="2">
        <v>166832</v>
      </c>
      <c r="E14004" s="1" t="s">
        <v>0</v>
      </c>
    </row>
    <row r="14005" spans="1:5" ht="409.5" x14ac:dyDescent="0.25">
      <c r="A14005" s="4" t="s">
        <v>32360</v>
      </c>
      <c r="B14005" s="1" t="s">
        <v>59032</v>
      </c>
      <c r="C14005" s="1" t="s">
        <v>32361</v>
      </c>
      <c r="D14005" s="2">
        <v>166833</v>
      </c>
      <c r="E14005" s="1" t="s">
        <v>0</v>
      </c>
    </row>
    <row r="14006" spans="1:5" x14ac:dyDescent="0.25">
      <c r="A14006" s="1" t="s">
        <v>32362</v>
      </c>
      <c r="B14006" s="1" t="s">
        <v>54129</v>
      </c>
      <c r="C14006" s="1" t="s">
        <v>32363</v>
      </c>
      <c r="D14006" s="2">
        <v>166834</v>
      </c>
      <c r="E14006" s="1" t="s">
        <v>0</v>
      </c>
    </row>
    <row r="14007" spans="1:5" x14ac:dyDescent="0.25">
      <c r="A14007" s="2">
        <v>2801</v>
      </c>
      <c r="B14007" s="2">
        <v>2801</v>
      </c>
      <c r="C14007" s="1" t="s">
        <v>0</v>
      </c>
      <c r="D14007" s="2">
        <v>166835</v>
      </c>
      <c r="E14007" s="1" t="s">
        <v>0</v>
      </c>
    </row>
    <row r="14008" spans="1:5" x14ac:dyDescent="0.25">
      <c r="A14008" s="1" t="s">
        <v>2560</v>
      </c>
      <c r="B14008" s="1" t="s">
        <v>9041</v>
      </c>
      <c r="C14008" s="1" t="s">
        <v>32364</v>
      </c>
      <c r="D14008" s="2">
        <v>166836</v>
      </c>
      <c r="E14008" s="1" t="s">
        <v>0</v>
      </c>
    </row>
    <row r="14009" spans="1:5" x14ac:dyDescent="0.25">
      <c r="A14009" s="1" t="s">
        <v>32365</v>
      </c>
      <c r="B14009" s="1" t="s">
        <v>9042</v>
      </c>
      <c r="C14009" s="1" t="s">
        <v>32366</v>
      </c>
      <c r="D14009" s="2">
        <v>166837</v>
      </c>
      <c r="E14009" s="1" t="s">
        <v>0</v>
      </c>
    </row>
    <row r="14010" spans="1:5" ht="409.5" x14ac:dyDescent="0.25">
      <c r="A14010" s="4" t="s">
        <v>32367</v>
      </c>
      <c r="B14010" s="1" t="s">
        <v>62578</v>
      </c>
      <c r="C14010" s="1" t="s">
        <v>32368</v>
      </c>
      <c r="D14010" s="2">
        <v>166838</v>
      </c>
      <c r="E14010" s="1" t="s">
        <v>0</v>
      </c>
    </row>
    <row r="14011" spans="1:5" x14ac:dyDescent="0.25">
      <c r="A14011" s="1" t="s">
        <v>32369</v>
      </c>
      <c r="B14011" s="1" t="s">
        <v>54130</v>
      </c>
      <c r="C14011" s="1" t="s">
        <v>32370</v>
      </c>
      <c r="D14011" s="2">
        <v>166839</v>
      </c>
      <c r="E14011" s="1" t="s">
        <v>0</v>
      </c>
    </row>
    <row r="14012" spans="1:5" x14ac:dyDescent="0.25">
      <c r="A14012" s="2">
        <v>2802</v>
      </c>
      <c r="B14012" s="2">
        <v>2802</v>
      </c>
      <c r="C14012" s="1" t="s">
        <v>0</v>
      </c>
      <c r="D14012" s="2">
        <v>166840</v>
      </c>
      <c r="E14012" s="1" t="s">
        <v>0</v>
      </c>
    </row>
    <row r="14013" spans="1:5" x14ac:dyDescent="0.25">
      <c r="A14013" s="1" t="s">
        <v>2561</v>
      </c>
      <c r="B14013" s="1" t="s">
        <v>9043</v>
      </c>
      <c r="C14013" s="1" t="s">
        <v>32371</v>
      </c>
      <c r="D14013" s="2">
        <v>166841</v>
      </c>
      <c r="E14013" s="1" t="s">
        <v>0</v>
      </c>
    </row>
    <row r="14014" spans="1:5" x14ac:dyDescent="0.25">
      <c r="A14014" s="1" t="s">
        <v>32372</v>
      </c>
      <c r="B14014" s="1" t="s">
        <v>58409</v>
      </c>
      <c r="C14014" s="1" t="s">
        <v>32373</v>
      </c>
      <c r="D14014" s="2">
        <v>166842</v>
      </c>
      <c r="E14014" s="1" t="s">
        <v>0</v>
      </c>
    </row>
    <row r="14015" spans="1:5" ht="409.5" x14ac:dyDescent="0.25">
      <c r="A14015" s="4" t="s">
        <v>61822</v>
      </c>
      <c r="B14015" s="1" t="s">
        <v>58410</v>
      </c>
      <c r="C14015" s="1" t="s">
        <v>32374</v>
      </c>
      <c r="D14015" s="2">
        <v>166843</v>
      </c>
      <c r="E14015" s="1" t="s">
        <v>0</v>
      </c>
    </row>
    <row r="14016" spans="1:5" x14ac:dyDescent="0.25">
      <c r="A14016" s="1" t="s">
        <v>32375</v>
      </c>
      <c r="B14016" s="1" t="s">
        <v>9044</v>
      </c>
      <c r="C14016" s="1" t="s">
        <v>32376</v>
      </c>
      <c r="D14016" s="2">
        <v>166844</v>
      </c>
      <c r="E14016" s="1" t="s">
        <v>0</v>
      </c>
    </row>
    <row r="14017" spans="1:5" x14ac:dyDescent="0.25">
      <c r="A14017" s="2">
        <v>2803</v>
      </c>
      <c r="B14017" s="2">
        <v>2803</v>
      </c>
      <c r="C14017" s="1" t="s">
        <v>0</v>
      </c>
      <c r="D14017" s="2">
        <v>166845</v>
      </c>
      <c r="E14017" s="1" t="s">
        <v>0</v>
      </c>
    </row>
    <row r="14018" spans="1:5" x14ac:dyDescent="0.25">
      <c r="A14018" s="1" t="s">
        <v>2562</v>
      </c>
      <c r="B14018" s="1" t="s">
        <v>9045</v>
      </c>
      <c r="C14018" s="1" t="s">
        <v>32377</v>
      </c>
      <c r="D14018" s="2">
        <v>166846</v>
      </c>
      <c r="E14018" s="1" t="s">
        <v>0</v>
      </c>
    </row>
    <row r="14019" spans="1:5" x14ac:dyDescent="0.25">
      <c r="A14019" s="1" t="s">
        <v>32378</v>
      </c>
      <c r="B14019" s="1" t="s">
        <v>54131</v>
      </c>
      <c r="C14019" s="1" t="s">
        <v>32379</v>
      </c>
      <c r="D14019" s="2">
        <v>166847</v>
      </c>
      <c r="E14019" s="1" t="s">
        <v>0</v>
      </c>
    </row>
    <row r="14020" spans="1:5" ht="409.5" x14ac:dyDescent="0.25">
      <c r="A14020" s="4" t="s">
        <v>32380</v>
      </c>
      <c r="B14020" s="1" t="s">
        <v>60440</v>
      </c>
      <c r="C14020" s="1" t="s">
        <v>32381</v>
      </c>
      <c r="D14020" s="2">
        <v>166848</v>
      </c>
      <c r="E14020" s="1" t="s">
        <v>0</v>
      </c>
    </row>
    <row r="14021" spans="1:5" x14ac:dyDescent="0.25">
      <c r="A14021" s="1" t="s">
        <v>32382</v>
      </c>
      <c r="B14021" s="1" t="s">
        <v>9046</v>
      </c>
      <c r="C14021" s="1" t="s">
        <v>32383</v>
      </c>
      <c r="D14021" s="2">
        <v>166849</v>
      </c>
      <c r="E14021" s="1" t="s">
        <v>0</v>
      </c>
    </row>
    <row r="14022" spans="1:5" x14ac:dyDescent="0.25">
      <c r="A14022" s="2">
        <v>2804</v>
      </c>
      <c r="B14022" s="2">
        <v>2804</v>
      </c>
      <c r="C14022" s="1" t="s">
        <v>0</v>
      </c>
      <c r="D14022" s="2">
        <v>166850</v>
      </c>
      <c r="E14022" s="1" t="s">
        <v>0</v>
      </c>
    </row>
    <row r="14023" spans="1:5" x14ac:dyDescent="0.25">
      <c r="A14023" s="1" t="s">
        <v>2563</v>
      </c>
      <c r="B14023" s="1" t="s">
        <v>54132</v>
      </c>
      <c r="C14023" s="1" t="s">
        <v>32384</v>
      </c>
      <c r="D14023" s="2">
        <v>166851</v>
      </c>
      <c r="E14023" s="1" t="s">
        <v>0</v>
      </c>
    </row>
    <row r="14024" spans="1:5" x14ac:dyDescent="0.25">
      <c r="A14024" s="1" t="s">
        <v>32385</v>
      </c>
      <c r="B14024" s="1" t="s">
        <v>63724</v>
      </c>
      <c r="C14024" s="1" t="s">
        <v>32386</v>
      </c>
      <c r="D14024" s="2">
        <v>166852</v>
      </c>
      <c r="E14024" s="1" t="s">
        <v>0</v>
      </c>
    </row>
    <row r="14025" spans="1:5" ht="409.5" x14ac:dyDescent="0.25">
      <c r="A14025" s="4" t="s">
        <v>32387</v>
      </c>
      <c r="B14025" s="1" t="s">
        <v>63725</v>
      </c>
      <c r="C14025" s="1" t="s">
        <v>32388</v>
      </c>
      <c r="D14025" s="2">
        <v>166853</v>
      </c>
      <c r="E14025" s="1" t="s">
        <v>0</v>
      </c>
    </row>
    <row r="14026" spans="1:5" x14ac:dyDescent="0.25">
      <c r="A14026" s="1" t="s">
        <v>32389</v>
      </c>
      <c r="B14026" s="1" t="s">
        <v>57239</v>
      </c>
      <c r="C14026" s="1" t="s">
        <v>32390</v>
      </c>
      <c r="D14026" s="2">
        <v>166854</v>
      </c>
      <c r="E14026" s="1" t="s">
        <v>0</v>
      </c>
    </row>
    <row r="14027" spans="1:5" x14ac:dyDescent="0.25">
      <c r="A14027" s="2">
        <v>2805</v>
      </c>
      <c r="B14027" s="2">
        <v>2805</v>
      </c>
      <c r="C14027" s="1" t="s">
        <v>0</v>
      </c>
      <c r="D14027" s="2">
        <v>166855</v>
      </c>
      <c r="E14027" s="1" t="s">
        <v>0</v>
      </c>
    </row>
    <row r="14028" spans="1:5" x14ac:dyDescent="0.25">
      <c r="A14028" s="1" t="s">
        <v>2564</v>
      </c>
      <c r="B14028" s="1" t="s">
        <v>9047</v>
      </c>
      <c r="C14028" s="1" t="s">
        <v>32391</v>
      </c>
      <c r="D14028" s="2">
        <v>166856</v>
      </c>
      <c r="E14028" s="1" t="s">
        <v>0</v>
      </c>
    </row>
    <row r="14029" spans="1:5" x14ac:dyDescent="0.25">
      <c r="A14029" s="1" t="s">
        <v>32392</v>
      </c>
      <c r="B14029" s="1" t="s">
        <v>54133</v>
      </c>
      <c r="C14029" s="1" t="s">
        <v>32393</v>
      </c>
      <c r="D14029" s="2">
        <v>166857</v>
      </c>
      <c r="E14029" s="1" t="s">
        <v>0</v>
      </c>
    </row>
    <row r="14030" spans="1:5" ht="409.5" x14ac:dyDescent="0.25">
      <c r="A14030" s="4" t="s">
        <v>32394</v>
      </c>
      <c r="B14030" s="1" t="s">
        <v>54134</v>
      </c>
      <c r="C14030" s="1" t="s">
        <v>32395</v>
      </c>
      <c r="D14030" s="2">
        <v>166858</v>
      </c>
      <c r="E14030" s="1" t="s">
        <v>0</v>
      </c>
    </row>
    <row r="14031" spans="1:5" x14ac:dyDescent="0.25">
      <c r="A14031" s="1" t="s">
        <v>32396</v>
      </c>
      <c r="B14031" s="1" t="s">
        <v>54135</v>
      </c>
      <c r="C14031" s="1" t="s">
        <v>32397</v>
      </c>
      <c r="D14031" s="2">
        <v>166859</v>
      </c>
      <c r="E14031" s="1" t="s">
        <v>0</v>
      </c>
    </row>
    <row r="14032" spans="1:5" x14ac:dyDescent="0.25">
      <c r="A14032" s="2">
        <v>2806</v>
      </c>
      <c r="B14032" s="2">
        <v>2806</v>
      </c>
      <c r="C14032" s="1" t="s">
        <v>0</v>
      </c>
      <c r="D14032" s="2">
        <v>166860</v>
      </c>
      <c r="E14032" s="1" t="s">
        <v>0</v>
      </c>
    </row>
    <row r="14033" spans="1:5" x14ac:dyDescent="0.25">
      <c r="A14033" s="1" t="s">
        <v>2565</v>
      </c>
      <c r="B14033" s="1" t="s">
        <v>9048</v>
      </c>
      <c r="C14033" s="1" t="s">
        <v>32398</v>
      </c>
      <c r="D14033" s="2">
        <v>166861</v>
      </c>
      <c r="E14033" s="1" t="s">
        <v>0</v>
      </c>
    </row>
    <row r="14034" spans="1:5" x14ac:dyDescent="0.25">
      <c r="A14034" s="1" t="s">
        <v>32399</v>
      </c>
      <c r="B14034" s="1" t="s">
        <v>54136</v>
      </c>
      <c r="C14034" s="1" t="s">
        <v>32400</v>
      </c>
      <c r="D14034" s="2">
        <v>166862</v>
      </c>
      <c r="E14034" s="1" t="s">
        <v>0</v>
      </c>
    </row>
    <row r="14035" spans="1:5" ht="409.5" x14ac:dyDescent="0.25">
      <c r="A14035" s="4" t="s">
        <v>64196</v>
      </c>
      <c r="B14035" s="1" t="s">
        <v>58923</v>
      </c>
      <c r="C14035" s="1" t="s">
        <v>32401</v>
      </c>
      <c r="D14035" s="2">
        <v>166863</v>
      </c>
      <c r="E14035" s="1" t="s">
        <v>0</v>
      </c>
    </row>
    <row r="14036" spans="1:5" x14ac:dyDescent="0.25">
      <c r="A14036" s="1" t="s">
        <v>32402</v>
      </c>
      <c r="B14036" s="1" t="s">
        <v>9049</v>
      </c>
      <c r="C14036" s="1" t="s">
        <v>32403</v>
      </c>
      <c r="D14036" s="2">
        <v>166864</v>
      </c>
      <c r="E14036" s="1" t="s">
        <v>0</v>
      </c>
    </row>
    <row r="14037" spans="1:5" x14ac:dyDescent="0.25">
      <c r="A14037" s="2">
        <v>2807</v>
      </c>
      <c r="B14037" s="2">
        <v>2807</v>
      </c>
      <c r="C14037" s="1" t="s">
        <v>0</v>
      </c>
      <c r="D14037" s="2">
        <v>166865</v>
      </c>
      <c r="E14037" s="1" t="s">
        <v>0</v>
      </c>
    </row>
    <row r="14038" spans="1:5" x14ac:dyDescent="0.25">
      <c r="A14038" s="1" t="s">
        <v>9050</v>
      </c>
      <c r="B14038" s="1" t="s">
        <v>9051</v>
      </c>
      <c r="C14038" s="1" t="s">
        <v>32404</v>
      </c>
      <c r="D14038" s="2">
        <v>166866</v>
      </c>
      <c r="E14038" s="1" t="s">
        <v>0</v>
      </c>
    </row>
    <row r="14039" spans="1:5" x14ac:dyDescent="0.25">
      <c r="A14039" s="1" t="s">
        <v>32405</v>
      </c>
      <c r="B14039" s="1" t="s">
        <v>57544</v>
      </c>
      <c r="C14039" s="1" t="s">
        <v>32406</v>
      </c>
      <c r="D14039" s="2">
        <v>166867</v>
      </c>
      <c r="E14039" s="1" t="s">
        <v>0</v>
      </c>
    </row>
    <row r="14040" spans="1:5" ht="409.5" x14ac:dyDescent="0.25">
      <c r="A14040" s="4" t="s">
        <v>32407</v>
      </c>
      <c r="B14040" s="1" t="s">
        <v>57545</v>
      </c>
      <c r="C14040" s="1" t="s">
        <v>32408</v>
      </c>
      <c r="D14040" s="2">
        <v>166868</v>
      </c>
      <c r="E14040" s="1" t="s">
        <v>0</v>
      </c>
    </row>
    <row r="14041" spans="1:5" x14ac:dyDescent="0.25">
      <c r="A14041" s="1" t="s">
        <v>32409</v>
      </c>
      <c r="B14041" s="1" t="s">
        <v>54137</v>
      </c>
      <c r="C14041" s="1" t="s">
        <v>32410</v>
      </c>
      <c r="D14041" s="2">
        <v>166869</v>
      </c>
      <c r="E14041" s="1" t="s">
        <v>0</v>
      </c>
    </row>
    <row r="14042" spans="1:5" x14ac:dyDescent="0.25">
      <c r="A14042" s="2">
        <v>2808</v>
      </c>
      <c r="B14042" s="2">
        <v>2808</v>
      </c>
      <c r="C14042" s="1" t="s">
        <v>0</v>
      </c>
      <c r="D14042" s="2">
        <v>166870</v>
      </c>
      <c r="E14042" s="1" t="s">
        <v>0</v>
      </c>
    </row>
    <row r="14043" spans="1:5" x14ac:dyDescent="0.25">
      <c r="A14043" s="1" t="s">
        <v>2566</v>
      </c>
      <c r="B14043" s="1" t="s">
        <v>9052</v>
      </c>
      <c r="C14043" s="1" t="s">
        <v>32411</v>
      </c>
      <c r="D14043" s="2">
        <v>166871</v>
      </c>
      <c r="E14043" s="1" t="s">
        <v>0</v>
      </c>
    </row>
    <row r="14044" spans="1:5" x14ac:dyDescent="0.25">
      <c r="A14044" s="1" t="s">
        <v>32412</v>
      </c>
      <c r="B14044" s="1" t="s">
        <v>9053</v>
      </c>
      <c r="C14044" s="1" t="s">
        <v>32413</v>
      </c>
      <c r="D14044" s="2">
        <v>166872</v>
      </c>
      <c r="E14044" s="1" t="s">
        <v>0</v>
      </c>
    </row>
    <row r="14045" spans="1:5" ht="409.5" x14ac:dyDescent="0.25">
      <c r="A14045" s="4" t="s">
        <v>32414</v>
      </c>
      <c r="B14045" s="1" t="s">
        <v>54138</v>
      </c>
      <c r="C14045" s="1" t="s">
        <v>32415</v>
      </c>
      <c r="D14045" s="2">
        <v>166873</v>
      </c>
      <c r="E14045" s="1" t="s">
        <v>0</v>
      </c>
    </row>
    <row r="14046" spans="1:5" x14ac:dyDescent="0.25">
      <c r="A14046" s="1" t="s">
        <v>32416</v>
      </c>
      <c r="B14046" s="1" t="s">
        <v>9054</v>
      </c>
      <c r="C14046" s="1" t="s">
        <v>32417</v>
      </c>
      <c r="D14046" s="2">
        <v>166874</v>
      </c>
      <c r="E14046" s="1" t="s">
        <v>0</v>
      </c>
    </row>
    <row r="14047" spans="1:5" x14ac:dyDescent="0.25">
      <c r="A14047" s="2">
        <v>2809</v>
      </c>
      <c r="B14047" s="2">
        <v>2809</v>
      </c>
      <c r="C14047" s="1" t="s">
        <v>0</v>
      </c>
      <c r="D14047" s="2">
        <v>166875</v>
      </c>
      <c r="E14047" s="1" t="s">
        <v>0</v>
      </c>
    </row>
    <row r="14048" spans="1:5" x14ac:dyDescent="0.25">
      <c r="A14048" s="1" t="s">
        <v>2567</v>
      </c>
      <c r="B14048" s="1" t="s">
        <v>9055</v>
      </c>
      <c r="C14048" s="1" t="s">
        <v>32418</v>
      </c>
      <c r="D14048" s="2">
        <v>166876</v>
      </c>
      <c r="E14048" s="1" t="s">
        <v>0</v>
      </c>
    </row>
    <row r="14049" spans="1:5" x14ac:dyDescent="0.25">
      <c r="A14049" s="1" t="s">
        <v>32419</v>
      </c>
      <c r="B14049" s="1" t="s">
        <v>9056</v>
      </c>
      <c r="C14049" s="1" t="s">
        <v>32420</v>
      </c>
      <c r="D14049" s="2">
        <v>166877</v>
      </c>
      <c r="E14049" s="1" t="s">
        <v>0</v>
      </c>
    </row>
    <row r="14050" spans="1:5" ht="409.5" x14ac:dyDescent="0.25">
      <c r="A14050" s="4" t="s">
        <v>32421</v>
      </c>
      <c r="B14050" s="1" t="s">
        <v>56786</v>
      </c>
      <c r="C14050" s="1" t="s">
        <v>32422</v>
      </c>
      <c r="D14050" s="2">
        <v>166878</v>
      </c>
      <c r="E14050" s="1" t="s">
        <v>0</v>
      </c>
    </row>
    <row r="14051" spans="1:5" x14ac:dyDescent="0.25">
      <c r="A14051" s="1" t="s">
        <v>32423</v>
      </c>
      <c r="B14051" s="1" t="s">
        <v>9057</v>
      </c>
      <c r="C14051" s="1" t="s">
        <v>32424</v>
      </c>
      <c r="D14051" s="2">
        <v>166879</v>
      </c>
      <c r="E14051" s="1" t="s">
        <v>0</v>
      </c>
    </row>
    <row r="14052" spans="1:5" x14ac:dyDescent="0.25">
      <c r="A14052" s="2">
        <v>2810</v>
      </c>
      <c r="B14052" s="2">
        <v>2810</v>
      </c>
      <c r="C14052" s="1" t="s">
        <v>0</v>
      </c>
      <c r="D14052" s="2">
        <v>166880</v>
      </c>
      <c r="E14052" s="1" t="s">
        <v>0</v>
      </c>
    </row>
    <row r="14053" spans="1:5" x14ac:dyDescent="0.25">
      <c r="A14053" s="1" t="s">
        <v>2568</v>
      </c>
      <c r="B14053" s="1" t="s">
        <v>9058</v>
      </c>
      <c r="C14053" s="1" t="s">
        <v>32425</v>
      </c>
      <c r="D14053" s="2">
        <v>166881</v>
      </c>
      <c r="E14053" s="1" t="s">
        <v>0</v>
      </c>
    </row>
    <row r="14054" spans="1:5" x14ac:dyDescent="0.25">
      <c r="A14054" s="1" t="s">
        <v>32426</v>
      </c>
      <c r="B14054" s="1" t="s">
        <v>61162</v>
      </c>
      <c r="C14054" s="1" t="s">
        <v>32427</v>
      </c>
      <c r="D14054" s="2">
        <v>166882</v>
      </c>
      <c r="E14054" s="1" t="s">
        <v>0</v>
      </c>
    </row>
    <row r="14055" spans="1:5" ht="409.5" x14ac:dyDescent="0.25">
      <c r="A14055" s="4" t="s">
        <v>32428</v>
      </c>
      <c r="B14055" s="1" t="s">
        <v>61163</v>
      </c>
      <c r="C14055" s="1" t="s">
        <v>32429</v>
      </c>
      <c r="D14055" s="2">
        <v>166883</v>
      </c>
      <c r="E14055" s="1" t="s">
        <v>0</v>
      </c>
    </row>
    <row r="14056" spans="1:5" x14ac:dyDescent="0.25">
      <c r="A14056" s="1" t="s">
        <v>20657</v>
      </c>
      <c r="B14056" s="1" t="s">
        <v>60982</v>
      </c>
      <c r="C14056" s="1" t="s">
        <v>20658</v>
      </c>
      <c r="D14056" s="2">
        <v>166884</v>
      </c>
      <c r="E14056" s="1" t="s">
        <v>0</v>
      </c>
    </row>
    <row r="14057" spans="1:5" x14ac:dyDescent="0.25">
      <c r="A14057" s="2">
        <v>2811</v>
      </c>
      <c r="B14057" s="2">
        <v>2811</v>
      </c>
      <c r="C14057" s="1" t="s">
        <v>0</v>
      </c>
      <c r="D14057" s="2">
        <v>166885</v>
      </c>
      <c r="E14057" s="1" t="s">
        <v>0</v>
      </c>
    </row>
    <row r="14058" spans="1:5" x14ac:dyDescent="0.25">
      <c r="A14058" s="1" t="s">
        <v>2569</v>
      </c>
      <c r="B14058" s="1" t="s">
        <v>9059</v>
      </c>
      <c r="C14058" s="1" t="s">
        <v>32430</v>
      </c>
      <c r="D14058" s="2">
        <v>166886</v>
      </c>
      <c r="E14058" s="1" t="s">
        <v>0</v>
      </c>
    </row>
    <row r="14059" spans="1:5" x14ac:dyDescent="0.25">
      <c r="A14059" s="1" t="s">
        <v>32431</v>
      </c>
      <c r="B14059" s="1" t="s">
        <v>58411</v>
      </c>
      <c r="C14059" s="1" t="s">
        <v>32432</v>
      </c>
      <c r="D14059" s="2">
        <v>166887</v>
      </c>
      <c r="E14059" s="1" t="s">
        <v>0</v>
      </c>
    </row>
    <row r="14060" spans="1:5" ht="409.5" x14ac:dyDescent="0.25">
      <c r="A14060" s="4" t="s">
        <v>61823</v>
      </c>
      <c r="B14060" s="1" t="s">
        <v>62579</v>
      </c>
      <c r="C14060" s="1" t="s">
        <v>32433</v>
      </c>
      <c r="D14060" s="2">
        <v>166888</v>
      </c>
      <c r="E14060" s="1" t="s">
        <v>0</v>
      </c>
    </row>
    <row r="14061" spans="1:5" x14ac:dyDescent="0.25">
      <c r="A14061" s="1" t="s">
        <v>32434</v>
      </c>
      <c r="B14061" s="1" t="s">
        <v>54139</v>
      </c>
      <c r="C14061" s="1" t="s">
        <v>32435</v>
      </c>
      <c r="D14061" s="2">
        <v>166889</v>
      </c>
      <c r="E14061" s="1" t="s">
        <v>0</v>
      </c>
    </row>
    <row r="14062" spans="1:5" x14ac:dyDescent="0.25">
      <c r="A14062" s="2">
        <v>2812</v>
      </c>
      <c r="B14062" s="2">
        <v>2812</v>
      </c>
      <c r="C14062" s="1" t="s">
        <v>0</v>
      </c>
      <c r="D14062" s="2">
        <v>166890</v>
      </c>
      <c r="E14062" s="1" t="s">
        <v>0</v>
      </c>
    </row>
    <row r="14063" spans="1:5" x14ac:dyDescent="0.25">
      <c r="A14063" s="1" t="s">
        <v>2570</v>
      </c>
      <c r="B14063" s="1" t="s">
        <v>9060</v>
      </c>
      <c r="C14063" s="1" t="s">
        <v>32436</v>
      </c>
      <c r="D14063" s="2">
        <v>166891</v>
      </c>
      <c r="E14063" s="1" t="s">
        <v>0</v>
      </c>
    </row>
    <row r="14064" spans="1:5" x14ac:dyDescent="0.25">
      <c r="A14064" s="1" t="s">
        <v>32437</v>
      </c>
      <c r="B14064" s="1" t="s">
        <v>9061</v>
      </c>
      <c r="C14064" s="1" t="s">
        <v>32438</v>
      </c>
      <c r="D14064" s="2">
        <v>166892</v>
      </c>
      <c r="E14064" s="1" t="s">
        <v>0</v>
      </c>
    </row>
    <row r="14065" spans="1:5" ht="409.5" x14ac:dyDescent="0.25">
      <c r="A14065" s="4" t="s">
        <v>32439</v>
      </c>
      <c r="B14065" s="1" t="s">
        <v>13159</v>
      </c>
      <c r="C14065" s="1" t="s">
        <v>32440</v>
      </c>
      <c r="D14065" s="2">
        <v>166893</v>
      </c>
      <c r="E14065" s="1" t="s">
        <v>0</v>
      </c>
    </row>
    <row r="14066" spans="1:5" x14ac:dyDescent="0.25">
      <c r="A14066" s="1" t="s">
        <v>32441</v>
      </c>
      <c r="B14066" s="1" t="s">
        <v>54140</v>
      </c>
      <c r="C14066" s="1" t="s">
        <v>32442</v>
      </c>
      <c r="D14066" s="2">
        <v>166894</v>
      </c>
      <c r="E14066" s="1" t="s">
        <v>0</v>
      </c>
    </row>
    <row r="14067" spans="1:5" x14ac:dyDescent="0.25">
      <c r="A14067" s="2">
        <v>2813</v>
      </c>
      <c r="B14067" s="2">
        <v>2813</v>
      </c>
      <c r="C14067" s="1" t="s">
        <v>0</v>
      </c>
      <c r="D14067" s="2">
        <v>166895</v>
      </c>
      <c r="E14067" s="1" t="s">
        <v>0</v>
      </c>
    </row>
    <row r="14068" spans="1:5" x14ac:dyDescent="0.25">
      <c r="A14068" s="1" t="s">
        <v>2571</v>
      </c>
      <c r="B14068" s="1" t="s">
        <v>9062</v>
      </c>
      <c r="C14068" s="1" t="s">
        <v>32443</v>
      </c>
      <c r="D14068" s="2">
        <v>166896</v>
      </c>
      <c r="E14068" s="1" t="s">
        <v>0</v>
      </c>
    </row>
    <row r="14069" spans="1:5" x14ac:dyDescent="0.25">
      <c r="A14069" s="1" t="s">
        <v>32444</v>
      </c>
      <c r="B14069" s="1" t="s">
        <v>54141</v>
      </c>
      <c r="C14069" s="1" t="s">
        <v>32445</v>
      </c>
      <c r="D14069" s="2">
        <v>166897</v>
      </c>
      <c r="E14069" s="1" t="s">
        <v>0</v>
      </c>
    </row>
    <row r="14070" spans="1:5" ht="409.5" x14ac:dyDescent="0.25">
      <c r="A14070" s="4" t="s">
        <v>32446</v>
      </c>
      <c r="B14070" s="1" t="s">
        <v>60441</v>
      </c>
      <c r="C14070" s="1" t="s">
        <v>32447</v>
      </c>
      <c r="D14070" s="2">
        <v>166898</v>
      </c>
      <c r="E14070" s="1" t="s">
        <v>0</v>
      </c>
    </row>
    <row r="14071" spans="1:5" x14ac:dyDescent="0.25">
      <c r="A14071" s="1" t="s">
        <v>32448</v>
      </c>
      <c r="B14071" s="1" t="s">
        <v>9063</v>
      </c>
      <c r="C14071" s="1" t="s">
        <v>32449</v>
      </c>
      <c r="D14071" s="2">
        <v>166899</v>
      </c>
      <c r="E14071" s="1" t="s">
        <v>0</v>
      </c>
    </row>
    <row r="14072" spans="1:5" x14ac:dyDescent="0.25">
      <c r="A14072" s="2">
        <v>2814</v>
      </c>
      <c r="B14072" s="2">
        <v>2814</v>
      </c>
      <c r="C14072" s="1" t="s">
        <v>0</v>
      </c>
      <c r="D14072" s="2">
        <v>166900</v>
      </c>
      <c r="E14072" s="1" t="s">
        <v>0</v>
      </c>
    </row>
    <row r="14073" spans="1:5" x14ac:dyDescent="0.25">
      <c r="A14073" s="1" t="s">
        <v>2572</v>
      </c>
      <c r="B14073" s="1" t="s">
        <v>9064</v>
      </c>
      <c r="C14073" s="1" t="s">
        <v>32450</v>
      </c>
      <c r="D14073" s="2">
        <v>166901</v>
      </c>
      <c r="E14073" s="1" t="s">
        <v>0</v>
      </c>
    </row>
    <row r="14074" spans="1:5" x14ac:dyDescent="0.25">
      <c r="A14074" s="1" t="s">
        <v>32451</v>
      </c>
      <c r="B14074" s="1" t="s">
        <v>9065</v>
      </c>
      <c r="C14074" s="1" t="s">
        <v>32452</v>
      </c>
      <c r="D14074" s="2">
        <v>166902</v>
      </c>
      <c r="E14074" s="1" t="s">
        <v>0</v>
      </c>
    </row>
    <row r="14075" spans="1:5" ht="409.5" x14ac:dyDescent="0.25">
      <c r="A14075" s="4" t="s">
        <v>32453</v>
      </c>
      <c r="B14075" s="1" t="s">
        <v>13160</v>
      </c>
      <c r="C14075" s="1" t="s">
        <v>32454</v>
      </c>
      <c r="D14075" s="2">
        <v>166903</v>
      </c>
      <c r="E14075" s="1" t="s">
        <v>0</v>
      </c>
    </row>
    <row r="14076" spans="1:5" x14ac:dyDescent="0.25">
      <c r="A14076" s="1" t="s">
        <v>32455</v>
      </c>
      <c r="B14076" s="1" t="s">
        <v>54142</v>
      </c>
      <c r="C14076" s="1" t="s">
        <v>32456</v>
      </c>
      <c r="D14076" s="2">
        <v>166904</v>
      </c>
      <c r="E14076" s="1" t="s">
        <v>0</v>
      </c>
    </row>
    <row r="14077" spans="1:5" x14ac:dyDescent="0.25">
      <c r="A14077" s="2">
        <v>2815</v>
      </c>
      <c r="B14077" s="2">
        <v>2815</v>
      </c>
      <c r="C14077" s="1" t="s">
        <v>0</v>
      </c>
      <c r="D14077" s="2">
        <v>166905</v>
      </c>
      <c r="E14077" s="1" t="s">
        <v>0</v>
      </c>
    </row>
    <row r="14078" spans="1:5" x14ac:dyDescent="0.25">
      <c r="A14078" s="1" t="s">
        <v>2573</v>
      </c>
      <c r="B14078" s="1" t="s">
        <v>9066</v>
      </c>
      <c r="C14078" s="1" t="s">
        <v>32457</v>
      </c>
      <c r="D14078" s="2">
        <v>166906</v>
      </c>
      <c r="E14078" s="1" t="s">
        <v>0</v>
      </c>
    </row>
    <row r="14079" spans="1:5" x14ac:dyDescent="0.25">
      <c r="A14079" s="1" t="s">
        <v>32458</v>
      </c>
      <c r="B14079" s="1" t="s">
        <v>9067</v>
      </c>
      <c r="C14079" s="1" t="s">
        <v>32459</v>
      </c>
      <c r="D14079" s="2">
        <v>166907</v>
      </c>
      <c r="E14079" s="1" t="s">
        <v>0</v>
      </c>
    </row>
    <row r="14080" spans="1:5" ht="409.5" x14ac:dyDescent="0.25">
      <c r="A14080" s="4" t="s">
        <v>32460</v>
      </c>
      <c r="B14080" s="1" t="s">
        <v>61164</v>
      </c>
      <c r="C14080" s="1" t="s">
        <v>32461</v>
      </c>
      <c r="D14080" s="2">
        <v>166908</v>
      </c>
      <c r="E14080" s="1" t="s">
        <v>0</v>
      </c>
    </row>
    <row r="14081" spans="1:5" x14ac:dyDescent="0.25">
      <c r="A14081" s="1" t="s">
        <v>32462</v>
      </c>
      <c r="B14081" s="1" t="s">
        <v>9068</v>
      </c>
      <c r="C14081" s="1" t="s">
        <v>32463</v>
      </c>
      <c r="D14081" s="2">
        <v>166909</v>
      </c>
      <c r="E14081" s="1" t="s">
        <v>0</v>
      </c>
    </row>
    <row r="14082" spans="1:5" x14ac:dyDescent="0.25">
      <c r="A14082" s="2">
        <v>2816</v>
      </c>
      <c r="B14082" s="2">
        <v>2816</v>
      </c>
      <c r="C14082" s="1" t="s">
        <v>0</v>
      </c>
      <c r="D14082" s="2">
        <v>166910</v>
      </c>
      <c r="E14082" s="1" t="s">
        <v>0</v>
      </c>
    </row>
    <row r="14083" spans="1:5" x14ac:dyDescent="0.25">
      <c r="A14083" s="1" t="s">
        <v>2574</v>
      </c>
      <c r="B14083" s="1" t="s">
        <v>9069</v>
      </c>
      <c r="C14083" s="1" t="s">
        <v>32464</v>
      </c>
      <c r="D14083" s="2">
        <v>166911</v>
      </c>
      <c r="E14083" s="1" t="s">
        <v>0</v>
      </c>
    </row>
    <row r="14084" spans="1:5" x14ac:dyDescent="0.25">
      <c r="A14084" s="1" t="s">
        <v>32465</v>
      </c>
      <c r="B14084" s="1" t="s">
        <v>54143</v>
      </c>
      <c r="C14084" s="1" t="s">
        <v>32466</v>
      </c>
      <c r="D14084" s="2">
        <v>166912</v>
      </c>
      <c r="E14084" s="1" t="s">
        <v>0</v>
      </c>
    </row>
    <row r="14085" spans="1:5" ht="409.5" x14ac:dyDescent="0.25">
      <c r="A14085" s="4" t="s">
        <v>64197</v>
      </c>
      <c r="B14085" s="1" t="s">
        <v>60046</v>
      </c>
      <c r="C14085" s="1" t="s">
        <v>32467</v>
      </c>
      <c r="D14085" s="2">
        <v>166913</v>
      </c>
      <c r="E14085" s="1" t="s">
        <v>0</v>
      </c>
    </row>
    <row r="14086" spans="1:5" x14ac:dyDescent="0.25">
      <c r="A14086" s="1" t="s">
        <v>32468</v>
      </c>
      <c r="B14086" s="1" t="s">
        <v>54144</v>
      </c>
      <c r="C14086" s="1" t="s">
        <v>32469</v>
      </c>
      <c r="D14086" s="2">
        <v>166914</v>
      </c>
      <c r="E14086" s="1" t="s">
        <v>0</v>
      </c>
    </row>
    <row r="14087" spans="1:5" x14ac:dyDescent="0.25">
      <c r="A14087" s="2">
        <v>2817</v>
      </c>
      <c r="B14087" s="2">
        <v>2817</v>
      </c>
      <c r="C14087" s="1" t="s">
        <v>0</v>
      </c>
      <c r="D14087" s="2">
        <v>166915</v>
      </c>
      <c r="E14087" s="1" t="s">
        <v>0</v>
      </c>
    </row>
    <row r="14088" spans="1:5" x14ac:dyDescent="0.25">
      <c r="A14088" s="1" t="s">
        <v>2575</v>
      </c>
      <c r="B14088" s="1" t="s">
        <v>9070</v>
      </c>
      <c r="C14088" s="1" t="s">
        <v>32470</v>
      </c>
      <c r="D14088" s="2">
        <v>166916</v>
      </c>
      <c r="E14088" s="1" t="s">
        <v>0</v>
      </c>
    </row>
    <row r="14089" spans="1:5" x14ac:dyDescent="0.25">
      <c r="A14089" s="1" t="s">
        <v>32471</v>
      </c>
      <c r="B14089" s="1" t="s">
        <v>57864</v>
      </c>
      <c r="C14089" s="1" t="s">
        <v>32472</v>
      </c>
      <c r="D14089" s="2">
        <v>166917</v>
      </c>
      <c r="E14089" s="1" t="s">
        <v>0</v>
      </c>
    </row>
    <row r="14090" spans="1:5" ht="409.5" x14ac:dyDescent="0.25">
      <c r="A14090" s="4" t="s">
        <v>32473</v>
      </c>
      <c r="B14090" s="1" t="s">
        <v>57865</v>
      </c>
      <c r="C14090" s="1" t="s">
        <v>32474</v>
      </c>
      <c r="D14090" s="2">
        <v>166918</v>
      </c>
      <c r="E14090" s="1" t="s">
        <v>0</v>
      </c>
    </row>
    <row r="14091" spans="1:5" x14ac:dyDescent="0.25">
      <c r="A14091" s="1" t="s">
        <v>32475</v>
      </c>
      <c r="B14091" s="1" t="s">
        <v>54145</v>
      </c>
      <c r="C14091" s="1" t="s">
        <v>32476</v>
      </c>
      <c r="D14091" s="2">
        <v>166919</v>
      </c>
      <c r="E14091" s="1" t="s">
        <v>0</v>
      </c>
    </row>
    <row r="14092" spans="1:5" x14ac:dyDescent="0.25">
      <c r="A14092" s="2">
        <v>2818</v>
      </c>
      <c r="B14092" s="2">
        <v>2818</v>
      </c>
      <c r="C14092" s="1" t="s">
        <v>0</v>
      </c>
      <c r="D14092" s="2">
        <v>166920</v>
      </c>
      <c r="E14092" s="1" t="s">
        <v>0</v>
      </c>
    </row>
    <row r="14093" spans="1:5" x14ac:dyDescent="0.25">
      <c r="A14093" s="1" t="s">
        <v>2576</v>
      </c>
      <c r="B14093" s="1" t="s">
        <v>9071</v>
      </c>
      <c r="C14093" s="1" t="s">
        <v>32477</v>
      </c>
      <c r="D14093" s="2">
        <v>166921</v>
      </c>
      <c r="E14093" s="1" t="s">
        <v>0</v>
      </c>
    </row>
    <row r="14094" spans="1:5" x14ac:dyDescent="0.25">
      <c r="A14094" s="1" t="s">
        <v>32478</v>
      </c>
      <c r="B14094" s="1" t="s">
        <v>9072</v>
      </c>
      <c r="C14094" s="1" t="s">
        <v>32479</v>
      </c>
      <c r="D14094" s="2">
        <v>166922</v>
      </c>
      <c r="E14094" s="1" t="s">
        <v>0</v>
      </c>
    </row>
    <row r="14095" spans="1:5" ht="409.5" x14ac:dyDescent="0.25">
      <c r="A14095" s="4" t="s">
        <v>64198</v>
      </c>
      <c r="B14095" s="1" t="s">
        <v>54146</v>
      </c>
      <c r="C14095" s="1" t="s">
        <v>32480</v>
      </c>
      <c r="D14095" s="2">
        <v>166923</v>
      </c>
      <c r="E14095" s="1" t="s">
        <v>0</v>
      </c>
    </row>
    <row r="14096" spans="1:5" x14ac:dyDescent="0.25">
      <c r="A14096" s="1" t="s">
        <v>32481</v>
      </c>
      <c r="B14096" s="1" t="s">
        <v>9073</v>
      </c>
      <c r="C14096" s="1" t="s">
        <v>32482</v>
      </c>
      <c r="D14096" s="2">
        <v>166924</v>
      </c>
      <c r="E14096" s="1" t="s">
        <v>0</v>
      </c>
    </row>
    <row r="14097" spans="1:5" x14ac:dyDescent="0.25">
      <c r="A14097" s="2">
        <v>2819</v>
      </c>
      <c r="B14097" s="2">
        <v>2819</v>
      </c>
      <c r="C14097" s="1" t="s">
        <v>0</v>
      </c>
      <c r="D14097" s="2">
        <v>166925</v>
      </c>
      <c r="E14097" s="1" t="s">
        <v>0</v>
      </c>
    </row>
    <row r="14098" spans="1:5" x14ac:dyDescent="0.25">
      <c r="A14098" s="1" t="s">
        <v>2577</v>
      </c>
      <c r="B14098" s="1" t="s">
        <v>60047</v>
      </c>
      <c r="C14098" s="1" t="s">
        <v>32483</v>
      </c>
      <c r="D14098" s="2">
        <v>166926</v>
      </c>
      <c r="E14098" s="1" t="s">
        <v>0</v>
      </c>
    </row>
    <row r="14099" spans="1:5" x14ac:dyDescent="0.25">
      <c r="A14099" s="1" t="s">
        <v>32484</v>
      </c>
      <c r="B14099" s="1" t="s">
        <v>60048</v>
      </c>
      <c r="C14099" s="1" t="s">
        <v>32485</v>
      </c>
      <c r="D14099" s="2">
        <v>166927</v>
      </c>
      <c r="E14099" s="1" t="s">
        <v>0</v>
      </c>
    </row>
    <row r="14100" spans="1:5" ht="409.5" x14ac:dyDescent="0.25">
      <c r="A14100" s="4" t="s">
        <v>32486</v>
      </c>
      <c r="B14100" s="1" t="s">
        <v>60049</v>
      </c>
      <c r="C14100" s="1" t="s">
        <v>32487</v>
      </c>
      <c r="D14100" s="2">
        <v>166928</v>
      </c>
      <c r="E14100" s="1" t="s">
        <v>0</v>
      </c>
    </row>
    <row r="14101" spans="1:5" x14ac:dyDescent="0.25">
      <c r="A14101" s="1" t="s">
        <v>32488</v>
      </c>
      <c r="B14101" s="1" t="s">
        <v>57546</v>
      </c>
      <c r="C14101" s="1" t="s">
        <v>32489</v>
      </c>
      <c r="D14101" s="2">
        <v>166929</v>
      </c>
      <c r="E14101" s="1" t="s">
        <v>0</v>
      </c>
    </row>
    <row r="14102" spans="1:5" x14ac:dyDescent="0.25">
      <c r="A14102" s="2">
        <v>2820</v>
      </c>
      <c r="B14102" s="2">
        <v>2820</v>
      </c>
      <c r="C14102" s="1" t="s">
        <v>0</v>
      </c>
      <c r="D14102" s="2">
        <v>166930</v>
      </c>
      <c r="E14102" s="1" t="s">
        <v>0</v>
      </c>
    </row>
    <row r="14103" spans="1:5" x14ac:dyDescent="0.25">
      <c r="A14103" s="1" t="s">
        <v>2578</v>
      </c>
      <c r="B14103" s="1" t="s">
        <v>9074</v>
      </c>
      <c r="C14103" s="1" t="s">
        <v>32490</v>
      </c>
      <c r="D14103" s="2">
        <v>166931</v>
      </c>
      <c r="E14103" s="1" t="s">
        <v>0</v>
      </c>
    </row>
    <row r="14104" spans="1:5" x14ac:dyDescent="0.25">
      <c r="A14104" s="1" t="s">
        <v>32491</v>
      </c>
      <c r="B14104" s="1" t="s">
        <v>9075</v>
      </c>
      <c r="C14104" s="1" t="s">
        <v>32492</v>
      </c>
      <c r="D14104" s="2">
        <v>166932</v>
      </c>
      <c r="E14104" s="1" t="s">
        <v>0</v>
      </c>
    </row>
    <row r="14105" spans="1:5" ht="409.5" x14ac:dyDescent="0.25">
      <c r="A14105" s="4" t="s">
        <v>32493</v>
      </c>
      <c r="B14105" s="1" t="s">
        <v>60621</v>
      </c>
      <c r="C14105" s="1" t="s">
        <v>32494</v>
      </c>
      <c r="D14105" s="2">
        <v>166933</v>
      </c>
      <c r="E14105" s="1" t="s">
        <v>0</v>
      </c>
    </row>
    <row r="14106" spans="1:5" x14ac:dyDescent="0.25">
      <c r="A14106" s="1" t="s">
        <v>32495</v>
      </c>
      <c r="B14106" s="1" t="s">
        <v>9076</v>
      </c>
      <c r="C14106" s="1" t="s">
        <v>32496</v>
      </c>
      <c r="D14106" s="2">
        <v>166934</v>
      </c>
      <c r="E14106" s="1" t="s">
        <v>0</v>
      </c>
    </row>
    <row r="14107" spans="1:5" x14ac:dyDescent="0.25">
      <c r="A14107" s="2">
        <v>2821</v>
      </c>
      <c r="B14107" s="2">
        <v>2821</v>
      </c>
      <c r="C14107" s="1" t="s">
        <v>0</v>
      </c>
      <c r="D14107" s="2">
        <v>166935</v>
      </c>
      <c r="E14107" s="1" t="s">
        <v>0</v>
      </c>
    </row>
    <row r="14108" spans="1:5" x14ac:dyDescent="0.25">
      <c r="A14108" s="1" t="s">
        <v>2579</v>
      </c>
      <c r="B14108" s="1" t="s">
        <v>9077</v>
      </c>
      <c r="C14108" s="1" t="s">
        <v>32497</v>
      </c>
      <c r="D14108" s="2">
        <v>166936</v>
      </c>
      <c r="E14108" s="1" t="s">
        <v>0</v>
      </c>
    </row>
    <row r="14109" spans="1:5" x14ac:dyDescent="0.25">
      <c r="A14109" s="1" t="s">
        <v>32498</v>
      </c>
      <c r="B14109" s="1" t="s">
        <v>57866</v>
      </c>
      <c r="C14109" s="1" t="s">
        <v>32499</v>
      </c>
      <c r="D14109" s="2">
        <v>166937</v>
      </c>
      <c r="E14109" s="1" t="s">
        <v>0</v>
      </c>
    </row>
    <row r="14110" spans="1:5" ht="409.5" x14ac:dyDescent="0.25">
      <c r="A14110" s="4" t="s">
        <v>32500</v>
      </c>
      <c r="B14110" s="1" t="s">
        <v>59636</v>
      </c>
      <c r="C14110" s="1" t="s">
        <v>32501</v>
      </c>
      <c r="D14110" s="2">
        <v>166938</v>
      </c>
      <c r="E14110" s="1" t="s">
        <v>0</v>
      </c>
    </row>
    <row r="14111" spans="1:5" x14ac:dyDescent="0.25">
      <c r="A14111" s="1" t="s">
        <v>32502</v>
      </c>
      <c r="B14111" s="1" t="s">
        <v>54147</v>
      </c>
      <c r="C14111" s="1" t="s">
        <v>32503</v>
      </c>
      <c r="D14111" s="2">
        <v>166939</v>
      </c>
      <c r="E14111" s="1" t="s">
        <v>0</v>
      </c>
    </row>
    <row r="14112" spans="1:5" x14ac:dyDescent="0.25">
      <c r="A14112" s="2">
        <v>2822</v>
      </c>
      <c r="B14112" s="2">
        <v>2822</v>
      </c>
      <c r="C14112" s="1" t="s">
        <v>0</v>
      </c>
      <c r="D14112" s="2">
        <v>166940</v>
      </c>
      <c r="E14112" s="1" t="s">
        <v>0</v>
      </c>
    </row>
    <row r="14113" spans="1:5" x14ac:dyDescent="0.25">
      <c r="A14113" s="1" t="s">
        <v>2580</v>
      </c>
      <c r="B14113" s="1" t="s">
        <v>9078</v>
      </c>
      <c r="C14113" s="1" t="s">
        <v>32504</v>
      </c>
      <c r="D14113" s="2">
        <v>166941</v>
      </c>
      <c r="E14113" s="1" t="s">
        <v>0</v>
      </c>
    </row>
    <row r="14114" spans="1:5" x14ac:dyDescent="0.25">
      <c r="A14114" s="1" t="s">
        <v>32505</v>
      </c>
      <c r="B14114" s="1" t="s">
        <v>9079</v>
      </c>
      <c r="C14114" s="1" t="s">
        <v>32506</v>
      </c>
      <c r="D14114" s="2">
        <v>166942</v>
      </c>
      <c r="E14114" s="1" t="s">
        <v>0</v>
      </c>
    </row>
    <row r="14115" spans="1:5" ht="409.5" x14ac:dyDescent="0.25">
      <c r="A14115" s="4" t="s">
        <v>32507</v>
      </c>
      <c r="B14115" s="1" t="s">
        <v>50762</v>
      </c>
      <c r="C14115" s="1" t="s">
        <v>32508</v>
      </c>
      <c r="D14115" s="2">
        <v>166943</v>
      </c>
      <c r="E14115" s="1" t="s">
        <v>0</v>
      </c>
    </row>
    <row r="14116" spans="1:5" x14ac:dyDescent="0.25">
      <c r="A14116" s="1" t="s">
        <v>32509</v>
      </c>
      <c r="B14116" s="1" t="s">
        <v>54148</v>
      </c>
      <c r="C14116" s="1" t="s">
        <v>32510</v>
      </c>
      <c r="D14116" s="2">
        <v>166944</v>
      </c>
      <c r="E14116" s="1" t="s">
        <v>0</v>
      </c>
    </row>
    <row r="14117" spans="1:5" x14ac:dyDescent="0.25">
      <c r="A14117" s="2">
        <v>2823</v>
      </c>
      <c r="B14117" s="2">
        <v>2823</v>
      </c>
      <c r="C14117" s="1" t="s">
        <v>0</v>
      </c>
      <c r="D14117" s="2">
        <v>166945</v>
      </c>
      <c r="E14117" s="1" t="s">
        <v>0</v>
      </c>
    </row>
    <row r="14118" spans="1:5" x14ac:dyDescent="0.25">
      <c r="A14118" s="1" t="s">
        <v>2581</v>
      </c>
      <c r="B14118" s="1" t="s">
        <v>9080</v>
      </c>
      <c r="C14118" s="1" t="s">
        <v>32511</v>
      </c>
      <c r="D14118" s="2">
        <v>166946</v>
      </c>
      <c r="E14118" s="1" t="s">
        <v>0</v>
      </c>
    </row>
    <row r="14119" spans="1:5" x14ac:dyDescent="0.25">
      <c r="A14119" s="1" t="s">
        <v>32512</v>
      </c>
      <c r="B14119" s="1" t="s">
        <v>50763</v>
      </c>
      <c r="C14119" s="1" t="s">
        <v>32513</v>
      </c>
      <c r="D14119" s="2">
        <v>166947</v>
      </c>
      <c r="E14119" s="1" t="s">
        <v>0</v>
      </c>
    </row>
    <row r="14120" spans="1:5" ht="409.5" x14ac:dyDescent="0.25">
      <c r="A14120" s="4" t="s">
        <v>32514</v>
      </c>
      <c r="B14120" s="1" t="s">
        <v>63381</v>
      </c>
      <c r="C14120" s="1" t="s">
        <v>32515</v>
      </c>
      <c r="D14120" s="2">
        <v>166948</v>
      </c>
      <c r="E14120" s="1" t="s">
        <v>0</v>
      </c>
    </row>
    <row r="14121" spans="1:5" x14ac:dyDescent="0.25">
      <c r="A14121" s="1" t="s">
        <v>32516</v>
      </c>
      <c r="B14121" s="1" t="s">
        <v>9081</v>
      </c>
      <c r="C14121" s="1" t="s">
        <v>32517</v>
      </c>
      <c r="D14121" s="2">
        <v>166949</v>
      </c>
      <c r="E14121" s="1" t="s">
        <v>0</v>
      </c>
    </row>
    <row r="14122" spans="1:5" x14ac:dyDescent="0.25">
      <c r="A14122" s="2">
        <v>2824</v>
      </c>
      <c r="B14122" s="2">
        <v>2824</v>
      </c>
      <c r="C14122" s="1" t="s">
        <v>0</v>
      </c>
      <c r="D14122" s="2">
        <v>166950</v>
      </c>
      <c r="E14122" s="1" t="s">
        <v>0</v>
      </c>
    </row>
    <row r="14123" spans="1:5" x14ac:dyDescent="0.25">
      <c r="A14123" s="1" t="s">
        <v>13161</v>
      </c>
      <c r="B14123" s="1" t="s">
        <v>54149</v>
      </c>
      <c r="C14123" s="1" t="s">
        <v>32518</v>
      </c>
      <c r="D14123" s="2">
        <v>166951</v>
      </c>
      <c r="E14123" s="1" t="s">
        <v>0</v>
      </c>
    </row>
    <row r="14124" spans="1:5" x14ac:dyDescent="0.25">
      <c r="A14124" s="1" t="s">
        <v>32519</v>
      </c>
      <c r="B14124" s="1" t="s">
        <v>57547</v>
      </c>
      <c r="C14124" s="1" t="s">
        <v>32520</v>
      </c>
      <c r="D14124" s="2">
        <v>166952</v>
      </c>
      <c r="E14124" s="1" t="s">
        <v>0</v>
      </c>
    </row>
    <row r="14125" spans="1:5" ht="409.5" x14ac:dyDescent="0.25">
      <c r="A14125" s="4" t="s">
        <v>32521</v>
      </c>
      <c r="B14125" s="1" t="s">
        <v>57548</v>
      </c>
      <c r="C14125" s="1" t="s">
        <v>32522</v>
      </c>
      <c r="D14125" s="2">
        <v>166953</v>
      </c>
      <c r="E14125" s="1" t="s">
        <v>0</v>
      </c>
    </row>
    <row r="14126" spans="1:5" x14ac:dyDescent="0.25">
      <c r="A14126" s="1" t="s">
        <v>32523</v>
      </c>
      <c r="B14126" s="1" t="s">
        <v>54150</v>
      </c>
      <c r="C14126" s="1" t="s">
        <v>32524</v>
      </c>
      <c r="D14126" s="2">
        <v>166954</v>
      </c>
      <c r="E14126" s="1" t="s">
        <v>0</v>
      </c>
    </row>
    <row r="14127" spans="1:5" x14ac:dyDescent="0.25">
      <c r="A14127" s="2">
        <v>2825</v>
      </c>
      <c r="B14127" s="2">
        <v>2825</v>
      </c>
      <c r="C14127" s="1" t="s">
        <v>0</v>
      </c>
      <c r="D14127" s="2">
        <v>166955</v>
      </c>
      <c r="E14127" s="1" t="s">
        <v>0</v>
      </c>
    </row>
    <row r="14128" spans="1:5" x14ac:dyDescent="0.25">
      <c r="A14128" s="1" t="s">
        <v>2582</v>
      </c>
      <c r="B14128" s="1" t="s">
        <v>9082</v>
      </c>
      <c r="C14128" s="1" t="s">
        <v>32525</v>
      </c>
      <c r="D14128" s="2">
        <v>166956</v>
      </c>
      <c r="E14128" s="1" t="s">
        <v>0</v>
      </c>
    </row>
    <row r="14129" spans="1:5" x14ac:dyDescent="0.25">
      <c r="A14129" s="1" t="s">
        <v>32526</v>
      </c>
      <c r="B14129" s="1" t="s">
        <v>61165</v>
      </c>
      <c r="C14129" s="1" t="s">
        <v>32527</v>
      </c>
      <c r="D14129" s="2">
        <v>166957</v>
      </c>
      <c r="E14129" s="1" t="s">
        <v>0</v>
      </c>
    </row>
    <row r="14130" spans="1:5" ht="409.5" x14ac:dyDescent="0.25">
      <c r="A14130" s="4" t="s">
        <v>32528</v>
      </c>
      <c r="B14130" s="1" t="s">
        <v>61166</v>
      </c>
      <c r="C14130" s="1" t="s">
        <v>32529</v>
      </c>
      <c r="D14130" s="2">
        <v>166958</v>
      </c>
      <c r="E14130" s="1" t="s">
        <v>0</v>
      </c>
    </row>
    <row r="14131" spans="1:5" x14ac:dyDescent="0.25">
      <c r="A14131" s="1" t="s">
        <v>32530</v>
      </c>
      <c r="B14131" s="1" t="s">
        <v>61167</v>
      </c>
      <c r="C14131" s="1" t="s">
        <v>32531</v>
      </c>
      <c r="D14131" s="2">
        <v>166959</v>
      </c>
      <c r="E14131" s="1" t="s">
        <v>0</v>
      </c>
    </row>
    <row r="14132" spans="1:5" x14ac:dyDescent="0.25">
      <c r="A14132" s="2">
        <v>2826</v>
      </c>
      <c r="B14132" s="2">
        <v>2826</v>
      </c>
      <c r="C14132" s="1" t="s">
        <v>0</v>
      </c>
      <c r="D14132" s="2">
        <v>166960</v>
      </c>
      <c r="E14132" s="1" t="s">
        <v>0</v>
      </c>
    </row>
    <row r="14133" spans="1:5" x14ac:dyDescent="0.25">
      <c r="A14133" s="1" t="s">
        <v>2583</v>
      </c>
      <c r="B14133" s="1" t="s">
        <v>9083</v>
      </c>
      <c r="C14133" s="1" t="s">
        <v>32532</v>
      </c>
      <c r="D14133" s="2">
        <v>166961</v>
      </c>
      <c r="E14133" s="1" t="s">
        <v>0</v>
      </c>
    </row>
    <row r="14134" spans="1:5" x14ac:dyDescent="0.25">
      <c r="A14134" s="1" t="s">
        <v>32533</v>
      </c>
      <c r="B14134" s="1" t="s">
        <v>61505</v>
      </c>
      <c r="C14134" s="1" t="s">
        <v>32534</v>
      </c>
      <c r="D14134" s="2">
        <v>166962</v>
      </c>
      <c r="E14134" s="1" t="s">
        <v>0</v>
      </c>
    </row>
    <row r="14135" spans="1:5" ht="409.5" x14ac:dyDescent="0.25">
      <c r="A14135" s="4" t="s">
        <v>32535</v>
      </c>
      <c r="B14135" s="1" t="s">
        <v>61506</v>
      </c>
      <c r="C14135" s="1" t="s">
        <v>32536</v>
      </c>
      <c r="D14135" s="2">
        <v>166963</v>
      </c>
      <c r="E14135" s="1" t="s">
        <v>0</v>
      </c>
    </row>
    <row r="14136" spans="1:5" x14ac:dyDescent="0.25">
      <c r="A14136" s="1" t="s">
        <v>32537</v>
      </c>
      <c r="B14136" s="1" t="s">
        <v>54151</v>
      </c>
      <c r="C14136" s="1" t="s">
        <v>32538</v>
      </c>
      <c r="D14136" s="2">
        <v>166964</v>
      </c>
      <c r="E14136" s="1" t="s">
        <v>0</v>
      </c>
    </row>
    <row r="14137" spans="1:5" x14ac:dyDescent="0.25">
      <c r="A14137" s="2">
        <v>2827</v>
      </c>
      <c r="B14137" s="2">
        <v>2827</v>
      </c>
      <c r="C14137" s="1" t="s">
        <v>0</v>
      </c>
      <c r="D14137" s="2">
        <v>166965</v>
      </c>
      <c r="E14137" s="1" t="s">
        <v>0</v>
      </c>
    </row>
    <row r="14138" spans="1:5" x14ac:dyDescent="0.25">
      <c r="A14138" s="1" t="s">
        <v>2584</v>
      </c>
      <c r="B14138" s="1" t="s">
        <v>9084</v>
      </c>
      <c r="C14138" s="1" t="s">
        <v>32539</v>
      </c>
      <c r="D14138" s="2">
        <v>166966</v>
      </c>
      <c r="E14138" s="1" t="s">
        <v>0</v>
      </c>
    </row>
    <row r="14139" spans="1:5" x14ac:dyDescent="0.25">
      <c r="A14139" s="1" t="s">
        <v>32540</v>
      </c>
      <c r="B14139" s="1" t="s">
        <v>62580</v>
      </c>
      <c r="C14139" s="1" t="s">
        <v>32541</v>
      </c>
      <c r="D14139" s="2">
        <v>166967</v>
      </c>
      <c r="E14139" s="1" t="s">
        <v>0</v>
      </c>
    </row>
    <row r="14140" spans="1:5" ht="409.5" x14ac:dyDescent="0.25">
      <c r="A14140" s="4" t="s">
        <v>32542</v>
      </c>
      <c r="B14140" s="1" t="s">
        <v>62581</v>
      </c>
      <c r="C14140" s="1" t="s">
        <v>32543</v>
      </c>
      <c r="D14140" s="2">
        <v>166968</v>
      </c>
      <c r="E14140" s="1" t="s">
        <v>0</v>
      </c>
    </row>
    <row r="14141" spans="1:5" x14ac:dyDescent="0.25">
      <c r="A14141" s="1" t="s">
        <v>32544</v>
      </c>
      <c r="B14141" s="1" t="s">
        <v>54152</v>
      </c>
      <c r="C14141" s="1" t="s">
        <v>32545</v>
      </c>
      <c r="D14141" s="2">
        <v>166969</v>
      </c>
      <c r="E14141" s="1" t="s">
        <v>0</v>
      </c>
    </row>
    <row r="14142" spans="1:5" x14ac:dyDescent="0.25">
      <c r="A14142" s="2">
        <v>2828</v>
      </c>
      <c r="B14142" s="2">
        <v>2828</v>
      </c>
      <c r="C14142" s="1" t="s">
        <v>0</v>
      </c>
      <c r="D14142" s="2">
        <v>166970</v>
      </c>
      <c r="E14142" s="1" t="s">
        <v>0</v>
      </c>
    </row>
    <row r="14143" spans="1:5" x14ac:dyDescent="0.25">
      <c r="A14143" s="1" t="s">
        <v>2585</v>
      </c>
      <c r="B14143" s="1" t="s">
        <v>54153</v>
      </c>
      <c r="C14143" s="1" t="s">
        <v>32546</v>
      </c>
      <c r="D14143" s="2">
        <v>166971</v>
      </c>
      <c r="E14143" s="1" t="s">
        <v>0</v>
      </c>
    </row>
    <row r="14144" spans="1:5" x14ac:dyDescent="0.25">
      <c r="A14144" s="1" t="s">
        <v>32547</v>
      </c>
      <c r="B14144" s="1" t="s">
        <v>61168</v>
      </c>
      <c r="C14144" s="1" t="s">
        <v>32548</v>
      </c>
      <c r="D14144" s="2">
        <v>166972</v>
      </c>
      <c r="E14144" s="1" t="s">
        <v>0</v>
      </c>
    </row>
    <row r="14145" spans="1:5" ht="409.5" x14ac:dyDescent="0.25">
      <c r="A14145" s="4" t="s">
        <v>32549</v>
      </c>
      <c r="B14145" s="1" t="s">
        <v>61169</v>
      </c>
      <c r="C14145" s="1" t="s">
        <v>32550</v>
      </c>
      <c r="D14145" s="2">
        <v>166973</v>
      </c>
      <c r="E14145" s="1" t="s">
        <v>0</v>
      </c>
    </row>
    <row r="14146" spans="1:5" x14ac:dyDescent="0.25">
      <c r="A14146" s="1" t="s">
        <v>32551</v>
      </c>
      <c r="B14146" s="1" t="s">
        <v>54154</v>
      </c>
      <c r="C14146" s="1" t="s">
        <v>32552</v>
      </c>
      <c r="D14146" s="2">
        <v>166974</v>
      </c>
      <c r="E14146" s="1" t="s">
        <v>0</v>
      </c>
    </row>
    <row r="14147" spans="1:5" x14ac:dyDescent="0.25">
      <c r="A14147" s="2">
        <v>2829</v>
      </c>
      <c r="B14147" s="2">
        <v>2829</v>
      </c>
      <c r="C14147" s="1" t="s">
        <v>0</v>
      </c>
      <c r="D14147" s="2">
        <v>166975</v>
      </c>
      <c r="E14147" s="1" t="s">
        <v>0</v>
      </c>
    </row>
    <row r="14148" spans="1:5" x14ac:dyDescent="0.25">
      <c r="A14148" s="1" t="s">
        <v>32553</v>
      </c>
      <c r="B14148" s="1" t="s">
        <v>9085</v>
      </c>
      <c r="C14148" s="1" t="s">
        <v>32554</v>
      </c>
      <c r="D14148" s="2">
        <v>166976</v>
      </c>
      <c r="E14148" s="1" t="s">
        <v>0</v>
      </c>
    </row>
    <row r="14149" spans="1:5" x14ac:dyDescent="0.25">
      <c r="A14149" s="1" t="s">
        <v>32555</v>
      </c>
      <c r="B14149" s="1" t="s">
        <v>63726</v>
      </c>
      <c r="C14149" s="1" t="s">
        <v>32556</v>
      </c>
      <c r="D14149" s="2">
        <v>166977</v>
      </c>
      <c r="E14149" s="1" t="s">
        <v>0</v>
      </c>
    </row>
    <row r="14150" spans="1:5" ht="409.5" x14ac:dyDescent="0.25">
      <c r="A14150" s="4" t="s">
        <v>32557</v>
      </c>
      <c r="B14150" s="1" t="s">
        <v>63727</v>
      </c>
      <c r="C14150" s="1" t="s">
        <v>32558</v>
      </c>
      <c r="D14150" s="2">
        <v>166978</v>
      </c>
      <c r="E14150" s="1" t="s">
        <v>0</v>
      </c>
    </row>
    <row r="14151" spans="1:5" x14ac:dyDescent="0.25">
      <c r="A14151" s="1" t="s">
        <v>32559</v>
      </c>
      <c r="B14151" s="1" t="s">
        <v>61170</v>
      </c>
      <c r="C14151" s="1" t="s">
        <v>32560</v>
      </c>
      <c r="D14151" s="2">
        <v>166979</v>
      </c>
      <c r="E14151" s="1" t="s">
        <v>0</v>
      </c>
    </row>
    <row r="14152" spans="1:5" x14ac:dyDescent="0.25">
      <c r="A14152" s="2">
        <v>2830</v>
      </c>
      <c r="B14152" s="2">
        <v>2830</v>
      </c>
      <c r="C14152" s="1" t="s">
        <v>0</v>
      </c>
      <c r="D14152" s="2">
        <v>166980</v>
      </c>
      <c r="E14152" s="1" t="s">
        <v>0</v>
      </c>
    </row>
    <row r="14153" spans="1:5" x14ac:dyDescent="0.25">
      <c r="A14153" s="1" t="s">
        <v>9086</v>
      </c>
      <c r="B14153" s="1" t="s">
        <v>9087</v>
      </c>
      <c r="C14153" s="1" t="s">
        <v>32561</v>
      </c>
      <c r="D14153" s="2">
        <v>166981</v>
      </c>
      <c r="E14153" s="1" t="s">
        <v>0</v>
      </c>
    </row>
    <row r="14154" spans="1:5" x14ac:dyDescent="0.25">
      <c r="A14154" s="1" t="s">
        <v>32562</v>
      </c>
      <c r="B14154" s="1" t="s">
        <v>9088</v>
      </c>
      <c r="C14154" s="1" t="s">
        <v>32563</v>
      </c>
      <c r="D14154" s="2">
        <v>166982</v>
      </c>
      <c r="E14154" s="1" t="s">
        <v>0</v>
      </c>
    </row>
    <row r="14155" spans="1:5" ht="409.5" x14ac:dyDescent="0.25">
      <c r="A14155" s="4" t="s">
        <v>32564</v>
      </c>
      <c r="B14155" s="1" t="s">
        <v>32565</v>
      </c>
      <c r="C14155" s="1" t="s">
        <v>32566</v>
      </c>
      <c r="D14155" s="2">
        <v>166983</v>
      </c>
      <c r="E14155" s="1" t="s">
        <v>0</v>
      </c>
    </row>
    <row r="14156" spans="1:5" x14ac:dyDescent="0.25">
      <c r="A14156" s="1" t="s">
        <v>32567</v>
      </c>
      <c r="B14156" s="1" t="s">
        <v>54155</v>
      </c>
      <c r="C14156" s="1" t="s">
        <v>32568</v>
      </c>
      <c r="D14156" s="2">
        <v>166984</v>
      </c>
      <c r="E14156" s="1" t="s">
        <v>0</v>
      </c>
    </row>
    <row r="14157" spans="1:5" x14ac:dyDescent="0.25">
      <c r="A14157" s="2">
        <v>2831</v>
      </c>
      <c r="B14157" s="2">
        <v>2831</v>
      </c>
      <c r="C14157" s="1" t="s">
        <v>0</v>
      </c>
      <c r="D14157" s="2">
        <v>166985</v>
      </c>
      <c r="E14157" s="1" t="s">
        <v>0</v>
      </c>
    </row>
    <row r="14158" spans="1:5" x14ac:dyDescent="0.25">
      <c r="A14158" s="1" t="s">
        <v>2586</v>
      </c>
      <c r="B14158" s="1" t="s">
        <v>9089</v>
      </c>
      <c r="C14158" s="1" t="s">
        <v>32569</v>
      </c>
      <c r="D14158" s="2">
        <v>166986</v>
      </c>
      <c r="E14158" s="1" t="s">
        <v>0</v>
      </c>
    </row>
    <row r="14159" spans="1:5" x14ac:dyDescent="0.25">
      <c r="A14159" s="1" t="s">
        <v>32570</v>
      </c>
      <c r="B14159" s="1" t="s">
        <v>9090</v>
      </c>
      <c r="C14159" s="1" t="s">
        <v>32571</v>
      </c>
      <c r="D14159" s="2">
        <v>166987</v>
      </c>
      <c r="E14159" s="1" t="s">
        <v>0</v>
      </c>
    </row>
    <row r="14160" spans="1:5" ht="409.5" x14ac:dyDescent="0.25">
      <c r="A14160" s="4" t="s">
        <v>32572</v>
      </c>
      <c r="B14160" s="1" t="s">
        <v>63382</v>
      </c>
      <c r="C14160" s="1" t="s">
        <v>32573</v>
      </c>
      <c r="D14160" s="2">
        <v>166988</v>
      </c>
      <c r="E14160" s="1" t="s">
        <v>0</v>
      </c>
    </row>
    <row r="14161" spans="1:5" x14ac:dyDescent="0.25">
      <c r="A14161" s="1" t="s">
        <v>32574</v>
      </c>
      <c r="B14161" s="1" t="s">
        <v>9091</v>
      </c>
      <c r="C14161" s="1" t="s">
        <v>32575</v>
      </c>
      <c r="D14161" s="2">
        <v>166989</v>
      </c>
      <c r="E14161" s="1" t="s">
        <v>0</v>
      </c>
    </row>
    <row r="14162" spans="1:5" x14ac:dyDescent="0.25">
      <c r="A14162" s="2">
        <v>2832</v>
      </c>
      <c r="B14162" s="2">
        <v>2832</v>
      </c>
      <c r="C14162" s="1" t="s">
        <v>0</v>
      </c>
      <c r="D14162" s="2">
        <v>166990</v>
      </c>
      <c r="E14162" s="1" t="s">
        <v>0</v>
      </c>
    </row>
    <row r="14163" spans="1:5" x14ac:dyDescent="0.25">
      <c r="A14163" s="1" t="s">
        <v>2587</v>
      </c>
      <c r="B14163" s="1" t="s">
        <v>9092</v>
      </c>
      <c r="C14163" s="1" t="s">
        <v>32576</v>
      </c>
      <c r="D14163" s="2">
        <v>166991</v>
      </c>
      <c r="E14163" s="1" t="s">
        <v>0</v>
      </c>
    </row>
    <row r="14164" spans="1:5" x14ac:dyDescent="0.25">
      <c r="A14164" s="1" t="s">
        <v>64199</v>
      </c>
      <c r="B14164" s="1" t="s">
        <v>9093</v>
      </c>
      <c r="C14164" s="1" t="s">
        <v>32577</v>
      </c>
      <c r="D14164" s="2">
        <v>166992</v>
      </c>
      <c r="E14164" s="1" t="s">
        <v>0</v>
      </c>
    </row>
    <row r="14165" spans="1:5" ht="409.5" x14ac:dyDescent="0.25">
      <c r="A14165" s="4" t="s">
        <v>64200</v>
      </c>
      <c r="B14165" s="1" t="s">
        <v>61507</v>
      </c>
      <c r="C14165" s="1" t="s">
        <v>32578</v>
      </c>
      <c r="D14165" s="2">
        <v>166993</v>
      </c>
      <c r="E14165" s="1" t="s">
        <v>0</v>
      </c>
    </row>
    <row r="14166" spans="1:5" x14ac:dyDescent="0.25">
      <c r="A14166" s="1" t="s">
        <v>32579</v>
      </c>
      <c r="B14166" s="1" t="s">
        <v>54156</v>
      </c>
      <c r="C14166" s="1" t="s">
        <v>32580</v>
      </c>
      <c r="D14166" s="2">
        <v>166994</v>
      </c>
      <c r="E14166" s="1" t="s">
        <v>0</v>
      </c>
    </row>
    <row r="14167" spans="1:5" x14ac:dyDescent="0.25">
      <c r="A14167" s="2">
        <v>2833</v>
      </c>
      <c r="B14167" s="2">
        <v>2833</v>
      </c>
      <c r="C14167" s="1" t="s">
        <v>0</v>
      </c>
      <c r="D14167" s="2">
        <v>166995</v>
      </c>
      <c r="E14167" s="1" t="s">
        <v>0</v>
      </c>
    </row>
    <row r="14168" spans="1:5" x14ac:dyDescent="0.25">
      <c r="A14168" s="1" t="s">
        <v>2588</v>
      </c>
      <c r="B14168" s="1" t="s">
        <v>50764</v>
      </c>
      <c r="C14168" s="1" t="s">
        <v>32581</v>
      </c>
      <c r="D14168" s="2">
        <v>166996</v>
      </c>
      <c r="E14168" s="1" t="s">
        <v>0</v>
      </c>
    </row>
    <row r="14169" spans="1:5" x14ac:dyDescent="0.25">
      <c r="A14169" s="1" t="s">
        <v>32582</v>
      </c>
      <c r="B14169" s="1" t="s">
        <v>54157</v>
      </c>
      <c r="C14169" s="1" t="s">
        <v>32583</v>
      </c>
      <c r="D14169" s="2">
        <v>166997</v>
      </c>
      <c r="E14169" s="1" t="s">
        <v>0</v>
      </c>
    </row>
    <row r="14170" spans="1:5" ht="409.5" x14ac:dyDescent="0.25">
      <c r="A14170" s="4" t="s">
        <v>32584</v>
      </c>
      <c r="B14170" s="1" t="s">
        <v>54158</v>
      </c>
      <c r="C14170" s="1" t="s">
        <v>32585</v>
      </c>
      <c r="D14170" s="2">
        <v>166998</v>
      </c>
      <c r="E14170" s="1" t="s">
        <v>0</v>
      </c>
    </row>
    <row r="14171" spans="1:5" x14ac:dyDescent="0.25">
      <c r="A14171" s="1" t="s">
        <v>32586</v>
      </c>
      <c r="B14171" s="1" t="s">
        <v>9094</v>
      </c>
      <c r="C14171" s="1" t="s">
        <v>32587</v>
      </c>
      <c r="D14171" s="2">
        <v>166999</v>
      </c>
      <c r="E14171" s="1" t="s">
        <v>0</v>
      </c>
    </row>
    <row r="14172" spans="1:5" x14ac:dyDescent="0.25">
      <c r="A14172" s="2">
        <v>2834</v>
      </c>
      <c r="B14172" s="2">
        <v>2834</v>
      </c>
      <c r="C14172" s="1" t="s">
        <v>0</v>
      </c>
      <c r="D14172" s="2">
        <v>167000</v>
      </c>
      <c r="E14172" s="1" t="s">
        <v>0</v>
      </c>
    </row>
    <row r="14173" spans="1:5" x14ac:dyDescent="0.25">
      <c r="A14173" s="1" t="s">
        <v>2589</v>
      </c>
      <c r="B14173" s="1" t="s">
        <v>9095</v>
      </c>
      <c r="C14173" s="1" t="s">
        <v>32588</v>
      </c>
      <c r="D14173" s="2">
        <v>167001</v>
      </c>
      <c r="E14173" s="1" t="s">
        <v>0</v>
      </c>
    </row>
    <row r="14174" spans="1:5" x14ac:dyDescent="0.25">
      <c r="A14174" s="1" t="s">
        <v>32589</v>
      </c>
      <c r="B14174" s="1" t="s">
        <v>50765</v>
      </c>
      <c r="C14174" s="1" t="s">
        <v>32590</v>
      </c>
      <c r="D14174" s="2">
        <v>167002</v>
      </c>
      <c r="E14174" s="1" t="s">
        <v>0</v>
      </c>
    </row>
    <row r="14175" spans="1:5" ht="409.5" x14ac:dyDescent="0.25">
      <c r="A14175" s="4" t="s">
        <v>32591</v>
      </c>
      <c r="B14175" s="1" t="s">
        <v>63728</v>
      </c>
      <c r="C14175" s="1" t="s">
        <v>32592</v>
      </c>
      <c r="D14175" s="2">
        <v>167003</v>
      </c>
      <c r="E14175" s="1" t="s">
        <v>0</v>
      </c>
    </row>
    <row r="14176" spans="1:5" x14ac:dyDescent="0.25">
      <c r="A14176" s="1" t="s">
        <v>32593</v>
      </c>
      <c r="B14176" s="1" t="s">
        <v>54159</v>
      </c>
      <c r="C14176" s="1" t="s">
        <v>32594</v>
      </c>
      <c r="D14176" s="2">
        <v>167004</v>
      </c>
      <c r="E14176" s="1" t="s">
        <v>0</v>
      </c>
    </row>
    <row r="14177" spans="1:5" x14ac:dyDescent="0.25">
      <c r="A14177" s="2">
        <v>2835</v>
      </c>
      <c r="B14177" s="2">
        <v>2835</v>
      </c>
      <c r="C14177" s="1" t="s">
        <v>0</v>
      </c>
      <c r="D14177" s="2">
        <v>167005</v>
      </c>
      <c r="E14177" s="1" t="s">
        <v>0</v>
      </c>
    </row>
    <row r="14178" spans="1:5" x14ac:dyDescent="0.25">
      <c r="A14178" s="1" t="s">
        <v>2590</v>
      </c>
      <c r="B14178" s="1" t="s">
        <v>9096</v>
      </c>
      <c r="C14178" s="1" t="s">
        <v>32595</v>
      </c>
      <c r="D14178" s="2">
        <v>167006</v>
      </c>
      <c r="E14178" s="1" t="s">
        <v>0</v>
      </c>
    </row>
    <row r="14179" spans="1:5" x14ac:dyDescent="0.25">
      <c r="A14179" s="1" t="s">
        <v>32596</v>
      </c>
      <c r="B14179" s="1" t="s">
        <v>58412</v>
      </c>
      <c r="C14179" s="1" t="s">
        <v>32597</v>
      </c>
      <c r="D14179" s="2">
        <v>167007</v>
      </c>
      <c r="E14179" s="1" t="s">
        <v>0</v>
      </c>
    </row>
    <row r="14180" spans="1:5" ht="409.5" x14ac:dyDescent="0.25">
      <c r="A14180" s="4" t="s">
        <v>32598</v>
      </c>
      <c r="B14180" s="1" t="s">
        <v>63383</v>
      </c>
      <c r="C14180" s="1" t="s">
        <v>32599</v>
      </c>
      <c r="D14180" s="2">
        <v>167008</v>
      </c>
      <c r="E14180" s="1" t="s">
        <v>0</v>
      </c>
    </row>
    <row r="14181" spans="1:5" x14ac:dyDescent="0.25">
      <c r="A14181" s="1" t="s">
        <v>32600</v>
      </c>
      <c r="B14181" s="1" t="s">
        <v>54160</v>
      </c>
      <c r="C14181" s="1" t="s">
        <v>32601</v>
      </c>
      <c r="D14181" s="2">
        <v>167009</v>
      </c>
      <c r="E14181" s="1" t="s">
        <v>0</v>
      </c>
    </row>
    <row r="14182" spans="1:5" x14ac:dyDescent="0.25">
      <c r="A14182" s="2">
        <v>2836</v>
      </c>
      <c r="B14182" s="2">
        <v>2836</v>
      </c>
      <c r="C14182" s="1" t="s">
        <v>0</v>
      </c>
      <c r="D14182" s="2">
        <v>167010</v>
      </c>
      <c r="E14182" s="1" t="s">
        <v>0</v>
      </c>
    </row>
    <row r="14183" spans="1:5" x14ac:dyDescent="0.25">
      <c r="A14183" s="1" t="s">
        <v>2591</v>
      </c>
      <c r="B14183" s="1" t="s">
        <v>9097</v>
      </c>
      <c r="C14183" s="1" t="s">
        <v>32602</v>
      </c>
      <c r="D14183" s="2">
        <v>167011</v>
      </c>
      <c r="E14183" s="1" t="s">
        <v>0</v>
      </c>
    </row>
    <row r="14184" spans="1:5" x14ac:dyDescent="0.25">
      <c r="A14184" s="1" t="s">
        <v>32603</v>
      </c>
      <c r="B14184" s="1" t="s">
        <v>61672</v>
      </c>
      <c r="C14184" s="1" t="s">
        <v>32604</v>
      </c>
      <c r="D14184" s="2">
        <v>167012</v>
      </c>
      <c r="E14184" s="1" t="s">
        <v>0</v>
      </c>
    </row>
    <row r="14185" spans="1:5" ht="409.5" x14ac:dyDescent="0.25">
      <c r="A14185" s="4" t="s">
        <v>32605</v>
      </c>
      <c r="B14185" s="1" t="s">
        <v>61673</v>
      </c>
      <c r="C14185" s="1" t="s">
        <v>32606</v>
      </c>
      <c r="D14185" s="2">
        <v>167013</v>
      </c>
      <c r="E14185" s="1" t="s">
        <v>0</v>
      </c>
    </row>
    <row r="14186" spans="1:5" x14ac:dyDescent="0.25">
      <c r="A14186" s="1" t="s">
        <v>32607</v>
      </c>
      <c r="B14186" s="1" t="s">
        <v>61674</v>
      </c>
      <c r="C14186" s="1" t="s">
        <v>32608</v>
      </c>
      <c r="D14186" s="2">
        <v>167014</v>
      </c>
      <c r="E14186" s="1" t="s">
        <v>0</v>
      </c>
    </row>
    <row r="14187" spans="1:5" x14ac:dyDescent="0.25">
      <c r="A14187" s="2">
        <v>2837</v>
      </c>
      <c r="B14187" s="2">
        <v>2837</v>
      </c>
      <c r="C14187" s="1" t="s">
        <v>0</v>
      </c>
      <c r="D14187" s="2">
        <v>167015</v>
      </c>
      <c r="E14187" s="1" t="s">
        <v>0</v>
      </c>
    </row>
    <row r="14188" spans="1:5" x14ac:dyDescent="0.25">
      <c r="A14188" s="1" t="s">
        <v>9098</v>
      </c>
      <c r="B14188" s="1" t="s">
        <v>9099</v>
      </c>
      <c r="C14188" s="1" t="s">
        <v>32609</v>
      </c>
      <c r="D14188" s="2">
        <v>167016</v>
      </c>
      <c r="E14188" s="1" t="s">
        <v>0</v>
      </c>
    </row>
    <row r="14189" spans="1:5" x14ac:dyDescent="0.25">
      <c r="A14189" s="1" t="s">
        <v>32610</v>
      </c>
      <c r="B14189" s="1" t="s">
        <v>54161</v>
      </c>
      <c r="C14189" s="1" t="s">
        <v>32611</v>
      </c>
      <c r="D14189" s="2">
        <v>167017</v>
      </c>
      <c r="E14189" s="1" t="s">
        <v>0</v>
      </c>
    </row>
    <row r="14190" spans="1:5" ht="409.5" x14ac:dyDescent="0.25">
      <c r="A14190" s="4" t="s">
        <v>32612</v>
      </c>
      <c r="B14190" s="1" t="s">
        <v>54162</v>
      </c>
      <c r="C14190" s="1" t="s">
        <v>32613</v>
      </c>
      <c r="D14190" s="2">
        <v>167018</v>
      </c>
      <c r="E14190" s="1" t="s">
        <v>0</v>
      </c>
    </row>
    <row r="14191" spans="1:5" x14ac:dyDescent="0.25">
      <c r="A14191" s="1" t="s">
        <v>32614</v>
      </c>
      <c r="B14191" s="1" t="s">
        <v>61171</v>
      </c>
      <c r="C14191" s="1" t="s">
        <v>32615</v>
      </c>
      <c r="D14191" s="2">
        <v>167019</v>
      </c>
      <c r="E14191" s="1" t="s">
        <v>0</v>
      </c>
    </row>
    <row r="14192" spans="1:5" x14ac:dyDescent="0.25">
      <c r="A14192" s="2">
        <v>2838</v>
      </c>
      <c r="B14192" s="2">
        <v>2838</v>
      </c>
      <c r="C14192" s="1" t="s">
        <v>0</v>
      </c>
      <c r="D14192" s="2">
        <v>167020</v>
      </c>
      <c r="E14192" s="1" t="s">
        <v>0</v>
      </c>
    </row>
    <row r="14193" spans="1:5" x14ac:dyDescent="0.25">
      <c r="A14193" s="1" t="s">
        <v>2592</v>
      </c>
      <c r="B14193" s="1" t="s">
        <v>50766</v>
      </c>
      <c r="C14193" s="1" t="s">
        <v>32616</v>
      </c>
      <c r="D14193" s="2">
        <v>167021</v>
      </c>
      <c r="E14193" s="1" t="s">
        <v>0</v>
      </c>
    </row>
    <row r="14194" spans="1:5" x14ac:dyDescent="0.25">
      <c r="A14194" s="1" t="s">
        <v>32617</v>
      </c>
      <c r="B14194" s="1" t="s">
        <v>63729</v>
      </c>
      <c r="C14194" s="1" t="s">
        <v>32618</v>
      </c>
      <c r="D14194" s="2">
        <v>167022</v>
      </c>
      <c r="E14194" s="1" t="s">
        <v>0</v>
      </c>
    </row>
    <row r="14195" spans="1:5" ht="409.5" x14ac:dyDescent="0.25">
      <c r="A14195" s="4" t="s">
        <v>32619</v>
      </c>
      <c r="B14195" s="1" t="s">
        <v>63730</v>
      </c>
      <c r="C14195" s="1" t="s">
        <v>32620</v>
      </c>
      <c r="D14195" s="2">
        <v>167023</v>
      </c>
      <c r="E14195" s="1" t="s">
        <v>0</v>
      </c>
    </row>
    <row r="14196" spans="1:5" x14ac:dyDescent="0.25">
      <c r="A14196" s="1" t="s">
        <v>13413</v>
      </c>
      <c r="B14196" s="1" t="s">
        <v>60845</v>
      </c>
      <c r="C14196" s="1" t="s">
        <v>13414</v>
      </c>
      <c r="D14196" s="2">
        <v>167024</v>
      </c>
      <c r="E14196" s="1" t="s">
        <v>0</v>
      </c>
    </row>
    <row r="14197" spans="1:5" x14ac:dyDescent="0.25">
      <c r="A14197" s="2">
        <v>2839</v>
      </c>
      <c r="B14197" s="2">
        <v>2839</v>
      </c>
      <c r="C14197" s="1" t="s">
        <v>0</v>
      </c>
      <c r="D14197" s="2">
        <v>167025</v>
      </c>
      <c r="E14197" s="1" t="s">
        <v>0</v>
      </c>
    </row>
    <row r="14198" spans="1:5" x14ac:dyDescent="0.25">
      <c r="A14198" s="1" t="s">
        <v>2593</v>
      </c>
      <c r="B14198" s="1" t="s">
        <v>9100</v>
      </c>
      <c r="C14198" s="1" t="s">
        <v>32621</v>
      </c>
      <c r="D14198" s="2">
        <v>167026</v>
      </c>
      <c r="E14198" s="1" t="s">
        <v>0</v>
      </c>
    </row>
    <row r="14199" spans="1:5" x14ac:dyDescent="0.25">
      <c r="A14199" s="1" t="s">
        <v>32622</v>
      </c>
      <c r="B14199" s="1" t="s">
        <v>58924</v>
      </c>
      <c r="C14199" s="1" t="s">
        <v>32623</v>
      </c>
      <c r="D14199" s="2">
        <v>167027</v>
      </c>
      <c r="E14199" s="1" t="s">
        <v>0</v>
      </c>
    </row>
    <row r="14200" spans="1:5" ht="409.5" x14ac:dyDescent="0.25">
      <c r="A14200" s="4" t="s">
        <v>32624</v>
      </c>
      <c r="B14200" s="1" t="s">
        <v>58925</v>
      </c>
      <c r="C14200" s="1" t="s">
        <v>32625</v>
      </c>
      <c r="D14200" s="2">
        <v>167028</v>
      </c>
      <c r="E14200" s="1" t="s">
        <v>0</v>
      </c>
    </row>
    <row r="14201" spans="1:5" x14ac:dyDescent="0.25">
      <c r="A14201" s="1" t="s">
        <v>32626</v>
      </c>
      <c r="B14201" s="1" t="s">
        <v>9101</v>
      </c>
      <c r="C14201" s="1" t="s">
        <v>32627</v>
      </c>
      <c r="D14201" s="2">
        <v>167029</v>
      </c>
      <c r="E14201" s="1" t="s">
        <v>0</v>
      </c>
    </row>
    <row r="14202" spans="1:5" x14ac:dyDescent="0.25">
      <c r="A14202" s="2">
        <v>2840</v>
      </c>
      <c r="B14202" s="2">
        <v>2840</v>
      </c>
      <c r="C14202" s="1" t="s">
        <v>0</v>
      </c>
      <c r="D14202" s="2">
        <v>167030</v>
      </c>
      <c r="E14202" s="1" t="s">
        <v>0</v>
      </c>
    </row>
    <row r="14203" spans="1:5" x14ac:dyDescent="0.25">
      <c r="A14203" s="1" t="s">
        <v>2594</v>
      </c>
      <c r="B14203" s="1" t="s">
        <v>54163</v>
      </c>
      <c r="C14203" s="1" t="s">
        <v>32628</v>
      </c>
      <c r="D14203" s="2">
        <v>167031</v>
      </c>
      <c r="E14203" s="1" t="s">
        <v>0</v>
      </c>
    </row>
    <row r="14204" spans="1:5" x14ac:dyDescent="0.25">
      <c r="A14204" s="1" t="s">
        <v>64201</v>
      </c>
      <c r="B14204" s="1" t="s">
        <v>57084</v>
      </c>
      <c r="C14204" s="1" t="s">
        <v>64202</v>
      </c>
      <c r="D14204" s="2">
        <v>167032</v>
      </c>
      <c r="E14204" s="1" t="s">
        <v>0</v>
      </c>
    </row>
    <row r="14205" spans="1:5" ht="409.5" x14ac:dyDescent="0.25">
      <c r="A14205" s="4" t="s">
        <v>64203</v>
      </c>
      <c r="B14205" s="1" t="s">
        <v>57085</v>
      </c>
      <c r="C14205" s="1" t="s">
        <v>32629</v>
      </c>
      <c r="D14205" s="2">
        <v>167033</v>
      </c>
      <c r="E14205" s="1" t="s">
        <v>0</v>
      </c>
    </row>
    <row r="14206" spans="1:5" x14ac:dyDescent="0.25">
      <c r="A14206" s="1" t="s">
        <v>32630</v>
      </c>
      <c r="B14206" s="1" t="s">
        <v>54164</v>
      </c>
      <c r="C14206" s="1" t="s">
        <v>32631</v>
      </c>
      <c r="D14206" s="2">
        <v>167034</v>
      </c>
      <c r="E14206" s="1" t="s">
        <v>0</v>
      </c>
    </row>
    <row r="14207" spans="1:5" x14ac:dyDescent="0.25">
      <c r="A14207" s="2">
        <v>2841</v>
      </c>
      <c r="B14207" s="2">
        <v>2841</v>
      </c>
      <c r="C14207" s="1" t="s">
        <v>0</v>
      </c>
      <c r="D14207" s="2">
        <v>167035</v>
      </c>
      <c r="E14207" s="1" t="s">
        <v>0</v>
      </c>
    </row>
    <row r="14208" spans="1:5" x14ac:dyDescent="0.25">
      <c r="A14208" s="1" t="s">
        <v>2595</v>
      </c>
      <c r="B14208" s="1" t="s">
        <v>9102</v>
      </c>
      <c r="C14208" s="1" t="s">
        <v>32632</v>
      </c>
      <c r="D14208" s="2">
        <v>167036</v>
      </c>
      <c r="E14208" s="1" t="s">
        <v>0</v>
      </c>
    </row>
    <row r="14209" spans="1:5" x14ac:dyDescent="0.25">
      <c r="A14209" s="1" t="s">
        <v>32633</v>
      </c>
      <c r="B14209" s="1" t="s">
        <v>54165</v>
      </c>
      <c r="C14209" s="1" t="s">
        <v>32634</v>
      </c>
      <c r="D14209" s="2">
        <v>167037</v>
      </c>
      <c r="E14209" s="1" t="s">
        <v>0</v>
      </c>
    </row>
    <row r="14210" spans="1:5" ht="409.5" x14ac:dyDescent="0.25">
      <c r="A14210" s="4" t="s">
        <v>32635</v>
      </c>
      <c r="B14210" s="1" t="s">
        <v>58122</v>
      </c>
      <c r="C14210" s="1" t="s">
        <v>32636</v>
      </c>
      <c r="D14210" s="2">
        <v>167038</v>
      </c>
      <c r="E14210" s="1" t="s">
        <v>0</v>
      </c>
    </row>
    <row r="14211" spans="1:5" x14ac:dyDescent="0.25">
      <c r="A14211" s="1" t="s">
        <v>13413</v>
      </c>
      <c r="B14211" s="1" t="s">
        <v>60845</v>
      </c>
      <c r="C14211" s="1" t="s">
        <v>13414</v>
      </c>
      <c r="D14211" s="2">
        <v>167039</v>
      </c>
      <c r="E14211" s="1" t="s">
        <v>0</v>
      </c>
    </row>
    <row r="14212" spans="1:5" x14ac:dyDescent="0.25">
      <c r="A14212" s="2">
        <v>2842</v>
      </c>
      <c r="B14212" s="2">
        <v>2842</v>
      </c>
      <c r="C14212" s="1" t="s">
        <v>0</v>
      </c>
      <c r="D14212" s="2">
        <v>167040</v>
      </c>
      <c r="E14212" s="1" t="s">
        <v>0</v>
      </c>
    </row>
    <row r="14213" spans="1:5" x14ac:dyDescent="0.25">
      <c r="A14213" s="1" t="s">
        <v>2596</v>
      </c>
      <c r="B14213" s="1" t="s">
        <v>9103</v>
      </c>
      <c r="C14213" s="1" t="s">
        <v>32637</v>
      </c>
      <c r="D14213" s="2">
        <v>167041</v>
      </c>
      <c r="E14213" s="1" t="s">
        <v>0</v>
      </c>
    </row>
    <row r="14214" spans="1:5" x14ac:dyDescent="0.25">
      <c r="A14214" s="1" t="s">
        <v>32638</v>
      </c>
      <c r="B14214" s="1" t="s">
        <v>9104</v>
      </c>
      <c r="C14214" s="1" t="s">
        <v>32639</v>
      </c>
      <c r="D14214" s="2">
        <v>167042</v>
      </c>
      <c r="E14214" s="1" t="s">
        <v>0</v>
      </c>
    </row>
    <row r="14215" spans="1:5" ht="409.5" x14ac:dyDescent="0.25">
      <c r="A14215" s="4" t="s">
        <v>32640</v>
      </c>
      <c r="B14215" s="1" t="s">
        <v>9105</v>
      </c>
      <c r="C14215" s="1" t="s">
        <v>32641</v>
      </c>
      <c r="D14215" s="2">
        <v>167043</v>
      </c>
      <c r="E14215" s="1" t="s">
        <v>0</v>
      </c>
    </row>
    <row r="14216" spans="1:5" x14ac:dyDescent="0.25">
      <c r="A14216" s="1" t="s">
        <v>32642</v>
      </c>
      <c r="B14216" s="1" t="s">
        <v>54166</v>
      </c>
      <c r="C14216" s="1" t="s">
        <v>32643</v>
      </c>
      <c r="D14216" s="2">
        <v>167044</v>
      </c>
      <c r="E14216" s="1" t="s">
        <v>0</v>
      </c>
    </row>
    <row r="14217" spans="1:5" x14ac:dyDescent="0.25">
      <c r="A14217" s="2">
        <v>2843</v>
      </c>
      <c r="B14217" s="2">
        <v>2843</v>
      </c>
      <c r="C14217" s="1" t="s">
        <v>0</v>
      </c>
      <c r="D14217" s="2">
        <v>167045</v>
      </c>
      <c r="E14217" s="1" t="s">
        <v>0</v>
      </c>
    </row>
    <row r="14218" spans="1:5" x14ac:dyDescent="0.25">
      <c r="A14218" s="1" t="s">
        <v>2597</v>
      </c>
      <c r="B14218" s="1" t="s">
        <v>57549</v>
      </c>
      <c r="C14218" s="1" t="s">
        <v>32644</v>
      </c>
      <c r="D14218" s="2">
        <v>167046</v>
      </c>
      <c r="E14218" s="1" t="s">
        <v>0</v>
      </c>
    </row>
    <row r="14219" spans="1:5" x14ac:dyDescent="0.25">
      <c r="A14219" s="1" t="s">
        <v>32645</v>
      </c>
      <c r="B14219" s="1" t="s">
        <v>57550</v>
      </c>
      <c r="C14219" s="1" t="s">
        <v>32646</v>
      </c>
      <c r="D14219" s="2">
        <v>167047</v>
      </c>
      <c r="E14219" s="1" t="s">
        <v>0</v>
      </c>
    </row>
    <row r="14220" spans="1:5" ht="409.5" x14ac:dyDescent="0.25">
      <c r="A14220" s="4" t="s">
        <v>32647</v>
      </c>
      <c r="B14220" s="1" t="s">
        <v>57551</v>
      </c>
      <c r="C14220" s="1" t="s">
        <v>32648</v>
      </c>
      <c r="D14220" s="2">
        <v>167048</v>
      </c>
      <c r="E14220" s="1" t="s">
        <v>0</v>
      </c>
    </row>
    <row r="14221" spans="1:5" x14ac:dyDescent="0.25">
      <c r="A14221" s="1" t="s">
        <v>32649</v>
      </c>
      <c r="B14221" s="1" t="s">
        <v>57552</v>
      </c>
      <c r="C14221" s="1" t="s">
        <v>32650</v>
      </c>
      <c r="D14221" s="2">
        <v>167049</v>
      </c>
      <c r="E14221" s="1" t="s">
        <v>0</v>
      </c>
    </row>
    <row r="14222" spans="1:5" x14ac:dyDescent="0.25">
      <c r="A14222" s="2">
        <v>2844</v>
      </c>
      <c r="B14222" s="2">
        <v>2844</v>
      </c>
      <c r="C14222" s="1" t="s">
        <v>0</v>
      </c>
      <c r="D14222" s="2">
        <v>167050</v>
      </c>
      <c r="E14222" s="1" t="s">
        <v>0</v>
      </c>
    </row>
    <row r="14223" spans="1:5" x14ac:dyDescent="0.25">
      <c r="A14223" s="1" t="s">
        <v>2598</v>
      </c>
      <c r="B14223" s="1" t="s">
        <v>9106</v>
      </c>
      <c r="C14223" s="1" t="s">
        <v>32651</v>
      </c>
      <c r="D14223" s="2">
        <v>167051</v>
      </c>
      <c r="E14223" s="1" t="s">
        <v>0</v>
      </c>
    </row>
    <row r="14224" spans="1:5" x14ac:dyDescent="0.25">
      <c r="A14224" s="1" t="s">
        <v>32652</v>
      </c>
      <c r="B14224" s="1" t="s">
        <v>9107</v>
      </c>
      <c r="C14224" s="1" t="s">
        <v>32653</v>
      </c>
      <c r="D14224" s="2">
        <v>167052</v>
      </c>
      <c r="E14224" s="1" t="s">
        <v>0</v>
      </c>
    </row>
    <row r="14225" spans="1:5" ht="409.5" x14ac:dyDescent="0.25">
      <c r="A14225" s="4" t="s">
        <v>32654</v>
      </c>
      <c r="B14225" s="1" t="s">
        <v>57553</v>
      </c>
      <c r="C14225" s="1" t="s">
        <v>32655</v>
      </c>
      <c r="D14225" s="2">
        <v>167053</v>
      </c>
      <c r="E14225" s="1" t="s">
        <v>0</v>
      </c>
    </row>
    <row r="14226" spans="1:5" x14ac:dyDescent="0.25">
      <c r="A14226" s="1" t="s">
        <v>32656</v>
      </c>
      <c r="B14226" s="1" t="s">
        <v>54167</v>
      </c>
      <c r="C14226" s="1" t="s">
        <v>32657</v>
      </c>
      <c r="D14226" s="2">
        <v>167054</v>
      </c>
      <c r="E14226" s="1" t="s">
        <v>0</v>
      </c>
    </row>
    <row r="14227" spans="1:5" x14ac:dyDescent="0.25">
      <c r="A14227" s="2">
        <v>2845</v>
      </c>
      <c r="B14227" s="2">
        <v>2845</v>
      </c>
      <c r="C14227" s="1" t="s">
        <v>0</v>
      </c>
      <c r="D14227" s="2">
        <v>167055</v>
      </c>
      <c r="E14227" s="1" t="s">
        <v>0</v>
      </c>
    </row>
    <row r="14228" spans="1:5" x14ac:dyDescent="0.25">
      <c r="A14228" s="1" t="s">
        <v>2599</v>
      </c>
      <c r="B14228" s="1" t="s">
        <v>9108</v>
      </c>
      <c r="C14228" s="1" t="s">
        <v>32658</v>
      </c>
      <c r="D14228" s="2">
        <v>167056</v>
      </c>
      <c r="E14228" s="1" t="s">
        <v>0</v>
      </c>
    </row>
    <row r="14229" spans="1:5" x14ac:dyDescent="0.25">
      <c r="A14229" s="1" t="s">
        <v>32659</v>
      </c>
      <c r="B14229" s="1" t="s">
        <v>9109</v>
      </c>
      <c r="C14229" s="1" t="s">
        <v>32660</v>
      </c>
      <c r="D14229" s="2">
        <v>167057</v>
      </c>
      <c r="E14229" s="1" t="s">
        <v>0</v>
      </c>
    </row>
    <row r="14230" spans="1:5" ht="409.5" x14ac:dyDescent="0.25">
      <c r="A14230" s="4" t="s">
        <v>32661</v>
      </c>
      <c r="B14230" s="1" t="s">
        <v>59637</v>
      </c>
      <c r="C14230" s="1" t="s">
        <v>32662</v>
      </c>
      <c r="D14230" s="2">
        <v>167058</v>
      </c>
      <c r="E14230" s="1" t="s">
        <v>0</v>
      </c>
    </row>
    <row r="14231" spans="1:5" x14ac:dyDescent="0.25">
      <c r="A14231" s="1" t="s">
        <v>32663</v>
      </c>
      <c r="B14231" s="1" t="s">
        <v>54168</v>
      </c>
      <c r="C14231" s="1" t="s">
        <v>32664</v>
      </c>
      <c r="D14231" s="2">
        <v>167059</v>
      </c>
      <c r="E14231" s="1" t="s">
        <v>0</v>
      </c>
    </row>
    <row r="14232" spans="1:5" x14ac:dyDescent="0.25">
      <c r="A14232" s="2">
        <v>2846</v>
      </c>
      <c r="B14232" s="2">
        <v>2846</v>
      </c>
      <c r="C14232" s="1" t="s">
        <v>0</v>
      </c>
      <c r="D14232" s="2">
        <v>167060</v>
      </c>
      <c r="E14232" s="1" t="s">
        <v>0</v>
      </c>
    </row>
    <row r="14233" spans="1:5" x14ac:dyDescent="0.25">
      <c r="A14233" s="1" t="s">
        <v>2600</v>
      </c>
      <c r="B14233" s="1" t="s">
        <v>57040</v>
      </c>
      <c r="C14233" s="1" t="s">
        <v>32665</v>
      </c>
      <c r="D14233" s="2">
        <v>167061</v>
      </c>
      <c r="E14233" s="1" t="s">
        <v>0</v>
      </c>
    </row>
    <row r="14234" spans="1:5" x14ac:dyDescent="0.25">
      <c r="A14234" s="1" t="s">
        <v>32666</v>
      </c>
      <c r="B14234" s="1" t="s">
        <v>54169</v>
      </c>
      <c r="C14234" s="1" t="s">
        <v>32667</v>
      </c>
      <c r="D14234" s="2">
        <v>167062</v>
      </c>
      <c r="E14234" s="1" t="s">
        <v>0</v>
      </c>
    </row>
    <row r="14235" spans="1:5" ht="409.5" x14ac:dyDescent="0.25">
      <c r="A14235" s="4" t="s">
        <v>32668</v>
      </c>
      <c r="B14235" s="1" t="s">
        <v>54170</v>
      </c>
      <c r="C14235" s="1" t="s">
        <v>32669</v>
      </c>
      <c r="D14235" s="2">
        <v>167063</v>
      </c>
      <c r="E14235" s="1" t="s">
        <v>0</v>
      </c>
    </row>
    <row r="14236" spans="1:5" x14ac:dyDescent="0.25">
      <c r="A14236" s="1" t="s">
        <v>32670</v>
      </c>
      <c r="B14236" s="1" t="s">
        <v>54171</v>
      </c>
      <c r="C14236" s="1" t="s">
        <v>32671</v>
      </c>
      <c r="D14236" s="2">
        <v>167064</v>
      </c>
      <c r="E14236" s="1" t="s">
        <v>0</v>
      </c>
    </row>
    <row r="14237" spans="1:5" x14ac:dyDescent="0.25">
      <c r="A14237" s="2">
        <v>2847</v>
      </c>
      <c r="B14237" s="2">
        <v>2847</v>
      </c>
      <c r="C14237" s="1" t="s">
        <v>0</v>
      </c>
      <c r="D14237" s="2">
        <v>167065</v>
      </c>
      <c r="E14237" s="1" t="s">
        <v>0</v>
      </c>
    </row>
    <row r="14238" spans="1:5" x14ac:dyDescent="0.25">
      <c r="A14238" s="1" t="s">
        <v>2601</v>
      </c>
      <c r="B14238" s="1" t="s">
        <v>9110</v>
      </c>
      <c r="C14238" s="1" t="s">
        <v>32672</v>
      </c>
      <c r="D14238" s="2">
        <v>167066</v>
      </c>
      <c r="E14238" s="1" t="s">
        <v>0</v>
      </c>
    </row>
    <row r="14239" spans="1:5" x14ac:dyDescent="0.25">
      <c r="A14239" s="1" t="s">
        <v>32673</v>
      </c>
      <c r="B14239" s="1" t="s">
        <v>54172</v>
      </c>
      <c r="C14239" s="1" t="s">
        <v>32674</v>
      </c>
      <c r="D14239" s="2">
        <v>167067</v>
      </c>
      <c r="E14239" s="1" t="s">
        <v>0</v>
      </c>
    </row>
    <row r="14240" spans="1:5" ht="409.5" x14ac:dyDescent="0.25">
      <c r="A14240" s="4" t="s">
        <v>32675</v>
      </c>
      <c r="B14240" s="1" t="s">
        <v>54173</v>
      </c>
      <c r="C14240" s="1" t="s">
        <v>32676</v>
      </c>
      <c r="D14240" s="2">
        <v>167068</v>
      </c>
      <c r="E14240" s="1" t="s">
        <v>0</v>
      </c>
    </row>
    <row r="14241" spans="1:5" x14ac:dyDescent="0.25">
      <c r="A14241" s="1" t="s">
        <v>32677</v>
      </c>
      <c r="B14241" s="1" t="s">
        <v>9111</v>
      </c>
      <c r="C14241" s="1" t="s">
        <v>32678</v>
      </c>
      <c r="D14241" s="2">
        <v>167069</v>
      </c>
      <c r="E14241" s="1" t="s">
        <v>0</v>
      </c>
    </row>
    <row r="14242" spans="1:5" x14ac:dyDescent="0.25">
      <c r="A14242" s="2">
        <v>2848</v>
      </c>
      <c r="B14242" s="2">
        <v>2848</v>
      </c>
      <c r="C14242" s="1" t="s">
        <v>0</v>
      </c>
      <c r="D14242" s="2">
        <v>167070</v>
      </c>
      <c r="E14242" s="1" t="s">
        <v>0</v>
      </c>
    </row>
    <row r="14243" spans="1:5" x14ac:dyDescent="0.25">
      <c r="A14243" s="1" t="s">
        <v>2602</v>
      </c>
      <c r="B14243" s="1" t="s">
        <v>9112</v>
      </c>
      <c r="C14243" s="1" t="s">
        <v>32679</v>
      </c>
      <c r="D14243" s="2">
        <v>167071</v>
      </c>
      <c r="E14243" s="1" t="s">
        <v>0</v>
      </c>
    </row>
    <row r="14244" spans="1:5" x14ac:dyDescent="0.25">
      <c r="A14244" s="1" t="s">
        <v>32680</v>
      </c>
      <c r="B14244" s="1" t="s">
        <v>50767</v>
      </c>
      <c r="C14244" s="1" t="s">
        <v>32681</v>
      </c>
      <c r="D14244" s="2">
        <v>167072</v>
      </c>
      <c r="E14244" s="1" t="s">
        <v>0</v>
      </c>
    </row>
    <row r="14245" spans="1:5" ht="409.5" x14ac:dyDescent="0.25">
      <c r="A14245" s="4" t="s">
        <v>32682</v>
      </c>
      <c r="B14245" s="1" t="s">
        <v>61508</v>
      </c>
      <c r="C14245" s="1" t="s">
        <v>32683</v>
      </c>
      <c r="D14245" s="2">
        <v>167073</v>
      </c>
      <c r="E14245" s="1" t="s">
        <v>0</v>
      </c>
    </row>
    <row r="14246" spans="1:5" x14ac:dyDescent="0.25">
      <c r="A14246" s="1" t="s">
        <v>32684</v>
      </c>
      <c r="B14246" s="1" t="s">
        <v>54174</v>
      </c>
      <c r="C14246" s="1" t="s">
        <v>32685</v>
      </c>
      <c r="D14246" s="2">
        <v>167074</v>
      </c>
      <c r="E14246" s="1" t="s">
        <v>0</v>
      </c>
    </row>
    <row r="14247" spans="1:5" x14ac:dyDescent="0.25">
      <c r="A14247" s="2">
        <v>2849</v>
      </c>
      <c r="B14247" s="2">
        <v>2849</v>
      </c>
      <c r="C14247" s="1" t="s">
        <v>0</v>
      </c>
      <c r="D14247" s="2">
        <v>167075</v>
      </c>
      <c r="E14247" s="1" t="s">
        <v>0</v>
      </c>
    </row>
    <row r="14248" spans="1:5" x14ac:dyDescent="0.25">
      <c r="A14248" s="1" t="s">
        <v>2603</v>
      </c>
      <c r="B14248" s="1" t="s">
        <v>9113</v>
      </c>
      <c r="C14248" s="1" t="s">
        <v>32686</v>
      </c>
      <c r="D14248" s="2">
        <v>167076</v>
      </c>
      <c r="E14248" s="1" t="s">
        <v>0</v>
      </c>
    </row>
    <row r="14249" spans="1:5" x14ac:dyDescent="0.25">
      <c r="A14249" s="1" t="s">
        <v>32687</v>
      </c>
      <c r="B14249" s="1" t="s">
        <v>54175</v>
      </c>
      <c r="C14249" s="1" t="s">
        <v>32688</v>
      </c>
      <c r="D14249" s="2">
        <v>167077</v>
      </c>
      <c r="E14249" s="1" t="s">
        <v>0</v>
      </c>
    </row>
    <row r="14250" spans="1:5" ht="409.5" x14ac:dyDescent="0.25">
      <c r="A14250" s="4" t="s">
        <v>32689</v>
      </c>
      <c r="B14250" s="1" t="s">
        <v>54176</v>
      </c>
      <c r="C14250" s="1" t="s">
        <v>32690</v>
      </c>
      <c r="D14250" s="2">
        <v>167078</v>
      </c>
      <c r="E14250" s="1" t="s">
        <v>0</v>
      </c>
    </row>
    <row r="14251" spans="1:5" x14ac:dyDescent="0.25">
      <c r="A14251" s="1" t="s">
        <v>32691</v>
      </c>
      <c r="B14251" s="1" t="s">
        <v>54177</v>
      </c>
      <c r="C14251" s="1" t="s">
        <v>32692</v>
      </c>
      <c r="D14251" s="2">
        <v>167079</v>
      </c>
      <c r="E14251" s="1" t="s">
        <v>0</v>
      </c>
    </row>
    <row r="14252" spans="1:5" x14ac:dyDescent="0.25">
      <c r="A14252" s="2">
        <v>2850</v>
      </c>
      <c r="B14252" s="2">
        <v>2850</v>
      </c>
      <c r="C14252" s="1" t="s">
        <v>0</v>
      </c>
      <c r="D14252" s="2">
        <v>167080</v>
      </c>
      <c r="E14252" s="1" t="s">
        <v>0</v>
      </c>
    </row>
    <row r="14253" spans="1:5" x14ac:dyDescent="0.25">
      <c r="A14253" s="1" t="s">
        <v>2604</v>
      </c>
      <c r="B14253" s="1" t="s">
        <v>9114</v>
      </c>
      <c r="C14253" s="1" t="s">
        <v>32693</v>
      </c>
      <c r="D14253" s="2">
        <v>167081</v>
      </c>
      <c r="E14253" s="1" t="s">
        <v>0</v>
      </c>
    </row>
    <row r="14254" spans="1:5" x14ac:dyDescent="0.25">
      <c r="A14254" s="1" t="s">
        <v>32694</v>
      </c>
      <c r="B14254" s="1" t="s">
        <v>54178</v>
      </c>
      <c r="C14254" s="1" t="s">
        <v>32695</v>
      </c>
      <c r="D14254" s="2">
        <v>167082</v>
      </c>
      <c r="E14254" s="1" t="s">
        <v>0</v>
      </c>
    </row>
    <row r="14255" spans="1:5" ht="409.5" x14ac:dyDescent="0.25">
      <c r="A14255" s="4" t="s">
        <v>32696</v>
      </c>
      <c r="B14255" s="1" t="s">
        <v>54179</v>
      </c>
      <c r="C14255" s="1" t="s">
        <v>32697</v>
      </c>
      <c r="D14255" s="2">
        <v>167083</v>
      </c>
      <c r="E14255" s="1" t="s">
        <v>0</v>
      </c>
    </row>
    <row r="14256" spans="1:5" x14ac:dyDescent="0.25">
      <c r="A14256" s="1" t="s">
        <v>32698</v>
      </c>
      <c r="B14256" s="1" t="s">
        <v>54180</v>
      </c>
      <c r="C14256" s="1" t="s">
        <v>32699</v>
      </c>
      <c r="D14256" s="2">
        <v>167084</v>
      </c>
      <c r="E14256" s="1" t="s">
        <v>0</v>
      </c>
    </row>
    <row r="14257" spans="1:5" x14ac:dyDescent="0.25">
      <c r="A14257" s="2">
        <v>2851</v>
      </c>
      <c r="B14257" s="2">
        <v>2851</v>
      </c>
      <c r="C14257" s="1" t="s">
        <v>0</v>
      </c>
      <c r="D14257" s="2">
        <v>167085</v>
      </c>
      <c r="E14257" s="1" t="s">
        <v>0</v>
      </c>
    </row>
    <row r="14258" spans="1:5" x14ac:dyDescent="0.25">
      <c r="A14258" s="1" t="s">
        <v>2605</v>
      </c>
      <c r="B14258" s="1" t="s">
        <v>9115</v>
      </c>
      <c r="C14258" s="1" t="s">
        <v>32700</v>
      </c>
      <c r="D14258" s="2">
        <v>167086</v>
      </c>
      <c r="E14258" s="1" t="s">
        <v>0</v>
      </c>
    </row>
    <row r="14259" spans="1:5" x14ac:dyDescent="0.25">
      <c r="A14259" s="1" t="s">
        <v>32701</v>
      </c>
      <c r="B14259" s="1" t="s">
        <v>54181</v>
      </c>
      <c r="C14259" s="1" t="s">
        <v>32702</v>
      </c>
      <c r="D14259" s="2">
        <v>167087</v>
      </c>
      <c r="E14259" s="1" t="s">
        <v>0</v>
      </c>
    </row>
    <row r="14260" spans="1:5" ht="409.5" x14ac:dyDescent="0.25">
      <c r="A14260" s="4" t="s">
        <v>32703</v>
      </c>
      <c r="B14260" s="1" t="s">
        <v>54182</v>
      </c>
      <c r="C14260" s="1" t="s">
        <v>32704</v>
      </c>
      <c r="D14260" s="2">
        <v>167088</v>
      </c>
      <c r="E14260" s="1" t="s">
        <v>0</v>
      </c>
    </row>
    <row r="14261" spans="1:5" x14ac:dyDescent="0.25">
      <c r="A14261" s="1" t="s">
        <v>32705</v>
      </c>
      <c r="B14261" s="1" t="s">
        <v>9116</v>
      </c>
      <c r="C14261" s="1" t="s">
        <v>32706</v>
      </c>
      <c r="D14261" s="2">
        <v>167089</v>
      </c>
      <c r="E14261" s="1" t="s">
        <v>0</v>
      </c>
    </row>
    <row r="14262" spans="1:5" x14ac:dyDescent="0.25">
      <c r="A14262" s="2">
        <v>2852</v>
      </c>
      <c r="B14262" s="2">
        <v>2852</v>
      </c>
      <c r="C14262" s="1" t="s">
        <v>0</v>
      </c>
      <c r="D14262" s="2">
        <v>167090</v>
      </c>
      <c r="E14262" s="1" t="s">
        <v>0</v>
      </c>
    </row>
    <row r="14263" spans="1:5" x14ac:dyDescent="0.25">
      <c r="A14263" s="1" t="s">
        <v>13162</v>
      </c>
      <c r="B14263" s="1" t="s">
        <v>9117</v>
      </c>
      <c r="C14263" s="1" t="s">
        <v>32707</v>
      </c>
      <c r="D14263" s="2">
        <v>167091</v>
      </c>
      <c r="E14263" s="1" t="s">
        <v>0</v>
      </c>
    </row>
    <row r="14264" spans="1:5" x14ac:dyDescent="0.25">
      <c r="A14264" s="1" t="s">
        <v>32708</v>
      </c>
      <c r="B14264" s="1" t="s">
        <v>13163</v>
      </c>
      <c r="C14264" s="1" t="s">
        <v>32709</v>
      </c>
      <c r="D14264" s="2">
        <v>167092</v>
      </c>
      <c r="E14264" s="1" t="s">
        <v>0</v>
      </c>
    </row>
    <row r="14265" spans="1:5" ht="409.5" x14ac:dyDescent="0.25">
      <c r="A14265" s="4" t="s">
        <v>32710</v>
      </c>
      <c r="B14265" s="1" t="s">
        <v>54183</v>
      </c>
      <c r="C14265" s="1" t="s">
        <v>32711</v>
      </c>
      <c r="D14265" s="2">
        <v>167093</v>
      </c>
      <c r="E14265" s="1" t="s">
        <v>0</v>
      </c>
    </row>
    <row r="14266" spans="1:5" x14ac:dyDescent="0.25">
      <c r="A14266" s="1" t="s">
        <v>32712</v>
      </c>
      <c r="B14266" s="1" t="s">
        <v>54184</v>
      </c>
      <c r="C14266" s="1" t="s">
        <v>32713</v>
      </c>
      <c r="D14266" s="2">
        <v>167094</v>
      </c>
      <c r="E14266" s="1" t="s">
        <v>0</v>
      </c>
    </row>
    <row r="14267" spans="1:5" x14ac:dyDescent="0.25">
      <c r="A14267" s="2">
        <v>2853</v>
      </c>
      <c r="B14267" s="2">
        <v>2853</v>
      </c>
      <c r="C14267" s="1" t="s">
        <v>0</v>
      </c>
      <c r="D14267" s="2">
        <v>167095</v>
      </c>
      <c r="E14267" s="1" t="s">
        <v>0</v>
      </c>
    </row>
    <row r="14268" spans="1:5" x14ac:dyDescent="0.25">
      <c r="A14268" s="1" t="s">
        <v>2606</v>
      </c>
      <c r="B14268" s="1" t="s">
        <v>9118</v>
      </c>
      <c r="C14268" s="1" t="s">
        <v>32714</v>
      </c>
      <c r="D14268" s="2">
        <v>167096</v>
      </c>
      <c r="E14268" s="1" t="s">
        <v>0</v>
      </c>
    </row>
    <row r="14269" spans="1:5" x14ac:dyDescent="0.25">
      <c r="A14269" s="1" t="s">
        <v>32715</v>
      </c>
      <c r="B14269" s="1" t="s">
        <v>9119</v>
      </c>
      <c r="C14269" s="1" t="s">
        <v>32716</v>
      </c>
      <c r="D14269" s="2">
        <v>167097</v>
      </c>
      <c r="E14269" s="1" t="s">
        <v>0</v>
      </c>
    </row>
    <row r="14270" spans="1:5" ht="409.5" x14ac:dyDescent="0.25">
      <c r="A14270" s="4" t="s">
        <v>32717</v>
      </c>
      <c r="B14270" s="1" t="s">
        <v>57867</v>
      </c>
      <c r="C14270" s="1" t="s">
        <v>32718</v>
      </c>
      <c r="D14270" s="2">
        <v>167098</v>
      </c>
      <c r="E14270" s="1" t="s">
        <v>0</v>
      </c>
    </row>
    <row r="14271" spans="1:5" x14ac:dyDescent="0.25">
      <c r="A14271" s="1" t="s">
        <v>32719</v>
      </c>
      <c r="B14271" s="1" t="s">
        <v>54185</v>
      </c>
      <c r="C14271" s="1" t="s">
        <v>32720</v>
      </c>
      <c r="D14271" s="2">
        <v>167099</v>
      </c>
      <c r="E14271" s="1" t="s">
        <v>0</v>
      </c>
    </row>
    <row r="14272" spans="1:5" x14ac:dyDescent="0.25">
      <c r="A14272" s="2">
        <v>2854</v>
      </c>
      <c r="B14272" s="2">
        <v>2854</v>
      </c>
      <c r="C14272" s="1" t="s">
        <v>0</v>
      </c>
      <c r="D14272" s="2">
        <v>167100</v>
      </c>
      <c r="E14272" s="1" t="s">
        <v>0</v>
      </c>
    </row>
    <row r="14273" spans="1:5" x14ac:dyDescent="0.25">
      <c r="A14273" s="1" t="s">
        <v>2607</v>
      </c>
      <c r="B14273" s="1" t="s">
        <v>9120</v>
      </c>
      <c r="C14273" s="1" t="s">
        <v>32721</v>
      </c>
      <c r="D14273" s="2">
        <v>167101</v>
      </c>
      <c r="E14273" s="1" t="s">
        <v>0</v>
      </c>
    </row>
    <row r="14274" spans="1:5" x14ac:dyDescent="0.25">
      <c r="A14274" s="1" t="s">
        <v>32722</v>
      </c>
      <c r="B14274" s="1" t="s">
        <v>54186</v>
      </c>
      <c r="C14274" s="1" t="s">
        <v>32723</v>
      </c>
      <c r="D14274" s="2">
        <v>167102</v>
      </c>
      <c r="E14274" s="1" t="s">
        <v>0</v>
      </c>
    </row>
    <row r="14275" spans="1:5" ht="409.5" x14ac:dyDescent="0.25">
      <c r="A14275" s="4" t="s">
        <v>32724</v>
      </c>
      <c r="B14275" s="1" t="s">
        <v>60442</v>
      </c>
      <c r="C14275" s="1" t="s">
        <v>32725</v>
      </c>
      <c r="D14275" s="2">
        <v>167103</v>
      </c>
      <c r="E14275" s="1" t="s">
        <v>0</v>
      </c>
    </row>
    <row r="14276" spans="1:5" x14ac:dyDescent="0.25">
      <c r="A14276" s="1" t="s">
        <v>32726</v>
      </c>
      <c r="B14276" s="1" t="s">
        <v>9121</v>
      </c>
      <c r="C14276" s="1" t="s">
        <v>32727</v>
      </c>
      <c r="D14276" s="2">
        <v>167104</v>
      </c>
      <c r="E14276" s="1" t="s">
        <v>0</v>
      </c>
    </row>
    <row r="14277" spans="1:5" x14ac:dyDescent="0.25">
      <c r="A14277" s="2">
        <v>2855</v>
      </c>
      <c r="B14277" s="2">
        <v>2855</v>
      </c>
      <c r="C14277" s="1" t="s">
        <v>0</v>
      </c>
      <c r="D14277" s="2">
        <v>167105</v>
      </c>
      <c r="E14277" s="1" t="s">
        <v>0</v>
      </c>
    </row>
    <row r="14278" spans="1:5" x14ac:dyDescent="0.25">
      <c r="A14278" s="1" t="s">
        <v>2608</v>
      </c>
      <c r="B14278" s="1" t="s">
        <v>9122</v>
      </c>
      <c r="C14278" s="1" t="s">
        <v>32728</v>
      </c>
      <c r="D14278" s="2">
        <v>167106</v>
      </c>
      <c r="E14278" s="1" t="s">
        <v>0</v>
      </c>
    </row>
    <row r="14279" spans="1:5" x14ac:dyDescent="0.25">
      <c r="A14279" s="1" t="s">
        <v>32729</v>
      </c>
      <c r="B14279" s="1" t="s">
        <v>50768</v>
      </c>
      <c r="C14279" s="1" t="s">
        <v>32730</v>
      </c>
      <c r="D14279" s="2">
        <v>167107</v>
      </c>
      <c r="E14279" s="1" t="s">
        <v>0</v>
      </c>
    </row>
    <row r="14280" spans="1:5" ht="409.5" x14ac:dyDescent="0.25">
      <c r="A14280" s="4" t="s">
        <v>32731</v>
      </c>
      <c r="B14280" s="1" t="s">
        <v>61675</v>
      </c>
      <c r="C14280" s="1" t="s">
        <v>32732</v>
      </c>
      <c r="D14280" s="2">
        <v>167108</v>
      </c>
      <c r="E14280" s="1" t="s">
        <v>0</v>
      </c>
    </row>
    <row r="14281" spans="1:5" x14ac:dyDescent="0.25">
      <c r="A14281" s="1" t="s">
        <v>32733</v>
      </c>
      <c r="B14281" s="1" t="s">
        <v>54187</v>
      </c>
      <c r="C14281" s="1" t="s">
        <v>32734</v>
      </c>
      <c r="D14281" s="2">
        <v>167109</v>
      </c>
      <c r="E14281" s="1" t="s">
        <v>0</v>
      </c>
    </row>
    <row r="14282" spans="1:5" x14ac:dyDescent="0.25">
      <c r="A14282" s="2">
        <v>2856</v>
      </c>
      <c r="B14282" s="2">
        <v>2856</v>
      </c>
      <c r="C14282" s="1" t="s">
        <v>0</v>
      </c>
      <c r="D14282" s="2">
        <v>167110</v>
      </c>
      <c r="E14282" s="1" t="s">
        <v>0</v>
      </c>
    </row>
    <row r="14283" spans="1:5" x14ac:dyDescent="0.25">
      <c r="A14283" s="1" t="s">
        <v>2609</v>
      </c>
      <c r="B14283" s="1" t="s">
        <v>9123</v>
      </c>
      <c r="C14283" s="1" t="s">
        <v>32735</v>
      </c>
      <c r="D14283" s="2">
        <v>167111</v>
      </c>
      <c r="E14283" s="1" t="s">
        <v>0</v>
      </c>
    </row>
    <row r="14284" spans="1:5" x14ac:dyDescent="0.25">
      <c r="A14284" s="1" t="s">
        <v>32736</v>
      </c>
      <c r="B14284" s="1" t="s">
        <v>54188</v>
      </c>
      <c r="C14284" s="1" t="s">
        <v>32737</v>
      </c>
      <c r="D14284" s="2">
        <v>167112</v>
      </c>
      <c r="E14284" s="1" t="s">
        <v>0</v>
      </c>
    </row>
    <row r="14285" spans="1:5" ht="409.5" x14ac:dyDescent="0.25">
      <c r="A14285" s="4" t="s">
        <v>32738</v>
      </c>
      <c r="B14285" s="1" t="s">
        <v>54189</v>
      </c>
      <c r="C14285" s="1" t="s">
        <v>32739</v>
      </c>
      <c r="D14285" s="2">
        <v>167113</v>
      </c>
      <c r="E14285" s="1" t="s">
        <v>0</v>
      </c>
    </row>
    <row r="14286" spans="1:5" x14ac:dyDescent="0.25">
      <c r="A14286" s="1" t="s">
        <v>32740</v>
      </c>
      <c r="B14286" s="1" t="s">
        <v>54190</v>
      </c>
      <c r="C14286" s="1" t="s">
        <v>32741</v>
      </c>
      <c r="D14286" s="2">
        <v>167114</v>
      </c>
      <c r="E14286" s="1" t="s">
        <v>0</v>
      </c>
    </row>
    <row r="14287" spans="1:5" x14ac:dyDescent="0.25">
      <c r="A14287" s="2">
        <v>2857</v>
      </c>
      <c r="B14287" s="2">
        <v>2857</v>
      </c>
      <c r="C14287" s="1" t="s">
        <v>0</v>
      </c>
      <c r="D14287" s="2">
        <v>167115</v>
      </c>
      <c r="E14287" s="1" t="s">
        <v>0</v>
      </c>
    </row>
    <row r="14288" spans="1:5" x14ac:dyDescent="0.25">
      <c r="A14288" s="1" t="s">
        <v>2610</v>
      </c>
      <c r="B14288" s="1" t="s">
        <v>9124</v>
      </c>
      <c r="C14288" s="1" t="s">
        <v>32742</v>
      </c>
      <c r="D14288" s="2">
        <v>167116</v>
      </c>
      <c r="E14288" s="1" t="s">
        <v>0</v>
      </c>
    </row>
    <row r="14289" spans="1:5" x14ac:dyDescent="0.25">
      <c r="A14289" s="1" t="s">
        <v>32743</v>
      </c>
      <c r="B14289" s="1" t="s">
        <v>54191</v>
      </c>
      <c r="C14289" s="1" t="s">
        <v>32744</v>
      </c>
      <c r="D14289" s="2">
        <v>167117</v>
      </c>
      <c r="E14289" s="1" t="s">
        <v>0</v>
      </c>
    </row>
    <row r="14290" spans="1:5" ht="409.5" x14ac:dyDescent="0.25">
      <c r="A14290" s="4" t="s">
        <v>64204</v>
      </c>
      <c r="B14290" s="1" t="s">
        <v>57086</v>
      </c>
      <c r="C14290" s="1" t="s">
        <v>32745</v>
      </c>
      <c r="D14290" s="2">
        <v>167118</v>
      </c>
      <c r="E14290" s="1" t="s">
        <v>0</v>
      </c>
    </row>
    <row r="14291" spans="1:5" x14ac:dyDescent="0.25">
      <c r="A14291" s="1" t="s">
        <v>32746</v>
      </c>
      <c r="B14291" s="1" t="s">
        <v>9125</v>
      </c>
      <c r="C14291" s="1" t="s">
        <v>32747</v>
      </c>
      <c r="D14291" s="2">
        <v>167119</v>
      </c>
      <c r="E14291" s="1" t="s">
        <v>0</v>
      </c>
    </row>
    <row r="14292" spans="1:5" x14ac:dyDescent="0.25">
      <c r="A14292" s="2">
        <v>2858</v>
      </c>
      <c r="B14292" s="2">
        <v>2858</v>
      </c>
      <c r="C14292" s="1" t="s">
        <v>0</v>
      </c>
      <c r="D14292" s="2">
        <v>167120</v>
      </c>
      <c r="E14292" s="1" t="s">
        <v>0</v>
      </c>
    </row>
    <row r="14293" spans="1:5" x14ac:dyDescent="0.25">
      <c r="A14293" s="1" t="s">
        <v>2611</v>
      </c>
      <c r="B14293" s="1" t="s">
        <v>9126</v>
      </c>
      <c r="C14293" s="1" t="s">
        <v>32748</v>
      </c>
      <c r="D14293" s="2">
        <v>167121</v>
      </c>
      <c r="E14293" s="1" t="s">
        <v>0</v>
      </c>
    </row>
    <row r="14294" spans="1:5" x14ac:dyDescent="0.25">
      <c r="A14294" s="1" t="s">
        <v>32749</v>
      </c>
      <c r="B14294" s="1" t="s">
        <v>9127</v>
      </c>
      <c r="C14294" s="1" t="s">
        <v>32750</v>
      </c>
      <c r="D14294" s="2">
        <v>167122</v>
      </c>
      <c r="E14294" s="1" t="s">
        <v>0</v>
      </c>
    </row>
    <row r="14295" spans="1:5" ht="409.5" x14ac:dyDescent="0.25">
      <c r="A14295" s="4" t="s">
        <v>32751</v>
      </c>
      <c r="B14295" s="1" t="s">
        <v>54192</v>
      </c>
      <c r="C14295" s="1" t="s">
        <v>32752</v>
      </c>
      <c r="D14295" s="2">
        <v>167123</v>
      </c>
      <c r="E14295" s="1" t="s">
        <v>0</v>
      </c>
    </row>
    <row r="14296" spans="1:5" x14ac:dyDescent="0.25">
      <c r="A14296" s="1" t="s">
        <v>32753</v>
      </c>
      <c r="B14296" s="1" t="s">
        <v>9128</v>
      </c>
      <c r="C14296" s="1" t="s">
        <v>32754</v>
      </c>
      <c r="D14296" s="2">
        <v>167124</v>
      </c>
      <c r="E14296" s="1" t="s">
        <v>0</v>
      </c>
    </row>
    <row r="14297" spans="1:5" x14ac:dyDescent="0.25">
      <c r="A14297" s="2">
        <v>2859</v>
      </c>
      <c r="B14297" s="2">
        <v>2859</v>
      </c>
      <c r="C14297" s="1" t="s">
        <v>0</v>
      </c>
      <c r="D14297" s="2">
        <v>167125</v>
      </c>
      <c r="E14297" s="1" t="s">
        <v>0</v>
      </c>
    </row>
    <row r="14298" spans="1:5" x14ac:dyDescent="0.25">
      <c r="A14298" s="1" t="s">
        <v>2612</v>
      </c>
      <c r="B14298" s="1" t="s">
        <v>60050</v>
      </c>
      <c r="C14298" s="1" t="s">
        <v>32755</v>
      </c>
      <c r="D14298" s="2">
        <v>167126</v>
      </c>
      <c r="E14298" s="1" t="s">
        <v>0</v>
      </c>
    </row>
    <row r="14299" spans="1:5" x14ac:dyDescent="0.25">
      <c r="A14299" s="1" t="s">
        <v>32756</v>
      </c>
      <c r="B14299" s="1" t="s">
        <v>60051</v>
      </c>
      <c r="C14299" s="1" t="s">
        <v>32757</v>
      </c>
      <c r="D14299" s="2">
        <v>167127</v>
      </c>
      <c r="E14299" s="1" t="s">
        <v>0</v>
      </c>
    </row>
    <row r="14300" spans="1:5" ht="409.5" x14ac:dyDescent="0.25">
      <c r="A14300" s="4" t="s">
        <v>32758</v>
      </c>
      <c r="B14300" s="1" t="s">
        <v>60052</v>
      </c>
      <c r="C14300" s="1" t="s">
        <v>32759</v>
      </c>
      <c r="D14300" s="2">
        <v>167128</v>
      </c>
      <c r="E14300" s="1" t="s">
        <v>0</v>
      </c>
    </row>
    <row r="14301" spans="1:5" x14ac:dyDescent="0.25">
      <c r="A14301" s="1" t="s">
        <v>32760</v>
      </c>
      <c r="B14301" s="1" t="s">
        <v>9129</v>
      </c>
      <c r="C14301" s="1" t="s">
        <v>32761</v>
      </c>
      <c r="D14301" s="2">
        <v>167129</v>
      </c>
      <c r="E14301" s="1" t="s">
        <v>0</v>
      </c>
    </row>
    <row r="14302" spans="1:5" x14ac:dyDescent="0.25">
      <c r="A14302" s="2">
        <v>2860</v>
      </c>
      <c r="B14302" s="2">
        <v>2860</v>
      </c>
      <c r="C14302" s="1" t="s">
        <v>0</v>
      </c>
      <c r="D14302" s="2">
        <v>167130</v>
      </c>
      <c r="E14302" s="1" t="s">
        <v>0</v>
      </c>
    </row>
    <row r="14303" spans="1:5" x14ac:dyDescent="0.25">
      <c r="A14303" s="1" t="s">
        <v>2613</v>
      </c>
      <c r="B14303" s="1" t="s">
        <v>9130</v>
      </c>
      <c r="C14303" s="1" t="s">
        <v>32762</v>
      </c>
      <c r="D14303" s="2">
        <v>167131</v>
      </c>
      <c r="E14303" s="1" t="s">
        <v>0</v>
      </c>
    </row>
    <row r="14304" spans="1:5" x14ac:dyDescent="0.25">
      <c r="A14304" s="1" t="s">
        <v>32763</v>
      </c>
      <c r="B14304" s="1" t="s">
        <v>9131</v>
      </c>
      <c r="C14304" s="1" t="s">
        <v>32764</v>
      </c>
      <c r="D14304" s="2">
        <v>167132</v>
      </c>
      <c r="E14304" s="1" t="s">
        <v>0</v>
      </c>
    </row>
    <row r="14305" spans="1:5" ht="409.5" x14ac:dyDescent="0.25">
      <c r="A14305" s="4" t="s">
        <v>32765</v>
      </c>
      <c r="B14305" s="1" t="s">
        <v>9132</v>
      </c>
      <c r="C14305" s="1" t="s">
        <v>32766</v>
      </c>
      <c r="D14305" s="2">
        <v>167133</v>
      </c>
      <c r="E14305" s="1" t="s">
        <v>0</v>
      </c>
    </row>
    <row r="14306" spans="1:5" x14ac:dyDescent="0.25">
      <c r="A14306" s="1" t="s">
        <v>32767</v>
      </c>
      <c r="B14306" s="1" t="s">
        <v>61172</v>
      </c>
      <c r="C14306" s="1" t="s">
        <v>32768</v>
      </c>
      <c r="D14306" s="2">
        <v>167134</v>
      </c>
      <c r="E14306" s="1" t="s">
        <v>0</v>
      </c>
    </row>
    <row r="14307" spans="1:5" x14ac:dyDescent="0.25">
      <c r="A14307" s="2">
        <v>2861</v>
      </c>
      <c r="B14307" s="2">
        <v>2861</v>
      </c>
      <c r="C14307" s="1" t="s">
        <v>0</v>
      </c>
      <c r="D14307" s="2">
        <v>167135</v>
      </c>
      <c r="E14307" s="1" t="s">
        <v>0</v>
      </c>
    </row>
    <row r="14308" spans="1:5" x14ac:dyDescent="0.25">
      <c r="A14308" s="1" t="s">
        <v>9133</v>
      </c>
      <c r="B14308" s="1" t="s">
        <v>9134</v>
      </c>
      <c r="C14308" s="1" t="s">
        <v>32769</v>
      </c>
      <c r="D14308" s="2">
        <v>167136</v>
      </c>
      <c r="E14308" s="1" t="s">
        <v>0</v>
      </c>
    </row>
    <row r="14309" spans="1:5" x14ac:dyDescent="0.25">
      <c r="A14309" s="1" t="s">
        <v>32770</v>
      </c>
      <c r="B14309" s="1" t="s">
        <v>57868</v>
      </c>
      <c r="C14309" s="1" t="s">
        <v>32771</v>
      </c>
      <c r="D14309" s="2">
        <v>167137</v>
      </c>
      <c r="E14309" s="1" t="s">
        <v>0</v>
      </c>
    </row>
    <row r="14310" spans="1:5" ht="409.5" x14ac:dyDescent="0.25">
      <c r="A14310" s="4" t="s">
        <v>32772</v>
      </c>
      <c r="B14310" s="1" t="s">
        <v>57869</v>
      </c>
      <c r="C14310" s="1" t="s">
        <v>32773</v>
      </c>
      <c r="D14310" s="2">
        <v>167138</v>
      </c>
      <c r="E14310" s="1" t="s">
        <v>0</v>
      </c>
    </row>
    <row r="14311" spans="1:5" x14ac:dyDescent="0.25">
      <c r="A14311" s="1" t="s">
        <v>32774</v>
      </c>
      <c r="B14311" s="1" t="s">
        <v>57870</v>
      </c>
      <c r="C14311" s="1" t="s">
        <v>32775</v>
      </c>
      <c r="D14311" s="2">
        <v>167139</v>
      </c>
      <c r="E14311" s="1" t="s">
        <v>0</v>
      </c>
    </row>
    <row r="14312" spans="1:5" x14ac:dyDescent="0.25">
      <c r="A14312" s="2">
        <v>2862</v>
      </c>
      <c r="B14312" s="2">
        <v>2862</v>
      </c>
      <c r="C14312" s="1" t="s">
        <v>0</v>
      </c>
      <c r="D14312" s="2">
        <v>167140</v>
      </c>
      <c r="E14312" s="1" t="s">
        <v>0</v>
      </c>
    </row>
    <row r="14313" spans="1:5" x14ac:dyDescent="0.25">
      <c r="A14313" s="1" t="s">
        <v>2614</v>
      </c>
      <c r="B14313" s="1" t="s">
        <v>9135</v>
      </c>
      <c r="C14313" s="1" t="s">
        <v>32776</v>
      </c>
      <c r="D14313" s="2">
        <v>167141</v>
      </c>
      <c r="E14313" s="1" t="s">
        <v>0</v>
      </c>
    </row>
    <row r="14314" spans="1:5" x14ac:dyDescent="0.25">
      <c r="A14314" s="1" t="s">
        <v>32777</v>
      </c>
      <c r="B14314" s="1" t="s">
        <v>62582</v>
      </c>
      <c r="C14314" s="1" t="s">
        <v>32778</v>
      </c>
      <c r="D14314" s="2">
        <v>167142</v>
      </c>
      <c r="E14314" s="1" t="s">
        <v>0</v>
      </c>
    </row>
    <row r="14315" spans="1:5" ht="409.5" x14ac:dyDescent="0.25">
      <c r="A14315" s="4" t="s">
        <v>64205</v>
      </c>
      <c r="B14315" s="1" t="s">
        <v>63384</v>
      </c>
      <c r="C14315" s="1" t="s">
        <v>32779</v>
      </c>
      <c r="D14315" s="2">
        <v>167143</v>
      </c>
      <c r="E14315" s="1" t="s">
        <v>0</v>
      </c>
    </row>
    <row r="14316" spans="1:5" x14ac:dyDescent="0.25">
      <c r="A14316" s="1" t="s">
        <v>32780</v>
      </c>
      <c r="B14316" s="1" t="s">
        <v>60053</v>
      </c>
      <c r="C14316" s="1" t="s">
        <v>32781</v>
      </c>
      <c r="D14316" s="2">
        <v>167144</v>
      </c>
      <c r="E14316" s="1" t="s">
        <v>0</v>
      </c>
    </row>
    <row r="14317" spans="1:5" x14ac:dyDescent="0.25">
      <c r="A14317" s="2">
        <v>2863</v>
      </c>
      <c r="B14317" s="2">
        <v>2863</v>
      </c>
      <c r="C14317" s="1" t="s">
        <v>0</v>
      </c>
      <c r="D14317" s="2">
        <v>167145</v>
      </c>
      <c r="E14317" s="1" t="s">
        <v>0</v>
      </c>
    </row>
    <row r="14318" spans="1:5" x14ac:dyDescent="0.25">
      <c r="A14318" s="1" t="s">
        <v>2615</v>
      </c>
      <c r="B14318" s="1" t="s">
        <v>9136</v>
      </c>
      <c r="C14318" s="1" t="s">
        <v>32782</v>
      </c>
      <c r="D14318" s="2">
        <v>167146</v>
      </c>
      <c r="E14318" s="1" t="s">
        <v>0</v>
      </c>
    </row>
    <row r="14319" spans="1:5" x14ac:dyDescent="0.25">
      <c r="A14319" s="1" t="s">
        <v>32783</v>
      </c>
      <c r="B14319" s="1" t="s">
        <v>54193</v>
      </c>
      <c r="C14319" s="1" t="s">
        <v>32784</v>
      </c>
      <c r="D14319" s="2">
        <v>167147</v>
      </c>
      <c r="E14319" s="1" t="s">
        <v>0</v>
      </c>
    </row>
    <row r="14320" spans="1:5" ht="409.5" x14ac:dyDescent="0.25">
      <c r="A14320" s="4" t="s">
        <v>32785</v>
      </c>
      <c r="B14320" s="1" t="s">
        <v>54194</v>
      </c>
      <c r="C14320" s="1" t="s">
        <v>32786</v>
      </c>
      <c r="D14320" s="2">
        <v>167148</v>
      </c>
      <c r="E14320" s="1" t="s">
        <v>0</v>
      </c>
    </row>
    <row r="14321" spans="1:5" x14ac:dyDescent="0.25">
      <c r="A14321" s="1" t="s">
        <v>32787</v>
      </c>
      <c r="B14321" s="1" t="s">
        <v>9137</v>
      </c>
      <c r="C14321" s="1" t="s">
        <v>32788</v>
      </c>
      <c r="D14321" s="2">
        <v>167149</v>
      </c>
      <c r="E14321" s="1" t="s">
        <v>0</v>
      </c>
    </row>
    <row r="14322" spans="1:5" x14ac:dyDescent="0.25">
      <c r="A14322" s="2">
        <v>2864</v>
      </c>
      <c r="B14322" s="2">
        <v>2864</v>
      </c>
      <c r="C14322" s="1" t="s">
        <v>0</v>
      </c>
      <c r="D14322" s="2">
        <v>167150</v>
      </c>
      <c r="E14322" s="1" t="s">
        <v>0</v>
      </c>
    </row>
    <row r="14323" spans="1:5" x14ac:dyDescent="0.25">
      <c r="A14323" s="1" t="s">
        <v>2616</v>
      </c>
      <c r="B14323" s="1" t="s">
        <v>9138</v>
      </c>
      <c r="C14323" s="1" t="s">
        <v>32789</v>
      </c>
      <c r="D14323" s="2">
        <v>167151</v>
      </c>
      <c r="E14323" s="1" t="s">
        <v>0</v>
      </c>
    </row>
    <row r="14324" spans="1:5" x14ac:dyDescent="0.25">
      <c r="A14324" s="1" t="s">
        <v>32790</v>
      </c>
      <c r="B14324" s="1" t="s">
        <v>9139</v>
      </c>
      <c r="C14324" s="1" t="s">
        <v>32791</v>
      </c>
      <c r="D14324" s="2">
        <v>167152</v>
      </c>
      <c r="E14324" s="1" t="s">
        <v>0</v>
      </c>
    </row>
    <row r="14325" spans="1:5" ht="409.5" x14ac:dyDescent="0.25">
      <c r="A14325" s="4" t="s">
        <v>32792</v>
      </c>
      <c r="B14325" s="1" t="s">
        <v>63385</v>
      </c>
      <c r="C14325" s="1" t="s">
        <v>32793</v>
      </c>
      <c r="D14325" s="2">
        <v>167153</v>
      </c>
      <c r="E14325" s="1" t="s">
        <v>0</v>
      </c>
    </row>
    <row r="14326" spans="1:5" x14ac:dyDescent="0.25">
      <c r="A14326" s="1" t="s">
        <v>32794</v>
      </c>
      <c r="B14326" s="1" t="s">
        <v>54195</v>
      </c>
      <c r="C14326" s="1" t="s">
        <v>32795</v>
      </c>
      <c r="D14326" s="2">
        <v>167154</v>
      </c>
      <c r="E14326" s="1" t="s">
        <v>0</v>
      </c>
    </row>
    <row r="14327" spans="1:5" x14ac:dyDescent="0.25">
      <c r="A14327" s="2">
        <v>2865</v>
      </c>
      <c r="B14327" s="2">
        <v>2865</v>
      </c>
      <c r="C14327" s="1" t="s">
        <v>0</v>
      </c>
      <c r="D14327" s="2">
        <v>167155</v>
      </c>
      <c r="E14327" s="1" t="s">
        <v>0</v>
      </c>
    </row>
    <row r="14328" spans="1:5" x14ac:dyDescent="0.25">
      <c r="A14328" s="1" t="s">
        <v>2617</v>
      </c>
      <c r="B14328" s="1" t="s">
        <v>56952</v>
      </c>
      <c r="C14328" s="1" t="s">
        <v>32796</v>
      </c>
      <c r="D14328" s="2">
        <v>167156</v>
      </c>
      <c r="E14328" s="1" t="s">
        <v>0</v>
      </c>
    </row>
    <row r="14329" spans="1:5" x14ac:dyDescent="0.25">
      <c r="A14329" s="1" t="s">
        <v>32797</v>
      </c>
      <c r="B14329" s="1" t="s">
        <v>62583</v>
      </c>
      <c r="C14329" s="1" t="s">
        <v>32798</v>
      </c>
      <c r="D14329" s="2">
        <v>167157</v>
      </c>
      <c r="E14329" s="1" t="s">
        <v>0</v>
      </c>
    </row>
    <row r="14330" spans="1:5" ht="409.5" x14ac:dyDescent="0.25">
      <c r="A14330" s="4" t="s">
        <v>61824</v>
      </c>
      <c r="B14330" s="1" t="s">
        <v>62584</v>
      </c>
      <c r="C14330" s="1" t="s">
        <v>32799</v>
      </c>
      <c r="D14330" s="2">
        <v>167158</v>
      </c>
      <c r="E14330" s="1" t="s">
        <v>0</v>
      </c>
    </row>
    <row r="14331" spans="1:5" x14ac:dyDescent="0.25">
      <c r="A14331" s="1" t="s">
        <v>32800</v>
      </c>
      <c r="B14331" s="1" t="s">
        <v>61676</v>
      </c>
      <c r="C14331" s="1" t="s">
        <v>32801</v>
      </c>
      <c r="D14331" s="2">
        <v>167159</v>
      </c>
      <c r="E14331" s="1" t="s">
        <v>0</v>
      </c>
    </row>
    <row r="14332" spans="1:5" x14ac:dyDescent="0.25">
      <c r="A14332" s="2">
        <v>2866</v>
      </c>
      <c r="B14332" s="2">
        <v>2866</v>
      </c>
      <c r="C14332" s="1" t="s">
        <v>0</v>
      </c>
      <c r="D14332" s="2">
        <v>167160</v>
      </c>
      <c r="E14332" s="1" t="s">
        <v>0</v>
      </c>
    </row>
    <row r="14333" spans="1:5" x14ac:dyDescent="0.25">
      <c r="A14333" s="1" t="s">
        <v>2618</v>
      </c>
      <c r="B14333" s="1" t="s">
        <v>9140</v>
      </c>
      <c r="C14333" s="1" t="s">
        <v>32802</v>
      </c>
      <c r="D14333" s="2">
        <v>167161</v>
      </c>
      <c r="E14333" s="1" t="s">
        <v>0</v>
      </c>
    </row>
    <row r="14334" spans="1:5" x14ac:dyDescent="0.25">
      <c r="A14334" s="1" t="s">
        <v>32803</v>
      </c>
      <c r="B14334" s="1" t="s">
        <v>54196</v>
      </c>
      <c r="C14334" s="1" t="s">
        <v>32804</v>
      </c>
      <c r="D14334" s="2">
        <v>167162</v>
      </c>
      <c r="E14334" s="1" t="s">
        <v>0</v>
      </c>
    </row>
    <row r="14335" spans="1:5" ht="409.5" x14ac:dyDescent="0.25">
      <c r="A14335" s="4" t="s">
        <v>32805</v>
      </c>
      <c r="B14335" s="1" t="s">
        <v>63386</v>
      </c>
      <c r="C14335" s="1" t="s">
        <v>32806</v>
      </c>
      <c r="D14335" s="2">
        <v>167163</v>
      </c>
      <c r="E14335" s="1" t="s">
        <v>0</v>
      </c>
    </row>
    <row r="14336" spans="1:5" x14ac:dyDescent="0.25">
      <c r="A14336" s="1" t="s">
        <v>32807</v>
      </c>
      <c r="B14336" s="1" t="s">
        <v>61173</v>
      </c>
      <c r="C14336" s="1" t="s">
        <v>32808</v>
      </c>
      <c r="D14336" s="2">
        <v>167164</v>
      </c>
      <c r="E14336" s="1" t="s">
        <v>0</v>
      </c>
    </row>
    <row r="14337" spans="1:5" x14ac:dyDescent="0.25">
      <c r="A14337" s="2">
        <v>2867</v>
      </c>
      <c r="B14337" s="2">
        <v>2867</v>
      </c>
      <c r="C14337" s="1" t="s">
        <v>0</v>
      </c>
      <c r="D14337" s="2">
        <v>167165</v>
      </c>
      <c r="E14337" s="1" t="s">
        <v>0</v>
      </c>
    </row>
    <row r="14338" spans="1:5" x14ac:dyDescent="0.25">
      <c r="A14338" s="1" t="s">
        <v>2619</v>
      </c>
      <c r="B14338" s="1" t="s">
        <v>50769</v>
      </c>
      <c r="C14338" s="1" t="s">
        <v>32809</v>
      </c>
      <c r="D14338" s="2">
        <v>167166</v>
      </c>
      <c r="E14338" s="1" t="s">
        <v>0</v>
      </c>
    </row>
    <row r="14339" spans="1:5" x14ac:dyDescent="0.25">
      <c r="A14339" s="1" t="s">
        <v>32810</v>
      </c>
      <c r="B14339" s="1" t="s">
        <v>50770</v>
      </c>
      <c r="C14339" s="1" t="s">
        <v>32811</v>
      </c>
      <c r="D14339" s="2">
        <v>167167</v>
      </c>
      <c r="E14339" s="1" t="s">
        <v>0</v>
      </c>
    </row>
    <row r="14340" spans="1:5" ht="409.5" x14ac:dyDescent="0.25">
      <c r="A14340" s="4" t="s">
        <v>64206</v>
      </c>
      <c r="B14340" s="1" t="s">
        <v>54197</v>
      </c>
      <c r="C14340" s="1" t="s">
        <v>32812</v>
      </c>
      <c r="D14340" s="2">
        <v>167168</v>
      </c>
      <c r="E14340" s="1" t="s">
        <v>0</v>
      </c>
    </row>
    <row r="14341" spans="1:5" x14ac:dyDescent="0.25">
      <c r="A14341" s="1" t="s">
        <v>32813</v>
      </c>
      <c r="B14341" s="1" t="s">
        <v>54198</v>
      </c>
      <c r="C14341" s="1" t="s">
        <v>32814</v>
      </c>
      <c r="D14341" s="2">
        <v>167169</v>
      </c>
      <c r="E14341" s="1" t="s">
        <v>0</v>
      </c>
    </row>
    <row r="14342" spans="1:5" x14ac:dyDescent="0.25">
      <c r="A14342" s="2">
        <v>2868</v>
      </c>
      <c r="B14342" s="2">
        <v>2868</v>
      </c>
      <c r="C14342" s="1" t="s">
        <v>0</v>
      </c>
      <c r="D14342" s="2">
        <v>167170</v>
      </c>
      <c r="E14342" s="1" t="s">
        <v>0</v>
      </c>
    </row>
    <row r="14343" spans="1:5" x14ac:dyDescent="0.25">
      <c r="A14343" s="1" t="s">
        <v>2620</v>
      </c>
      <c r="B14343" s="1" t="s">
        <v>9141</v>
      </c>
      <c r="C14343" s="1" t="s">
        <v>32815</v>
      </c>
      <c r="D14343" s="2">
        <v>167171</v>
      </c>
      <c r="E14343" s="1" t="s">
        <v>0</v>
      </c>
    </row>
    <row r="14344" spans="1:5" x14ac:dyDescent="0.25">
      <c r="A14344" s="1" t="s">
        <v>32816</v>
      </c>
      <c r="B14344" s="1" t="s">
        <v>9142</v>
      </c>
      <c r="C14344" s="1" t="s">
        <v>32817</v>
      </c>
      <c r="D14344" s="2">
        <v>167172</v>
      </c>
      <c r="E14344" s="1" t="s">
        <v>0</v>
      </c>
    </row>
    <row r="14345" spans="1:5" ht="409.5" x14ac:dyDescent="0.25">
      <c r="A14345" s="4" t="s">
        <v>32818</v>
      </c>
      <c r="B14345" s="1" t="s">
        <v>60054</v>
      </c>
      <c r="C14345" s="1" t="s">
        <v>32819</v>
      </c>
      <c r="D14345" s="2">
        <v>167173</v>
      </c>
      <c r="E14345" s="1" t="s">
        <v>0</v>
      </c>
    </row>
    <row r="14346" spans="1:5" x14ac:dyDescent="0.25">
      <c r="A14346" s="1" t="s">
        <v>32820</v>
      </c>
      <c r="B14346" s="1" t="s">
        <v>9143</v>
      </c>
      <c r="C14346" s="1" t="s">
        <v>32821</v>
      </c>
      <c r="D14346" s="2">
        <v>167174</v>
      </c>
      <c r="E14346" s="1" t="s">
        <v>0</v>
      </c>
    </row>
    <row r="14347" spans="1:5" x14ac:dyDescent="0.25">
      <c r="A14347" s="2">
        <v>2869</v>
      </c>
      <c r="B14347" s="2">
        <v>2869</v>
      </c>
      <c r="C14347" s="1" t="s">
        <v>0</v>
      </c>
      <c r="D14347" s="2">
        <v>167175</v>
      </c>
      <c r="E14347" s="1" t="s">
        <v>0</v>
      </c>
    </row>
    <row r="14348" spans="1:5" x14ac:dyDescent="0.25">
      <c r="A14348" s="1" t="s">
        <v>9144</v>
      </c>
      <c r="B14348" s="1" t="s">
        <v>9145</v>
      </c>
      <c r="C14348" s="1" t="s">
        <v>32822</v>
      </c>
      <c r="D14348" s="2">
        <v>167176</v>
      </c>
      <c r="E14348" s="1" t="s">
        <v>0</v>
      </c>
    </row>
    <row r="14349" spans="1:5" x14ac:dyDescent="0.25">
      <c r="A14349" s="1" t="s">
        <v>32823</v>
      </c>
      <c r="B14349" s="1" t="s">
        <v>62585</v>
      </c>
      <c r="C14349" s="1" t="s">
        <v>32824</v>
      </c>
      <c r="D14349" s="2">
        <v>167177</v>
      </c>
      <c r="E14349" s="1" t="s">
        <v>0</v>
      </c>
    </row>
    <row r="14350" spans="1:5" ht="409.5" x14ac:dyDescent="0.25">
      <c r="A14350" s="4" t="s">
        <v>32825</v>
      </c>
      <c r="B14350" s="1" t="s">
        <v>62586</v>
      </c>
      <c r="C14350" s="1" t="s">
        <v>32826</v>
      </c>
      <c r="D14350" s="2">
        <v>167178</v>
      </c>
      <c r="E14350" s="1" t="s">
        <v>0</v>
      </c>
    </row>
    <row r="14351" spans="1:5" x14ac:dyDescent="0.25">
      <c r="A14351" s="1" t="s">
        <v>32827</v>
      </c>
      <c r="B14351" s="1" t="s">
        <v>54199</v>
      </c>
      <c r="C14351" s="1" t="s">
        <v>32828</v>
      </c>
      <c r="D14351" s="2">
        <v>167179</v>
      </c>
      <c r="E14351" s="1" t="s">
        <v>0</v>
      </c>
    </row>
    <row r="14352" spans="1:5" x14ac:dyDescent="0.25">
      <c r="A14352" s="2">
        <v>2870</v>
      </c>
      <c r="B14352" s="2">
        <v>2870</v>
      </c>
      <c r="C14352" s="1" t="s">
        <v>0</v>
      </c>
      <c r="D14352" s="2">
        <v>167180</v>
      </c>
      <c r="E14352" s="1" t="s">
        <v>0</v>
      </c>
    </row>
    <row r="14353" spans="1:5" x14ac:dyDescent="0.25">
      <c r="A14353" s="1" t="s">
        <v>2621</v>
      </c>
      <c r="B14353" s="1" t="s">
        <v>9146</v>
      </c>
      <c r="C14353" s="1" t="s">
        <v>32829</v>
      </c>
      <c r="D14353" s="2">
        <v>167181</v>
      </c>
      <c r="E14353" s="1" t="s">
        <v>0</v>
      </c>
    </row>
    <row r="14354" spans="1:5" x14ac:dyDescent="0.25">
      <c r="A14354" s="1" t="s">
        <v>32830</v>
      </c>
      <c r="B14354" s="1" t="s">
        <v>9147</v>
      </c>
      <c r="C14354" s="1" t="s">
        <v>32831</v>
      </c>
      <c r="D14354" s="2">
        <v>167182</v>
      </c>
      <c r="E14354" s="1" t="s">
        <v>0</v>
      </c>
    </row>
    <row r="14355" spans="1:5" ht="409.5" x14ac:dyDescent="0.25">
      <c r="A14355" s="4" t="s">
        <v>32832</v>
      </c>
      <c r="B14355" s="1" t="s">
        <v>9148</v>
      </c>
      <c r="C14355" s="1" t="s">
        <v>32833</v>
      </c>
      <c r="D14355" s="2">
        <v>167183</v>
      </c>
      <c r="E14355" s="1" t="s">
        <v>0</v>
      </c>
    </row>
    <row r="14356" spans="1:5" x14ac:dyDescent="0.25">
      <c r="A14356" s="1" t="s">
        <v>32834</v>
      </c>
      <c r="B14356" s="1" t="s">
        <v>9149</v>
      </c>
      <c r="C14356" s="1" t="s">
        <v>32835</v>
      </c>
      <c r="D14356" s="2">
        <v>167184</v>
      </c>
      <c r="E14356" s="1" t="s">
        <v>0</v>
      </c>
    </row>
    <row r="14357" spans="1:5" x14ac:dyDescent="0.25">
      <c r="A14357" s="2">
        <v>2871</v>
      </c>
      <c r="B14357" s="2">
        <v>2871</v>
      </c>
      <c r="C14357" s="1" t="s">
        <v>0</v>
      </c>
      <c r="D14357" s="2">
        <v>167185</v>
      </c>
      <c r="E14357" s="1" t="s">
        <v>0</v>
      </c>
    </row>
    <row r="14358" spans="1:5" x14ac:dyDescent="0.25">
      <c r="A14358" s="1" t="s">
        <v>2622</v>
      </c>
      <c r="B14358" s="1" t="s">
        <v>9150</v>
      </c>
      <c r="C14358" s="1" t="s">
        <v>32836</v>
      </c>
      <c r="D14358" s="2">
        <v>167186</v>
      </c>
      <c r="E14358" s="1" t="s">
        <v>0</v>
      </c>
    </row>
    <row r="14359" spans="1:5" x14ac:dyDescent="0.25">
      <c r="A14359" s="1" t="s">
        <v>32837</v>
      </c>
      <c r="B14359" s="1" t="s">
        <v>9151</v>
      </c>
      <c r="C14359" s="1" t="s">
        <v>32838</v>
      </c>
      <c r="D14359" s="2">
        <v>167187</v>
      </c>
      <c r="E14359" s="1" t="s">
        <v>0</v>
      </c>
    </row>
    <row r="14360" spans="1:5" ht="409.5" x14ac:dyDescent="0.25">
      <c r="A14360" s="4" t="s">
        <v>32839</v>
      </c>
      <c r="B14360" s="1" t="s">
        <v>58413</v>
      </c>
      <c r="C14360" s="1" t="s">
        <v>32840</v>
      </c>
      <c r="D14360" s="2">
        <v>167188</v>
      </c>
      <c r="E14360" s="1" t="s">
        <v>0</v>
      </c>
    </row>
    <row r="14361" spans="1:5" x14ac:dyDescent="0.25">
      <c r="A14361" s="1" t="s">
        <v>32841</v>
      </c>
      <c r="B14361" s="1" t="s">
        <v>54200</v>
      </c>
      <c r="C14361" s="1" t="s">
        <v>32842</v>
      </c>
      <c r="D14361" s="2">
        <v>167189</v>
      </c>
      <c r="E14361" s="1" t="s">
        <v>0</v>
      </c>
    </row>
    <row r="14362" spans="1:5" x14ac:dyDescent="0.25">
      <c r="A14362" s="2">
        <v>2872</v>
      </c>
      <c r="B14362" s="2">
        <v>2872</v>
      </c>
      <c r="C14362" s="1" t="s">
        <v>0</v>
      </c>
      <c r="D14362" s="2">
        <v>167190</v>
      </c>
      <c r="E14362" s="1" t="s">
        <v>0</v>
      </c>
    </row>
    <row r="14363" spans="1:5" x14ac:dyDescent="0.25">
      <c r="A14363" s="1" t="s">
        <v>2623</v>
      </c>
      <c r="B14363" s="1" t="s">
        <v>50771</v>
      </c>
      <c r="C14363" s="1" t="s">
        <v>32843</v>
      </c>
      <c r="D14363" s="2">
        <v>167191</v>
      </c>
      <c r="E14363" s="1" t="s">
        <v>0</v>
      </c>
    </row>
    <row r="14364" spans="1:5" x14ac:dyDescent="0.25">
      <c r="A14364" s="1" t="s">
        <v>32844</v>
      </c>
      <c r="B14364" s="1" t="s">
        <v>63731</v>
      </c>
      <c r="C14364" s="1" t="s">
        <v>32845</v>
      </c>
      <c r="D14364" s="2">
        <v>167192</v>
      </c>
      <c r="E14364" s="1" t="s">
        <v>0</v>
      </c>
    </row>
    <row r="14365" spans="1:5" ht="409.5" x14ac:dyDescent="0.25">
      <c r="A14365" s="4" t="s">
        <v>32846</v>
      </c>
      <c r="B14365" s="1" t="s">
        <v>63732</v>
      </c>
      <c r="C14365" s="1" t="s">
        <v>32847</v>
      </c>
      <c r="D14365" s="2">
        <v>167193</v>
      </c>
      <c r="E14365" s="1" t="s">
        <v>0</v>
      </c>
    </row>
    <row r="14366" spans="1:5" x14ac:dyDescent="0.25">
      <c r="A14366" s="1" t="s">
        <v>32848</v>
      </c>
      <c r="B14366" s="1" t="s">
        <v>57240</v>
      </c>
      <c r="C14366" s="1" t="s">
        <v>32849</v>
      </c>
      <c r="D14366" s="2">
        <v>167194</v>
      </c>
      <c r="E14366" s="1" t="s">
        <v>0</v>
      </c>
    </row>
    <row r="14367" spans="1:5" x14ac:dyDescent="0.25">
      <c r="A14367" s="2">
        <v>2873</v>
      </c>
      <c r="B14367" s="2">
        <v>2873</v>
      </c>
      <c r="C14367" s="1" t="s">
        <v>0</v>
      </c>
      <c r="D14367" s="2">
        <v>167195</v>
      </c>
      <c r="E14367" s="1" t="s">
        <v>0</v>
      </c>
    </row>
    <row r="14368" spans="1:5" x14ac:dyDescent="0.25">
      <c r="A14368" s="1" t="s">
        <v>9152</v>
      </c>
      <c r="B14368" s="1" t="s">
        <v>9153</v>
      </c>
      <c r="C14368" s="1" t="s">
        <v>32850</v>
      </c>
      <c r="D14368" s="2">
        <v>167196</v>
      </c>
      <c r="E14368" s="1" t="s">
        <v>0</v>
      </c>
    </row>
    <row r="14369" spans="1:5" x14ac:dyDescent="0.25">
      <c r="A14369" s="1" t="s">
        <v>32851</v>
      </c>
      <c r="B14369" s="1" t="s">
        <v>54201</v>
      </c>
      <c r="C14369" s="1" t="s">
        <v>32852</v>
      </c>
      <c r="D14369" s="2">
        <v>167197</v>
      </c>
      <c r="E14369" s="1" t="s">
        <v>0</v>
      </c>
    </row>
    <row r="14370" spans="1:5" ht="409.5" x14ac:dyDescent="0.25">
      <c r="A14370" s="4" t="s">
        <v>64207</v>
      </c>
      <c r="B14370" s="1" t="s">
        <v>54202</v>
      </c>
      <c r="C14370" s="1" t="s">
        <v>32853</v>
      </c>
      <c r="D14370" s="2">
        <v>167198</v>
      </c>
      <c r="E14370" s="1" t="s">
        <v>0</v>
      </c>
    </row>
    <row r="14371" spans="1:5" x14ac:dyDescent="0.25">
      <c r="A14371" s="1" t="s">
        <v>32854</v>
      </c>
      <c r="B14371" s="1" t="s">
        <v>9154</v>
      </c>
      <c r="C14371" s="1" t="s">
        <v>32855</v>
      </c>
      <c r="D14371" s="2">
        <v>167199</v>
      </c>
      <c r="E14371" s="1" t="s">
        <v>0</v>
      </c>
    </row>
    <row r="14372" spans="1:5" x14ac:dyDescent="0.25">
      <c r="A14372" s="2">
        <v>2874</v>
      </c>
      <c r="B14372" s="2">
        <v>2874</v>
      </c>
      <c r="C14372" s="1" t="s">
        <v>0</v>
      </c>
      <c r="D14372" s="2">
        <v>167200</v>
      </c>
      <c r="E14372" s="1" t="s">
        <v>0</v>
      </c>
    </row>
    <row r="14373" spans="1:5" x14ac:dyDescent="0.25">
      <c r="A14373" s="1" t="s">
        <v>2624</v>
      </c>
      <c r="B14373" s="1" t="s">
        <v>50772</v>
      </c>
      <c r="C14373" s="1" t="s">
        <v>32856</v>
      </c>
      <c r="D14373" s="2">
        <v>167201</v>
      </c>
      <c r="E14373" s="1" t="s">
        <v>0</v>
      </c>
    </row>
    <row r="14374" spans="1:5" x14ac:dyDescent="0.25">
      <c r="A14374" s="1" t="s">
        <v>32857</v>
      </c>
      <c r="B14374" s="1" t="s">
        <v>50773</v>
      </c>
      <c r="C14374" s="1" t="s">
        <v>32858</v>
      </c>
      <c r="D14374" s="2">
        <v>167202</v>
      </c>
      <c r="E14374" s="1" t="s">
        <v>0</v>
      </c>
    </row>
    <row r="14375" spans="1:5" ht="409.5" x14ac:dyDescent="0.25">
      <c r="A14375" s="4" t="s">
        <v>32859</v>
      </c>
      <c r="B14375" s="1" t="s">
        <v>60055</v>
      </c>
      <c r="C14375" s="1" t="s">
        <v>32860</v>
      </c>
      <c r="D14375" s="2">
        <v>167203</v>
      </c>
      <c r="E14375" s="1" t="s">
        <v>0</v>
      </c>
    </row>
    <row r="14376" spans="1:5" x14ac:dyDescent="0.25">
      <c r="A14376" s="1" t="s">
        <v>32861</v>
      </c>
      <c r="B14376" s="1" t="s">
        <v>54203</v>
      </c>
      <c r="C14376" s="1" t="s">
        <v>32862</v>
      </c>
      <c r="D14376" s="2">
        <v>167204</v>
      </c>
      <c r="E14376" s="1" t="s">
        <v>0</v>
      </c>
    </row>
    <row r="14377" spans="1:5" x14ac:dyDescent="0.25">
      <c r="A14377" s="2">
        <v>2875</v>
      </c>
      <c r="B14377" s="2">
        <v>2875</v>
      </c>
      <c r="C14377" s="1" t="s">
        <v>0</v>
      </c>
      <c r="D14377" s="2">
        <v>167205</v>
      </c>
      <c r="E14377" s="1" t="s">
        <v>0</v>
      </c>
    </row>
    <row r="14378" spans="1:5" x14ac:dyDescent="0.25">
      <c r="A14378" s="1" t="s">
        <v>2625</v>
      </c>
      <c r="B14378" s="1" t="s">
        <v>9155</v>
      </c>
      <c r="C14378" s="1" t="s">
        <v>32863</v>
      </c>
      <c r="D14378" s="2">
        <v>167206</v>
      </c>
      <c r="E14378" s="1" t="s">
        <v>0</v>
      </c>
    </row>
    <row r="14379" spans="1:5" x14ac:dyDescent="0.25">
      <c r="A14379" s="1" t="s">
        <v>32864</v>
      </c>
      <c r="B14379" s="1" t="s">
        <v>54204</v>
      </c>
      <c r="C14379" s="1" t="s">
        <v>32865</v>
      </c>
      <c r="D14379" s="2">
        <v>167207</v>
      </c>
      <c r="E14379" s="1" t="s">
        <v>0</v>
      </c>
    </row>
    <row r="14380" spans="1:5" ht="409.5" x14ac:dyDescent="0.25">
      <c r="A14380" s="4" t="s">
        <v>32866</v>
      </c>
      <c r="B14380" s="1" t="s">
        <v>54205</v>
      </c>
      <c r="C14380" s="1" t="s">
        <v>32867</v>
      </c>
      <c r="D14380" s="2">
        <v>167208</v>
      </c>
      <c r="E14380" s="1" t="s">
        <v>0</v>
      </c>
    </row>
    <row r="14381" spans="1:5" x14ac:dyDescent="0.25">
      <c r="A14381" s="1" t="s">
        <v>32868</v>
      </c>
      <c r="B14381" s="1" t="s">
        <v>9156</v>
      </c>
      <c r="C14381" s="1" t="s">
        <v>32869</v>
      </c>
      <c r="D14381" s="2">
        <v>167209</v>
      </c>
      <c r="E14381" s="1" t="s">
        <v>0</v>
      </c>
    </row>
    <row r="14382" spans="1:5" x14ac:dyDescent="0.25">
      <c r="A14382" s="2">
        <v>2876</v>
      </c>
      <c r="B14382" s="2">
        <v>2876</v>
      </c>
      <c r="C14382" s="1" t="s">
        <v>0</v>
      </c>
      <c r="D14382" s="2">
        <v>167210</v>
      </c>
      <c r="E14382" s="1" t="s">
        <v>0</v>
      </c>
    </row>
    <row r="14383" spans="1:5" x14ac:dyDescent="0.25">
      <c r="A14383" s="1" t="s">
        <v>2626</v>
      </c>
      <c r="B14383" s="1" t="s">
        <v>9157</v>
      </c>
      <c r="C14383" s="1" t="s">
        <v>32870</v>
      </c>
      <c r="D14383" s="2">
        <v>167211</v>
      </c>
      <c r="E14383" s="1" t="s">
        <v>0</v>
      </c>
    </row>
    <row r="14384" spans="1:5" x14ac:dyDescent="0.25">
      <c r="A14384" s="1" t="s">
        <v>32871</v>
      </c>
      <c r="B14384" s="1" t="s">
        <v>59033</v>
      </c>
      <c r="C14384" s="1" t="s">
        <v>32872</v>
      </c>
      <c r="D14384" s="2">
        <v>167212</v>
      </c>
      <c r="E14384" s="1" t="s">
        <v>0</v>
      </c>
    </row>
    <row r="14385" spans="1:5" ht="409.5" x14ac:dyDescent="0.25">
      <c r="A14385" s="4" t="s">
        <v>32873</v>
      </c>
      <c r="B14385" s="1" t="s">
        <v>59034</v>
      </c>
      <c r="C14385" s="1" t="s">
        <v>32874</v>
      </c>
      <c r="D14385" s="2">
        <v>167213</v>
      </c>
      <c r="E14385" s="1" t="s">
        <v>0</v>
      </c>
    </row>
    <row r="14386" spans="1:5" x14ac:dyDescent="0.25">
      <c r="A14386" s="1" t="s">
        <v>32875</v>
      </c>
      <c r="B14386" s="1" t="s">
        <v>9158</v>
      </c>
      <c r="C14386" s="1" t="s">
        <v>32876</v>
      </c>
      <c r="D14386" s="2">
        <v>167214</v>
      </c>
      <c r="E14386" s="1" t="s">
        <v>0</v>
      </c>
    </row>
    <row r="14387" spans="1:5" x14ac:dyDescent="0.25">
      <c r="A14387" s="2">
        <v>2877</v>
      </c>
      <c r="B14387" s="2">
        <v>2877</v>
      </c>
      <c r="C14387" s="1" t="s">
        <v>0</v>
      </c>
      <c r="D14387" s="2">
        <v>167215</v>
      </c>
      <c r="E14387" s="1" t="s">
        <v>0</v>
      </c>
    </row>
    <row r="14388" spans="1:5" x14ac:dyDescent="0.25">
      <c r="A14388" s="1" t="s">
        <v>2627</v>
      </c>
      <c r="B14388" s="1" t="s">
        <v>9159</v>
      </c>
      <c r="C14388" s="1" t="s">
        <v>32877</v>
      </c>
      <c r="D14388" s="2">
        <v>167216</v>
      </c>
      <c r="E14388" s="1" t="s">
        <v>0</v>
      </c>
    </row>
    <row r="14389" spans="1:5" x14ac:dyDescent="0.25">
      <c r="A14389" s="1" t="s">
        <v>32878</v>
      </c>
      <c r="B14389" s="1" t="s">
        <v>54206</v>
      </c>
      <c r="C14389" s="1" t="s">
        <v>32879</v>
      </c>
      <c r="D14389" s="2">
        <v>167217</v>
      </c>
      <c r="E14389" s="1" t="s">
        <v>0</v>
      </c>
    </row>
    <row r="14390" spans="1:5" ht="409.5" x14ac:dyDescent="0.25">
      <c r="A14390" s="4" t="s">
        <v>32880</v>
      </c>
      <c r="B14390" s="1" t="s">
        <v>60056</v>
      </c>
      <c r="C14390" s="1" t="s">
        <v>32881</v>
      </c>
      <c r="D14390" s="2">
        <v>167218</v>
      </c>
      <c r="E14390" s="1" t="s">
        <v>0</v>
      </c>
    </row>
    <row r="14391" spans="1:5" x14ac:dyDescent="0.25">
      <c r="A14391" s="1" t="s">
        <v>32882</v>
      </c>
      <c r="B14391" s="1" t="s">
        <v>9160</v>
      </c>
      <c r="C14391" s="1" t="s">
        <v>32883</v>
      </c>
      <c r="D14391" s="2">
        <v>167219</v>
      </c>
      <c r="E14391" s="1" t="s">
        <v>0</v>
      </c>
    </row>
    <row r="14392" spans="1:5" x14ac:dyDescent="0.25">
      <c r="A14392" s="2">
        <v>2878</v>
      </c>
      <c r="B14392" s="2">
        <v>2878</v>
      </c>
      <c r="C14392" s="1" t="s">
        <v>0</v>
      </c>
      <c r="D14392" s="2">
        <v>167220</v>
      </c>
      <c r="E14392" s="1" t="s">
        <v>0</v>
      </c>
    </row>
    <row r="14393" spans="1:5" x14ac:dyDescent="0.25">
      <c r="A14393" s="1" t="s">
        <v>2628</v>
      </c>
      <c r="B14393" s="1" t="s">
        <v>50774</v>
      </c>
      <c r="C14393" s="1" t="s">
        <v>32884</v>
      </c>
      <c r="D14393" s="2">
        <v>167221</v>
      </c>
      <c r="E14393" s="1" t="s">
        <v>0</v>
      </c>
    </row>
    <row r="14394" spans="1:5" x14ac:dyDescent="0.25">
      <c r="A14394" s="1" t="s">
        <v>32885</v>
      </c>
      <c r="B14394" s="1" t="s">
        <v>50775</v>
      </c>
      <c r="C14394" s="1" t="s">
        <v>32886</v>
      </c>
      <c r="D14394" s="2">
        <v>167222</v>
      </c>
      <c r="E14394" s="1" t="s">
        <v>0</v>
      </c>
    </row>
    <row r="14395" spans="1:5" ht="409.5" x14ac:dyDescent="0.25">
      <c r="A14395" s="4" t="s">
        <v>32887</v>
      </c>
      <c r="B14395" s="1" t="s">
        <v>50776</v>
      </c>
      <c r="C14395" s="1" t="s">
        <v>32888</v>
      </c>
      <c r="D14395" s="2">
        <v>167223</v>
      </c>
      <c r="E14395" s="1" t="s">
        <v>0</v>
      </c>
    </row>
    <row r="14396" spans="1:5" x14ac:dyDescent="0.25">
      <c r="A14396" s="1" t="s">
        <v>32889</v>
      </c>
      <c r="B14396" s="1" t="s">
        <v>54207</v>
      </c>
      <c r="C14396" s="1" t="s">
        <v>32890</v>
      </c>
      <c r="D14396" s="2">
        <v>167224</v>
      </c>
      <c r="E14396" s="1" t="s">
        <v>0</v>
      </c>
    </row>
    <row r="14397" spans="1:5" x14ac:dyDescent="0.25">
      <c r="A14397" s="2">
        <v>2879</v>
      </c>
      <c r="B14397" s="2">
        <v>2879</v>
      </c>
      <c r="C14397" s="1" t="s">
        <v>0</v>
      </c>
      <c r="D14397" s="2">
        <v>167225</v>
      </c>
      <c r="E14397" s="1" t="s">
        <v>0</v>
      </c>
    </row>
    <row r="14398" spans="1:5" x14ac:dyDescent="0.25">
      <c r="A14398" s="1" t="s">
        <v>2629</v>
      </c>
      <c r="B14398" s="1" t="s">
        <v>9161</v>
      </c>
      <c r="C14398" s="1" t="s">
        <v>32891</v>
      </c>
      <c r="D14398" s="2">
        <v>167226</v>
      </c>
      <c r="E14398" s="1" t="s">
        <v>0</v>
      </c>
    </row>
    <row r="14399" spans="1:5" x14ac:dyDescent="0.25">
      <c r="A14399" s="1" t="s">
        <v>32892</v>
      </c>
      <c r="B14399" s="1" t="s">
        <v>9162</v>
      </c>
      <c r="C14399" s="1" t="s">
        <v>32893</v>
      </c>
      <c r="D14399" s="2">
        <v>167227</v>
      </c>
      <c r="E14399" s="1" t="s">
        <v>0</v>
      </c>
    </row>
    <row r="14400" spans="1:5" ht="409.5" x14ac:dyDescent="0.25">
      <c r="A14400" s="4" t="s">
        <v>32894</v>
      </c>
      <c r="B14400" s="1" t="s">
        <v>32895</v>
      </c>
      <c r="C14400" s="1" t="s">
        <v>32896</v>
      </c>
      <c r="D14400" s="2">
        <v>167228</v>
      </c>
      <c r="E14400" s="1" t="s">
        <v>0</v>
      </c>
    </row>
    <row r="14401" spans="1:5" x14ac:dyDescent="0.25">
      <c r="A14401" s="1" t="s">
        <v>32897</v>
      </c>
      <c r="B14401" s="1" t="s">
        <v>54208</v>
      </c>
      <c r="C14401" s="1" t="s">
        <v>32898</v>
      </c>
      <c r="D14401" s="2">
        <v>167229</v>
      </c>
      <c r="E14401" s="1" t="s">
        <v>0</v>
      </c>
    </row>
    <row r="14402" spans="1:5" x14ac:dyDescent="0.25">
      <c r="A14402" s="2">
        <v>2880</v>
      </c>
      <c r="B14402" s="2">
        <v>2880</v>
      </c>
      <c r="C14402" s="1" t="s">
        <v>0</v>
      </c>
      <c r="D14402" s="2">
        <v>167230</v>
      </c>
      <c r="E14402" s="1" t="s">
        <v>0</v>
      </c>
    </row>
    <row r="14403" spans="1:5" x14ac:dyDescent="0.25">
      <c r="A14403" s="1" t="s">
        <v>2630</v>
      </c>
      <c r="B14403" s="1" t="s">
        <v>9163</v>
      </c>
      <c r="C14403" s="1" t="s">
        <v>32899</v>
      </c>
      <c r="D14403" s="2">
        <v>167231</v>
      </c>
      <c r="E14403" s="1" t="s">
        <v>0</v>
      </c>
    </row>
    <row r="14404" spans="1:5" x14ac:dyDescent="0.25">
      <c r="A14404" s="1" t="s">
        <v>32900</v>
      </c>
      <c r="B14404" s="1" t="s">
        <v>9164</v>
      </c>
      <c r="C14404" s="1" t="s">
        <v>32901</v>
      </c>
      <c r="D14404" s="2">
        <v>167232</v>
      </c>
      <c r="E14404" s="1" t="s">
        <v>0</v>
      </c>
    </row>
    <row r="14405" spans="1:5" ht="409.5" x14ac:dyDescent="0.25">
      <c r="A14405" s="4" t="s">
        <v>32902</v>
      </c>
      <c r="B14405" s="1" t="s">
        <v>59035</v>
      </c>
      <c r="C14405" s="1" t="s">
        <v>32903</v>
      </c>
      <c r="D14405" s="2">
        <v>167233</v>
      </c>
      <c r="E14405" s="1" t="s">
        <v>0</v>
      </c>
    </row>
    <row r="14406" spans="1:5" x14ac:dyDescent="0.25">
      <c r="A14406" s="1" t="s">
        <v>32904</v>
      </c>
      <c r="B14406" s="1" t="s">
        <v>9165</v>
      </c>
      <c r="C14406" s="1" t="s">
        <v>32905</v>
      </c>
      <c r="D14406" s="2">
        <v>167234</v>
      </c>
      <c r="E14406" s="1" t="s">
        <v>0</v>
      </c>
    </row>
    <row r="14407" spans="1:5" x14ac:dyDescent="0.25">
      <c r="A14407" s="2">
        <v>2881</v>
      </c>
      <c r="B14407" s="2">
        <v>2881</v>
      </c>
      <c r="C14407" s="1" t="s">
        <v>0</v>
      </c>
      <c r="D14407" s="2">
        <v>167235</v>
      </c>
      <c r="E14407" s="1" t="s">
        <v>0</v>
      </c>
    </row>
    <row r="14408" spans="1:5" x14ac:dyDescent="0.25">
      <c r="A14408" s="1" t="s">
        <v>32906</v>
      </c>
      <c r="B14408" s="1" t="s">
        <v>54209</v>
      </c>
      <c r="C14408" s="1" t="s">
        <v>32907</v>
      </c>
      <c r="D14408" s="2">
        <v>167236</v>
      </c>
      <c r="E14408" s="1" t="s">
        <v>0</v>
      </c>
    </row>
    <row r="14409" spans="1:5" x14ac:dyDescent="0.25">
      <c r="A14409" s="1" t="s">
        <v>32908</v>
      </c>
      <c r="B14409" s="1" t="s">
        <v>54210</v>
      </c>
      <c r="C14409" s="1" t="s">
        <v>32909</v>
      </c>
      <c r="D14409" s="2">
        <v>167237</v>
      </c>
      <c r="E14409" s="1" t="s">
        <v>0</v>
      </c>
    </row>
    <row r="14410" spans="1:5" ht="409.5" x14ac:dyDescent="0.25">
      <c r="A14410" s="4" t="s">
        <v>32910</v>
      </c>
      <c r="B14410" s="1" t="s">
        <v>61677</v>
      </c>
      <c r="C14410" s="1" t="s">
        <v>32911</v>
      </c>
      <c r="D14410" s="2">
        <v>167238</v>
      </c>
      <c r="E14410" s="1" t="s">
        <v>0</v>
      </c>
    </row>
    <row r="14411" spans="1:5" x14ac:dyDescent="0.25">
      <c r="A14411" s="1" t="s">
        <v>32912</v>
      </c>
      <c r="B14411" s="1" t="s">
        <v>61678</v>
      </c>
      <c r="C14411" s="1" t="s">
        <v>32913</v>
      </c>
      <c r="D14411" s="2">
        <v>167239</v>
      </c>
      <c r="E14411" s="1" t="s">
        <v>0</v>
      </c>
    </row>
    <row r="14412" spans="1:5" x14ac:dyDescent="0.25">
      <c r="A14412" s="2">
        <v>2882</v>
      </c>
      <c r="B14412" s="2">
        <v>2882</v>
      </c>
      <c r="C14412" s="1" t="s">
        <v>0</v>
      </c>
      <c r="D14412" s="2">
        <v>167240</v>
      </c>
      <c r="E14412" s="1" t="s">
        <v>0</v>
      </c>
    </row>
    <row r="14413" spans="1:5" x14ac:dyDescent="0.25">
      <c r="A14413" s="1" t="s">
        <v>2631</v>
      </c>
      <c r="B14413" s="1" t="s">
        <v>9166</v>
      </c>
      <c r="C14413" s="1" t="s">
        <v>32914</v>
      </c>
      <c r="D14413" s="2">
        <v>167241</v>
      </c>
      <c r="E14413" s="1" t="s">
        <v>0</v>
      </c>
    </row>
    <row r="14414" spans="1:5" x14ac:dyDescent="0.25">
      <c r="A14414" s="1" t="s">
        <v>32915</v>
      </c>
      <c r="B14414" s="1" t="s">
        <v>9167</v>
      </c>
      <c r="C14414" s="1" t="s">
        <v>32916</v>
      </c>
      <c r="D14414" s="2">
        <v>167242</v>
      </c>
      <c r="E14414" s="1" t="s">
        <v>0</v>
      </c>
    </row>
    <row r="14415" spans="1:5" ht="409.5" x14ac:dyDescent="0.25">
      <c r="A14415" s="4" t="s">
        <v>32917</v>
      </c>
      <c r="B14415" s="1" t="s">
        <v>56787</v>
      </c>
      <c r="C14415" s="1" t="s">
        <v>32918</v>
      </c>
      <c r="D14415" s="2">
        <v>167243</v>
      </c>
      <c r="E14415" s="1" t="s">
        <v>0</v>
      </c>
    </row>
    <row r="14416" spans="1:5" x14ac:dyDescent="0.25">
      <c r="A14416" s="1" t="s">
        <v>32919</v>
      </c>
      <c r="B14416" s="1" t="s">
        <v>9168</v>
      </c>
      <c r="C14416" s="1" t="s">
        <v>32920</v>
      </c>
      <c r="D14416" s="2">
        <v>167244</v>
      </c>
      <c r="E14416" s="1" t="s">
        <v>0</v>
      </c>
    </row>
    <row r="14417" spans="1:5" x14ac:dyDescent="0.25">
      <c r="A14417" s="2">
        <v>2883</v>
      </c>
      <c r="B14417" s="2">
        <v>2883</v>
      </c>
      <c r="C14417" s="1" t="s">
        <v>0</v>
      </c>
      <c r="D14417" s="2">
        <v>167245</v>
      </c>
      <c r="E14417" s="1" t="s">
        <v>0</v>
      </c>
    </row>
    <row r="14418" spans="1:5" x14ac:dyDescent="0.25">
      <c r="A14418" s="1" t="s">
        <v>2632</v>
      </c>
      <c r="B14418" s="1" t="s">
        <v>9169</v>
      </c>
      <c r="C14418" s="1" t="s">
        <v>32921</v>
      </c>
      <c r="D14418" s="2">
        <v>167246</v>
      </c>
      <c r="E14418" s="1" t="s">
        <v>0</v>
      </c>
    </row>
    <row r="14419" spans="1:5" x14ac:dyDescent="0.25">
      <c r="A14419" s="1" t="s">
        <v>32922</v>
      </c>
      <c r="B14419" s="1" t="s">
        <v>50777</v>
      </c>
      <c r="C14419" s="1" t="s">
        <v>32923</v>
      </c>
      <c r="D14419" s="2">
        <v>167247</v>
      </c>
      <c r="E14419" s="1" t="s">
        <v>0</v>
      </c>
    </row>
    <row r="14420" spans="1:5" ht="409.5" x14ac:dyDescent="0.25">
      <c r="A14420" s="4" t="s">
        <v>32924</v>
      </c>
      <c r="B14420" s="1" t="s">
        <v>60057</v>
      </c>
      <c r="C14420" s="1" t="s">
        <v>32925</v>
      </c>
      <c r="D14420" s="2">
        <v>167248</v>
      </c>
      <c r="E14420" s="1" t="s">
        <v>0</v>
      </c>
    </row>
    <row r="14421" spans="1:5" x14ac:dyDescent="0.25">
      <c r="A14421" s="1" t="s">
        <v>32926</v>
      </c>
      <c r="B14421" s="1" t="s">
        <v>54211</v>
      </c>
      <c r="C14421" s="1" t="s">
        <v>32927</v>
      </c>
      <c r="D14421" s="2">
        <v>167249</v>
      </c>
      <c r="E14421" s="1" t="s">
        <v>0</v>
      </c>
    </row>
    <row r="14422" spans="1:5" x14ac:dyDescent="0.25">
      <c r="A14422" s="2">
        <v>2884</v>
      </c>
      <c r="B14422" s="2">
        <v>2884</v>
      </c>
      <c r="C14422" s="1" t="s">
        <v>0</v>
      </c>
      <c r="D14422" s="2">
        <v>167250</v>
      </c>
      <c r="E14422" s="1" t="s">
        <v>0</v>
      </c>
    </row>
    <row r="14423" spans="1:5" x14ac:dyDescent="0.25">
      <c r="A14423" s="1" t="s">
        <v>2633</v>
      </c>
      <c r="B14423" s="1" t="s">
        <v>9170</v>
      </c>
      <c r="C14423" s="1" t="s">
        <v>32928</v>
      </c>
      <c r="D14423" s="2">
        <v>167251</v>
      </c>
      <c r="E14423" s="1" t="s">
        <v>0</v>
      </c>
    </row>
    <row r="14424" spans="1:5" x14ac:dyDescent="0.25">
      <c r="A14424" s="1" t="s">
        <v>32929</v>
      </c>
      <c r="B14424" s="1" t="s">
        <v>9171</v>
      </c>
      <c r="C14424" s="1" t="s">
        <v>32930</v>
      </c>
      <c r="D14424" s="2">
        <v>167252</v>
      </c>
      <c r="E14424" s="1" t="s">
        <v>0</v>
      </c>
    </row>
    <row r="14425" spans="1:5" ht="409.5" x14ac:dyDescent="0.25">
      <c r="A14425" s="4" t="s">
        <v>32931</v>
      </c>
      <c r="B14425" s="1" t="s">
        <v>9172</v>
      </c>
      <c r="C14425" s="1" t="s">
        <v>32932</v>
      </c>
      <c r="D14425" s="2">
        <v>167253</v>
      </c>
      <c r="E14425" s="1" t="s">
        <v>0</v>
      </c>
    </row>
    <row r="14426" spans="1:5" x14ac:dyDescent="0.25">
      <c r="A14426" s="1" t="s">
        <v>32933</v>
      </c>
      <c r="B14426" s="1" t="s">
        <v>61174</v>
      </c>
      <c r="C14426" s="1" t="s">
        <v>32934</v>
      </c>
      <c r="D14426" s="2">
        <v>167254</v>
      </c>
      <c r="E14426" s="1" t="s">
        <v>0</v>
      </c>
    </row>
    <row r="14427" spans="1:5" x14ac:dyDescent="0.25">
      <c r="A14427" s="2">
        <v>2885</v>
      </c>
      <c r="B14427" s="2">
        <v>2885</v>
      </c>
      <c r="C14427" s="1" t="s">
        <v>0</v>
      </c>
      <c r="D14427" s="2">
        <v>167255</v>
      </c>
      <c r="E14427" s="1" t="s">
        <v>0</v>
      </c>
    </row>
    <row r="14428" spans="1:5" x14ac:dyDescent="0.25">
      <c r="A14428" s="1" t="s">
        <v>2634</v>
      </c>
      <c r="B14428" s="1" t="s">
        <v>9173</v>
      </c>
      <c r="C14428" s="1" t="s">
        <v>32935</v>
      </c>
      <c r="D14428" s="2">
        <v>167256</v>
      </c>
      <c r="E14428" s="1" t="s">
        <v>0</v>
      </c>
    </row>
    <row r="14429" spans="1:5" x14ac:dyDescent="0.25">
      <c r="A14429" s="1" t="s">
        <v>32936</v>
      </c>
      <c r="B14429" s="1" t="s">
        <v>54212</v>
      </c>
      <c r="C14429" s="1" t="s">
        <v>32937</v>
      </c>
      <c r="D14429" s="2">
        <v>167257</v>
      </c>
      <c r="E14429" s="1" t="s">
        <v>0</v>
      </c>
    </row>
    <row r="14430" spans="1:5" ht="409.5" x14ac:dyDescent="0.25">
      <c r="A14430" s="4" t="s">
        <v>32938</v>
      </c>
      <c r="B14430" s="1" t="s">
        <v>60443</v>
      </c>
      <c r="C14430" s="1" t="s">
        <v>32939</v>
      </c>
      <c r="D14430" s="2">
        <v>167258</v>
      </c>
      <c r="E14430" s="1" t="s">
        <v>0</v>
      </c>
    </row>
    <row r="14431" spans="1:5" x14ac:dyDescent="0.25">
      <c r="A14431" s="1" t="s">
        <v>14855</v>
      </c>
      <c r="B14431" s="1" t="s">
        <v>60879</v>
      </c>
      <c r="C14431" s="1" t="s">
        <v>14856</v>
      </c>
      <c r="D14431" s="2">
        <v>167259</v>
      </c>
      <c r="E14431" s="1" t="s">
        <v>0</v>
      </c>
    </row>
    <row r="14432" spans="1:5" x14ac:dyDescent="0.25">
      <c r="A14432" s="2">
        <v>2886</v>
      </c>
      <c r="B14432" s="2">
        <v>2886</v>
      </c>
      <c r="C14432" s="1" t="s">
        <v>0</v>
      </c>
      <c r="D14432" s="2">
        <v>167260</v>
      </c>
      <c r="E14432" s="1" t="s">
        <v>0</v>
      </c>
    </row>
    <row r="14433" spans="1:5" x14ac:dyDescent="0.25">
      <c r="A14433" s="1" t="s">
        <v>2635</v>
      </c>
      <c r="B14433" s="1" t="s">
        <v>9174</v>
      </c>
      <c r="C14433" s="1" t="s">
        <v>32940</v>
      </c>
      <c r="D14433" s="2">
        <v>167261</v>
      </c>
      <c r="E14433" s="1" t="s">
        <v>0</v>
      </c>
    </row>
    <row r="14434" spans="1:5" x14ac:dyDescent="0.25">
      <c r="A14434" s="1" t="s">
        <v>32941</v>
      </c>
      <c r="B14434" s="1" t="s">
        <v>60508</v>
      </c>
      <c r="C14434" s="1" t="s">
        <v>32942</v>
      </c>
      <c r="D14434" s="2">
        <v>167262</v>
      </c>
      <c r="E14434" s="1" t="s">
        <v>0</v>
      </c>
    </row>
    <row r="14435" spans="1:5" ht="409.5" x14ac:dyDescent="0.25">
      <c r="A14435" s="4" t="s">
        <v>32943</v>
      </c>
      <c r="B14435" s="1" t="s">
        <v>60509</v>
      </c>
      <c r="C14435" s="1" t="s">
        <v>32944</v>
      </c>
      <c r="D14435" s="2">
        <v>167263</v>
      </c>
      <c r="E14435" s="1" t="s">
        <v>0</v>
      </c>
    </row>
    <row r="14436" spans="1:5" x14ac:dyDescent="0.25">
      <c r="A14436" s="1" t="s">
        <v>32945</v>
      </c>
      <c r="B14436" s="1" t="s">
        <v>9175</v>
      </c>
      <c r="C14436" s="1" t="s">
        <v>32946</v>
      </c>
      <c r="D14436" s="2">
        <v>167264</v>
      </c>
      <c r="E14436" s="1" t="s">
        <v>0</v>
      </c>
    </row>
    <row r="14437" spans="1:5" x14ac:dyDescent="0.25">
      <c r="A14437" s="2">
        <v>2887</v>
      </c>
      <c r="B14437" s="2">
        <v>2887</v>
      </c>
      <c r="C14437" s="1" t="s">
        <v>0</v>
      </c>
      <c r="D14437" s="2">
        <v>167265</v>
      </c>
      <c r="E14437" s="1" t="s">
        <v>0</v>
      </c>
    </row>
    <row r="14438" spans="1:5" x14ac:dyDescent="0.25">
      <c r="A14438" s="1" t="s">
        <v>2636</v>
      </c>
      <c r="B14438" s="1" t="s">
        <v>9176</v>
      </c>
      <c r="C14438" s="1" t="s">
        <v>32947</v>
      </c>
      <c r="D14438" s="2">
        <v>167266</v>
      </c>
      <c r="E14438" s="1" t="s">
        <v>0</v>
      </c>
    </row>
    <row r="14439" spans="1:5" x14ac:dyDescent="0.25">
      <c r="A14439" s="1" t="s">
        <v>32948</v>
      </c>
      <c r="B14439" s="1" t="s">
        <v>62587</v>
      </c>
      <c r="C14439" s="1" t="s">
        <v>32949</v>
      </c>
      <c r="D14439" s="2">
        <v>167267</v>
      </c>
      <c r="E14439" s="1" t="s">
        <v>0</v>
      </c>
    </row>
    <row r="14440" spans="1:5" ht="409.5" x14ac:dyDescent="0.25">
      <c r="A14440" s="4" t="s">
        <v>32950</v>
      </c>
      <c r="B14440" s="1" t="s">
        <v>62588</v>
      </c>
      <c r="C14440" s="1" t="s">
        <v>32951</v>
      </c>
      <c r="D14440" s="2">
        <v>167268</v>
      </c>
      <c r="E14440" s="1" t="s">
        <v>0</v>
      </c>
    </row>
    <row r="14441" spans="1:5" x14ac:dyDescent="0.25">
      <c r="A14441" s="1" t="s">
        <v>14855</v>
      </c>
      <c r="B14441" s="1" t="s">
        <v>60879</v>
      </c>
      <c r="C14441" s="1" t="s">
        <v>14856</v>
      </c>
      <c r="D14441" s="2">
        <v>167269</v>
      </c>
      <c r="E14441" s="1" t="s">
        <v>0</v>
      </c>
    </row>
    <row r="14442" spans="1:5" x14ac:dyDescent="0.25">
      <c r="A14442" s="2">
        <v>2888</v>
      </c>
      <c r="B14442" s="2">
        <v>2888</v>
      </c>
      <c r="C14442" s="1" t="s">
        <v>0</v>
      </c>
      <c r="D14442" s="2">
        <v>167270</v>
      </c>
      <c r="E14442" s="1" t="s">
        <v>0</v>
      </c>
    </row>
    <row r="14443" spans="1:5" x14ac:dyDescent="0.25">
      <c r="A14443" s="1" t="s">
        <v>2637</v>
      </c>
      <c r="B14443" s="1" t="s">
        <v>50778</v>
      </c>
      <c r="C14443" s="1" t="s">
        <v>32952</v>
      </c>
      <c r="D14443" s="2">
        <v>167271</v>
      </c>
      <c r="E14443" s="1" t="s">
        <v>0</v>
      </c>
    </row>
    <row r="14444" spans="1:5" x14ac:dyDescent="0.25">
      <c r="A14444" s="1" t="s">
        <v>32953</v>
      </c>
      <c r="B14444" s="1" t="s">
        <v>63387</v>
      </c>
      <c r="C14444" s="1" t="s">
        <v>32954</v>
      </c>
      <c r="D14444" s="2">
        <v>167272</v>
      </c>
      <c r="E14444" s="1" t="s">
        <v>0</v>
      </c>
    </row>
    <row r="14445" spans="1:5" ht="409.5" x14ac:dyDescent="0.25">
      <c r="A14445" s="4" t="s">
        <v>32955</v>
      </c>
      <c r="B14445" s="1" t="s">
        <v>63388</v>
      </c>
      <c r="C14445" s="1" t="s">
        <v>32956</v>
      </c>
      <c r="D14445" s="2">
        <v>167273</v>
      </c>
      <c r="E14445" s="1" t="s">
        <v>0</v>
      </c>
    </row>
    <row r="14446" spans="1:5" x14ac:dyDescent="0.25">
      <c r="A14446" s="1" t="s">
        <v>32957</v>
      </c>
      <c r="B14446" s="1" t="s">
        <v>9177</v>
      </c>
      <c r="C14446" s="1" t="s">
        <v>32958</v>
      </c>
      <c r="D14446" s="2">
        <v>167274</v>
      </c>
      <c r="E14446" s="1" t="s">
        <v>0</v>
      </c>
    </row>
    <row r="14447" spans="1:5" x14ac:dyDescent="0.25">
      <c r="A14447" s="2">
        <v>2889</v>
      </c>
      <c r="B14447" s="2">
        <v>2889</v>
      </c>
      <c r="C14447" s="1" t="s">
        <v>0</v>
      </c>
      <c r="D14447" s="2">
        <v>167275</v>
      </c>
      <c r="E14447" s="1" t="s">
        <v>0</v>
      </c>
    </row>
    <row r="14448" spans="1:5" x14ac:dyDescent="0.25">
      <c r="A14448" s="1" t="s">
        <v>2638</v>
      </c>
      <c r="B14448" s="1" t="s">
        <v>9178</v>
      </c>
      <c r="C14448" s="1" t="s">
        <v>32959</v>
      </c>
      <c r="D14448" s="2">
        <v>167276</v>
      </c>
      <c r="E14448" s="1" t="s">
        <v>0</v>
      </c>
    </row>
    <row r="14449" spans="1:5" x14ac:dyDescent="0.25">
      <c r="A14449" s="1" t="s">
        <v>32960</v>
      </c>
      <c r="B14449" s="1" t="s">
        <v>54213</v>
      </c>
      <c r="C14449" s="1" t="s">
        <v>32961</v>
      </c>
      <c r="D14449" s="2">
        <v>167277</v>
      </c>
      <c r="E14449" s="1" t="s">
        <v>0</v>
      </c>
    </row>
    <row r="14450" spans="1:5" ht="409.5" x14ac:dyDescent="0.25">
      <c r="A14450" s="4" t="s">
        <v>32962</v>
      </c>
      <c r="B14450" s="1" t="s">
        <v>54214</v>
      </c>
      <c r="C14450" s="1" t="s">
        <v>32963</v>
      </c>
      <c r="D14450" s="2">
        <v>167278</v>
      </c>
      <c r="E14450" s="1" t="s">
        <v>0</v>
      </c>
    </row>
    <row r="14451" spans="1:5" x14ac:dyDescent="0.25">
      <c r="A14451" s="1" t="s">
        <v>32964</v>
      </c>
      <c r="B14451" s="1" t="s">
        <v>54215</v>
      </c>
      <c r="C14451" s="1" t="s">
        <v>32965</v>
      </c>
      <c r="D14451" s="2">
        <v>167279</v>
      </c>
      <c r="E14451" s="1" t="s">
        <v>0</v>
      </c>
    </row>
    <row r="14452" spans="1:5" x14ac:dyDescent="0.25">
      <c r="A14452" s="2">
        <v>2890</v>
      </c>
      <c r="B14452" s="2">
        <v>2890</v>
      </c>
      <c r="C14452" s="1" t="s">
        <v>0</v>
      </c>
      <c r="D14452" s="2">
        <v>167280</v>
      </c>
      <c r="E14452" s="1" t="s">
        <v>0</v>
      </c>
    </row>
    <row r="14453" spans="1:5" x14ac:dyDescent="0.25">
      <c r="A14453" s="1" t="s">
        <v>2639</v>
      </c>
      <c r="B14453" s="1" t="s">
        <v>60751</v>
      </c>
      <c r="C14453" s="1" t="s">
        <v>32966</v>
      </c>
      <c r="D14453" s="2">
        <v>167281</v>
      </c>
      <c r="E14453" s="1" t="s">
        <v>0</v>
      </c>
    </row>
    <row r="14454" spans="1:5" x14ac:dyDescent="0.25">
      <c r="A14454" s="1" t="s">
        <v>32967</v>
      </c>
      <c r="B14454" s="1" t="s">
        <v>60752</v>
      </c>
      <c r="C14454" s="1" t="s">
        <v>32968</v>
      </c>
      <c r="D14454" s="2">
        <v>167282</v>
      </c>
      <c r="E14454" s="1" t="s">
        <v>0</v>
      </c>
    </row>
    <row r="14455" spans="1:5" ht="409.5" x14ac:dyDescent="0.25">
      <c r="A14455" s="4" t="s">
        <v>32969</v>
      </c>
      <c r="B14455" s="1" t="s">
        <v>63389</v>
      </c>
      <c r="C14455" s="1" t="s">
        <v>32970</v>
      </c>
      <c r="D14455" s="2">
        <v>167283</v>
      </c>
      <c r="E14455" s="1" t="s">
        <v>0</v>
      </c>
    </row>
    <row r="14456" spans="1:5" x14ac:dyDescent="0.25">
      <c r="A14456" s="1" t="s">
        <v>32971</v>
      </c>
      <c r="B14456" s="1" t="s">
        <v>9179</v>
      </c>
      <c r="C14456" s="1" t="s">
        <v>32972</v>
      </c>
      <c r="D14456" s="2">
        <v>167284</v>
      </c>
      <c r="E14456" s="1" t="s">
        <v>0</v>
      </c>
    </row>
    <row r="14457" spans="1:5" x14ac:dyDescent="0.25">
      <c r="A14457" s="2">
        <v>2891</v>
      </c>
      <c r="B14457" s="2">
        <v>2891</v>
      </c>
      <c r="C14457" s="1" t="s">
        <v>0</v>
      </c>
      <c r="D14457" s="2">
        <v>167285</v>
      </c>
      <c r="E14457" s="1" t="s">
        <v>0</v>
      </c>
    </row>
    <row r="14458" spans="1:5" x14ac:dyDescent="0.25">
      <c r="A14458" s="1" t="s">
        <v>2640</v>
      </c>
      <c r="B14458" s="1" t="s">
        <v>9180</v>
      </c>
      <c r="C14458" s="1" t="s">
        <v>32973</v>
      </c>
      <c r="D14458" s="2">
        <v>167286</v>
      </c>
      <c r="E14458" s="1" t="s">
        <v>0</v>
      </c>
    </row>
    <row r="14459" spans="1:5" x14ac:dyDescent="0.25">
      <c r="A14459" s="1" t="s">
        <v>32974</v>
      </c>
      <c r="B14459" s="1" t="s">
        <v>62589</v>
      </c>
      <c r="C14459" s="1" t="s">
        <v>32975</v>
      </c>
      <c r="D14459" s="2">
        <v>167287</v>
      </c>
      <c r="E14459" s="1" t="s">
        <v>0</v>
      </c>
    </row>
    <row r="14460" spans="1:5" ht="409.5" x14ac:dyDescent="0.25">
      <c r="A14460" s="4" t="s">
        <v>32976</v>
      </c>
      <c r="B14460" s="1" t="s">
        <v>62590</v>
      </c>
      <c r="C14460" s="1" t="s">
        <v>32977</v>
      </c>
      <c r="D14460" s="2">
        <v>167288</v>
      </c>
      <c r="E14460" s="1" t="s">
        <v>0</v>
      </c>
    </row>
    <row r="14461" spans="1:5" x14ac:dyDescent="0.25">
      <c r="A14461" s="1" t="s">
        <v>32978</v>
      </c>
      <c r="B14461" s="1" t="s">
        <v>58414</v>
      </c>
      <c r="C14461" s="1" t="s">
        <v>32979</v>
      </c>
      <c r="D14461" s="2">
        <v>167289</v>
      </c>
      <c r="E14461" s="1" t="s">
        <v>0</v>
      </c>
    </row>
    <row r="14462" spans="1:5" x14ac:dyDescent="0.25">
      <c r="A14462" s="2">
        <v>2892</v>
      </c>
      <c r="B14462" s="2">
        <v>2892</v>
      </c>
      <c r="C14462" s="1" t="s">
        <v>0</v>
      </c>
      <c r="D14462" s="2">
        <v>167290</v>
      </c>
      <c r="E14462" s="1" t="s">
        <v>0</v>
      </c>
    </row>
    <row r="14463" spans="1:5" x14ac:dyDescent="0.25">
      <c r="A14463" s="1" t="s">
        <v>2641</v>
      </c>
      <c r="B14463" s="1" t="s">
        <v>9181</v>
      </c>
      <c r="C14463" s="1" t="s">
        <v>32980</v>
      </c>
      <c r="D14463" s="2">
        <v>167291</v>
      </c>
      <c r="E14463" s="1" t="s">
        <v>0</v>
      </c>
    </row>
    <row r="14464" spans="1:5" x14ac:dyDescent="0.25">
      <c r="A14464" s="1" t="s">
        <v>32981</v>
      </c>
      <c r="B14464" s="1" t="s">
        <v>54216</v>
      </c>
      <c r="C14464" s="1" t="s">
        <v>32982</v>
      </c>
      <c r="D14464" s="2">
        <v>167292</v>
      </c>
      <c r="E14464" s="1" t="s">
        <v>0</v>
      </c>
    </row>
    <row r="14465" spans="1:5" ht="409.5" x14ac:dyDescent="0.25">
      <c r="A14465" s="4" t="s">
        <v>32983</v>
      </c>
      <c r="B14465" s="1" t="s">
        <v>54217</v>
      </c>
      <c r="C14465" s="1" t="s">
        <v>32984</v>
      </c>
      <c r="D14465" s="2">
        <v>167293</v>
      </c>
      <c r="E14465" s="1" t="s">
        <v>0</v>
      </c>
    </row>
    <row r="14466" spans="1:5" x14ac:dyDescent="0.25">
      <c r="A14466" s="1" t="s">
        <v>32985</v>
      </c>
      <c r="B14466" s="1" t="s">
        <v>61175</v>
      </c>
      <c r="C14466" s="1" t="s">
        <v>32986</v>
      </c>
      <c r="D14466" s="2">
        <v>167294</v>
      </c>
      <c r="E14466" s="1" t="s">
        <v>0</v>
      </c>
    </row>
    <row r="14467" spans="1:5" x14ac:dyDescent="0.25">
      <c r="A14467" s="2">
        <v>2893</v>
      </c>
      <c r="B14467" s="2">
        <v>2893</v>
      </c>
      <c r="C14467" s="1" t="s">
        <v>0</v>
      </c>
      <c r="D14467" s="2">
        <v>167295</v>
      </c>
      <c r="E14467" s="1" t="s">
        <v>0</v>
      </c>
    </row>
    <row r="14468" spans="1:5" x14ac:dyDescent="0.25">
      <c r="A14468" s="1" t="s">
        <v>13164</v>
      </c>
      <c r="B14468" s="1" t="s">
        <v>13165</v>
      </c>
      <c r="C14468" s="1" t="s">
        <v>32987</v>
      </c>
      <c r="D14468" s="2">
        <v>167296</v>
      </c>
      <c r="E14468" s="1" t="s">
        <v>0</v>
      </c>
    </row>
    <row r="14469" spans="1:5" x14ac:dyDescent="0.25">
      <c r="A14469" s="1" t="s">
        <v>32988</v>
      </c>
      <c r="B14469" s="1" t="s">
        <v>13166</v>
      </c>
      <c r="C14469" s="1" t="s">
        <v>32989</v>
      </c>
      <c r="D14469" s="2">
        <v>167297</v>
      </c>
      <c r="E14469" s="1" t="s">
        <v>0</v>
      </c>
    </row>
    <row r="14470" spans="1:5" ht="409.5" x14ac:dyDescent="0.25">
      <c r="A14470" s="4" t="s">
        <v>32990</v>
      </c>
      <c r="B14470" s="1" t="s">
        <v>13167</v>
      </c>
      <c r="C14470" s="1" t="s">
        <v>32991</v>
      </c>
      <c r="D14470" s="2">
        <v>167298</v>
      </c>
      <c r="E14470" s="1" t="s">
        <v>0</v>
      </c>
    </row>
    <row r="14471" spans="1:5" x14ac:dyDescent="0.25">
      <c r="A14471" s="1" t="s">
        <v>32992</v>
      </c>
      <c r="B14471" s="1" t="s">
        <v>9182</v>
      </c>
      <c r="C14471" s="1" t="s">
        <v>32993</v>
      </c>
      <c r="D14471" s="2">
        <v>167299</v>
      </c>
      <c r="E14471" s="1" t="s">
        <v>0</v>
      </c>
    </row>
    <row r="14472" spans="1:5" x14ac:dyDescent="0.25">
      <c r="A14472" s="2">
        <v>2894</v>
      </c>
      <c r="B14472" s="2">
        <v>2894</v>
      </c>
      <c r="C14472" s="1" t="s">
        <v>0</v>
      </c>
      <c r="D14472" s="2">
        <v>167300</v>
      </c>
      <c r="E14472" s="1" t="s">
        <v>0</v>
      </c>
    </row>
    <row r="14473" spans="1:5" x14ac:dyDescent="0.25">
      <c r="A14473" s="1" t="s">
        <v>2642</v>
      </c>
      <c r="B14473" s="1" t="s">
        <v>9183</v>
      </c>
      <c r="C14473" s="1" t="s">
        <v>32994</v>
      </c>
      <c r="D14473" s="2">
        <v>167301</v>
      </c>
      <c r="E14473" s="1" t="s">
        <v>0</v>
      </c>
    </row>
    <row r="14474" spans="1:5" x14ac:dyDescent="0.25">
      <c r="A14474" s="1" t="s">
        <v>32995</v>
      </c>
      <c r="B14474" s="1" t="s">
        <v>62591</v>
      </c>
      <c r="C14474" s="1" t="s">
        <v>32996</v>
      </c>
      <c r="D14474" s="2">
        <v>167302</v>
      </c>
      <c r="E14474" s="1" t="s">
        <v>0</v>
      </c>
    </row>
    <row r="14475" spans="1:5" ht="409.5" x14ac:dyDescent="0.25">
      <c r="A14475" s="4" t="s">
        <v>32997</v>
      </c>
      <c r="B14475" s="1" t="s">
        <v>62592</v>
      </c>
      <c r="C14475" s="1" t="s">
        <v>32998</v>
      </c>
      <c r="D14475" s="2">
        <v>167303</v>
      </c>
      <c r="E14475" s="1" t="s">
        <v>0</v>
      </c>
    </row>
    <row r="14476" spans="1:5" x14ac:dyDescent="0.25">
      <c r="A14476" s="1" t="s">
        <v>32999</v>
      </c>
      <c r="B14476" s="1" t="s">
        <v>54218</v>
      </c>
      <c r="C14476" s="1" t="s">
        <v>33000</v>
      </c>
      <c r="D14476" s="2">
        <v>167304</v>
      </c>
      <c r="E14476" s="1" t="s">
        <v>0</v>
      </c>
    </row>
    <row r="14477" spans="1:5" x14ac:dyDescent="0.25">
      <c r="A14477" s="2">
        <v>2895</v>
      </c>
      <c r="B14477" s="2">
        <v>2895</v>
      </c>
      <c r="C14477" s="1" t="s">
        <v>0</v>
      </c>
      <c r="D14477" s="2">
        <v>167305</v>
      </c>
      <c r="E14477" s="1" t="s">
        <v>0</v>
      </c>
    </row>
    <row r="14478" spans="1:5" x14ac:dyDescent="0.25">
      <c r="A14478" s="1" t="s">
        <v>2643</v>
      </c>
      <c r="B14478" s="1" t="s">
        <v>9184</v>
      </c>
      <c r="C14478" s="1" t="s">
        <v>33001</v>
      </c>
      <c r="D14478" s="2">
        <v>167306</v>
      </c>
      <c r="E14478" s="1" t="s">
        <v>0</v>
      </c>
    </row>
    <row r="14479" spans="1:5" x14ac:dyDescent="0.25">
      <c r="A14479" s="1" t="s">
        <v>33002</v>
      </c>
      <c r="B14479" s="1" t="s">
        <v>54219</v>
      </c>
      <c r="C14479" s="1" t="s">
        <v>33003</v>
      </c>
      <c r="D14479" s="2">
        <v>167307</v>
      </c>
      <c r="E14479" s="1" t="s">
        <v>0</v>
      </c>
    </row>
    <row r="14480" spans="1:5" ht="409.5" x14ac:dyDescent="0.25">
      <c r="A14480" s="4" t="s">
        <v>33004</v>
      </c>
      <c r="B14480" s="1" t="s">
        <v>54220</v>
      </c>
      <c r="C14480" s="1" t="s">
        <v>33005</v>
      </c>
      <c r="D14480" s="2">
        <v>167308</v>
      </c>
      <c r="E14480" s="1" t="s">
        <v>0</v>
      </c>
    </row>
    <row r="14481" spans="1:5" x14ac:dyDescent="0.25">
      <c r="A14481" s="1" t="s">
        <v>13413</v>
      </c>
      <c r="B14481" s="1" t="s">
        <v>60845</v>
      </c>
      <c r="C14481" s="1" t="s">
        <v>13414</v>
      </c>
      <c r="D14481" s="2">
        <v>167309</v>
      </c>
      <c r="E14481" s="1" t="s">
        <v>0</v>
      </c>
    </row>
    <row r="14482" spans="1:5" x14ac:dyDescent="0.25">
      <c r="A14482" s="2">
        <v>2896</v>
      </c>
      <c r="B14482" s="2">
        <v>2896</v>
      </c>
      <c r="C14482" s="1" t="s">
        <v>0</v>
      </c>
      <c r="D14482" s="2">
        <v>167310</v>
      </c>
      <c r="E14482" s="1" t="s">
        <v>0</v>
      </c>
    </row>
    <row r="14483" spans="1:5" x14ac:dyDescent="0.25">
      <c r="A14483" s="1" t="s">
        <v>2644</v>
      </c>
      <c r="B14483" s="1" t="s">
        <v>54221</v>
      </c>
      <c r="C14483" s="1" t="s">
        <v>33006</v>
      </c>
      <c r="D14483" s="2">
        <v>167311</v>
      </c>
      <c r="E14483" s="1" t="s">
        <v>0</v>
      </c>
    </row>
    <row r="14484" spans="1:5" x14ac:dyDescent="0.25">
      <c r="A14484" s="1" t="s">
        <v>33007</v>
      </c>
      <c r="B14484" s="1" t="s">
        <v>50779</v>
      </c>
      <c r="C14484" s="1" t="s">
        <v>33008</v>
      </c>
      <c r="D14484" s="2">
        <v>167312</v>
      </c>
      <c r="E14484" s="1" t="s">
        <v>0</v>
      </c>
    </row>
    <row r="14485" spans="1:5" ht="409.5" x14ac:dyDescent="0.25">
      <c r="A14485" s="4" t="s">
        <v>33009</v>
      </c>
      <c r="B14485" s="1" t="s">
        <v>50780</v>
      </c>
      <c r="C14485" s="1" t="s">
        <v>33010</v>
      </c>
      <c r="D14485" s="2">
        <v>167313</v>
      </c>
      <c r="E14485" s="1" t="s">
        <v>0</v>
      </c>
    </row>
    <row r="14486" spans="1:5" x14ac:dyDescent="0.25">
      <c r="A14486" s="1" t="s">
        <v>33011</v>
      </c>
      <c r="B14486" s="1" t="s">
        <v>9185</v>
      </c>
      <c r="C14486" s="1" t="s">
        <v>33012</v>
      </c>
      <c r="D14486" s="2">
        <v>167314</v>
      </c>
      <c r="E14486" s="1" t="s">
        <v>0</v>
      </c>
    </row>
    <row r="14487" spans="1:5" x14ac:dyDescent="0.25">
      <c r="A14487" s="2">
        <v>2897</v>
      </c>
      <c r="B14487" s="2">
        <v>2897</v>
      </c>
      <c r="C14487" s="1" t="s">
        <v>0</v>
      </c>
      <c r="D14487" s="2">
        <v>167315</v>
      </c>
      <c r="E14487" s="1" t="s">
        <v>0</v>
      </c>
    </row>
    <row r="14488" spans="1:5" x14ac:dyDescent="0.25">
      <c r="A14488" s="1" t="s">
        <v>2645</v>
      </c>
      <c r="B14488" s="1" t="s">
        <v>9186</v>
      </c>
      <c r="C14488" s="1" t="s">
        <v>33013</v>
      </c>
      <c r="D14488" s="2">
        <v>167316</v>
      </c>
      <c r="E14488" s="1" t="s">
        <v>0</v>
      </c>
    </row>
    <row r="14489" spans="1:5" x14ac:dyDescent="0.25">
      <c r="A14489" s="1" t="s">
        <v>33014</v>
      </c>
      <c r="B14489" s="1" t="s">
        <v>9187</v>
      </c>
      <c r="C14489" s="1" t="s">
        <v>33015</v>
      </c>
      <c r="D14489" s="2">
        <v>167317</v>
      </c>
      <c r="E14489" s="1" t="s">
        <v>0</v>
      </c>
    </row>
    <row r="14490" spans="1:5" ht="409.5" x14ac:dyDescent="0.25">
      <c r="A14490" s="4" t="s">
        <v>33016</v>
      </c>
      <c r="B14490" s="1" t="s">
        <v>9188</v>
      </c>
      <c r="C14490" s="1" t="s">
        <v>33017</v>
      </c>
      <c r="D14490" s="2">
        <v>167318</v>
      </c>
      <c r="E14490" s="1" t="s">
        <v>0</v>
      </c>
    </row>
    <row r="14491" spans="1:5" x14ac:dyDescent="0.25">
      <c r="A14491" s="1" t="s">
        <v>33018</v>
      </c>
      <c r="B14491" s="1" t="s">
        <v>54222</v>
      </c>
      <c r="C14491" s="1" t="s">
        <v>33019</v>
      </c>
      <c r="D14491" s="2">
        <v>167319</v>
      </c>
      <c r="E14491" s="1" t="s">
        <v>0</v>
      </c>
    </row>
    <row r="14492" spans="1:5" x14ac:dyDescent="0.25">
      <c r="A14492" s="2">
        <v>2898</v>
      </c>
      <c r="B14492" s="2">
        <v>2898</v>
      </c>
      <c r="C14492" s="1" t="s">
        <v>0</v>
      </c>
      <c r="D14492" s="2">
        <v>167320</v>
      </c>
      <c r="E14492" s="1" t="s">
        <v>0</v>
      </c>
    </row>
    <row r="14493" spans="1:5" x14ac:dyDescent="0.25">
      <c r="A14493" s="1" t="s">
        <v>2646</v>
      </c>
      <c r="B14493" s="1" t="s">
        <v>9189</v>
      </c>
      <c r="C14493" s="1" t="s">
        <v>33020</v>
      </c>
      <c r="D14493" s="2">
        <v>167321</v>
      </c>
      <c r="E14493" s="1" t="s">
        <v>0</v>
      </c>
    </row>
    <row r="14494" spans="1:5" x14ac:dyDescent="0.25">
      <c r="A14494" s="1" t="s">
        <v>33021</v>
      </c>
      <c r="B14494" s="1" t="s">
        <v>54223</v>
      </c>
      <c r="C14494" s="1" t="s">
        <v>33022</v>
      </c>
      <c r="D14494" s="2">
        <v>167322</v>
      </c>
      <c r="E14494" s="1" t="s">
        <v>0</v>
      </c>
    </row>
    <row r="14495" spans="1:5" ht="409.5" x14ac:dyDescent="0.25">
      <c r="A14495" s="4" t="s">
        <v>33023</v>
      </c>
      <c r="B14495" s="1" t="s">
        <v>54224</v>
      </c>
      <c r="C14495" s="1" t="s">
        <v>33024</v>
      </c>
      <c r="D14495" s="2">
        <v>167323</v>
      </c>
      <c r="E14495" s="1" t="s">
        <v>0</v>
      </c>
    </row>
    <row r="14496" spans="1:5" x14ac:dyDescent="0.25">
      <c r="A14496" s="1" t="s">
        <v>33025</v>
      </c>
      <c r="B14496" s="1" t="s">
        <v>54225</v>
      </c>
      <c r="C14496" s="1" t="s">
        <v>33026</v>
      </c>
      <c r="D14496" s="2">
        <v>167324</v>
      </c>
      <c r="E14496" s="1" t="s">
        <v>0</v>
      </c>
    </row>
    <row r="14497" spans="1:5" x14ac:dyDescent="0.25">
      <c r="A14497" s="2">
        <v>2899</v>
      </c>
      <c r="B14497" s="2">
        <v>2899</v>
      </c>
      <c r="C14497" s="1" t="s">
        <v>0</v>
      </c>
      <c r="D14497" s="2">
        <v>167325</v>
      </c>
      <c r="E14497" s="1" t="s">
        <v>0</v>
      </c>
    </row>
    <row r="14498" spans="1:5" x14ac:dyDescent="0.25">
      <c r="A14498" s="1" t="s">
        <v>33027</v>
      </c>
      <c r="B14498" s="1" t="s">
        <v>9190</v>
      </c>
      <c r="C14498" s="1" t="s">
        <v>33028</v>
      </c>
      <c r="D14498" s="2">
        <v>167326</v>
      </c>
      <c r="E14498" s="1" t="s">
        <v>0</v>
      </c>
    </row>
    <row r="14499" spans="1:5" x14ac:dyDescent="0.25">
      <c r="A14499" s="1" t="s">
        <v>33029</v>
      </c>
      <c r="B14499" s="1" t="s">
        <v>56788</v>
      </c>
      <c r="C14499" s="1" t="s">
        <v>33030</v>
      </c>
      <c r="D14499" s="2">
        <v>167327</v>
      </c>
      <c r="E14499" s="1" t="s">
        <v>0</v>
      </c>
    </row>
    <row r="14500" spans="1:5" ht="409.5" x14ac:dyDescent="0.25">
      <c r="A14500" s="4" t="s">
        <v>33031</v>
      </c>
      <c r="B14500" s="1" t="s">
        <v>56789</v>
      </c>
      <c r="C14500" s="1" t="s">
        <v>33032</v>
      </c>
      <c r="D14500" s="2">
        <v>167328</v>
      </c>
      <c r="E14500" s="1" t="s">
        <v>0</v>
      </c>
    </row>
    <row r="14501" spans="1:5" x14ac:dyDescent="0.25">
      <c r="A14501" s="1" t="s">
        <v>33033</v>
      </c>
      <c r="B14501" s="1" t="s">
        <v>54226</v>
      </c>
      <c r="C14501" s="1" t="s">
        <v>33034</v>
      </c>
      <c r="D14501" s="2">
        <v>167329</v>
      </c>
      <c r="E14501" s="1" t="s">
        <v>0</v>
      </c>
    </row>
    <row r="14502" spans="1:5" x14ac:dyDescent="0.25">
      <c r="A14502" s="2">
        <v>2900</v>
      </c>
      <c r="B14502" s="2">
        <v>2900</v>
      </c>
      <c r="C14502" s="1" t="s">
        <v>0</v>
      </c>
      <c r="D14502" s="2">
        <v>167330</v>
      </c>
      <c r="E14502" s="1" t="s">
        <v>0</v>
      </c>
    </row>
    <row r="14503" spans="1:5" x14ac:dyDescent="0.25">
      <c r="A14503" s="1" t="s">
        <v>2647</v>
      </c>
      <c r="B14503" s="1" t="s">
        <v>9191</v>
      </c>
      <c r="C14503" s="1" t="s">
        <v>33035</v>
      </c>
      <c r="D14503" s="2">
        <v>167331</v>
      </c>
      <c r="E14503" s="1" t="s">
        <v>0</v>
      </c>
    </row>
    <row r="14504" spans="1:5" x14ac:dyDescent="0.25">
      <c r="A14504" s="1" t="s">
        <v>33036</v>
      </c>
      <c r="B14504" s="1" t="s">
        <v>54227</v>
      </c>
      <c r="C14504" s="1" t="s">
        <v>33037</v>
      </c>
      <c r="D14504" s="2">
        <v>167332</v>
      </c>
      <c r="E14504" s="1" t="s">
        <v>0</v>
      </c>
    </row>
    <row r="14505" spans="1:5" ht="409.5" x14ac:dyDescent="0.25">
      <c r="A14505" s="4" t="s">
        <v>33038</v>
      </c>
      <c r="B14505" s="1" t="s">
        <v>54228</v>
      </c>
      <c r="C14505" s="1" t="s">
        <v>33039</v>
      </c>
      <c r="D14505" s="2">
        <v>167333</v>
      </c>
      <c r="E14505" s="1" t="s">
        <v>0</v>
      </c>
    </row>
    <row r="14506" spans="1:5" x14ac:dyDescent="0.25">
      <c r="A14506" s="1" t="s">
        <v>33040</v>
      </c>
      <c r="B14506" s="1" t="s">
        <v>54229</v>
      </c>
      <c r="C14506" s="1" t="s">
        <v>33041</v>
      </c>
      <c r="D14506" s="2">
        <v>167334</v>
      </c>
      <c r="E14506" s="1" t="s">
        <v>0</v>
      </c>
    </row>
    <row r="14507" spans="1:5" x14ac:dyDescent="0.25">
      <c r="A14507" s="2">
        <v>2901</v>
      </c>
      <c r="B14507" s="2">
        <v>2901</v>
      </c>
      <c r="C14507" s="1" t="s">
        <v>0</v>
      </c>
      <c r="D14507" s="2">
        <v>167335</v>
      </c>
      <c r="E14507" s="1" t="s">
        <v>0</v>
      </c>
    </row>
    <row r="14508" spans="1:5" x14ac:dyDescent="0.25">
      <c r="A14508" s="1" t="s">
        <v>2648</v>
      </c>
      <c r="B14508" s="1" t="s">
        <v>54230</v>
      </c>
      <c r="C14508" s="1" t="s">
        <v>33042</v>
      </c>
      <c r="D14508" s="2">
        <v>167336</v>
      </c>
      <c r="E14508" s="1" t="s">
        <v>0</v>
      </c>
    </row>
    <row r="14509" spans="1:5" x14ac:dyDescent="0.25">
      <c r="A14509" s="1" t="s">
        <v>33043</v>
      </c>
      <c r="B14509" s="1" t="s">
        <v>54231</v>
      </c>
      <c r="C14509" s="1" t="s">
        <v>33044</v>
      </c>
      <c r="D14509" s="2">
        <v>167337</v>
      </c>
      <c r="E14509" s="1" t="s">
        <v>0</v>
      </c>
    </row>
    <row r="14510" spans="1:5" ht="409.5" x14ac:dyDescent="0.25">
      <c r="A14510" s="4" t="s">
        <v>33045</v>
      </c>
      <c r="B14510" s="1" t="s">
        <v>60753</v>
      </c>
      <c r="C14510" s="1" t="s">
        <v>33046</v>
      </c>
      <c r="D14510" s="2">
        <v>167338</v>
      </c>
      <c r="E14510" s="1" t="s">
        <v>0</v>
      </c>
    </row>
    <row r="14511" spans="1:5" x14ac:dyDescent="0.25">
      <c r="A14511" s="1" t="s">
        <v>33047</v>
      </c>
      <c r="B14511" s="1" t="s">
        <v>9192</v>
      </c>
      <c r="C14511" s="1" t="s">
        <v>33048</v>
      </c>
      <c r="D14511" s="2">
        <v>167339</v>
      </c>
      <c r="E14511" s="1" t="s">
        <v>0</v>
      </c>
    </row>
    <row r="14512" spans="1:5" x14ac:dyDescent="0.25">
      <c r="A14512" s="2">
        <v>2902</v>
      </c>
      <c r="B14512" s="2">
        <v>2902</v>
      </c>
      <c r="C14512" s="1" t="s">
        <v>0</v>
      </c>
      <c r="D14512" s="2">
        <v>167340</v>
      </c>
      <c r="E14512" s="1" t="s">
        <v>0</v>
      </c>
    </row>
    <row r="14513" spans="1:5" x14ac:dyDescent="0.25">
      <c r="A14513" s="1" t="s">
        <v>2649</v>
      </c>
      <c r="B14513" s="1" t="s">
        <v>9193</v>
      </c>
      <c r="C14513" s="1" t="s">
        <v>33049</v>
      </c>
      <c r="D14513" s="2">
        <v>167341</v>
      </c>
      <c r="E14513" s="1" t="s">
        <v>0</v>
      </c>
    </row>
    <row r="14514" spans="1:5" x14ac:dyDescent="0.25">
      <c r="A14514" s="1" t="s">
        <v>33050</v>
      </c>
      <c r="B14514" s="1" t="s">
        <v>9194</v>
      </c>
      <c r="C14514" s="1" t="s">
        <v>33051</v>
      </c>
      <c r="D14514" s="2">
        <v>167342</v>
      </c>
      <c r="E14514" s="1" t="s">
        <v>0</v>
      </c>
    </row>
    <row r="14515" spans="1:5" ht="409.5" x14ac:dyDescent="0.25">
      <c r="A14515" s="4" t="s">
        <v>33052</v>
      </c>
      <c r="B14515" s="1" t="s">
        <v>62593</v>
      </c>
      <c r="C14515" s="1" t="s">
        <v>33053</v>
      </c>
      <c r="D14515" s="2">
        <v>167343</v>
      </c>
      <c r="E14515" s="1" t="s">
        <v>0</v>
      </c>
    </row>
    <row r="14516" spans="1:5" x14ac:dyDescent="0.25">
      <c r="A14516" s="1" t="s">
        <v>33054</v>
      </c>
      <c r="B14516" s="1" t="s">
        <v>9195</v>
      </c>
      <c r="C14516" s="1" t="s">
        <v>33055</v>
      </c>
      <c r="D14516" s="2">
        <v>167344</v>
      </c>
      <c r="E14516" s="1" t="s">
        <v>0</v>
      </c>
    </row>
    <row r="14517" spans="1:5" x14ac:dyDescent="0.25">
      <c r="A14517" s="2">
        <v>2903</v>
      </c>
      <c r="B14517" s="2">
        <v>2903</v>
      </c>
      <c r="C14517" s="1" t="s">
        <v>0</v>
      </c>
      <c r="D14517" s="2">
        <v>167345</v>
      </c>
      <c r="E14517" s="1" t="s">
        <v>0</v>
      </c>
    </row>
    <row r="14518" spans="1:5" x14ac:dyDescent="0.25">
      <c r="A14518" s="1" t="s">
        <v>2650</v>
      </c>
      <c r="B14518" s="1" t="s">
        <v>9196</v>
      </c>
      <c r="C14518" s="1" t="s">
        <v>33056</v>
      </c>
      <c r="D14518" s="2">
        <v>167346</v>
      </c>
      <c r="E14518" s="1" t="s">
        <v>0</v>
      </c>
    </row>
    <row r="14519" spans="1:5" x14ac:dyDescent="0.25">
      <c r="A14519" s="1" t="s">
        <v>33057</v>
      </c>
      <c r="B14519" s="1" t="s">
        <v>9197</v>
      </c>
      <c r="C14519" s="1" t="s">
        <v>33058</v>
      </c>
      <c r="D14519" s="2">
        <v>167347</v>
      </c>
      <c r="E14519" s="1" t="s">
        <v>0</v>
      </c>
    </row>
    <row r="14520" spans="1:5" ht="409.5" x14ac:dyDescent="0.25">
      <c r="A14520" s="4" t="s">
        <v>33059</v>
      </c>
      <c r="B14520" s="1" t="s">
        <v>58086</v>
      </c>
      <c r="C14520" s="1" t="s">
        <v>33060</v>
      </c>
      <c r="D14520" s="2">
        <v>167348</v>
      </c>
      <c r="E14520" s="1" t="s">
        <v>0</v>
      </c>
    </row>
    <row r="14521" spans="1:5" x14ac:dyDescent="0.25">
      <c r="A14521" s="1" t="s">
        <v>33061</v>
      </c>
      <c r="B14521" s="1" t="s">
        <v>9198</v>
      </c>
      <c r="C14521" s="1" t="s">
        <v>33062</v>
      </c>
      <c r="D14521" s="2">
        <v>167349</v>
      </c>
      <c r="E14521" s="1" t="s">
        <v>0</v>
      </c>
    </row>
    <row r="14522" spans="1:5" x14ac:dyDescent="0.25">
      <c r="A14522" s="2">
        <v>2904</v>
      </c>
      <c r="B14522" s="2">
        <v>2904</v>
      </c>
      <c r="C14522" s="1" t="s">
        <v>0</v>
      </c>
      <c r="D14522" s="2">
        <v>167350</v>
      </c>
      <c r="E14522" s="1" t="s">
        <v>0</v>
      </c>
    </row>
    <row r="14523" spans="1:5" x14ac:dyDescent="0.25">
      <c r="A14523" s="1" t="s">
        <v>2651</v>
      </c>
      <c r="B14523" s="1" t="s">
        <v>58415</v>
      </c>
      <c r="C14523" s="1" t="s">
        <v>33063</v>
      </c>
      <c r="D14523" s="2">
        <v>167351</v>
      </c>
      <c r="E14523" s="1" t="s">
        <v>0</v>
      </c>
    </row>
    <row r="14524" spans="1:5" x14ac:dyDescent="0.25">
      <c r="A14524" s="1" t="s">
        <v>33064</v>
      </c>
      <c r="B14524" s="1" t="s">
        <v>58416</v>
      </c>
      <c r="C14524" s="1" t="s">
        <v>33065</v>
      </c>
      <c r="D14524" s="2">
        <v>167352</v>
      </c>
      <c r="E14524" s="1" t="s">
        <v>0</v>
      </c>
    </row>
    <row r="14525" spans="1:5" ht="409.5" x14ac:dyDescent="0.25">
      <c r="A14525" s="4" t="s">
        <v>33066</v>
      </c>
      <c r="B14525" s="1" t="s">
        <v>58417</v>
      </c>
      <c r="C14525" s="1" t="s">
        <v>33067</v>
      </c>
      <c r="D14525" s="2">
        <v>167353</v>
      </c>
      <c r="E14525" s="1" t="s">
        <v>0</v>
      </c>
    </row>
    <row r="14526" spans="1:5" x14ac:dyDescent="0.25">
      <c r="A14526" s="1" t="s">
        <v>33068</v>
      </c>
      <c r="B14526" s="1" t="s">
        <v>58418</v>
      </c>
      <c r="C14526" s="1" t="s">
        <v>33069</v>
      </c>
      <c r="D14526" s="2">
        <v>167354</v>
      </c>
      <c r="E14526" s="1" t="s">
        <v>0</v>
      </c>
    </row>
    <row r="14527" spans="1:5" x14ac:dyDescent="0.25">
      <c r="A14527" s="2">
        <v>2905</v>
      </c>
      <c r="B14527" s="2">
        <v>2905</v>
      </c>
      <c r="C14527" s="1" t="s">
        <v>0</v>
      </c>
      <c r="D14527" s="2">
        <v>167355</v>
      </c>
      <c r="E14527" s="1" t="s">
        <v>0</v>
      </c>
    </row>
    <row r="14528" spans="1:5" x14ac:dyDescent="0.25">
      <c r="A14528" s="1" t="s">
        <v>2652</v>
      </c>
      <c r="B14528" s="1" t="s">
        <v>60058</v>
      </c>
      <c r="C14528" s="1" t="s">
        <v>33070</v>
      </c>
      <c r="D14528" s="2">
        <v>167356</v>
      </c>
      <c r="E14528" s="1" t="s">
        <v>0</v>
      </c>
    </row>
    <row r="14529" spans="1:5" x14ac:dyDescent="0.25">
      <c r="A14529" s="1" t="s">
        <v>33071</v>
      </c>
      <c r="B14529" s="1" t="s">
        <v>54232</v>
      </c>
      <c r="C14529" s="1" t="s">
        <v>33072</v>
      </c>
      <c r="D14529" s="2">
        <v>167357</v>
      </c>
      <c r="E14529" s="1" t="s">
        <v>0</v>
      </c>
    </row>
    <row r="14530" spans="1:5" ht="409.5" x14ac:dyDescent="0.25">
      <c r="A14530" s="4" t="s">
        <v>33073</v>
      </c>
      <c r="B14530" s="1" t="s">
        <v>59638</v>
      </c>
      <c r="C14530" s="1" t="s">
        <v>33074</v>
      </c>
      <c r="D14530" s="2">
        <v>167358</v>
      </c>
      <c r="E14530" s="1" t="s">
        <v>0</v>
      </c>
    </row>
    <row r="14531" spans="1:5" x14ac:dyDescent="0.25">
      <c r="A14531" s="1" t="s">
        <v>33075</v>
      </c>
      <c r="B14531" s="1" t="s">
        <v>9199</v>
      </c>
      <c r="C14531" s="1" t="s">
        <v>33076</v>
      </c>
      <c r="D14531" s="2">
        <v>167359</v>
      </c>
      <c r="E14531" s="1" t="s">
        <v>0</v>
      </c>
    </row>
    <row r="14532" spans="1:5" x14ac:dyDescent="0.25">
      <c r="A14532" s="2">
        <v>2906</v>
      </c>
      <c r="B14532" s="2">
        <v>2906</v>
      </c>
      <c r="C14532" s="1" t="s">
        <v>0</v>
      </c>
      <c r="D14532" s="2">
        <v>167360</v>
      </c>
      <c r="E14532" s="1" t="s">
        <v>0</v>
      </c>
    </row>
    <row r="14533" spans="1:5" x14ac:dyDescent="0.25">
      <c r="A14533" s="1" t="s">
        <v>2653</v>
      </c>
      <c r="B14533" s="1" t="s">
        <v>9200</v>
      </c>
      <c r="C14533" s="1" t="s">
        <v>33077</v>
      </c>
      <c r="D14533" s="2">
        <v>167361</v>
      </c>
      <c r="E14533" s="1" t="s">
        <v>0</v>
      </c>
    </row>
    <row r="14534" spans="1:5" x14ac:dyDescent="0.25">
      <c r="A14534" s="1" t="s">
        <v>33078</v>
      </c>
      <c r="B14534" s="1" t="s">
        <v>58779</v>
      </c>
      <c r="C14534" s="1" t="s">
        <v>33079</v>
      </c>
      <c r="D14534" s="2">
        <v>167362</v>
      </c>
      <c r="E14534" s="1" t="s">
        <v>0</v>
      </c>
    </row>
    <row r="14535" spans="1:5" ht="409.5" x14ac:dyDescent="0.25">
      <c r="A14535" s="4" t="s">
        <v>33080</v>
      </c>
      <c r="B14535" s="1" t="s">
        <v>58780</v>
      </c>
      <c r="C14535" s="1" t="s">
        <v>33081</v>
      </c>
      <c r="D14535" s="2">
        <v>167363</v>
      </c>
      <c r="E14535" s="1" t="s">
        <v>0</v>
      </c>
    </row>
    <row r="14536" spans="1:5" x14ac:dyDescent="0.25">
      <c r="A14536" s="1" t="s">
        <v>33082</v>
      </c>
      <c r="B14536" s="1" t="s">
        <v>9201</v>
      </c>
      <c r="C14536" s="1" t="s">
        <v>33083</v>
      </c>
      <c r="D14536" s="2">
        <v>167364</v>
      </c>
      <c r="E14536" s="1" t="s">
        <v>0</v>
      </c>
    </row>
    <row r="14537" spans="1:5" x14ac:dyDescent="0.25">
      <c r="A14537" s="2">
        <v>2907</v>
      </c>
      <c r="B14537" s="2">
        <v>2907</v>
      </c>
      <c r="C14537" s="1" t="s">
        <v>0</v>
      </c>
      <c r="D14537" s="2">
        <v>167365</v>
      </c>
      <c r="E14537" s="1" t="s">
        <v>0</v>
      </c>
    </row>
    <row r="14538" spans="1:5" x14ac:dyDescent="0.25">
      <c r="A14538" s="1" t="s">
        <v>2654</v>
      </c>
      <c r="B14538" s="1" t="s">
        <v>9202</v>
      </c>
      <c r="C14538" s="1" t="s">
        <v>33084</v>
      </c>
      <c r="D14538" s="2">
        <v>167366</v>
      </c>
      <c r="E14538" s="1" t="s">
        <v>0</v>
      </c>
    </row>
    <row r="14539" spans="1:5" x14ac:dyDescent="0.25">
      <c r="A14539" s="1" t="s">
        <v>33085</v>
      </c>
      <c r="B14539" s="1" t="s">
        <v>9203</v>
      </c>
      <c r="C14539" s="1" t="s">
        <v>33086</v>
      </c>
      <c r="D14539" s="2">
        <v>167367</v>
      </c>
      <c r="E14539" s="1" t="s">
        <v>0</v>
      </c>
    </row>
    <row r="14540" spans="1:5" ht="409.5" x14ac:dyDescent="0.25">
      <c r="A14540" s="4" t="s">
        <v>33087</v>
      </c>
      <c r="B14540" s="1" t="s">
        <v>58419</v>
      </c>
      <c r="C14540" s="1" t="s">
        <v>33088</v>
      </c>
      <c r="D14540" s="2">
        <v>167368</v>
      </c>
      <c r="E14540" s="1" t="s">
        <v>0</v>
      </c>
    </row>
    <row r="14541" spans="1:5" x14ac:dyDescent="0.25">
      <c r="A14541" s="1" t="s">
        <v>33089</v>
      </c>
      <c r="B14541" s="1" t="s">
        <v>61176</v>
      </c>
      <c r="C14541" s="1" t="s">
        <v>33090</v>
      </c>
      <c r="D14541" s="2">
        <v>167369</v>
      </c>
      <c r="E14541" s="1" t="s">
        <v>0</v>
      </c>
    </row>
    <row r="14542" spans="1:5" x14ac:dyDescent="0.25">
      <c r="A14542" s="2">
        <v>2908</v>
      </c>
      <c r="B14542" s="2">
        <v>2908</v>
      </c>
      <c r="C14542" s="1" t="s">
        <v>0</v>
      </c>
      <c r="D14542" s="2">
        <v>167370</v>
      </c>
      <c r="E14542" s="1" t="s">
        <v>0</v>
      </c>
    </row>
    <row r="14543" spans="1:5" x14ac:dyDescent="0.25">
      <c r="A14543" s="1" t="s">
        <v>2655</v>
      </c>
      <c r="B14543" s="1" t="s">
        <v>58926</v>
      </c>
      <c r="C14543" s="1" t="s">
        <v>33091</v>
      </c>
      <c r="D14543" s="2">
        <v>167371</v>
      </c>
      <c r="E14543" s="1" t="s">
        <v>0</v>
      </c>
    </row>
    <row r="14544" spans="1:5" x14ac:dyDescent="0.25">
      <c r="A14544" s="1" t="s">
        <v>33092</v>
      </c>
      <c r="B14544" s="1" t="s">
        <v>58927</v>
      </c>
      <c r="C14544" s="1" t="s">
        <v>33093</v>
      </c>
      <c r="D14544" s="2">
        <v>167372</v>
      </c>
      <c r="E14544" s="1" t="s">
        <v>0</v>
      </c>
    </row>
    <row r="14545" spans="1:5" ht="409.5" x14ac:dyDescent="0.25">
      <c r="A14545" s="4" t="s">
        <v>33094</v>
      </c>
      <c r="B14545" s="1" t="s">
        <v>58928</v>
      </c>
      <c r="C14545" s="1" t="s">
        <v>33095</v>
      </c>
      <c r="D14545" s="2">
        <v>167373</v>
      </c>
      <c r="E14545" s="1" t="s">
        <v>0</v>
      </c>
    </row>
    <row r="14546" spans="1:5" x14ac:dyDescent="0.25">
      <c r="A14546" s="1" t="s">
        <v>33096</v>
      </c>
      <c r="B14546" s="1" t="s">
        <v>58929</v>
      </c>
      <c r="C14546" s="1" t="s">
        <v>33097</v>
      </c>
      <c r="D14546" s="2">
        <v>167374</v>
      </c>
      <c r="E14546" s="1" t="s">
        <v>0</v>
      </c>
    </row>
    <row r="14547" spans="1:5" x14ac:dyDescent="0.25">
      <c r="A14547" s="2">
        <v>2909</v>
      </c>
      <c r="B14547" s="2">
        <v>2909</v>
      </c>
      <c r="C14547" s="1" t="s">
        <v>0</v>
      </c>
      <c r="D14547" s="2">
        <v>167375</v>
      </c>
      <c r="E14547" s="1" t="s">
        <v>0</v>
      </c>
    </row>
    <row r="14548" spans="1:5" x14ac:dyDescent="0.25">
      <c r="A14548" s="1" t="s">
        <v>2656</v>
      </c>
      <c r="B14548" s="1" t="s">
        <v>9204</v>
      </c>
      <c r="C14548" s="1" t="s">
        <v>33098</v>
      </c>
      <c r="D14548" s="2">
        <v>167376</v>
      </c>
      <c r="E14548" s="1" t="s">
        <v>0</v>
      </c>
    </row>
    <row r="14549" spans="1:5" x14ac:dyDescent="0.25">
      <c r="A14549" s="1" t="s">
        <v>33099</v>
      </c>
      <c r="B14549" s="1" t="s">
        <v>58420</v>
      </c>
      <c r="C14549" s="1" t="s">
        <v>33100</v>
      </c>
      <c r="D14549" s="2">
        <v>167377</v>
      </c>
      <c r="E14549" s="1" t="s">
        <v>0</v>
      </c>
    </row>
    <row r="14550" spans="1:5" ht="409.5" x14ac:dyDescent="0.25">
      <c r="A14550" s="4" t="s">
        <v>33101</v>
      </c>
      <c r="B14550" s="1" t="s">
        <v>59639</v>
      </c>
      <c r="C14550" s="1" t="s">
        <v>33102</v>
      </c>
      <c r="D14550" s="2">
        <v>167378</v>
      </c>
      <c r="E14550" s="1" t="s">
        <v>0</v>
      </c>
    </row>
    <row r="14551" spans="1:5" x14ac:dyDescent="0.25">
      <c r="A14551" s="1" t="s">
        <v>33103</v>
      </c>
      <c r="B14551" s="1" t="s">
        <v>9205</v>
      </c>
      <c r="C14551" s="1" t="s">
        <v>33104</v>
      </c>
      <c r="D14551" s="2">
        <v>167379</v>
      </c>
      <c r="E14551" s="1" t="s">
        <v>0</v>
      </c>
    </row>
    <row r="14552" spans="1:5" x14ac:dyDescent="0.25">
      <c r="A14552" s="2">
        <v>2910</v>
      </c>
      <c r="B14552" s="2">
        <v>2910</v>
      </c>
      <c r="C14552" s="1" t="s">
        <v>0</v>
      </c>
      <c r="D14552" s="2">
        <v>167380</v>
      </c>
      <c r="E14552" s="1" t="s">
        <v>0</v>
      </c>
    </row>
    <row r="14553" spans="1:5" x14ac:dyDescent="0.25">
      <c r="A14553" s="1" t="s">
        <v>2657</v>
      </c>
      <c r="B14553" s="1" t="s">
        <v>9206</v>
      </c>
      <c r="C14553" s="1" t="s">
        <v>33105</v>
      </c>
      <c r="D14553" s="2">
        <v>167381</v>
      </c>
      <c r="E14553" s="1" t="s">
        <v>0</v>
      </c>
    </row>
    <row r="14554" spans="1:5" x14ac:dyDescent="0.25">
      <c r="A14554" s="1" t="s">
        <v>33106</v>
      </c>
      <c r="B14554" s="1" t="s">
        <v>9207</v>
      </c>
      <c r="C14554" s="1" t="s">
        <v>33107</v>
      </c>
      <c r="D14554" s="2">
        <v>167382</v>
      </c>
      <c r="E14554" s="1" t="s">
        <v>0</v>
      </c>
    </row>
    <row r="14555" spans="1:5" ht="409.5" x14ac:dyDescent="0.25">
      <c r="A14555" s="4" t="s">
        <v>33108</v>
      </c>
      <c r="B14555" s="1" t="s">
        <v>9208</v>
      </c>
      <c r="C14555" s="1" t="s">
        <v>33109</v>
      </c>
      <c r="D14555" s="2">
        <v>167383</v>
      </c>
      <c r="E14555" s="1" t="s">
        <v>0</v>
      </c>
    </row>
    <row r="14556" spans="1:5" x14ac:dyDescent="0.25">
      <c r="A14556" s="1" t="s">
        <v>33110</v>
      </c>
      <c r="B14556" s="1" t="s">
        <v>9209</v>
      </c>
      <c r="C14556" s="1" t="s">
        <v>33111</v>
      </c>
      <c r="D14556" s="2">
        <v>167384</v>
      </c>
      <c r="E14556" s="1" t="s">
        <v>0</v>
      </c>
    </row>
    <row r="14557" spans="1:5" x14ac:dyDescent="0.25">
      <c r="A14557" s="2">
        <v>2911</v>
      </c>
      <c r="B14557" s="2">
        <v>2911</v>
      </c>
      <c r="C14557" s="1" t="s">
        <v>0</v>
      </c>
      <c r="D14557" s="2">
        <v>167385</v>
      </c>
      <c r="E14557" s="1" t="s">
        <v>0</v>
      </c>
    </row>
    <row r="14558" spans="1:5" x14ac:dyDescent="0.25">
      <c r="A14558" s="1" t="s">
        <v>2658</v>
      </c>
      <c r="B14558" s="1" t="s">
        <v>9210</v>
      </c>
      <c r="C14558" s="1" t="s">
        <v>33112</v>
      </c>
      <c r="D14558" s="2">
        <v>167386</v>
      </c>
      <c r="E14558" s="1" t="s">
        <v>0</v>
      </c>
    </row>
    <row r="14559" spans="1:5" x14ac:dyDescent="0.25">
      <c r="A14559" s="1" t="s">
        <v>33113</v>
      </c>
      <c r="B14559" s="1" t="s">
        <v>54233</v>
      </c>
      <c r="C14559" s="1" t="s">
        <v>33114</v>
      </c>
      <c r="D14559" s="2">
        <v>167387</v>
      </c>
      <c r="E14559" s="1" t="s">
        <v>0</v>
      </c>
    </row>
    <row r="14560" spans="1:5" ht="409.5" x14ac:dyDescent="0.25">
      <c r="A14560" s="4" t="s">
        <v>33115</v>
      </c>
      <c r="B14560" s="1" t="s">
        <v>58087</v>
      </c>
      <c r="C14560" s="1" t="s">
        <v>33116</v>
      </c>
      <c r="D14560" s="2">
        <v>167388</v>
      </c>
      <c r="E14560" s="1" t="s">
        <v>0</v>
      </c>
    </row>
    <row r="14561" spans="1:5" x14ac:dyDescent="0.25">
      <c r="A14561" s="1" t="s">
        <v>33117</v>
      </c>
      <c r="B14561" s="1" t="s">
        <v>54234</v>
      </c>
      <c r="C14561" s="1" t="s">
        <v>33118</v>
      </c>
      <c r="D14561" s="2">
        <v>167389</v>
      </c>
      <c r="E14561" s="1" t="s">
        <v>0</v>
      </c>
    </row>
    <row r="14562" spans="1:5" x14ac:dyDescent="0.25">
      <c r="A14562" s="2">
        <v>2912</v>
      </c>
      <c r="B14562" s="2">
        <v>2912</v>
      </c>
      <c r="C14562" s="1" t="s">
        <v>0</v>
      </c>
      <c r="D14562" s="2">
        <v>167390</v>
      </c>
      <c r="E14562" s="1" t="s">
        <v>0</v>
      </c>
    </row>
    <row r="14563" spans="1:5" x14ac:dyDescent="0.25">
      <c r="A14563" s="1" t="s">
        <v>2659</v>
      </c>
      <c r="B14563" s="1" t="s">
        <v>9211</v>
      </c>
      <c r="C14563" s="1" t="s">
        <v>33119</v>
      </c>
      <c r="D14563" s="2">
        <v>167391</v>
      </c>
      <c r="E14563" s="1" t="s">
        <v>0</v>
      </c>
    </row>
    <row r="14564" spans="1:5" x14ac:dyDescent="0.25">
      <c r="A14564" s="1" t="s">
        <v>33120</v>
      </c>
      <c r="B14564" s="1" t="s">
        <v>59036</v>
      </c>
      <c r="C14564" s="1" t="s">
        <v>33121</v>
      </c>
      <c r="D14564" s="2">
        <v>167392</v>
      </c>
      <c r="E14564" s="1" t="s">
        <v>0</v>
      </c>
    </row>
    <row r="14565" spans="1:5" ht="409.5" x14ac:dyDescent="0.25">
      <c r="A14565" s="4" t="s">
        <v>33122</v>
      </c>
      <c r="B14565" s="1" t="s">
        <v>59037</v>
      </c>
      <c r="C14565" s="1" t="s">
        <v>33123</v>
      </c>
      <c r="D14565" s="2">
        <v>167393</v>
      </c>
      <c r="E14565" s="1" t="s">
        <v>0</v>
      </c>
    </row>
    <row r="14566" spans="1:5" x14ac:dyDescent="0.25">
      <c r="A14566" s="1" t="s">
        <v>33124</v>
      </c>
      <c r="B14566" s="1" t="s">
        <v>9212</v>
      </c>
      <c r="C14566" s="1" t="s">
        <v>33125</v>
      </c>
      <c r="D14566" s="2">
        <v>167394</v>
      </c>
      <c r="E14566" s="1" t="s">
        <v>0</v>
      </c>
    </row>
    <row r="14567" spans="1:5" x14ac:dyDescent="0.25">
      <c r="A14567" s="2">
        <v>2913</v>
      </c>
      <c r="B14567" s="2">
        <v>2913</v>
      </c>
      <c r="C14567" s="1" t="s">
        <v>0</v>
      </c>
      <c r="D14567" s="2">
        <v>167395</v>
      </c>
      <c r="E14567" s="1" t="s">
        <v>0</v>
      </c>
    </row>
    <row r="14568" spans="1:5" x14ac:dyDescent="0.25">
      <c r="A14568" s="1" t="s">
        <v>2660</v>
      </c>
      <c r="B14568" s="1" t="s">
        <v>9213</v>
      </c>
      <c r="C14568" s="1" t="s">
        <v>33126</v>
      </c>
      <c r="D14568" s="2">
        <v>167396</v>
      </c>
      <c r="E14568" s="1" t="s">
        <v>0</v>
      </c>
    </row>
    <row r="14569" spans="1:5" x14ac:dyDescent="0.25">
      <c r="A14569" s="1" t="s">
        <v>33127</v>
      </c>
      <c r="B14569" s="1" t="s">
        <v>62594</v>
      </c>
      <c r="C14569" s="1" t="s">
        <v>33128</v>
      </c>
      <c r="D14569" s="2">
        <v>167397</v>
      </c>
      <c r="E14569" s="1" t="s">
        <v>0</v>
      </c>
    </row>
    <row r="14570" spans="1:5" ht="409.5" x14ac:dyDescent="0.25">
      <c r="A14570" s="4" t="s">
        <v>33129</v>
      </c>
      <c r="B14570" s="1" t="s">
        <v>62595</v>
      </c>
      <c r="C14570" s="1" t="s">
        <v>33130</v>
      </c>
      <c r="D14570" s="2">
        <v>167398</v>
      </c>
      <c r="E14570" s="1" t="s">
        <v>0</v>
      </c>
    </row>
    <row r="14571" spans="1:5" x14ac:dyDescent="0.25">
      <c r="A14571" s="1" t="s">
        <v>33131</v>
      </c>
      <c r="B14571" s="1" t="s">
        <v>9214</v>
      </c>
      <c r="C14571" s="1" t="s">
        <v>33132</v>
      </c>
      <c r="D14571" s="2">
        <v>167399</v>
      </c>
      <c r="E14571" s="1" t="s">
        <v>0</v>
      </c>
    </row>
    <row r="14572" spans="1:5" x14ac:dyDescent="0.25">
      <c r="A14572" s="2">
        <v>2914</v>
      </c>
      <c r="B14572" s="2">
        <v>2914</v>
      </c>
      <c r="C14572" s="1" t="s">
        <v>0</v>
      </c>
      <c r="D14572" s="2">
        <v>167400</v>
      </c>
      <c r="E14572" s="1" t="s">
        <v>0</v>
      </c>
    </row>
    <row r="14573" spans="1:5" x14ac:dyDescent="0.25">
      <c r="A14573" s="1" t="s">
        <v>9215</v>
      </c>
      <c r="B14573" s="1" t="s">
        <v>9216</v>
      </c>
      <c r="C14573" s="1" t="s">
        <v>33133</v>
      </c>
      <c r="D14573" s="2">
        <v>167401</v>
      </c>
      <c r="E14573" s="1" t="s">
        <v>0</v>
      </c>
    </row>
    <row r="14574" spans="1:5" x14ac:dyDescent="0.25">
      <c r="A14574" s="1" t="s">
        <v>33134</v>
      </c>
      <c r="B14574" s="1" t="s">
        <v>63733</v>
      </c>
      <c r="C14574" s="1" t="s">
        <v>33135</v>
      </c>
      <c r="D14574" s="2">
        <v>167402</v>
      </c>
      <c r="E14574" s="1" t="s">
        <v>0</v>
      </c>
    </row>
    <row r="14575" spans="1:5" ht="409.5" x14ac:dyDescent="0.25">
      <c r="A14575" s="4" t="s">
        <v>33136</v>
      </c>
      <c r="B14575" s="1" t="s">
        <v>63734</v>
      </c>
      <c r="C14575" s="1" t="s">
        <v>33137</v>
      </c>
      <c r="D14575" s="2">
        <v>167403</v>
      </c>
      <c r="E14575" s="1" t="s">
        <v>0</v>
      </c>
    </row>
    <row r="14576" spans="1:5" x14ac:dyDescent="0.25">
      <c r="A14576" s="1" t="s">
        <v>30466</v>
      </c>
      <c r="B14576" s="1" t="s">
        <v>8650</v>
      </c>
      <c r="C14576" s="1" t="s">
        <v>30467</v>
      </c>
      <c r="D14576" s="2">
        <v>167404</v>
      </c>
      <c r="E14576" s="1" t="s">
        <v>0</v>
      </c>
    </row>
    <row r="14577" spans="1:5" x14ac:dyDescent="0.25">
      <c r="A14577" s="2">
        <v>2915</v>
      </c>
      <c r="B14577" s="2">
        <v>2915</v>
      </c>
      <c r="C14577" s="1" t="s">
        <v>0</v>
      </c>
      <c r="D14577" s="2">
        <v>167405</v>
      </c>
      <c r="E14577" s="1" t="s">
        <v>0</v>
      </c>
    </row>
    <row r="14578" spans="1:5" x14ac:dyDescent="0.25">
      <c r="A14578" s="1" t="s">
        <v>2661</v>
      </c>
      <c r="B14578" s="1" t="s">
        <v>9217</v>
      </c>
      <c r="C14578" s="1" t="s">
        <v>33138</v>
      </c>
      <c r="D14578" s="2">
        <v>167406</v>
      </c>
      <c r="E14578" s="1" t="s">
        <v>0</v>
      </c>
    </row>
    <row r="14579" spans="1:5" x14ac:dyDescent="0.25">
      <c r="A14579" s="1" t="s">
        <v>33139</v>
      </c>
      <c r="B14579" s="1" t="s">
        <v>57554</v>
      </c>
      <c r="C14579" s="1" t="s">
        <v>33140</v>
      </c>
      <c r="D14579" s="2">
        <v>167407</v>
      </c>
      <c r="E14579" s="1" t="s">
        <v>0</v>
      </c>
    </row>
    <row r="14580" spans="1:5" ht="409.5" x14ac:dyDescent="0.25">
      <c r="A14580" s="4" t="s">
        <v>33141</v>
      </c>
      <c r="B14580" s="1" t="s">
        <v>57555</v>
      </c>
      <c r="C14580" s="1" t="s">
        <v>33142</v>
      </c>
      <c r="D14580" s="2">
        <v>167408</v>
      </c>
      <c r="E14580" s="1" t="s">
        <v>0</v>
      </c>
    </row>
    <row r="14581" spans="1:5" x14ac:dyDescent="0.25">
      <c r="A14581" s="1" t="s">
        <v>33143</v>
      </c>
      <c r="B14581" s="1" t="s">
        <v>54235</v>
      </c>
      <c r="C14581" s="1" t="s">
        <v>33144</v>
      </c>
      <c r="D14581" s="2">
        <v>167409</v>
      </c>
      <c r="E14581" s="1" t="s">
        <v>0</v>
      </c>
    </row>
    <row r="14582" spans="1:5" x14ac:dyDescent="0.25">
      <c r="A14582" s="2">
        <v>2916</v>
      </c>
      <c r="B14582" s="2">
        <v>2916</v>
      </c>
      <c r="C14582" s="1" t="s">
        <v>0</v>
      </c>
      <c r="D14582" s="2">
        <v>167410</v>
      </c>
      <c r="E14582" s="1" t="s">
        <v>0</v>
      </c>
    </row>
    <row r="14583" spans="1:5" x14ac:dyDescent="0.25">
      <c r="A14583" s="1" t="s">
        <v>2662</v>
      </c>
      <c r="B14583" s="1" t="s">
        <v>9218</v>
      </c>
      <c r="C14583" s="1" t="s">
        <v>33145</v>
      </c>
      <c r="D14583" s="2">
        <v>167411</v>
      </c>
      <c r="E14583" s="1" t="s">
        <v>0</v>
      </c>
    </row>
    <row r="14584" spans="1:5" x14ac:dyDescent="0.25">
      <c r="A14584" s="1" t="s">
        <v>33146</v>
      </c>
      <c r="B14584" s="1" t="s">
        <v>9219</v>
      </c>
      <c r="C14584" s="1" t="s">
        <v>33147</v>
      </c>
      <c r="D14584" s="2">
        <v>167412</v>
      </c>
      <c r="E14584" s="1" t="s">
        <v>0</v>
      </c>
    </row>
    <row r="14585" spans="1:5" ht="409.5" x14ac:dyDescent="0.25">
      <c r="A14585" s="4" t="s">
        <v>33148</v>
      </c>
      <c r="B14585" s="1" t="s">
        <v>58421</v>
      </c>
      <c r="C14585" s="1" t="s">
        <v>33149</v>
      </c>
      <c r="D14585" s="2">
        <v>167413</v>
      </c>
      <c r="E14585" s="1" t="s">
        <v>0</v>
      </c>
    </row>
    <row r="14586" spans="1:5" x14ac:dyDescent="0.25">
      <c r="A14586" s="1" t="s">
        <v>33150</v>
      </c>
      <c r="B14586" s="1" t="s">
        <v>54236</v>
      </c>
      <c r="C14586" s="1" t="s">
        <v>33151</v>
      </c>
      <c r="D14586" s="2">
        <v>167414</v>
      </c>
      <c r="E14586" s="1" t="s">
        <v>0</v>
      </c>
    </row>
    <row r="14587" spans="1:5" x14ac:dyDescent="0.25">
      <c r="A14587" s="2">
        <v>2917</v>
      </c>
      <c r="B14587" s="2">
        <v>2917</v>
      </c>
      <c r="C14587" s="1" t="s">
        <v>0</v>
      </c>
      <c r="D14587" s="2">
        <v>167415</v>
      </c>
      <c r="E14587" s="1" t="s">
        <v>0</v>
      </c>
    </row>
    <row r="14588" spans="1:5" x14ac:dyDescent="0.25">
      <c r="A14588" s="1" t="s">
        <v>2663</v>
      </c>
      <c r="B14588" s="1" t="s">
        <v>50781</v>
      </c>
      <c r="C14588" s="1" t="s">
        <v>33152</v>
      </c>
      <c r="D14588" s="2">
        <v>167416</v>
      </c>
      <c r="E14588" s="1" t="s">
        <v>0</v>
      </c>
    </row>
    <row r="14589" spans="1:5" x14ac:dyDescent="0.25">
      <c r="A14589" s="1" t="s">
        <v>33153</v>
      </c>
      <c r="B14589" s="1" t="s">
        <v>50782</v>
      </c>
      <c r="C14589" s="1" t="s">
        <v>33154</v>
      </c>
      <c r="D14589" s="2">
        <v>167417</v>
      </c>
      <c r="E14589" s="1" t="s">
        <v>0</v>
      </c>
    </row>
    <row r="14590" spans="1:5" ht="409.5" x14ac:dyDescent="0.25">
      <c r="A14590" s="4" t="s">
        <v>33155</v>
      </c>
      <c r="B14590" s="1" t="s">
        <v>60059</v>
      </c>
      <c r="C14590" s="1" t="s">
        <v>33156</v>
      </c>
      <c r="D14590" s="2">
        <v>167418</v>
      </c>
      <c r="E14590" s="1" t="s">
        <v>0</v>
      </c>
    </row>
    <row r="14591" spans="1:5" x14ac:dyDescent="0.25">
      <c r="A14591" s="1" t="s">
        <v>33157</v>
      </c>
      <c r="B14591" s="1" t="s">
        <v>50783</v>
      </c>
      <c r="C14591" s="1" t="s">
        <v>33158</v>
      </c>
      <c r="D14591" s="2">
        <v>167419</v>
      </c>
      <c r="E14591" s="1" t="s">
        <v>0</v>
      </c>
    </row>
    <row r="14592" spans="1:5" x14ac:dyDescent="0.25">
      <c r="A14592" s="2">
        <v>2918</v>
      </c>
      <c r="B14592" s="2">
        <v>2918</v>
      </c>
      <c r="C14592" s="1" t="s">
        <v>0</v>
      </c>
      <c r="D14592" s="2">
        <v>167420</v>
      </c>
      <c r="E14592" s="1" t="s">
        <v>0</v>
      </c>
    </row>
    <row r="14593" spans="1:5" x14ac:dyDescent="0.25">
      <c r="A14593" s="1" t="s">
        <v>2664</v>
      </c>
      <c r="B14593" s="1" t="s">
        <v>9220</v>
      </c>
      <c r="C14593" s="1" t="s">
        <v>33159</v>
      </c>
      <c r="D14593" s="2">
        <v>167421</v>
      </c>
      <c r="E14593" s="1" t="s">
        <v>0</v>
      </c>
    </row>
    <row r="14594" spans="1:5" x14ac:dyDescent="0.25">
      <c r="A14594" s="1" t="s">
        <v>33160</v>
      </c>
      <c r="B14594" s="1" t="s">
        <v>9221</v>
      </c>
      <c r="C14594" s="1" t="s">
        <v>33161</v>
      </c>
      <c r="D14594" s="2">
        <v>167422</v>
      </c>
      <c r="E14594" s="1" t="s">
        <v>0</v>
      </c>
    </row>
    <row r="14595" spans="1:5" ht="409.5" x14ac:dyDescent="0.25">
      <c r="A14595" s="4" t="s">
        <v>33162</v>
      </c>
      <c r="B14595" s="1" t="s">
        <v>54237</v>
      </c>
      <c r="C14595" s="1" t="s">
        <v>33163</v>
      </c>
      <c r="D14595" s="2">
        <v>167423</v>
      </c>
      <c r="E14595" s="1" t="s">
        <v>0</v>
      </c>
    </row>
    <row r="14596" spans="1:5" x14ac:dyDescent="0.25">
      <c r="A14596" s="1" t="s">
        <v>33164</v>
      </c>
      <c r="B14596" s="1" t="s">
        <v>54238</v>
      </c>
      <c r="C14596" s="1" t="s">
        <v>33165</v>
      </c>
      <c r="D14596" s="2">
        <v>167424</v>
      </c>
      <c r="E14596" s="1" t="s">
        <v>0</v>
      </c>
    </row>
    <row r="14597" spans="1:5" x14ac:dyDescent="0.25">
      <c r="A14597" s="2">
        <v>2919</v>
      </c>
      <c r="B14597" s="2">
        <v>2919</v>
      </c>
      <c r="C14597" s="1" t="s">
        <v>0</v>
      </c>
      <c r="D14597" s="2">
        <v>167425</v>
      </c>
      <c r="E14597" s="1" t="s">
        <v>0</v>
      </c>
    </row>
    <row r="14598" spans="1:5" x14ac:dyDescent="0.25">
      <c r="A14598" s="1" t="s">
        <v>2665</v>
      </c>
      <c r="B14598" s="1" t="s">
        <v>9222</v>
      </c>
      <c r="C14598" s="1" t="s">
        <v>33166</v>
      </c>
      <c r="D14598" s="2">
        <v>167426</v>
      </c>
      <c r="E14598" s="1" t="s">
        <v>0</v>
      </c>
    </row>
    <row r="14599" spans="1:5" x14ac:dyDescent="0.25">
      <c r="A14599" s="1" t="s">
        <v>33167</v>
      </c>
      <c r="B14599" s="1" t="s">
        <v>62596</v>
      </c>
      <c r="C14599" s="1" t="s">
        <v>33168</v>
      </c>
      <c r="D14599" s="2">
        <v>167427</v>
      </c>
      <c r="E14599" s="1" t="s">
        <v>0</v>
      </c>
    </row>
    <row r="14600" spans="1:5" ht="409.5" x14ac:dyDescent="0.25">
      <c r="A14600" s="4" t="s">
        <v>33169</v>
      </c>
      <c r="B14600" s="1" t="s">
        <v>62597</v>
      </c>
      <c r="C14600" s="1" t="s">
        <v>33170</v>
      </c>
      <c r="D14600" s="2">
        <v>167428</v>
      </c>
      <c r="E14600" s="1" t="s">
        <v>0</v>
      </c>
    </row>
    <row r="14601" spans="1:5" x14ac:dyDescent="0.25">
      <c r="A14601" s="1" t="s">
        <v>33171</v>
      </c>
      <c r="B14601" s="1" t="s">
        <v>54239</v>
      </c>
      <c r="C14601" s="1" t="s">
        <v>33172</v>
      </c>
      <c r="D14601" s="2">
        <v>167429</v>
      </c>
      <c r="E14601" s="1" t="s">
        <v>0</v>
      </c>
    </row>
    <row r="14602" spans="1:5" x14ac:dyDescent="0.25">
      <c r="A14602" s="2">
        <v>2920</v>
      </c>
      <c r="B14602" s="2">
        <v>2920</v>
      </c>
      <c r="C14602" s="1" t="s">
        <v>0</v>
      </c>
      <c r="D14602" s="2">
        <v>167430</v>
      </c>
      <c r="E14602" s="1" t="s">
        <v>0</v>
      </c>
    </row>
    <row r="14603" spans="1:5" x14ac:dyDescent="0.25">
      <c r="A14603" s="1" t="s">
        <v>2666</v>
      </c>
      <c r="B14603" s="1" t="s">
        <v>9223</v>
      </c>
      <c r="C14603" s="1" t="s">
        <v>33173</v>
      </c>
      <c r="D14603" s="2">
        <v>167431</v>
      </c>
      <c r="E14603" s="1" t="s">
        <v>0</v>
      </c>
    </row>
    <row r="14604" spans="1:5" x14ac:dyDescent="0.25">
      <c r="A14604" s="1" t="s">
        <v>33174</v>
      </c>
      <c r="B14604" s="1" t="s">
        <v>54240</v>
      </c>
      <c r="C14604" s="1" t="s">
        <v>33175</v>
      </c>
      <c r="D14604" s="2">
        <v>167432</v>
      </c>
      <c r="E14604" s="1" t="s">
        <v>0</v>
      </c>
    </row>
    <row r="14605" spans="1:5" ht="409.5" x14ac:dyDescent="0.25">
      <c r="A14605" s="4" t="s">
        <v>33176</v>
      </c>
      <c r="B14605" s="1" t="s">
        <v>54241</v>
      </c>
      <c r="C14605" s="1" t="s">
        <v>33177</v>
      </c>
      <c r="D14605" s="2">
        <v>167433</v>
      </c>
      <c r="E14605" s="1" t="s">
        <v>0</v>
      </c>
    </row>
    <row r="14606" spans="1:5" x14ac:dyDescent="0.25">
      <c r="A14606" s="1" t="s">
        <v>33178</v>
      </c>
      <c r="B14606" s="1" t="s">
        <v>9224</v>
      </c>
      <c r="C14606" s="1" t="s">
        <v>33179</v>
      </c>
      <c r="D14606" s="2">
        <v>167434</v>
      </c>
      <c r="E14606" s="1" t="s">
        <v>0</v>
      </c>
    </row>
    <row r="14607" spans="1:5" x14ac:dyDescent="0.25">
      <c r="A14607" s="2">
        <v>2921</v>
      </c>
      <c r="B14607" s="2">
        <v>2921</v>
      </c>
      <c r="C14607" s="1" t="s">
        <v>0</v>
      </c>
      <c r="D14607" s="2">
        <v>167435</v>
      </c>
      <c r="E14607" s="1" t="s">
        <v>0</v>
      </c>
    </row>
    <row r="14608" spans="1:5" x14ac:dyDescent="0.25">
      <c r="A14608" s="1" t="s">
        <v>2667</v>
      </c>
      <c r="B14608" s="1" t="s">
        <v>9225</v>
      </c>
      <c r="C14608" s="1" t="s">
        <v>33180</v>
      </c>
      <c r="D14608" s="2">
        <v>167436</v>
      </c>
      <c r="E14608" s="1" t="s">
        <v>0</v>
      </c>
    </row>
    <row r="14609" spans="1:5" x14ac:dyDescent="0.25">
      <c r="A14609" s="1" t="s">
        <v>64208</v>
      </c>
      <c r="B14609" s="1" t="s">
        <v>54242</v>
      </c>
      <c r="C14609" s="1" t="s">
        <v>33181</v>
      </c>
      <c r="D14609" s="2">
        <v>167437</v>
      </c>
      <c r="E14609" s="1" t="s">
        <v>0</v>
      </c>
    </row>
    <row r="14610" spans="1:5" ht="409.5" x14ac:dyDescent="0.25">
      <c r="A14610" s="4" t="s">
        <v>64209</v>
      </c>
      <c r="B14610" s="1" t="s">
        <v>64210</v>
      </c>
      <c r="C14610" s="1" t="s">
        <v>33182</v>
      </c>
      <c r="D14610" s="2">
        <v>167438</v>
      </c>
      <c r="E14610" s="1" t="s">
        <v>0</v>
      </c>
    </row>
    <row r="14611" spans="1:5" x14ac:dyDescent="0.25">
      <c r="A14611" s="1" t="s">
        <v>33183</v>
      </c>
      <c r="B14611" s="1" t="s">
        <v>9226</v>
      </c>
      <c r="C14611" s="1" t="s">
        <v>33184</v>
      </c>
      <c r="D14611" s="2">
        <v>167439</v>
      </c>
      <c r="E14611" s="1" t="s">
        <v>0</v>
      </c>
    </row>
    <row r="14612" spans="1:5" x14ac:dyDescent="0.25">
      <c r="A14612" s="2">
        <v>2922</v>
      </c>
      <c r="B14612" s="2">
        <v>2922</v>
      </c>
      <c r="C14612" s="1" t="s">
        <v>0</v>
      </c>
      <c r="D14612" s="2">
        <v>167440</v>
      </c>
      <c r="E14612" s="1" t="s">
        <v>0</v>
      </c>
    </row>
    <row r="14613" spans="1:5" x14ac:dyDescent="0.25">
      <c r="A14613" s="1" t="s">
        <v>2668</v>
      </c>
      <c r="B14613" s="1" t="s">
        <v>9227</v>
      </c>
      <c r="C14613" s="1" t="s">
        <v>33185</v>
      </c>
      <c r="D14613" s="2">
        <v>167441</v>
      </c>
      <c r="E14613" s="1" t="s">
        <v>0</v>
      </c>
    </row>
    <row r="14614" spans="1:5" x14ac:dyDescent="0.25">
      <c r="A14614" s="1" t="s">
        <v>33186</v>
      </c>
      <c r="B14614" s="1" t="s">
        <v>9228</v>
      </c>
      <c r="C14614" s="1" t="s">
        <v>33187</v>
      </c>
      <c r="D14614" s="2">
        <v>167442</v>
      </c>
      <c r="E14614" s="1" t="s">
        <v>0</v>
      </c>
    </row>
    <row r="14615" spans="1:5" ht="409.5" x14ac:dyDescent="0.25">
      <c r="A14615" s="4" t="s">
        <v>33188</v>
      </c>
      <c r="B14615" s="1" t="s">
        <v>54243</v>
      </c>
      <c r="C14615" s="1" t="s">
        <v>33189</v>
      </c>
      <c r="D14615" s="2">
        <v>167443</v>
      </c>
      <c r="E14615" s="1" t="s">
        <v>0</v>
      </c>
    </row>
    <row r="14616" spans="1:5" x14ac:dyDescent="0.25">
      <c r="A14616" s="1" t="s">
        <v>33190</v>
      </c>
      <c r="B14616" s="1" t="s">
        <v>54244</v>
      </c>
      <c r="C14616" s="1" t="s">
        <v>33191</v>
      </c>
      <c r="D14616" s="2">
        <v>167444</v>
      </c>
      <c r="E14616" s="1" t="s">
        <v>0</v>
      </c>
    </row>
    <row r="14617" spans="1:5" x14ac:dyDescent="0.25">
      <c r="A14617" s="2">
        <v>2923</v>
      </c>
      <c r="B14617" s="2">
        <v>2923</v>
      </c>
      <c r="C14617" s="1" t="s">
        <v>0</v>
      </c>
      <c r="D14617" s="2">
        <v>167445</v>
      </c>
      <c r="E14617" s="1" t="s">
        <v>0</v>
      </c>
    </row>
    <row r="14618" spans="1:5" x14ac:dyDescent="0.25">
      <c r="A14618" s="1" t="s">
        <v>2669</v>
      </c>
      <c r="B14618" s="1" t="s">
        <v>60060</v>
      </c>
      <c r="C14618" s="1" t="s">
        <v>33192</v>
      </c>
      <c r="D14618" s="2">
        <v>167446</v>
      </c>
      <c r="E14618" s="1" t="s">
        <v>0</v>
      </c>
    </row>
    <row r="14619" spans="1:5" x14ac:dyDescent="0.25">
      <c r="A14619" s="1" t="s">
        <v>33193</v>
      </c>
      <c r="B14619" s="1" t="s">
        <v>60061</v>
      </c>
      <c r="C14619" s="1" t="s">
        <v>33194</v>
      </c>
      <c r="D14619" s="2">
        <v>167447</v>
      </c>
      <c r="E14619" s="1" t="s">
        <v>0</v>
      </c>
    </row>
    <row r="14620" spans="1:5" ht="409.5" x14ac:dyDescent="0.25">
      <c r="A14620" s="4" t="s">
        <v>33195</v>
      </c>
      <c r="B14620" s="1" t="s">
        <v>60062</v>
      </c>
      <c r="C14620" s="1" t="s">
        <v>33196</v>
      </c>
      <c r="D14620" s="2">
        <v>167448</v>
      </c>
      <c r="E14620" s="1" t="s">
        <v>0</v>
      </c>
    </row>
    <row r="14621" spans="1:5" x14ac:dyDescent="0.25">
      <c r="A14621" s="1" t="s">
        <v>33197</v>
      </c>
      <c r="B14621" s="1" t="s">
        <v>60063</v>
      </c>
      <c r="C14621" s="1" t="s">
        <v>33198</v>
      </c>
      <c r="D14621" s="2">
        <v>167449</v>
      </c>
      <c r="E14621" s="1" t="s">
        <v>0</v>
      </c>
    </row>
    <row r="14622" spans="1:5" x14ac:dyDescent="0.25">
      <c r="A14622" s="2">
        <v>2924</v>
      </c>
      <c r="B14622" s="2">
        <v>2924</v>
      </c>
      <c r="C14622" s="1" t="s">
        <v>0</v>
      </c>
      <c r="D14622" s="2">
        <v>167450</v>
      </c>
      <c r="E14622" s="1" t="s">
        <v>0</v>
      </c>
    </row>
    <row r="14623" spans="1:5" x14ac:dyDescent="0.25">
      <c r="A14623" s="1" t="s">
        <v>2670</v>
      </c>
      <c r="B14623" s="1" t="s">
        <v>9229</v>
      </c>
      <c r="C14623" s="1" t="s">
        <v>33199</v>
      </c>
      <c r="D14623" s="2">
        <v>167451</v>
      </c>
      <c r="E14623" s="1" t="s">
        <v>0</v>
      </c>
    </row>
    <row r="14624" spans="1:5" x14ac:dyDescent="0.25">
      <c r="A14624" s="1" t="s">
        <v>33200</v>
      </c>
      <c r="B14624" s="1" t="s">
        <v>54245</v>
      </c>
      <c r="C14624" s="1" t="s">
        <v>33201</v>
      </c>
      <c r="D14624" s="2">
        <v>167452</v>
      </c>
      <c r="E14624" s="1" t="s">
        <v>0</v>
      </c>
    </row>
    <row r="14625" spans="1:5" ht="409.5" x14ac:dyDescent="0.25">
      <c r="A14625" s="4" t="s">
        <v>33202</v>
      </c>
      <c r="B14625" s="1" t="s">
        <v>54246</v>
      </c>
      <c r="C14625" s="1" t="s">
        <v>33203</v>
      </c>
      <c r="D14625" s="2">
        <v>167453</v>
      </c>
      <c r="E14625" s="1" t="s">
        <v>0</v>
      </c>
    </row>
    <row r="14626" spans="1:5" x14ac:dyDescent="0.25">
      <c r="A14626" s="1" t="s">
        <v>33204</v>
      </c>
      <c r="B14626" s="1" t="s">
        <v>54247</v>
      </c>
      <c r="C14626" s="1" t="s">
        <v>33205</v>
      </c>
      <c r="D14626" s="2">
        <v>167454</v>
      </c>
      <c r="E14626" s="1" t="s">
        <v>0</v>
      </c>
    </row>
    <row r="14627" spans="1:5" x14ac:dyDescent="0.25">
      <c r="A14627" s="2">
        <v>2925</v>
      </c>
      <c r="B14627" s="2">
        <v>2925</v>
      </c>
      <c r="C14627" s="1" t="s">
        <v>0</v>
      </c>
      <c r="D14627" s="2">
        <v>167455</v>
      </c>
      <c r="E14627" s="1" t="s">
        <v>0</v>
      </c>
    </row>
    <row r="14628" spans="1:5" x14ac:dyDescent="0.25">
      <c r="A14628" s="1" t="s">
        <v>2671</v>
      </c>
      <c r="B14628" s="1" t="s">
        <v>54248</v>
      </c>
      <c r="C14628" s="1" t="s">
        <v>33206</v>
      </c>
      <c r="D14628" s="2">
        <v>167456</v>
      </c>
      <c r="E14628" s="1" t="s">
        <v>0</v>
      </c>
    </row>
    <row r="14629" spans="1:5" x14ac:dyDescent="0.25">
      <c r="A14629" s="1" t="s">
        <v>33207</v>
      </c>
      <c r="B14629" s="1" t="s">
        <v>9230</v>
      </c>
      <c r="C14629" s="1" t="s">
        <v>33208</v>
      </c>
      <c r="D14629" s="2">
        <v>167457</v>
      </c>
      <c r="E14629" s="1" t="s">
        <v>0</v>
      </c>
    </row>
    <row r="14630" spans="1:5" ht="409.5" x14ac:dyDescent="0.25">
      <c r="A14630" s="4" t="s">
        <v>33209</v>
      </c>
      <c r="B14630" s="1" t="s">
        <v>61177</v>
      </c>
      <c r="C14630" s="1" t="s">
        <v>33210</v>
      </c>
      <c r="D14630" s="2">
        <v>167458</v>
      </c>
      <c r="E14630" s="1" t="s">
        <v>0</v>
      </c>
    </row>
    <row r="14631" spans="1:5" x14ac:dyDescent="0.25">
      <c r="A14631" s="1" t="s">
        <v>33211</v>
      </c>
      <c r="B14631" s="1" t="s">
        <v>9231</v>
      </c>
      <c r="C14631" s="1" t="s">
        <v>33212</v>
      </c>
      <c r="D14631" s="2">
        <v>167459</v>
      </c>
      <c r="E14631" s="1" t="s">
        <v>0</v>
      </c>
    </row>
    <row r="14632" spans="1:5" x14ac:dyDescent="0.25">
      <c r="A14632" s="2">
        <v>2926</v>
      </c>
      <c r="B14632" s="2">
        <v>2926</v>
      </c>
      <c r="C14632" s="1" t="s">
        <v>0</v>
      </c>
      <c r="D14632" s="2">
        <v>167460</v>
      </c>
      <c r="E14632" s="1" t="s">
        <v>0</v>
      </c>
    </row>
    <row r="14633" spans="1:5" x14ac:dyDescent="0.25">
      <c r="A14633" s="1" t="s">
        <v>2672</v>
      </c>
      <c r="B14633" s="1" t="s">
        <v>60064</v>
      </c>
      <c r="C14633" s="1" t="s">
        <v>33213</v>
      </c>
      <c r="D14633" s="2">
        <v>167461</v>
      </c>
      <c r="E14633" s="1" t="s">
        <v>0</v>
      </c>
    </row>
    <row r="14634" spans="1:5" x14ac:dyDescent="0.25">
      <c r="A14634" s="1" t="s">
        <v>33214</v>
      </c>
      <c r="B14634" s="1" t="s">
        <v>61509</v>
      </c>
      <c r="C14634" s="1" t="s">
        <v>33215</v>
      </c>
      <c r="D14634" s="2">
        <v>167462</v>
      </c>
      <c r="E14634" s="1" t="s">
        <v>0</v>
      </c>
    </row>
    <row r="14635" spans="1:5" ht="409.5" x14ac:dyDescent="0.25">
      <c r="A14635" s="4" t="s">
        <v>33216</v>
      </c>
      <c r="B14635" s="1" t="s">
        <v>61510</v>
      </c>
      <c r="C14635" s="1" t="s">
        <v>33217</v>
      </c>
      <c r="D14635" s="2">
        <v>167463</v>
      </c>
      <c r="E14635" s="1" t="s">
        <v>0</v>
      </c>
    </row>
    <row r="14636" spans="1:5" x14ac:dyDescent="0.25">
      <c r="A14636" s="1" t="s">
        <v>33218</v>
      </c>
      <c r="B14636" s="1" t="s">
        <v>9232</v>
      </c>
      <c r="C14636" s="1" t="s">
        <v>33219</v>
      </c>
      <c r="D14636" s="2">
        <v>167464</v>
      </c>
      <c r="E14636" s="1" t="s">
        <v>0</v>
      </c>
    </row>
    <row r="14637" spans="1:5" x14ac:dyDescent="0.25">
      <c r="A14637" s="2">
        <v>2927</v>
      </c>
      <c r="B14637" s="2">
        <v>2927</v>
      </c>
      <c r="C14637" s="1" t="s">
        <v>0</v>
      </c>
      <c r="D14637" s="2">
        <v>167465</v>
      </c>
      <c r="E14637" s="1" t="s">
        <v>0</v>
      </c>
    </row>
    <row r="14638" spans="1:5" x14ac:dyDescent="0.25">
      <c r="A14638" s="1" t="s">
        <v>9233</v>
      </c>
      <c r="B14638" s="1" t="s">
        <v>9234</v>
      </c>
      <c r="C14638" s="1" t="s">
        <v>33220</v>
      </c>
      <c r="D14638" s="2">
        <v>167466</v>
      </c>
      <c r="E14638" s="1" t="s">
        <v>0</v>
      </c>
    </row>
    <row r="14639" spans="1:5" x14ac:dyDescent="0.25">
      <c r="A14639" s="1" t="s">
        <v>33221</v>
      </c>
      <c r="B14639" s="1" t="s">
        <v>62598</v>
      </c>
      <c r="C14639" s="1" t="s">
        <v>33222</v>
      </c>
      <c r="D14639" s="2">
        <v>167467</v>
      </c>
      <c r="E14639" s="1" t="s">
        <v>0</v>
      </c>
    </row>
    <row r="14640" spans="1:5" ht="409.5" x14ac:dyDescent="0.25">
      <c r="A14640" s="4" t="s">
        <v>33223</v>
      </c>
      <c r="B14640" s="1" t="s">
        <v>62599</v>
      </c>
      <c r="C14640" s="1" t="s">
        <v>33224</v>
      </c>
      <c r="D14640" s="2">
        <v>167468</v>
      </c>
      <c r="E14640" s="1" t="s">
        <v>0</v>
      </c>
    </row>
    <row r="14641" spans="1:5" x14ac:dyDescent="0.25">
      <c r="A14641" s="1" t="s">
        <v>33225</v>
      </c>
      <c r="B14641" s="1" t="s">
        <v>9235</v>
      </c>
      <c r="C14641" s="1" t="s">
        <v>33226</v>
      </c>
      <c r="D14641" s="2">
        <v>167469</v>
      </c>
      <c r="E14641" s="1" t="s">
        <v>0</v>
      </c>
    </row>
    <row r="14642" spans="1:5" x14ac:dyDescent="0.25">
      <c r="A14642" s="2">
        <v>2928</v>
      </c>
      <c r="B14642" s="2">
        <v>2928</v>
      </c>
      <c r="C14642" s="1" t="s">
        <v>0</v>
      </c>
      <c r="D14642" s="2">
        <v>167470</v>
      </c>
      <c r="E14642" s="1" t="s">
        <v>0</v>
      </c>
    </row>
    <row r="14643" spans="1:5" x14ac:dyDescent="0.25">
      <c r="A14643" s="1" t="s">
        <v>2673</v>
      </c>
      <c r="B14643" s="1" t="s">
        <v>60065</v>
      </c>
      <c r="C14643" s="1" t="s">
        <v>33227</v>
      </c>
      <c r="D14643" s="2">
        <v>167471</v>
      </c>
      <c r="E14643" s="1" t="s">
        <v>0</v>
      </c>
    </row>
    <row r="14644" spans="1:5" x14ac:dyDescent="0.25">
      <c r="A14644" s="1" t="s">
        <v>33228</v>
      </c>
      <c r="B14644" s="1" t="s">
        <v>60066</v>
      </c>
      <c r="C14644" s="1" t="s">
        <v>33229</v>
      </c>
      <c r="D14644" s="2">
        <v>167472</v>
      </c>
      <c r="E14644" s="1" t="s">
        <v>0</v>
      </c>
    </row>
    <row r="14645" spans="1:5" ht="409.5" x14ac:dyDescent="0.25">
      <c r="A14645" s="4" t="s">
        <v>33230</v>
      </c>
      <c r="B14645" s="1" t="s">
        <v>60067</v>
      </c>
      <c r="C14645" s="1" t="s">
        <v>33231</v>
      </c>
      <c r="D14645" s="2">
        <v>167473</v>
      </c>
      <c r="E14645" s="1" t="s">
        <v>0</v>
      </c>
    </row>
    <row r="14646" spans="1:5" x14ac:dyDescent="0.25">
      <c r="A14646" s="1" t="s">
        <v>33232</v>
      </c>
      <c r="B14646" s="1" t="s">
        <v>54249</v>
      </c>
      <c r="C14646" s="1" t="s">
        <v>33233</v>
      </c>
      <c r="D14646" s="2">
        <v>167474</v>
      </c>
      <c r="E14646" s="1" t="s">
        <v>0</v>
      </c>
    </row>
    <row r="14647" spans="1:5" x14ac:dyDescent="0.25">
      <c r="A14647" s="2">
        <v>2929</v>
      </c>
      <c r="B14647" s="2">
        <v>2929</v>
      </c>
      <c r="C14647" s="1" t="s">
        <v>0</v>
      </c>
      <c r="D14647" s="2">
        <v>167475</v>
      </c>
      <c r="E14647" s="1" t="s">
        <v>0</v>
      </c>
    </row>
    <row r="14648" spans="1:5" x14ac:dyDescent="0.25">
      <c r="A14648" s="1" t="s">
        <v>2674</v>
      </c>
      <c r="B14648" s="1" t="s">
        <v>9236</v>
      </c>
      <c r="C14648" s="1" t="s">
        <v>33234</v>
      </c>
      <c r="D14648" s="2">
        <v>167476</v>
      </c>
      <c r="E14648" s="1" t="s">
        <v>0</v>
      </c>
    </row>
    <row r="14649" spans="1:5" x14ac:dyDescent="0.25">
      <c r="A14649" s="1" t="s">
        <v>33235</v>
      </c>
      <c r="B14649" s="1" t="s">
        <v>59038</v>
      </c>
      <c r="C14649" s="1" t="s">
        <v>33236</v>
      </c>
      <c r="D14649" s="2">
        <v>167477</v>
      </c>
      <c r="E14649" s="1" t="s">
        <v>0</v>
      </c>
    </row>
    <row r="14650" spans="1:5" ht="409.5" x14ac:dyDescent="0.25">
      <c r="A14650" s="4" t="s">
        <v>33237</v>
      </c>
      <c r="B14650" s="1" t="s">
        <v>59039</v>
      </c>
      <c r="C14650" s="1" t="s">
        <v>33238</v>
      </c>
      <c r="D14650" s="2">
        <v>167478</v>
      </c>
      <c r="E14650" s="1" t="s">
        <v>0</v>
      </c>
    </row>
    <row r="14651" spans="1:5" x14ac:dyDescent="0.25">
      <c r="A14651" s="1" t="s">
        <v>33239</v>
      </c>
      <c r="B14651" s="1" t="s">
        <v>9237</v>
      </c>
      <c r="C14651" s="1" t="s">
        <v>33240</v>
      </c>
      <c r="D14651" s="2">
        <v>167479</v>
      </c>
      <c r="E14651" s="1" t="s">
        <v>0</v>
      </c>
    </row>
    <row r="14652" spans="1:5" x14ac:dyDescent="0.25">
      <c r="A14652" s="2">
        <v>2930</v>
      </c>
      <c r="B14652" s="2">
        <v>2930</v>
      </c>
      <c r="C14652" s="1" t="s">
        <v>0</v>
      </c>
      <c r="D14652" s="2">
        <v>167480</v>
      </c>
      <c r="E14652" s="1" t="s">
        <v>0</v>
      </c>
    </row>
    <row r="14653" spans="1:5" x14ac:dyDescent="0.25">
      <c r="A14653" s="1" t="s">
        <v>2675</v>
      </c>
      <c r="B14653" s="1" t="s">
        <v>9238</v>
      </c>
      <c r="C14653" s="1" t="s">
        <v>33241</v>
      </c>
      <c r="D14653" s="2">
        <v>167481</v>
      </c>
      <c r="E14653" s="1" t="s">
        <v>0</v>
      </c>
    </row>
    <row r="14654" spans="1:5" x14ac:dyDescent="0.25">
      <c r="A14654" s="1" t="s">
        <v>33242</v>
      </c>
      <c r="B14654" s="1" t="s">
        <v>54250</v>
      </c>
      <c r="C14654" s="1" t="s">
        <v>33243</v>
      </c>
      <c r="D14654" s="2">
        <v>167482</v>
      </c>
      <c r="E14654" s="1" t="s">
        <v>0</v>
      </c>
    </row>
    <row r="14655" spans="1:5" ht="409.5" x14ac:dyDescent="0.25">
      <c r="A14655" s="4" t="s">
        <v>33244</v>
      </c>
      <c r="B14655" s="1" t="s">
        <v>60068</v>
      </c>
      <c r="C14655" s="1" t="s">
        <v>33245</v>
      </c>
      <c r="D14655" s="2">
        <v>167483</v>
      </c>
      <c r="E14655" s="1" t="s">
        <v>0</v>
      </c>
    </row>
    <row r="14656" spans="1:5" x14ac:dyDescent="0.25">
      <c r="A14656" s="1" t="s">
        <v>33246</v>
      </c>
      <c r="B14656" s="1" t="s">
        <v>61178</v>
      </c>
      <c r="C14656" s="1" t="s">
        <v>33247</v>
      </c>
      <c r="D14656" s="2">
        <v>167484</v>
      </c>
      <c r="E14656" s="1" t="s">
        <v>0</v>
      </c>
    </row>
    <row r="14657" spans="1:5" x14ac:dyDescent="0.25">
      <c r="A14657" s="2">
        <v>2931</v>
      </c>
      <c r="B14657" s="2">
        <v>2931</v>
      </c>
      <c r="C14657" s="1" t="s">
        <v>0</v>
      </c>
      <c r="D14657" s="2">
        <v>167485</v>
      </c>
      <c r="E14657" s="1" t="s">
        <v>0</v>
      </c>
    </row>
    <row r="14658" spans="1:5" x14ac:dyDescent="0.25">
      <c r="A14658" s="1" t="s">
        <v>2676</v>
      </c>
      <c r="B14658" s="1" t="s">
        <v>9239</v>
      </c>
      <c r="C14658" s="1" t="s">
        <v>33248</v>
      </c>
      <c r="D14658" s="2">
        <v>167486</v>
      </c>
      <c r="E14658" s="1" t="s">
        <v>0</v>
      </c>
    </row>
    <row r="14659" spans="1:5" x14ac:dyDescent="0.25">
      <c r="A14659" s="1" t="s">
        <v>33249</v>
      </c>
      <c r="B14659" s="1" t="s">
        <v>54251</v>
      </c>
      <c r="C14659" s="1" t="s">
        <v>33250</v>
      </c>
      <c r="D14659" s="2">
        <v>167487</v>
      </c>
      <c r="E14659" s="1" t="s">
        <v>0</v>
      </c>
    </row>
    <row r="14660" spans="1:5" ht="409.5" x14ac:dyDescent="0.25">
      <c r="A14660" s="4" t="s">
        <v>33251</v>
      </c>
      <c r="B14660" s="1" t="s">
        <v>58088</v>
      </c>
      <c r="C14660" s="1" t="s">
        <v>33252</v>
      </c>
      <c r="D14660" s="2">
        <v>167488</v>
      </c>
      <c r="E14660" s="1" t="s">
        <v>0</v>
      </c>
    </row>
    <row r="14661" spans="1:5" x14ac:dyDescent="0.25">
      <c r="A14661" s="1" t="s">
        <v>33253</v>
      </c>
      <c r="B14661" s="1" t="s">
        <v>54252</v>
      </c>
      <c r="C14661" s="1" t="s">
        <v>33254</v>
      </c>
      <c r="D14661" s="2">
        <v>167489</v>
      </c>
      <c r="E14661" s="1" t="s">
        <v>0</v>
      </c>
    </row>
    <row r="14662" spans="1:5" x14ac:dyDescent="0.25">
      <c r="A14662" s="2">
        <v>2932</v>
      </c>
      <c r="B14662" s="2">
        <v>2932</v>
      </c>
      <c r="C14662" s="1" t="s">
        <v>0</v>
      </c>
      <c r="D14662" s="2">
        <v>167490</v>
      </c>
      <c r="E14662" s="1" t="s">
        <v>0</v>
      </c>
    </row>
    <row r="14663" spans="1:5" x14ac:dyDescent="0.25">
      <c r="A14663" s="1" t="s">
        <v>2677</v>
      </c>
      <c r="B14663" s="1" t="s">
        <v>9240</v>
      </c>
      <c r="C14663" s="1" t="s">
        <v>33255</v>
      </c>
      <c r="D14663" s="2">
        <v>167491</v>
      </c>
      <c r="E14663" s="1" t="s">
        <v>0</v>
      </c>
    </row>
    <row r="14664" spans="1:5" x14ac:dyDescent="0.25">
      <c r="A14664" s="1" t="s">
        <v>33256</v>
      </c>
      <c r="B14664" s="1" t="s">
        <v>54253</v>
      </c>
      <c r="C14664" s="1" t="s">
        <v>33257</v>
      </c>
      <c r="D14664" s="2">
        <v>167492</v>
      </c>
      <c r="E14664" s="1" t="s">
        <v>0</v>
      </c>
    </row>
    <row r="14665" spans="1:5" ht="409.5" x14ac:dyDescent="0.25">
      <c r="A14665" s="4" t="s">
        <v>33258</v>
      </c>
      <c r="B14665" s="1" t="s">
        <v>54254</v>
      </c>
      <c r="C14665" s="1" t="s">
        <v>33259</v>
      </c>
      <c r="D14665" s="2">
        <v>167493</v>
      </c>
      <c r="E14665" s="1" t="s">
        <v>0</v>
      </c>
    </row>
    <row r="14666" spans="1:5" x14ac:dyDescent="0.25">
      <c r="A14666" s="1" t="s">
        <v>33260</v>
      </c>
      <c r="B14666" s="1" t="s">
        <v>54255</v>
      </c>
      <c r="C14666" s="1" t="s">
        <v>33261</v>
      </c>
      <c r="D14666" s="2">
        <v>167494</v>
      </c>
      <c r="E14666" s="1" t="s">
        <v>0</v>
      </c>
    </row>
    <row r="14667" spans="1:5" x14ac:dyDescent="0.25">
      <c r="A14667" s="2">
        <v>2933</v>
      </c>
      <c r="B14667" s="2">
        <v>2933</v>
      </c>
      <c r="C14667" s="1" t="s">
        <v>0</v>
      </c>
      <c r="D14667" s="2">
        <v>167495</v>
      </c>
      <c r="E14667" s="1" t="s">
        <v>0</v>
      </c>
    </row>
    <row r="14668" spans="1:5" x14ac:dyDescent="0.25">
      <c r="A14668" s="1" t="s">
        <v>2678</v>
      </c>
      <c r="B14668" s="1" t="s">
        <v>9241</v>
      </c>
      <c r="C14668" s="1" t="s">
        <v>33262</v>
      </c>
      <c r="D14668" s="2">
        <v>167496</v>
      </c>
      <c r="E14668" s="1" t="s">
        <v>0</v>
      </c>
    </row>
    <row r="14669" spans="1:5" x14ac:dyDescent="0.25">
      <c r="A14669" s="1" t="s">
        <v>33263</v>
      </c>
      <c r="B14669" s="1" t="s">
        <v>9242</v>
      </c>
      <c r="C14669" s="1" t="s">
        <v>33264</v>
      </c>
      <c r="D14669" s="2">
        <v>167497</v>
      </c>
      <c r="E14669" s="1" t="s">
        <v>0</v>
      </c>
    </row>
    <row r="14670" spans="1:5" ht="409.5" x14ac:dyDescent="0.25">
      <c r="A14670" s="4" t="s">
        <v>33265</v>
      </c>
      <c r="B14670" s="1" t="s">
        <v>9243</v>
      </c>
      <c r="C14670" s="1" t="s">
        <v>33266</v>
      </c>
      <c r="D14670" s="2">
        <v>167498</v>
      </c>
      <c r="E14670" s="1" t="s">
        <v>0</v>
      </c>
    </row>
    <row r="14671" spans="1:5" x14ac:dyDescent="0.25">
      <c r="A14671" s="1" t="s">
        <v>16086</v>
      </c>
      <c r="B14671" s="1" t="s">
        <v>60897</v>
      </c>
      <c r="C14671" s="1" t="s">
        <v>16087</v>
      </c>
      <c r="D14671" s="2">
        <v>167499</v>
      </c>
      <c r="E14671" s="1" t="s">
        <v>0</v>
      </c>
    </row>
    <row r="14672" spans="1:5" x14ac:dyDescent="0.25">
      <c r="A14672" s="2">
        <v>2934</v>
      </c>
      <c r="B14672" s="2">
        <v>2934</v>
      </c>
      <c r="C14672" s="1" t="s">
        <v>0</v>
      </c>
      <c r="D14672" s="2">
        <v>167500</v>
      </c>
      <c r="E14672" s="1" t="s">
        <v>0</v>
      </c>
    </row>
    <row r="14673" spans="1:5" x14ac:dyDescent="0.25">
      <c r="A14673" s="1" t="s">
        <v>2679</v>
      </c>
      <c r="B14673" s="1" t="s">
        <v>50784</v>
      </c>
      <c r="C14673" s="1" t="s">
        <v>33267</v>
      </c>
      <c r="D14673" s="2">
        <v>167501</v>
      </c>
      <c r="E14673" s="1" t="s">
        <v>0</v>
      </c>
    </row>
    <row r="14674" spans="1:5" x14ac:dyDescent="0.25">
      <c r="A14674" s="1" t="s">
        <v>33268</v>
      </c>
      <c r="B14674" s="1" t="s">
        <v>59640</v>
      </c>
      <c r="C14674" s="1" t="s">
        <v>33269</v>
      </c>
      <c r="D14674" s="2">
        <v>167502</v>
      </c>
      <c r="E14674" s="1" t="s">
        <v>0</v>
      </c>
    </row>
    <row r="14675" spans="1:5" ht="409.5" x14ac:dyDescent="0.25">
      <c r="A14675" s="4" t="s">
        <v>33270</v>
      </c>
      <c r="B14675" s="1" t="s">
        <v>59641</v>
      </c>
      <c r="C14675" s="1" t="s">
        <v>33271</v>
      </c>
      <c r="D14675" s="2">
        <v>167503</v>
      </c>
      <c r="E14675" s="1" t="s">
        <v>0</v>
      </c>
    </row>
    <row r="14676" spans="1:5" x14ac:dyDescent="0.25">
      <c r="A14676" s="1" t="s">
        <v>33272</v>
      </c>
      <c r="B14676" s="1" t="s">
        <v>54256</v>
      </c>
      <c r="C14676" s="1" t="s">
        <v>33273</v>
      </c>
      <c r="D14676" s="2">
        <v>167504</v>
      </c>
      <c r="E14676" s="1" t="s">
        <v>0</v>
      </c>
    </row>
    <row r="14677" spans="1:5" x14ac:dyDescent="0.25">
      <c r="A14677" s="2">
        <v>2935</v>
      </c>
      <c r="B14677" s="2">
        <v>2935</v>
      </c>
      <c r="C14677" s="1" t="s">
        <v>0</v>
      </c>
      <c r="D14677" s="2">
        <v>167505</v>
      </c>
      <c r="E14677" s="1" t="s">
        <v>0</v>
      </c>
    </row>
    <row r="14678" spans="1:5" x14ac:dyDescent="0.25">
      <c r="A14678" s="1" t="s">
        <v>9244</v>
      </c>
      <c r="B14678" s="1" t="s">
        <v>9245</v>
      </c>
      <c r="C14678" s="1" t="s">
        <v>33274</v>
      </c>
      <c r="D14678" s="2">
        <v>167506</v>
      </c>
      <c r="E14678" s="1" t="s">
        <v>0</v>
      </c>
    </row>
    <row r="14679" spans="1:5" x14ac:dyDescent="0.25">
      <c r="A14679" s="1" t="s">
        <v>33275</v>
      </c>
      <c r="B14679" s="1" t="s">
        <v>9246</v>
      </c>
      <c r="C14679" s="1" t="s">
        <v>33276</v>
      </c>
      <c r="D14679" s="2">
        <v>167507</v>
      </c>
      <c r="E14679" s="1" t="s">
        <v>0</v>
      </c>
    </row>
    <row r="14680" spans="1:5" ht="409.5" x14ac:dyDescent="0.25">
      <c r="A14680" s="4" t="s">
        <v>33277</v>
      </c>
      <c r="B14680" s="1" t="s">
        <v>33278</v>
      </c>
      <c r="C14680" s="1" t="s">
        <v>33279</v>
      </c>
      <c r="D14680" s="2">
        <v>167508</v>
      </c>
      <c r="E14680" s="1" t="s">
        <v>0</v>
      </c>
    </row>
    <row r="14681" spans="1:5" x14ac:dyDescent="0.25">
      <c r="A14681" s="1" t="s">
        <v>33280</v>
      </c>
      <c r="B14681" s="1" t="s">
        <v>9247</v>
      </c>
      <c r="C14681" s="1" t="s">
        <v>33281</v>
      </c>
      <c r="D14681" s="2">
        <v>167509</v>
      </c>
      <c r="E14681" s="1" t="s">
        <v>0</v>
      </c>
    </row>
    <row r="14682" spans="1:5" x14ac:dyDescent="0.25">
      <c r="A14682" s="2">
        <v>2936</v>
      </c>
      <c r="B14682" s="2">
        <v>2936</v>
      </c>
      <c r="C14682" s="1" t="s">
        <v>0</v>
      </c>
      <c r="D14682" s="2">
        <v>167510</v>
      </c>
      <c r="E14682" s="1" t="s">
        <v>0</v>
      </c>
    </row>
    <row r="14683" spans="1:5" x14ac:dyDescent="0.25">
      <c r="A14683" s="1" t="s">
        <v>2680</v>
      </c>
      <c r="B14683" s="1" t="s">
        <v>9248</v>
      </c>
      <c r="C14683" s="1" t="s">
        <v>33282</v>
      </c>
      <c r="D14683" s="2">
        <v>167511</v>
      </c>
      <c r="E14683" s="1" t="s">
        <v>0</v>
      </c>
    </row>
    <row r="14684" spans="1:5" x14ac:dyDescent="0.25">
      <c r="A14684" s="1" t="s">
        <v>33283</v>
      </c>
      <c r="B14684" s="1" t="s">
        <v>9249</v>
      </c>
      <c r="C14684" s="1" t="s">
        <v>33284</v>
      </c>
      <c r="D14684" s="2">
        <v>167512</v>
      </c>
      <c r="E14684" s="1" t="s">
        <v>0</v>
      </c>
    </row>
    <row r="14685" spans="1:5" ht="409.5" x14ac:dyDescent="0.25">
      <c r="A14685" s="4" t="s">
        <v>33285</v>
      </c>
      <c r="B14685" s="1" t="s">
        <v>9250</v>
      </c>
      <c r="C14685" s="1" t="s">
        <v>33286</v>
      </c>
      <c r="D14685" s="2">
        <v>167513</v>
      </c>
      <c r="E14685" s="1" t="s">
        <v>0</v>
      </c>
    </row>
    <row r="14686" spans="1:5" x14ac:dyDescent="0.25">
      <c r="A14686" s="1" t="s">
        <v>33287</v>
      </c>
      <c r="B14686" s="1" t="s">
        <v>54257</v>
      </c>
      <c r="C14686" s="1" t="s">
        <v>33288</v>
      </c>
      <c r="D14686" s="2">
        <v>167514</v>
      </c>
      <c r="E14686" s="1" t="s">
        <v>0</v>
      </c>
    </row>
    <row r="14687" spans="1:5" x14ac:dyDescent="0.25">
      <c r="A14687" s="2">
        <v>2937</v>
      </c>
      <c r="B14687" s="2">
        <v>2937</v>
      </c>
      <c r="C14687" s="1" t="s">
        <v>0</v>
      </c>
      <c r="D14687" s="2">
        <v>167515</v>
      </c>
      <c r="E14687" s="1" t="s">
        <v>0</v>
      </c>
    </row>
    <row r="14688" spans="1:5" x14ac:dyDescent="0.25">
      <c r="A14688" s="1" t="s">
        <v>2681</v>
      </c>
      <c r="B14688" s="1" t="s">
        <v>9251</v>
      </c>
      <c r="C14688" s="1" t="s">
        <v>33289</v>
      </c>
      <c r="D14688" s="2">
        <v>167516</v>
      </c>
      <c r="E14688" s="1" t="s">
        <v>0</v>
      </c>
    </row>
    <row r="14689" spans="1:5" x14ac:dyDescent="0.25">
      <c r="A14689" s="1" t="s">
        <v>33290</v>
      </c>
      <c r="B14689" s="1" t="s">
        <v>54258</v>
      </c>
      <c r="C14689" s="1" t="s">
        <v>33291</v>
      </c>
      <c r="D14689" s="2">
        <v>167517</v>
      </c>
      <c r="E14689" s="1" t="s">
        <v>0</v>
      </c>
    </row>
    <row r="14690" spans="1:5" ht="409.5" x14ac:dyDescent="0.25">
      <c r="A14690" s="4" t="s">
        <v>33292</v>
      </c>
      <c r="B14690" s="1" t="s">
        <v>60069</v>
      </c>
      <c r="C14690" s="1" t="s">
        <v>33293</v>
      </c>
      <c r="D14690" s="2">
        <v>167518</v>
      </c>
      <c r="E14690" s="1" t="s">
        <v>0</v>
      </c>
    </row>
    <row r="14691" spans="1:5" x14ac:dyDescent="0.25">
      <c r="A14691" s="1" t="s">
        <v>33294</v>
      </c>
      <c r="B14691" s="1" t="s">
        <v>9252</v>
      </c>
      <c r="C14691" s="1" t="s">
        <v>33295</v>
      </c>
      <c r="D14691" s="2">
        <v>167519</v>
      </c>
      <c r="E14691" s="1" t="s">
        <v>0</v>
      </c>
    </row>
    <row r="14692" spans="1:5" x14ac:dyDescent="0.25">
      <c r="A14692" s="2">
        <v>2938</v>
      </c>
      <c r="B14692" s="2">
        <v>2938</v>
      </c>
      <c r="C14692" s="1" t="s">
        <v>0</v>
      </c>
      <c r="D14692" s="2">
        <v>167520</v>
      </c>
      <c r="E14692" s="1" t="s">
        <v>0</v>
      </c>
    </row>
    <row r="14693" spans="1:5" x14ac:dyDescent="0.25">
      <c r="A14693" s="1" t="s">
        <v>2682</v>
      </c>
      <c r="B14693" s="1" t="s">
        <v>9253</v>
      </c>
      <c r="C14693" s="1" t="s">
        <v>33296</v>
      </c>
      <c r="D14693" s="2">
        <v>167521</v>
      </c>
      <c r="E14693" s="1" t="s">
        <v>0</v>
      </c>
    </row>
    <row r="14694" spans="1:5" x14ac:dyDescent="0.25">
      <c r="A14694" s="1" t="s">
        <v>33297</v>
      </c>
      <c r="B14694" s="1" t="s">
        <v>54259</v>
      </c>
      <c r="C14694" s="1" t="s">
        <v>33298</v>
      </c>
      <c r="D14694" s="2">
        <v>167522</v>
      </c>
      <c r="E14694" s="1" t="s">
        <v>0</v>
      </c>
    </row>
    <row r="14695" spans="1:5" ht="409.5" x14ac:dyDescent="0.25">
      <c r="A14695" s="4" t="s">
        <v>33299</v>
      </c>
      <c r="B14695" s="1" t="s">
        <v>63390</v>
      </c>
      <c r="C14695" s="1" t="s">
        <v>33300</v>
      </c>
      <c r="D14695" s="2">
        <v>167523</v>
      </c>
      <c r="E14695" s="1" t="s">
        <v>0</v>
      </c>
    </row>
    <row r="14696" spans="1:5" x14ac:dyDescent="0.25">
      <c r="A14696" s="1" t="s">
        <v>33301</v>
      </c>
      <c r="B14696" s="1" t="s">
        <v>57241</v>
      </c>
      <c r="C14696" s="1" t="s">
        <v>33302</v>
      </c>
      <c r="D14696" s="2">
        <v>167524</v>
      </c>
      <c r="E14696" s="1" t="s">
        <v>0</v>
      </c>
    </row>
    <row r="14697" spans="1:5" x14ac:dyDescent="0.25">
      <c r="A14697" s="2">
        <v>2939</v>
      </c>
      <c r="B14697" s="2">
        <v>2939</v>
      </c>
      <c r="C14697" s="1" t="s">
        <v>0</v>
      </c>
      <c r="D14697" s="2">
        <v>167525</v>
      </c>
      <c r="E14697" s="1" t="s">
        <v>0</v>
      </c>
    </row>
    <row r="14698" spans="1:5" x14ac:dyDescent="0.25">
      <c r="A14698" s="1" t="s">
        <v>2683</v>
      </c>
      <c r="B14698" s="1" t="s">
        <v>9254</v>
      </c>
      <c r="C14698" s="1" t="s">
        <v>33303</v>
      </c>
      <c r="D14698" s="2">
        <v>167526</v>
      </c>
      <c r="E14698" s="1" t="s">
        <v>0</v>
      </c>
    </row>
    <row r="14699" spans="1:5" x14ac:dyDescent="0.25">
      <c r="A14699" s="1" t="s">
        <v>33304</v>
      </c>
      <c r="B14699" s="1" t="s">
        <v>54260</v>
      </c>
      <c r="C14699" s="1" t="s">
        <v>33305</v>
      </c>
      <c r="D14699" s="2">
        <v>167527</v>
      </c>
      <c r="E14699" s="1" t="s">
        <v>0</v>
      </c>
    </row>
    <row r="14700" spans="1:5" ht="409.5" x14ac:dyDescent="0.25">
      <c r="A14700" s="4" t="s">
        <v>33306</v>
      </c>
      <c r="B14700" s="1" t="s">
        <v>54261</v>
      </c>
      <c r="C14700" s="1" t="s">
        <v>33307</v>
      </c>
      <c r="D14700" s="2">
        <v>167528</v>
      </c>
      <c r="E14700" s="1" t="s">
        <v>0</v>
      </c>
    </row>
    <row r="14701" spans="1:5" x14ac:dyDescent="0.25">
      <c r="A14701" s="1" t="s">
        <v>33308</v>
      </c>
      <c r="B14701" s="1" t="s">
        <v>54262</v>
      </c>
      <c r="C14701" s="1" t="s">
        <v>33309</v>
      </c>
      <c r="D14701" s="2">
        <v>167529</v>
      </c>
      <c r="E14701" s="1" t="s">
        <v>0</v>
      </c>
    </row>
    <row r="14702" spans="1:5" x14ac:dyDescent="0.25">
      <c r="A14702" s="2">
        <v>2940</v>
      </c>
      <c r="B14702" s="2">
        <v>2940</v>
      </c>
      <c r="C14702" s="1" t="s">
        <v>0</v>
      </c>
      <c r="D14702" s="2">
        <v>167530</v>
      </c>
      <c r="E14702" s="1" t="s">
        <v>0</v>
      </c>
    </row>
    <row r="14703" spans="1:5" x14ac:dyDescent="0.25">
      <c r="A14703" s="1" t="s">
        <v>2684</v>
      </c>
      <c r="B14703" s="1" t="s">
        <v>60070</v>
      </c>
      <c r="C14703" s="1" t="s">
        <v>33310</v>
      </c>
      <c r="D14703" s="2">
        <v>167531</v>
      </c>
      <c r="E14703" s="1" t="s">
        <v>0</v>
      </c>
    </row>
    <row r="14704" spans="1:5" x14ac:dyDescent="0.25">
      <c r="A14704" s="1" t="s">
        <v>33311</v>
      </c>
      <c r="B14704" s="1" t="s">
        <v>58422</v>
      </c>
      <c r="C14704" s="1" t="s">
        <v>33312</v>
      </c>
      <c r="D14704" s="2">
        <v>167532</v>
      </c>
      <c r="E14704" s="1" t="s">
        <v>0</v>
      </c>
    </row>
    <row r="14705" spans="1:5" ht="409.5" x14ac:dyDescent="0.25">
      <c r="A14705" s="4" t="s">
        <v>33313</v>
      </c>
      <c r="B14705" s="1" t="s">
        <v>58423</v>
      </c>
      <c r="C14705" s="1" t="s">
        <v>33314</v>
      </c>
      <c r="D14705" s="2">
        <v>167533</v>
      </c>
      <c r="E14705" s="1" t="s">
        <v>0</v>
      </c>
    </row>
    <row r="14706" spans="1:5" x14ac:dyDescent="0.25">
      <c r="A14706" s="1" t="s">
        <v>33315</v>
      </c>
      <c r="B14706" s="1" t="s">
        <v>9255</v>
      </c>
      <c r="C14706" s="1" t="s">
        <v>33316</v>
      </c>
      <c r="D14706" s="2">
        <v>167534</v>
      </c>
      <c r="E14706" s="1" t="s">
        <v>0</v>
      </c>
    </row>
    <row r="14707" spans="1:5" x14ac:dyDescent="0.25">
      <c r="A14707" s="2">
        <v>2941</v>
      </c>
      <c r="B14707" s="2">
        <v>2941</v>
      </c>
      <c r="C14707" s="1" t="s">
        <v>0</v>
      </c>
      <c r="D14707" s="2">
        <v>167535</v>
      </c>
      <c r="E14707" s="1" t="s">
        <v>0</v>
      </c>
    </row>
    <row r="14708" spans="1:5" x14ac:dyDescent="0.25">
      <c r="A14708" s="1" t="s">
        <v>2685</v>
      </c>
      <c r="B14708" s="1" t="s">
        <v>9256</v>
      </c>
      <c r="C14708" s="1" t="s">
        <v>33317</v>
      </c>
      <c r="D14708" s="2">
        <v>167536</v>
      </c>
      <c r="E14708" s="1" t="s">
        <v>0</v>
      </c>
    </row>
    <row r="14709" spans="1:5" x14ac:dyDescent="0.25">
      <c r="A14709" s="1" t="s">
        <v>33318</v>
      </c>
      <c r="B14709" s="1" t="s">
        <v>9257</v>
      </c>
      <c r="C14709" s="1" t="s">
        <v>33319</v>
      </c>
      <c r="D14709" s="2">
        <v>167537</v>
      </c>
      <c r="E14709" s="1" t="s">
        <v>0</v>
      </c>
    </row>
    <row r="14710" spans="1:5" ht="409.5" x14ac:dyDescent="0.25">
      <c r="A14710" s="4" t="s">
        <v>33320</v>
      </c>
      <c r="B14710" s="1" t="s">
        <v>54263</v>
      </c>
      <c r="C14710" s="1" t="s">
        <v>33321</v>
      </c>
      <c r="D14710" s="2">
        <v>167538</v>
      </c>
      <c r="E14710" s="1" t="s">
        <v>0</v>
      </c>
    </row>
    <row r="14711" spans="1:5" x14ac:dyDescent="0.25">
      <c r="A14711" s="1" t="s">
        <v>33322</v>
      </c>
      <c r="B14711" s="1" t="s">
        <v>9258</v>
      </c>
      <c r="C14711" s="1" t="s">
        <v>33323</v>
      </c>
      <c r="D14711" s="2">
        <v>167539</v>
      </c>
      <c r="E14711" s="1" t="s">
        <v>0</v>
      </c>
    </row>
    <row r="14712" spans="1:5" x14ac:dyDescent="0.25">
      <c r="A14712" s="2">
        <v>2942</v>
      </c>
      <c r="B14712" s="2">
        <v>2942</v>
      </c>
      <c r="C14712" s="1" t="s">
        <v>0</v>
      </c>
      <c r="D14712" s="2">
        <v>167540</v>
      </c>
      <c r="E14712" s="1" t="s">
        <v>0</v>
      </c>
    </row>
    <row r="14713" spans="1:5" x14ac:dyDescent="0.25">
      <c r="A14713" s="1" t="s">
        <v>2686</v>
      </c>
      <c r="B14713" s="1" t="s">
        <v>9259</v>
      </c>
      <c r="C14713" s="1" t="s">
        <v>33324</v>
      </c>
      <c r="D14713" s="2">
        <v>167541</v>
      </c>
      <c r="E14713" s="1" t="s">
        <v>0</v>
      </c>
    </row>
    <row r="14714" spans="1:5" x14ac:dyDescent="0.25">
      <c r="A14714" s="1" t="s">
        <v>33325</v>
      </c>
      <c r="B14714" s="1" t="s">
        <v>50785</v>
      </c>
      <c r="C14714" s="1" t="s">
        <v>33326</v>
      </c>
      <c r="D14714" s="2">
        <v>167542</v>
      </c>
      <c r="E14714" s="1" t="s">
        <v>0</v>
      </c>
    </row>
    <row r="14715" spans="1:5" ht="409.5" x14ac:dyDescent="0.25">
      <c r="A14715" s="4" t="s">
        <v>33327</v>
      </c>
      <c r="B14715" s="1" t="s">
        <v>54264</v>
      </c>
      <c r="C14715" s="1" t="s">
        <v>33328</v>
      </c>
      <c r="D14715" s="2">
        <v>167543</v>
      </c>
      <c r="E14715" s="1" t="s">
        <v>0</v>
      </c>
    </row>
    <row r="14716" spans="1:5" x14ac:dyDescent="0.25">
      <c r="A14716" s="1" t="s">
        <v>33329</v>
      </c>
      <c r="B14716" s="1" t="s">
        <v>9260</v>
      </c>
      <c r="C14716" s="1" t="s">
        <v>33330</v>
      </c>
      <c r="D14716" s="2">
        <v>167544</v>
      </c>
      <c r="E14716" s="1" t="s">
        <v>0</v>
      </c>
    </row>
    <row r="14717" spans="1:5" x14ac:dyDescent="0.25">
      <c r="A14717" s="2">
        <v>2943</v>
      </c>
      <c r="B14717" s="2">
        <v>2943</v>
      </c>
      <c r="C14717" s="1" t="s">
        <v>0</v>
      </c>
      <c r="D14717" s="2">
        <v>167545</v>
      </c>
      <c r="E14717" s="1" t="s">
        <v>0</v>
      </c>
    </row>
    <row r="14718" spans="1:5" x14ac:dyDescent="0.25">
      <c r="A14718" s="1" t="s">
        <v>2687</v>
      </c>
      <c r="B14718" s="1" t="s">
        <v>9261</v>
      </c>
      <c r="C14718" s="1" t="s">
        <v>33331</v>
      </c>
      <c r="D14718" s="2">
        <v>167546</v>
      </c>
      <c r="E14718" s="1" t="s">
        <v>0</v>
      </c>
    </row>
    <row r="14719" spans="1:5" x14ac:dyDescent="0.25">
      <c r="A14719" s="1" t="s">
        <v>33332</v>
      </c>
      <c r="B14719" s="1" t="s">
        <v>50786</v>
      </c>
      <c r="C14719" s="1" t="s">
        <v>33333</v>
      </c>
      <c r="D14719" s="2">
        <v>167547</v>
      </c>
      <c r="E14719" s="1" t="s">
        <v>0</v>
      </c>
    </row>
    <row r="14720" spans="1:5" ht="409.5" x14ac:dyDescent="0.25">
      <c r="A14720" s="4" t="s">
        <v>33334</v>
      </c>
      <c r="B14720" s="1" t="s">
        <v>54265</v>
      </c>
      <c r="C14720" s="1" t="s">
        <v>33335</v>
      </c>
      <c r="D14720" s="2">
        <v>167548</v>
      </c>
      <c r="E14720" s="1" t="s">
        <v>0</v>
      </c>
    </row>
    <row r="14721" spans="1:5" x14ac:dyDescent="0.25">
      <c r="A14721" s="1" t="s">
        <v>15303</v>
      </c>
      <c r="B14721" s="1" t="s">
        <v>60888</v>
      </c>
      <c r="C14721" s="1" t="s">
        <v>15304</v>
      </c>
      <c r="D14721" s="2">
        <v>167549</v>
      </c>
      <c r="E14721" s="1" t="s">
        <v>0</v>
      </c>
    </row>
    <row r="14722" spans="1:5" x14ac:dyDescent="0.25">
      <c r="A14722" s="2">
        <v>2944</v>
      </c>
      <c r="B14722" s="2">
        <v>2944</v>
      </c>
      <c r="C14722" s="1" t="s">
        <v>0</v>
      </c>
      <c r="D14722" s="2">
        <v>167550</v>
      </c>
      <c r="E14722" s="1" t="s">
        <v>0</v>
      </c>
    </row>
    <row r="14723" spans="1:5" x14ac:dyDescent="0.25">
      <c r="A14723" s="1" t="s">
        <v>2688</v>
      </c>
      <c r="B14723" s="1" t="s">
        <v>9262</v>
      </c>
      <c r="C14723" s="1" t="s">
        <v>33336</v>
      </c>
      <c r="D14723" s="2">
        <v>167551</v>
      </c>
      <c r="E14723" s="1" t="s">
        <v>0</v>
      </c>
    </row>
    <row r="14724" spans="1:5" x14ac:dyDescent="0.25">
      <c r="A14724" s="1" t="s">
        <v>33337</v>
      </c>
      <c r="B14724" s="1" t="s">
        <v>54266</v>
      </c>
      <c r="C14724" s="1" t="s">
        <v>33338</v>
      </c>
      <c r="D14724" s="2">
        <v>167552</v>
      </c>
      <c r="E14724" s="1" t="s">
        <v>0</v>
      </c>
    </row>
    <row r="14725" spans="1:5" ht="409.5" x14ac:dyDescent="0.25">
      <c r="A14725" s="4" t="s">
        <v>33339</v>
      </c>
      <c r="B14725" s="1" t="s">
        <v>60071</v>
      </c>
      <c r="C14725" s="1" t="s">
        <v>33340</v>
      </c>
      <c r="D14725" s="2">
        <v>167553</v>
      </c>
      <c r="E14725" s="1" t="s">
        <v>0</v>
      </c>
    </row>
    <row r="14726" spans="1:5" x14ac:dyDescent="0.25">
      <c r="A14726" s="1" t="s">
        <v>33341</v>
      </c>
      <c r="B14726" s="1" t="s">
        <v>54267</v>
      </c>
      <c r="C14726" s="1" t="s">
        <v>33342</v>
      </c>
      <c r="D14726" s="2">
        <v>167554</v>
      </c>
      <c r="E14726" s="1" t="s">
        <v>0</v>
      </c>
    </row>
    <row r="14727" spans="1:5" x14ac:dyDescent="0.25">
      <c r="A14727" s="2">
        <v>2945</v>
      </c>
      <c r="B14727" s="2">
        <v>2945</v>
      </c>
      <c r="C14727" s="1" t="s">
        <v>0</v>
      </c>
      <c r="D14727" s="2">
        <v>167555</v>
      </c>
      <c r="E14727" s="1" t="s">
        <v>0</v>
      </c>
    </row>
    <row r="14728" spans="1:5" x14ac:dyDescent="0.25">
      <c r="A14728" s="1" t="s">
        <v>2689</v>
      </c>
      <c r="B14728" s="1" t="s">
        <v>9263</v>
      </c>
      <c r="C14728" s="1" t="s">
        <v>33343</v>
      </c>
      <c r="D14728" s="2">
        <v>167556</v>
      </c>
      <c r="E14728" s="1" t="s">
        <v>0</v>
      </c>
    </row>
    <row r="14729" spans="1:5" x14ac:dyDescent="0.25">
      <c r="A14729" s="1" t="s">
        <v>33344</v>
      </c>
      <c r="B14729" s="1" t="s">
        <v>9264</v>
      </c>
      <c r="C14729" s="1" t="s">
        <v>33345</v>
      </c>
      <c r="D14729" s="2">
        <v>167557</v>
      </c>
      <c r="E14729" s="1" t="s">
        <v>0</v>
      </c>
    </row>
    <row r="14730" spans="1:5" ht="409.5" x14ac:dyDescent="0.25">
      <c r="A14730" s="4" t="s">
        <v>33346</v>
      </c>
      <c r="B14730" s="1" t="s">
        <v>54268</v>
      </c>
      <c r="C14730" s="1" t="s">
        <v>33347</v>
      </c>
      <c r="D14730" s="2">
        <v>167558</v>
      </c>
      <c r="E14730" s="1" t="s">
        <v>0</v>
      </c>
    </row>
    <row r="14731" spans="1:5" x14ac:dyDescent="0.25">
      <c r="A14731" s="1" t="s">
        <v>33348</v>
      </c>
      <c r="B14731" s="1" t="s">
        <v>50787</v>
      </c>
      <c r="C14731" s="1" t="s">
        <v>33349</v>
      </c>
      <c r="D14731" s="2">
        <v>167559</v>
      </c>
      <c r="E14731" s="1" t="s">
        <v>0</v>
      </c>
    </row>
    <row r="14732" spans="1:5" x14ac:dyDescent="0.25">
      <c r="A14732" s="2">
        <v>2946</v>
      </c>
      <c r="B14732" s="2">
        <v>2946</v>
      </c>
      <c r="C14732" s="1" t="s">
        <v>0</v>
      </c>
      <c r="D14732" s="2">
        <v>167560</v>
      </c>
      <c r="E14732" s="1" t="s">
        <v>0</v>
      </c>
    </row>
    <row r="14733" spans="1:5" x14ac:dyDescent="0.25">
      <c r="A14733" s="1" t="s">
        <v>2690</v>
      </c>
      <c r="B14733" s="1" t="s">
        <v>9265</v>
      </c>
      <c r="C14733" s="1" t="s">
        <v>33350</v>
      </c>
      <c r="D14733" s="2">
        <v>167561</v>
      </c>
      <c r="E14733" s="1" t="s">
        <v>0</v>
      </c>
    </row>
    <row r="14734" spans="1:5" x14ac:dyDescent="0.25">
      <c r="A14734" s="1" t="s">
        <v>33351</v>
      </c>
      <c r="B14734" s="1" t="s">
        <v>61179</v>
      </c>
      <c r="C14734" s="1" t="s">
        <v>33352</v>
      </c>
      <c r="D14734" s="2">
        <v>167562</v>
      </c>
      <c r="E14734" s="1" t="s">
        <v>0</v>
      </c>
    </row>
    <row r="14735" spans="1:5" ht="409.5" x14ac:dyDescent="0.25">
      <c r="A14735" s="4" t="s">
        <v>33353</v>
      </c>
      <c r="B14735" s="1" t="s">
        <v>61180</v>
      </c>
      <c r="C14735" s="1" t="s">
        <v>33354</v>
      </c>
      <c r="D14735" s="2">
        <v>167563</v>
      </c>
      <c r="E14735" s="1" t="s">
        <v>0</v>
      </c>
    </row>
    <row r="14736" spans="1:5" x14ac:dyDescent="0.25">
      <c r="A14736" s="1" t="s">
        <v>33355</v>
      </c>
      <c r="B14736" s="1" t="s">
        <v>54269</v>
      </c>
      <c r="C14736" s="1" t="s">
        <v>33356</v>
      </c>
      <c r="D14736" s="2">
        <v>167564</v>
      </c>
      <c r="E14736" s="1" t="s">
        <v>0</v>
      </c>
    </row>
    <row r="14737" spans="1:5" x14ac:dyDescent="0.25">
      <c r="A14737" s="2">
        <v>2947</v>
      </c>
      <c r="B14737" s="2">
        <v>2947</v>
      </c>
      <c r="C14737" s="1" t="s">
        <v>0</v>
      </c>
      <c r="D14737" s="2">
        <v>167565</v>
      </c>
      <c r="E14737" s="1" t="s">
        <v>0</v>
      </c>
    </row>
    <row r="14738" spans="1:5" x14ac:dyDescent="0.25">
      <c r="A14738" s="1" t="s">
        <v>9266</v>
      </c>
      <c r="B14738" s="1" t="s">
        <v>9267</v>
      </c>
      <c r="C14738" s="1" t="s">
        <v>33357</v>
      </c>
      <c r="D14738" s="2">
        <v>167566</v>
      </c>
      <c r="E14738" s="1" t="s">
        <v>0</v>
      </c>
    </row>
    <row r="14739" spans="1:5" x14ac:dyDescent="0.25">
      <c r="A14739" s="1" t="s">
        <v>33358</v>
      </c>
      <c r="B14739" s="1" t="s">
        <v>54270</v>
      </c>
      <c r="C14739" s="1" t="s">
        <v>33359</v>
      </c>
      <c r="D14739" s="2">
        <v>167567</v>
      </c>
      <c r="E14739" s="1" t="s">
        <v>0</v>
      </c>
    </row>
    <row r="14740" spans="1:5" ht="409.5" x14ac:dyDescent="0.25">
      <c r="A14740" s="4" t="s">
        <v>33360</v>
      </c>
      <c r="B14740" s="1" t="s">
        <v>54271</v>
      </c>
      <c r="C14740" s="1" t="s">
        <v>33361</v>
      </c>
      <c r="D14740" s="2">
        <v>167568</v>
      </c>
      <c r="E14740" s="1" t="s">
        <v>0</v>
      </c>
    </row>
    <row r="14741" spans="1:5" x14ac:dyDescent="0.25">
      <c r="A14741" s="1" t="s">
        <v>33362</v>
      </c>
      <c r="B14741" s="1" t="s">
        <v>54272</v>
      </c>
      <c r="C14741" s="1" t="s">
        <v>33363</v>
      </c>
      <c r="D14741" s="2">
        <v>167569</v>
      </c>
      <c r="E14741" s="1" t="s">
        <v>0</v>
      </c>
    </row>
    <row r="14742" spans="1:5" x14ac:dyDescent="0.25">
      <c r="A14742" s="2">
        <v>2948</v>
      </c>
      <c r="B14742" s="2">
        <v>2948</v>
      </c>
      <c r="C14742" s="1" t="s">
        <v>0</v>
      </c>
      <c r="D14742" s="2">
        <v>167570</v>
      </c>
      <c r="E14742" s="1" t="s">
        <v>0</v>
      </c>
    </row>
    <row r="14743" spans="1:5" x14ac:dyDescent="0.25">
      <c r="A14743" s="1" t="s">
        <v>2691</v>
      </c>
      <c r="B14743" s="1" t="s">
        <v>9268</v>
      </c>
      <c r="C14743" s="1" t="s">
        <v>33364</v>
      </c>
      <c r="D14743" s="2">
        <v>167571</v>
      </c>
      <c r="E14743" s="1" t="s">
        <v>0</v>
      </c>
    </row>
    <row r="14744" spans="1:5" x14ac:dyDescent="0.25">
      <c r="A14744" s="1" t="s">
        <v>33365</v>
      </c>
      <c r="B14744" s="1" t="s">
        <v>13168</v>
      </c>
      <c r="C14744" s="1" t="s">
        <v>33366</v>
      </c>
      <c r="D14744" s="2">
        <v>167572</v>
      </c>
      <c r="E14744" s="1" t="s">
        <v>0</v>
      </c>
    </row>
    <row r="14745" spans="1:5" ht="409.5" x14ac:dyDescent="0.25">
      <c r="A14745" s="4" t="s">
        <v>33367</v>
      </c>
      <c r="B14745" s="1" t="s">
        <v>13169</v>
      </c>
      <c r="C14745" s="1" t="s">
        <v>33368</v>
      </c>
      <c r="D14745" s="2">
        <v>167573</v>
      </c>
      <c r="E14745" s="1" t="s">
        <v>0</v>
      </c>
    </row>
    <row r="14746" spans="1:5" x14ac:dyDescent="0.25">
      <c r="A14746" s="1" t="s">
        <v>33369</v>
      </c>
      <c r="B14746" s="1" t="s">
        <v>54273</v>
      </c>
      <c r="C14746" s="1" t="s">
        <v>33370</v>
      </c>
      <c r="D14746" s="2">
        <v>167574</v>
      </c>
      <c r="E14746" s="1" t="s">
        <v>0</v>
      </c>
    </row>
    <row r="14747" spans="1:5" x14ac:dyDescent="0.25">
      <c r="A14747" s="2">
        <v>2949</v>
      </c>
      <c r="B14747" s="2">
        <v>2949</v>
      </c>
      <c r="C14747" s="1" t="s">
        <v>0</v>
      </c>
      <c r="D14747" s="2">
        <v>167575</v>
      </c>
      <c r="E14747" s="1" t="s">
        <v>0</v>
      </c>
    </row>
    <row r="14748" spans="1:5" x14ac:dyDescent="0.25">
      <c r="A14748" s="1" t="s">
        <v>2692</v>
      </c>
      <c r="B14748" s="1" t="s">
        <v>56953</v>
      </c>
      <c r="C14748" s="1" t="s">
        <v>33371</v>
      </c>
      <c r="D14748" s="2">
        <v>167576</v>
      </c>
      <c r="E14748" s="1" t="s">
        <v>0</v>
      </c>
    </row>
    <row r="14749" spans="1:5" x14ac:dyDescent="0.25">
      <c r="A14749" s="1" t="s">
        <v>33372</v>
      </c>
      <c r="B14749" s="1" t="s">
        <v>58424</v>
      </c>
      <c r="C14749" s="1" t="s">
        <v>33373</v>
      </c>
      <c r="D14749" s="2">
        <v>167577</v>
      </c>
      <c r="E14749" s="1" t="s">
        <v>0</v>
      </c>
    </row>
    <row r="14750" spans="1:5" ht="409.5" x14ac:dyDescent="0.25">
      <c r="A14750" s="4" t="s">
        <v>33374</v>
      </c>
      <c r="B14750" s="1" t="s">
        <v>58425</v>
      </c>
      <c r="C14750" s="1" t="s">
        <v>33375</v>
      </c>
      <c r="D14750" s="2">
        <v>167578</v>
      </c>
      <c r="E14750" s="1" t="s">
        <v>0</v>
      </c>
    </row>
    <row r="14751" spans="1:5" x14ac:dyDescent="0.25">
      <c r="A14751" s="1" t="s">
        <v>33376</v>
      </c>
      <c r="B14751" s="1" t="s">
        <v>9269</v>
      </c>
      <c r="C14751" s="1" t="s">
        <v>33377</v>
      </c>
      <c r="D14751" s="2">
        <v>167579</v>
      </c>
      <c r="E14751" s="1" t="s">
        <v>0</v>
      </c>
    </row>
    <row r="14752" spans="1:5" x14ac:dyDescent="0.25">
      <c r="A14752" s="2">
        <v>2950</v>
      </c>
      <c r="B14752" s="2">
        <v>2950</v>
      </c>
      <c r="C14752" s="1" t="s">
        <v>0</v>
      </c>
      <c r="D14752" s="2">
        <v>167580</v>
      </c>
      <c r="E14752" s="1" t="s">
        <v>0</v>
      </c>
    </row>
    <row r="14753" spans="1:5" x14ac:dyDescent="0.25">
      <c r="A14753" s="1" t="s">
        <v>2693</v>
      </c>
      <c r="B14753" s="1" t="s">
        <v>9270</v>
      </c>
      <c r="C14753" s="1" t="s">
        <v>33378</v>
      </c>
      <c r="D14753" s="2">
        <v>167581</v>
      </c>
      <c r="E14753" s="1" t="s">
        <v>0</v>
      </c>
    </row>
    <row r="14754" spans="1:5" x14ac:dyDescent="0.25">
      <c r="A14754" s="1" t="s">
        <v>33379</v>
      </c>
      <c r="B14754" s="1" t="s">
        <v>62600</v>
      </c>
      <c r="C14754" s="1" t="s">
        <v>33380</v>
      </c>
      <c r="D14754" s="2">
        <v>167582</v>
      </c>
      <c r="E14754" s="1" t="s">
        <v>0</v>
      </c>
    </row>
    <row r="14755" spans="1:5" ht="409.5" x14ac:dyDescent="0.25">
      <c r="A14755" s="4" t="s">
        <v>33381</v>
      </c>
      <c r="B14755" s="1" t="s">
        <v>62601</v>
      </c>
      <c r="C14755" s="1" t="s">
        <v>33382</v>
      </c>
      <c r="D14755" s="2">
        <v>167583</v>
      </c>
      <c r="E14755" s="1" t="s">
        <v>0</v>
      </c>
    </row>
    <row r="14756" spans="1:5" x14ac:dyDescent="0.25">
      <c r="A14756" s="1" t="s">
        <v>33383</v>
      </c>
      <c r="B14756" s="1" t="s">
        <v>54274</v>
      </c>
      <c r="C14756" s="1" t="s">
        <v>33384</v>
      </c>
      <c r="D14756" s="2">
        <v>167584</v>
      </c>
      <c r="E14756" s="1" t="s">
        <v>0</v>
      </c>
    </row>
    <row r="14757" spans="1:5" x14ac:dyDescent="0.25">
      <c r="A14757" s="2">
        <v>2951</v>
      </c>
      <c r="B14757" s="2">
        <v>2951</v>
      </c>
      <c r="C14757" s="1" t="s">
        <v>0</v>
      </c>
      <c r="D14757" s="2">
        <v>167585</v>
      </c>
      <c r="E14757" s="1" t="s">
        <v>0</v>
      </c>
    </row>
    <row r="14758" spans="1:5" x14ac:dyDescent="0.25">
      <c r="A14758" s="1" t="s">
        <v>2694</v>
      </c>
      <c r="B14758" s="1" t="s">
        <v>9271</v>
      </c>
      <c r="C14758" s="1" t="s">
        <v>33385</v>
      </c>
      <c r="D14758" s="2">
        <v>167586</v>
      </c>
      <c r="E14758" s="1" t="s">
        <v>0</v>
      </c>
    </row>
    <row r="14759" spans="1:5" x14ac:dyDescent="0.25">
      <c r="A14759" s="1" t="s">
        <v>61825</v>
      </c>
      <c r="B14759" s="1" t="s">
        <v>62602</v>
      </c>
      <c r="C14759" s="1" t="s">
        <v>33386</v>
      </c>
      <c r="D14759" s="2">
        <v>167587</v>
      </c>
      <c r="E14759" s="1" t="s">
        <v>0</v>
      </c>
    </row>
    <row r="14760" spans="1:5" ht="409.5" x14ac:dyDescent="0.25">
      <c r="A14760" s="4" t="s">
        <v>61826</v>
      </c>
      <c r="B14760" s="1" t="s">
        <v>62603</v>
      </c>
      <c r="C14760" s="1" t="s">
        <v>33387</v>
      </c>
      <c r="D14760" s="2">
        <v>167588</v>
      </c>
      <c r="E14760" s="1" t="s">
        <v>0</v>
      </c>
    </row>
    <row r="14761" spans="1:5" x14ac:dyDescent="0.25">
      <c r="A14761" s="1" t="s">
        <v>33388</v>
      </c>
      <c r="B14761" s="1" t="s">
        <v>58781</v>
      </c>
      <c r="C14761" s="1" t="s">
        <v>33389</v>
      </c>
      <c r="D14761" s="2">
        <v>167589</v>
      </c>
      <c r="E14761" s="1" t="s">
        <v>0</v>
      </c>
    </row>
    <row r="14762" spans="1:5" x14ac:dyDescent="0.25">
      <c r="A14762" s="2">
        <v>2952</v>
      </c>
      <c r="B14762" s="2">
        <v>2952</v>
      </c>
      <c r="C14762" s="1" t="s">
        <v>0</v>
      </c>
      <c r="D14762" s="2">
        <v>167590</v>
      </c>
      <c r="E14762" s="1" t="s">
        <v>0</v>
      </c>
    </row>
    <row r="14763" spans="1:5" x14ac:dyDescent="0.25">
      <c r="A14763" s="1" t="s">
        <v>2695</v>
      </c>
      <c r="B14763" s="1" t="s">
        <v>9272</v>
      </c>
      <c r="C14763" s="1" t="s">
        <v>33390</v>
      </c>
      <c r="D14763" s="2">
        <v>167591</v>
      </c>
      <c r="E14763" s="1" t="s">
        <v>0</v>
      </c>
    </row>
    <row r="14764" spans="1:5" x14ac:dyDescent="0.25">
      <c r="A14764" s="1" t="s">
        <v>33391</v>
      </c>
      <c r="B14764" s="1" t="s">
        <v>54275</v>
      </c>
      <c r="C14764" s="1" t="s">
        <v>33392</v>
      </c>
      <c r="D14764" s="2">
        <v>167592</v>
      </c>
      <c r="E14764" s="1" t="s">
        <v>0</v>
      </c>
    </row>
    <row r="14765" spans="1:5" ht="409.5" x14ac:dyDescent="0.25">
      <c r="A14765" s="4" t="s">
        <v>33393</v>
      </c>
      <c r="B14765" s="1" t="s">
        <v>54276</v>
      </c>
      <c r="C14765" s="1" t="s">
        <v>33394</v>
      </c>
      <c r="D14765" s="2">
        <v>167593</v>
      </c>
      <c r="E14765" s="1" t="s">
        <v>0</v>
      </c>
    </row>
    <row r="14766" spans="1:5" x14ac:dyDescent="0.25">
      <c r="A14766" s="1" t="s">
        <v>33395</v>
      </c>
      <c r="B14766" s="1" t="s">
        <v>9273</v>
      </c>
      <c r="C14766" s="1" t="s">
        <v>33396</v>
      </c>
      <c r="D14766" s="2">
        <v>167594</v>
      </c>
      <c r="E14766" s="1" t="s">
        <v>0</v>
      </c>
    </row>
    <row r="14767" spans="1:5" x14ac:dyDescent="0.25">
      <c r="A14767" s="2">
        <v>2953</v>
      </c>
      <c r="B14767" s="2">
        <v>2953</v>
      </c>
      <c r="C14767" s="1" t="s">
        <v>0</v>
      </c>
      <c r="D14767" s="2">
        <v>167595</v>
      </c>
      <c r="E14767" s="1" t="s">
        <v>0</v>
      </c>
    </row>
    <row r="14768" spans="1:5" x14ac:dyDescent="0.25">
      <c r="A14768" s="1" t="s">
        <v>2696</v>
      </c>
      <c r="B14768" s="1" t="s">
        <v>9274</v>
      </c>
      <c r="C14768" s="1" t="s">
        <v>33397</v>
      </c>
      <c r="D14768" s="2">
        <v>167596</v>
      </c>
      <c r="E14768" s="1" t="s">
        <v>0</v>
      </c>
    </row>
    <row r="14769" spans="1:5" x14ac:dyDescent="0.25">
      <c r="A14769" s="1" t="s">
        <v>33398</v>
      </c>
      <c r="B14769" s="1" t="s">
        <v>60754</v>
      </c>
      <c r="C14769" s="1" t="s">
        <v>33399</v>
      </c>
      <c r="D14769" s="2">
        <v>167597</v>
      </c>
      <c r="E14769" s="1" t="s">
        <v>0</v>
      </c>
    </row>
    <row r="14770" spans="1:5" ht="409.5" x14ac:dyDescent="0.25">
      <c r="A14770" s="4" t="s">
        <v>33400</v>
      </c>
      <c r="B14770" s="1" t="s">
        <v>60755</v>
      </c>
      <c r="C14770" s="1" t="s">
        <v>33401</v>
      </c>
      <c r="D14770" s="2">
        <v>167598</v>
      </c>
      <c r="E14770" s="1" t="s">
        <v>0</v>
      </c>
    </row>
    <row r="14771" spans="1:5" x14ac:dyDescent="0.25">
      <c r="A14771" s="1" t="s">
        <v>33402</v>
      </c>
      <c r="B14771" s="1" t="s">
        <v>54277</v>
      </c>
      <c r="C14771" s="1" t="s">
        <v>33403</v>
      </c>
      <c r="D14771" s="2">
        <v>167599</v>
      </c>
      <c r="E14771" s="1" t="s">
        <v>0</v>
      </c>
    </row>
    <row r="14772" spans="1:5" x14ac:dyDescent="0.25">
      <c r="A14772" s="2">
        <v>2954</v>
      </c>
      <c r="B14772" s="2">
        <v>2954</v>
      </c>
      <c r="C14772" s="1" t="s">
        <v>0</v>
      </c>
      <c r="D14772" s="2">
        <v>167600</v>
      </c>
      <c r="E14772" s="1" t="s">
        <v>0</v>
      </c>
    </row>
    <row r="14773" spans="1:5" x14ac:dyDescent="0.25">
      <c r="A14773" s="1" t="s">
        <v>2697</v>
      </c>
      <c r="B14773" s="1" t="s">
        <v>9275</v>
      </c>
      <c r="C14773" s="1" t="s">
        <v>33404</v>
      </c>
      <c r="D14773" s="2">
        <v>167601</v>
      </c>
      <c r="E14773" s="1" t="s">
        <v>0</v>
      </c>
    </row>
    <row r="14774" spans="1:5" x14ac:dyDescent="0.25">
      <c r="A14774" s="1" t="s">
        <v>33405</v>
      </c>
      <c r="B14774" s="1" t="s">
        <v>9276</v>
      </c>
      <c r="C14774" s="1" t="s">
        <v>33406</v>
      </c>
      <c r="D14774" s="2">
        <v>167602</v>
      </c>
      <c r="E14774" s="1" t="s">
        <v>0</v>
      </c>
    </row>
    <row r="14775" spans="1:5" ht="409.5" x14ac:dyDescent="0.25">
      <c r="A14775" s="4" t="s">
        <v>33407</v>
      </c>
      <c r="B14775" s="1" t="s">
        <v>60072</v>
      </c>
      <c r="C14775" s="1" t="s">
        <v>33408</v>
      </c>
      <c r="D14775" s="2">
        <v>167603</v>
      </c>
      <c r="E14775" s="1" t="s">
        <v>0</v>
      </c>
    </row>
    <row r="14776" spans="1:5" x14ac:dyDescent="0.25">
      <c r="A14776" s="1" t="s">
        <v>33409</v>
      </c>
      <c r="B14776" s="1" t="s">
        <v>54278</v>
      </c>
      <c r="C14776" s="1" t="s">
        <v>33410</v>
      </c>
      <c r="D14776" s="2">
        <v>167604</v>
      </c>
      <c r="E14776" s="1" t="s">
        <v>0</v>
      </c>
    </row>
    <row r="14777" spans="1:5" x14ac:dyDescent="0.25">
      <c r="A14777" s="2">
        <v>2955</v>
      </c>
      <c r="B14777" s="2">
        <v>2955</v>
      </c>
      <c r="C14777" s="1" t="s">
        <v>0</v>
      </c>
      <c r="D14777" s="2">
        <v>167605</v>
      </c>
      <c r="E14777" s="1" t="s">
        <v>0</v>
      </c>
    </row>
    <row r="14778" spans="1:5" x14ac:dyDescent="0.25">
      <c r="A14778" s="1" t="s">
        <v>2698</v>
      </c>
      <c r="B14778" s="1" t="s">
        <v>9277</v>
      </c>
      <c r="C14778" s="1" t="s">
        <v>33411</v>
      </c>
      <c r="D14778" s="2">
        <v>167606</v>
      </c>
      <c r="E14778" s="1" t="s">
        <v>0</v>
      </c>
    </row>
    <row r="14779" spans="1:5" x14ac:dyDescent="0.25">
      <c r="A14779" s="1" t="s">
        <v>33412</v>
      </c>
      <c r="B14779" s="1" t="s">
        <v>54279</v>
      </c>
      <c r="C14779" s="1" t="s">
        <v>33413</v>
      </c>
      <c r="D14779" s="2">
        <v>167607</v>
      </c>
      <c r="E14779" s="1" t="s">
        <v>0</v>
      </c>
    </row>
    <row r="14780" spans="1:5" ht="409.5" x14ac:dyDescent="0.25">
      <c r="A14780" s="4" t="s">
        <v>33414</v>
      </c>
      <c r="B14780" s="1" t="s">
        <v>54280</v>
      </c>
      <c r="C14780" s="1" t="s">
        <v>33415</v>
      </c>
      <c r="D14780" s="2">
        <v>167608</v>
      </c>
      <c r="E14780" s="1" t="s">
        <v>0</v>
      </c>
    </row>
    <row r="14781" spans="1:5" x14ac:dyDescent="0.25">
      <c r="A14781" s="1" t="s">
        <v>33416</v>
      </c>
      <c r="B14781" s="1" t="s">
        <v>9278</v>
      </c>
      <c r="C14781" s="1" t="s">
        <v>33417</v>
      </c>
      <c r="D14781" s="2">
        <v>167609</v>
      </c>
      <c r="E14781" s="1" t="s">
        <v>0</v>
      </c>
    </row>
    <row r="14782" spans="1:5" x14ac:dyDescent="0.25">
      <c r="A14782" s="2">
        <v>2956</v>
      </c>
      <c r="B14782" s="2">
        <v>2956</v>
      </c>
      <c r="C14782" s="1" t="s">
        <v>0</v>
      </c>
      <c r="D14782" s="2">
        <v>167610</v>
      </c>
      <c r="E14782" s="1" t="s">
        <v>0</v>
      </c>
    </row>
    <row r="14783" spans="1:5" x14ac:dyDescent="0.25">
      <c r="A14783" s="1" t="s">
        <v>2699</v>
      </c>
      <c r="B14783" s="1" t="s">
        <v>9279</v>
      </c>
      <c r="C14783" s="1" t="s">
        <v>33418</v>
      </c>
      <c r="D14783" s="2">
        <v>167611</v>
      </c>
      <c r="E14783" s="1" t="s">
        <v>0</v>
      </c>
    </row>
    <row r="14784" spans="1:5" x14ac:dyDescent="0.25">
      <c r="A14784" s="1" t="s">
        <v>33419</v>
      </c>
      <c r="B14784" s="1" t="s">
        <v>9280</v>
      </c>
      <c r="C14784" s="1" t="s">
        <v>33420</v>
      </c>
      <c r="D14784" s="2">
        <v>167612</v>
      </c>
      <c r="E14784" s="1" t="s">
        <v>0</v>
      </c>
    </row>
    <row r="14785" spans="1:5" ht="409.5" x14ac:dyDescent="0.25">
      <c r="A14785" s="4" t="s">
        <v>33421</v>
      </c>
      <c r="B14785" s="1" t="s">
        <v>63391</v>
      </c>
      <c r="C14785" s="1" t="s">
        <v>33422</v>
      </c>
      <c r="D14785" s="2">
        <v>167613</v>
      </c>
      <c r="E14785" s="1" t="s">
        <v>0</v>
      </c>
    </row>
    <row r="14786" spans="1:5" x14ac:dyDescent="0.25">
      <c r="A14786" s="1" t="s">
        <v>33423</v>
      </c>
      <c r="B14786" s="1" t="s">
        <v>9281</v>
      </c>
      <c r="C14786" s="1" t="s">
        <v>33424</v>
      </c>
      <c r="D14786" s="2">
        <v>167614</v>
      </c>
      <c r="E14786" s="1" t="s">
        <v>0</v>
      </c>
    </row>
    <row r="14787" spans="1:5" x14ac:dyDescent="0.25">
      <c r="A14787" s="2">
        <v>2957</v>
      </c>
      <c r="B14787" s="2">
        <v>2957</v>
      </c>
      <c r="C14787" s="1" t="s">
        <v>0</v>
      </c>
      <c r="D14787" s="2">
        <v>167615</v>
      </c>
      <c r="E14787" s="1" t="s">
        <v>0</v>
      </c>
    </row>
    <row r="14788" spans="1:5" x14ac:dyDescent="0.25">
      <c r="A14788" s="1" t="s">
        <v>9282</v>
      </c>
      <c r="B14788" s="1" t="s">
        <v>9283</v>
      </c>
      <c r="C14788" s="1" t="s">
        <v>33425</v>
      </c>
      <c r="D14788" s="2">
        <v>167616</v>
      </c>
      <c r="E14788" s="1" t="s">
        <v>0</v>
      </c>
    </row>
    <row r="14789" spans="1:5" x14ac:dyDescent="0.25">
      <c r="A14789" s="1" t="s">
        <v>33426</v>
      </c>
      <c r="B14789" s="1" t="s">
        <v>50788</v>
      </c>
      <c r="C14789" s="1" t="s">
        <v>33427</v>
      </c>
      <c r="D14789" s="2">
        <v>167617</v>
      </c>
      <c r="E14789" s="1" t="s">
        <v>0</v>
      </c>
    </row>
    <row r="14790" spans="1:5" ht="409.5" x14ac:dyDescent="0.25">
      <c r="A14790" s="4" t="s">
        <v>33428</v>
      </c>
      <c r="B14790" s="1" t="s">
        <v>50789</v>
      </c>
      <c r="C14790" s="1" t="s">
        <v>33429</v>
      </c>
      <c r="D14790" s="2">
        <v>167618</v>
      </c>
      <c r="E14790" s="1" t="s">
        <v>0</v>
      </c>
    </row>
    <row r="14791" spans="1:5" x14ac:dyDescent="0.25">
      <c r="A14791" s="1" t="s">
        <v>33430</v>
      </c>
      <c r="B14791" s="1" t="s">
        <v>54281</v>
      </c>
      <c r="C14791" s="1" t="s">
        <v>33431</v>
      </c>
      <c r="D14791" s="2">
        <v>167619</v>
      </c>
      <c r="E14791" s="1" t="s">
        <v>0</v>
      </c>
    </row>
    <row r="14792" spans="1:5" x14ac:dyDescent="0.25">
      <c r="A14792" s="2">
        <v>2958</v>
      </c>
      <c r="B14792" s="2">
        <v>2958</v>
      </c>
      <c r="C14792" s="1" t="s">
        <v>0</v>
      </c>
      <c r="D14792" s="2">
        <v>167620</v>
      </c>
      <c r="E14792" s="1" t="s">
        <v>0</v>
      </c>
    </row>
    <row r="14793" spans="1:5" x14ac:dyDescent="0.25">
      <c r="A14793" s="1" t="s">
        <v>2700</v>
      </c>
      <c r="B14793" s="1" t="s">
        <v>9284</v>
      </c>
      <c r="C14793" s="1" t="s">
        <v>33432</v>
      </c>
      <c r="D14793" s="2">
        <v>167621</v>
      </c>
      <c r="E14793" s="1" t="s">
        <v>0</v>
      </c>
    </row>
    <row r="14794" spans="1:5" x14ac:dyDescent="0.25">
      <c r="A14794" s="1" t="s">
        <v>33433</v>
      </c>
      <c r="B14794" s="1" t="s">
        <v>63735</v>
      </c>
      <c r="C14794" s="1" t="s">
        <v>33434</v>
      </c>
      <c r="D14794" s="2">
        <v>167622</v>
      </c>
      <c r="E14794" s="1" t="s">
        <v>0</v>
      </c>
    </row>
    <row r="14795" spans="1:5" ht="409.5" x14ac:dyDescent="0.25">
      <c r="A14795" s="4" t="s">
        <v>64211</v>
      </c>
      <c r="B14795" s="1" t="s">
        <v>63736</v>
      </c>
      <c r="C14795" s="1" t="s">
        <v>33435</v>
      </c>
      <c r="D14795" s="2">
        <v>167623</v>
      </c>
      <c r="E14795" s="1" t="s">
        <v>0</v>
      </c>
    </row>
    <row r="14796" spans="1:5" x14ac:dyDescent="0.25">
      <c r="A14796" s="1" t="s">
        <v>33436</v>
      </c>
      <c r="B14796" s="1" t="s">
        <v>61181</v>
      </c>
      <c r="C14796" s="1" t="s">
        <v>33437</v>
      </c>
      <c r="D14796" s="2">
        <v>167624</v>
      </c>
      <c r="E14796" s="1" t="s">
        <v>0</v>
      </c>
    </row>
    <row r="14797" spans="1:5" x14ac:dyDescent="0.25">
      <c r="A14797" s="2">
        <v>2959</v>
      </c>
      <c r="B14797" s="2">
        <v>2959</v>
      </c>
      <c r="C14797" s="1" t="s">
        <v>0</v>
      </c>
      <c r="D14797" s="2">
        <v>167625</v>
      </c>
      <c r="E14797" s="1" t="s">
        <v>0</v>
      </c>
    </row>
    <row r="14798" spans="1:5" x14ac:dyDescent="0.25">
      <c r="A14798" s="1" t="s">
        <v>2701</v>
      </c>
      <c r="B14798" s="1" t="s">
        <v>9285</v>
      </c>
      <c r="C14798" s="1" t="s">
        <v>33438</v>
      </c>
      <c r="D14798" s="2">
        <v>167626</v>
      </c>
      <c r="E14798" s="1" t="s">
        <v>0</v>
      </c>
    </row>
    <row r="14799" spans="1:5" x14ac:dyDescent="0.25">
      <c r="A14799" s="1" t="s">
        <v>33439</v>
      </c>
      <c r="B14799" s="1" t="s">
        <v>60073</v>
      </c>
      <c r="C14799" s="1" t="s">
        <v>33440</v>
      </c>
      <c r="D14799" s="2">
        <v>167627</v>
      </c>
      <c r="E14799" s="1" t="s">
        <v>0</v>
      </c>
    </row>
    <row r="14800" spans="1:5" ht="409.5" x14ac:dyDescent="0.25">
      <c r="A14800" s="4" t="s">
        <v>33441</v>
      </c>
      <c r="B14800" s="1" t="s">
        <v>60074</v>
      </c>
      <c r="C14800" s="1" t="s">
        <v>33442</v>
      </c>
      <c r="D14800" s="2">
        <v>167628</v>
      </c>
      <c r="E14800" s="1" t="s">
        <v>0</v>
      </c>
    </row>
    <row r="14801" spans="1:5" x14ac:dyDescent="0.25">
      <c r="A14801" s="1" t="s">
        <v>33443</v>
      </c>
      <c r="B14801" s="1" t="s">
        <v>9286</v>
      </c>
      <c r="C14801" s="1" t="s">
        <v>33444</v>
      </c>
      <c r="D14801" s="2">
        <v>167629</v>
      </c>
      <c r="E14801" s="1" t="s">
        <v>0</v>
      </c>
    </row>
    <row r="14802" spans="1:5" x14ac:dyDescent="0.25">
      <c r="A14802" s="2">
        <v>2960</v>
      </c>
      <c r="B14802" s="2">
        <v>2960</v>
      </c>
      <c r="C14802" s="1" t="s">
        <v>0</v>
      </c>
      <c r="D14802" s="2">
        <v>167630</v>
      </c>
      <c r="E14802" s="1" t="s">
        <v>0</v>
      </c>
    </row>
    <row r="14803" spans="1:5" x14ac:dyDescent="0.25">
      <c r="A14803" s="1" t="s">
        <v>2702</v>
      </c>
      <c r="B14803" s="1" t="s">
        <v>9287</v>
      </c>
      <c r="C14803" s="1" t="s">
        <v>33445</v>
      </c>
      <c r="D14803" s="2">
        <v>167631</v>
      </c>
      <c r="E14803" s="1" t="s">
        <v>0</v>
      </c>
    </row>
    <row r="14804" spans="1:5" x14ac:dyDescent="0.25">
      <c r="A14804" s="1" t="s">
        <v>33446</v>
      </c>
      <c r="B14804" s="1" t="s">
        <v>54282</v>
      </c>
      <c r="C14804" s="1" t="s">
        <v>33447</v>
      </c>
      <c r="D14804" s="2">
        <v>167632</v>
      </c>
      <c r="E14804" s="1" t="s">
        <v>0</v>
      </c>
    </row>
    <row r="14805" spans="1:5" ht="409.5" x14ac:dyDescent="0.25">
      <c r="A14805" s="4" t="s">
        <v>33448</v>
      </c>
      <c r="B14805" s="1" t="s">
        <v>54283</v>
      </c>
      <c r="C14805" s="1" t="s">
        <v>33449</v>
      </c>
      <c r="D14805" s="2">
        <v>167633</v>
      </c>
      <c r="E14805" s="1" t="s">
        <v>0</v>
      </c>
    </row>
    <row r="14806" spans="1:5" x14ac:dyDescent="0.25">
      <c r="A14806" s="1" t="s">
        <v>33450</v>
      </c>
      <c r="B14806" s="1" t="s">
        <v>9288</v>
      </c>
      <c r="C14806" s="1" t="s">
        <v>33451</v>
      </c>
      <c r="D14806" s="2">
        <v>167634</v>
      </c>
      <c r="E14806" s="1" t="s">
        <v>0</v>
      </c>
    </row>
    <row r="14807" spans="1:5" x14ac:dyDescent="0.25">
      <c r="A14807" s="2">
        <v>2961</v>
      </c>
      <c r="B14807" s="2">
        <v>2961</v>
      </c>
      <c r="C14807" s="1" t="s">
        <v>0</v>
      </c>
      <c r="D14807" s="2">
        <v>167635</v>
      </c>
      <c r="E14807" s="1" t="s">
        <v>0</v>
      </c>
    </row>
    <row r="14808" spans="1:5" x14ac:dyDescent="0.25">
      <c r="A14808" s="1" t="s">
        <v>2703</v>
      </c>
      <c r="B14808" s="1" t="s">
        <v>9289</v>
      </c>
      <c r="C14808" s="1" t="s">
        <v>33452</v>
      </c>
      <c r="D14808" s="2">
        <v>167636</v>
      </c>
      <c r="E14808" s="1" t="s">
        <v>0</v>
      </c>
    </row>
    <row r="14809" spans="1:5" x14ac:dyDescent="0.25">
      <c r="A14809" s="1" t="s">
        <v>33453</v>
      </c>
      <c r="B14809" s="1" t="s">
        <v>9290</v>
      </c>
      <c r="C14809" s="1" t="s">
        <v>33454</v>
      </c>
      <c r="D14809" s="2">
        <v>167637</v>
      </c>
      <c r="E14809" s="1" t="s">
        <v>0</v>
      </c>
    </row>
    <row r="14810" spans="1:5" ht="409.5" x14ac:dyDescent="0.25">
      <c r="A14810" s="4" t="s">
        <v>33455</v>
      </c>
      <c r="B14810" s="1" t="s">
        <v>9291</v>
      </c>
      <c r="C14810" s="1" t="s">
        <v>33456</v>
      </c>
      <c r="D14810" s="2">
        <v>167638</v>
      </c>
      <c r="E14810" s="1" t="s">
        <v>0</v>
      </c>
    </row>
    <row r="14811" spans="1:5" x14ac:dyDescent="0.25">
      <c r="A14811" s="1" t="s">
        <v>33457</v>
      </c>
      <c r="B14811" s="1" t="s">
        <v>9292</v>
      </c>
      <c r="C14811" s="1" t="s">
        <v>33458</v>
      </c>
      <c r="D14811" s="2">
        <v>167639</v>
      </c>
      <c r="E14811" s="1" t="s">
        <v>0</v>
      </c>
    </row>
    <row r="14812" spans="1:5" x14ac:dyDescent="0.25">
      <c r="A14812" s="2">
        <v>2962</v>
      </c>
      <c r="B14812" s="2">
        <v>2962</v>
      </c>
      <c r="C14812" s="1" t="s">
        <v>0</v>
      </c>
      <c r="D14812" s="2">
        <v>167640</v>
      </c>
      <c r="E14812" s="1" t="s">
        <v>0</v>
      </c>
    </row>
    <row r="14813" spans="1:5" x14ac:dyDescent="0.25">
      <c r="A14813" s="1" t="s">
        <v>2704</v>
      </c>
      <c r="B14813" s="1" t="s">
        <v>9293</v>
      </c>
      <c r="C14813" s="1" t="s">
        <v>33459</v>
      </c>
      <c r="D14813" s="2">
        <v>167641</v>
      </c>
      <c r="E14813" s="1" t="s">
        <v>0</v>
      </c>
    </row>
    <row r="14814" spans="1:5" x14ac:dyDescent="0.25">
      <c r="A14814" s="1" t="s">
        <v>33460</v>
      </c>
      <c r="B14814" s="1" t="s">
        <v>9294</v>
      </c>
      <c r="C14814" s="1" t="s">
        <v>33461</v>
      </c>
      <c r="D14814" s="2">
        <v>167642</v>
      </c>
      <c r="E14814" s="1" t="s">
        <v>0</v>
      </c>
    </row>
    <row r="14815" spans="1:5" ht="409.5" x14ac:dyDescent="0.25">
      <c r="A14815" s="4" t="s">
        <v>33462</v>
      </c>
      <c r="B14815" s="1" t="s">
        <v>9295</v>
      </c>
      <c r="C14815" s="1" t="s">
        <v>33463</v>
      </c>
      <c r="D14815" s="2">
        <v>167643</v>
      </c>
      <c r="E14815" s="1" t="s">
        <v>0</v>
      </c>
    </row>
    <row r="14816" spans="1:5" x14ac:dyDescent="0.25">
      <c r="A14816" s="1" t="s">
        <v>33464</v>
      </c>
      <c r="B14816" s="1" t="s">
        <v>9296</v>
      </c>
      <c r="C14816" s="1" t="s">
        <v>33465</v>
      </c>
      <c r="D14816" s="2">
        <v>167644</v>
      </c>
      <c r="E14816" s="1" t="s">
        <v>0</v>
      </c>
    </row>
    <row r="14817" spans="1:5" x14ac:dyDescent="0.25">
      <c r="A14817" s="2">
        <v>2963</v>
      </c>
      <c r="B14817" s="2">
        <v>2963</v>
      </c>
      <c r="C14817" s="1" t="s">
        <v>0</v>
      </c>
      <c r="D14817" s="2">
        <v>167645</v>
      </c>
      <c r="E14817" s="1" t="s">
        <v>0</v>
      </c>
    </row>
    <row r="14818" spans="1:5" x14ac:dyDescent="0.25">
      <c r="A14818" s="1" t="s">
        <v>2705</v>
      </c>
      <c r="B14818" s="1" t="s">
        <v>9297</v>
      </c>
      <c r="C14818" s="1" t="s">
        <v>33466</v>
      </c>
      <c r="D14818" s="2">
        <v>167646</v>
      </c>
      <c r="E14818" s="1" t="s">
        <v>0</v>
      </c>
    </row>
    <row r="14819" spans="1:5" x14ac:dyDescent="0.25">
      <c r="A14819" s="1" t="s">
        <v>33467</v>
      </c>
      <c r="B14819" s="1" t="s">
        <v>54284</v>
      </c>
      <c r="C14819" s="1" t="s">
        <v>33468</v>
      </c>
      <c r="D14819" s="2">
        <v>167647</v>
      </c>
      <c r="E14819" s="1" t="s">
        <v>0</v>
      </c>
    </row>
    <row r="14820" spans="1:5" ht="409.5" x14ac:dyDescent="0.25">
      <c r="A14820" s="4" t="s">
        <v>33469</v>
      </c>
      <c r="B14820" s="1" t="s">
        <v>54285</v>
      </c>
      <c r="C14820" s="1" t="s">
        <v>33470</v>
      </c>
      <c r="D14820" s="2">
        <v>167648</v>
      </c>
      <c r="E14820" s="1" t="s">
        <v>0</v>
      </c>
    </row>
    <row r="14821" spans="1:5" x14ac:dyDescent="0.25">
      <c r="A14821" s="1" t="s">
        <v>33471</v>
      </c>
      <c r="B14821" s="1" t="s">
        <v>61182</v>
      </c>
      <c r="C14821" s="1" t="s">
        <v>33472</v>
      </c>
      <c r="D14821" s="2">
        <v>167649</v>
      </c>
      <c r="E14821" s="1" t="s">
        <v>0</v>
      </c>
    </row>
    <row r="14822" spans="1:5" x14ac:dyDescent="0.25">
      <c r="A14822" s="2">
        <v>2964</v>
      </c>
      <c r="B14822" s="2">
        <v>2964</v>
      </c>
      <c r="C14822" s="1" t="s">
        <v>0</v>
      </c>
      <c r="D14822" s="2">
        <v>167650</v>
      </c>
      <c r="E14822" s="1" t="s">
        <v>0</v>
      </c>
    </row>
    <row r="14823" spans="1:5" x14ac:dyDescent="0.25">
      <c r="A14823" s="1" t="s">
        <v>9298</v>
      </c>
      <c r="B14823" s="1" t="s">
        <v>9299</v>
      </c>
      <c r="C14823" s="1" t="s">
        <v>33473</v>
      </c>
      <c r="D14823" s="2">
        <v>167651</v>
      </c>
      <c r="E14823" s="1" t="s">
        <v>0</v>
      </c>
    </row>
    <row r="14824" spans="1:5" x14ac:dyDescent="0.25">
      <c r="A14824" s="1" t="s">
        <v>33474</v>
      </c>
      <c r="B14824" s="1" t="s">
        <v>57871</v>
      </c>
      <c r="C14824" s="1" t="s">
        <v>33475</v>
      </c>
      <c r="D14824" s="2">
        <v>167652</v>
      </c>
      <c r="E14824" s="1" t="s">
        <v>0</v>
      </c>
    </row>
    <row r="14825" spans="1:5" ht="409.5" x14ac:dyDescent="0.25">
      <c r="A14825" s="4" t="s">
        <v>33476</v>
      </c>
      <c r="B14825" s="1" t="s">
        <v>61511</v>
      </c>
      <c r="C14825" s="1" t="s">
        <v>33477</v>
      </c>
      <c r="D14825" s="2">
        <v>167653</v>
      </c>
      <c r="E14825" s="1" t="s">
        <v>0</v>
      </c>
    </row>
    <row r="14826" spans="1:5" x14ac:dyDescent="0.25">
      <c r="A14826" s="1" t="s">
        <v>33478</v>
      </c>
      <c r="B14826" s="1" t="s">
        <v>54286</v>
      </c>
      <c r="C14826" s="1" t="s">
        <v>33479</v>
      </c>
      <c r="D14826" s="2">
        <v>167654</v>
      </c>
      <c r="E14826" s="1" t="s">
        <v>0</v>
      </c>
    </row>
    <row r="14827" spans="1:5" x14ac:dyDescent="0.25">
      <c r="A14827" s="2">
        <v>2965</v>
      </c>
      <c r="B14827" s="2">
        <v>2965</v>
      </c>
      <c r="C14827" s="1" t="s">
        <v>0</v>
      </c>
      <c r="D14827" s="2">
        <v>167655</v>
      </c>
      <c r="E14827" s="1" t="s">
        <v>0</v>
      </c>
    </row>
    <row r="14828" spans="1:5" x14ac:dyDescent="0.25">
      <c r="A14828" s="1" t="s">
        <v>2706</v>
      </c>
      <c r="B14828" s="1" t="s">
        <v>9300</v>
      </c>
      <c r="C14828" s="1" t="s">
        <v>33480</v>
      </c>
      <c r="D14828" s="2">
        <v>167656</v>
      </c>
      <c r="E14828" s="1" t="s">
        <v>0</v>
      </c>
    </row>
    <row r="14829" spans="1:5" x14ac:dyDescent="0.25">
      <c r="A14829" s="1" t="s">
        <v>33481</v>
      </c>
      <c r="B14829" s="1" t="s">
        <v>62604</v>
      </c>
      <c r="C14829" s="1" t="s">
        <v>33482</v>
      </c>
      <c r="D14829" s="2">
        <v>167657</v>
      </c>
      <c r="E14829" s="1" t="s">
        <v>0</v>
      </c>
    </row>
    <row r="14830" spans="1:5" ht="409.5" x14ac:dyDescent="0.25">
      <c r="A14830" s="4" t="s">
        <v>33483</v>
      </c>
      <c r="B14830" s="1" t="s">
        <v>62605</v>
      </c>
      <c r="C14830" s="1" t="s">
        <v>33484</v>
      </c>
      <c r="D14830" s="2">
        <v>167658</v>
      </c>
      <c r="E14830" s="1" t="s">
        <v>0</v>
      </c>
    </row>
    <row r="14831" spans="1:5" x14ac:dyDescent="0.25">
      <c r="A14831" s="1" t="s">
        <v>33485</v>
      </c>
      <c r="B14831" s="1" t="s">
        <v>9301</v>
      </c>
      <c r="C14831" s="1" t="s">
        <v>33486</v>
      </c>
      <c r="D14831" s="2">
        <v>167659</v>
      </c>
      <c r="E14831" s="1" t="s">
        <v>0</v>
      </c>
    </row>
    <row r="14832" spans="1:5" x14ac:dyDescent="0.25">
      <c r="A14832" s="2">
        <v>2966</v>
      </c>
      <c r="B14832" s="2">
        <v>2966</v>
      </c>
      <c r="C14832" s="1" t="s">
        <v>0</v>
      </c>
      <c r="D14832" s="2">
        <v>167660</v>
      </c>
      <c r="E14832" s="1" t="s">
        <v>0</v>
      </c>
    </row>
    <row r="14833" spans="1:5" x14ac:dyDescent="0.25">
      <c r="A14833" s="1" t="s">
        <v>13170</v>
      </c>
      <c r="B14833" s="1" t="s">
        <v>9302</v>
      </c>
      <c r="C14833" s="1" t="s">
        <v>33487</v>
      </c>
      <c r="D14833" s="2">
        <v>167661</v>
      </c>
      <c r="E14833" s="1" t="s">
        <v>0</v>
      </c>
    </row>
    <row r="14834" spans="1:5" x14ac:dyDescent="0.25">
      <c r="A14834" s="1" t="s">
        <v>33488</v>
      </c>
      <c r="B14834" s="1" t="s">
        <v>60075</v>
      </c>
      <c r="C14834" s="1" t="s">
        <v>33489</v>
      </c>
      <c r="D14834" s="2">
        <v>167662</v>
      </c>
      <c r="E14834" s="1" t="s">
        <v>0</v>
      </c>
    </row>
    <row r="14835" spans="1:5" ht="409.5" x14ac:dyDescent="0.25">
      <c r="A14835" s="4" t="s">
        <v>33490</v>
      </c>
      <c r="B14835" s="1" t="s">
        <v>60076</v>
      </c>
      <c r="C14835" s="1" t="s">
        <v>33491</v>
      </c>
      <c r="D14835" s="2">
        <v>167663</v>
      </c>
      <c r="E14835" s="1" t="s">
        <v>0</v>
      </c>
    </row>
    <row r="14836" spans="1:5" x14ac:dyDescent="0.25">
      <c r="A14836" s="1" t="s">
        <v>33492</v>
      </c>
      <c r="B14836" s="1" t="s">
        <v>57242</v>
      </c>
      <c r="C14836" s="1" t="s">
        <v>33493</v>
      </c>
      <c r="D14836" s="2">
        <v>167664</v>
      </c>
      <c r="E14836" s="1" t="s">
        <v>0</v>
      </c>
    </row>
    <row r="14837" spans="1:5" x14ac:dyDescent="0.25">
      <c r="A14837" s="2">
        <v>2967</v>
      </c>
      <c r="B14837" s="2">
        <v>2967</v>
      </c>
      <c r="C14837" s="1" t="s">
        <v>0</v>
      </c>
      <c r="D14837" s="2">
        <v>167665</v>
      </c>
      <c r="E14837" s="1" t="s">
        <v>0</v>
      </c>
    </row>
    <row r="14838" spans="1:5" x14ac:dyDescent="0.25">
      <c r="A14838" s="1" t="s">
        <v>2707</v>
      </c>
      <c r="B14838" s="1" t="s">
        <v>9303</v>
      </c>
      <c r="C14838" s="1" t="s">
        <v>33494</v>
      </c>
      <c r="D14838" s="2">
        <v>167666</v>
      </c>
      <c r="E14838" s="1" t="s">
        <v>0</v>
      </c>
    </row>
    <row r="14839" spans="1:5" x14ac:dyDescent="0.25">
      <c r="A14839" s="1" t="s">
        <v>33495</v>
      </c>
      <c r="B14839" s="1" t="s">
        <v>9304</v>
      </c>
      <c r="C14839" s="1" t="s">
        <v>33496</v>
      </c>
      <c r="D14839" s="2">
        <v>167667</v>
      </c>
      <c r="E14839" s="1" t="s">
        <v>0</v>
      </c>
    </row>
    <row r="14840" spans="1:5" ht="409.5" x14ac:dyDescent="0.25">
      <c r="A14840" s="4" t="s">
        <v>33497</v>
      </c>
      <c r="B14840" s="1" t="s">
        <v>54287</v>
      </c>
      <c r="C14840" s="1" t="s">
        <v>33498</v>
      </c>
      <c r="D14840" s="2">
        <v>167668</v>
      </c>
      <c r="E14840" s="1" t="s">
        <v>0</v>
      </c>
    </row>
    <row r="14841" spans="1:5" x14ac:dyDescent="0.25">
      <c r="A14841" s="1" t="s">
        <v>33499</v>
      </c>
      <c r="B14841" s="1" t="s">
        <v>9305</v>
      </c>
      <c r="C14841" s="1" t="s">
        <v>33500</v>
      </c>
      <c r="D14841" s="2">
        <v>167669</v>
      </c>
      <c r="E14841" s="1" t="s">
        <v>0</v>
      </c>
    </row>
    <row r="14842" spans="1:5" x14ac:dyDescent="0.25">
      <c r="A14842" s="2">
        <v>2968</v>
      </c>
      <c r="B14842" s="2">
        <v>2968</v>
      </c>
      <c r="C14842" s="1" t="s">
        <v>0</v>
      </c>
      <c r="D14842" s="2">
        <v>167670</v>
      </c>
      <c r="E14842" s="1" t="s">
        <v>0</v>
      </c>
    </row>
    <row r="14843" spans="1:5" x14ac:dyDescent="0.25">
      <c r="A14843" s="1" t="s">
        <v>2708</v>
      </c>
      <c r="B14843" s="1" t="s">
        <v>9306</v>
      </c>
      <c r="C14843" s="1" t="s">
        <v>33501</v>
      </c>
      <c r="D14843" s="2">
        <v>167671</v>
      </c>
      <c r="E14843" s="1" t="s">
        <v>0</v>
      </c>
    </row>
    <row r="14844" spans="1:5" x14ac:dyDescent="0.25">
      <c r="A14844" s="1" t="s">
        <v>33502</v>
      </c>
      <c r="B14844" s="1" t="s">
        <v>63392</v>
      </c>
      <c r="C14844" s="1" t="s">
        <v>33503</v>
      </c>
      <c r="D14844" s="2">
        <v>167672</v>
      </c>
      <c r="E14844" s="1" t="s">
        <v>0</v>
      </c>
    </row>
    <row r="14845" spans="1:5" ht="409.5" x14ac:dyDescent="0.25">
      <c r="A14845" s="4" t="s">
        <v>33504</v>
      </c>
      <c r="B14845" s="1" t="s">
        <v>63393</v>
      </c>
      <c r="C14845" s="1" t="s">
        <v>33505</v>
      </c>
      <c r="D14845" s="2">
        <v>167673</v>
      </c>
      <c r="E14845" s="1" t="s">
        <v>0</v>
      </c>
    </row>
    <row r="14846" spans="1:5" x14ac:dyDescent="0.25">
      <c r="A14846" s="1" t="s">
        <v>33506</v>
      </c>
      <c r="B14846" s="1" t="s">
        <v>54288</v>
      </c>
      <c r="C14846" s="1" t="s">
        <v>33507</v>
      </c>
      <c r="D14846" s="2">
        <v>167674</v>
      </c>
      <c r="E14846" s="1" t="s">
        <v>0</v>
      </c>
    </row>
    <row r="14847" spans="1:5" x14ac:dyDescent="0.25">
      <c r="A14847" s="2">
        <v>2969</v>
      </c>
      <c r="B14847" s="2">
        <v>2969</v>
      </c>
      <c r="C14847" s="1" t="s">
        <v>0</v>
      </c>
      <c r="D14847" s="2">
        <v>167675</v>
      </c>
      <c r="E14847" s="1" t="s">
        <v>0</v>
      </c>
    </row>
    <row r="14848" spans="1:5" x14ac:dyDescent="0.25">
      <c r="A14848" s="1" t="s">
        <v>2709</v>
      </c>
      <c r="B14848" s="1" t="s">
        <v>9307</v>
      </c>
      <c r="C14848" s="1" t="s">
        <v>33508</v>
      </c>
      <c r="D14848" s="2">
        <v>167676</v>
      </c>
      <c r="E14848" s="1" t="s">
        <v>0</v>
      </c>
    </row>
    <row r="14849" spans="1:5" x14ac:dyDescent="0.25">
      <c r="A14849" s="1" t="s">
        <v>33509</v>
      </c>
      <c r="B14849" s="1" t="s">
        <v>62606</v>
      </c>
      <c r="C14849" s="1" t="s">
        <v>33510</v>
      </c>
      <c r="D14849" s="2">
        <v>167677</v>
      </c>
      <c r="E14849" s="1" t="s">
        <v>0</v>
      </c>
    </row>
    <row r="14850" spans="1:5" ht="409.5" x14ac:dyDescent="0.25">
      <c r="A14850" s="4" t="s">
        <v>33511</v>
      </c>
      <c r="B14850" s="1" t="s">
        <v>63394</v>
      </c>
      <c r="C14850" s="1" t="s">
        <v>33512</v>
      </c>
      <c r="D14850" s="2">
        <v>167678</v>
      </c>
      <c r="E14850" s="1" t="s">
        <v>0</v>
      </c>
    </row>
    <row r="14851" spans="1:5" x14ac:dyDescent="0.25">
      <c r="A14851" s="1" t="s">
        <v>33513</v>
      </c>
      <c r="B14851" s="1" t="s">
        <v>9308</v>
      </c>
      <c r="C14851" s="1" t="s">
        <v>33514</v>
      </c>
      <c r="D14851" s="2">
        <v>167679</v>
      </c>
      <c r="E14851" s="1" t="s">
        <v>0</v>
      </c>
    </row>
    <row r="14852" spans="1:5" x14ac:dyDescent="0.25">
      <c r="A14852" s="2">
        <v>2970</v>
      </c>
      <c r="B14852" s="2">
        <v>2970</v>
      </c>
      <c r="C14852" s="1" t="s">
        <v>0</v>
      </c>
      <c r="D14852" s="2">
        <v>167680</v>
      </c>
      <c r="E14852" s="1" t="s">
        <v>0</v>
      </c>
    </row>
    <row r="14853" spans="1:5" x14ac:dyDescent="0.25">
      <c r="A14853" s="1" t="s">
        <v>2710</v>
      </c>
      <c r="B14853" s="1" t="s">
        <v>9309</v>
      </c>
      <c r="C14853" s="1" t="s">
        <v>33515</v>
      </c>
      <c r="D14853" s="2">
        <v>167681</v>
      </c>
      <c r="E14853" s="1" t="s">
        <v>0</v>
      </c>
    </row>
    <row r="14854" spans="1:5" x14ac:dyDescent="0.25">
      <c r="A14854" s="1" t="s">
        <v>33516</v>
      </c>
      <c r="B14854" s="1" t="s">
        <v>9310</v>
      </c>
      <c r="C14854" s="1" t="s">
        <v>33517</v>
      </c>
      <c r="D14854" s="2">
        <v>167682</v>
      </c>
      <c r="E14854" s="1" t="s">
        <v>0</v>
      </c>
    </row>
    <row r="14855" spans="1:5" ht="409.5" x14ac:dyDescent="0.25">
      <c r="A14855" s="4" t="s">
        <v>33518</v>
      </c>
      <c r="B14855" s="1" t="s">
        <v>60622</v>
      </c>
      <c r="C14855" s="1" t="s">
        <v>33519</v>
      </c>
      <c r="D14855" s="2">
        <v>167683</v>
      </c>
      <c r="E14855" s="1" t="s">
        <v>0</v>
      </c>
    </row>
    <row r="14856" spans="1:5" x14ac:dyDescent="0.25">
      <c r="A14856" s="1" t="s">
        <v>33520</v>
      </c>
      <c r="B14856" s="1" t="s">
        <v>54289</v>
      </c>
      <c r="C14856" s="1" t="s">
        <v>33521</v>
      </c>
      <c r="D14856" s="2">
        <v>167684</v>
      </c>
      <c r="E14856" s="1" t="s">
        <v>0</v>
      </c>
    </row>
    <row r="14857" spans="1:5" x14ac:dyDescent="0.25">
      <c r="A14857" s="2">
        <v>2971</v>
      </c>
      <c r="B14857" s="2">
        <v>2971</v>
      </c>
      <c r="C14857" s="1" t="s">
        <v>0</v>
      </c>
      <c r="D14857" s="2">
        <v>167685</v>
      </c>
      <c r="E14857" s="1" t="s">
        <v>0</v>
      </c>
    </row>
    <row r="14858" spans="1:5" x14ac:dyDescent="0.25">
      <c r="A14858" s="1" t="s">
        <v>2711</v>
      </c>
      <c r="B14858" s="1" t="s">
        <v>9311</v>
      </c>
      <c r="C14858" s="1" t="s">
        <v>33522</v>
      </c>
      <c r="D14858" s="2">
        <v>167686</v>
      </c>
      <c r="E14858" s="1" t="s">
        <v>0</v>
      </c>
    </row>
    <row r="14859" spans="1:5" x14ac:dyDescent="0.25">
      <c r="A14859" s="1" t="s">
        <v>33523</v>
      </c>
      <c r="B14859" s="1" t="s">
        <v>54290</v>
      </c>
      <c r="C14859" s="1" t="s">
        <v>33524</v>
      </c>
      <c r="D14859" s="2">
        <v>167687</v>
      </c>
      <c r="E14859" s="1" t="s">
        <v>0</v>
      </c>
    </row>
    <row r="14860" spans="1:5" ht="409.5" x14ac:dyDescent="0.25">
      <c r="A14860" s="4" t="s">
        <v>33525</v>
      </c>
      <c r="B14860" s="1" t="s">
        <v>58782</v>
      </c>
      <c r="C14860" s="1" t="s">
        <v>33526</v>
      </c>
      <c r="D14860" s="2">
        <v>167688</v>
      </c>
      <c r="E14860" s="1" t="s">
        <v>0</v>
      </c>
    </row>
    <row r="14861" spans="1:5" x14ac:dyDescent="0.25">
      <c r="A14861" s="1" t="s">
        <v>33527</v>
      </c>
      <c r="B14861" s="1" t="s">
        <v>54291</v>
      </c>
      <c r="C14861" s="1" t="s">
        <v>33528</v>
      </c>
      <c r="D14861" s="2">
        <v>167689</v>
      </c>
      <c r="E14861" s="1" t="s">
        <v>0</v>
      </c>
    </row>
    <row r="14862" spans="1:5" x14ac:dyDescent="0.25">
      <c r="A14862" s="2">
        <v>2972</v>
      </c>
      <c r="B14862" s="2">
        <v>2972</v>
      </c>
      <c r="C14862" s="1" t="s">
        <v>0</v>
      </c>
      <c r="D14862" s="2">
        <v>167690</v>
      </c>
      <c r="E14862" s="1" t="s">
        <v>0</v>
      </c>
    </row>
    <row r="14863" spans="1:5" x14ac:dyDescent="0.25">
      <c r="A14863" s="1" t="s">
        <v>2712</v>
      </c>
      <c r="B14863" s="1" t="s">
        <v>9312</v>
      </c>
      <c r="C14863" s="1" t="s">
        <v>33529</v>
      </c>
      <c r="D14863" s="2">
        <v>167691</v>
      </c>
      <c r="E14863" s="1" t="s">
        <v>0</v>
      </c>
    </row>
    <row r="14864" spans="1:5" x14ac:dyDescent="0.25">
      <c r="A14864" s="1" t="s">
        <v>33530</v>
      </c>
      <c r="B14864" s="1" t="s">
        <v>54292</v>
      </c>
      <c r="C14864" s="1" t="s">
        <v>33531</v>
      </c>
      <c r="D14864" s="2">
        <v>167692</v>
      </c>
      <c r="E14864" s="1" t="s">
        <v>0</v>
      </c>
    </row>
    <row r="14865" spans="1:5" ht="409.5" x14ac:dyDescent="0.25">
      <c r="A14865" s="4" t="s">
        <v>33532</v>
      </c>
      <c r="B14865" s="1" t="s">
        <v>62607</v>
      </c>
      <c r="C14865" s="1" t="s">
        <v>33533</v>
      </c>
      <c r="D14865" s="2">
        <v>167693</v>
      </c>
      <c r="E14865" s="1" t="s">
        <v>0</v>
      </c>
    </row>
    <row r="14866" spans="1:5" x14ac:dyDescent="0.25">
      <c r="A14866" s="1" t="s">
        <v>33534</v>
      </c>
      <c r="B14866" s="1" t="s">
        <v>9313</v>
      </c>
      <c r="C14866" s="1" t="s">
        <v>33535</v>
      </c>
      <c r="D14866" s="2">
        <v>167694</v>
      </c>
      <c r="E14866" s="1" t="s">
        <v>0</v>
      </c>
    </row>
    <row r="14867" spans="1:5" x14ac:dyDescent="0.25">
      <c r="A14867" s="2">
        <v>2973</v>
      </c>
      <c r="B14867" s="2">
        <v>2973</v>
      </c>
      <c r="C14867" s="1" t="s">
        <v>0</v>
      </c>
      <c r="D14867" s="2">
        <v>167695</v>
      </c>
      <c r="E14867" s="1" t="s">
        <v>0</v>
      </c>
    </row>
    <row r="14868" spans="1:5" x14ac:dyDescent="0.25">
      <c r="A14868" s="1" t="s">
        <v>9314</v>
      </c>
      <c r="B14868" s="1" t="s">
        <v>9315</v>
      </c>
      <c r="C14868" s="1" t="s">
        <v>33536</v>
      </c>
      <c r="D14868" s="2">
        <v>167696</v>
      </c>
      <c r="E14868" s="1" t="s">
        <v>0</v>
      </c>
    </row>
    <row r="14869" spans="1:5" x14ac:dyDescent="0.25">
      <c r="A14869" s="1" t="s">
        <v>33537</v>
      </c>
      <c r="B14869" s="1" t="s">
        <v>58426</v>
      </c>
      <c r="C14869" s="1" t="s">
        <v>33538</v>
      </c>
      <c r="D14869" s="2">
        <v>167697</v>
      </c>
      <c r="E14869" s="1" t="s">
        <v>0</v>
      </c>
    </row>
    <row r="14870" spans="1:5" ht="409.5" x14ac:dyDescent="0.25">
      <c r="A14870" s="4" t="s">
        <v>33539</v>
      </c>
      <c r="B14870" s="1" t="s">
        <v>62608</v>
      </c>
      <c r="C14870" s="1" t="s">
        <v>33540</v>
      </c>
      <c r="D14870" s="2">
        <v>167698</v>
      </c>
      <c r="E14870" s="1" t="s">
        <v>0</v>
      </c>
    </row>
    <row r="14871" spans="1:5" x14ac:dyDescent="0.25">
      <c r="A14871" s="1" t="s">
        <v>33541</v>
      </c>
      <c r="B14871" s="1" t="s">
        <v>9316</v>
      </c>
      <c r="C14871" s="1" t="s">
        <v>33542</v>
      </c>
      <c r="D14871" s="2">
        <v>167699</v>
      </c>
      <c r="E14871" s="1" t="s">
        <v>0</v>
      </c>
    </row>
    <row r="14872" spans="1:5" x14ac:dyDescent="0.25">
      <c r="A14872" s="2">
        <v>2974</v>
      </c>
      <c r="B14872" s="2">
        <v>2974</v>
      </c>
      <c r="C14872" s="1" t="s">
        <v>0</v>
      </c>
      <c r="D14872" s="2">
        <v>167700</v>
      </c>
      <c r="E14872" s="1" t="s">
        <v>0</v>
      </c>
    </row>
    <row r="14873" spans="1:5" x14ac:dyDescent="0.25">
      <c r="A14873" s="1" t="s">
        <v>2713</v>
      </c>
      <c r="B14873" s="1" t="s">
        <v>9317</v>
      </c>
      <c r="C14873" s="1" t="s">
        <v>33543</v>
      </c>
      <c r="D14873" s="2">
        <v>167701</v>
      </c>
      <c r="E14873" s="1" t="s">
        <v>0</v>
      </c>
    </row>
    <row r="14874" spans="1:5" x14ac:dyDescent="0.25">
      <c r="A14874" s="1" t="s">
        <v>33544</v>
      </c>
      <c r="B14874" s="1" t="s">
        <v>9318</v>
      </c>
      <c r="C14874" s="1" t="s">
        <v>33545</v>
      </c>
      <c r="D14874" s="2">
        <v>167702</v>
      </c>
      <c r="E14874" s="1" t="s">
        <v>0</v>
      </c>
    </row>
    <row r="14875" spans="1:5" ht="409.5" x14ac:dyDescent="0.25">
      <c r="A14875" s="4" t="s">
        <v>33546</v>
      </c>
      <c r="B14875" s="1" t="s">
        <v>57872</v>
      </c>
      <c r="C14875" s="1" t="s">
        <v>33547</v>
      </c>
      <c r="D14875" s="2">
        <v>167703</v>
      </c>
      <c r="E14875" s="1" t="s">
        <v>0</v>
      </c>
    </row>
    <row r="14876" spans="1:5" x14ac:dyDescent="0.25">
      <c r="A14876" s="1" t="s">
        <v>33548</v>
      </c>
      <c r="B14876" s="1" t="s">
        <v>54293</v>
      </c>
      <c r="C14876" s="1" t="s">
        <v>33549</v>
      </c>
      <c r="D14876" s="2">
        <v>167704</v>
      </c>
      <c r="E14876" s="1" t="s">
        <v>0</v>
      </c>
    </row>
    <row r="14877" spans="1:5" x14ac:dyDescent="0.25">
      <c r="A14877" s="2">
        <v>2975</v>
      </c>
      <c r="B14877" s="2">
        <v>2975</v>
      </c>
      <c r="C14877" s="1" t="s">
        <v>0</v>
      </c>
      <c r="D14877" s="2">
        <v>167705</v>
      </c>
      <c r="E14877" s="1" t="s">
        <v>0</v>
      </c>
    </row>
    <row r="14878" spans="1:5" x14ac:dyDescent="0.25">
      <c r="A14878" s="1" t="s">
        <v>2714</v>
      </c>
      <c r="B14878" s="1" t="s">
        <v>9319</v>
      </c>
      <c r="C14878" s="1" t="s">
        <v>33550</v>
      </c>
      <c r="D14878" s="2">
        <v>167706</v>
      </c>
      <c r="E14878" s="1" t="s">
        <v>0</v>
      </c>
    </row>
    <row r="14879" spans="1:5" x14ac:dyDescent="0.25">
      <c r="A14879" s="1" t="s">
        <v>33551</v>
      </c>
      <c r="B14879" s="1" t="s">
        <v>54294</v>
      </c>
      <c r="C14879" s="1" t="s">
        <v>33552</v>
      </c>
      <c r="D14879" s="2">
        <v>167707</v>
      </c>
      <c r="E14879" s="1" t="s">
        <v>0</v>
      </c>
    </row>
    <row r="14880" spans="1:5" ht="409.5" x14ac:dyDescent="0.25">
      <c r="A14880" s="4" t="s">
        <v>33553</v>
      </c>
      <c r="B14880" s="1" t="s">
        <v>54295</v>
      </c>
      <c r="C14880" s="1" t="s">
        <v>33554</v>
      </c>
      <c r="D14880" s="2">
        <v>167708</v>
      </c>
      <c r="E14880" s="1" t="s">
        <v>0</v>
      </c>
    </row>
    <row r="14881" spans="1:5" x14ac:dyDescent="0.25">
      <c r="A14881" s="1" t="s">
        <v>33555</v>
      </c>
      <c r="B14881" s="1" t="s">
        <v>61183</v>
      </c>
      <c r="C14881" s="1" t="s">
        <v>33556</v>
      </c>
      <c r="D14881" s="2">
        <v>167709</v>
      </c>
      <c r="E14881" s="1" t="s">
        <v>0</v>
      </c>
    </row>
    <row r="14882" spans="1:5" x14ac:dyDescent="0.25">
      <c r="A14882" s="2">
        <v>2976</v>
      </c>
      <c r="B14882" s="2">
        <v>2976</v>
      </c>
      <c r="C14882" s="1" t="s">
        <v>0</v>
      </c>
      <c r="D14882" s="2">
        <v>167710</v>
      </c>
      <c r="E14882" s="1" t="s">
        <v>0</v>
      </c>
    </row>
    <row r="14883" spans="1:5" x14ac:dyDescent="0.25">
      <c r="A14883" s="1" t="s">
        <v>2715</v>
      </c>
      <c r="B14883" s="1" t="s">
        <v>9320</v>
      </c>
      <c r="C14883" s="1" t="s">
        <v>33557</v>
      </c>
      <c r="D14883" s="2">
        <v>167711</v>
      </c>
      <c r="E14883" s="1" t="s">
        <v>0</v>
      </c>
    </row>
    <row r="14884" spans="1:5" x14ac:dyDescent="0.25">
      <c r="A14884" s="1" t="s">
        <v>33558</v>
      </c>
      <c r="B14884" s="1" t="s">
        <v>62609</v>
      </c>
      <c r="C14884" s="1" t="s">
        <v>33559</v>
      </c>
      <c r="D14884" s="2">
        <v>167712</v>
      </c>
      <c r="E14884" s="1" t="s">
        <v>0</v>
      </c>
    </row>
    <row r="14885" spans="1:5" ht="409.5" x14ac:dyDescent="0.25">
      <c r="A14885" s="4" t="s">
        <v>33560</v>
      </c>
      <c r="B14885" s="1" t="s">
        <v>62610</v>
      </c>
      <c r="C14885" s="1" t="s">
        <v>33561</v>
      </c>
      <c r="D14885" s="2">
        <v>167713</v>
      </c>
      <c r="E14885" s="1" t="s">
        <v>0</v>
      </c>
    </row>
    <row r="14886" spans="1:5" x14ac:dyDescent="0.25">
      <c r="A14886" s="1" t="s">
        <v>33562</v>
      </c>
      <c r="B14886" s="1" t="s">
        <v>54296</v>
      </c>
      <c r="C14886" s="1" t="s">
        <v>33563</v>
      </c>
      <c r="D14886" s="2">
        <v>167714</v>
      </c>
      <c r="E14886" s="1" t="s">
        <v>0</v>
      </c>
    </row>
    <row r="14887" spans="1:5" x14ac:dyDescent="0.25">
      <c r="A14887" s="2">
        <v>2977</v>
      </c>
      <c r="B14887" s="2">
        <v>2977</v>
      </c>
      <c r="C14887" s="1" t="s">
        <v>0</v>
      </c>
      <c r="D14887" s="2">
        <v>167715</v>
      </c>
      <c r="E14887" s="1" t="s">
        <v>0</v>
      </c>
    </row>
    <row r="14888" spans="1:5" x14ac:dyDescent="0.25">
      <c r="A14888" s="1" t="s">
        <v>2716</v>
      </c>
      <c r="B14888" s="1" t="s">
        <v>54297</v>
      </c>
      <c r="C14888" s="1" t="s">
        <v>33564</v>
      </c>
      <c r="D14888" s="2">
        <v>167716</v>
      </c>
      <c r="E14888" s="1" t="s">
        <v>0</v>
      </c>
    </row>
    <row r="14889" spans="1:5" x14ac:dyDescent="0.25">
      <c r="A14889" s="1" t="s">
        <v>33565</v>
      </c>
      <c r="B14889" s="1" t="s">
        <v>54298</v>
      </c>
      <c r="C14889" s="1" t="s">
        <v>33566</v>
      </c>
      <c r="D14889" s="2">
        <v>167717</v>
      </c>
      <c r="E14889" s="1" t="s">
        <v>0</v>
      </c>
    </row>
    <row r="14890" spans="1:5" ht="409.5" x14ac:dyDescent="0.25">
      <c r="A14890" s="4" t="s">
        <v>33567</v>
      </c>
      <c r="B14890" s="1" t="s">
        <v>54299</v>
      </c>
      <c r="C14890" s="1" t="s">
        <v>33568</v>
      </c>
      <c r="D14890" s="2">
        <v>167718</v>
      </c>
      <c r="E14890" s="1" t="s">
        <v>0</v>
      </c>
    </row>
    <row r="14891" spans="1:5" x14ac:dyDescent="0.25">
      <c r="A14891" s="1" t="s">
        <v>33569</v>
      </c>
      <c r="B14891" s="1" t="s">
        <v>54300</v>
      </c>
      <c r="C14891" s="1" t="s">
        <v>33570</v>
      </c>
      <c r="D14891" s="2">
        <v>167719</v>
      </c>
      <c r="E14891" s="1" t="s">
        <v>0</v>
      </c>
    </row>
    <row r="14892" spans="1:5" x14ac:dyDescent="0.25">
      <c r="A14892" s="2">
        <v>2978</v>
      </c>
      <c r="B14892" s="2">
        <v>2978</v>
      </c>
      <c r="C14892" s="1" t="s">
        <v>0</v>
      </c>
      <c r="D14892" s="2">
        <v>167720</v>
      </c>
      <c r="E14892" s="1" t="s">
        <v>0</v>
      </c>
    </row>
    <row r="14893" spans="1:5" x14ac:dyDescent="0.25">
      <c r="A14893" s="1" t="s">
        <v>2717</v>
      </c>
      <c r="B14893" s="1" t="s">
        <v>9321</v>
      </c>
      <c r="C14893" s="1" t="s">
        <v>33571</v>
      </c>
      <c r="D14893" s="2">
        <v>167721</v>
      </c>
      <c r="E14893" s="1" t="s">
        <v>0</v>
      </c>
    </row>
    <row r="14894" spans="1:5" x14ac:dyDescent="0.25">
      <c r="A14894" s="1" t="s">
        <v>61827</v>
      </c>
      <c r="B14894" s="1" t="s">
        <v>57873</v>
      </c>
      <c r="C14894" s="1" t="s">
        <v>33572</v>
      </c>
      <c r="D14894" s="2">
        <v>167722</v>
      </c>
      <c r="E14894" s="1" t="s">
        <v>0</v>
      </c>
    </row>
    <row r="14895" spans="1:5" ht="409.5" x14ac:dyDescent="0.25">
      <c r="A14895" s="4" t="s">
        <v>61828</v>
      </c>
      <c r="B14895" s="1" t="s">
        <v>57874</v>
      </c>
      <c r="C14895" s="1" t="s">
        <v>33573</v>
      </c>
      <c r="D14895" s="2">
        <v>167723</v>
      </c>
      <c r="E14895" s="1" t="s">
        <v>0</v>
      </c>
    </row>
    <row r="14896" spans="1:5" x14ac:dyDescent="0.25">
      <c r="A14896" s="1" t="s">
        <v>33574</v>
      </c>
      <c r="B14896" s="1" t="s">
        <v>9322</v>
      </c>
      <c r="C14896" s="1" t="s">
        <v>33575</v>
      </c>
      <c r="D14896" s="2">
        <v>167724</v>
      </c>
      <c r="E14896" s="1" t="s">
        <v>0</v>
      </c>
    </row>
    <row r="14897" spans="1:5" x14ac:dyDescent="0.25">
      <c r="A14897" s="2">
        <v>2979</v>
      </c>
      <c r="B14897" s="2">
        <v>2979</v>
      </c>
      <c r="C14897" s="1" t="s">
        <v>0</v>
      </c>
      <c r="D14897" s="2">
        <v>167725</v>
      </c>
      <c r="E14897" s="1" t="s">
        <v>0</v>
      </c>
    </row>
    <row r="14898" spans="1:5" x14ac:dyDescent="0.25">
      <c r="A14898" s="1" t="s">
        <v>2718</v>
      </c>
      <c r="B14898" s="1" t="s">
        <v>9323</v>
      </c>
      <c r="C14898" s="1" t="s">
        <v>33576</v>
      </c>
      <c r="D14898" s="2">
        <v>167726</v>
      </c>
      <c r="E14898" s="1" t="s">
        <v>0</v>
      </c>
    </row>
    <row r="14899" spans="1:5" x14ac:dyDescent="0.25">
      <c r="A14899" s="1" t="s">
        <v>33577</v>
      </c>
      <c r="B14899" s="1" t="s">
        <v>9324</v>
      </c>
      <c r="C14899" s="1" t="s">
        <v>33578</v>
      </c>
      <c r="D14899" s="2">
        <v>167727</v>
      </c>
      <c r="E14899" s="1" t="s">
        <v>0</v>
      </c>
    </row>
    <row r="14900" spans="1:5" ht="409.5" x14ac:dyDescent="0.25">
      <c r="A14900" s="4" t="s">
        <v>33579</v>
      </c>
      <c r="B14900" s="1" t="s">
        <v>54301</v>
      </c>
      <c r="C14900" s="1" t="s">
        <v>33580</v>
      </c>
      <c r="D14900" s="2">
        <v>167728</v>
      </c>
      <c r="E14900" s="1" t="s">
        <v>0</v>
      </c>
    </row>
    <row r="14901" spans="1:5" x14ac:dyDescent="0.25">
      <c r="A14901" s="1" t="s">
        <v>33581</v>
      </c>
      <c r="B14901" s="1" t="s">
        <v>9325</v>
      </c>
      <c r="C14901" s="1" t="s">
        <v>33582</v>
      </c>
      <c r="D14901" s="2">
        <v>167729</v>
      </c>
      <c r="E14901" s="1" t="s">
        <v>0</v>
      </c>
    </row>
    <row r="14902" spans="1:5" x14ac:dyDescent="0.25">
      <c r="A14902" s="2">
        <v>2980</v>
      </c>
      <c r="B14902" s="2">
        <v>2980</v>
      </c>
      <c r="C14902" s="1" t="s">
        <v>0</v>
      </c>
      <c r="D14902" s="2">
        <v>167730</v>
      </c>
      <c r="E14902" s="1" t="s">
        <v>0</v>
      </c>
    </row>
    <row r="14903" spans="1:5" x14ac:dyDescent="0.25">
      <c r="A14903" s="1" t="s">
        <v>2719</v>
      </c>
      <c r="B14903" s="1" t="s">
        <v>9326</v>
      </c>
      <c r="C14903" s="1" t="s">
        <v>33583</v>
      </c>
      <c r="D14903" s="2">
        <v>167731</v>
      </c>
      <c r="E14903" s="1" t="s">
        <v>0</v>
      </c>
    </row>
    <row r="14904" spans="1:5" x14ac:dyDescent="0.25">
      <c r="A14904" s="1" t="s">
        <v>33584</v>
      </c>
      <c r="B14904" s="1" t="s">
        <v>54302</v>
      </c>
      <c r="C14904" s="1" t="s">
        <v>33585</v>
      </c>
      <c r="D14904" s="2">
        <v>167732</v>
      </c>
      <c r="E14904" s="1" t="s">
        <v>0</v>
      </c>
    </row>
    <row r="14905" spans="1:5" ht="409.5" x14ac:dyDescent="0.25">
      <c r="A14905" s="4" t="s">
        <v>33586</v>
      </c>
      <c r="B14905" s="1" t="s">
        <v>54303</v>
      </c>
      <c r="C14905" s="1" t="s">
        <v>33587</v>
      </c>
      <c r="D14905" s="2">
        <v>167733</v>
      </c>
      <c r="E14905" s="1" t="s">
        <v>0</v>
      </c>
    </row>
    <row r="14906" spans="1:5" x14ac:dyDescent="0.25">
      <c r="A14906" s="1" t="s">
        <v>33588</v>
      </c>
      <c r="B14906" s="1" t="s">
        <v>9327</v>
      </c>
      <c r="C14906" s="1" t="s">
        <v>33589</v>
      </c>
      <c r="D14906" s="2">
        <v>167734</v>
      </c>
      <c r="E14906" s="1" t="s">
        <v>0</v>
      </c>
    </row>
    <row r="14907" spans="1:5" x14ac:dyDescent="0.25">
      <c r="A14907" s="2">
        <v>2981</v>
      </c>
      <c r="B14907" s="2">
        <v>2981</v>
      </c>
      <c r="C14907" s="1" t="s">
        <v>0</v>
      </c>
      <c r="D14907" s="2">
        <v>167735</v>
      </c>
      <c r="E14907" s="1" t="s">
        <v>0</v>
      </c>
    </row>
    <row r="14908" spans="1:5" x14ac:dyDescent="0.25">
      <c r="A14908" s="1" t="s">
        <v>2720</v>
      </c>
      <c r="B14908" s="1" t="s">
        <v>9328</v>
      </c>
      <c r="C14908" s="1" t="s">
        <v>33590</v>
      </c>
      <c r="D14908" s="2">
        <v>167736</v>
      </c>
      <c r="E14908" s="1" t="s">
        <v>0</v>
      </c>
    </row>
    <row r="14909" spans="1:5" x14ac:dyDescent="0.25">
      <c r="A14909" s="1" t="s">
        <v>33591</v>
      </c>
      <c r="B14909" s="1" t="s">
        <v>60756</v>
      </c>
      <c r="C14909" s="1" t="s">
        <v>33592</v>
      </c>
      <c r="D14909" s="2">
        <v>167737</v>
      </c>
      <c r="E14909" s="1" t="s">
        <v>0</v>
      </c>
    </row>
    <row r="14910" spans="1:5" ht="409.5" x14ac:dyDescent="0.25">
      <c r="A14910" s="4" t="s">
        <v>33593</v>
      </c>
      <c r="B14910" s="1" t="s">
        <v>60757</v>
      </c>
      <c r="C14910" s="1" t="s">
        <v>33594</v>
      </c>
      <c r="D14910" s="2">
        <v>167738</v>
      </c>
      <c r="E14910" s="1" t="s">
        <v>0</v>
      </c>
    </row>
    <row r="14911" spans="1:5" x14ac:dyDescent="0.25">
      <c r="A14911" s="1" t="s">
        <v>15303</v>
      </c>
      <c r="B14911" s="1" t="s">
        <v>60888</v>
      </c>
      <c r="C14911" s="1" t="s">
        <v>15304</v>
      </c>
      <c r="D14911" s="2">
        <v>167739</v>
      </c>
      <c r="E14911" s="1" t="s">
        <v>0</v>
      </c>
    </row>
    <row r="14912" spans="1:5" x14ac:dyDescent="0.25">
      <c r="A14912" s="2">
        <v>2982</v>
      </c>
      <c r="B14912" s="2">
        <v>2982</v>
      </c>
      <c r="C14912" s="1" t="s">
        <v>0</v>
      </c>
      <c r="D14912" s="2">
        <v>167740</v>
      </c>
      <c r="E14912" s="1" t="s">
        <v>0</v>
      </c>
    </row>
    <row r="14913" spans="1:5" x14ac:dyDescent="0.25">
      <c r="A14913" s="1" t="s">
        <v>2721</v>
      </c>
      <c r="B14913" s="1" t="s">
        <v>9329</v>
      </c>
      <c r="C14913" s="1" t="s">
        <v>33595</v>
      </c>
      <c r="D14913" s="2">
        <v>167741</v>
      </c>
      <c r="E14913" s="1" t="s">
        <v>0</v>
      </c>
    </row>
    <row r="14914" spans="1:5" x14ac:dyDescent="0.25">
      <c r="A14914" s="1" t="s">
        <v>33596</v>
      </c>
      <c r="B14914" s="1" t="s">
        <v>54304</v>
      </c>
      <c r="C14914" s="1" t="s">
        <v>33597</v>
      </c>
      <c r="D14914" s="2">
        <v>167742</v>
      </c>
      <c r="E14914" s="1" t="s">
        <v>0</v>
      </c>
    </row>
    <row r="14915" spans="1:5" ht="409.5" x14ac:dyDescent="0.25">
      <c r="A14915" s="4" t="s">
        <v>33598</v>
      </c>
      <c r="B14915" s="1" t="s">
        <v>54305</v>
      </c>
      <c r="C14915" s="1" t="s">
        <v>33599</v>
      </c>
      <c r="D14915" s="2">
        <v>167743</v>
      </c>
      <c r="E14915" s="1" t="s">
        <v>0</v>
      </c>
    </row>
    <row r="14916" spans="1:5" x14ac:dyDescent="0.25">
      <c r="A14916" s="1" t="s">
        <v>33600</v>
      </c>
      <c r="B14916" s="1" t="s">
        <v>9330</v>
      </c>
      <c r="C14916" s="1" t="s">
        <v>33601</v>
      </c>
      <c r="D14916" s="2">
        <v>167744</v>
      </c>
      <c r="E14916" s="1" t="s">
        <v>0</v>
      </c>
    </row>
    <row r="14917" spans="1:5" x14ac:dyDescent="0.25">
      <c r="A14917" s="2">
        <v>2983</v>
      </c>
      <c r="B14917" s="2">
        <v>2983</v>
      </c>
      <c r="C14917" s="1" t="s">
        <v>0</v>
      </c>
      <c r="D14917" s="2">
        <v>167745</v>
      </c>
      <c r="E14917" s="1" t="s">
        <v>0</v>
      </c>
    </row>
    <row r="14918" spans="1:5" x14ac:dyDescent="0.25">
      <c r="A14918" s="1" t="s">
        <v>2722</v>
      </c>
      <c r="B14918" s="1" t="s">
        <v>9331</v>
      </c>
      <c r="C14918" s="1" t="s">
        <v>33602</v>
      </c>
      <c r="D14918" s="2">
        <v>167746</v>
      </c>
      <c r="E14918" s="1" t="s">
        <v>0</v>
      </c>
    </row>
    <row r="14919" spans="1:5" x14ac:dyDescent="0.25">
      <c r="A14919" s="1" t="s">
        <v>33603</v>
      </c>
      <c r="B14919" s="1" t="s">
        <v>54306</v>
      </c>
      <c r="C14919" s="1" t="s">
        <v>33604</v>
      </c>
      <c r="D14919" s="2">
        <v>167747</v>
      </c>
      <c r="E14919" s="1" t="s">
        <v>0</v>
      </c>
    </row>
    <row r="14920" spans="1:5" ht="409.5" x14ac:dyDescent="0.25">
      <c r="A14920" s="4" t="s">
        <v>33605</v>
      </c>
      <c r="B14920" s="1" t="s">
        <v>54307</v>
      </c>
      <c r="C14920" s="1" t="s">
        <v>33606</v>
      </c>
      <c r="D14920" s="2">
        <v>167748</v>
      </c>
      <c r="E14920" s="1" t="s">
        <v>0</v>
      </c>
    </row>
    <row r="14921" spans="1:5" x14ac:dyDescent="0.25">
      <c r="A14921" s="1" t="s">
        <v>33607</v>
      </c>
      <c r="B14921" s="1" t="s">
        <v>57243</v>
      </c>
      <c r="C14921" s="1" t="s">
        <v>33608</v>
      </c>
      <c r="D14921" s="2">
        <v>167749</v>
      </c>
      <c r="E14921" s="1" t="s">
        <v>0</v>
      </c>
    </row>
    <row r="14922" spans="1:5" x14ac:dyDescent="0.25">
      <c r="A14922" s="2">
        <v>2984</v>
      </c>
      <c r="B14922" s="2">
        <v>2984</v>
      </c>
      <c r="C14922" s="1" t="s">
        <v>0</v>
      </c>
      <c r="D14922" s="2">
        <v>167750</v>
      </c>
      <c r="E14922" s="1" t="s">
        <v>0</v>
      </c>
    </row>
    <row r="14923" spans="1:5" x14ac:dyDescent="0.25">
      <c r="A14923" s="1" t="s">
        <v>2723</v>
      </c>
      <c r="B14923" s="1" t="s">
        <v>9332</v>
      </c>
      <c r="C14923" s="1" t="s">
        <v>33609</v>
      </c>
      <c r="D14923" s="2">
        <v>167751</v>
      </c>
      <c r="E14923" s="1" t="s">
        <v>0</v>
      </c>
    </row>
    <row r="14924" spans="1:5" x14ac:dyDescent="0.25">
      <c r="A14924" s="1" t="s">
        <v>33610</v>
      </c>
      <c r="B14924" s="1" t="s">
        <v>63737</v>
      </c>
      <c r="C14924" s="1" t="s">
        <v>33611</v>
      </c>
      <c r="D14924" s="2">
        <v>167752</v>
      </c>
      <c r="E14924" s="1" t="s">
        <v>0</v>
      </c>
    </row>
    <row r="14925" spans="1:5" ht="409.5" x14ac:dyDescent="0.25">
      <c r="A14925" s="4" t="s">
        <v>33612</v>
      </c>
      <c r="B14925" s="1" t="s">
        <v>63738</v>
      </c>
      <c r="C14925" s="1" t="s">
        <v>33613</v>
      </c>
      <c r="D14925" s="2">
        <v>167753</v>
      </c>
      <c r="E14925" s="1" t="s">
        <v>0</v>
      </c>
    </row>
    <row r="14926" spans="1:5" x14ac:dyDescent="0.25">
      <c r="A14926" s="1" t="s">
        <v>33614</v>
      </c>
      <c r="B14926" s="1" t="s">
        <v>61184</v>
      </c>
      <c r="C14926" s="1" t="s">
        <v>33615</v>
      </c>
      <c r="D14926" s="2">
        <v>167754</v>
      </c>
      <c r="E14926" s="1" t="s">
        <v>0</v>
      </c>
    </row>
    <row r="14927" spans="1:5" x14ac:dyDescent="0.25">
      <c r="A14927" s="2">
        <v>2985</v>
      </c>
      <c r="B14927" s="2">
        <v>2985</v>
      </c>
      <c r="C14927" s="1" t="s">
        <v>0</v>
      </c>
      <c r="D14927" s="2">
        <v>167755</v>
      </c>
      <c r="E14927" s="1" t="s">
        <v>0</v>
      </c>
    </row>
    <row r="14928" spans="1:5" x14ac:dyDescent="0.25">
      <c r="A14928" s="1" t="s">
        <v>2724</v>
      </c>
      <c r="B14928" s="1" t="s">
        <v>9333</v>
      </c>
      <c r="C14928" s="1" t="s">
        <v>33616</v>
      </c>
      <c r="D14928" s="2">
        <v>167756</v>
      </c>
      <c r="E14928" s="1" t="s">
        <v>0</v>
      </c>
    </row>
    <row r="14929" spans="1:5" x14ac:dyDescent="0.25">
      <c r="A14929" s="1" t="s">
        <v>33617</v>
      </c>
      <c r="B14929" s="1" t="s">
        <v>54308</v>
      </c>
      <c r="C14929" s="1" t="s">
        <v>33618</v>
      </c>
      <c r="D14929" s="2">
        <v>167757</v>
      </c>
      <c r="E14929" s="1" t="s">
        <v>0</v>
      </c>
    </row>
    <row r="14930" spans="1:5" ht="409.5" x14ac:dyDescent="0.25">
      <c r="A14930" s="4" t="s">
        <v>33619</v>
      </c>
      <c r="B14930" s="1" t="s">
        <v>54309</v>
      </c>
      <c r="C14930" s="1" t="s">
        <v>33620</v>
      </c>
      <c r="D14930" s="2">
        <v>167758</v>
      </c>
      <c r="E14930" s="1" t="s">
        <v>0</v>
      </c>
    </row>
    <row r="14931" spans="1:5" x14ac:dyDescent="0.25">
      <c r="A14931" s="1" t="s">
        <v>13413</v>
      </c>
      <c r="B14931" s="1" t="s">
        <v>60845</v>
      </c>
      <c r="C14931" s="1" t="s">
        <v>13414</v>
      </c>
      <c r="D14931" s="2">
        <v>167759</v>
      </c>
      <c r="E14931" s="1" t="s">
        <v>0</v>
      </c>
    </row>
    <row r="14932" spans="1:5" x14ac:dyDescent="0.25">
      <c r="A14932" s="2">
        <v>2986</v>
      </c>
      <c r="B14932" s="2">
        <v>2986</v>
      </c>
      <c r="C14932" s="1" t="s">
        <v>0</v>
      </c>
      <c r="D14932" s="2">
        <v>167760</v>
      </c>
      <c r="E14932" s="1" t="s">
        <v>0</v>
      </c>
    </row>
    <row r="14933" spans="1:5" x14ac:dyDescent="0.25">
      <c r="A14933" s="1" t="s">
        <v>2725</v>
      </c>
      <c r="B14933" s="1" t="s">
        <v>9334</v>
      </c>
      <c r="C14933" s="1" t="s">
        <v>33621</v>
      </c>
      <c r="D14933" s="2">
        <v>167761</v>
      </c>
      <c r="E14933" s="1" t="s">
        <v>0</v>
      </c>
    </row>
    <row r="14934" spans="1:5" x14ac:dyDescent="0.25">
      <c r="A14934" s="1" t="s">
        <v>33622</v>
      </c>
      <c r="B14934" s="1" t="s">
        <v>9335</v>
      </c>
      <c r="C14934" s="1" t="s">
        <v>33623</v>
      </c>
      <c r="D14934" s="2">
        <v>167762</v>
      </c>
      <c r="E14934" s="1" t="s">
        <v>0</v>
      </c>
    </row>
    <row r="14935" spans="1:5" ht="409.5" x14ac:dyDescent="0.25">
      <c r="A14935" s="4" t="s">
        <v>33624</v>
      </c>
      <c r="B14935" s="1" t="s">
        <v>57556</v>
      </c>
      <c r="C14935" s="1" t="s">
        <v>33625</v>
      </c>
      <c r="D14935" s="2">
        <v>167763</v>
      </c>
      <c r="E14935" s="1" t="s">
        <v>0</v>
      </c>
    </row>
    <row r="14936" spans="1:5" x14ac:dyDescent="0.25">
      <c r="A14936" s="1" t="s">
        <v>33626</v>
      </c>
      <c r="B14936" s="1" t="s">
        <v>54310</v>
      </c>
      <c r="C14936" s="1" t="s">
        <v>33627</v>
      </c>
      <c r="D14936" s="2">
        <v>167764</v>
      </c>
      <c r="E14936" s="1" t="s">
        <v>0</v>
      </c>
    </row>
    <row r="14937" spans="1:5" x14ac:dyDescent="0.25">
      <c r="A14937" s="2">
        <v>2987</v>
      </c>
      <c r="B14937" s="2">
        <v>2987</v>
      </c>
      <c r="C14937" s="1" t="s">
        <v>0</v>
      </c>
      <c r="D14937" s="2">
        <v>167765</v>
      </c>
      <c r="E14937" s="1" t="s">
        <v>0</v>
      </c>
    </row>
    <row r="14938" spans="1:5" x14ac:dyDescent="0.25">
      <c r="A14938" s="1" t="s">
        <v>2726</v>
      </c>
      <c r="B14938" s="1" t="s">
        <v>50790</v>
      </c>
      <c r="C14938" s="1" t="s">
        <v>33628</v>
      </c>
      <c r="D14938" s="2">
        <v>167766</v>
      </c>
      <c r="E14938" s="1" t="s">
        <v>0</v>
      </c>
    </row>
    <row r="14939" spans="1:5" x14ac:dyDescent="0.25">
      <c r="A14939" s="1" t="s">
        <v>33629</v>
      </c>
      <c r="B14939" s="1" t="s">
        <v>61185</v>
      </c>
      <c r="C14939" s="1" t="s">
        <v>33630</v>
      </c>
      <c r="D14939" s="2">
        <v>167767</v>
      </c>
      <c r="E14939" s="1" t="s">
        <v>0</v>
      </c>
    </row>
    <row r="14940" spans="1:5" ht="409.5" x14ac:dyDescent="0.25">
      <c r="A14940" s="4" t="s">
        <v>33631</v>
      </c>
      <c r="B14940" s="1" t="s">
        <v>61186</v>
      </c>
      <c r="C14940" s="1" t="s">
        <v>33632</v>
      </c>
      <c r="D14940" s="2">
        <v>167768</v>
      </c>
      <c r="E14940" s="1" t="s">
        <v>0</v>
      </c>
    </row>
    <row r="14941" spans="1:5" x14ac:dyDescent="0.25">
      <c r="A14941" s="1" t="s">
        <v>33633</v>
      </c>
      <c r="B14941" s="1" t="s">
        <v>9336</v>
      </c>
      <c r="C14941" s="1" t="s">
        <v>33634</v>
      </c>
      <c r="D14941" s="2">
        <v>167769</v>
      </c>
      <c r="E14941" s="1" t="s">
        <v>0</v>
      </c>
    </row>
    <row r="14942" spans="1:5" x14ac:dyDescent="0.25">
      <c r="A14942" s="2">
        <v>2988</v>
      </c>
      <c r="B14942" s="2">
        <v>2988</v>
      </c>
      <c r="C14942" s="1" t="s">
        <v>0</v>
      </c>
      <c r="D14942" s="2">
        <v>167770</v>
      </c>
      <c r="E14942" s="1" t="s">
        <v>0</v>
      </c>
    </row>
    <row r="14943" spans="1:5" x14ac:dyDescent="0.25">
      <c r="A14943" s="1" t="s">
        <v>2727</v>
      </c>
      <c r="B14943" s="1" t="s">
        <v>9337</v>
      </c>
      <c r="C14943" s="1" t="s">
        <v>33635</v>
      </c>
      <c r="D14943" s="2">
        <v>167771</v>
      </c>
      <c r="E14943" s="1" t="s">
        <v>0</v>
      </c>
    </row>
    <row r="14944" spans="1:5" x14ac:dyDescent="0.25">
      <c r="A14944" s="1" t="s">
        <v>33636</v>
      </c>
      <c r="B14944" s="1" t="s">
        <v>9338</v>
      </c>
      <c r="C14944" s="1" t="s">
        <v>33637</v>
      </c>
      <c r="D14944" s="2">
        <v>167772</v>
      </c>
      <c r="E14944" s="1" t="s">
        <v>0</v>
      </c>
    </row>
    <row r="14945" spans="1:5" ht="409.5" x14ac:dyDescent="0.25">
      <c r="A14945" s="4" t="s">
        <v>64212</v>
      </c>
      <c r="B14945" s="1" t="s">
        <v>54311</v>
      </c>
      <c r="C14945" s="1" t="s">
        <v>33638</v>
      </c>
      <c r="D14945" s="2">
        <v>167773</v>
      </c>
      <c r="E14945" s="1" t="s">
        <v>0</v>
      </c>
    </row>
    <row r="14946" spans="1:5" x14ac:dyDescent="0.25">
      <c r="A14946" s="1" t="s">
        <v>33639</v>
      </c>
      <c r="B14946" s="1" t="s">
        <v>9339</v>
      </c>
      <c r="C14946" s="1" t="s">
        <v>33640</v>
      </c>
      <c r="D14946" s="2">
        <v>167774</v>
      </c>
      <c r="E14946" s="1" t="s">
        <v>0</v>
      </c>
    </row>
    <row r="14947" spans="1:5" x14ac:dyDescent="0.25">
      <c r="A14947" s="2">
        <v>2989</v>
      </c>
      <c r="B14947" s="2">
        <v>2989</v>
      </c>
      <c r="C14947" s="1" t="s">
        <v>0</v>
      </c>
      <c r="D14947" s="2">
        <v>167775</v>
      </c>
      <c r="E14947" s="1" t="s">
        <v>0</v>
      </c>
    </row>
    <row r="14948" spans="1:5" x14ac:dyDescent="0.25">
      <c r="A14948" s="1" t="s">
        <v>2728</v>
      </c>
      <c r="B14948" s="1" t="s">
        <v>9340</v>
      </c>
      <c r="C14948" s="1" t="s">
        <v>33641</v>
      </c>
      <c r="D14948" s="2">
        <v>167776</v>
      </c>
      <c r="E14948" s="1" t="s">
        <v>0</v>
      </c>
    </row>
    <row r="14949" spans="1:5" x14ac:dyDescent="0.25">
      <c r="A14949" s="1" t="s">
        <v>33642</v>
      </c>
      <c r="B14949" s="1" t="s">
        <v>56790</v>
      </c>
      <c r="C14949" s="1" t="s">
        <v>33643</v>
      </c>
      <c r="D14949" s="2">
        <v>167777</v>
      </c>
      <c r="E14949" s="1" t="s">
        <v>0</v>
      </c>
    </row>
    <row r="14950" spans="1:5" ht="409.5" x14ac:dyDescent="0.25">
      <c r="A14950" s="4" t="s">
        <v>33644</v>
      </c>
      <c r="B14950" s="1" t="s">
        <v>58089</v>
      </c>
      <c r="C14950" s="1" t="s">
        <v>33645</v>
      </c>
      <c r="D14950" s="2">
        <v>167778</v>
      </c>
      <c r="E14950" s="1" t="s">
        <v>0</v>
      </c>
    </row>
    <row r="14951" spans="1:5" x14ac:dyDescent="0.25">
      <c r="A14951" s="1" t="s">
        <v>33646</v>
      </c>
      <c r="B14951" s="1" t="s">
        <v>54312</v>
      </c>
      <c r="C14951" s="1" t="s">
        <v>33647</v>
      </c>
      <c r="D14951" s="2">
        <v>167779</v>
      </c>
      <c r="E14951" s="1" t="s">
        <v>0</v>
      </c>
    </row>
    <row r="14952" spans="1:5" x14ac:dyDescent="0.25">
      <c r="A14952" s="2">
        <v>2990</v>
      </c>
      <c r="B14952" s="2">
        <v>2990</v>
      </c>
      <c r="C14952" s="1" t="s">
        <v>0</v>
      </c>
      <c r="D14952" s="2">
        <v>167780</v>
      </c>
      <c r="E14952" s="1" t="s">
        <v>0</v>
      </c>
    </row>
    <row r="14953" spans="1:5" x14ac:dyDescent="0.25">
      <c r="A14953" s="1" t="s">
        <v>2729</v>
      </c>
      <c r="B14953" s="1" t="s">
        <v>9341</v>
      </c>
      <c r="C14953" s="1" t="s">
        <v>33648</v>
      </c>
      <c r="D14953" s="2">
        <v>167781</v>
      </c>
      <c r="E14953" s="1" t="s">
        <v>0</v>
      </c>
    </row>
    <row r="14954" spans="1:5" x14ac:dyDescent="0.25">
      <c r="A14954" s="1" t="s">
        <v>33649</v>
      </c>
      <c r="B14954" s="1" t="s">
        <v>63395</v>
      </c>
      <c r="C14954" s="1" t="s">
        <v>33650</v>
      </c>
      <c r="D14954" s="2">
        <v>167782</v>
      </c>
      <c r="E14954" s="1" t="s">
        <v>0</v>
      </c>
    </row>
    <row r="14955" spans="1:5" ht="409.5" x14ac:dyDescent="0.25">
      <c r="A14955" s="4" t="s">
        <v>64213</v>
      </c>
      <c r="B14955" s="1" t="s">
        <v>63396</v>
      </c>
      <c r="C14955" s="1" t="s">
        <v>33651</v>
      </c>
      <c r="D14955" s="2">
        <v>167783</v>
      </c>
      <c r="E14955" s="1" t="s">
        <v>0</v>
      </c>
    </row>
    <row r="14956" spans="1:5" x14ac:dyDescent="0.25">
      <c r="A14956" s="1" t="s">
        <v>64214</v>
      </c>
      <c r="B14956" s="1" t="s">
        <v>64215</v>
      </c>
      <c r="C14956" s="1" t="s">
        <v>64216</v>
      </c>
      <c r="D14956" s="2">
        <v>167784</v>
      </c>
      <c r="E14956" s="1" t="s">
        <v>0</v>
      </c>
    </row>
    <row r="14957" spans="1:5" x14ac:dyDescent="0.25">
      <c r="A14957" s="2">
        <v>2991</v>
      </c>
      <c r="B14957" s="2">
        <v>2991</v>
      </c>
      <c r="C14957" s="1" t="s">
        <v>0</v>
      </c>
      <c r="D14957" s="2">
        <v>167785</v>
      </c>
      <c r="E14957" s="1" t="s">
        <v>0</v>
      </c>
    </row>
    <row r="14958" spans="1:5" x14ac:dyDescent="0.25">
      <c r="A14958" s="1" t="s">
        <v>2730</v>
      </c>
      <c r="B14958" s="1" t="s">
        <v>9342</v>
      </c>
      <c r="C14958" s="1" t="s">
        <v>33652</v>
      </c>
      <c r="D14958" s="2">
        <v>167786</v>
      </c>
      <c r="E14958" s="1" t="s">
        <v>0</v>
      </c>
    </row>
    <row r="14959" spans="1:5" x14ac:dyDescent="0.25">
      <c r="A14959" s="1" t="s">
        <v>33653</v>
      </c>
      <c r="B14959" s="1" t="s">
        <v>62611</v>
      </c>
      <c r="C14959" s="1" t="s">
        <v>33654</v>
      </c>
      <c r="D14959" s="2">
        <v>167787</v>
      </c>
      <c r="E14959" s="1" t="s">
        <v>0</v>
      </c>
    </row>
    <row r="14960" spans="1:5" ht="409.5" x14ac:dyDescent="0.25">
      <c r="A14960" s="4" t="s">
        <v>33655</v>
      </c>
      <c r="B14960" s="1" t="s">
        <v>62612</v>
      </c>
      <c r="C14960" s="1" t="s">
        <v>33656</v>
      </c>
      <c r="D14960" s="2">
        <v>167788</v>
      </c>
      <c r="E14960" s="1" t="s">
        <v>0</v>
      </c>
    </row>
    <row r="14961" spans="1:5" x14ac:dyDescent="0.25">
      <c r="A14961" s="1" t="s">
        <v>33657</v>
      </c>
      <c r="B14961" s="1" t="s">
        <v>9343</v>
      </c>
      <c r="C14961" s="1" t="s">
        <v>33658</v>
      </c>
      <c r="D14961" s="2">
        <v>167789</v>
      </c>
      <c r="E14961" s="1" t="s">
        <v>0</v>
      </c>
    </row>
    <row r="14962" spans="1:5" x14ac:dyDescent="0.25">
      <c r="A14962" s="2">
        <v>2992</v>
      </c>
      <c r="B14962" s="2">
        <v>2992</v>
      </c>
      <c r="C14962" s="1" t="s">
        <v>0</v>
      </c>
      <c r="D14962" s="2">
        <v>167790</v>
      </c>
      <c r="E14962" s="1" t="s">
        <v>0</v>
      </c>
    </row>
    <row r="14963" spans="1:5" x14ac:dyDescent="0.25">
      <c r="A14963" s="1" t="s">
        <v>2731</v>
      </c>
      <c r="B14963" s="1" t="s">
        <v>54313</v>
      </c>
      <c r="C14963" s="1" t="s">
        <v>33659</v>
      </c>
      <c r="D14963" s="2">
        <v>167791</v>
      </c>
      <c r="E14963" s="1" t="s">
        <v>0</v>
      </c>
    </row>
    <row r="14964" spans="1:5" x14ac:dyDescent="0.25">
      <c r="A14964" s="1" t="s">
        <v>33660</v>
      </c>
      <c r="B14964" s="1" t="s">
        <v>50791</v>
      </c>
      <c r="C14964" s="1" t="s">
        <v>33661</v>
      </c>
      <c r="D14964" s="2">
        <v>167792</v>
      </c>
      <c r="E14964" s="1" t="s">
        <v>0</v>
      </c>
    </row>
    <row r="14965" spans="1:5" ht="409.5" x14ac:dyDescent="0.25">
      <c r="A14965" s="4" t="s">
        <v>33662</v>
      </c>
      <c r="B14965" s="1" t="s">
        <v>63397</v>
      </c>
      <c r="C14965" s="1" t="s">
        <v>33663</v>
      </c>
      <c r="D14965" s="2">
        <v>167793</v>
      </c>
      <c r="E14965" s="1" t="s">
        <v>0</v>
      </c>
    </row>
    <row r="14966" spans="1:5" x14ac:dyDescent="0.25">
      <c r="A14966" s="1" t="s">
        <v>33664</v>
      </c>
      <c r="B14966" s="1" t="s">
        <v>54314</v>
      </c>
      <c r="C14966" s="1" t="s">
        <v>33665</v>
      </c>
      <c r="D14966" s="2">
        <v>167794</v>
      </c>
      <c r="E14966" s="1" t="s">
        <v>0</v>
      </c>
    </row>
    <row r="14967" spans="1:5" x14ac:dyDescent="0.25">
      <c r="A14967" s="2">
        <v>2993</v>
      </c>
      <c r="B14967" s="2">
        <v>2993</v>
      </c>
      <c r="C14967" s="1" t="s">
        <v>0</v>
      </c>
      <c r="D14967" s="2">
        <v>167795</v>
      </c>
      <c r="E14967" s="1" t="s">
        <v>0</v>
      </c>
    </row>
    <row r="14968" spans="1:5" x14ac:dyDescent="0.25">
      <c r="A14968" s="1" t="s">
        <v>2732</v>
      </c>
      <c r="B14968" s="1" t="s">
        <v>9344</v>
      </c>
      <c r="C14968" s="1" t="s">
        <v>33666</v>
      </c>
      <c r="D14968" s="2">
        <v>167796</v>
      </c>
      <c r="E14968" s="1" t="s">
        <v>0</v>
      </c>
    </row>
    <row r="14969" spans="1:5" x14ac:dyDescent="0.25">
      <c r="A14969" s="1" t="s">
        <v>33667</v>
      </c>
      <c r="B14969" s="1" t="s">
        <v>57875</v>
      </c>
      <c r="C14969" s="1" t="s">
        <v>33668</v>
      </c>
      <c r="D14969" s="2">
        <v>167797</v>
      </c>
      <c r="E14969" s="1" t="s">
        <v>0</v>
      </c>
    </row>
    <row r="14970" spans="1:5" ht="409.5" x14ac:dyDescent="0.25">
      <c r="A14970" s="4" t="s">
        <v>33669</v>
      </c>
      <c r="B14970" s="1" t="s">
        <v>57876</v>
      </c>
      <c r="C14970" s="1" t="s">
        <v>33670</v>
      </c>
      <c r="D14970" s="2">
        <v>167798</v>
      </c>
      <c r="E14970" s="1" t="s">
        <v>0</v>
      </c>
    </row>
    <row r="14971" spans="1:5" x14ac:dyDescent="0.25">
      <c r="A14971" s="1" t="s">
        <v>33671</v>
      </c>
      <c r="B14971" s="1" t="s">
        <v>9345</v>
      </c>
      <c r="C14971" s="1" t="s">
        <v>33672</v>
      </c>
      <c r="D14971" s="2">
        <v>167799</v>
      </c>
      <c r="E14971" s="1" t="s">
        <v>0</v>
      </c>
    </row>
    <row r="14972" spans="1:5" x14ac:dyDescent="0.25">
      <c r="A14972" s="2">
        <v>2994</v>
      </c>
      <c r="B14972" s="2">
        <v>2994</v>
      </c>
      <c r="C14972" s="1" t="s">
        <v>0</v>
      </c>
      <c r="D14972" s="2">
        <v>167800</v>
      </c>
      <c r="E14972" s="1" t="s">
        <v>0</v>
      </c>
    </row>
    <row r="14973" spans="1:5" x14ac:dyDescent="0.25">
      <c r="A14973" s="1" t="s">
        <v>2733</v>
      </c>
      <c r="B14973" s="1" t="s">
        <v>9346</v>
      </c>
      <c r="C14973" s="1" t="s">
        <v>33673</v>
      </c>
      <c r="D14973" s="2">
        <v>167801</v>
      </c>
      <c r="E14973" s="1" t="s">
        <v>0</v>
      </c>
    </row>
    <row r="14974" spans="1:5" x14ac:dyDescent="0.25">
      <c r="A14974" s="1" t="s">
        <v>33674</v>
      </c>
      <c r="B14974" s="1" t="s">
        <v>50792</v>
      </c>
      <c r="C14974" s="1" t="s">
        <v>33675</v>
      </c>
      <c r="D14974" s="2">
        <v>167802</v>
      </c>
      <c r="E14974" s="1" t="s">
        <v>0</v>
      </c>
    </row>
    <row r="14975" spans="1:5" ht="409.5" x14ac:dyDescent="0.25">
      <c r="A14975" s="4" t="s">
        <v>33676</v>
      </c>
      <c r="B14975" s="1" t="s">
        <v>54315</v>
      </c>
      <c r="C14975" s="1" t="s">
        <v>33677</v>
      </c>
      <c r="D14975" s="2">
        <v>167803</v>
      </c>
      <c r="E14975" s="1" t="s">
        <v>0</v>
      </c>
    </row>
    <row r="14976" spans="1:5" x14ac:dyDescent="0.25">
      <c r="A14976" s="1" t="s">
        <v>33678</v>
      </c>
      <c r="B14976" s="1" t="s">
        <v>54316</v>
      </c>
      <c r="C14976" s="1" t="s">
        <v>33679</v>
      </c>
      <c r="D14976" s="2">
        <v>167804</v>
      </c>
      <c r="E14976" s="1" t="s">
        <v>0</v>
      </c>
    </row>
    <row r="14977" spans="1:5" x14ac:dyDescent="0.25">
      <c r="A14977" s="2">
        <v>2995</v>
      </c>
      <c r="B14977" s="2">
        <v>2995</v>
      </c>
      <c r="C14977" s="1" t="s">
        <v>0</v>
      </c>
      <c r="D14977" s="2">
        <v>167805</v>
      </c>
      <c r="E14977" s="1" t="s">
        <v>0</v>
      </c>
    </row>
    <row r="14978" spans="1:5" x14ac:dyDescent="0.25">
      <c r="A14978" s="1" t="s">
        <v>2734</v>
      </c>
      <c r="B14978" s="1" t="s">
        <v>58783</v>
      </c>
      <c r="C14978" s="1" t="s">
        <v>33680</v>
      </c>
      <c r="D14978" s="2">
        <v>167806</v>
      </c>
      <c r="E14978" s="1" t="s">
        <v>0</v>
      </c>
    </row>
    <row r="14979" spans="1:5" x14ac:dyDescent="0.25">
      <c r="A14979" s="1" t="s">
        <v>33681</v>
      </c>
      <c r="B14979" s="1" t="s">
        <v>62613</v>
      </c>
      <c r="C14979" s="1" t="s">
        <v>33682</v>
      </c>
      <c r="D14979" s="2">
        <v>167807</v>
      </c>
      <c r="E14979" s="1" t="s">
        <v>0</v>
      </c>
    </row>
    <row r="14980" spans="1:5" ht="409.5" x14ac:dyDescent="0.25">
      <c r="A14980" s="4" t="s">
        <v>33683</v>
      </c>
      <c r="B14980" s="1" t="s">
        <v>62614</v>
      </c>
      <c r="C14980" s="1" t="s">
        <v>33684</v>
      </c>
      <c r="D14980" s="2">
        <v>167808</v>
      </c>
      <c r="E14980" s="1" t="s">
        <v>0</v>
      </c>
    </row>
    <row r="14981" spans="1:5" x14ac:dyDescent="0.25">
      <c r="A14981" s="1" t="s">
        <v>33685</v>
      </c>
      <c r="B14981" s="1" t="s">
        <v>58784</v>
      </c>
      <c r="C14981" s="1" t="s">
        <v>33686</v>
      </c>
      <c r="D14981" s="2">
        <v>167809</v>
      </c>
      <c r="E14981" s="1" t="s">
        <v>0</v>
      </c>
    </row>
    <row r="14982" spans="1:5" x14ac:dyDescent="0.25">
      <c r="A14982" s="2">
        <v>2996</v>
      </c>
      <c r="B14982" s="2">
        <v>2996</v>
      </c>
      <c r="C14982" s="1" t="s">
        <v>0</v>
      </c>
      <c r="D14982" s="2">
        <v>167810</v>
      </c>
      <c r="E14982" s="1" t="s">
        <v>0</v>
      </c>
    </row>
    <row r="14983" spans="1:5" x14ac:dyDescent="0.25">
      <c r="A14983" s="1" t="s">
        <v>2735</v>
      </c>
      <c r="B14983" s="1" t="s">
        <v>9347</v>
      </c>
      <c r="C14983" s="1" t="s">
        <v>33687</v>
      </c>
      <c r="D14983" s="2">
        <v>167811</v>
      </c>
      <c r="E14983" s="1" t="s">
        <v>0</v>
      </c>
    </row>
    <row r="14984" spans="1:5" x14ac:dyDescent="0.25">
      <c r="A14984" s="1" t="s">
        <v>33688</v>
      </c>
      <c r="B14984" s="1" t="s">
        <v>56791</v>
      </c>
      <c r="C14984" s="1" t="s">
        <v>33689</v>
      </c>
      <c r="D14984" s="2">
        <v>167812</v>
      </c>
      <c r="E14984" s="1" t="s">
        <v>0</v>
      </c>
    </row>
    <row r="14985" spans="1:5" ht="409.5" x14ac:dyDescent="0.25">
      <c r="A14985" s="4" t="s">
        <v>33690</v>
      </c>
      <c r="B14985" s="1" t="s">
        <v>56792</v>
      </c>
      <c r="C14985" s="1" t="s">
        <v>33691</v>
      </c>
      <c r="D14985" s="2">
        <v>167813</v>
      </c>
      <c r="E14985" s="1" t="s">
        <v>0</v>
      </c>
    </row>
    <row r="14986" spans="1:5" x14ac:dyDescent="0.25">
      <c r="A14986" s="1" t="s">
        <v>33692</v>
      </c>
      <c r="B14986" s="1" t="s">
        <v>56793</v>
      </c>
      <c r="C14986" s="1" t="s">
        <v>33693</v>
      </c>
      <c r="D14986" s="2">
        <v>167814</v>
      </c>
      <c r="E14986" s="1" t="s">
        <v>0</v>
      </c>
    </row>
    <row r="14987" spans="1:5" x14ac:dyDescent="0.25">
      <c r="A14987" s="2">
        <v>2997</v>
      </c>
      <c r="B14987" s="2">
        <v>2997</v>
      </c>
      <c r="C14987" s="1" t="s">
        <v>0</v>
      </c>
      <c r="D14987" s="2">
        <v>167815</v>
      </c>
      <c r="E14987" s="1" t="s">
        <v>0</v>
      </c>
    </row>
    <row r="14988" spans="1:5" x14ac:dyDescent="0.25">
      <c r="A14988" s="1" t="s">
        <v>2736</v>
      </c>
      <c r="B14988" s="1" t="s">
        <v>9348</v>
      </c>
      <c r="C14988" s="1" t="s">
        <v>33694</v>
      </c>
      <c r="D14988" s="2">
        <v>167816</v>
      </c>
      <c r="E14988" s="1" t="s">
        <v>0</v>
      </c>
    </row>
    <row r="14989" spans="1:5" x14ac:dyDescent="0.25">
      <c r="A14989" s="1" t="s">
        <v>33695</v>
      </c>
      <c r="B14989" s="1" t="s">
        <v>9349</v>
      </c>
      <c r="C14989" s="1" t="s">
        <v>33696</v>
      </c>
      <c r="D14989" s="2">
        <v>167817</v>
      </c>
      <c r="E14989" s="1" t="s">
        <v>0</v>
      </c>
    </row>
    <row r="14990" spans="1:5" ht="409.5" x14ac:dyDescent="0.25">
      <c r="A14990" s="4" t="s">
        <v>33697</v>
      </c>
      <c r="B14990" s="1" t="s">
        <v>9350</v>
      </c>
      <c r="C14990" s="1" t="s">
        <v>33698</v>
      </c>
      <c r="D14990" s="2">
        <v>167818</v>
      </c>
      <c r="E14990" s="1" t="s">
        <v>0</v>
      </c>
    </row>
    <row r="14991" spans="1:5" x14ac:dyDescent="0.25">
      <c r="A14991" s="1" t="s">
        <v>33699</v>
      </c>
      <c r="B14991" s="1" t="s">
        <v>54317</v>
      </c>
      <c r="C14991" s="1" t="s">
        <v>33700</v>
      </c>
      <c r="D14991" s="2">
        <v>167819</v>
      </c>
      <c r="E14991" s="1" t="s">
        <v>0</v>
      </c>
    </row>
    <row r="14992" spans="1:5" x14ac:dyDescent="0.25">
      <c r="A14992" s="2">
        <v>2998</v>
      </c>
      <c r="B14992" s="2">
        <v>2998</v>
      </c>
      <c r="C14992" s="1" t="s">
        <v>0</v>
      </c>
      <c r="D14992" s="2">
        <v>167820</v>
      </c>
      <c r="E14992" s="1" t="s">
        <v>0</v>
      </c>
    </row>
    <row r="14993" spans="1:5" x14ac:dyDescent="0.25">
      <c r="A14993" s="1" t="s">
        <v>2737</v>
      </c>
      <c r="B14993" s="1" t="s">
        <v>9351</v>
      </c>
      <c r="C14993" s="1" t="s">
        <v>33701</v>
      </c>
      <c r="D14993" s="2">
        <v>167821</v>
      </c>
      <c r="E14993" s="1" t="s">
        <v>0</v>
      </c>
    </row>
    <row r="14994" spans="1:5" x14ac:dyDescent="0.25">
      <c r="A14994" s="1" t="s">
        <v>33702</v>
      </c>
      <c r="B14994" s="1" t="s">
        <v>9352</v>
      </c>
      <c r="C14994" s="1" t="s">
        <v>33703</v>
      </c>
      <c r="D14994" s="2">
        <v>167822</v>
      </c>
      <c r="E14994" s="1" t="s">
        <v>0</v>
      </c>
    </row>
    <row r="14995" spans="1:5" ht="409.5" x14ac:dyDescent="0.25">
      <c r="A14995" s="4" t="s">
        <v>33704</v>
      </c>
      <c r="B14995" s="1" t="s">
        <v>9353</v>
      </c>
      <c r="C14995" s="1" t="s">
        <v>33705</v>
      </c>
      <c r="D14995" s="2">
        <v>167823</v>
      </c>
      <c r="E14995" s="1" t="s">
        <v>0</v>
      </c>
    </row>
    <row r="14996" spans="1:5" x14ac:dyDescent="0.25">
      <c r="A14996" s="1" t="s">
        <v>33706</v>
      </c>
      <c r="B14996" s="1" t="s">
        <v>54318</v>
      </c>
      <c r="C14996" s="1" t="s">
        <v>33707</v>
      </c>
      <c r="D14996" s="2">
        <v>167824</v>
      </c>
      <c r="E14996" s="1" t="s">
        <v>0</v>
      </c>
    </row>
    <row r="14997" spans="1:5" x14ac:dyDescent="0.25">
      <c r="A14997" s="2">
        <v>2999</v>
      </c>
      <c r="B14997" s="2">
        <v>2999</v>
      </c>
      <c r="C14997" s="1" t="s">
        <v>0</v>
      </c>
      <c r="D14997" s="2">
        <v>167825</v>
      </c>
      <c r="E14997" s="1" t="s">
        <v>0</v>
      </c>
    </row>
    <row r="14998" spans="1:5" x14ac:dyDescent="0.25">
      <c r="A14998" s="1" t="s">
        <v>2738</v>
      </c>
      <c r="B14998" s="1" t="s">
        <v>9354</v>
      </c>
      <c r="C14998" s="1" t="s">
        <v>33708</v>
      </c>
      <c r="D14998" s="2">
        <v>167826</v>
      </c>
      <c r="E14998" s="1" t="s">
        <v>0</v>
      </c>
    </row>
    <row r="14999" spans="1:5" x14ac:dyDescent="0.25">
      <c r="A14999" s="1" t="s">
        <v>33709</v>
      </c>
      <c r="B14999" s="1" t="s">
        <v>54319</v>
      </c>
      <c r="C14999" s="1" t="s">
        <v>33710</v>
      </c>
      <c r="D14999" s="2">
        <v>167827</v>
      </c>
      <c r="E14999" s="1" t="s">
        <v>0</v>
      </c>
    </row>
    <row r="15000" spans="1:5" ht="409.5" x14ac:dyDescent="0.25">
      <c r="A15000" s="4" t="s">
        <v>33711</v>
      </c>
      <c r="B15000" s="1" t="s">
        <v>54320</v>
      </c>
      <c r="C15000" s="1" t="s">
        <v>33712</v>
      </c>
      <c r="D15000" s="2">
        <v>167828</v>
      </c>
      <c r="E15000" s="1" t="s">
        <v>0</v>
      </c>
    </row>
    <row r="15001" spans="1:5" x14ac:dyDescent="0.25">
      <c r="A15001" s="1" t="s">
        <v>33713</v>
      </c>
      <c r="B15001" s="1" t="s">
        <v>9355</v>
      </c>
      <c r="C15001" s="1" t="s">
        <v>33714</v>
      </c>
      <c r="D15001" s="2">
        <v>167829</v>
      </c>
      <c r="E15001" s="1" t="s">
        <v>0</v>
      </c>
    </row>
    <row r="15002" spans="1:5" x14ac:dyDescent="0.25">
      <c r="A15002" s="2">
        <v>3000</v>
      </c>
      <c r="B15002" s="2">
        <v>3000</v>
      </c>
      <c r="C15002" s="1" t="s">
        <v>0</v>
      </c>
      <c r="D15002" s="2">
        <v>167830</v>
      </c>
      <c r="E15002" s="1" t="s">
        <v>0</v>
      </c>
    </row>
    <row r="15003" spans="1:5" x14ac:dyDescent="0.25">
      <c r="A15003" s="1" t="s">
        <v>2739</v>
      </c>
      <c r="B15003" s="1" t="s">
        <v>9356</v>
      </c>
      <c r="C15003" s="1" t="s">
        <v>33715</v>
      </c>
      <c r="D15003" s="2">
        <v>167831</v>
      </c>
      <c r="E15003" s="1" t="s">
        <v>0</v>
      </c>
    </row>
    <row r="15004" spans="1:5" x14ac:dyDescent="0.25">
      <c r="A15004" s="1" t="s">
        <v>33716</v>
      </c>
      <c r="B15004" s="1" t="s">
        <v>56794</v>
      </c>
      <c r="C15004" s="1" t="s">
        <v>33717</v>
      </c>
      <c r="D15004" s="2">
        <v>167832</v>
      </c>
      <c r="E15004" s="1" t="s">
        <v>0</v>
      </c>
    </row>
    <row r="15005" spans="1:5" ht="409.5" x14ac:dyDescent="0.25">
      <c r="A15005" s="4" t="s">
        <v>33718</v>
      </c>
      <c r="B15005" s="1" t="s">
        <v>57557</v>
      </c>
      <c r="C15005" s="1" t="s">
        <v>33719</v>
      </c>
      <c r="D15005" s="2">
        <v>167833</v>
      </c>
      <c r="E15005" s="1" t="s">
        <v>0</v>
      </c>
    </row>
    <row r="15006" spans="1:5" x14ac:dyDescent="0.25">
      <c r="A15006" s="1" t="s">
        <v>33720</v>
      </c>
      <c r="B15006" s="1" t="s">
        <v>54321</v>
      </c>
      <c r="C15006" s="1" t="s">
        <v>33721</v>
      </c>
      <c r="D15006" s="2">
        <v>167834</v>
      </c>
      <c r="E15006" s="1" t="s">
        <v>0</v>
      </c>
    </row>
    <row r="15007" spans="1:5" x14ac:dyDescent="0.25">
      <c r="A15007" s="2">
        <v>3001</v>
      </c>
      <c r="B15007" s="2">
        <v>3001</v>
      </c>
      <c r="C15007" s="1" t="s">
        <v>0</v>
      </c>
      <c r="D15007" s="2">
        <v>167835</v>
      </c>
      <c r="E15007" s="1" t="s">
        <v>0</v>
      </c>
    </row>
    <row r="15008" spans="1:5" x14ac:dyDescent="0.25">
      <c r="A15008" s="1" t="s">
        <v>13171</v>
      </c>
      <c r="B15008" s="1" t="s">
        <v>9357</v>
      </c>
      <c r="C15008" s="1" t="s">
        <v>33722</v>
      </c>
      <c r="D15008" s="2">
        <v>167836</v>
      </c>
      <c r="E15008" s="1" t="s">
        <v>0</v>
      </c>
    </row>
    <row r="15009" spans="1:5" x14ac:dyDescent="0.25">
      <c r="A15009" s="1" t="s">
        <v>33723</v>
      </c>
      <c r="B15009" s="1" t="s">
        <v>63739</v>
      </c>
      <c r="C15009" s="1" t="s">
        <v>33724</v>
      </c>
      <c r="D15009" s="2">
        <v>167837</v>
      </c>
      <c r="E15009" s="1" t="s">
        <v>0</v>
      </c>
    </row>
    <row r="15010" spans="1:5" ht="409.5" x14ac:dyDescent="0.25">
      <c r="A15010" s="4" t="s">
        <v>33725</v>
      </c>
      <c r="B15010" s="1" t="s">
        <v>63740</v>
      </c>
      <c r="C15010" s="1" t="s">
        <v>33726</v>
      </c>
      <c r="D15010" s="2">
        <v>167838</v>
      </c>
      <c r="E15010" s="1" t="s">
        <v>0</v>
      </c>
    </row>
    <row r="15011" spans="1:5" x14ac:dyDescent="0.25">
      <c r="A15011" s="1" t="s">
        <v>33727</v>
      </c>
      <c r="B15011" s="1" t="s">
        <v>9358</v>
      </c>
      <c r="C15011" s="1" t="s">
        <v>33728</v>
      </c>
      <c r="D15011" s="2">
        <v>167839</v>
      </c>
      <c r="E15011" s="1" t="s">
        <v>0</v>
      </c>
    </row>
    <row r="15012" spans="1:5" x14ac:dyDescent="0.25">
      <c r="A15012" s="2">
        <v>3002</v>
      </c>
      <c r="B15012" s="2">
        <v>3002</v>
      </c>
      <c r="C15012" s="1" t="s">
        <v>0</v>
      </c>
      <c r="D15012" s="2">
        <v>167840</v>
      </c>
      <c r="E15012" s="1" t="s">
        <v>0</v>
      </c>
    </row>
    <row r="15013" spans="1:5" x14ac:dyDescent="0.25">
      <c r="A15013" s="1" t="s">
        <v>2740</v>
      </c>
      <c r="B15013" s="1" t="s">
        <v>9359</v>
      </c>
      <c r="C15013" s="1" t="s">
        <v>33729</v>
      </c>
      <c r="D15013" s="2">
        <v>167841</v>
      </c>
      <c r="E15013" s="1" t="s">
        <v>0</v>
      </c>
    </row>
    <row r="15014" spans="1:5" x14ac:dyDescent="0.25">
      <c r="A15014" s="1" t="s">
        <v>33730</v>
      </c>
      <c r="B15014" s="1" t="s">
        <v>54322</v>
      </c>
      <c r="C15014" s="1" t="s">
        <v>33731</v>
      </c>
      <c r="D15014" s="2">
        <v>167842</v>
      </c>
      <c r="E15014" s="1" t="s">
        <v>0</v>
      </c>
    </row>
    <row r="15015" spans="1:5" ht="409.5" x14ac:dyDescent="0.25">
      <c r="A15015" s="4" t="s">
        <v>33732</v>
      </c>
      <c r="B15015" s="1" t="s">
        <v>62615</v>
      </c>
      <c r="C15015" s="1" t="s">
        <v>33733</v>
      </c>
      <c r="D15015" s="2">
        <v>167843</v>
      </c>
      <c r="E15015" s="1" t="s">
        <v>0</v>
      </c>
    </row>
    <row r="15016" spans="1:5" x14ac:dyDescent="0.25">
      <c r="A15016" s="1" t="s">
        <v>14855</v>
      </c>
      <c r="B15016" s="1" t="s">
        <v>60879</v>
      </c>
      <c r="C15016" s="1" t="s">
        <v>14856</v>
      </c>
      <c r="D15016" s="2">
        <v>167844</v>
      </c>
      <c r="E15016" s="1" t="s">
        <v>0</v>
      </c>
    </row>
    <row r="15017" spans="1:5" x14ac:dyDescent="0.25">
      <c r="A15017" s="2">
        <v>3003</v>
      </c>
      <c r="B15017" s="2">
        <v>3003</v>
      </c>
      <c r="C15017" s="1" t="s">
        <v>0</v>
      </c>
      <c r="D15017" s="2">
        <v>167845</v>
      </c>
      <c r="E15017" s="1" t="s">
        <v>0</v>
      </c>
    </row>
    <row r="15018" spans="1:5" x14ac:dyDescent="0.25">
      <c r="A15018" s="1" t="s">
        <v>2741</v>
      </c>
      <c r="B15018" s="1" t="s">
        <v>54323</v>
      </c>
      <c r="C15018" s="1" t="s">
        <v>33734</v>
      </c>
      <c r="D15018" s="2">
        <v>167846</v>
      </c>
      <c r="E15018" s="1" t="s">
        <v>0</v>
      </c>
    </row>
    <row r="15019" spans="1:5" x14ac:dyDescent="0.25">
      <c r="A15019" s="1" t="s">
        <v>33735</v>
      </c>
      <c r="B15019" s="1" t="s">
        <v>60077</v>
      </c>
      <c r="C15019" s="1" t="s">
        <v>33736</v>
      </c>
      <c r="D15019" s="2">
        <v>167847</v>
      </c>
      <c r="E15019" s="1" t="s">
        <v>0</v>
      </c>
    </row>
    <row r="15020" spans="1:5" ht="409.5" x14ac:dyDescent="0.25">
      <c r="A15020" s="4" t="s">
        <v>33737</v>
      </c>
      <c r="B15020" s="1" t="s">
        <v>60078</v>
      </c>
      <c r="C15020" s="1" t="s">
        <v>33738</v>
      </c>
      <c r="D15020" s="2">
        <v>167848</v>
      </c>
      <c r="E15020" s="1" t="s">
        <v>0</v>
      </c>
    </row>
    <row r="15021" spans="1:5" x14ac:dyDescent="0.25">
      <c r="A15021" s="1" t="s">
        <v>13413</v>
      </c>
      <c r="B15021" s="1" t="s">
        <v>60845</v>
      </c>
      <c r="C15021" s="1" t="s">
        <v>13414</v>
      </c>
      <c r="D15021" s="2">
        <v>167849</v>
      </c>
      <c r="E15021" s="1" t="s">
        <v>0</v>
      </c>
    </row>
    <row r="15022" spans="1:5" x14ac:dyDescent="0.25">
      <c r="A15022" s="2">
        <v>3004</v>
      </c>
      <c r="B15022" s="2">
        <v>3004</v>
      </c>
      <c r="C15022" s="1" t="s">
        <v>0</v>
      </c>
      <c r="D15022" s="2">
        <v>167850</v>
      </c>
      <c r="E15022" s="1" t="s">
        <v>0</v>
      </c>
    </row>
    <row r="15023" spans="1:5" x14ac:dyDescent="0.25">
      <c r="A15023" s="1" t="s">
        <v>9360</v>
      </c>
      <c r="B15023" s="1" t="s">
        <v>33739</v>
      </c>
      <c r="C15023" s="1" t="s">
        <v>33740</v>
      </c>
      <c r="D15023" s="2">
        <v>167851</v>
      </c>
      <c r="E15023" s="1" t="s">
        <v>0</v>
      </c>
    </row>
    <row r="15024" spans="1:5" x14ac:dyDescent="0.25">
      <c r="A15024" s="1" t="s">
        <v>33741</v>
      </c>
      <c r="B15024" s="1" t="s">
        <v>9361</v>
      </c>
      <c r="C15024" s="1" t="s">
        <v>33742</v>
      </c>
      <c r="D15024" s="2">
        <v>167852</v>
      </c>
      <c r="E15024" s="1" t="s">
        <v>0</v>
      </c>
    </row>
    <row r="15025" spans="1:5" ht="409.5" x14ac:dyDescent="0.25">
      <c r="A15025" s="4" t="s">
        <v>33743</v>
      </c>
      <c r="B15025" s="1" t="s">
        <v>57877</v>
      </c>
      <c r="C15025" s="1" t="s">
        <v>33744</v>
      </c>
      <c r="D15025" s="2">
        <v>167853</v>
      </c>
      <c r="E15025" s="1" t="s">
        <v>0</v>
      </c>
    </row>
    <row r="15026" spans="1:5" x14ac:dyDescent="0.25">
      <c r="A15026" s="1" t="s">
        <v>33745</v>
      </c>
      <c r="B15026" s="1" t="s">
        <v>9362</v>
      </c>
      <c r="C15026" s="1" t="s">
        <v>33746</v>
      </c>
      <c r="D15026" s="2">
        <v>167854</v>
      </c>
      <c r="E15026" s="1" t="s">
        <v>0</v>
      </c>
    </row>
    <row r="15027" spans="1:5" x14ac:dyDescent="0.25">
      <c r="A15027" s="2">
        <v>3005</v>
      </c>
      <c r="B15027" s="2">
        <v>3005</v>
      </c>
      <c r="C15027" s="1" t="s">
        <v>0</v>
      </c>
      <c r="D15027" s="2">
        <v>167855</v>
      </c>
      <c r="E15027" s="1" t="s">
        <v>0</v>
      </c>
    </row>
    <row r="15028" spans="1:5" x14ac:dyDescent="0.25">
      <c r="A15028" s="1" t="s">
        <v>2742</v>
      </c>
      <c r="B15028" s="1" t="s">
        <v>60079</v>
      </c>
      <c r="C15028" s="1" t="s">
        <v>33747</v>
      </c>
      <c r="D15028" s="2">
        <v>167856</v>
      </c>
      <c r="E15028" s="1" t="s">
        <v>0</v>
      </c>
    </row>
    <row r="15029" spans="1:5" x14ac:dyDescent="0.25">
      <c r="A15029" s="1" t="s">
        <v>33748</v>
      </c>
      <c r="B15029" s="1" t="s">
        <v>9363</v>
      </c>
      <c r="C15029" s="1" t="s">
        <v>33749</v>
      </c>
      <c r="D15029" s="2">
        <v>167857</v>
      </c>
      <c r="E15029" s="1" t="s">
        <v>0</v>
      </c>
    </row>
    <row r="15030" spans="1:5" ht="409.5" x14ac:dyDescent="0.25">
      <c r="A15030" s="4" t="s">
        <v>33750</v>
      </c>
      <c r="B15030" s="1" t="s">
        <v>62616</v>
      </c>
      <c r="C15030" s="1" t="s">
        <v>33751</v>
      </c>
      <c r="D15030" s="2">
        <v>167858</v>
      </c>
      <c r="E15030" s="1" t="s">
        <v>0</v>
      </c>
    </row>
    <row r="15031" spans="1:5" x14ac:dyDescent="0.25">
      <c r="A15031" s="1" t="s">
        <v>33752</v>
      </c>
      <c r="B15031" s="1" t="s">
        <v>54324</v>
      </c>
      <c r="C15031" s="1" t="s">
        <v>33753</v>
      </c>
      <c r="D15031" s="2">
        <v>167859</v>
      </c>
      <c r="E15031" s="1" t="s">
        <v>0</v>
      </c>
    </row>
    <row r="15032" spans="1:5" x14ac:dyDescent="0.25">
      <c r="A15032" s="2">
        <v>3006</v>
      </c>
      <c r="B15032" s="2">
        <v>3006</v>
      </c>
      <c r="C15032" s="1" t="s">
        <v>0</v>
      </c>
      <c r="D15032" s="2">
        <v>167860</v>
      </c>
      <c r="E15032" s="1" t="s">
        <v>0</v>
      </c>
    </row>
    <row r="15033" spans="1:5" x14ac:dyDescent="0.25">
      <c r="A15033" s="1" t="s">
        <v>33754</v>
      </c>
      <c r="B15033" s="1" t="s">
        <v>9364</v>
      </c>
      <c r="C15033" s="1" t="s">
        <v>33755</v>
      </c>
      <c r="D15033" s="2">
        <v>167861</v>
      </c>
      <c r="E15033" s="1" t="s">
        <v>0</v>
      </c>
    </row>
    <row r="15034" spans="1:5" x14ac:dyDescent="0.25">
      <c r="A15034" s="1" t="s">
        <v>33756</v>
      </c>
      <c r="B15034" s="1" t="s">
        <v>9365</v>
      </c>
      <c r="C15034" s="1" t="s">
        <v>33757</v>
      </c>
      <c r="D15034" s="2">
        <v>167862</v>
      </c>
      <c r="E15034" s="1" t="s">
        <v>0</v>
      </c>
    </row>
    <row r="15035" spans="1:5" ht="409.5" x14ac:dyDescent="0.25">
      <c r="A15035" s="4" t="s">
        <v>33758</v>
      </c>
      <c r="B15035" s="1" t="s">
        <v>54325</v>
      </c>
      <c r="C15035" s="1" t="s">
        <v>33759</v>
      </c>
      <c r="D15035" s="2">
        <v>167863</v>
      </c>
      <c r="E15035" s="1" t="s">
        <v>0</v>
      </c>
    </row>
    <row r="15036" spans="1:5" x14ac:dyDescent="0.25">
      <c r="A15036" s="1" t="s">
        <v>33760</v>
      </c>
      <c r="B15036" s="1" t="s">
        <v>54326</v>
      </c>
      <c r="C15036" s="1" t="s">
        <v>33761</v>
      </c>
      <c r="D15036" s="2">
        <v>167864</v>
      </c>
      <c r="E15036" s="1" t="s">
        <v>0</v>
      </c>
    </row>
    <row r="15037" spans="1:5" x14ac:dyDescent="0.25">
      <c r="A15037" s="2">
        <v>3007</v>
      </c>
      <c r="B15037" s="2">
        <v>3007</v>
      </c>
      <c r="C15037" s="1" t="s">
        <v>0</v>
      </c>
      <c r="D15037" s="2">
        <v>167865</v>
      </c>
      <c r="E15037" s="1" t="s">
        <v>0</v>
      </c>
    </row>
    <row r="15038" spans="1:5" x14ac:dyDescent="0.25">
      <c r="A15038" s="1" t="s">
        <v>2743</v>
      </c>
      <c r="B15038" s="1" t="s">
        <v>54327</v>
      </c>
      <c r="C15038" s="1" t="s">
        <v>33762</v>
      </c>
      <c r="D15038" s="2">
        <v>167866</v>
      </c>
      <c r="E15038" s="1" t="s">
        <v>0</v>
      </c>
    </row>
    <row r="15039" spans="1:5" x14ac:dyDescent="0.25">
      <c r="A15039" s="1" t="s">
        <v>33763</v>
      </c>
      <c r="B15039" s="1" t="s">
        <v>57878</v>
      </c>
      <c r="C15039" s="1" t="s">
        <v>33764</v>
      </c>
      <c r="D15039" s="2">
        <v>167867</v>
      </c>
      <c r="E15039" s="1" t="s">
        <v>0</v>
      </c>
    </row>
    <row r="15040" spans="1:5" ht="409.5" x14ac:dyDescent="0.25">
      <c r="A15040" s="4" t="s">
        <v>33765</v>
      </c>
      <c r="B15040" s="1" t="s">
        <v>61679</v>
      </c>
      <c r="C15040" s="1" t="s">
        <v>33766</v>
      </c>
      <c r="D15040" s="2">
        <v>167868</v>
      </c>
      <c r="E15040" s="1" t="s">
        <v>0</v>
      </c>
    </row>
    <row r="15041" spans="1:5" x14ac:dyDescent="0.25">
      <c r="A15041" s="1" t="s">
        <v>33767</v>
      </c>
      <c r="B15041" s="1" t="s">
        <v>54328</v>
      </c>
      <c r="C15041" s="1" t="s">
        <v>33768</v>
      </c>
      <c r="D15041" s="2">
        <v>167869</v>
      </c>
      <c r="E15041" s="1" t="s">
        <v>0</v>
      </c>
    </row>
    <row r="15042" spans="1:5" x14ac:dyDescent="0.25">
      <c r="A15042" s="2">
        <v>3008</v>
      </c>
      <c r="B15042" s="2">
        <v>3008</v>
      </c>
      <c r="C15042" s="1" t="s">
        <v>0</v>
      </c>
      <c r="D15042" s="2">
        <v>167870</v>
      </c>
      <c r="E15042" s="1" t="s">
        <v>0</v>
      </c>
    </row>
    <row r="15043" spans="1:5" x14ac:dyDescent="0.25">
      <c r="A15043" s="1" t="s">
        <v>2744</v>
      </c>
      <c r="B15043" s="1" t="s">
        <v>9366</v>
      </c>
      <c r="C15043" s="1" t="s">
        <v>33769</v>
      </c>
      <c r="D15043" s="2">
        <v>167871</v>
      </c>
      <c r="E15043" s="1" t="s">
        <v>0</v>
      </c>
    </row>
    <row r="15044" spans="1:5" x14ac:dyDescent="0.25">
      <c r="A15044" s="1" t="s">
        <v>33770</v>
      </c>
      <c r="B15044" s="1" t="s">
        <v>54329</v>
      </c>
      <c r="C15044" s="1" t="s">
        <v>33771</v>
      </c>
      <c r="D15044" s="2">
        <v>167872</v>
      </c>
      <c r="E15044" s="1" t="s">
        <v>0</v>
      </c>
    </row>
    <row r="15045" spans="1:5" ht="409.5" x14ac:dyDescent="0.25">
      <c r="A15045" s="4" t="s">
        <v>33772</v>
      </c>
      <c r="B15045" s="1" t="s">
        <v>54330</v>
      </c>
      <c r="C15045" s="1" t="s">
        <v>33773</v>
      </c>
      <c r="D15045" s="2">
        <v>167873</v>
      </c>
      <c r="E15045" s="1" t="s">
        <v>0</v>
      </c>
    </row>
    <row r="15046" spans="1:5" x14ac:dyDescent="0.25">
      <c r="A15046" s="1" t="s">
        <v>33774</v>
      </c>
      <c r="B15046" s="1" t="s">
        <v>54331</v>
      </c>
      <c r="C15046" s="1" t="s">
        <v>33775</v>
      </c>
      <c r="D15046" s="2">
        <v>167874</v>
      </c>
      <c r="E15046" s="1" t="s">
        <v>0</v>
      </c>
    </row>
    <row r="15047" spans="1:5" x14ac:dyDescent="0.25">
      <c r="A15047" s="2">
        <v>3009</v>
      </c>
      <c r="B15047" s="2">
        <v>3009</v>
      </c>
      <c r="C15047" s="1" t="s">
        <v>0</v>
      </c>
      <c r="D15047" s="2">
        <v>167875</v>
      </c>
      <c r="E15047" s="1" t="s">
        <v>0</v>
      </c>
    </row>
    <row r="15048" spans="1:5" x14ac:dyDescent="0.25">
      <c r="A15048" s="1" t="s">
        <v>2745</v>
      </c>
      <c r="B15048" s="1" t="s">
        <v>50793</v>
      </c>
      <c r="C15048" s="1" t="s">
        <v>33776</v>
      </c>
      <c r="D15048" s="2">
        <v>167876</v>
      </c>
      <c r="E15048" s="1" t="s">
        <v>0</v>
      </c>
    </row>
    <row r="15049" spans="1:5" x14ac:dyDescent="0.25">
      <c r="A15049" s="1" t="s">
        <v>33777</v>
      </c>
      <c r="B15049" s="1" t="s">
        <v>9367</v>
      </c>
      <c r="C15049" s="1" t="s">
        <v>33778</v>
      </c>
      <c r="D15049" s="2">
        <v>167877</v>
      </c>
      <c r="E15049" s="1" t="s">
        <v>0</v>
      </c>
    </row>
    <row r="15050" spans="1:5" ht="409.5" x14ac:dyDescent="0.25">
      <c r="A15050" s="4" t="s">
        <v>33779</v>
      </c>
      <c r="B15050" s="1" t="s">
        <v>54332</v>
      </c>
      <c r="C15050" s="1" t="s">
        <v>33780</v>
      </c>
      <c r="D15050" s="2">
        <v>167878</v>
      </c>
      <c r="E15050" s="1" t="s">
        <v>0</v>
      </c>
    </row>
    <row r="15051" spans="1:5" x14ac:dyDescent="0.25">
      <c r="A15051" s="1" t="s">
        <v>33781</v>
      </c>
      <c r="B15051" s="1" t="s">
        <v>9368</v>
      </c>
      <c r="C15051" s="1" t="s">
        <v>33782</v>
      </c>
      <c r="D15051" s="2">
        <v>167879</v>
      </c>
      <c r="E15051" s="1" t="s">
        <v>0</v>
      </c>
    </row>
    <row r="15052" spans="1:5" x14ac:dyDescent="0.25">
      <c r="A15052" s="2">
        <v>3010</v>
      </c>
      <c r="B15052" s="2">
        <v>3010</v>
      </c>
      <c r="C15052" s="1" t="s">
        <v>0</v>
      </c>
      <c r="D15052" s="2">
        <v>167880</v>
      </c>
      <c r="E15052" s="1" t="s">
        <v>0</v>
      </c>
    </row>
    <row r="15053" spans="1:5" x14ac:dyDescent="0.25">
      <c r="A15053" s="1" t="s">
        <v>2746</v>
      </c>
      <c r="B15053" s="1" t="s">
        <v>9369</v>
      </c>
      <c r="C15053" s="1" t="s">
        <v>33783</v>
      </c>
      <c r="D15053" s="2">
        <v>167881</v>
      </c>
      <c r="E15053" s="1" t="s">
        <v>0</v>
      </c>
    </row>
    <row r="15054" spans="1:5" x14ac:dyDescent="0.25">
      <c r="A15054" s="1" t="s">
        <v>33784</v>
      </c>
      <c r="B15054" s="1" t="s">
        <v>60510</v>
      </c>
      <c r="C15054" s="1" t="s">
        <v>33785</v>
      </c>
      <c r="D15054" s="2">
        <v>167882</v>
      </c>
      <c r="E15054" s="1" t="s">
        <v>0</v>
      </c>
    </row>
    <row r="15055" spans="1:5" ht="409.5" x14ac:dyDescent="0.25">
      <c r="A15055" s="4" t="s">
        <v>33786</v>
      </c>
      <c r="B15055" s="1" t="s">
        <v>62617</v>
      </c>
      <c r="C15055" s="1" t="s">
        <v>33787</v>
      </c>
      <c r="D15055" s="2">
        <v>167883</v>
      </c>
      <c r="E15055" s="1" t="s">
        <v>0</v>
      </c>
    </row>
    <row r="15056" spans="1:5" x14ac:dyDescent="0.25">
      <c r="A15056" s="1" t="s">
        <v>33788</v>
      </c>
      <c r="B15056" s="1" t="s">
        <v>54333</v>
      </c>
      <c r="C15056" s="1" t="s">
        <v>33789</v>
      </c>
      <c r="D15056" s="2">
        <v>167884</v>
      </c>
      <c r="E15056" s="1" t="s">
        <v>0</v>
      </c>
    </row>
    <row r="15057" spans="1:5" x14ac:dyDescent="0.25">
      <c r="A15057" s="2">
        <v>3011</v>
      </c>
      <c r="B15057" s="2">
        <v>3011</v>
      </c>
      <c r="C15057" s="1" t="s">
        <v>0</v>
      </c>
      <c r="D15057" s="2">
        <v>167885</v>
      </c>
      <c r="E15057" s="1" t="s">
        <v>0</v>
      </c>
    </row>
    <row r="15058" spans="1:5" x14ac:dyDescent="0.25">
      <c r="A15058" s="1" t="s">
        <v>2747</v>
      </c>
      <c r="B15058" s="1" t="s">
        <v>58785</v>
      </c>
      <c r="C15058" s="1" t="s">
        <v>33790</v>
      </c>
      <c r="D15058" s="2">
        <v>167886</v>
      </c>
      <c r="E15058" s="1" t="s">
        <v>0</v>
      </c>
    </row>
    <row r="15059" spans="1:5" x14ac:dyDescent="0.25">
      <c r="A15059" s="1" t="s">
        <v>33791</v>
      </c>
      <c r="B15059" s="1" t="s">
        <v>62618</v>
      </c>
      <c r="C15059" s="1" t="s">
        <v>33792</v>
      </c>
      <c r="D15059" s="2">
        <v>167887</v>
      </c>
      <c r="E15059" s="1" t="s">
        <v>0</v>
      </c>
    </row>
    <row r="15060" spans="1:5" ht="409.5" x14ac:dyDescent="0.25">
      <c r="A15060" s="4" t="s">
        <v>33793</v>
      </c>
      <c r="B15060" s="1" t="s">
        <v>62619</v>
      </c>
      <c r="C15060" s="1" t="s">
        <v>33794</v>
      </c>
      <c r="D15060" s="2">
        <v>167888</v>
      </c>
      <c r="E15060" s="1" t="s">
        <v>0</v>
      </c>
    </row>
    <row r="15061" spans="1:5" x14ac:dyDescent="0.25">
      <c r="A15061" s="1" t="s">
        <v>33795</v>
      </c>
      <c r="B15061" s="1" t="s">
        <v>58786</v>
      </c>
      <c r="C15061" s="1" t="s">
        <v>33796</v>
      </c>
      <c r="D15061" s="2">
        <v>167889</v>
      </c>
      <c r="E15061" s="1" t="s">
        <v>0</v>
      </c>
    </row>
    <row r="15062" spans="1:5" x14ac:dyDescent="0.25">
      <c r="A15062" s="2">
        <v>3012</v>
      </c>
      <c r="B15062" s="2">
        <v>3012</v>
      </c>
      <c r="C15062" s="1" t="s">
        <v>0</v>
      </c>
      <c r="D15062" s="2">
        <v>167890</v>
      </c>
      <c r="E15062" s="1" t="s">
        <v>0</v>
      </c>
    </row>
    <row r="15063" spans="1:5" x14ac:dyDescent="0.25">
      <c r="A15063" s="1" t="s">
        <v>2748</v>
      </c>
      <c r="B15063" s="1" t="s">
        <v>50794</v>
      </c>
      <c r="C15063" s="1" t="s">
        <v>33797</v>
      </c>
      <c r="D15063" s="2">
        <v>167891</v>
      </c>
      <c r="E15063" s="1" t="s">
        <v>0</v>
      </c>
    </row>
    <row r="15064" spans="1:5" x14ac:dyDescent="0.25">
      <c r="A15064" s="1" t="s">
        <v>33798</v>
      </c>
      <c r="B15064" s="1" t="s">
        <v>54334</v>
      </c>
      <c r="C15064" s="1" t="s">
        <v>33799</v>
      </c>
      <c r="D15064" s="2">
        <v>167892</v>
      </c>
      <c r="E15064" s="1" t="s">
        <v>0</v>
      </c>
    </row>
    <row r="15065" spans="1:5" ht="409.5" x14ac:dyDescent="0.25">
      <c r="A15065" s="4" t="s">
        <v>33800</v>
      </c>
      <c r="B15065" s="1" t="s">
        <v>54335</v>
      </c>
      <c r="C15065" s="1" t="s">
        <v>33801</v>
      </c>
      <c r="D15065" s="2">
        <v>167893</v>
      </c>
      <c r="E15065" s="1" t="s">
        <v>0</v>
      </c>
    </row>
    <row r="15066" spans="1:5" x14ac:dyDescent="0.25">
      <c r="A15066" s="1" t="s">
        <v>33802</v>
      </c>
      <c r="B15066" s="1" t="s">
        <v>50795</v>
      </c>
      <c r="C15066" s="1" t="s">
        <v>33803</v>
      </c>
      <c r="D15066" s="2">
        <v>167894</v>
      </c>
      <c r="E15066" s="1" t="s">
        <v>0</v>
      </c>
    </row>
    <row r="15067" spans="1:5" x14ac:dyDescent="0.25">
      <c r="A15067" s="2">
        <v>3013</v>
      </c>
      <c r="B15067" s="2">
        <v>3013</v>
      </c>
      <c r="C15067" s="1" t="s">
        <v>0</v>
      </c>
      <c r="D15067" s="2">
        <v>167895</v>
      </c>
      <c r="E15067" s="1" t="s">
        <v>0</v>
      </c>
    </row>
    <row r="15068" spans="1:5" x14ac:dyDescent="0.25">
      <c r="A15068" s="1" t="s">
        <v>2749</v>
      </c>
      <c r="B15068" s="1" t="s">
        <v>50796</v>
      </c>
      <c r="C15068" s="1" t="s">
        <v>33804</v>
      </c>
      <c r="D15068" s="2">
        <v>167896</v>
      </c>
      <c r="E15068" s="1" t="s">
        <v>0</v>
      </c>
    </row>
    <row r="15069" spans="1:5" x14ac:dyDescent="0.25">
      <c r="A15069" s="1" t="s">
        <v>33805</v>
      </c>
      <c r="B15069" s="1" t="s">
        <v>61187</v>
      </c>
      <c r="C15069" s="1" t="s">
        <v>33806</v>
      </c>
      <c r="D15069" s="2">
        <v>167897</v>
      </c>
      <c r="E15069" s="1" t="s">
        <v>0</v>
      </c>
    </row>
    <row r="15070" spans="1:5" ht="409.5" x14ac:dyDescent="0.25">
      <c r="A15070" s="4" t="s">
        <v>33807</v>
      </c>
      <c r="B15070" s="1" t="s">
        <v>61188</v>
      </c>
      <c r="C15070" s="1" t="s">
        <v>33808</v>
      </c>
      <c r="D15070" s="2">
        <v>167898</v>
      </c>
      <c r="E15070" s="1" t="s">
        <v>0</v>
      </c>
    </row>
    <row r="15071" spans="1:5" x14ac:dyDescent="0.25">
      <c r="A15071" s="1" t="s">
        <v>33809</v>
      </c>
      <c r="B15071" s="1" t="s">
        <v>50797</v>
      </c>
      <c r="C15071" s="1" t="s">
        <v>33810</v>
      </c>
      <c r="D15071" s="2">
        <v>167899</v>
      </c>
      <c r="E15071" s="1" t="s">
        <v>0</v>
      </c>
    </row>
    <row r="15072" spans="1:5" x14ac:dyDescent="0.25">
      <c r="A15072" s="2">
        <v>3014</v>
      </c>
      <c r="B15072" s="2">
        <v>3014</v>
      </c>
      <c r="C15072" s="1" t="s">
        <v>0</v>
      </c>
      <c r="D15072" s="2">
        <v>167900</v>
      </c>
      <c r="E15072" s="1" t="s">
        <v>0</v>
      </c>
    </row>
    <row r="15073" spans="1:5" x14ac:dyDescent="0.25">
      <c r="A15073" s="1" t="s">
        <v>2750</v>
      </c>
      <c r="B15073" s="1" t="s">
        <v>60758</v>
      </c>
      <c r="C15073" s="1" t="s">
        <v>33811</v>
      </c>
      <c r="D15073" s="2">
        <v>167901</v>
      </c>
      <c r="E15073" s="1" t="s">
        <v>0</v>
      </c>
    </row>
    <row r="15074" spans="1:5" x14ac:dyDescent="0.25">
      <c r="A15074" s="1" t="s">
        <v>33812</v>
      </c>
      <c r="B15074" s="1" t="s">
        <v>63398</v>
      </c>
      <c r="C15074" s="1" t="s">
        <v>33813</v>
      </c>
      <c r="D15074" s="2">
        <v>167902</v>
      </c>
      <c r="E15074" s="1" t="s">
        <v>0</v>
      </c>
    </row>
    <row r="15075" spans="1:5" ht="409.5" x14ac:dyDescent="0.25">
      <c r="A15075" s="4" t="s">
        <v>33814</v>
      </c>
      <c r="B15075" s="1" t="s">
        <v>63399</v>
      </c>
      <c r="C15075" s="1" t="s">
        <v>33815</v>
      </c>
      <c r="D15075" s="2">
        <v>167903</v>
      </c>
      <c r="E15075" s="1" t="s">
        <v>0</v>
      </c>
    </row>
    <row r="15076" spans="1:5" x14ac:dyDescent="0.25">
      <c r="A15076" s="1" t="s">
        <v>33816</v>
      </c>
      <c r="B15076" s="1" t="s">
        <v>54336</v>
      </c>
      <c r="C15076" s="1" t="s">
        <v>33817</v>
      </c>
      <c r="D15076" s="2">
        <v>167904</v>
      </c>
      <c r="E15076" s="1" t="s">
        <v>0</v>
      </c>
    </row>
    <row r="15077" spans="1:5" x14ac:dyDescent="0.25">
      <c r="A15077" s="2">
        <v>3015</v>
      </c>
      <c r="B15077" s="2">
        <v>3015</v>
      </c>
      <c r="C15077" s="1" t="s">
        <v>0</v>
      </c>
      <c r="D15077" s="2">
        <v>167905</v>
      </c>
      <c r="E15077" s="1" t="s">
        <v>0</v>
      </c>
    </row>
    <row r="15078" spans="1:5" x14ac:dyDescent="0.25">
      <c r="A15078" s="1" t="s">
        <v>13172</v>
      </c>
      <c r="B15078" s="1" t="s">
        <v>50798</v>
      </c>
      <c r="C15078" s="1" t="s">
        <v>33818</v>
      </c>
      <c r="D15078" s="2">
        <v>167906</v>
      </c>
      <c r="E15078" s="1" t="s">
        <v>0</v>
      </c>
    </row>
    <row r="15079" spans="1:5" x14ac:dyDescent="0.25">
      <c r="A15079" s="1" t="s">
        <v>64217</v>
      </c>
      <c r="B15079" s="1" t="s">
        <v>60080</v>
      </c>
      <c r="C15079" s="1" t="s">
        <v>33819</v>
      </c>
      <c r="D15079" s="2">
        <v>167907</v>
      </c>
      <c r="E15079" s="1" t="s">
        <v>0</v>
      </c>
    </row>
    <row r="15080" spans="1:5" ht="409.5" x14ac:dyDescent="0.25">
      <c r="A15080" s="4" t="s">
        <v>64218</v>
      </c>
      <c r="B15080" s="1" t="s">
        <v>60081</v>
      </c>
      <c r="C15080" s="1" t="s">
        <v>33820</v>
      </c>
      <c r="D15080" s="2">
        <v>167908</v>
      </c>
      <c r="E15080" s="1" t="s">
        <v>0</v>
      </c>
    </row>
    <row r="15081" spans="1:5" x14ac:dyDescent="0.25">
      <c r="A15081" s="1" t="s">
        <v>33821</v>
      </c>
      <c r="B15081" s="1" t="s">
        <v>54337</v>
      </c>
      <c r="C15081" s="1" t="s">
        <v>33822</v>
      </c>
      <c r="D15081" s="2">
        <v>167909</v>
      </c>
      <c r="E15081" s="1" t="s">
        <v>0</v>
      </c>
    </row>
    <row r="15082" spans="1:5" x14ac:dyDescent="0.25">
      <c r="A15082" s="2">
        <v>3016</v>
      </c>
      <c r="B15082" s="2">
        <v>3016</v>
      </c>
      <c r="C15082" s="1" t="s">
        <v>0</v>
      </c>
      <c r="D15082" s="2">
        <v>167910</v>
      </c>
      <c r="E15082" s="1" t="s">
        <v>0</v>
      </c>
    </row>
    <row r="15083" spans="1:5" x14ac:dyDescent="0.25">
      <c r="A15083" s="1" t="s">
        <v>2751</v>
      </c>
      <c r="B15083" s="1" t="s">
        <v>9370</v>
      </c>
      <c r="C15083" s="1" t="s">
        <v>33823</v>
      </c>
      <c r="D15083" s="2">
        <v>167911</v>
      </c>
      <c r="E15083" s="1" t="s">
        <v>0</v>
      </c>
    </row>
    <row r="15084" spans="1:5" x14ac:dyDescent="0.25">
      <c r="A15084" s="1" t="s">
        <v>33824</v>
      </c>
      <c r="B15084" s="1" t="s">
        <v>60082</v>
      </c>
      <c r="C15084" s="1" t="s">
        <v>33825</v>
      </c>
      <c r="D15084" s="2">
        <v>167912</v>
      </c>
      <c r="E15084" s="1" t="s">
        <v>0</v>
      </c>
    </row>
    <row r="15085" spans="1:5" ht="409.5" x14ac:dyDescent="0.25">
      <c r="A15085" s="4" t="s">
        <v>33826</v>
      </c>
      <c r="B15085" s="1" t="s">
        <v>60083</v>
      </c>
      <c r="C15085" s="1" t="s">
        <v>33827</v>
      </c>
      <c r="D15085" s="2">
        <v>167913</v>
      </c>
      <c r="E15085" s="1" t="s">
        <v>0</v>
      </c>
    </row>
    <row r="15086" spans="1:5" x14ac:dyDescent="0.25">
      <c r="A15086" s="1" t="s">
        <v>33828</v>
      </c>
      <c r="B15086" s="1" t="s">
        <v>9371</v>
      </c>
      <c r="C15086" s="1" t="s">
        <v>33829</v>
      </c>
      <c r="D15086" s="2">
        <v>167914</v>
      </c>
      <c r="E15086" s="1" t="s">
        <v>0</v>
      </c>
    </row>
    <row r="15087" spans="1:5" x14ac:dyDescent="0.25">
      <c r="A15087" s="2">
        <v>3017</v>
      </c>
      <c r="B15087" s="2">
        <v>3017</v>
      </c>
      <c r="C15087" s="1" t="s">
        <v>0</v>
      </c>
      <c r="D15087" s="2">
        <v>167915</v>
      </c>
      <c r="E15087" s="1" t="s">
        <v>0</v>
      </c>
    </row>
    <row r="15088" spans="1:5" x14ac:dyDescent="0.25">
      <c r="A15088" s="1" t="s">
        <v>2752</v>
      </c>
      <c r="B15088" s="1" t="s">
        <v>9372</v>
      </c>
      <c r="C15088" s="1" t="s">
        <v>33830</v>
      </c>
      <c r="D15088" s="2">
        <v>167916</v>
      </c>
      <c r="E15088" s="1" t="s">
        <v>0</v>
      </c>
    </row>
    <row r="15089" spans="1:5" x14ac:dyDescent="0.25">
      <c r="A15089" s="1" t="s">
        <v>33831</v>
      </c>
      <c r="B15089" s="1" t="s">
        <v>57879</v>
      </c>
      <c r="C15089" s="1" t="s">
        <v>33832</v>
      </c>
      <c r="D15089" s="2">
        <v>167917</v>
      </c>
      <c r="E15089" s="1" t="s">
        <v>0</v>
      </c>
    </row>
    <row r="15090" spans="1:5" ht="409.5" x14ac:dyDescent="0.25">
      <c r="A15090" s="4" t="s">
        <v>33833</v>
      </c>
      <c r="B15090" s="1" t="s">
        <v>57880</v>
      </c>
      <c r="C15090" s="1" t="s">
        <v>33834</v>
      </c>
      <c r="D15090" s="2">
        <v>167918</v>
      </c>
      <c r="E15090" s="1" t="s">
        <v>0</v>
      </c>
    </row>
    <row r="15091" spans="1:5" x14ac:dyDescent="0.25">
      <c r="A15091" s="1" t="s">
        <v>33835</v>
      </c>
      <c r="B15091" s="1" t="s">
        <v>9373</v>
      </c>
      <c r="C15091" s="1" t="s">
        <v>33836</v>
      </c>
      <c r="D15091" s="2">
        <v>167919</v>
      </c>
      <c r="E15091" s="1" t="s">
        <v>0</v>
      </c>
    </row>
    <row r="15092" spans="1:5" x14ac:dyDescent="0.25">
      <c r="A15092" s="2">
        <v>3018</v>
      </c>
      <c r="B15092" s="2">
        <v>3018</v>
      </c>
      <c r="C15092" s="1" t="s">
        <v>0</v>
      </c>
      <c r="D15092" s="2">
        <v>167920</v>
      </c>
      <c r="E15092" s="1" t="s">
        <v>0</v>
      </c>
    </row>
    <row r="15093" spans="1:5" x14ac:dyDescent="0.25">
      <c r="A15093" s="1" t="s">
        <v>2753</v>
      </c>
      <c r="B15093" s="1" t="s">
        <v>9374</v>
      </c>
      <c r="C15093" s="1" t="s">
        <v>33837</v>
      </c>
      <c r="D15093" s="2">
        <v>167921</v>
      </c>
      <c r="E15093" s="1" t="s">
        <v>0</v>
      </c>
    </row>
    <row r="15094" spans="1:5" x14ac:dyDescent="0.25">
      <c r="A15094" s="1" t="s">
        <v>33838</v>
      </c>
      <c r="B15094" s="1" t="s">
        <v>9375</v>
      </c>
      <c r="C15094" s="1" t="s">
        <v>33839</v>
      </c>
      <c r="D15094" s="2">
        <v>167922</v>
      </c>
      <c r="E15094" s="1" t="s">
        <v>0</v>
      </c>
    </row>
    <row r="15095" spans="1:5" ht="409.5" x14ac:dyDescent="0.25">
      <c r="A15095" s="4" t="s">
        <v>33840</v>
      </c>
      <c r="B15095" s="1" t="s">
        <v>54338</v>
      </c>
      <c r="C15095" s="1" t="s">
        <v>33841</v>
      </c>
      <c r="D15095" s="2">
        <v>167923</v>
      </c>
      <c r="E15095" s="1" t="s">
        <v>0</v>
      </c>
    </row>
    <row r="15096" spans="1:5" x14ac:dyDescent="0.25">
      <c r="A15096" s="1" t="s">
        <v>33842</v>
      </c>
      <c r="B15096" s="1" t="s">
        <v>54339</v>
      </c>
      <c r="C15096" s="1" t="s">
        <v>33843</v>
      </c>
      <c r="D15096" s="2">
        <v>167924</v>
      </c>
      <c r="E15096" s="1" t="s">
        <v>0</v>
      </c>
    </row>
    <row r="15097" spans="1:5" x14ac:dyDescent="0.25">
      <c r="A15097" s="2">
        <v>3019</v>
      </c>
      <c r="B15097" s="2">
        <v>3019</v>
      </c>
      <c r="C15097" s="1" t="s">
        <v>0</v>
      </c>
      <c r="D15097" s="2">
        <v>167925</v>
      </c>
      <c r="E15097" s="1" t="s">
        <v>0</v>
      </c>
    </row>
    <row r="15098" spans="1:5" x14ac:dyDescent="0.25">
      <c r="A15098" s="1" t="s">
        <v>2754</v>
      </c>
      <c r="B15098" s="1" t="s">
        <v>60084</v>
      </c>
      <c r="C15098" s="1" t="s">
        <v>33844</v>
      </c>
      <c r="D15098" s="2">
        <v>167926</v>
      </c>
      <c r="E15098" s="1" t="s">
        <v>0</v>
      </c>
    </row>
    <row r="15099" spans="1:5" x14ac:dyDescent="0.25">
      <c r="A15099" s="1" t="s">
        <v>33845</v>
      </c>
      <c r="B15099" s="1" t="s">
        <v>9376</v>
      </c>
      <c r="C15099" s="1" t="s">
        <v>33846</v>
      </c>
      <c r="D15099" s="2">
        <v>167927</v>
      </c>
      <c r="E15099" s="1" t="s">
        <v>0</v>
      </c>
    </row>
    <row r="15100" spans="1:5" ht="409.5" x14ac:dyDescent="0.25">
      <c r="A15100" s="4" t="s">
        <v>33847</v>
      </c>
      <c r="B15100" s="1" t="s">
        <v>60085</v>
      </c>
      <c r="C15100" s="1" t="s">
        <v>33848</v>
      </c>
      <c r="D15100" s="2">
        <v>167928</v>
      </c>
      <c r="E15100" s="1" t="s">
        <v>0</v>
      </c>
    </row>
    <row r="15101" spans="1:5" x14ac:dyDescent="0.25">
      <c r="A15101" s="1" t="s">
        <v>33849</v>
      </c>
      <c r="B15101" s="1" t="s">
        <v>54340</v>
      </c>
      <c r="C15101" s="1" t="s">
        <v>33850</v>
      </c>
      <c r="D15101" s="2">
        <v>167929</v>
      </c>
      <c r="E15101" s="1" t="s">
        <v>0</v>
      </c>
    </row>
    <row r="15102" spans="1:5" x14ac:dyDescent="0.25">
      <c r="A15102" s="2">
        <v>3020</v>
      </c>
      <c r="B15102" s="2">
        <v>3020</v>
      </c>
      <c r="C15102" s="1" t="s">
        <v>0</v>
      </c>
      <c r="D15102" s="2">
        <v>167930</v>
      </c>
      <c r="E15102" s="1" t="s">
        <v>0</v>
      </c>
    </row>
    <row r="15103" spans="1:5" x14ac:dyDescent="0.25">
      <c r="A15103" s="1" t="s">
        <v>2755</v>
      </c>
      <c r="B15103" s="1" t="s">
        <v>60086</v>
      </c>
      <c r="C15103" s="1" t="s">
        <v>33851</v>
      </c>
      <c r="D15103" s="2">
        <v>167931</v>
      </c>
      <c r="E15103" s="1" t="s">
        <v>0</v>
      </c>
    </row>
    <row r="15104" spans="1:5" x14ac:dyDescent="0.25">
      <c r="A15104" s="1" t="s">
        <v>33852</v>
      </c>
      <c r="B15104" s="1" t="s">
        <v>62620</v>
      </c>
      <c r="C15104" s="1" t="s">
        <v>33853</v>
      </c>
      <c r="D15104" s="2">
        <v>167932</v>
      </c>
      <c r="E15104" s="1" t="s">
        <v>0</v>
      </c>
    </row>
    <row r="15105" spans="1:5" ht="409.5" x14ac:dyDescent="0.25">
      <c r="A15105" s="4" t="s">
        <v>33854</v>
      </c>
      <c r="B15105" s="1" t="s">
        <v>62621</v>
      </c>
      <c r="C15105" s="1" t="s">
        <v>33855</v>
      </c>
      <c r="D15105" s="2">
        <v>167933</v>
      </c>
      <c r="E15105" s="1" t="s">
        <v>0</v>
      </c>
    </row>
    <row r="15106" spans="1:5" x14ac:dyDescent="0.25">
      <c r="A15106" s="1" t="s">
        <v>33856</v>
      </c>
      <c r="B15106" s="1" t="s">
        <v>61189</v>
      </c>
      <c r="C15106" s="1" t="s">
        <v>27284</v>
      </c>
      <c r="D15106" s="2">
        <v>167934</v>
      </c>
      <c r="E15106" s="1" t="s">
        <v>0</v>
      </c>
    </row>
    <row r="15107" spans="1:5" x14ac:dyDescent="0.25">
      <c r="A15107" s="2">
        <v>3021</v>
      </c>
      <c r="B15107" s="2">
        <v>3021</v>
      </c>
      <c r="C15107" s="1" t="s">
        <v>0</v>
      </c>
      <c r="D15107" s="2">
        <v>167935</v>
      </c>
      <c r="E15107" s="1" t="s">
        <v>0</v>
      </c>
    </row>
    <row r="15108" spans="1:5" x14ac:dyDescent="0.25">
      <c r="A15108" s="1" t="s">
        <v>2756</v>
      </c>
      <c r="B15108" s="1" t="s">
        <v>50799</v>
      </c>
      <c r="C15108" s="1" t="s">
        <v>33857</v>
      </c>
      <c r="D15108" s="2">
        <v>167936</v>
      </c>
      <c r="E15108" s="1" t="s">
        <v>0</v>
      </c>
    </row>
    <row r="15109" spans="1:5" x14ac:dyDescent="0.25">
      <c r="A15109" s="1" t="s">
        <v>33858</v>
      </c>
      <c r="B15109" s="1" t="s">
        <v>50800</v>
      </c>
      <c r="C15109" s="1" t="s">
        <v>33859</v>
      </c>
      <c r="D15109" s="2">
        <v>167937</v>
      </c>
      <c r="E15109" s="1" t="s">
        <v>0</v>
      </c>
    </row>
    <row r="15110" spans="1:5" ht="409.5" x14ac:dyDescent="0.25">
      <c r="A15110" s="4" t="s">
        <v>33860</v>
      </c>
      <c r="B15110" s="1" t="s">
        <v>50801</v>
      </c>
      <c r="C15110" s="1" t="s">
        <v>33861</v>
      </c>
      <c r="D15110" s="2">
        <v>167938</v>
      </c>
      <c r="E15110" s="1" t="s">
        <v>0</v>
      </c>
    </row>
    <row r="15111" spans="1:5" x14ac:dyDescent="0.25">
      <c r="A15111" s="1" t="s">
        <v>33862</v>
      </c>
      <c r="B15111" s="1" t="s">
        <v>61190</v>
      </c>
      <c r="C15111" s="1" t="s">
        <v>33863</v>
      </c>
      <c r="D15111" s="2">
        <v>167939</v>
      </c>
      <c r="E15111" s="1" t="s">
        <v>0</v>
      </c>
    </row>
    <row r="15112" spans="1:5" x14ac:dyDescent="0.25">
      <c r="A15112" s="2">
        <v>3022</v>
      </c>
      <c r="B15112" s="2">
        <v>3022</v>
      </c>
      <c r="C15112" s="1" t="s">
        <v>0</v>
      </c>
      <c r="D15112" s="2">
        <v>167940</v>
      </c>
      <c r="E15112" s="1" t="s">
        <v>0</v>
      </c>
    </row>
    <row r="15113" spans="1:5" x14ac:dyDescent="0.25">
      <c r="A15113" s="1" t="s">
        <v>2757</v>
      </c>
      <c r="B15113" s="1" t="s">
        <v>9377</v>
      </c>
      <c r="C15113" s="1" t="s">
        <v>33864</v>
      </c>
      <c r="D15113" s="2">
        <v>167941</v>
      </c>
      <c r="E15113" s="1" t="s">
        <v>0</v>
      </c>
    </row>
    <row r="15114" spans="1:5" x14ac:dyDescent="0.25">
      <c r="A15114" s="1" t="s">
        <v>33865</v>
      </c>
      <c r="B15114" s="1" t="s">
        <v>9378</v>
      </c>
      <c r="C15114" s="1" t="s">
        <v>33866</v>
      </c>
      <c r="D15114" s="2">
        <v>167942</v>
      </c>
      <c r="E15114" s="1" t="s">
        <v>0</v>
      </c>
    </row>
    <row r="15115" spans="1:5" ht="409.5" x14ac:dyDescent="0.25">
      <c r="A15115" s="4" t="s">
        <v>33867</v>
      </c>
      <c r="B15115" s="1" t="s">
        <v>9379</v>
      </c>
      <c r="C15115" s="1" t="s">
        <v>33868</v>
      </c>
      <c r="D15115" s="2">
        <v>167943</v>
      </c>
      <c r="E15115" s="1" t="s">
        <v>0</v>
      </c>
    </row>
    <row r="15116" spans="1:5" x14ac:dyDescent="0.25">
      <c r="A15116" s="1" t="s">
        <v>33869</v>
      </c>
      <c r="B15116" s="1" t="s">
        <v>61191</v>
      </c>
      <c r="C15116" s="1" t="s">
        <v>33870</v>
      </c>
      <c r="D15116" s="2">
        <v>167944</v>
      </c>
      <c r="E15116" s="1" t="s">
        <v>0</v>
      </c>
    </row>
    <row r="15117" spans="1:5" x14ac:dyDescent="0.25">
      <c r="A15117" s="2">
        <v>3023</v>
      </c>
      <c r="B15117" s="2">
        <v>3023</v>
      </c>
      <c r="C15117" s="1" t="s">
        <v>0</v>
      </c>
      <c r="D15117" s="2">
        <v>167945</v>
      </c>
      <c r="E15117" s="1" t="s">
        <v>0</v>
      </c>
    </row>
    <row r="15118" spans="1:5" x14ac:dyDescent="0.25">
      <c r="A15118" s="1" t="s">
        <v>13173</v>
      </c>
      <c r="B15118" s="1" t="s">
        <v>13174</v>
      </c>
      <c r="C15118" s="1" t="s">
        <v>33871</v>
      </c>
      <c r="D15118" s="2">
        <v>167946</v>
      </c>
      <c r="E15118" s="1" t="s">
        <v>0</v>
      </c>
    </row>
    <row r="15119" spans="1:5" x14ac:dyDescent="0.25">
      <c r="A15119" s="1" t="s">
        <v>33872</v>
      </c>
      <c r="B15119" s="1" t="s">
        <v>13175</v>
      </c>
      <c r="C15119" s="1" t="s">
        <v>33873</v>
      </c>
      <c r="D15119" s="2">
        <v>167947</v>
      </c>
      <c r="E15119" s="1" t="s">
        <v>0</v>
      </c>
    </row>
    <row r="15120" spans="1:5" ht="409.5" x14ac:dyDescent="0.25">
      <c r="A15120" s="4" t="s">
        <v>33874</v>
      </c>
      <c r="B15120" s="1" t="s">
        <v>13176</v>
      </c>
      <c r="C15120" s="1" t="s">
        <v>33875</v>
      </c>
      <c r="D15120" s="2">
        <v>167948</v>
      </c>
      <c r="E15120" s="1" t="s">
        <v>0</v>
      </c>
    </row>
    <row r="15121" spans="1:5" x14ac:dyDescent="0.25">
      <c r="A15121" s="1" t="s">
        <v>33876</v>
      </c>
      <c r="B15121" s="1" t="s">
        <v>54341</v>
      </c>
      <c r="C15121" s="1" t="s">
        <v>33877</v>
      </c>
      <c r="D15121" s="2">
        <v>167949</v>
      </c>
      <c r="E15121" s="1" t="s">
        <v>0</v>
      </c>
    </row>
    <row r="15122" spans="1:5" x14ac:dyDescent="0.25">
      <c r="A15122" s="2">
        <v>3024</v>
      </c>
      <c r="B15122" s="2">
        <v>3024</v>
      </c>
      <c r="C15122" s="1" t="s">
        <v>0</v>
      </c>
      <c r="D15122" s="2">
        <v>167950</v>
      </c>
      <c r="E15122" s="1" t="s">
        <v>0</v>
      </c>
    </row>
    <row r="15123" spans="1:5" x14ac:dyDescent="0.25">
      <c r="A15123" s="1" t="s">
        <v>2758</v>
      </c>
      <c r="B15123" s="1" t="s">
        <v>54342</v>
      </c>
      <c r="C15123" s="1" t="s">
        <v>33878</v>
      </c>
      <c r="D15123" s="2">
        <v>167951</v>
      </c>
      <c r="E15123" s="1" t="s">
        <v>0</v>
      </c>
    </row>
    <row r="15124" spans="1:5" x14ac:dyDescent="0.25">
      <c r="A15124" s="1" t="s">
        <v>33879</v>
      </c>
      <c r="B15124" s="1" t="s">
        <v>57087</v>
      </c>
      <c r="C15124" s="1" t="s">
        <v>33880</v>
      </c>
      <c r="D15124" s="2">
        <v>167952</v>
      </c>
      <c r="E15124" s="1" t="s">
        <v>0</v>
      </c>
    </row>
    <row r="15125" spans="1:5" ht="409.5" x14ac:dyDescent="0.25">
      <c r="A15125" s="4" t="s">
        <v>64219</v>
      </c>
      <c r="B15125" s="1" t="s">
        <v>57244</v>
      </c>
      <c r="C15125" s="1" t="s">
        <v>33881</v>
      </c>
      <c r="D15125" s="2">
        <v>167953</v>
      </c>
      <c r="E15125" s="1" t="s">
        <v>0</v>
      </c>
    </row>
    <row r="15126" spans="1:5" x14ac:dyDescent="0.25">
      <c r="A15126" s="1" t="s">
        <v>33882</v>
      </c>
      <c r="B15126" s="1" t="s">
        <v>57245</v>
      </c>
      <c r="C15126" s="1" t="s">
        <v>33883</v>
      </c>
      <c r="D15126" s="2">
        <v>167954</v>
      </c>
      <c r="E15126" s="1" t="s">
        <v>0</v>
      </c>
    </row>
    <row r="15127" spans="1:5" x14ac:dyDescent="0.25">
      <c r="A15127" s="2">
        <v>3025</v>
      </c>
      <c r="B15127" s="2">
        <v>3025</v>
      </c>
      <c r="C15127" s="1" t="s">
        <v>0</v>
      </c>
      <c r="D15127" s="2">
        <v>167955</v>
      </c>
      <c r="E15127" s="1" t="s">
        <v>0</v>
      </c>
    </row>
    <row r="15128" spans="1:5" x14ac:dyDescent="0.25">
      <c r="A15128" s="1" t="s">
        <v>2759</v>
      </c>
      <c r="B15128" s="1" t="s">
        <v>9380</v>
      </c>
      <c r="C15128" s="1" t="s">
        <v>33884</v>
      </c>
      <c r="D15128" s="2">
        <v>167956</v>
      </c>
      <c r="E15128" s="1" t="s">
        <v>0</v>
      </c>
    </row>
    <row r="15129" spans="1:5" x14ac:dyDescent="0.25">
      <c r="A15129" s="1" t="s">
        <v>33885</v>
      </c>
      <c r="B15129" s="1" t="s">
        <v>50802</v>
      </c>
      <c r="C15129" s="1" t="s">
        <v>33886</v>
      </c>
      <c r="D15129" s="2">
        <v>167957</v>
      </c>
      <c r="E15129" s="1" t="s">
        <v>0</v>
      </c>
    </row>
    <row r="15130" spans="1:5" ht="409.5" x14ac:dyDescent="0.25">
      <c r="A15130" s="4" t="s">
        <v>33887</v>
      </c>
      <c r="B15130" s="1" t="s">
        <v>58090</v>
      </c>
      <c r="C15130" s="1" t="s">
        <v>33888</v>
      </c>
      <c r="D15130" s="2">
        <v>167958</v>
      </c>
      <c r="E15130" s="1" t="s">
        <v>0</v>
      </c>
    </row>
    <row r="15131" spans="1:5" x14ac:dyDescent="0.25">
      <c r="A15131" s="1" t="s">
        <v>33889</v>
      </c>
      <c r="B15131" s="1" t="s">
        <v>54343</v>
      </c>
      <c r="C15131" s="1" t="s">
        <v>33890</v>
      </c>
      <c r="D15131" s="2">
        <v>167959</v>
      </c>
      <c r="E15131" s="1" t="s">
        <v>0</v>
      </c>
    </row>
    <row r="15132" spans="1:5" x14ac:dyDescent="0.25">
      <c r="A15132" s="2">
        <v>3026</v>
      </c>
      <c r="B15132" s="2">
        <v>3026</v>
      </c>
      <c r="C15132" s="1" t="s">
        <v>0</v>
      </c>
      <c r="D15132" s="2">
        <v>167960</v>
      </c>
      <c r="E15132" s="1" t="s">
        <v>0</v>
      </c>
    </row>
    <row r="15133" spans="1:5" x14ac:dyDescent="0.25">
      <c r="A15133" s="1" t="s">
        <v>2760</v>
      </c>
      <c r="B15133" s="1" t="s">
        <v>9381</v>
      </c>
      <c r="C15133" s="1" t="s">
        <v>33891</v>
      </c>
      <c r="D15133" s="2">
        <v>167961</v>
      </c>
      <c r="E15133" s="1" t="s">
        <v>0</v>
      </c>
    </row>
    <row r="15134" spans="1:5" x14ac:dyDescent="0.25">
      <c r="A15134" s="1" t="s">
        <v>33892</v>
      </c>
      <c r="B15134" s="1" t="s">
        <v>9382</v>
      </c>
      <c r="C15134" s="1" t="s">
        <v>33893</v>
      </c>
      <c r="D15134" s="2">
        <v>167962</v>
      </c>
      <c r="E15134" s="1" t="s">
        <v>0</v>
      </c>
    </row>
    <row r="15135" spans="1:5" ht="409.5" x14ac:dyDescent="0.25">
      <c r="A15135" s="4" t="s">
        <v>33894</v>
      </c>
      <c r="B15135" s="1" t="s">
        <v>9383</v>
      </c>
      <c r="C15135" s="1" t="s">
        <v>33895</v>
      </c>
      <c r="D15135" s="2">
        <v>167963</v>
      </c>
      <c r="E15135" s="1" t="s">
        <v>0</v>
      </c>
    </row>
    <row r="15136" spans="1:5" x14ac:dyDescent="0.25">
      <c r="A15136" s="1" t="s">
        <v>33896</v>
      </c>
      <c r="B15136" s="1" t="s">
        <v>54344</v>
      </c>
      <c r="C15136" s="1" t="s">
        <v>33897</v>
      </c>
      <c r="D15136" s="2">
        <v>167964</v>
      </c>
      <c r="E15136" s="1" t="s">
        <v>0</v>
      </c>
    </row>
    <row r="15137" spans="1:5" x14ac:dyDescent="0.25">
      <c r="A15137" s="2">
        <v>3027</v>
      </c>
      <c r="B15137" s="2">
        <v>3027</v>
      </c>
      <c r="C15137" s="1" t="s">
        <v>0</v>
      </c>
      <c r="D15137" s="2">
        <v>167965</v>
      </c>
      <c r="E15137" s="1" t="s">
        <v>0</v>
      </c>
    </row>
    <row r="15138" spans="1:5" x14ac:dyDescent="0.25">
      <c r="A15138" s="1" t="s">
        <v>2761</v>
      </c>
      <c r="B15138" s="1" t="s">
        <v>50803</v>
      </c>
      <c r="C15138" s="1" t="s">
        <v>33898</v>
      </c>
      <c r="D15138" s="2">
        <v>167966</v>
      </c>
      <c r="E15138" s="1" t="s">
        <v>0</v>
      </c>
    </row>
    <row r="15139" spans="1:5" x14ac:dyDescent="0.25">
      <c r="A15139" s="1" t="s">
        <v>33899</v>
      </c>
      <c r="B15139" s="1" t="s">
        <v>50804</v>
      </c>
      <c r="C15139" s="1" t="s">
        <v>33900</v>
      </c>
      <c r="D15139" s="2">
        <v>167967</v>
      </c>
      <c r="E15139" s="1" t="s">
        <v>0</v>
      </c>
    </row>
    <row r="15140" spans="1:5" ht="409.5" x14ac:dyDescent="0.25">
      <c r="A15140" s="4" t="s">
        <v>64220</v>
      </c>
      <c r="B15140" s="1" t="s">
        <v>54345</v>
      </c>
      <c r="C15140" s="1" t="s">
        <v>33901</v>
      </c>
      <c r="D15140" s="2">
        <v>167968</v>
      </c>
      <c r="E15140" s="1" t="s">
        <v>0</v>
      </c>
    </row>
    <row r="15141" spans="1:5" x14ac:dyDescent="0.25">
      <c r="A15141" s="1" t="s">
        <v>33902</v>
      </c>
      <c r="B15141" s="1" t="s">
        <v>9384</v>
      </c>
      <c r="C15141" s="1" t="s">
        <v>33903</v>
      </c>
      <c r="D15141" s="2">
        <v>167969</v>
      </c>
      <c r="E15141" s="1" t="s">
        <v>0</v>
      </c>
    </row>
    <row r="15142" spans="1:5" x14ac:dyDescent="0.25">
      <c r="A15142" s="2">
        <v>3028</v>
      </c>
      <c r="B15142" s="2">
        <v>3028</v>
      </c>
      <c r="C15142" s="1" t="s">
        <v>0</v>
      </c>
      <c r="D15142" s="2">
        <v>167970</v>
      </c>
      <c r="E15142" s="1" t="s">
        <v>0</v>
      </c>
    </row>
    <row r="15143" spans="1:5" x14ac:dyDescent="0.25">
      <c r="A15143" s="1" t="s">
        <v>9385</v>
      </c>
      <c r="B15143" s="1" t="s">
        <v>50805</v>
      </c>
      <c r="C15143" s="1" t="s">
        <v>33904</v>
      </c>
      <c r="D15143" s="2">
        <v>167971</v>
      </c>
      <c r="E15143" s="1" t="s">
        <v>0</v>
      </c>
    </row>
    <row r="15144" spans="1:5" x14ac:dyDescent="0.25">
      <c r="A15144" s="1" t="s">
        <v>33905</v>
      </c>
      <c r="B15144" s="1" t="s">
        <v>58427</v>
      </c>
      <c r="C15144" s="1" t="s">
        <v>33906</v>
      </c>
      <c r="D15144" s="2">
        <v>167972</v>
      </c>
      <c r="E15144" s="1" t="s">
        <v>0</v>
      </c>
    </row>
    <row r="15145" spans="1:5" ht="409.5" x14ac:dyDescent="0.25">
      <c r="A15145" s="4" t="s">
        <v>33907</v>
      </c>
      <c r="B15145" s="1" t="s">
        <v>58428</v>
      </c>
      <c r="C15145" s="1" t="s">
        <v>33908</v>
      </c>
      <c r="D15145" s="2">
        <v>167973</v>
      </c>
      <c r="E15145" s="1" t="s">
        <v>0</v>
      </c>
    </row>
    <row r="15146" spans="1:5" x14ac:dyDescent="0.25">
      <c r="A15146" s="1" t="s">
        <v>33909</v>
      </c>
      <c r="B15146" s="1" t="s">
        <v>9386</v>
      </c>
      <c r="C15146" s="1" t="s">
        <v>33910</v>
      </c>
      <c r="D15146" s="2">
        <v>167974</v>
      </c>
      <c r="E15146" s="1" t="s">
        <v>0</v>
      </c>
    </row>
    <row r="15147" spans="1:5" x14ac:dyDescent="0.25">
      <c r="A15147" s="2">
        <v>3029</v>
      </c>
      <c r="B15147" s="2">
        <v>3029</v>
      </c>
      <c r="C15147" s="1" t="s">
        <v>0</v>
      </c>
      <c r="D15147" s="2">
        <v>167975</v>
      </c>
      <c r="E15147" s="1" t="s">
        <v>0</v>
      </c>
    </row>
    <row r="15148" spans="1:5" x14ac:dyDescent="0.25">
      <c r="A15148" s="1" t="s">
        <v>9387</v>
      </c>
      <c r="B15148" s="1" t="s">
        <v>9388</v>
      </c>
      <c r="C15148" s="1" t="s">
        <v>33911</v>
      </c>
      <c r="D15148" s="2">
        <v>167976</v>
      </c>
      <c r="E15148" s="1" t="s">
        <v>0</v>
      </c>
    </row>
    <row r="15149" spans="1:5" x14ac:dyDescent="0.25">
      <c r="A15149" s="1" t="s">
        <v>33912</v>
      </c>
      <c r="B15149" s="1" t="s">
        <v>54346</v>
      </c>
      <c r="C15149" s="1" t="s">
        <v>33913</v>
      </c>
      <c r="D15149" s="2">
        <v>167977</v>
      </c>
      <c r="E15149" s="1" t="s">
        <v>0</v>
      </c>
    </row>
    <row r="15150" spans="1:5" ht="409.5" x14ac:dyDescent="0.25">
      <c r="A15150" s="4" t="s">
        <v>33914</v>
      </c>
      <c r="B15150" s="1" t="s">
        <v>54347</v>
      </c>
      <c r="C15150" s="1" t="s">
        <v>33915</v>
      </c>
      <c r="D15150" s="2">
        <v>167978</v>
      </c>
      <c r="E15150" s="1" t="s">
        <v>0</v>
      </c>
    </row>
    <row r="15151" spans="1:5" x14ac:dyDescent="0.25">
      <c r="A15151" s="1" t="s">
        <v>33916</v>
      </c>
      <c r="B15151" s="1" t="s">
        <v>9389</v>
      </c>
      <c r="C15151" s="1" t="s">
        <v>33917</v>
      </c>
      <c r="D15151" s="2">
        <v>167979</v>
      </c>
      <c r="E15151" s="1" t="s">
        <v>0</v>
      </c>
    </row>
    <row r="15152" spans="1:5" x14ac:dyDescent="0.25">
      <c r="A15152" s="2">
        <v>3030</v>
      </c>
      <c r="B15152" s="2">
        <v>3030</v>
      </c>
      <c r="C15152" s="1" t="s">
        <v>0</v>
      </c>
      <c r="D15152" s="2">
        <v>167980</v>
      </c>
      <c r="E15152" s="1" t="s">
        <v>0</v>
      </c>
    </row>
    <row r="15153" spans="1:5" x14ac:dyDescent="0.25">
      <c r="A15153" s="1" t="s">
        <v>2762</v>
      </c>
      <c r="B15153" s="1" t="s">
        <v>9390</v>
      </c>
      <c r="C15153" s="1" t="s">
        <v>33918</v>
      </c>
      <c r="D15153" s="2">
        <v>167981</v>
      </c>
      <c r="E15153" s="1" t="s">
        <v>0</v>
      </c>
    </row>
    <row r="15154" spans="1:5" x14ac:dyDescent="0.25">
      <c r="A15154" s="1" t="s">
        <v>33919</v>
      </c>
      <c r="B15154" s="1" t="s">
        <v>63741</v>
      </c>
      <c r="C15154" s="1" t="s">
        <v>33920</v>
      </c>
      <c r="D15154" s="2">
        <v>167982</v>
      </c>
      <c r="E15154" s="1" t="s">
        <v>0</v>
      </c>
    </row>
    <row r="15155" spans="1:5" ht="409.5" x14ac:dyDescent="0.25">
      <c r="A15155" s="4" t="s">
        <v>33921</v>
      </c>
      <c r="B15155" s="1" t="s">
        <v>63742</v>
      </c>
      <c r="C15155" s="1" t="s">
        <v>33922</v>
      </c>
      <c r="D15155" s="2">
        <v>167983</v>
      </c>
      <c r="E15155" s="1" t="s">
        <v>0</v>
      </c>
    </row>
    <row r="15156" spans="1:5" x14ac:dyDescent="0.25">
      <c r="A15156" s="1" t="s">
        <v>33923</v>
      </c>
      <c r="B15156" s="1" t="s">
        <v>57246</v>
      </c>
      <c r="C15156" s="1" t="s">
        <v>33924</v>
      </c>
      <c r="D15156" s="2">
        <v>167984</v>
      </c>
      <c r="E15156" s="1" t="s">
        <v>0</v>
      </c>
    </row>
    <row r="15157" spans="1:5" x14ac:dyDescent="0.25">
      <c r="A15157" s="2">
        <v>3031</v>
      </c>
      <c r="B15157" s="2">
        <v>3031</v>
      </c>
      <c r="C15157" s="1" t="s">
        <v>0</v>
      </c>
      <c r="D15157" s="2">
        <v>167985</v>
      </c>
      <c r="E15157" s="1" t="s">
        <v>0</v>
      </c>
    </row>
    <row r="15158" spans="1:5" x14ac:dyDescent="0.25">
      <c r="A15158" s="1" t="s">
        <v>2763</v>
      </c>
      <c r="B15158" s="1" t="s">
        <v>9391</v>
      </c>
      <c r="C15158" s="1" t="s">
        <v>33925</v>
      </c>
      <c r="D15158" s="2">
        <v>167986</v>
      </c>
      <c r="E15158" s="1" t="s">
        <v>0</v>
      </c>
    </row>
    <row r="15159" spans="1:5" x14ac:dyDescent="0.25">
      <c r="A15159" s="1" t="s">
        <v>33926</v>
      </c>
      <c r="B15159" s="1" t="s">
        <v>54348</v>
      </c>
      <c r="C15159" s="1" t="s">
        <v>33927</v>
      </c>
      <c r="D15159" s="2">
        <v>167987</v>
      </c>
      <c r="E15159" s="1" t="s">
        <v>0</v>
      </c>
    </row>
    <row r="15160" spans="1:5" ht="409.5" x14ac:dyDescent="0.25">
      <c r="A15160" s="4" t="s">
        <v>33928</v>
      </c>
      <c r="B15160" s="1" t="s">
        <v>60825</v>
      </c>
      <c r="C15160" s="1" t="s">
        <v>33929</v>
      </c>
      <c r="D15160" s="2">
        <v>167988</v>
      </c>
      <c r="E15160" s="1" t="s">
        <v>0</v>
      </c>
    </row>
    <row r="15161" spans="1:5" x14ac:dyDescent="0.25">
      <c r="A15161" s="1" t="s">
        <v>33930</v>
      </c>
      <c r="B15161" s="1" t="s">
        <v>54349</v>
      </c>
      <c r="C15161" s="1" t="s">
        <v>33931</v>
      </c>
      <c r="D15161" s="2">
        <v>167989</v>
      </c>
      <c r="E15161" s="1" t="s">
        <v>0</v>
      </c>
    </row>
    <row r="15162" spans="1:5" x14ac:dyDescent="0.25">
      <c r="A15162" s="2">
        <v>3032</v>
      </c>
      <c r="B15162" s="2">
        <v>3032</v>
      </c>
      <c r="C15162" s="1" t="s">
        <v>0</v>
      </c>
      <c r="D15162" s="2">
        <v>167990</v>
      </c>
      <c r="E15162" s="1" t="s">
        <v>0</v>
      </c>
    </row>
    <row r="15163" spans="1:5" x14ac:dyDescent="0.25">
      <c r="A15163" s="1" t="s">
        <v>9392</v>
      </c>
      <c r="B15163" s="1" t="s">
        <v>9393</v>
      </c>
      <c r="C15163" s="1" t="s">
        <v>33932</v>
      </c>
      <c r="D15163" s="2">
        <v>167991</v>
      </c>
      <c r="E15163" s="1" t="s">
        <v>0</v>
      </c>
    </row>
    <row r="15164" spans="1:5" x14ac:dyDescent="0.25">
      <c r="A15164" s="1" t="s">
        <v>33933</v>
      </c>
      <c r="B15164" s="1" t="s">
        <v>9394</v>
      </c>
      <c r="C15164" s="1" t="s">
        <v>33934</v>
      </c>
      <c r="D15164" s="2">
        <v>167992</v>
      </c>
      <c r="E15164" s="1" t="s">
        <v>0</v>
      </c>
    </row>
    <row r="15165" spans="1:5" ht="409.5" x14ac:dyDescent="0.25">
      <c r="A15165" s="4" t="s">
        <v>33935</v>
      </c>
      <c r="B15165" s="1" t="s">
        <v>58930</v>
      </c>
      <c r="C15165" s="1" t="s">
        <v>33936</v>
      </c>
      <c r="D15165" s="2">
        <v>167993</v>
      </c>
      <c r="E15165" s="1" t="s">
        <v>0</v>
      </c>
    </row>
    <row r="15166" spans="1:5" x14ac:dyDescent="0.25">
      <c r="A15166" s="1" t="s">
        <v>33937</v>
      </c>
      <c r="B15166" s="1" t="s">
        <v>54350</v>
      </c>
      <c r="C15166" s="1" t="s">
        <v>33938</v>
      </c>
      <c r="D15166" s="2">
        <v>167994</v>
      </c>
      <c r="E15166" s="1" t="s">
        <v>0</v>
      </c>
    </row>
    <row r="15167" spans="1:5" x14ac:dyDescent="0.25">
      <c r="A15167" s="2">
        <v>3033</v>
      </c>
      <c r="B15167" s="2">
        <v>3033</v>
      </c>
      <c r="C15167" s="1" t="s">
        <v>0</v>
      </c>
      <c r="D15167" s="2">
        <v>167995</v>
      </c>
      <c r="E15167" s="1" t="s">
        <v>0</v>
      </c>
    </row>
    <row r="15168" spans="1:5" x14ac:dyDescent="0.25">
      <c r="A15168" s="1" t="s">
        <v>2764</v>
      </c>
      <c r="B15168" s="1" t="s">
        <v>9395</v>
      </c>
      <c r="C15168" s="1" t="s">
        <v>33939</v>
      </c>
      <c r="D15168" s="2">
        <v>167996</v>
      </c>
      <c r="E15168" s="1" t="s">
        <v>0</v>
      </c>
    </row>
    <row r="15169" spans="1:5" x14ac:dyDescent="0.25">
      <c r="A15169" s="1" t="s">
        <v>33940</v>
      </c>
      <c r="B15169" s="1" t="s">
        <v>9396</v>
      </c>
      <c r="C15169" s="1" t="s">
        <v>33941</v>
      </c>
      <c r="D15169" s="2">
        <v>167997</v>
      </c>
      <c r="E15169" s="1" t="s">
        <v>0</v>
      </c>
    </row>
    <row r="15170" spans="1:5" ht="409.5" x14ac:dyDescent="0.25">
      <c r="A15170" s="4" t="s">
        <v>33942</v>
      </c>
      <c r="B15170" s="1" t="s">
        <v>57881</v>
      </c>
      <c r="C15170" s="1" t="s">
        <v>33943</v>
      </c>
      <c r="D15170" s="2">
        <v>167998</v>
      </c>
      <c r="E15170" s="1" t="s">
        <v>0</v>
      </c>
    </row>
    <row r="15171" spans="1:5" x14ac:dyDescent="0.25">
      <c r="A15171" s="1" t="s">
        <v>33944</v>
      </c>
      <c r="B15171" s="1" t="s">
        <v>9397</v>
      </c>
      <c r="C15171" s="1" t="s">
        <v>33945</v>
      </c>
      <c r="D15171" s="2">
        <v>167999</v>
      </c>
      <c r="E15171" s="1" t="s">
        <v>0</v>
      </c>
    </row>
    <row r="15172" spans="1:5" x14ac:dyDescent="0.25">
      <c r="A15172" s="2">
        <v>3034</v>
      </c>
      <c r="B15172" s="2">
        <v>3034</v>
      </c>
      <c r="C15172" s="1" t="s">
        <v>0</v>
      </c>
      <c r="D15172" s="2">
        <v>168000</v>
      </c>
      <c r="E15172" s="1" t="s">
        <v>0</v>
      </c>
    </row>
    <row r="15173" spans="1:5" x14ac:dyDescent="0.25">
      <c r="A15173" s="1" t="s">
        <v>2765</v>
      </c>
      <c r="B15173" s="1" t="s">
        <v>9398</v>
      </c>
      <c r="C15173" s="1" t="s">
        <v>33946</v>
      </c>
      <c r="D15173" s="2">
        <v>168001</v>
      </c>
      <c r="E15173" s="1" t="s">
        <v>0</v>
      </c>
    </row>
    <row r="15174" spans="1:5" x14ac:dyDescent="0.25">
      <c r="A15174" s="1" t="s">
        <v>33947</v>
      </c>
      <c r="B15174" s="1" t="s">
        <v>54351</v>
      </c>
      <c r="C15174" s="1" t="s">
        <v>33948</v>
      </c>
      <c r="D15174" s="2">
        <v>168002</v>
      </c>
      <c r="E15174" s="1" t="s">
        <v>0</v>
      </c>
    </row>
    <row r="15175" spans="1:5" ht="409.5" x14ac:dyDescent="0.25">
      <c r="A15175" s="4" t="s">
        <v>33949</v>
      </c>
      <c r="B15175" s="1" t="s">
        <v>54352</v>
      </c>
      <c r="C15175" s="1" t="s">
        <v>33950</v>
      </c>
      <c r="D15175" s="2">
        <v>168003</v>
      </c>
      <c r="E15175" s="1" t="s">
        <v>0</v>
      </c>
    </row>
    <row r="15176" spans="1:5" x14ac:dyDescent="0.25">
      <c r="A15176" s="1" t="s">
        <v>33951</v>
      </c>
      <c r="B15176" s="1" t="s">
        <v>9399</v>
      </c>
      <c r="C15176" s="1" t="s">
        <v>33952</v>
      </c>
      <c r="D15176" s="2">
        <v>168004</v>
      </c>
      <c r="E15176" s="1" t="s">
        <v>0</v>
      </c>
    </row>
    <row r="15177" spans="1:5" x14ac:dyDescent="0.25">
      <c r="A15177" s="2">
        <v>3035</v>
      </c>
      <c r="B15177" s="2">
        <v>3035</v>
      </c>
      <c r="C15177" s="1" t="s">
        <v>0</v>
      </c>
      <c r="D15177" s="2">
        <v>168005</v>
      </c>
      <c r="E15177" s="1" t="s">
        <v>0</v>
      </c>
    </row>
    <row r="15178" spans="1:5" x14ac:dyDescent="0.25">
      <c r="A15178" s="1" t="s">
        <v>2766</v>
      </c>
      <c r="B15178" s="1" t="s">
        <v>54353</v>
      </c>
      <c r="C15178" s="1" t="s">
        <v>33953</v>
      </c>
      <c r="D15178" s="2">
        <v>168006</v>
      </c>
      <c r="E15178" s="1" t="s">
        <v>0</v>
      </c>
    </row>
    <row r="15179" spans="1:5" x14ac:dyDescent="0.25">
      <c r="A15179" s="1" t="s">
        <v>33954</v>
      </c>
      <c r="B15179" s="1" t="s">
        <v>63887</v>
      </c>
      <c r="C15179" s="1" t="s">
        <v>33955</v>
      </c>
      <c r="D15179" s="2">
        <v>168007</v>
      </c>
      <c r="E15179" s="1" t="s">
        <v>0</v>
      </c>
    </row>
    <row r="15180" spans="1:5" ht="409.5" x14ac:dyDescent="0.25">
      <c r="A15180" s="4" t="s">
        <v>33956</v>
      </c>
      <c r="B15180" s="1" t="s">
        <v>63888</v>
      </c>
      <c r="C15180" s="1" t="s">
        <v>33957</v>
      </c>
      <c r="D15180" s="2">
        <v>168008</v>
      </c>
      <c r="E15180" s="1" t="s">
        <v>0</v>
      </c>
    </row>
    <row r="15181" spans="1:5" x14ac:dyDescent="0.25">
      <c r="A15181" s="1" t="s">
        <v>33958</v>
      </c>
      <c r="B15181" s="1" t="s">
        <v>54354</v>
      </c>
      <c r="C15181" s="1" t="s">
        <v>33959</v>
      </c>
      <c r="D15181" s="2">
        <v>168009</v>
      </c>
      <c r="E15181" s="1" t="s">
        <v>0</v>
      </c>
    </row>
    <row r="15182" spans="1:5" x14ac:dyDescent="0.25">
      <c r="A15182" s="2">
        <v>3036</v>
      </c>
      <c r="B15182" s="2">
        <v>3036</v>
      </c>
      <c r="C15182" s="1" t="s">
        <v>0</v>
      </c>
      <c r="D15182" s="2">
        <v>168010</v>
      </c>
      <c r="E15182" s="1" t="s">
        <v>0</v>
      </c>
    </row>
    <row r="15183" spans="1:5" x14ac:dyDescent="0.25">
      <c r="A15183" s="1" t="s">
        <v>2767</v>
      </c>
      <c r="B15183" s="1" t="s">
        <v>50806</v>
      </c>
      <c r="C15183" s="1" t="s">
        <v>33960</v>
      </c>
      <c r="D15183" s="2">
        <v>168011</v>
      </c>
      <c r="E15183" s="1" t="s">
        <v>0</v>
      </c>
    </row>
    <row r="15184" spans="1:5" x14ac:dyDescent="0.25">
      <c r="A15184" s="1" t="s">
        <v>33961</v>
      </c>
      <c r="B15184" s="1" t="s">
        <v>54355</v>
      </c>
      <c r="C15184" s="1" t="s">
        <v>33962</v>
      </c>
      <c r="D15184" s="2">
        <v>168012</v>
      </c>
      <c r="E15184" s="1" t="s">
        <v>0</v>
      </c>
    </row>
    <row r="15185" spans="1:5" ht="409.5" x14ac:dyDescent="0.25">
      <c r="A15185" s="4" t="s">
        <v>33963</v>
      </c>
      <c r="B15185" s="1" t="s">
        <v>60087</v>
      </c>
      <c r="C15185" s="1" t="s">
        <v>33964</v>
      </c>
      <c r="D15185" s="2">
        <v>168013</v>
      </c>
      <c r="E15185" s="1" t="s">
        <v>0</v>
      </c>
    </row>
    <row r="15186" spans="1:5" x14ac:dyDescent="0.25">
      <c r="A15186" s="1" t="s">
        <v>33965</v>
      </c>
      <c r="B15186" s="1" t="s">
        <v>9400</v>
      </c>
      <c r="C15186" s="1" t="s">
        <v>33966</v>
      </c>
      <c r="D15186" s="2">
        <v>168014</v>
      </c>
      <c r="E15186" s="1" t="s">
        <v>0</v>
      </c>
    </row>
    <row r="15187" spans="1:5" x14ac:dyDescent="0.25">
      <c r="A15187" s="2">
        <v>3037</v>
      </c>
      <c r="B15187" s="2">
        <v>3037</v>
      </c>
      <c r="C15187" s="1" t="s">
        <v>0</v>
      </c>
      <c r="D15187" s="2">
        <v>168015</v>
      </c>
      <c r="E15187" s="1" t="s">
        <v>0</v>
      </c>
    </row>
    <row r="15188" spans="1:5" x14ac:dyDescent="0.25">
      <c r="A15188" s="1" t="s">
        <v>2768</v>
      </c>
      <c r="B15188" s="1" t="s">
        <v>9401</v>
      </c>
      <c r="C15188" s="1" t="s">
        <v>33967</v>
      </c>
      <c r="D15188" s="2">
        <v>168016</v>
      </c>
      <c r="E15188" s="1" t="s">
        <v>0</v>
      </c>
    </row>
    <row r="15189" spans="1:5" x14ac:dyDescent="0.25">
      <c r="A15189" s="1" t="s">
        <v>33968</v>
      </c>
      <c r="B15189" s="1" t="s">
        <v>50807</v>
      </c>
      <c r="C15189" s="1" t="s">
        <v>33969</v>
      </c>
      <c r="D15189" s="2">
        <v>168017</v>
      </c>
      <c r="E15189" s="1" t="s">
        <v>0</v>
      </c>
    </row>
    <row r="15190" spans="1:5" ht="409.5" x14ac:dyDescent="0.25">
      <c r="A15190" s="4" t="s">
        <v>33970</v>
      </c>
      <c r="B15190" s="1" t="s">
        <v>54356</v>
      </c>
      <c r="C15190" s="1" t="s">
        <v>33971</v>
      </c>
      <c r="D15190" s="2">
        <v>168018</v>
      </c>
      <c r="E15190" s="1" t="s">
        <v>0</v>
      </c>
    </row>
    <row r="15191" spans="1:5" x14ac:dyDescent="0.25">
      <c r="A15191" s="1" t="s">
        <v>33972</v>
      </c>
      <c r="B15191" s="1" t="s">
        <v>9402</v>
      </c>
      <c r="C15191" s="1" t="s">
        <v>33973</v>
      </c>
      <c r="D15191" s="2">
        <v>168019</v>
      </c>
      <c r="E15191" s="1" t="s">
        <v>0</v>
      </c>
    </row>
    <row r="15192" spans="1:5" x14ac:dyDescent="0.25">
      <c r="A15192" s="2">
        <v>3038</v>
      </c>
      <c r="B15192" s="2">
        <v>3038</v>
      </c>
      <c r="C15192" s="1" t="s">
        <v>0</v>
      </c>
      <c r="D15192" s="2">
        <v>168020</v>
      </c>
      <c r="E15192" s="1" t="s">
        <v>0</v>
      </c>
    </row>
    <row r="15193" spans="1:5" x14ac:dyDescent="0.25">
      <c r="A15193" s="1" t="s">
        <v>2769</v>
      </c>
      <c r="B15193" s="1" t="s">
        <v>9403</v>
      </c>
      <c r="C15193" s="1" t="s">
        <v>33974</v>
      </c>
      <c r="D15193" s="2">
        <v>168021</v>
      </c>
      <c r="E15193" s="1" t="s">
        <v>0</v>
      </c>
    </row>
    <row r="15194" spans="1:5" x14ac:dyDescent="0.25">
      <c r="A15194" s="1" t="s">
        <v>33975</v>
      </c>
      <c r="B15194" s="1" t="s">
        <v>9404</v>
      </c>
      <c r="C15194" s="1" t="s">
        <v>33976</v>
      </c>
      <c r="D15194" s="2">
        <v>168022</v>
      </c>
      <c r="E15194" s="1" t="s">
        <v>0</v>
      </c>
    </row>
    <row r="15195" spans="1:5" ht="409.5" x14ac:dyDescent="0.25">
      <c r="A15195" s="4" t="s">
        <v>33977</v>
      </c>
      <c r="B15195" s="1" t="s">
        <v>63400</v>
      </c>
      <c r="C15195" s="1" t="s">
        <v>33978</v>
      </c>
      <c r="D15195" s="2">
        <v>168023</v>
      </c>
      <c r="E15195" s="1" t="s">
        <v>0</v>
      </c>
    </row>
    <row r="15196" spans="1:5" x14ac:dyDescent="0.25">
      <c r="A15196" s="1" t="s">
        <v>33979</v>
      </c>
      <c r="B15196" s="1" t="s">
        <v>54357</v>
      </c>
      <c r="C15196" s="1" t="s">
        <v>33980</v>
      </c>
      <c r="D15196" s="2">
        <v>168024</v>
      </c>
      <c r="E15196" s="1" t="s">
        <v>0</v>
      </c>
    </row>
    <row r="15197" spans="1:5" x14ac:dyDescent="0.25">
      <c r="A15197" s="2">
        <v>3039</v>
      </c>
      <c r="B15197" s="2">
        <v>3039</v>
      </c>
      <c r="C15197" s="1" t="s">
        <v>0</v>
      </c>
      <c r="D15197" s="2">
        <v>168025</v>
      </c>
      <c r="E15197" s="1" t="s">
        <v>0</v>
      </c>
    </row>
    <row r="15198" spans="1:5" x14ac:dyDescent="0.25">
      <c r="A15198" s="1" t="s">
        <v>2770</v>
      </c>
      <c r="B15198" s="1" t="s">
        <v>9405</v>
      </c>
      <c r="C15198" s="1" t="s">
        <v>33981</v>
      </c>
      <c r="D15198" s="2">
        <v>168026</v>
      </c>
      <c r="E15198" s="1" t="s">
        <v>0</v>
      </c>
    </row>
    <row r="15199" spans="1:5" x14ac:dyDescent="0.25">
      <c r="A15199" s="1" t="s">
        <v>33982</v>
      </c>
      <c r="B15199" s="1" t="s">
        <v>9406</v>
      </c>
      <c r="C15199" s="1" t="s">
        <v>33983</v>
      </c>
      <c r="D15199" s="2">
        <v>168027</v>
      </c>
      <c r="E15199" s="1" t="s">
        <v>0</v>
      </c>
    </row>
    <row r="15200" spans="1:5" ht="409.5" x14ac:dyDescent="0.25">
      <c r="A15200" s="4" t="s">
        <v>33984</v>
      </c>
      <c r="B15200" s="1" t="s">
        <v>60444</v>
      </c>
      <c r="C15200" s="1" t="s">
        <v>33985</v>
      </c>
      <c r="D15200" s="2">
        <v>168028</v>
      </c>
      <c r="E15200" s="1" t="s">
        <v>0</v>
      </c>
    </row>
    <row r="15201" spans="1:5" x14ac:dyDescent="0.25">
      <c r="A15201" s="1" t="s">
        <v>33986</v>
      </c>
      <c r="B15201" s="1" t="s">
        <v>54358</v>
      </c>
      <c r="C15201" s="1" t="s">
        <v>33987</v>
      </c>
      <c r="D15201" s="2">
        <v>168029</v>
      </c>
      <c r="E15201" s="1" t="s">
        <v>0</v>
      </c>
    </row>
    <row r="15202" spans="1:5" x14ac:dyDescent="0.25">
      <c r="A15202" s="2">
        <v>3040</v>
      </c>
      <c r="B15202" s="2">
        <v>3040</v>
      </c>
      <c r="C15202" s="1" t="s">
        <v>0</v>
      </c>
      <c r="D15202" s="2">
        <v>168030</v>
      </c>
      <c r="E15202" s="1" t="s">
        <v>0</v>
      </c>
    </row>
    <row r="15203" spans="1:5" x14ac:dyDescent="0.25">
      <c r="A15203" s="1" t="s">
        <v>2771</v>
      </c>
      <c r="B15203" s="1" t="s">
        <v>54359</v>
      </c>
      <c r="C15203" s="1" t="s">
        <v>33988</v>
      </c>
      <c r="D15203" s="2">
        <v>168031</v>
      </c>
      <c r="E15203" s="1" t="s">
        <v>0</v>
      </c>
    </row>
    <row r="15204" spans="1:5" x14ac:dyDescent="0.25">
      <c r="A15204" s="1" t="s">
        <v>33989</v>
      </c>
      <c r="B15204" s="1" t="s">
        <v>54360</v>
      </c>
      <c r="C15204" s="1" t="s">
        <v>33990</v>
      </c>
      <c r="D15204" s="2">
        <v>168032</v>
      </c>
      <c r="E15204" s="1" t="s">
        <v>0</v>
      </c>
    </row>
    <row r="15205" spans="1:5" ht="409.5" x14ac:dyDescent="0.25">
      <c r="A15205" s="4" t="s">
        <v>33991</v>
      </c>
      <c r="B15205" s="1" t="s">
        <v>54361</v>
      </c>
      <c r="C15205" s="1" t="s">
        <v>33992</v>
      </c>
      <c r="D15205" s="2">
        <v>168033</v>
      </c>
      <c r="E15205" s="1" t="s">
        <v>0</v>
      </c>
    </row>
    <row r="15206" spans="1:5" x14ac:dyDescent="0.25">
      <c r="A15206" s="1" t="s">
        <v>33993</v>
      </c>
      <c r="B15206" s="1" t="s">
        <v>54362</v>
      </c>
      <c r="C15206" s="1" t="s">
        <v>33994</v>
      </c>
      <c r="D15206" s="2">
        <v>168034</v>
      </c>
      <c r="E15206" s="1" t="s">
        <v>0</v>
      </c>
    </row>
    <row r="15207" spans="1:5" x14ac:dyDescent="0.25">
      <c r="A15207" s="2">
        <v>3041</v>
      </c>
      <c r="B15207" s="2">
        <v>3041</v>
      </c>
      <c r="C15207" s="1" t="s">
        <v>0</v>
      </c>
      <c r="D15207" s="2">
        <v>168035</v>
      </c>
      <c r="E15207" s="1" t="s">
        <v>0</v>
      </c>
    </row>
    <row r="15208" spans="1:5" x14ac:dyDescent="0.25">
      <c r="A15208" s="1" t="s">
        <v>2772</v>
      </c>
      <c r="B15208" s="1" t="s">
        <v>9407</v>
      </c>
      <c r="C15208" s="1" t="s">
        <v>33995</v>
      </c>
      <c r="D15208" s="2">
        <v>168036</v>
      </c>
      <c r="E15208" s="1" t="s">
        <v>0</v>
      </c>
    </row>
    <row r="15209" spans="1:5" x14ac:dyDescent="0.25">
      <c r="A15209" s="1" t="s">
        <v>33996</v>
      </c>
      <c r="B15209" s="1" t="s">
        <v>13177</v>
      </c>
      <c r="C15209" s="1" t="s">
        <v>33997</v>
      </c>
      <c r="D15209" s="2">
        <v>168037</v>
      </c>
      <c r="E15209" s="1" t="s">
        <v>0</v>
      </c>
    </row>
    <row r="15210" spans="1:5" ht="409.5" x14ac:dyDescent="0.25">
      <c r="A15210" s="4" t="s">
        <v>33998</v>
      </c>
      <c r="B15210" s="1" t="s">
        <v>63401</v>
      </c>
      <c r="C15210" s="1" t="s">
        <v>33999</v>
      </c>
      <c r="D15210" s="2">
        <v>168038</v>
      </c>
      <c r="E15210" s="1" t="s">
        <v>0</v>
      </c>
    </row>
    <row r="15211" spans="1:5" x14ac:dyDescent="0.25">
      <c r="A15211" s="1" t="s">
        <v>34000</v>
      </c>
      <c r="B15211" s="1" t="s">
        <v>9408</v>
      </c>
      <c r="C15211" s="1" t="s">
        <v>34001</v>
      </c>
      <c r="D15211" s="2">
        <v>168039</v>
      </c>
      <c r="E15211" s="1" t="s">
        <v>0</v>
      </c>
    </row>
    <row r="15212" spans="1:5" x14ac:dyDescent="0.25">
      <c r="A15212" s="2">
        <v>3042</v>
      </c>
      <c r="B15212" s="2">
        <v>3042</v>
      </c>
      <c r="C15212" s="1" t="s">
        <v>0</v>
      </c>
      <c r="D15212" s="2">
        <v>168040</v>
      </c>
      <c r="E15212" s="1" t="s">
        <v>0</v>
      </c>
    </row>
    <row r="15213" spans="1:5" x14ac:dyDescent="0.25">
      <c r="A15213" s="1" t="s">
        <v>2773</v>
      </c>
      <c r="B15213" s="1" t="s">
        <v>59040</v>
      </c>
      <c r="C15213" s="1" t="s">
        <v>34002</v>
      </c>
      <c r="D15213" s="2">
        <v>168041</v>
      </c>
      <c r="E15213" s="1" t="s">
        <v>0</v>
      </c>
    </row>
    <row r="15214" spans="1:5" x14ac:dyDescent="0.25">
      <c r="A15214" s="1" t="s">
        <v>34003</v>
      </c>
      <c r="B15214" s="1" t="s">
        <v>59041</v>
      </c>
      <c r="C15214" s="1" t="s">
        <v>34004</v>
      </c>
      <c r="D15214" s="2">
        <v>168042</v>
      </c>
      <c r="E15214" s="1" t="s">
        <v>0</v>
      </c>
    </row>
    <row r="15215" spans="1:5" ht="409.5" x14ac:dyDescent="0.25">
      <c r="A15215" s="4" t="s">
        <v>64221</v>
      </c>
      <c r="B15215" s="1" t="s">
        <v>59042</v>
      </c>
      <c r="C15215" s="1" t="s">
        <v>34005</v>
      </c>
      <c r="D15215" s="2">
        <v>168043</v>
      </c>
      <c r="E15215" s="1" t="s">
        <v>0</v>
      </c>
    </row>
    <row r="15216" spans="1:5" x14ac:dyDescent="0.25">
      <c r="A15216" s="1" t="s">
        <v>34006</v>
      </c>
      <c r="B15216" s="1" t="s">
        <v>54363</v>
      </c>
      <c r="C15216" s="1" t="s">
        <v>34007</v>
      </c>
      <c r="D15216" s="2">
        <v>168044</v>
      </c>
      <c r="E15216" s="1" t="s">
        <v>0</v>
      </c>
    </row>
    <row r="15217" spans="1:5" x14ac:dyDescent="0.25">
      <c r="A15217" s="2">
        <v>3043</v>
      </c>
      <c r="B15217" s="2">
        <v>3043</v>
      </c>
      <c r="C15217" s="1" t="s">
        <v>0</v>
      </c>
      <c r="D15217" s="2">
        <v>168045</v>
      </c>
      <c r="E15217" s="1" t="s">
        <v>0</v>
      </c>
    </row>
    <row r="15218" spans="1:5" x14ac:dyDescent="0.25">
      <c r="A15218" s="1" t="s">
        <v>2774</v>
      </c>
      <c r="B15218" s="1" t="s">
        <v>9409</v>
      </c>
      <c r="C15218" s="1" t="s">
        <v>34008</v>
      </c>
      <c r="D15218" s="2">
        <v>168046</v>
      </c>
      <c r="E15218" s="1" t="s">
        <v>0</v>
      </c>
    </row>
    <row r="15219" spans="1:5" x14ac:dyDescent="0.25">
      <c r="A15219" s="1" t="s">
        <v>34009</v>
      </c>
      <c r="B15219" s="1" t="s">
        <v>54364</v>
      </c>
      <c r="C15219" s="1" t="s">
        <v>34010</v>
      </c>
      <c r="D15219" s="2">
        <v>168047</v>
      </c>
      <c r="E15219" s="1" t="s">
        <v>0</v>
      </c>
    </row>
    <row r="15220" spans="1:5" ht="409.5" x14ac:dyDescent="0.25">
      <c r="A15220" s="4" t="s">
        <v>34011</v>
      </c>
      <c r="B15220" s="1" t="s">
        <v>54365</v>
      </c>
      <c r="C15220" s="1" t="s">
        <v>34012</v>
      </c>
      <c r="D15220" s="2">
        <v>168048</v>
      </c>
      <c r="E15220" s="1" t="s">
        <v>0</v>
      </c>
    </row>
    <row r="15221" spans="1:5" x14ac:dyDescent="0.25">
      <c r="A15221" s="1" t="s">
        <v>34013</v>
      </c>
      <c r="B15221" s="1" t="s">
        <v>9410</v>
      </c>
      <c r="C15221" s="1" t="s">
        <v>34014</v>
      </c>
      <c r="D15221" s="2">
        <v>168049</v>
      </c>
      <c r="E15221" s="1" t="s">
        <v>0</v>
      </c>
    </row>
    <row r="15222" spans="1:5" x14ac:dyDescent="0.25">
      <c r="A15222" s="2">
        <v>3044</v>
      </c>
      <c r="B15222" s="2">
        <v>3044</v>
      </c>
      <c r="C15222" s="1" t="s">
        <v>0</v>
      </c>
      <c r="D15222" s="2">
        <v>168050</v>
      </c>
      <c r="E15222" s="1" t="s">
        <v>0</v>
      </c>
    </row>
    <row r="15223" spans="1:5" x14ac:dyDescent="0.25">
      <c r="A15223" s="1" t="s">
        <v>2775</v>
      </c>
      <c r="B15223" s="1" t="s">
        <v>9411</v>
      </c>
      <c r="C15223" s="1" t="s">
        <v>34015</v>
      </c>
      <c r="D15223" s="2">
        <v>168051</v>
      </c>
      <c r="E15223" s="1" t="s">
        <v>0</v>
      </c>
    </row>
    <row r="15224" spans="1:5" x14ac:dyDescent="0.25">
      <c r="A15224" s="1" t="s">
        <v>34016</v>
      </c>
      <c r="B15224" s="1" t="s">
        <v>61192</v>
      </c>
      <c r="C15224" s="1" t="s">
        <v>34017</v>
      </c>
      <c r="D15224" s="2">
        <v>168052</v>
      </c>
      <c r="E15224" s="1" t="s">
        <v>0</v>
      </c>
    </row>
    <row r="15225" spans="1:5" ht="409.5" x14ac:dyDescent="0.25">
      <c r="A15225" s="4" t="s">
        <v>34018</v>
      </c>
      <c r="B15225" s="1" t="s">
        <v>61193</v>
      </c>
      <c r="C15225" s="1" t="s">
        <v>34019</v>
      </c>
      <c r="D15225" s="2">
        <v>168053</v>
      </c>
      <c r="E15225" s="1" t="s">
        <v>0</v>
      </c>
    </row>
    <row r="15226" spans="1:5" x14ac:dyDescent="0.25">
      <c r="A15226" s="1" t="s">
        <v>34020</v>
      </c>
      <c r="B15226" s="1" t="s">
        <v>9412</v>
      </c>
      <c r="C15226" s="1" t="s">
        <v>34021</v>
      </c>
      <c r="D15226" s="2">
        <v>168054</v>
      </c>
      <c r="E15226" s="1" t="s">
        <v>0</v>
      </c>
    </row>
    <row r="15227" spans="1:5" x14ac:dyDescent="0.25">
      <c r="A15227" s="2">
        <v>3045</v>
      </c>
      <c r="B15227" s="2">
        <v>3045</v>
      </c>
      <c r="C15227" s="1" t="s">
        <v>0</v>
      </c>
      <c r="D15227" s="2">
        <v>168055</v>
      </c>
      <c r="E15227" s="1" t="s">
        <v>0</v>
      </c>
    </row>
    <row r="15228" spans="1:5" x14ac:dyDescent="0.25">
      <c r="A15228" s="1" t="s">
        <v>9413</v>
      </c>
      <c r="B15228" s="1" t="s">
        <v>9414</v>
      </c>
      <c r="C15228" s="1" t="s">
        <v>34022</v>
      </c>
      <c r="D15228" s="2">
        <v>168056</v>
      </c>
      <c r="E15228" s="1" t="s">
        <v>0</v>
      </c>
    </row>
    <row r="15229" spans="1:5" x14ac:dyDescent="0.25">
      <c r="A15229" s="1" t="s">
        <v>34023</v>
      </c>
      <c r="B15229" s="1" t="s">
        <v>62622</v>
      </c>
      <c r="C15229" s="1" t="s">
        <v>34024</v>
      </c>
      <c r="D15229" s="2">
        <v>168057</v>
      </c>
      <c r="E15229" s="1" t="s">
        <v>0</v>
      </c>
    </row>
    <row r="15230" spans="1:5" ht="409.5" x14ac:dyDescent="0.25">
      <c r="A15230" s="4" t="s">
        <v>34025</v>
      </c>
      <c r="B15230" s="1" t="s">
        <v>62623</v>
      </c>
      <c r="C15230" s="1" t="s">
        <v>34026</v>
      </c>
      <c r="D15230" s="2">
        <v>168058</v>
      </c>
      <c r="E15230" s="1" t="s">
        <v>0</v>
      </c>
    </row>
    <row r="15231" spans="1:5" x14ac:dyDescent="0.25">
      <c r="A15231" s="1" t="s">
        <v>34027</v>
      </c>
      <c r="B15231" s="1" t="s">
        <v>58429</v>
      </c>
      <c r="C15231" s="1" t="s">
        <v>34028</v>
      </c>
      <c r="D15231" s="2">
        <v>168059</v>
      </c>
      <c r="E15231" s="1" t="s">
        <v>0</v>
      </c>
    </row>
    <row r="15232" spans="1:5" x14ac:dyDescent="0.25">
      <c r="A15232" s="2">
        <v>3046</v>
      </c>
      <c r="B15232" s="2">
        <v>3046</v>
      </c>
      <c r="C15232" s="1" t="s">
        <v>0</v>
      </c>
      <c r="D15232" s="2">
        <v>168060</v>
      </c>
      <c r="E15232" s="1" t="s">
        <v>0</v>
      </c>
    </row>
    <row r="15233" spans="1:5" x14ac:dyDescent="0.25">
      <c r="A15233" s="1" t="s">
        <v>2776</v>
      </c>
      <c r="B15233" s="1" t="s">
        <v>2777</v>
      </c>
      <c r="C15233" s="1" t="s">
        <v>2778</v>
      </c>
      <c r="D15233" s="2">
        <v>168061</v>
      </c>
      <c r="E15233" s="1" t="s">
        <v>0</v>
      </c>
    </row>
    <row r="15234" spans="1:5" x14ac:dyDescent="0.25">
      <c r="A15234" s="1" t="s">
        <v>34029</v>
      </c>
      <c r="B15234" s="1" t="s">
        <v>54366</v>
      </c>
      <c r="C15234" s="1" t="s">
        <v>34030</v>
      </c>
      <c r="D15234" s="2">
        <v>168062</v>
      </c>
      <c r="E15234" s="1" t="s">
        <v>0</v>
      </c>
    </row>
    <row r="15235" spans="1:5" ht="409.5" x14ac:dyDescent="0.25">
      <c r="A15235" s="4" t="s">
        <v>34031</v>
      </c>
      <c r="B15235" s="1" t="s">
        <v>54367</v>
      </c>
      <c r="C15235" s="1" t="s">
        <v>34032</v>
      </c>
      <c r="D15235" s="2">
        <v>168063</v>
      </c>
      <c r="E15235" s="1" t="s">
        <v>0</v>
      </c>
    </row>
    <row r="15236" spans="1:5" x14ac:dyDescent="0.25">
      <c r="A15236" s="1" t="s">
        <v>34033</v>
      </c>
      <c r="B15236" s="1" t="s">
        <v>9415</v>
      </c>
      <c r="C15236" s="1" t="s">
        <v>34034</v>
      </c>
      <c r="D15236" s="2">
        <v>168064</v>
      </c>
      <c r="E15236" s="1" t="s">
        <v>0</v>
      </c>
    </row>
    <row r="15237" spans="1:5" x14ac:dyDescent="0.25">
      <c r="A15237" s="2">
        <v>3047</v>
      </c>
      <c r="B15237" s="2">
        <v>3047</v>
      </c>
      <c r="C15237" s="1" t="s">
        <v>0</v>
      </c>
      <c r="D15237" s="2">
        <v>168065</v>
      </c>
      <c r="E15237" s="1" t="s">
        <v>0</v>
      </c>
    </row>
    <row r="15238" spans="1:5" x14ac:dyDescent="0.25">
      <c r="A15238" s="1" t="s">
        <v>2779</v>
      </c>
      <c r="B15238" s="1" t="s">
        <v>9416</v>
      </c>
      <c r="C15238" s="1" t="s">
        <v>34035</v>
      </c>
      <c r="D15238" s="2">
        <v>168066</v>
      </c>
      <c r="E15238" s="1" t="s">
        <v>0</v>
      </c>
    </row>
    <row r="15239" spans="1:5" x14ac:dyDescent="0.25">
      <c r="A15239" s="1" t="s">
        <v>34036</v>
      </c>
      <c r="B15239" s="1" t="s">
        <v>60759</v>
      </c>
      <c r="C15239" s="1" t="s">
        <v>34037</v>
      </c>
      <c r="D15239" s="2">
        <v>168067</v>
      </c>
      <c r="E15239" s="1" t="s">
        <v>0</v>
      </c>
    </row>
    <row r="15240" spans="1:5" ht="409.5" x14ac:dyDescent="0.25">
      <c r="A15240" s="4" t="s">
        <v>34038</v>
      </c>
      <c r="B15240" s="1" t="s">
        <v>60760</v>
      </c>
      <c r="C15240" s="1" t="s">
        <v>34039</v>
      </c>
      <c r="D15240" s="2">
        <v>168068</v>
      </c>
      <c r="E15240" s="1" t="s">
        <v>0</v>
      </c>
    </row>
    <row r="15241" spans="1:5" x14ac:dyDescent="0.25">
      <c r="A15241" s="1" t="s">
        <v>34040</v>
      </c>
      <c r="B15241" s="1" t="s">
        <v>50808</v>
      </c>
      <c r="C15241" s="1" t="s">
        <v>34041</v>
      </c>
      <c r="D15241" s="2">
        <v>168069</v>
      </c>
      <c r="E15241" s="1" t="s">
        <v>0</v>
      </c>
    </row>
    <row r="15242" spans="1:5" x14ac:dyDescent="0.25">
      <c r="A15242" s="2">
        <v>3048</v>
      </c>
      <c r="B15242" s="2">
        <v>3048</v>
      </c>
      <c r="C15242" s="1" t="s">
        <v>0</v>
      </c>
      <c r="D15242" s="2">
        <v>168070</v>
      </c>
      <c r="E15242" s="1" t="s">
        <v>0</v>
      </c>
    </row>
    <row r="15243" spans="1:5" x14ac:dyDescent="0.25">
      <c r="A15243" s="1" t="s">
        <v>2780</v>
      </c>
      <c r="B15243" s="1" t="s">
        <v>9417</v>
      </c>
      <c r="C15243" s="1" t="s">
        <v>34042</v>
      </c>
      <c r="D15243" s="2">
        <v>168071</v>
      </c>
      <c r="E15243" s="1" t="s">
        <v>0</v>
      </c>
    </row>
    <row r="15244" spans="1:5" x14ac:dyDescent="0.25">
      <c r="A15244" s="1" t="s">
        <v>34043</v>
      </c>
      <c r="B15244" s="1" t="s">
        <v>9418</v>
      </c>
      <c r="C15244" s="1" t="s">
        <v>34044</v>
      </c>
      <c r="D15244" s="2">
        <v>168072</v>
      </c>
      <c r="E15244" s="1" t="s">
        <v>0</v>
      </c>
    </row>
    <row r="15245" spans="1:5" ht="409.5" x14ac:dyDescent="0.25">
      <c r="A15245" s="4" t="s">
        <v>34045</v>
      </c>
      <c r="B15245" s="1" t="s">
        <v>9419</v>
      </c>
      <c r="C15245" s="1" t="s">
        <v>34046</v>
      </c>
      <c r="D15245" s="2">
        <v>168073</v>
      </c>
      <c r="E15245" s="1" t="s">
        <v>0</v>
      </c>
    </row>
    <row r="15246" spans="1:5" x14ac:dyDescent="0.25">
      <c r="A15246" s="1" t="s">
        <v>34047</v>
      </c>
      <c r="B15246" s="1" t="s">
        <v>54368</v>
      </c>
      <c r="C15246" s="1" t="s">
        <v>34048</v>
      </c>
      <c r="D15246" s="2">
        <v>168074</v>
      </c>
      <c r="E15246" s="1" t="s">
        <v>0</v>
      </c>
    </row>
    <row r="15247" spans="1:5" x14ac:dyDescent="0.25">
      <c r="A15247" s="2">
        <v>3049</v>
      </c>
      <c r="B15247" s="2">
        <v>3049</v>
      </c>
      <c r="C15247" s="1" t="s">
        <v>0</v>
      </c>
      <c r="D15247" s="2">
        <v>168075</v>
      </c>
      <c r="E15247" s="1" t="s">
        <v>0</v>
      </c>
    </row>
    <row r="15248" spans="1:5" x14ac:dyDescent="0.25">
      <c r="A15248" s="1" t="s">
        <v>2781</v>
      </c>
      <c r="B15248" s="1" t="s">
        <v>9420</v>
      </c>
      <c r="C15248" s="1" t="s">
        <v>34049</v>
      </c>
      <c r="D15248" s="2">
        <v>168076</v>
      </c>
      <c r="E15248" s="1" t="s">
        <v>0</v>
      </c>
    </row>
    <row r="15249" spans="1:5" x14ac:dyDescent="0.25">
      <c r="A15249" s="1" t="s">
        <v>34050</v>
      </c>
      <c r="B15249" s="1" t="s">
        <v>34051</v>
      </c>
      <c r="C15249" s="1" t="s">
        <v>34052</v>
      </c>
      <c r="D15249" s="2">
        <v>168077</v>
      </c>
      <c r="E15249" s="1" t="s">
        <v>0</v>
      </c>
    </row>
    <row r="15250" spans="1:5" ht="409.5" x14ac:dyDescent="0.25">
      <c r="A15250" s="4" t="s">
        <v>34053</v>
      </c>
      <c r="B15250" s="1" t="s">
        <v>54369</v>
      </c>
      <c r="C15250" s="1" t="s">
        <v>34054</v>
      </c>
      <c r="D15250" s="2">
        <v>168078</v>
      </c>
      <c r="E15250" s="1" t="s">
        <v>0</v>
      </c>
    </row>
    <row r="15251" spans="1:5" x14ac:dyDescent="0.25">
      <c r="A15251" s="1" t="s">
        <v>34055</v>
      </c>
      <c r="B15251" s="1" t="s">
        <v>9421</v>
      </c>
      <c r="C15251" s="1" t="s">
        <v>34056</v>
      </c>
      <c r="D15251" s="2">
        <v>168079</v>
      </c>
      <c r="E15251" s="1" t="s">
        <v>0</v>
      </c>
    </row>
    <row r="15252" spans="1:5" x14ac:dyDescent="0.25">
      <c r="A15252" s="2">
        <v>3050</v>
      </c>
      <c r="B15252" s="2">
        <v>3050</v>
      </c>
      <c r="C15252" s="1" t="s">
        <v>0</v>
      </c>
      <c r="D15252" s="2">
        <v>168080</v>
      </c>
      <c r="E15252" s="1" t="s">
        <v>0</v>
      </c>
    </row>
    <row r="15253" spans="1:5" x14ac:dyDescent="0.25">
      <c r="A15253" s="1" t="s">
        <v>2782</v>
      </c>
      <c r="B15253" s="1" t="s">
        <v>9422</v>
      </c>
      <c r="C15253" s="1" t="s">
        <v>34057</v>
      </c>
      <c r="D15253" s="2">
        <v>168081</v>
      </c>
      <c r="E15253" s="1" t="s">
        <v>0</v>
      </c>
    </row>
    <row r="15254" spans="1:5" x14ac:dyDescent="0.25">
      <c r="A15254" s="1" t="s">
        <v>34058</v>
      </c>
      <c r="B15254" s="1" t="s">
        <v>54370</v>
      </c>
      <c r="C15254" s="1" t="s">
        <v>34059</v>
      </c>
      <c r="D15254" s="2">
        <v>168082</v>
      </c>
      <c r="E15254" s="1" t="s">
        <v>0</v>
      </c>
    </row>
    <row r="15255" spans="1:5" ht="409.5" x14ac:dyDescent="0.25">
      <c r="A15255" s="4" t="s">
        <v>34060</v>
      </c>
      <c r="B15255" s="1" t="s">
        <v>54371</v>
      </c>
      <c r="C15255" s="1" t="s">
        <v>34061</v>
      </c>
      <c r="D15255" s="2">
        <v>168083</v>
      </c>
      <c r="E15255" s="1" t="s">
        <v>0</v>
      </c>
    </row>
    <row r="15256" spans="1:5" x14ac:dyDescent="0.25">
      <c r="A15256" s="1" t="s">
        <v>34062</v>
      </c>
      <c r="B15256" s="1" t="s">
        <v>9423</v>
      </c>
      <c r="C15256" s="1" t="s">
        <v>34063</v>
      </c>
      <c r="D15256" s="2">
        <v>168084</v>
      </c>
      <c r="E15256" s="1" t="s">
        <v>0</v>
      </c>
    </row>
    <row r="15257" spans="1:5" x14ac:dyDescent="0.25">
      <c r="A15257" s="2">
        <v>3051</v>
      </c>
      <c r="B15257" s="2">
        <v>3051</v>
      </c>
      <c r="C15257" s="1" t="s">
        <v>0</v>
      </c>
      <c r="D15257" s="2">
        <v>168085</v>
      </c>
      <c r="E15257" s="1" t="s">
        <v>0</v>
      </c>
    </row>
    <row r="15258" spans="1:5" x14ac:dyDescent="0.25">
      <c r="A15258" s="1" t="s">
        <v>2783</v>
      </c>
      <c r="B15258" s="1" t="s">
        <v>9424</v>
      </c>
      <c r="C15258" s="1" t="s">
        <v>34064</v>
      </c>
      <c r="D15258" s="2">
        <v>168086</v>
      </c>
      <c r="E15258" s="1" t="s">
        <v>0</v>
      </c>
    </row>
    <row r="15259" spans="1:5" x14ac:dyDescent="0.25">
      <c r="A15259" s="1" t="s">
        <v>34065</v>
      </c>
      <c r="B15259" s="1" t="s">
        <v>63743</v>
      </c>
      <c r="C15259" s="1" t="s">
        <v>34066</v>
      </c>
      <c r="D15259" s="2">
        <v>168087</v>
      </c>
      <c r="E15259" s="1" t="s">
        <v>0</v>
      </c>
    </row>
    <row r="15260" spans="1:5" ht="409.5" x14ac:dyDescent="0.25">
      <c r="A15260" s="4" t="s">
        <v>34067</v>
      </c>
      <c r="B15260" s="1" t="s">
        <v>63744</v>
      </c>
      <c r="C15260" s="1" t="s">
        <v>34068</v>
      </c>
      <c r="D15260" s="2">
        <v>168088</v>
      </c>
      <c r="E15260" s="1" t="s">
        <v>0</v>
      </c>
    </row>
    <row r="15261" spans="1:5" x14ac:dyDescent="0.25">
      <c r="A15261" s="1" t="s">
        <v>34069</v>
      </c>
      <c r="B15261" s="1" t="s">
        <v>54372</v>
      </c>
      <c r="C15261" s="1" t="s">
        <v>34070</v>
      </c>
      <c r="D15261" s="2">
        <v>168089</v>
      </c>
      <c r="E15261" s="1" t="s">
        <v>0</v>
      </c>
    </row>
    <row r="15262" spans="1:5" x14ac:dyDescent="0.25">
      <c r="A15262" s="2">
        <v>3052</v>
      </c>
      <c r="B15262" s="2">
        <v>3052</v>
      </c>
      <c r="C15262" s="1" t="s">
        <v>0</v>
      </c>
      <c r="D15262" s="2">
        <v>168090</v>
      </c>
      <c r="E15262" s="1" t="s">
        <v>0</v>
      </c>
    </row>
    <row r="15263" spans="1:5" x14ac:dyDescent="0.25">
      <c r="A15263" s="1" t="s">
        <v>2784</v>
      </c>
      <c r="B15263" s="1" t="s">
        <v>9425</v>
      </c>
      <c r="C15263" s="1" t="s">
        <v>34071</v>
      </c>
      <c r="D15263" s="2">
        <v>168091</v>
      </c>
      <c r="E15263" s="1" t="s">
        <v>0</v>
      </c>
    </row>
    <row r="15264" spans="1:5" x14ac:dyDescent="0.25">
      <c r="A15264" s="1" t="s">
        <v>34072</v>
      </c>
      <c r="B15264" s="1" t="s">
        <v>9426</v>
      </c>
      <c r="C15264" s="1" t="s">
        <v>34073</v>
      </c>
      <c r="D15264" s="2">
        <v>168092</v>
      </c>
      <c r="E15264" s="1" t="s">
        <v>0</v>
      </c>
    </row>
    <row r="15265" spans="1:5" ht="409.5" x14ac:dyDescent="0.25">
      <c r="A15265" s="4" t="s">
        <v>34074</v>
      </c>
      <c r="B15265" s="1" t="s">
        <v>54373</v>
      </c>
      <c r="C15265" s="1" t="s">
        <v>34075</v>
      </c>
      <c r="D15265" s="2">
        <v>168093</v>
      </c>
      <c r="E15265" s="1" t="s">
        <v>0</v>
      </c>
    </row>
    <row r="15266" spans="1:5" x14ac:dyDescent="0.25">
      <c r="A15266" s="1" t="s">
        <v>34076</v>
      </c>
      <c r="B15266" s="1" t="s">
        <v>61194</v>
      </c>
      <c r="C15266" s="1" t="s">
        <v>34077</v>
      </c>
      <c r="D15266" s="2">
        <v>168094</v>
      </c>
      <c r="E15266" s="1" t="s">
        <v>0</v>
      </c>
    </row>
    <row r="15267" spans="1:5" x14ac:dyDescent="0.25">
      <c r="A15267" s="2">
        <v>3053</v>
      </c>
      <c r="B15267" s="2">
        <v>3053</v>
      </c>
      <c r="C15267" s="1" t="s">
        <v>0</v>
      </c>
      <c r="D15267" s="2">
        <v>168095</v>
      </c>
      <c r="E15267" s="1" t="s">
        <v>0</v>
      </c>
    </row>
    <row r="15268" spans="1:5" x14ac:dyDescent="0.25">
      <c r="A15268" s="1" t="s">
        <v>2785</v>
      </c>
      <c r="B15268" s="1" t="s">
        <v>9427</v>
      </c>
      <c r="C15268" s="1" t="s">
        <v>34078</v>
      </c>
      <c r="D15268" s="2">
        <v>168096</v>
      </c>
      <c r="E15268" s="1" t="s">
        <v>0</v>
      </c>
    </row>
    <row r="15269" spans="1:5" x14ac:dyDescent="0.25">
      <c r="A15269" s="1" t="s">
        <v>34079</v>
      </c>
      <c r="B15269" s="1" t="s">
        <v>54374</v>
      </c>
      <c r="C15269" s="1" t="s">
        <v>34080</v>
      </c>
      <c r="D15269" s="2">
        <v>168097</v>
      </c>
      <c r="E15269" s="1" t="s">
        <v>0</v>
      </c>
    </row>
    <row r="15270" spans="1:5" ht="409.5" x14ac:dyDescent="0.25">
      <c r="A15270" s="4" t="s">
        <v>34081</v>
      </c>
      <c r="B15270" s="1" t="s">
        <v>54375</v>
      </c>
      <c r="C15270" s="1" t="s">
        <v>34082</v>
      </c>
      <c r="D15270" s="2">
        <v>168098</v>
      </c>
      <c r="E15270" s="1" t="s">
        <v>0</v>
      </c>
    </row>
    <row r="15271" spans="1:5" x14ac:dyDescent="0.25">
      <c r="A15271" s="1" t="s">
        <v>34083</v>
      </c>
      <c r="B15271" s="1" t="s">
        <v>54376</v>
      </c>
      <c r="C15271" s="1" t="s">
        <v>34084</v>
      </c>
      <c r="D15271" s="2">
        <v>168099</v>
      </c>
      <c r="E15271" s="1" t="s">
        <v>0</v>
      </c>
    </row>
    <row r="15272" spans="1:5" x14ac:dyDescent="0.25">
      <c r="A15272" s="2">
        <v>3054</v>
      </c>
      <c r="B15272" s="2">
        <v>3054</v>
      </c>
      <c r="C15272" s="1" t="s">
        <v>0</v>
      </c>
      <c r="D15272" s="2">
        <v>168100</v>
      </c>
      <c r="E15272" s="1" t="s">
        <v>0</v>
      </c>
    </row>
    <row r="15273" spans="1:5" x14ac:dyDescent="0.25">
      <c r="A15273" s="1" t="s">
        <v>2786</v>
      </c>
      <c r="B15273" s="1" t="s">
        <v>9428</v>
      </c>
      <c r="C15273" s="1" t="s">
        <v>34085</v>
      </c>
      <c r="D15273" s="2">
        <v>168101</v>
      </c>
      <c r="E15273" s="1" t="s">
        <v>0</v>
      </c>
    </row>
    <row r="15274" spans="1:5" x14ac:dyDescent="0.25">
      <c r="A15274" s="1" t="s">
        <v>34086</v>
      </c>
      <c r="B15274" s="1" t="s">
        <v>9429</v>
      </c>
      <c r="C15274" s="1" t="s">
        <v>34087</v>
      </c>
      <c r="D15274" s="2">
        <v>168102</v>
      </c>
      <c r="E15274" s="1" t="s">
        <v>0</v>
      </c>
    </row>
    <row r="15275" spans="1:5" ht="409.5" x14ac:dyDescent="0.25">
      <c r="A15275" s="4" t="s">
        <v>34088</v>
      </c>
      <c r="B15275" s="1" t="s">
        <v>56795</v>
      </c>
      <c r="C15275" s="1" t="s">
        <v>34089</v>
      </c>
      <c r="D15275" s="2">
        <v>168103</v>
      </c>
      <c r="E15275" s="1" t="s">
        <v>0</v>
      </c>
    </row>
    <row r="15276" spans="1:5" x14ac:dyDescent="0.25">
      <c r="A15276" s="1" t="s">
        <v>34090</v>
      </c>
      <c r="B15276" s="1" t="s">
        <v>54377</v>
      </c>
      <c r="C15276" s="1" t="s">
        <v>34091</v>
      </c>
      <c r="D15276" s="2">
        <v>168104</v>
      </c>
      <c r="E15276" s="1" t="s">
        <v>0</v>
      </c>
    </row>
    <row r="15277" spans="1:5" x14ac:dyDescent="0.25">
      <c r="A15277" s="2">
        <v>3055</v>
      </c>
      <c r="B15277" s="2">
        <v>3055</v>
      </c>
      <c r="C15277" s="1" t="s">
        <v>0</v>
      </c>
      <c r="D15277" s="2">
        <v>168105</v>
      </c>
      <c r="E15277" s="1" t="s">
        <v>0</v>
      </c>
    </row>
    <row r="15278" spans="1:5" x14ac:dyDescent="0.25">
      <c r="A15278" s="1" t="s">
        <v>2787</v>
      </c>
      <c r="B15278" s="1" t="s">
        <v>9430</v>
      </c>
      <c r="C15278" s="1" t="s">
        <v>34092</v>
      </c>
      <c r="D15278" s="2">
        <v>168106</v>
      </c>
      <c r="E15278" s="1" t="s">
        <v>0</v>
      </c>
    </row>
    <row r="15279" spans="1:5" x14ac:dyDescent="0.25">
      <c r="A15279" s="1" t="s">
        <v>34093</v>
      </c>
      <c r="B15279" s="1" t="s">
        <v>54378</v>
      </c>
      <c r="C15279" s="1" t="s">
        <v>34094</v>
      </c>
      <c r="D15279" s="2">
        <v>168107</v>
      </c>
      <c r="E15279" s="1" t="s">
        <v>0</v>
      </c>
    </row>
    <row r="15280" spans="1:5" ht="409.5" x14ac:dyDescent="0.25">
      <c r="A15280" s="4" t="s">
        <v>34095</v>
      </c>
      <c r="B15280" s="1" t="s">
        <v>54379</v>
      </c>
      <c r="C15280" s="1" t="s">
        <v>34096</v>
      </c>
      <c r="D15280" s="2">
        <v>168108</v>
      </c>
      <c r="E15280" s="1" t="s">
        <v>0</v>
      </c>
    </row>
    <row r="15281" spans="1:5" x14ac:dyDescent="0.25">
      <c r="A15281" s="1" t="s">
        <v>34097</v>
      </c>
      <c r="B15281" s="1" t="s">
        <v>9431</v>
      </c>
      <c r="C15281" s="1" t="s">
        <v>34098</v>
      </c>
      <c r="D15281" s="2">
        <v>168109</v>
      </c>
      <c r="E15281" s="1" t="s">
        <v>0</v>
      </c>
    </row>
    <row r="15282" spans="1:5" x14ac:dyDescent="0.25">
      <c r="A15282" s="2">
        <v>3056</v>
      </c>
      <c r="B15282" s="2">
        <v>3056</v>
      </c>
      <c r="C15282" s="1" t="s">
        <v>0</v>
      </c>
      <c r="D15282" s="2">
        <v>168110</v>
      </c>
      <c r="E15282" s="1" t="s">
        <v>0</v>
      </c>
    </row>
    <row r="15283" spans="1:5" x14ac:dyDescent="0.25">
      <c r="A15283" s="1" t="s">
        <v>2788</v>
      </c>
      <c r="B15283" s="1" t="s">
        <v>9432</v>
      </c>
      <c r="C15283" s="1" t="s">
        <v>34099</v>
      </c>
      <c r="D15283" s="2">
        <v>168111</v>
      </c>
      <c r="E15283" s="1" t="s">
        <v>0</v>
      </c>
    </row>
    <row r="15284" spans="1:5" x14ac:dyDescent="0.25">
      <c r="A15284" s="1" t="s">
        <v>34100</v>
      </c>
      <c r="B15284" s="1" t="s">
        <v>9433</v>
      </c>
      <c r="C15284" s="1" t="s">
        <v>34101</v>
      </c>
      <c r="D15284" s="2">
        <v>168112</v>
      </c>
      <c r="E15284" s="1" t="s">
        <v>0</v>
      </c>
    </row>
    <row r="15285" spans="1:5" ht="409.5" x14ac:dyDescent="0.25">
      <c r="A15285" s="4" t="s">
        <v>34102</v>
      </c>
      <c r="B15285" s="1" t="s">
        <v>13178</v>
      </c>
      <c r="C15285" s="1" t="s">
        <v>34103</v>
      </c>
      <c r="D15285" s="2">
        <v>168113</v>
      </c>
      <c r="E15285" s="1" t="s">
        <v>0</v>
      </c>
    </row>
    <row r="15286" spans="1:5" x14ac:dyDescent="0.25">
      <c r="A15286" s="1" t="s">
        <v>22860</v>
      </c>
      <c r="B15286" s="1" t="s">
        <v>57169</v>
      </c>
      <c r="C15286" s="1" t="s">
        <v>22861</v>
      </c>
      <c r="D15286" s="2">
        <v>168114</v>
      </c>
      <c r="E15286" s="1" t="s">
        <v>0</v>
      </c>
    </row>
    <row r="15287" spans="1:5" x14ac:dyDescent="0.25">
      <c r="A15287" s="2">
        <v>3057</v>
      </c>
      <c r="B15287" s="2">
        <v>3057</v>
      </c>
      <c r="C15287" s="1" t="s">
        <v>0</v>
      </c>
      <c r="D15287" s="2">
        <v>168115</v>
      </c>
      <c r="E15287" s="1" t="s">
        <v>0</v>
      </c>
    </row>
    <row r="15288" spans="1:5" x14ac:dyDescent="0.25">
      <c r="A15288" s="1" t="s">
        <v>2789</v>
      </c>
      <c r="B15288" s="1" t="s">
        <v>9434</v>
      </c>
      <c r="C15288" s="1" t="s">
        <v>34104</v>
      </c>
      <c r="D15288" s="2">
        <v>168116</v>
      </c>
      <c r="E15288" s="1" t="s">
        <v>0</v>
      </c>
    </row>
    <row r="15289" spans="1:5" x14ac:dyDescent="0.25">
      <c r="A15289" s="1" t="s">
        <v>34105</v>
      </c>
      <c r="B15289" s="1" t="s">
        <v>63402</v>
      </c>
      <c r="C15289" s="1" t="s">
        <v>34106</v>
      </c>
      <c r="D15289" s="2">
        <v>168117</v>
      </c>
      <c r="E15289" s="1" t="s">
        <v>0</v>
      </c>
    </row>
    <row r="15290" spans="1:5" ht="409.5" x14ac:dyDescent="0.25">
      <c r="A15290" s="4" t="s">
        <v>34107</v>
      </c>
      <c r="B15290" s="1" t="s">
        <v>63403</v>
      </c>
      <c r="C15290" s="1" t="s">
        <v>34108</v>
      </c>
      <c r="D15290" s="2">
        <v>168118</v>
      </c>
      <c r="E15290" s="1" t="s">
        <v>0</v>
      </c>
    </row>
    <row r="15291" spans="1:5" x14ac:dyDescent="0.25">
      <c r="A15291" s="1" t="s">
        <v>34109</v>
      </c>
      <c r="B15291" s="1" t="s">
        <v>54380</v>
      </c>
      <c r="C15291" s="1" t="s">
        <v>34110</v>
      </c>
      <c r="D15291" s="2">
        <v>168119</v>
      </c>
      <c r="E15291" s="1" t="s">
        <v>0</v>
      </c>
    </row>
    <row r="15292" spans="1:5" x14ac:dyDescent="0.25">
      <c r="A15292" s="2">
        <v>3058</v>
      </c>
      <c r="B15292" s="2">
        <v>3058</v>
      </c>
      <c r="C15292" s="1" t="s">
        <v>0</v>
      </c>
      <c r="D15292" s="2">
        <v>168120</v>
      </c>
      <c r="E15292" s="1" t="s">
        <v>0</v>
      </c>
    </row>
    <row r="15293" spans="1:5" x14ac:dyDescent="0.25">
      <c r="A15293" s="1" t="s">
        <v>2790</v>
      </c>
      <c r="B15293" s="1" t="s">
        <v>50809</v>
      </c>
      <c r="C15293" s="1" t="s">
        <v>34111</v>
      </c>
      <c r="D15293" s="2">
        <v>168121</v>
      </c>
      <c r="E15293" s="1" t="s">
        <v>0</v>
      </c>
    </row>
    <row r="15294" spans="1:5" x14ac:dyDescent="0.25">
      <c r="A15294" s="1" t="s">
        <v>34112</v>
      </c>
      <c r="B15294" s="1" t="s">
        <v>54381</v>
      </c>
      <c r="C15294" s="1" t="s">
        <v>34113</v>
      </c>
      <c r="D15294" s="2">
        <v>168122</v>
      </c>
      <c r="E15294" s="1" t="s">
        <v>0</v>
      </c>
    </row>
    <row r="15295" spans="1:5" ht="409.5" x14ac:dyDescent="0.25">
      <c r="A15295" s="4" t="s">
        <v>34114</v>
      </c>
      <c r="B15295" s="1" t="s">
        <v>63745</v>
      </c>
      <c r="C15295" s="1" t="s">
        <v>34115</v>
      </c>
      <c r="D15295" s="2">
        <v>168123</v>
      </c>
      <c r="E15295" s="1" t="s">
        <v>0</v>
      </c>
    </row>
    <row r="15296" spans="1:5" x14ac:dyDescent="0.25">
      <c r="A15296" s="1" t="s">
        <v>34116</v>
      </c>
      <c r="B15296" s="1" t="s">
        <v>9435</v>
      </c>
      <c r="C15296" s="1" t="s">
        <v>34117</v>
      </c>
      <c r="D15296" s="2">
        <v>168124</v>
      </c>
      <c r="E15296" s="1" t="s">
        <v>0</v>
      </c>
    </row>
    <row r="15297" spans="1:5" x14ac:dyDescent="0.25">
      <c r="A15297" s="2">
        <v>3059</v>
      </c>
      <c r="B15297" s="2">
        <v>3059</v>
      </c>
      <c r="C15297" s="1" t="s">
        <v>0</v>
      </c>
      <c r="D15297" s="2">
        <v>168125</v>
      </c>
      <c r="E15297" s="1" t="s">
        <v>0</v>
      </c>
    </row>
    <row r="15298" spans="1:5" x14ac:dyDescent="0.25">
      <c r="A15298" s="1" t="s">
        <v>2791</v>
      </c>
      <c r="B15298" s="1" t="s">
        <v>9436</v>
      </c>
      <c r="C15298" s="1" t="s">
        <v>2792</v>
      </c>
      <c r="D15298" s="2">
        <v>168126</v>
      </c>
      <c r="E15298" s="1" t="s">
        <v>0</v>
      </c>
    </row>
    <row r="15299" spans="1:5" x14ac:dyDescent="0.25">
      <c r="A15299" s="1" t="s">
        <v>27644</v>
      </c>
      <c r="B15299" s="1" t="s">
        <v>57498</v>
      </c>
      <c r="C15299" s="1" t="s">
        <v>27645</v>
      </c>
      <c r="D15299" s="2">
        <v>168127</v>
      </c>
      <c r="E15299" s="1" t="s">
        <v>0</v>
      </c>
    </row>
    <row r="15300" spans="1:5" ht="409.5" x14ac:dyDescent="0.25">
      <c r="A15300" s="4" t="s">
        <v>34118</v>
      </c>
      <c r="B15300" s="1" t="s">
        <v>57499</v>
      </c>
      <c r="C15300" s="1" t="s">
        <v>27647</v>
      </c>
      <c r="D15300" s="2">
        <v>168128</v>
      </c>
      <c r="E15300" s="1" t="s">
        <v>0</v>
      </c>
    </row>
    <row r="15301" spans="1:5" x14ac:dyDescent="0.25">
      <c r="A15301" s="1" t="s">
        <v>34119</v>
      </c>
      <c r="B15301" s="1" t="s">
        <v>9437</v>
      </c>
      <c r="C15301" s="1" t="s">
        <v>34120</v>
      </c>
      <c r="D15301" s="2">
        <v>168129</v>
      </c>
      <c r="E15301" s="1" t="s">
        <v>0</v>
      </c>
    </row>
    <row r="15302" spans="1:5" x14ac:dyDescent="0.25">
      <c r="A15302" s="2">
        <v>3060</v>
      </c>
      <c r="B15302" s="2">
        <v>3060</v>
      </c>
      <c r="C15302" s="1" t="s">
        <v>0</v>
      </c>
      <c r="D15302" s="2">
        <v>168130</v>
      </c>
      <c r="E15302" s="1" t="s">
        <v>0</v>
      </c>
    </row>
    <row r="15303" spans="1:5" x14ac:dyDescent="0.25">
      <c r="A15303" s="1" t="s">
        <v>2793</v>
      </c>
      <c r="B15303" s="1" t="s">
        <v>9438</v>
      </c>
      <c r="C15303" s="1" t="s">
        <v>34121</v>
      </c>
      <c r="D15303" s="2">
        <v>168131</v>
      </c>
      <c r="E15303" s="1" t="s">
        <v>0</v>
      </c>
    </row>
    <row r="15304" spans="1:5" x14ac:dyDescent="0.25">
      <c r="A15304" s="1" t="s">
        <v>34122</v>
      </c>
      <c r="B15304" s="1" t="s">
        <v>60623</v>
      </c>
      <c r="C15304" s="1" t="s">
        <v>34123</v>
      </c>
      <c r="D15304" s="2">
        <v>168132</v>
      </c>
      <c r="E15304" s="1" t="s">
        <v>0</v>
      </c>
    </row>
    <row r="15305" spans="1:5" ht="409.5" x14ac:dyDescent="0.25">
      <c r="A15305" s="4" t="s">
        <v>34124</v>
      </c>
      <c r="B15305" s="1" t="s">
        <v>60624</v>
      </c>
      <c r="C15305" s="1" t="s">
        <v>34125</v>
      </c>
      <c r="D15305" s="2">
        <v>168133</v>
      </c>
      <c r="E15305" s="1" t="s">
        <v>0</v>
      </c>
    </row>
    <row r="15306" spans="1:5" x14ac:dyDescent="0.25">
      <c r="A15306" s="1" t="s">
        <v>34126</v>
      </c>
      <c r="B15306" s="1" t="s">
        <v>9439</v>
      </c>
      <c r="C15306" s="1" t="s">
        <v>34127</v>
      </c>
      <c r="D15306" s="2">
        <v>168134</v>
      </c>
      <c r="E15306" s="1" t="s">
        <v>0</v>
      </c>
    </row>
    <row r="15307" spans="1:5" x14ac:dyDescent="0.25">
      <c r="A15307" s="2">
        <v>3061</v>
      </c>
      <c r="B15307" s="2">
        <v>3061</v>
      </c>
      <c r="C15307" s="1" t="s">
        <v>0</v>
      </c>
      <c r="D15307" s="2">
        <v>168135</v>
      </c>
      <c r="E15307" s="1" t="s">
        <v>0</v>
      </c>
    </row>
    <row r="15308" spans="1:5" x14ac:dyDescent="0.25">
      <c r="A15308" s="1" t="s">
        <v>2794</v>
      </c>
      <c r="B15308" s="1" t="s">
        <v>9440</v>
      </c>
      <c r="C15308" s="1" t="s">
        <v>34128</v>
      </c>
      <c r="D15308" s="2">
        <v>168136</v>
      </c>
      <c r="E15308" s="1" t="s">
        <v>0</v>
      </c>
    </row>
    <row r="15309" spans="1:5" x14ac:dyDescent="0.25">
      <c r="A15309" s="1" t="s">
        <v>34129</v>
      </c>
      <c r="B15309" s="1" t="s">
        <v>54382</v>
      </c>
      <c r="C15309" s="1" t="s">
        <v>34130</v>
      </c>
      <c r="D15309" s="2">
        <v>168137</v>
      </c>
      <c r="E15309" s="1" t="s">
        <v>0</v>
      </c>
    </row>
    <row r="15310" spans="1:5" ht="409.5" x14ac:dyDescent="0.25">
      <c r="A15310" s="4" t="s">
        <v>34131</v>
      </c>
      <c r="B15310" s="1" t="s">
        <v>59642</v>
      </c>
      <c r="C15310" s="1" t="s">
        <v>34132</v>
      </c>
      <c r="D15310" s="2">
        <v>168138</v>
      </c>
      <c r="E15310" s="1" t="s">
        <v>0</v>
      </c>
    </row>
    <row r="15311" spans="1:5" x14ac:dyDescent="0.25">
      <c r="A15311" s="1" t="s">
        <v>34133</v>
      </c>
      <c r="B15311" s="1" t="s">
        <v>54383</v>
      </c>
      <c r="C15311" s="1" t="s">
        <v>34134</v>
      </c>
      <c r="D15311" s="2">
        <v>168139</v>
      </c>
      <c r="E15311" s="1" t="s">
        <v>0</v>
      </c>
    </row>
    <row r="15312" spans="1:5" x14ac:dyDescent="0.25">
      <c r="A15312" s="2">
        <v>3062</v>
      </c>
      <c r="B15312" s="2">
        <v>3062</v>
      </c>
      <c r="C15312" s="1" t="s">
        <v>0</v>
      </c>
      <c r="D15312" s="2">
        <v>168140</v>
      </c>
      <c r="E15312" s="1" t="s">
        <v>0</v>
      </c>
    </row>
    <row r="15313" spans="1:5" x14ac:dyDescent="0.25">
      <c r="A15313" s="1" t="s">
        <v>2795</v>
      </c>
      <c r="B15313" s="1" t="s">
        <v>9441</v>
      </c>
      <c r="C15313" s="1" t="s">
        <v>9442</v>
      </c>
      <c r="D15313" s="2">
        <v>168141</v>
      </c>
      <c r="E15313" s="1" t="s">
        <v>0</v>
      </c>
    </row>
    <row r="15314" spans="1:5" x14ac:dyDescent="0.25">
      <c r="A15314" s="1" t="s">
        <v>34135</v>
      </c>
      <c r="B15314" s="1" t="s">
        <v>58430</v>
      </c>
      <c r="C15314" s="1" t="s">
        <v>34136</v>
      </c>
      <c r="D15314" s="2">
        <v>168142</v>
      </c>
      <c r="E15314" s="1" t="s">
        <v>0</v>
      </c>
    </row>
    <row r="15315" spans="1:5" ht="409.5" x14ac:dyDescent="0.25">
      <c r="A15315" s="4" t="s">
        <v>64222</v>
      </c>
      <c r="B15315" s="1" t="s">
        <v>58431</v>
      </c>
      <c r="C15315" s="1" t="s">
        <v>34137</v>
      </c>
      <c r="D15315" s="2">
        <v>168143</v>
      </c>
      <c r="E15315" s="1" t="s">
        <v>0</v>
      </c>
    </row>
    <row r="15316" spans="1:5" x14ac:dyDescent="0.25">
      <c r="A15316" s="1" t="s">
        <v>34138</v>
      </c>
      <c r="B15316" s="1" t="s">
        <v>9443</v>
      </c>
      <c r="C15316" s="1" t="s">
        <v>34139</v>
      </c>
      <c r="D15316" s="2">
        <v>168144</v>
      </c>
      <c r="E15316" s="1" t="s">
        <v>0</v>
      </c>
    </row>
    <row r="15317" spans="1:5" x14ac:dyDescent="0.25">
      <c r="A15317" s="2">
        <v>3063</v>
      </c>
      <c r="B15317" s="2">
        <v>3063</v>
      </c>
      <c r="C15317" s="1" t="s">
        <v>0</v>
      </c>
      <c r="D15317" s="2">
        <v>168145</v>
      </c>
      <c r="E15317" s="1" t="s">
        <v>0</v>
      </c>
    </row>
    <row r="15318" spans="1:5" x14ac:dyDescent="0.25">
      <c r="A15318" s="1" t="s">
        <v>2796</v>
      </c>
      <c r="B15318" s="1" t="s">
        <v>9444</v>
      </c>
      <c r="C15318" s="1" t="s">
        <v>34140</v>
      </c>
      <c r="D15318" s="2">
        <v>168146</v>
      </c>
      <c r="E15318" s="1" t="s">
        <v>0</v>
      </c>
    </row>
    <row r="15319" spans="1:5" x14ac:dyDescent="0.25">
      <c r="A15319" s="1" t="s">
        <v>34141</v>
      </c>
      <c r="B15319" s="1" t="s">
        <v>54384</v>
      </c>
      <c r="C15319" s="1" t="s">
        <v>34142</v>
      </c>
      <c r="D15319" s="2">
        <v>168147</v>
      </c>
      <c r="E15319" s="1" t="s">
        <v>0</v>
      </c>
    </row>
    <row r="15320" spans="1:5" ht="409.5" x14ac:dyDescent="0.25">
      <c r="A15320" s="4" t="s">
        <v>34143</v>
      </c>
      <c r="B15320" s="1" t="s">
        <v>54385</v>
      </c>
      <c r="C15320" s="1" t="s">
        <v>34144</v>
      </c>
      <c r="D15320" s="2">
        <v>168148</v>
      </c>
      <c r="E15320" s="1" t="s">
        <v>0</v>
      </c>
    </row>
    <row r="15321" spans="1:5" x14ac:dyDescent="0.25">
      <c r="A15321" s="1" t="s">
        <v>34145</v>
      </c>
      <c r="B15321" s="1" t="s">
        <v>54386</v>
      </c>
      <c r="C15321" s="1" t="s">
        <v>34146</v>
      </c>
      <c r="D15321" s="2">
        <v>168149</v>
      </c>
      <c r="E15321" s="1" t="s">
        <v>0</v>
      </c>
    </row>
    <row r="15322" spans="1:5" x14ac:dyDescent="0.25">
      <c r="A15322" s="2">
        <v>3064</v>
      </c>
      <c r="B15322" s="2">
        <v>3064</v>
      </c>
      <c r="C15322" s="1" t="s">
        <v>0</v>
      </c>
      <c r="D15322" s="2">
        <v>168150</v>
      </c>
      <c r="E15322" s="1" t="s">
        <v>0</v>
      </c>
    </row>
    <row r="15323" spans="1:5" x14ac:dyDescent="0.25">
      <c r="A15323" s="1" t="s">
        <v>9445</v>
      </c>
      <c r="B15323" s="1" t="s">
        <v>9446</v>
      </c>
      <c r="C15323" s="1" t="s">
        <v>34147</v>
      </c>
      <c r="D15323" s="2">
        <v>168151</v>
      </c>
      <c r="E15323" s="1" t="s">
        <v>0</v>
      </c>
    </row>
    <row r="15324" spans="1:5" x14ac:dyDescent="0.25">
      <c r="A15324" s="1" t="s">
        <v>34148</v>
      </c>
      <c r="B15324" s="1" t="s">
        <v>54387</v>
      </c>
      <c r="C15324" s="1" t="s">
        <v>34149</v>
      </c>
      <c r="D15324" s="2">
        <v>168152</v>
      </c>
      <c r="E15324" s="1" t="s">
        <v>0</v>
      </c>
    </row>
    <row r="15325" spans="1:5" ht="409.5" x14ac:dyDescent="0.25">
      <c r="A15325" s="4" t="s">
        <v>34150</v>
      </c>
      <c r="B15325" s="1" t="s">
        <v>60445</v>
      </c>
      <c r="C15325" s="1" t="s">
        <v>34151</v>
      </c>
      <c r="D15325" s="2">
        <v>168153</v>
      </c>
      <c r="E15325" s="1" t="s">
        <v>0</v>
      </c>
    </row>
    <row r="15326" spans="1:5" x14ac:dyDescent="0.25">
      <c r="A15326" s="1" t="s">
        <v>34152</v>
      </c>
      <c r="B15326" s="1" t="s">
        <v>61195</v>
      </c>
      <c r="C15326" s="1" t="s">
        <v>34153</v>
      </c>
      <c r="D15326" s="2">
        <v>168154</v>
      </c>
      <c r="E15326" s="1" t="s">
        <v>0</v>
      </c>
    </row>
    <row r="15327" spans="1:5" x14ac:dyDescent="0.25">
      <c r="A15327" s="2">
        <v>3065</v>
      </c>
      <c r="B15327" s="2">
        <v>3065</v>
      </c>
      <c r="C15327" s="1" t="s">
        <v>0</v>
      </c>
      <c r="D15327" s="2">
        <v>168155</v>
      </c>
      <c r="E15327" s="1" t="s">
        <v>0</v>
      </c>
    </row>
    <row r="15328" spans="1:5" x14ac:dyDescent="0.25">
      <c r="A15328" s="1" t="s">
        <v>2797</v>
      </c>
      <c r="B15328" s="1" t="s">
        <v>9447</v>
      </c>
      <c r="C15328" s="1" t="s">
        <v>34154</v>
      </c>
      <c r="D15328" s="2">
        <v>168156</v>
      </c>
      <c r="E15328" s="1" t="s">
        <v>0</v>
      </c>
    </row>
    <row r="15329" spans="1:5" x14ac:dyDescent="0.25">
      <c r="A15329" s="1" t="s">
        <v>34155</v>
      </c>
      <c r="B15329" s="1" t="s">
        <v>54388</v>
      </c>
      <c r="C15329" s="1" t="s">
        <v>34156</v>
      </c>
      <c r="D15329" s="2">
        <v>168157</v>
      </c>
      <c r="E15329" s="1" t="s">
        <v>0</v>
      </c>
    </row>
    <row r="15330" spans="1:5" ht="409.5" x14ac:dyDescent="0.25">
      <c r="A15330" s="4" t="s">
        <v>34157</v>
      </c>
      <c r="B15330" s="1" t="s">
        <v>62624</v>
      </c>
      <c r="C15330" s="1" t="s">
        <v>34158</v>
      </c>
      <c r="D15330" s="2">
        <v>168158</v>
      </c>
      <c r="E15330" s="1" t="s">
        <v>0</v>
      </c>
    </row>
    <row r="15331" spans="1:5" x14ac:dyDescent="0.25">
      <c r="A15331" s="1" t="s">
        <v>34159</v>
      </c>
      <c r="B15331" s="1" t="s">
        <v>61196</v>
      </c>
      <c r="C15331" s="1" t="s">
        <v>34160</v>
      </c>
      <c r="D15331" s="2">
        <v>168159</v>
      </c>
      <c r="E15331" s="1" t="s">
        <v>0</v>
      </c>
    </row>
    <row r="15332" spans="1:5" x14ac:dyDescent="0.25">
      <c r="A15332" s="2">
        <v>3066</v>
      </c>
      <c r="B15332" s="2">
        <v>3066</v>
      </c>
      <c r="C15332" s="1" t="s">
        <v>0</v>
      </c>
      <c r="D15332" s="2">
        <v>168160</v>
      </c>
      <c r="E15332" s="1" t="s">
        <v>0</v>
      </c>
    </row>
    <row r="15333" spans="1:5" x14ac:dyDescent="0.25">
      <c r="A15333" s="1" t="s">
        <v>2798</v>
      </c>
      <c r="B15333" s="1" t="s">
        <v>9448</v>
      </c>
      <c r="C15333" s="1" t="s">
        <v>34161</v>
      </c>
      <c r="D15333" s="2">
        <v>168161</v>
      </c>
      <c r="E15333" s="1" t="s">
        <v>0</v>
      </c>
    </row>
    <row r="15334" spans="1:5" x14ac:dyDescent="0.25">
      <c r="A15334" s="1" t="s">
        <v>34162</v>
      </c>
      <c r="B15334" s="1" t="s">
        <v>9449</v>
      </c>
      <c r="C15334" s="1" t="s">
        <v>34163</v>
      </c>
      <c r="D15334" s="2">
        <v>168162</v>
      </c>
      <c r="E15334" s="1" t="s">
        <v>0</v>
      </c>
    </row>
    <row r="15335" spans="1:5" ht="409.5" x14ac:dyDescent="0.25">
      <c r="A15335" s="4" t="s">
        <v>34164</v>
      </c>
      <c r="B15335" s="1" t="s">
        <v>58432</v>
      </c>
      <c r="C15335" s="1" t="s">
        <v>34165</v>
      </c>
      <c r="D15335" s="2">
        <v>168163</v>
      </c>
      <c r="E15335" s="1" t="s">
        <v>0</v>
      </c>
    </row>
    <row r="15336" spans="1:5" x14ac:dyDescent="0.25">
      <c r="A15336" s="1" t="s">
        <v>34166</v>
      </c>
      <c r="B15336" s="1" t="s">
        <v>9450</v>
      </c>
      <c r="C15336" s="1" t="s">
        <v>34167</v>
      </c>
      <c r="D15336" s="2">
        <v>168164</v>
      </c>
      <c r="E15336" s="1" t="s">
        <v>0</v>
      </c>
    </row>
    <row r="15337" spans="1:5" x14ac:dyDescent="0.25">
      <c r="A15337" s="2">
        <v>3067</v>
      </c>
      <c r="B15337" s="2">
        <v>3067</v>
      </c>
      <c r="C15337" s="1" t="s">
        <v>0</v>
      </c>
      <c r="D15337" s="2">
        <v>168165</v>
      </c>
      <c r="E15337" s="1" t="s">
        <v>0</v>
      </c>
    </row>
    <row r="15338" spans="1:5" x14ac:dyDescent="0.25">
      <c r="A15338" s="1" t="s">
        <v>2799</v>
      </c>
      <c r="B15338" s="1" t="s">
        <v>9451</v>
      </c>
      <c r="C15338" s="1" t="s">
        <v>34168</v>
      </c>
      <c r="D15338" s="2">
        <v>168166</v>
      </c>
      <c r="E15338" s="1" t="s">
        <v>0</v>
      </c>
    </row>
    <row r="15339" spans="1:5" x14ac:dyDescent="0.25">
      <c r="A15339" s="1" t="s">
        <v>34169</v>
      </c>
      <c r="B15339" s="1" t="s">
        <v>60088</v>
      </c>
      <c r="C15339" s="1" t="s">
        <v>34170</v>
      </c>
      <c r="D15339" s="2">
        <v>168167</v>
      </c>
      <c r="E15339" s="1" t="s">
        <v>0</v>
      </c>
    </row>
    <row r="15340" spans="1:5" ht="409.5" x14ac:dyDescent="0.25">
      <c r="A15340" s="4" t="s">
        <v>34171</v>
      </c>
      <c r="B15340" s="1" t="s">
        <v>60089</v>
      </c>
      <c r="C15340" s="1" t="s">
        <v>34172</v>
      </c>
      <c r="D15340" s="2">
        <v>168168</v>
      </c>
      <c r="E15340" s="1" t="s">
        <v>0</v>
      </c>
    </row>
    <row r="15341" spans="1:5" x14ac:dyDescent="0.25">
      <c r="A15341" s="1" t="s">
        <v>34173</v>
      </c>
      <c r="B15341" s="1" t="s">
        <v>54389</v>
      </c>
      <c r="C15341" s="1" t="s">
        <v>34174</v>
      </c>
      <c r="D15341" s="2">
        <v>168169</v>
      </c>
      <c r="E15341" s="1" t="s">
        <v>0</v>
      </c>
    </row>
    <row r="15342" spans="1:5" x14ac:dyDescent="0.25">
      <c r="A15342" s="2">
        <v>3068</v>
      </c>
      <c r="B15342" s="2">
        <v>3068</v>
      </c>
      <c r="C15342" s="1" t="s">
        <v>0</v>
      </c>
      <c r="D15342" s="2">
        <v>168170</v>
      </c>
      <c r="E15342" s="1" t="s">
        <v>0</v>
      </c>
    </row>
    <row r="15343" spans="1:5" x14ac:dyDescent="0.25">
      <c r="A15343" s="1" t="s">
        <v>2800</v>
      </c>
      <c r="B15343" s="1" t="s">
        <v>9452</v>
      </c>
      <c r="C15343" s="1" t="s">
        <v>34175</v>
      </c>
      <c r="D15343" s="2">
        <v>168171</v>
      </c>
      <c r="E15343" s="1" t="s">
        <v>0</v>
      </c>
    </row>
    <row r="15344" spans="1:5" x14ac:dyDescent="0.25">
      <c r="A15344" s="1" t="s">
        <v>34176</v>
      </c>
      <c r="B15344" s="1" t="s">
        <v>9453</v>
      </c>
      <c r="C15344" s="1" t="s">
        <v>34177</v>
      </c>
      <c r="D15344" s="2">
        <v>168172</v>
      </c>
      <c r="E15344" s="1" t="s">
        <v>0</v>
      </c>
    </row>
    <row r="15345" spans="1:5" ht="409.5" x14ac:dyDescent="0.25">
      <c r="A15345" s="4" t="s">
        <v>34178</v>
      </c>
      <c r="B15345" s="1" t="s">
        <v>9454</v>
      </c>
      <c r="C15345" s="1" t="s">
        <v>34179</v>
      </c>
      <c r="D15345" s="2">
        <v>168173</v>
      </c>
      <c r="E15345" s="1" t="s">
        <v>0</v>
      </c>
    </row>
    <row r="15346" spans="1:5" x14ac:dyDescent="0.25">
      <c r="A15346" s="1" t="s">
        <v>34180</v>
      </c>
      <c r="B15346" s="1" t="s">
        <v>61197</v>
      </c>
      <c r="C15346" s="1" t="s">
        <v>34181</v>
      </c>
      <c r="D15346" s="2">
        <v>168174</v>
      </c>
      <c r="E15346" s="1" t="s">
        <v>0</v>
      </c>
    </row>
    <row r="15347" spans="1:5" x14ac:dyDescent="0.25">
      <c r="A15347" s="2">
        <v>3069</v>
      </c>
      <c r="B15347" s="2">
        <v>3069</v>
      </c>
      <c r="C15347" s="1" t="s">
        <v>0</v>
      </c>
      <c r="D15347" s="2">
        <v>168175</v>
      </c>
      <c r="E15347" s="1" t="s">
        <v>0</v>
      </c>
    </row>
    <row r="15348" spans="1:5" x14ac:dyDescent="0.25">
      <c r="A15348" s="1" t="s">
        <v>2801</v>
      </c>
      <c r="B15348" s="1" t="s">
        <v>63404</v>
      </c>
      <c r="C15348" s="1" t="s">
        <v>34182</v>
      </c>
      <c r="D15348" s="2">
        <v>168176</v>
      </c>
      <c r="E15348" s="1" t="s">
        <v>0</v>
      </c>
    </row>
    <row r="15349" spans="1:5" x14ac:dyDescent="0.25">
      <c r="A15349" s="1" t="s">
        <v>34183</v>
      </c>
      <c r="B15349" s="1" t="s">
        <v>9455</v>
      </c>
      <c r="C15349" s="1" t="s">
        <v>34184</v>
      </c>
      <c r="D15349" s="2">
        <v>168177</v>
      </c>
      <c r="E15349" s="1" t="s">
        <v>0</v>
      </c>
    </row>
    <row r="15350" spans="1:5" ht="409.5" x14ac:dyDescent="0.25">
      <c r="A15350" s="4" t="s">
        <v>34185</v>
      </c>
      <c r="B15350" s="1" t="s">
        <v>60090</v>
      </c>
      <c r="C15350" s="1" t="s">
        <v>34186</v>
      </c>
      <c r="D15350" s="2">
        <v>168178</v>
      </c>
      <c r="E15350" s="1" t="s">
        <v>0</v>
      </c>
    </row>
    <row r="15351" spans="1:5" x14ac:dyDescent="0.25">
      <c r="A15351" s="1" t="s">
        <v>34187</v>
      </c>
      <c r="B15351" s="1" t="s">
        <v>57247</v>
      </c>
      <c r="C15351" s="1" t="s">
        <v>34188</v>
      </c>
      <c r="D15351" s="2">
        <v>168179</v>
      </c>
      <c r="E15351" s="1" t="s">
        <v>0</v>
      </c>
    </row>
    <row r="15352" spans="1:5" x14ac:dyDescent="0.25">
      <c r="A15352" s="2">
        <v>3070</v>
      </c>
      <c r="B15352" s="2">
        <v>3070</v>
      </c>
      <c r="C15352" s="1" t="s">
        <v>0</v>
      </c>
      <c r="D15352" s="2">
        <v>168180</v>
      </c>
      <c r="E15352" s="1" t="s">
        <v>0</v>
      </c>
    </row>
    <row r="15353" spans="1:5" x14ac:dyDescent="0.25">
      <c r="A15353" s="1" t="s">
        <v>2802</v>
      </c>
      <c r="B15353" s="1" t="s">
        <v>9456</v>
      </c>
      <c r="C15353" s="1" t="s">
        <v>34189</v>
      </c>
      <c r="D15353" s="2">
        <v>168181</v>
      </c>
      <c r="E15353" s="1" t="s">
        <v>0</v>
      </c>
    </row>
    <row r="15354" spans="1:5" x14ac:dyDescent="0.25">
      <c r="A15354" s="1" t="s">
        <v>34190</v>
      </c>
      <c r="B15354" s="1" t="s">
        <v>13179</v>
      </c>
      <c r="C15354" s="1" t="s">
        <v>34191</v>
      </c>
      <c r="D15354" s="2">
        <v>168182</v>
      </c>
      <c r="E15354" s="1" t="s">
        <v>0</v>
      </c>
    </row>
    <row r="15355" spans="1:5" ht="409.5" x14ac:dyDescent="0.25">
      <c r="A15355" s="4" t="s">
        <v>34192</v>
      </c>
      <c r="B15355" s="1" t="s">
        <v>54390</v>
      </c>
      <c r="C15355" s="1" t="s">
        <v>34193</v>
      </c>
      <c r="D15355" s="2">
        <v>168183</v>
      </c>
      <c r="E15355" s="1" t="s">
        <v>0</v>
      </c>
    </row>
    <row r="15356" spans="1:5" x14ac:dyDescent="0.25">
      <c r="A15356" s="1" t="s">
        <v>34194</v>
      </c>
      <c r="B15356" s="1" t="s">
        <v>9457</v>
      </c>
      <c r="C15356" s="1" t="s">
        <v>34195</v>
      </c>
      <c r="D15356" s="2">
        <v>168184</v>
      </c>
      <c r="E15356" s="1" t="s">
        <v>0</v>
      </c>
    </row>
    <row r="15357" spans="1:5" x14ac:dyDescent="0.25">
      <c r="A15357" s="2">
        <v>3071</v>
      </c>
      <c r="B15357" s="2">
        <v>3071</v>
      </c>
      <c r="C15357" s="1" t="s">
        <v>0</v>
      </c>
      <c r="D15357" s="2">
        <v>168185</v>
      </c>
      <c r="E15357" s="1" t="s">
        <v>0</v>
      </c>
    </row>
    <row r="15358" spans="1:5" x14ac:dyDescent="0.25">
      <c r="A15358" s="1" t="s">
        <v>2803</v>
      </c>
      <c r="B15358" s="1" t="s">
        <v>9458</v>
      </c>
      <c r="C15358" s="1" t="s">
        <v>34196</v>
      </c>
      <c r="D15358" s="2">
        <v>168186</v>
      </c>
      <c r="E15358" s="1" t="s">
        <v>0</v>
      </c>
    </row>
    <row r="15359" spans="1:5" x14ac:dyDescent="0.25">
      <c r="A15359" s="1" t="s">
        <v>34197</v>
      </c>
      <c r="B15359" s="1" t="s">
        <v>59643</v>
      </c>
      <c r="C15359" s="1" t="s">
        <v>34198</v>
      </c>
      <c r="D15359" s="2">
        <v>168187</v>
      </c>
      <c r="E15359" s="1" t="s">
        <v>0</v>
      </c>
    </row>
    <row r="15360" spans="1:5" ht="409.5" x14ac:dyDescent="0.25">
      <c r="A15360" s="4" t="s">
        <v>34199</v>
      </c>
      <c r="B15360" s="1" t="s">
        <v>59644</v>
      </c>
      <c r="C15360" s="1" t="s">
        <v>34200</v>
      </c>
      <c r="D15360" s="2">
        <v>168188</v>
      </c>
      <c r="E15360" s="1" t="s">
        <v>0</v>
      </c>
    </row>
    <row r="15361" spans="1:5" x14ac:dyDescent="0.25">
      <c r="A15361" s="1" t="s">
        <v>34201</v>
      </c>
      <c r="B15361" s="1" t="s">
        <v>54391</v>
      </c>
      <c r="C15361" s="1" t="s">
        <v>34202</v>
      </c>
      <c r="D15361" s="2">
        <v>168189</v>
      </c>
      <c r="E15361" s="1" t="s">
        <v>0</v>
      </c>
    </row>
    <row r="15362" spans="1:5" x14ac:dyDescent="0.25">
      <c r="A15362" s="2">
        <v>3072</v>
      </c>
      <c r="B15362" s="2">
        <v>3072</v>
      </c>
      <c r="C15362" s="1" t="s">
        <v>0</v>
      </c>
      <c r="D15362" s="2">
        <v>168190</v>
      </c>
      <c r="E15362" s="1" t="s">
        <v>0</v>
      </c>
    </row>
    <row r="15363" spans="1:5" x14ac:dyDescent="0.25">
      <c r="A15363" s="1" t="s">
        <v>2804</v>
      </c>
      <c r="B15363" s="1" t="s">
        <v>54392</v>
      </c>
      <c r="C15363" s="1" t="s">
        <v>34203</v>
      </c>
      <c r="D15363" s="2">
        <v>168191</v>
      </c>
      <c r="E15363" s="1" t="s">
        <v>0</v>
      </c>
    </row>
    <row r="15364" spans="1:5" x14ac:dyDescent="0.25">
      <c r="A15364" s="1" t="s">
        <v>34204</v>
      </c>
      <c r="B15364" s="1" t="s">
        <v>60091</v>
      </c>
      <c r="C15364" s="1" t="s">
        <v>34205</v>
      </c>
      <c r="D15364" s="2">
        <v>168192</v>
      </c>
      <c r="E15364" s="1" t="s">
        <v>0</v>
      </c>
    </row>
    <row r="15365" spans="1:5" ht="409.5" x14ac:dyDescent="0.25">
      <c r="A15365" s="4" t="s">
        <v>34206</v>
      </c>
      <c r="B15365" s="1" t="s">
        <v>60092</v>
      </c>
      <c r="C15365" s="1" t="s">
        <v>34207</v>
      </c>
      <c r="D15365" s="2">
        <v>168193</v>
      </c>
      <c r="E15365" s="1" t="s">
        <v>0</v>
      </c>
    </row>
    <row r="15366" spans="1:5" x14ac:dyDescent="0.25">
      <c r="A15366" s="1" t="s">
        <v>34208</v>
      </c>
      <c r="B15366" s="1" t="s">
        <v>54393</v>
      </c>
      <c r="C15366" s="1" t="s">
        <v>34209</v>
      </c>
      <c r="D15366" s="2">
        <v>168194</v>
      </c>
      <c r="E15366" s="1" t="s">
        <v>0</v>
      </c>
    </row>
    <row r="15367" spans="1:5" x14ac:dyDescent="0.25">
      <c r="A15367" s="2">
        <v>3073</v>
      </c>
      <c r="B15367" s="2">
        <v>3073</v>
      </c>
      <c r="C15367" s="1" t="s">
        <v>0</v>
      </c>
      <c r="D15367" s="2">
        <v>168195</v>
      </c>
      <c r="E15367" s="1" t="s">
        <v>0</v>
      </c>
    </row>
    <row r="15368" spans="1:5" x14ac:dyDescent="0.25">
      <c r="A15368" s="1" t="s">
        <v>2805</v>
      </c>
      <c r="B15368" s="1" t="s">
        <v>9459</v>
      </c>
      <c r="C15368" s="1" t="s">
        <v>34210</v>
      </c>
      <c r="D15368" s="2">
        <v>168196</v>
      </c>
      <c r="E15368" s="1" t="s">
        <v>0</v>
      </c>
    </row>
    <row r="15369" spans="1:5" x14ac:dyDescent="0.25">
      <c r="A15369" s="1" t="s">
        <v>34211</v>
      </c>
      <c r="B15369" s="1" t="s">
        <v>54394</v>
      </c>
      <c r="C15369" s="1" t="s">
        <v>34212</v>
      </c>
      <c r="D15369" s="2">
        <v>168197</v>
      </c>
      <c r="E15369" s="1" t="s">
        <v>0</v>
      </c>
    </row>
    <row r="15370" spans="1:5" ht="409.5" x14ac:dyDescent="0.25">
      <c r="A15370" s="4" t="s">
        <v>34213</v>
      </c>
      <c r="B15370" s="1" t="s">
        <v>60446</v>
      </c>
      <c r="C15370" s="1" t="s">
        <v>34214</v>
      </c>
      <c r="D15370" s="2">
        <v>168198</v>
      </c>
      <c r="E15370" s="1" t="s">
        <v>0</v>
      </c>
    </row>
    <row r="15371" spans="1:5" x14ac:dyDescent="0.25">
      <c r="A15371" s="1" t="s">
        <v>34215</v>
      </c>
      <c r="B15371" s="1" t="s">
        <v>57248</v>
      </c>
      <c r="C15371" s="1" t="s">
        <v>34216</v>
      </c>
      <c r="D15371" s="2">
        <v>168199</v>
      </c>
      <c r="E15371" s="1" t="s">
        <v>0</v>
      </c>
    </row>
    <row r="15372" spans="1:5" x14ac:dyDescent="0.25">
      <c r="A15372" s="2">
        <v>3074</v>
      </c>
      <c r="B15372" s="2">
        <v>3074</v>
      </c>
      <c r="C15372" s="1" t="s">
        <v>0</v>
      </c>
      <c r="D15372" s="2">
        <v>168200</v>
      </c>
      <c r="E15372" s="1" t="s">
        <v>0</v>
      </c>
    </row>
    <row r="15373" spans="1:5" x14ac:dyDescent="0.25">
      <c r="A15373" s="1" t="s">
        <v>2806</v>
      </c>
      <c r="B15373" s="1" t="s">
        <v>9460</v>
      </c>
      <c r="C15373" s="1" t="s">
        <v>34217</v>
      </c>
      <c r="D15373" s="2">
        <v>168201</v>
      </c>
      <c r="E15373" s="1" t="s">
        <v>0</v>
      </c>
    </row>
    <row r="15374" spans="1:5" x14ac:dyDescent="0.25">
      <c r="A15374" s="1" t="s">
        <v>34218</v>
      </c>
      <c r="B15374" s="1" t="s">
        <v>54395</v>
      </c>
      <c r="C15374" s="1" t="s">
        <v>34219</v>
      </c>
      <c r="D15374" s="2">
        <v>168202</v>
      </c>
      <c r="E15374" s="1" t="s">
        <v>0</v>
      </c>
    </row>
    <row r="15375" spans="1:5" ht="409.5" x14ac:dyDescent="0.25">
      <c r="A15375" s="4" t="s">
        <v>34220</v>
      </c>
      <c r="B15375" s="1" t="s">
        <v>54396</v>
      </c>
      <c r="C15375" s="1" t="s">
        <v>34221</v>
      </c>
      <c r="D15375" s="2">
        <v>168203</v>
      </c>
      <c r="E15375" s="1" t="s">
        <v>0</v>
      </c>
    </row>
    <row r="15376" spans="1:5" x14ac:dyDescent="0.25">
      <c r="A15376" s="1" t="s">
        <v>13413</v>
      </c>
      <c r="B15376" s="1" t="s">
        <v>60845</v>
      </c>
      <c r="C15376" s="1" t="s">
        <v>13414</v>
      </c>
      <c r="D15376" s="2">
        <v>168204</v>
      </c>
      <c r="E15376" s="1" t="s">
        <v>0</v>
      </c>
    </row>
    <row r="15377" spans="1:5" x14ac:dyDescent="0.25">
      <c r="A15377" s="2">
        <v>3075</v>
      </c>
      <c r="B15377" s="2">
        <v>3075</v>
      </c>
      <c r="C15377" s="1" t="s">
        <v>0</v>
      </c>
      <c r="D15377" s="2">
        <v>168205</v>
      </c>
      <c r="E15377" s="1" t="s">
        <v>0</v>
      </c>
    </row>
    <row r="15378" spans="1:5" x14ac:dyDescent="0.25">
      <c r="A15378" s="1" t="s">
        <v>2807</v>
      </c>
      <c r="B15378" s="1" t="s">
        <v>54397</v>
      </c>
      <c r="C15378" s="1" t="s">
        <v>34222</v>
      </c>
      <c r="D15378" s="2">
        <v>168206</v>
      </c>
      <c r="E15378" s="1" t="s">
        <v>0</v>
      </c>
    </row>
    <row r="15379" spans="1:5" x14ac:dyDescent="0.25">
      <c r="A15379" s="1" t="s">
        <v>34223</v>
      </c>
      <c r="B15379" s="1" t="s">
        <v>54398</v>
      </c>
      <c r="C15379" s="1" t="s">
        <v>34224</v>
      </c>
      <c r="D15379" s="2">
        <v>168207</v>
      </c>
      <c r="E15379" s="1" t="s">
        <v>0</v>
      </c>
    </row>
    <row r="15380" spans="1:5" ht="409.5" x14ac:dyDescent="0.25">
      <c r="A15380" s="4" t="s">
        <v>34225</v>
      </c>
      <c r="B15380" s="1" t="s">
        <v>54399</v>
      </c>
      <c r="C15380" s="1" t="s">
        <v>34226</v>
      </c>
      <c r="D15380" s="2">
        <v>168208</v>
      </c>
      <c r="E15380" s="1" t="s">
        <v>0</v>
      </c>
    </row>
    <row r="15381" spans="1:5" x14ac:dyDescent="0.25">
      <c r="A15381" s="1" t="s">
        <v>34227</v>
      </c>
      <c r="B15381" s="1" t="s">
        <v>54400</v>
      </c>
      <c r="C15381" s="1" t="s">
        <v>34228</v>
      </c>
      <c r="D15381" s="2">
        <v>168209</v>
      </c>
      <c r="E15381" s="1" t="s">
        <v>0</v>
      </c>
    </row>
    <row r="15382" spans="1:5" x14ac:dyDescent="0.25">
      <c r="A15382" s="2">
        <v>3076</v>
      </c>
      <c r="B15382" s="2">
        <v>3076</v>
      </c>
      <c r="C15382" s="1" t="s">
        <v>0</v>
      </c>
      <c r="D15382" s="2">
        <v>168210</v>
      </c>
      <c r="E15382" s="1" t="s">
        <v>0</v>
      </c>
    </row>
    <row r="15383" spans="1:5" x14ac:dyDescent="0.25">
      <c r="A15383" s="1" t="s">
        <v>2808</v>
      </c>
      <c r="B15383" s="1" t="s">
        <v>9461</v>
      </c>
      <c r="C15383" s="1" t="s">
        <v>34229</v>
      </c>
      <c r="D15383" s="2">
        <v>168211</v>
      </c>
      <c r="E15383" s="1" t="s">
        <v>0</v>
      </c>
    </row>
    <row r="15384" spans="1:5" x14ac:dyDescent="0.25">
      <c r="A15384" s="1" t="s">
        <v>34230</v>
      </c>
      <c r="B15384" s="1" t="s">
        <v>9462</v>
      </c>
      <c r="C15384" s="1" t="s">
        <v>34231</v>
      </c>
      <c r="D15384" s="2">
        <v>168212</v>
      </c>
      <c r="E15384" s="1" t="s">
        <v>0</v>
      </c>
    </row>
    <row r="15385" spans="1:5" ht="409.5" x14ac:dyDescent="0.25">
      <c r="A15385" s="4" t="s">
        <v>34232</v>
      </c>
      <c r="B15385" s="1" t="s">
        <v>9463</v>
      </c>
      <c r="C15385" s="1" t="s">
        <v>34233</v>
      </c>
      <c r="D15385" s="2">
        <v>168213</v>
      </c>
      <c r="E15385" s="1" t="s">
        <v>0</v>
      </c>
    </row>
    <row r="15386" spans="1:5" x14ac:dyDescent="0.25">
      <c r="A15386" s="1" t="s">
        <v>34234</v>
      </c>
      <c r="B15386" s="1" t="s">
        <v>61198</v>
      </c>
      <c r="C15386" s="1" t="s">
        <v>34235</v>
      </c>
      <c r="D15386" s="2">
        <v>168214</v>
      </c>
      <c r="E15386" s="1" t="s">
        <v>0</v>
      </c>
    </row>
    <row r="15387" spans="1:5" x14ac:dyDescent="0.25">
      <c r="A15387" s="2">
        <v>3077</v>
      </c>
      <c r="B15387" s="2">
        <v>3077</v>
      </c>
      <c r="C15387" s="1" t="s">
        <v>0</v>
      </c>
      <c r="D15387" s="2">
        <v>168215</v>
      </c>
      <c r="E15387" s="1" t="s">
        <v>0</v>
      </c>
    </row>
    <row r="15388" spans="1:5" x14ac:dyDescent="0.25">
      <c r="A15388" s="1" t="s">
        <v>2809</v>
      </c>
      <c r="B15388" s="1" t="s">
        <v>9464</v>
      </c>
      <c r="C15388" s="1" t="s">
        <v>34236</v>
      </c>
      <c r="D15388" s="2">
        <v>168216</v>
      </c>
      <c r="E15388" s="1" t="s">
        <v>0</v>
      </c>
    </row>
    <row r="15389" spans="1:5" x14ac:dyDescent="0.25">
      <c r="A15389" s="1" t="s">
        <v>34237</v>
      </c>
      <c r="B15389" s="1" t="s">
        <v>56796</v>
      </c>
      <c r="C15389" s="1" t="s">
        <v>34238</v>
      </c>
      <c r="D15389" s="2">
        <v>168217</v>
      </c>
      <c r="E15389" s="1" t="s">
        <v>0</v>
      </c>
    </row>
    <row r="15390" spans="1:5" ht="409.5" x14ac:dyDescent="0.25">
      <c r="A15390" s="4" t="s">
        <v>34239</v>
      </c>
      <c r="B15390" s="1" t="s">
        <v>63405</v>
      </c>
      <c r="C15390" s="1" t="s">
        <v>34240</v>
      </c>
      <c r="D15390" s="2">
        <v>168218</v>
      </c>
      <c r="E15390" s="1" t="s">
        <v>0</v>
      </c>
    </row>
    <row r="15391" spans="1:5" x14ac:dyDescent="0.25">
      <c r="A15391" s="1" t="s">
        <v>34241</v>
      </c>
      <c r="B15391" s="1" t="s">
        <v>9465</v>
      </c>
      <c r="C15391" s="1" t="s">
        <v>34242</v>
      </c>
      <c r="D15391" s="2">
        <v>168219</v>
      </c>
      <c r="E15391" s="1" t="s">
        <v>0</v>
      </c>
    </row>
    <row r="15392" spans="1:5" x14ac:dyDescent="0.25">
      <c r="A15392" s="2">
        <v>3078</v>
      </c>
      <c r="B15392" s="2">
        <v>3078</v>
      </c>
      <c r="C15392" s="1" t="s">
        <v>0</v>
      </c>
      <c r="D15392" s="2">
        <v>168220</v>
      </c>
      <c r="E15392" s="1" t="s">
        <v>0</v>
      </c>
    </row>
    <row r="15393" spans="1:5" x14ac:dyDescent="0.25">
      <c r="A15393" s="1" t="s">
        <v>2810</v>
      </c>
      <c r="B15393" s="1" t="s">
        <v>9466</v>
      </c>
      <c r="C15393" s="1" t="s">
        <v>34243</v>
      </c>
      <c r="D15393" s="2">
        <v>168221</v>
      </c>
      <c r="E15393" s="1" t="s">
        <v>0</v>
      </c>
    </row>
    <row r="15394" spans="1:5" x14ac:dyDescent="0.25">
      <c r="A15394" s="1" t="s">
        <v>34244</v>
      </c>
      <c r="B15394" s="1" t="s">
        <v>9467</v>
      </c>
      <c r="C15394" s="1" t="s">
        <v>34245</v>
      </c>
      <c r="D15394" s="2">
        <v>168222</v>
      </c>
      <c r="E15394" s="1" t="s">
        <v>0</v>
      </c>
    </row>
    <row r="15395" spans="1:5" x14ac:dyDescent="0.25">
      <c r="A15395" s="1" t="s">
        <v>34244</v>
      </c>
      <c r="B15395" s="1" t="s">
        <v>9467</v>
      </c>
      <c r="C15395" s="1" t="s">
        <v>34245</v>
      </c>
      <c r="D15395" s="2">
        <v>168223</v>
      </c>
      <c r="E15395" s="1" t="s">
        <v>0</v>
      </c>
    </row>
    <row r="15396" spans="1:5" x14ac:dyDescent="0.25">
      <c r="A15396" s="1" t="s">
        <v>34246</v>
      </c>
      <c r="B15396" s="1" t="s">
        <v>9468</v>
      </c>
      <c r="C15396" s="1" t="s">
        <v>34247</v>
      </c>
      <c r="D15396" s="2">
        <v>168224</v>
      </c>
      <c r="E15396" s="1" t="s">
        <v>0</v>
      </c>
    </row>
    <row r="15397" spans="1:5" x14ac:dyDescent="0.25">
      <c r="A15397" s="2">
        <v>3079</v>
      </c>
      <c r="B15397" s="2">
        <v>3079</v>
      </c>
      <c r="C15397" s="1" t="s">
        <v>0</v>
      </c>
      <c r="D15397" s="2">
        <v>168225</v>
      </c>
      <c r="E15397" s="1" t="s">
        <v>0</v>
      </c>
    </row>
    <row r="15398" spans="1:5" x14ac:dyDescent="0.25">
      <c r="A15398" s="1" t="s">
        <v>13180</v>
      </c>
      <c r="B15398" s="1" t="s">
        <v>13181</v>
      </c>
      <c r="C15398" s="1" t="s">
        <v>34248</v>
      </c>
      <c r="D15398" s="2">
        <v>168226</v>
      </c>
      <c r="E15398" s="1" t="s">
        <v>0</v>
      </c>
    </row>
    <row r="15399" spans="1:5" x14ac:dyDescent="0.25">
      <c r="A15399" s="1" t="s">
        <v>34249</v>
      </c>
      <c r="B15399" s="1" t="s">
        <v>57558</v>
      </c>
      <c r="C15399" s="1" t="s">
        <v>34250</v>
      </c>
      <c r="D15399" s="2">
        <v>168227</v>
      </c>
      <c r="E15399" s="1" t="s">
        <v>0</v>
      </c>
    </row>
    <row r="15400" spans="1:5" ht="409.5" x14ac:dyDescent="0.25">
      <c r="A15400" s="4" t="s">
        <v>34251</v>
      </c>
      <c r="B15400" s="1" t="s">
        <v>57559</v>
      </c>
      <c r="C15400" s="1" t="s">
        <v>34252</v>
      </c>
      <c r="D15400" s="2">
        <v>168228</v>
      </c>
      <c r="E15400" s="1" t="s">
        <v>0</v>
      </c>
    </row>
    <row r="15401" spans="1:5" x14ac:dyDescent="0.25">
      <c r="A15401" s="1" t="s">
        <v>34253</v>
      </c>
      <c r="B15401" s="1" t="s">
        <v>57560</v>
      </c>
      <c r="C15401" s="1" t="s">
        <v>34254</v>
      </c>
      <c r="D15401" s="2">
        <v>168229</v>
      </c>
      <c r="E15401" s="1" t="s">
        <v>0</v>
      </c>
    </row>
    <row r="15402" spans="1:5" x14ac:dyDescent="0.25">
      <c r="A15402" s="2">
        <v>3080</v>
      </c>
      <c r="B15402" s="2">
        <v>3080</v>
      </c>
      <c r="C15402" s="1" t="s">
        <v>0</v>
      </c>
      <c r="D15402" s="2">
        <v>168230</v>
      </c>
      <c r="E15402" s="1" t="s">
        <v>0</v>
      </c>
    </row>
    <row r="15403" spans="1:5" x14ac:dyDescent="0.25">
      <c r="A15403" s="1" t="s">
        <v>2811</v>
      </c>
      <c r="B15403" s="1" t="s">
        <v>9469</v>
      </c>
      <c r="C15403" s="1" t="s">
        <v>34255</v>
      </c>
      <c r="D15403" s="2">
        <v>168231</v>
      </c>
      <c r="E15403" s="1" t="s">
        <v>0</v>
      </c>
    </row>
    <row r="15404" spans="1:5" x14ac:dyDescent="0.25">
      <c r="A15404" s="1" t="s">
        <v>34256</v>
      </c>
      <c r="B15404" s="1" t="s">
        <v>9470</v>
      </c>
      <c r="C15404" s="1" t="s">
        <v>34257</v>
      </c>
      <c r="D15404" s="2">
        <v>168232</v>
      </c>
      <c r="E15404" s="1" t="s">
        <v>0</v>
      </c>
    </row>
    <row r="15405" spans="1:5" ht="409.5" x14ac:dyDescent="0.25">
      <c r="A15405" s="4" t="s">
        <v>34258</v>
      </c>
      <c r="B15405" s="1" t="s">
        <v>56797</v>
      </c>
      <c r="C15405" s="1" t="s">
        <v>34259</v>
      </c>
      <c r="D15405" s="2">
        <v>168233</v>
      </c>
      <c r="E15405" s="1" t="s">
        <v>0</v>
      </c>
    </row>
    <row r="15406" spans="1:5" x14ac:dyDescent="0.25">
      <c r="A15406" s="1" t="s">
        <v>34260</v>
      </c>
      <c r="B15406" s="1" t="s">
        <v>9471</v>
      </c>
      <c r="C15406" s="1" t="s">
        <v>34261</v>
      </c>
      <c r="D15406" s="2">
        <v>168234</v>
      </c>
      <c r="E15406" s="1" t="s">
        <v>0</v>
      </c>
    </row>
    <row r="15407" spans="1:5" x14ac:dyDescent="0.25">
      <c r="A15407" s="2">
        <v>3081</v>
      </c>
      <c r="B15407" s="2">
        <v>3081</v>
      </c>
      <c r="C15407" s="1" t="s">
        <v>0</v>
      </c>
      <c r="D15407" s="2">
        <v>168235</v>
      </c>
      <c r="E15407" s="1" t="s">
        <v>0</v>
      </c>
    </row>
    <row r="15408" spans="1:5" x14ac:dyDescent="0.25">
      <c r="A15408" s="1" t="s">
        <v>2812</v>
      </c>
      <c r="B15408" s="1" t="s">
        <v>9472</v>
      </c>
      <c r="C15408" s="1" t="s">
        <v>34262</v>
      </c>
      <c r="D15408" s="2">
        <v>168236</v>
      </c>
      <c r="E15408" s="1" t="s">
        <v>0</v>
      </c>
    </row>
    <row r="15409" spans="1:5" x14ac:dyDescent="0.25">
      <c r="A15409" s="1" t="s">
        <v>34263</v>
      </c>
      <c r="B15409" s="1" t="s">
        <v>54401</v>
      </c>
      <c r="C15409" s="1" t="s">
        <v>34264</v>
      </c>
      <c r="D15409" s="2">
        <v>168237</v>
      </c>
      <c r="E15409" s="1" t="s">
        <v>0</v>
      </c>
    </row>
    <row r="15410" spans="1:5" ht="409.5" x14ac:dyDescent="0.25">
      <c r="A15410" s="4" t="s">
        <v>34265</v>
      </c>
      <c r="B15410" s="1" t="s">
        <v>54402</v>
      </c>
      <c r="C15410" s="1" t="s">
        <v>34266</v>
      </c>
      <c r="D15410" s="2">
        <v>168238</v>
      </c>
      <c r="E15410" s="1" t="s">
        <v>0</v>
      </c>
    </row>
    <row r="15411" spans="1:5" x14ac:dyDescent="0.25">
      <c r="A15411" s="1" t="s">
        <v>34267</v>
      </c>
      <c r="B15411" s="1" t="s">
        <v>57249</v>
      </c>
      <c r="C15411" s="1" t="s">
        <v>34268</v>
      </c>
      <c r="D15411" s="2">
        <v>168239</v>
      </c>
      <c r="E15411" s="1" t="s">
        <v>0</v>
      </c>
    </row>
    <row r="15412" spans="1:5" x14ac:dyDescent="0.25">
      <c r="A15412" s="2">
        <v>3082</v>
      </c>
      <c r="B15412" s="2">
        <v>3082</v>
      </c>
      <c r="C15412" s="1" t="s">
        <v>0</v>
      </c>
      <c r="D15412" s="2">
        <v>168240</v>
      </c>
      <c r="E15412" s="1" t="s">
        <v>0</v>
      </c>
    </row>
    <row r="15413" spans="1:5" x14ac:dyDescent="0.25">
      <c r="A15413" s="1" t="s">
        <v>9473</v>
      </c>
      <c r="B15413" s="1" t="s">
        <v>9474</v>
      </c>
      <c r="C15413" s="1" t="s">
        <v>34269</v>
      </c>
      <c r="D15413" s="2">
        <v>168241</v>
      </c>
      <c r="E15413" s="1" t="s">
        <v>0</v>
      </c>
    </row>
    <row r="15414" spans="1:5" x14ac:dyDescent="0.25">
      <c r="A15414" s="1" t="s">
        <v>34270</v>
      </c>
      <c r="B15414" s="1" t="s">
        <v>63746</v>
      </c>
      <c r="C15414" s="1" t="s">
        <v>34271</v>
      </c>
      <c r="D15414" s="2">
        <v>168242</v>
      </c>
      <c r="E15414" s="1" t="s">
        <v>0</v>
      </c>
    </row>
    <row r="15415" spans="1:5" ht="409.5" x14ac:dyDescent="0.25">
      <c r="A15415" s="4" t="s">
        <v>34272</v>
      </c>
      <c r="B15415" s="1" t="s">
        <v>63747</v>
      </c>
      <c r="C15415" s="1" t="s">
        <v>34273</v>
      </c>
      <c r="D15415" s="2">
        <v>168243</v>
      </c>
      <c r="E15415" s="1" t="s">
        <v>0</v>
      </c>
    </row>
    <row r="15416" spans="1:5" x14ac:dyDescent="0.25">
      <c r="A15416" s="1" t="s">
        <v>34274</v>
      </c>
      <c r="B15416" s="1" t="s">
        <v>54403</v>
      </c>
      <c r="C15416" s="1" t="s">
        <v>34275</v>
      </c>
      <c r="D15416" s="2">
        <v>168244</v>
      </c>
      <c r="E15416" s="1" t="s">
        <v>0</v>
      </c>
    </row>
    <row r="15417" spans="1:5" x14ac:dyDescent="0.25">
      <c r="A15417" s="2">
        <v>3083</v>
      </c>
      <c r="B15417" s="2">
        <v>3083</v>
      </c>
      <c r="C15417" s="1" t="s">
        <v>0</v>
      </c>
      <c r="D15417" s="2">
        <v>168245</v>
      </c>
      <c r="E15417" s="1" t="s">
        <v>0</v>
      </c>
    </row>
    <row r="15418" spans="1:5" x14ac:dyDescent="0.25">
      <c r="A15418" s="1" t="s">
        <v>2813</v>
      </c>
      <c r="B15418" s="1" t="s">
        <v>9475</v>
      </c>
      <c r="C15418" s="1" t="s">
        <v>34276</v>
      </c>
      <c r="D15418" s="2">
        <v>168246</v>
      </c>
      <c r="E15418" s="1" t="s">
        <v>0</v>
      </c>
    </row>
    <row r="15419" spans="1:5" x14ac:dyDescent="0.25">
      <c r="A15419" s="1" t="s">
        <v>34277</v>
      </c>
      <c r="B15419" s="1" t="s">
        <v>60093</v>
      </c>
      <c r="C15419" s="1" t="s">
        <v>34278</v>
      </c>
      <c r="D15419" s="2">
        <v>168247</v>
      </c>
      <c r="E15419" s="1" t="s">
        <v>0</v>
      </c>
    </row>
    <row r="15420" spans="1:5" ht="409.5" x14ac:dyDescent="0.25">
      <c r="A15420" s="4" t="s">
        <v>34279</v>
      </c>
      <c r="B15420" s="1" t="s">
        <v>60094</v>
      </c>
      <c r="C15420" s="1" t="s">
        <v>34280</v>
      </c>
      <c r="D15420" s="2">
        <v>168248</v>
      </c>
      <c r="E15420" s="1" t="s">
        <v>0</v>
      </c>
    </row>
    <row r="15421" spans="1:5" x14ac:dyDescent="0.25">
      <c r="A15421" s="1" t="s">
        <v>34281</v>
      </c>
      <c r="B15421" s="1" t="s">
        <v>54404</v>
      </c>
      <c r="C15421" s="1" t="s">
        <v>34282</v>
      </c>
      <c r="D15421" s="2">
        <v>168249</v>
      </c>
      <c r="E15421" s="1" t="s">
        <v>0</v>
      </c>
    </row>
    <row r="15422" spans="1:5" x14ac:dyDescent="0.25">
      <c r="A15422" s="2">
        <v>3084</v>
      </c>
      <c r="B15422" s="2">
        <v>3084</v>
      </c>
      <c r="C15422" s="1" t="s">
        <v>0</v>
      </c>
      <c r="D15422" s="2">
        <v>168250</v>
      </c>
      <c r="E15422" s="1" t="s">
        <v>0</v>
      </c>
    </row>
    <row r="15423" spans="1:5" x14ac:dyDescent="0.25">
      <c r="A15423" s="1" t="s">
        <v>2814</v>
      </c>
      <c r="B15423" s="1" t="s">
        <v>9476</v>
      </c>
      <c r="C15423" s="1" t="s">
        <v>34283</v>
      </c>
      <c r="D15423" s="2">
        <v>168251</v>
      </c>
      <c r="E15423" s="1" t="s">
        <v>0</v>
      </c>
    </row>
    <row r="15424" spans="1:5" x14ac:dyDescent="0.25">
      <c r="A15424" s="1" t="s">
        <v>34284</v>
      </c>
      <c r="B15424" s="1" t="s">
        <v>54405</v>
      </c>
      <c r="C15424" s="1" t="s">
        <v>34285</v>
      </c>
      <c r="D15424" s="2">
        <v>168252</v>
      </c>
      <c r="E15424" s="1" t="s">
        <v>0</v>
      </c>
    </row>
    <row r="15425" spans="1:5" ht="409.5" x14ac:dyDescent="0.25">
      <c r="A15425" s="4" t="s">
        <v>34286</v>
      </c>
      <c r="B15425" s="1" t="s">
        <v>54406</v>
      </c>
      <c r="C15425" s="1" t="s">
        <v>34287</v>
      </c>
      <c r="D15425" s="2">
        <v>168253</v>
      </c>
      <c r="E15425" s="1" t="s">
        <v>0</v>
      </c>
    </row>
    <row r="15426" spans="1:5" x14ac:dyDescent="0.25">
      <c r="A15426" s="1" t="s">
        <v>34288</v>
      </c>
      <c r="B15426" s="1" t="s">
        <v>9477</v>
      </c>
      <c r="C15426" s="1" t="s">
        <v>34289</v>
      </c>
      <c r="D15426" s="2">
        <v>168254</v>
      </c>
      <c r="E15426" s="1" t="s">
        <v>0</v>
      </c>
    </row>
    <row r="15427" spans="1:5" x14ac:dyDescent="0.25">
      <c r="A15427" s="2">
        <v>3085</v>
      </c>
      <c r="B15427" s="2">
        <v>3085</v>
      </c>
      <c r="C15427" s="1" t="s">
        <v>0</v>
      </c>
      <c r="D15427" s="2">
        <v>168255</v>
      </c>
      <c r="E15427" s="1" t="s">
        <v>0</v>
      </c>
    </row>
    <row r="15428" spans="1:5" x14ac:dyDescent="0.25">
      <c r="A15428" s="1" t="s">
        <v>34290</v>
      </c>
      <c r="B15428" s="1" t="s">
        <v>54407</v>
      </c>
      <c r="C15428" s="1" t="s">
        <v>34291</v>
      </c>
      <c r="D15428" s="2">
        <v>168256</v>
      </c>
      <c r="E15428" s="1" t="s">
        <v>0</v>
      </c>
    </row>
    <row r="15429" spans="1:5" x14ac:dyDescent="0.25">
      <c r="A15429" s="1" t="s">
        <v>64223</v>
      </c>
      <c r="B15429" s="1" t="s">
        <v>54408</v>
      </c>
      <c r="C15429" s="1" t="s">
        <v>34292</v>
      </c>
      <c r="D15429" s="2">
        <v>168257</v>
      </c>
      <c r="E15429" s="1" t="s">
        <v>0</v>
      </c>
    </row>
    <row r="15430" spans="1:5" ht="409.5" x14ac:dyDescent="0.25">
      <c r="A15430" s="4" t="s">
        <v>64224</v>
      </c>
      <c r="B15430" s="1" t="s">
        <v>54409</v>
      </c>
      <c r="C15430" s="1" t="s">
        <v>34293</v>
      </c>
      <c r="D15430" s="2">
        <v>168258</v>
      </c>
      <c r="E15430" s="1" t="s">
        <v>0</v>
      </c>
    </row>
    <row r="15431" spans="1:5" x14ac:dyDescent="0.25">
      <c r="A15431" s="1" t="s">
        <v>34294</v>
      </c>
      <c r="B15431" s="1" t="s">
        <v>54410</v>
      </c>
      <c r="C15431" s="1" t="s">
        <v>34295</v>
      </c>
      <c r="D15431" s="2">
        <v>168259</v>
      </c>
      <c r="E15431" s="1" t="s">
        <v>0</v>
      </c>
    </row>
    <row r="15432" spans="1:5" x14ac:dyDescent="0.25">
      <c r="A15432" s="2">
        <v>3086</v>
      </c>
      <c r="B15432" s="2">
        <v>3086</v>
      </c>
      <c r="C15432" s="1" t="s">
        <v>0</v>
      </c>
      <c r="D15432" s="2">
        <v>168260</v>
      </c>
      <c r="E15432" s="1" t="s">
        <v>0</v>
      </c>
    </row>
    <row r="15433" spans="1:5" x14ac:dyDescent="0.25">
      <c r="A15433" s="1" t="s">
        <v>2815</v>
      </c>
      <c r="B15433" s="1" t="s">
        <v>9478</v>
      </c>
      <c r="C15433" s="1" t="s">
        <v>34296</v>
      </c>
      <c r="D15433" s="2">
        <v>168261</v>
      </c>
      <c r="E15433" s="1" t="s">
        <v>0</v>
      </c>
    </row>
    <row r="15434" spans="1:5" x14ac:dyDescent="0.25">
      <c r="A15434" s="1" t="s">
        <v>34297</v>
      </c>
      <c r="B15434" s="1" t="s">
        <v>54411</v>
      </c>
      <c r="C15434" s="1" t="s">
        <v>34298</v>
      </c>
      <c r="D15434" s="2">
        <v>168262</v>
      </c>
      <c r="E15434" s="1" t="s">
        <v>0</v>
      </c>
    </row>
    <row r="15435" spans="1:5" ht="409.5" x14ac:dyDescent="0.25">
      <c r="A15435" s="4" t="s">
        <v>64225</v>
      </c>
      <c r="B15435" s="1" t="s">
        <v>54412</v>
      </c>
      <c r="C15435" s="1" t="s">
        <v>34299</v>
      </c>
      <c r="D15435" s="2">
        <v>168263</v>
      </c>
      <c r="E15435" s="1" t="s">
        <v>0</v>
      </c>
    </row>
    <row r="15436" spans="1:5" x14ac:dyDescent="0.25">
      <c r="A15436" s="1" t="s">
        <v>34300</v>
      </c>
      <c r="B15436" s="1" t="s">
        <v>9479</v>
      </c>
      <c r="C15436" s="1" t="s">
        <v>34301</v>
      </c>
      <c r="D15436" s="2">
        <v>168264</v>
      </c>
      <c r="E15436" s="1" t="s">
        <v>0</v>
      </c>
    </row>
    <row r="15437" spans="1:5" x14ac:dyDescent="0.25">
      <c r="A15437" s="2">
        <v>3087</v>
      </c>
      <c r="B15437" s="2">
        <v>3087</v>
      </c>
      <c r="C15437" s="1" t="s">
        <v>0</v>
      </c>
      <c r="D15437" s="2">
        <v>168265</v>
      </c>
      <c r="E15437" s="1" t="s">
        <v>0</v>
      </c>
    </row>
    <row r="15438" spans="1:5" x14ac:dyDescent="0.25">
      <c r="A15438" s="1" t="s">
        <v>2816</v>
      </c>
      <c r="B15438" s="1" t="s">
        <v>9480</v>
      </c>
      <c r="C15438" s="1" t="s">
        <v>34302</v>
      </c>
      <c r="D15438" s="2">
        <v>168266</v>
      </c>
      <c r="E15438" s="1" t="s">
        <v>0</v>
      </c>
    </row>
    <row r="15439" spans="1:5" x14ac:dyDescent="0.25">
      <c r="A15439" s="1" t="s">
        <v>34303</v>
      </c>
      <c r="B15439" s="1" t="s">
        <v>58433</v>
      </c>
      <c r="C15439" s="1" t="s">
        <v>34304</v>
      </c>
      <c r="D15439" s="2">
        <v>168267</v>
      </c>
      <c r="E15439" s="1" t="s">
        <v>0</v>
      </c>
    </row>
    <row r="15440" spans="1:5" ht="409.5" x14ac:dyDescent="0.25">
      <c r="A15440" s="4" t="s">
        <v>34305</v>
      </c>
      <c r="B15440" s="1" t="s">
        <v>58434</v>
      </c>
      <c r="C15440" s="1" t="s">
        <v>34306</v>
      </c>
      <c r="D15440" s="2">
        <v>168268</v>
      </c>
      <c r="E15440" s="1" t="s">
        <v>0</v>
      </c>
    </row>
    <row r="15441" spans="1:5" x14ac:dyDescent="0.25">
      <c r="A15441" s="1" t="s">
        <v>34307</v>
      </c>
      <c r="B15441" s="1" t="s">
        <v>54413</v>
      </c>
      <c r="C15441" s="1" t="s">
        <v>34308</v>
      </c>
      <c r="D15441" s="2">
        <v>168269</v>
      </c>
      <c r="E15441" s="1" t="s">
        <v>0</v>
      </c>
    </row>
    <row r="15442" spans="1:5" x14ac:dyDescent="0.25">
      <c r="A15442" s="2">
        <v>3088</v>
      </c>
      <c r="B15442" s="2">
        <v>3088</v>
      </c>
      <c r="C15442" s="1" t="s">
        <v>0</v>
      </c>
      <c r="D15442" s="2">
        <v>168270</v>
      </c>
      <c r="E15442" s="1" t="s">
        <v>0</v>
      </c>
    </row>
    <row r="15443" spans="1:5" x14ac:dyDescent="0.25">
      <c r="A15443" s="1" t="s">
        <v>2817</v>
      </c>
      <c r="B15443" s="1" t="s">
        <v>50810</v>
      </c>
      <c r="C15443" s="1" t="s">
        <v>34309</v>
      </c>
      <c r="D15443" s="2">
        <v>168271</v>
      </c>
      <c r="E15443" s="1" t="s">
        <v>0</v>
      </c>
    </row>
    <row r="15444" spans="1:5" x14ac:dyDescent="0.25">
      <c r="A15444" s="1" t="s">
        <v>34310</v>
      </c>
      <c r="B15444" s="1" t="s">
        <v>50811</v>
      </c>
      <c r="C15444" s="1" t="s">
        <v>34311</v>
      </c>
      <c r="D15444" s="2">
        <v>168272</v>
      </c>
      <c r="E15444" s="1" t="s">
        <v>0</v>
      </c>
    </row>
    <row r="15445" spans="1:5" ht="409.5" x14ac:dyDescent="0.25">
      <c r="A15445" s="4" t="s">
        <v>64226</v>
      </c>
      <c r="B15445" s="1" t="s">
        <v>56798</v>
      </c>
      <c r="C15445" s="1" t="s">
        <v>34312</v>
      </c>
      <c r="D15445" s="2">
        <v>168273</v>
      </c>
      <c r="E15445" s="1" t="s">
        <v>0</v>
      </c>
    </row>
    <row r="15446" spans="1:5" x14ac:dyDescent="0.25">
      <c r="A15446" s="1" t="s">
        <v>34313</v>
      </c>
      <c r="B15446" s="1" t="s">
        <v>54414</v>
      </c>
      <c r="C15446" s="1" t="s">
        <v>34314</v>
      </c>
      <c r="D15446" s="2">
        <v>168274</v>
      </c>
      <c r="E15446" s="1" t="s">
        <v>0</v>
      </c>
    </row>
    <row r="15447" spans="1:5" x14ac:dyDescent="0.25">
      <c r="A15447" s="2">
        <v>3089</v>
      </c>
      <c r="B15447" s="2">
        <v>3089</v>
      </c>
      <c r="C15447" s="1" t="s">
        <v>0</v>
      </c>
      <c r="D15447" s="2">
        <v>168275</v>
      </c>
      <c r="E15447" s="1" t="s">
        <v>0</v>
      </c>
    </row>
    <row r="15448" spans="1:5" x14ac:dyDescent="0.25">
      <c r="A15448" s="1" t="s">
        <v>2818</v>
      </c>
      <c r="B15448" s="1" t="s">
        <v>54415</v>
      </c>
      <c r="C15448" s="1" t="s">
        <v>34315</v>
      </c>
      <c r="D15448" s="2">
        <v>168276</v>
      </c>
      <c r="E15448" s="1" t="s">
        <v>0</v>
      </c>
    </row>
    <row r="15449" spans="1:5" x14ac:dyDescent="0.25">
      <c r="A15449" s="1" t="s">
        <v>34316</v>
      </c>
      <c r="B15449" s="1" t="s">
        <v>54416</v>
      </c>
      <c r="C15449" s="1" t="s">
        <v>34317</v>
      </c>
      <c r="D15449" s="2">
        <v>168277</v>
      </c>
      <c r="E15449" s="1" t="s">
        <v>0</v>
      </c>
    </row>
    <row r="15450" spans="1:5" ht="409.5" x14ac:dyDescent="0.25">
      <c r="A15450" s="4" t="s">
        <v>34318</v>
      </c>
      <c r="B15450" s="1" t="s">
        <v>63748</v>
      </c>
      <c r="C15450" s="1" t="s">
        <v>34319</v>
      </c>
      <c r="D15450" s="2">
        <v>168278</v>
      </c>
      <c r="E15450" s="1" t="s">
        <v>0</v>
      </c>
    </row>
    <row r="15451" spans="1:5" x14ac:dyDescent="0.25">
      <c r="A15451" s="1" t="s">
        <v>34320</v>
      </c>
      <c r="B15451" s="1" t="s">
        <v>57250</v>
      </c>
      <c r="C15451" s="1" t="s">
        <v>34321</v>
      </c>
      <c r="D15451" s="2">
        <v>168279</v>
      </c>
      <c r="E15451" s="1" t="s">
        <v>0</v>
      </c>
    </row>
    <row r="15452" spans="1:5" x14ac:dyDescent="0.25">
      <c r="A15452" s="2">
        <v>3090</v>
      </c>
      <c r="B15452" s="2">
        <v>3090</v>
      </c>
      <c r="C15452" s="1" t="s">
        <v>0</v>
      </c>
      <c r="D15452" s="2">
        <v>168280</v>
      </c>
      <c r="E15452" s="1" t="s">
        <v>0</v>
      </c>
    </row>
    <row r="15453" spans="1:5" x14ac:dyDescent="0.25">
      <c r="A15453" s="1" t="s">
        <v>2819</v>
      </c>
      <c r="B15453" s="1" t="s">
        <v>9481</v>
      </c>
      <c r="C15453" s="1" t="s">
        <v>34322</v>
      </c>
      <c r="D15453" s="2">
        <v>168281</v>
      </c>
      <c r="E15453" s="1" t="s">
        <v>0</v>
      </c>
    </row>
    <row r="15454" spans="1:5" x14ac:dyDescent="0.25">
      <c r="A15454" s="1" t="s">
        <v>34323</v>
      </c>
      <c r="B15454" s="1" t="s">
        <v>9482</v>
      </c>
      <c r="C15454" s="1" t="s">
        <v>34324</v>
      </c>
      <c r="D15454" s="2">
        <v>168282</v>
      </c>
      <c r="E15454" s="1" t="s">
        <v>0</v>
      </c>
    </row>
    <row r="15455" spans="1:5" ht="409.5" x14ac:dyDescent="0.25">
      <c r="A15455" s="4" t="s">
        <v>34325</v>
      </c>
      <c r="B15455" s="1" t="s">
        <v>50812</v>
      </c>
      <c r="C15455" s="1" t="s">
        <v>34326</v>
      </c>
      <c r="D15455" s="2">
        <v>168283</v>
      </c>
      <c r="E15455" s="1" t="s">
        <v>0</v>
      </c>
    </row>
    <row r="15456" spans="1:5" x14ac:dyDescent="0.25">
      <c r="A15456" s="1" t="s">
        <v>34327</v>
      </c>
      <c r="B15456" s="1" t="s">
        <v>9483</v>
      </c>
      <c r="C15456" s="1" t="s">
        <v>34328</v>
      </c>
      <c r="D15456" s="2">
        <v>168284</v>
      </c>
      <c r="E15456" s="1" t="s">
        <v>0</v>
      </c>
    </row>
    <row r="15457" spans="1:5" x14ac:dyDescent="0.25">
      <c r="A15457" s="2">
        <v>3091</v>
      </c>
      <c r="B15457" s="2">
        <v>3091</v>
      </c>
      <c r="C15457" s="1" t="s">
        <v>0</v>
      </c>
      <c r="D15457" s="2">
        <v>168285</v>
      </c>
      <c r="E15457" s="1" t="s">
        <v>0</v>
      </c>
    </row>
    <row r="15458" spans="1:5" x14ac:dyDescent="0.25">
      <c r="A15458" s="1" t="s">
        <v>2820</v>
      </c>
      <c r="B15458" s="1" t="s">
        <v>58435</v>
      </c>
      <c r="C15458" s="1" t="s">
        <v>34329</v>
      </c>
      <c r="D15458" s="2">
        <v>168286</v>
      </c>
      <c r="E15458" s="1" t="s">
        <v>0</v>
      </c>
    </row>
    <row r="15459" spans="1:5" x14ac:dyDescent="0.25">
      <c r="A15459" s="1" t="s">
        <v>34330</v>
      </c>
      <c r="B15459" s="1" t="s">
        <v>62625</v>
      </c>
      <c r="C15459" s="1" t="s">
        <v>34331</v>
      </c>
      <c r="D15459" s="2">
        <v>168287</v>
      </c>
      <c r="E15459" s="1" t="s">
        <v>0</v>
      </c>
    </row>
    <row r="15460" spans="1:5" ht="409.5" x14ac:dyDescent="0.25">
      <c r="A15460" s="4" t="s">
        <v>34332</v>
      </c>
      <c r="B15460" s="1" t="s">
        <v>62626</v>
      </c>
      <c r="C15460" s="1" t="s">
        <v>34333</v>
      </c>
      <c r="D15460" s="2">
        <v>168288</v>
      </c>
      <c r="E15460" s="1" t="s">
        <v>0</v>
      </c>
    </row>
    <row r="15461" spans="1:5" x14ac:dyDescent="0.25">
      <c r="A15461" s="1" t="s">
        <v>34334</v>
      </c>
      <c r="B15461" s="1" t="s">
        <v>9484</v>
      </c>
      <c r="C15461" s="1" t="s">
        <v>34335</v>
      </c>
      <c r="D15461" s="2">
        <v>168289</v>
      </c>
      <c r="E15461" s="1" t="s">
        <v>0</v>
      </c>
    </row>
    <row r="15462" spans="1:5" x14ac:dyDescent="0.25">
      <c r="A15462" s="2">
        <v>3092</v>
      </c>
      <c r="B15462" s="2">
        <v>3092</v>
      </c>
      <c r="C15462" s="1" t="s">
        <v>0</v>
      </c>
      <c r="D15462" s="2">
        <v>168290</v>
      </c>
      <c r="E15462" s="1" t="s">
        <v>0</v>
      </c>
    </row>
    <row r="15463" spans="1:5" x14ac:dyDescent="0.25">
      <c r="A15463" s="1" t="s">
        <v>2821</v>
      </c>
      <c r="B15463" s="1" t="s">
        <v>9485</v>
      </c>
      <c r="C15463" s="1" t="s">
        <v>34336</v>
      </c>
      <c r="D15463" s="2">
        <v>168291</v>
      </c>
      <c r="E15463" s="1" t="s">
        <v>0</v>
      </c>
    </row>
    <row r="15464" spans="1:5" x14ac:dyDescent="0.25">
      <c r="A15464" s="1" t="s">
        <v>34337</v>
      </c>
      <c r="B15464" s="1" t="s">
        <v>9486</v>
      </c>
      <c r="C15464" s="1" t="s">
        <v>34338</v>
      </c>
      <c r="D15464" s="2">
        <v>168292</v>
      </c>
      <c r="E15464" s="1" t="s">
        <v>0</v>
      </c>
    </row>
    <row r="15465" spans="1:5" ht="409.5" x14ac:dyDescent="0.25">
      <c r="A15465" s="4" t="s">
        <v>34339</v>
      </c>
      <c r="B15465" s="1" t="s">
        <v>9487</v>
      </c>
      <c r="C15465" s="1" t="s">
        <v>34340</v>
      </c>
      <c r="D15465" s="2">
        <v>168293</v>
      </c>
      <c r="E15465" s="1" t="s">
        <v>0</v>
      </c>
    </row>
    <row r="15466" spans="1:5" x14ac:dyDescent="0.25">
      <c r="A15466" s="1" t="s">
        <v>34341</v>
      </c>
      <c r="B15466" s="1" t="s">
        <v>54417</v>
      </c>
      <c r="C15466" s="1" t="s">
        <v>34342</v>
      </c>
      <c r="D15466" s="2">
        <v>168294</v>
      </c>
      <c r="E15466" s="1" t="s">
        <v>0</v>
      </c>
    </row>
    <row r="15467" spans="1:5" x14ac:dyDescent="0.25">
      <c r="A15467" s="2">
        <v>3093</v>
      </c>
      <c r="B15467" s="2">
        <v>3093</v>
      </c>
      <c r="C15467" s="1" t="s">
        <v>0</v>
      </c>
      <c r="D15467" s="2">
        <v>168295</v>
      </c>
      <c r="E15467" s="1" t="s">
        <v>0</v>
      </c>
    </row>
    <row r="15468" spans="1:5" x14ac:dyDescent="0.25">
      <c r="A15468" s="1" t="s">
        <v>2822</v>
      </c>
      <c r="B15468" s="1" t="s">
        <v>58436</v>
      </c>
      <c r="C15468" s="1" t="s">
        <v>34343</v>
      </c>
      <c r="D15468" s="2">
        <v>168296</v>
      </c>
      <c r="E15468" s="1" t="s">
        <v>0</v>
      </c>
    </row>
    <row r="15469" spans="1:5" x14ac:dyDescent="0.25">
      <c r="A15469" s="1" t="s">
        <v>34344</v>
      </c>
      <c r="B15469" s="1" t="s">
        <v>62627</v>
      </c>
      <c r="C15469" s="1" t="s">
        <v>34345</v>
      </c>
      <c r="D15469" s="2">
        <v>168297</v>
      </c>
      <c r="E15469" s="1" t="s">
        <v>0</v>
      </c>
    </row>
    <row r="15470" spans="1:5" x14ac:dyDescent="0.25">
      <c r="A15470" s="1" t="s">
        <v>34346</v>
      </c>
      <c r="B15470" s="1" t="s">
        <v>62628</v>
      </c>
      <c r="C15470" s="1" t="s">
        <v>34347</v>
      </c>
      <c r="D15470" s="2">
        <v>168298</v>
      </c>
      <c r="E15470" s="1" t="s">
        <v>0</v>
      </c>
    </row>
    <row r="15471" spans="1:5" x14ac:dyDescent="0.25">
      <c r="A15471" s="1" t="s">
        <v>34348</v>
      </c>
      <c r="B15471" s="1" t="s">
        <v>58437</v>
      </c>
      <c r="C15471" s="1" t="s">
        <v>34349</v>
      </c>
      <c r="D15471" s="2">
        <v>168299</v>
      </c>
      <c r="E15471" s="1" t="s">
        <v>0</v>
      </c>
    </row>
    <row r="15472" spans="1:5" x14ac:dyDescent="0.25">
      <c r="A15472" s="2">
        <v>3094</v>
      </c>
      <c r="B15472" s="2">
        <v>3094</v>
      </c>
      <c r="C15472" s="1" t="s">
        <v>0</v>
      </c>
      <c r="D15472" s="2">
        <v>168300</v>
      </c>
      <c r="E15472" s="1" t="s">
        <v>0</v>
      </c>
    </row>
    <row r="15473" spans="1:5" x14ac:dyDescent="0.25">
      <c r="A15473" s="1" t="s">
        <v>2823</v>
      </c>
      <c r="B15473" s="1" t="s">
        <v>9488</v>
      </c>
      <c r="C15473" s="1" t="s">
        <v>34350</v>
      </c>
      <c r="D15473" s="2">
        <v>168301</v>
      </c>
      <c r="E15473" s="1" t="s">
        <v>0</v>
      </c>
    </row>
    <row r="15474" spans="1:5" x14ac:dyDescent="0.25">
      <c r="A15474" s="1" t="s">
        <v>34351</v>
      </c>
      <c r="B15474" s="1" t="s">
        <v>58438</v>
      </c>
      <c r="C15474" s="1" t="s">
        <v>34352</v>
      </c>
      <c r="D15474" s="2">
        <v>168302</v>
      </c>
      <c r="E15474" s="1" t="s">
        <v>0</v>
      </c>
    </row>
    <row r="15475" spans="1:5" x14ac:dyDescent="0.25">
      <c r="A15475" s="1" t="s">
        <v>34353</v>
      </c>
      <c r="B15475" s="1" t="s">
        <v>58439</v>
      </c>
      <c r="C15475" s="1" t="s">
        <v>34354</v>
      </c>
      <c r="D15475" s="2">
        <v>168303</v>
      </c>
      <c r="E15475" s="1" t="s">
        <v>0</v>
      </c>
    </row>
    <row r="15476" spans="1:5" x14ac:dyDescent="0.25">
      <c r="A15476" s="1" t="s">
        <v>34355</v>
      </c>
      <c r="B15476" s="1" t="s">
        <v>54418</v>
      </c>
      <c r="C15476" s="1" t="s">
        <v>34356</v>
      </c>
      <c r="D15476" s="2">
        <v>168304</v>
      </c>
      <c r="E15476" s="1" t="s">
        <v>0</v>
      </c>
    </row>
    <row r="15477" spans="1:5" x14ac:dyDescent="0.25">
      <c r="A15477" s="2">
        <v>3095</v>
      </c>
      <c r="B15477" s="2">
        <v>3095</v>
      </c>
      <c r="C15477" s="1" t="s">
        <v>0</v>
      </c>
      <c r="D15477" s="2">
        <v>168305</v>
      </c>
      <c r="E15477" s="1" t="s">
        <v>0</v>
      </c>
    </row>
    <row r="15478" spans="1:5" x14ac:dyDescent="0.25">
      <c r="A15478" s="1" t="s">
        <v>2824</v>
      </c>
      <c r="B15478" s="1" t="s">
        <v>9489</v>
      </c>
      <c r="C15478" s="1" t="s">
        <v>34357</v>
      </c>
      <c r="D15478" s="2">
        <v>168306</v>
      </c>
      <c r="E15478" s="1" t="s">
        <v>0</v>
      </c>
    </row>
    <row r="15479" spans="1:5" x14ac:dyDescent="0.25">
      <c r="A15479" s="1" t="s">
        <v>34358</v>
      </c>
      <c r="B15479" s="1" t="s">
        <v>54419</v>
      </c>
      <c r="C15479" s="1" t="s">
        <v>34359</v>
      </c>
      <c r="D15479" s="2">
        <v>168307</v>
      </c>
      <c r="E15479" s="1" t="s">
        <v>0</v>
      </c>
    </row>
    <row r="15480" spans="1:5" ht="409.5" x14ac:dyDescent="0.25">
      <c r="A15480" s="4" t="s">
        <v>34360</v>
      </c>
      <c r="B15480" s="1" t="s">
        <v>54420</v>
      </c>
      <c r="C15480" s="1" t="s">
        <v>34361</v>
      </c>
      <c r="D15480" s="2">
        <v>168308</v>
      </c>
      <c r="E15480" s="1" t="s">
        <v>0</v>
      </c>
    </row>
    <row r="15481" spans="1:5" x14ac:dyDescent="0.25">
      <c r="A15481" s="1" t="s">
        <v>34362</v>
      </c>
      <c r="B15481" s="1" t="s">
        <v>54421</v>
      </c>
      <c r="C15481" s="1" t="s">
        <v>34363</v>
      </c>
      <c r="D15481" s="2">
        <v>168309</v>
      </c>
      <c r="E15481" s="1" t="s">
        <v>0</v>
      </c>
    </row>
    <row r="15482" spans="1:5" x14ac:dyDescent="0.25">
      <c r="A15482" s="2">
        <v>3096</v>
      </c>
      <c r="B15482" s="2">
        <v>3096</v>
      </c>
      <c r="C15482" s="1" t="s">
        <v>0</v>
      </c>
      <c r="D15482" s="2">
        <v>168310</v>
      </c>
      <c r="E15482" s="1" t="s">
        <v>0</v>
      </c>
    </row>
    <row r="15483" spans="1:5" x14ac:dyDescent="0.25">
      <c r="A15483" s="1" t="s">
        <v>2825</v>
      </c>
      <c r="B15483" s="1" t="s">
        <v>9490</v>
      </c>
      <c r="C15483" s="1" t="s">
        <v>34364</v>
      </c>
      <c r="D15483" s="2">
        <v>168311</v>
      </c>
      <c r="E15483" s="1" t="s">
        <v>0</v>
      </c>
    </row>
    <row r="15484" spans="1:5" x14ac:dyDescent="0.25">
      <c r="A15484" s="1" t="s">
        <v>34365</v>
      </c>
      <c r="B15484" s="1" t="s">
        <v>9491</v>
      </c>
      <c r="C15484" s="1" t="s">
        <v>34366</v>
      </c>
      <c r="D15484" s="2">
        <v>168312</v>
      </c>
      <c r="E15484" s="1" t="s">
        <v>0</v>
      </c>
    </row>
    <row r="15485" spans="1:5" ht="409.5" x14ac:dyDescent="0.25">
      <c r="A15485" s="4" t="s">
        <v>34367</v>
      </c>
      <c r="B15485" s="1" t="s">
        <v>9492</v>
      </c>
      <c r="C15485" s="1" t="s">
        <v>34368</v>
      </c>
      <c r="D15485" s="2">
        <v>168313</v>
      </c>
      <c r="E15485" s="1" t="s">
        <v>0</v>
      </c>
    </row>
    <row r="15486" spans="1:5" x14ac:dyDescent="0.25">
      <c r="A15486" s="1" t="s">
        <v>34369</v>
      </c>
      <c r="B15486" s="1" t="s">
        <v>61199</v>
      </c>
      <c r="C15486" s="1" t="s">
        <v>34370</v>
      </c>
      <c r="D15486" s="2">
        <v>168314</v>
      </c>
      <c r="E15486" s="1" t="s">
        <v>0</v>
      </c>
    </row>
    <row r="15487" spans="1:5" x14ac:dyDescent="0.25">
      <c r="A15487" s="2">
        <v>3097</v>
      </c>
      <c r="B15487" s="2">
        <v>3097</v>
      </c>
      <c r="C15487" s="1" t="s">
        <v>0</v>
      </c>
      <c r="D15487" s="2">
        <v>168315</v>
      </c>
      <c r="E15487" s="1" t="s">
        <v>0</v>
      </c>
    </row>
    <row r="15488" spans="1:5" x14ac:dyDescent="0.25">
      <c r="A15488" s="1" t="s">
        <v>2826</v>
      </c>
      <c r="B15488" s="1" t="s">
        <v>9493</v>
      </c>
      <c r="C15488" s="1" t="s">
        <v>34371</v>
      </c>
      <c r="D15488" s="2">
        <v>168316</v>
      </c>
      <c r="E15488" s="1" t="s">
        <v>0</v>
      </c>
    </row>
    <row r="15489" spans="1:5" x14ac:dyDescent="0.25">
      <c r="A15489" s="1" t="s">
        <v>61829</v>
      </c>
      <c r="B15489" s="1" t="s">
        <v>9494</v>
      </c>
      <c r="C15489" s="1" t="s">
        <v>34372</v>
      </c>
      <c r="D15489" s="2">
        <v>168317</v>
      </c>
      <c r="E15489" s="1" t="s">
        <v>0</v>
      </c>
    </row>
    <row r="15490" spans="1:5" ht="409.5" x14ac:dyDescent="0.25">
      <c r="A15490" s="4" t="s">
        <v>61830</v>
      </c>
      <c r="B15490" s="1" t="s">
        <v>60095</v>
      </c>
      <c r="C15490" s="1" t="s">
        <v>34373</v>
      </c>
      <c r="D15490" s="2">
        <v>168318</v>
      </c>
      <c r="E15490" s="1" t="s">
        <v>0</v>
      </c>
    </row>
    <row r="15491" spans="1:5" x14ac:dyDescent="0.25">
      <c r="A15491" s="1" t="s">
        <v>34374</v>
      </c>
      <c r="B15491" s="1" t="s">
        <v>54422</v>
      </c>
      <c r="C15491" s="1" t="s">
        <v>34375</v>
      </c>
      <c r="D15491" s="2">
        <v>168319</v>
      </c>
      <c r="E15491" s="1" t="s">
        <v>0</v>
      </c>
    </row>
    <row r="15492" spans="1:5" x14ac:dyDescent="0.25">
      <c r="A15492" s="2">
        <v>3098</v>
      </c>
      <c r="B15492" s="2">
        <v>3098</v>
      </c>
      <c r="C15492" s="1" t="s">
        <v>0</v>
      </c>
      <c r="D15492" s="2">
        <v>168320</v>
      </c>
      <c r="E15492" s="1" t="s">
        <v>0</v>
      </c>
    </row>
    <row r="15493" spans="1:5" x14ac:dyDescent="0.25">
      <c r="A15493" s="1" t="s">
        <v>2827</v>
      </c>
      <c r="B15493" s="1" t="s">
        <v>9495</v>
      </c>
      <c r="C15493" s="1" t="s">
        <v>34376</v>
      </c>
      <c r="D15493" s="2">
        <v>168321</v>
      </c>
      <c r="E15493" s="1" t="s">
        <v>0</v>
      </c>
    </row>
    <row r="15494" spans="1:5" x14ac:dyDescent="0.25">
      <c r="A15494" s="1" t="s">
        <v>34377</v>
      </c>
      <c r="B15494" s="1" t="s">
        <v>54423</v>
      </c>
      <c r="C15494" s="1" t="s">
        <v>34378</v>
      </c>
      <c r="D15494" s="2">
        <v>168322</v>
      </c>
      <c r="E15494" s="1" t="s">
        <v>0</v>
      </c>
    </row>
    <row r="15495" spans="1:5" ht="409.5" x14ac:dyDescent="0.25">
      <c r="A15495" s="4" t="s">
        <v>34379</v>
      </c>
      <c r="B15495" s="1" t="s">
        <v>54424</v>
      </c>
      <c r="C15495" s="1" t="s">
        <v>34380</v>
      </c>
      <c r="D15495" s="2">
        <v>168323</v>
      </c>
      <c r="E15495" s="1" t="s">
        <v>0</v>
      </c>
    </row>
    <row r="15496" spans="1:5" x14ac:dyDescent="0.25">
      <c r="A15496" s="1" t="s">
        <v>34381</v>
      </c>
      <c r="B15496" s="1" t="s">
        <v>54425</v>
      </c>
      <c r="C15496" s="1" t="s">
        <v>34382</v>
      </c>
      <c r="D15496" s="2">
        <v>168324</v>
      </c>
      <c r="E15496" s="1" t="s">
        <v>0</v>
      </c>
    </row>
    <row r="15497" spans="1:5" x14ac:dyDescent="0.25">
      <c r="A15497" s="2">
        <v>3099</v>
      </c>
      <c r="B15497" s="2">
        <v>3099</v>
      </c>
      <c r="C15497" s="1" t="s">
        <v>0</v>
      </c>
      <c r="D15497" s="2">
        <v>168325</v>
      </c>
      <c r="E15497" s="1" t="s">
        <v>0</v>
      </c>
    </row>
    <row r="15498" spans="1:5" x14ac:dyDescent="0.25">
      <c r="A15498" s="1" t="s">
        <v>2828</v>
      </c>
      <c r="B15498" s="1" t="s">
        <v>9496</v>
      </c>
      <c r="C15498" s="1" t="s">
        <v>34383</v>
      </c>
      <c r="D15498" s="2">
        <v>168326</v>
      </c>
      <c r="E15498" s="1" t="s">
        <v>0</v>
      </c>
    </row>
    <row r="15499" spans="1:5" x14ac:dyDescent="0.25">
      <c r="A15499" s="1" t="s">
        <v>34384</v>
      </c>
      <c r="B15499" s="1" t="s">
        <v>63749</v>
      </c>
      <c r="C15499" s="1" t="s">
        <v>34385</v>
      </c>
      <c r="D15499" s="2">
        <v>168327</v>
      </c>
      <c r="E15499" s="1" t="s">
        <v>0</v>
      </c>
    </row>
    <row r="15500" spans="1:5" ht="409.5" x14ac:dyDescent="0.25">
      <c r="A15500" s="4" t="s">
        <v>34386</v>
      </c>
      <c r="B15500" s="1" t="s">
        <v>63750</v>
      </c>
      <c r="C15500" s="1" t="s">
        <v>34387</v>
      </c>
      <c r="D15500" s="2">
        <v>168328</v>
      </c>
      <c r="E15500" s="1" t="s">
        <v>0</v>
      </c>
    </row>
    <row r="15501" spans="1:5" x14ac:dyDescent="0.25">
      <c r="A15501" s="1" t="s">
        <v>34388</v>
      </c>
      <c r="B15501" s="1" t="s">
        <v>54426</v>
      </c>
      <c r="C15501" s="1" t="s">
        <v>34389</v>
      </c>
      <c r="D15501" s="2">
        <v>168329</v>
      </c>
      <c r="E15501" s="1" t="s">
        <v>0</v>
      </c>
    </row>
    <row r="15502" spans="1:5" x14ac:dyDescent="0.25">
      <c r="A15502" s="2">
        <v>3100</v>
      </c>
      <c r="B15502" s="2">
        <v>3100</v>
      </c>
      <c r="C15502" s="1" t="s">
        <v>0</v>
      </c>
      <c r="D15502" s="2">
        <v>168330</v>
      </c>
      <c r="E15502" s="1" t="s">
        <v>0</v>
      </c>
    </row>
    <row r="15503" spans="1:5" x14ac:dyDescent="0.25">
      <c r="A15503" s="1" t="s">
        <v>2829</v>
      </c>
      <c r="B15503" s="1" t="s">
        <v>9497</v>
      </c>
      <c r="C15503" s="1" t="s">
        <v>34390</v>
      </c>
      <c r="D15503" s="2">
        <v>168331</v>
      </c>
      <c r="E15503" s="1" t="s">
        <v>0</v>
      </c>
    </row>
    <row r="15504" spans="1:5" x14ac:dyDescent="0.25">
      <c r="A15504" s="1" t="s">
        <v>34391</v>
      </c>
      <c r="B15504" s="1" t="s">
        <v>56799</v>
      </c>
      <c r="C15504" s="1" t="s">
        <v>34392</v>
      </c>
      <c r="D15504" s="2">
        <v>168332</v>
      </c>
      <c r="E15504" s="1" t="s">
        <v>0</v>
      </c>
    </row>
    <row r="15505" spans="1:5" ht="409.5" x14ac:dyDescent="0.25">
      <c r="A15505" s="4" t="s">
        <v>34393</v>
      </c>
      <c r="B15505" s="1" t="s">
        <v>56800</v>
      </c>
      <c r="C15505" s="1" t="s">
        <v>34394</v>
      </c>
      <c r="D15505" s="2">
        <v>168333</v>
      </c>
      <c r="E15505" s="1" t="s">
        <v>0</v>
      </c>
    </row>
    <row r="15506" spans="1:5" x14ac:dyDescent="0.25">
      <c r="A15506" s="1" t="s">
        <v>34395</v>
      </c>
      <c r="B15506" s="1" t="s">
        <v>9498</v>
      </c>
      <c r="C15506" s="1" t="s">
        <v>34396</v>
      </c>
      <c r="D15506" s="2">
        <v>168334</v>
      </c>
      <c r="E15506" s="1" t="s">
        <v>0</v>
      </c>
    </row>
    <row r="15507" spans="1:5" x14ac:dyDescent="0.25">
      <c r="A15507" s="2">
        <v>3101</v>
      </c>
      <c r="B15507" s="2">
        <v>3101</v>
      </c>
      <c r="C15507" s="1" t="s">
        <v>0</v>
      </c>
      <c r="D15507" s="2">
        <v>168335</v>
      </c>
      <c r="E15507" s="1" t="s">
        <v>0</v>
      </c>
    </row>
    <row r="15508" spans="1:5" x14ac:dyDescent="0.25">
      <c r="A15508" s="1" t="s">
        <v>2830</v>
      </c>
      <c r="B15508" s="1" t="s">
        <v>9499</v>
      </c>
      <c r="C15508" s="1" t="s">
        <v>34397</v>
      </c>
      <c r="D15508" s="2">
        <v>168336</v>
      </c>
      <c r="E15508" s="1" t="s">
        <v>0</v>
      </c>
    </row>
    <row r="15509" spans="1:5" x14ac:dyDescent="0.25">
      <c r="A15509" s="1" t="s">
        <v>34398</v>
      </c>
      <c r="B15509" s="1" t="s">
        <v>9500</v>
      </c>
      <c r="C15509" s="1" t="s">
        <v>34399</v>
      </c>
      <c r="D15509" s="2">
        <v>168337</v>
      </c>
      <c r="E15509" s="1" t="s">
        <v>0</v>
      </c>
    </row>
    <row r="15510" spans="1:5" ht="409.5" x14ac:dyDescent="0.25">
      <c r="A15510" s="4" t="s">
        <v>34400</v>
      </c>
      <c r="B15510" s="1" t="s">
        <v>13182</v>
      </c>
      <c r="C15510" s="1" t="s">
        <v>34401</v>
      </c>
      <c r="D15510" s="2">
        <v>168338</v>
      </c>
      <c r="E15510" s="1" t="s">
        <v>0</v>
      </c>
    </row>
    <row r="15511" spans="1:5" x14ac:dyDescent="0.25">
      <c r="A15511" s="1" t="s">
        <v>34402</v>
      </c>
      <c r="B15511" s="1" t="s">
        <v>9501</v>
      </c>
      <c r="C15511" s="1" t="s">
        <v>34403</v>
      </c>
      <c r="D15511" s="2">
        <v>168339</v>
      </c>
      <c r="E15511" s="1" t="s">
        <v>0</v>
      </c>
    </row>
    <row r="15512" spans="1:5" x14ac:dyDescent="0.25">
      <c r="A15512" s="2">
        <v>3102</v>
      </c>
      <c r="B15512" s="2">
        <v>3102</v>
      </c>
      <c r="C15512" s="1" t="s">
        <v>0</v>
      </c>
      <c r="D15512" s="2">
        <v>168340</v>
      </c>
      <c r="E15512" s="1" t="s">
        <v>0</v>
      </c>
    </row>
    <row r="15513" spans="1:5" x14ac:dyDescent="0.25">
      <c r="A15513" s="1" t="s">
        <v>2831</v>
      </c>
      <c r="B15513" s="1" t="s">
        <v>9502</v>
      </c>
      <c r="C15513" s="1" t="s">
        <v>34404</v>
      </c>
      <c r="D15513" s="2">
        <v>168341</v>
      </c>
      <c r="E15513" s="1" t="s">
        <v>0</v>
      </c>
    </row>
    <row r="15514" spans="1:5" x14ac:dyDescent="0.25">
      <c r="A15514" s="1" t="s">
        <v>34405</v>
      </c>
      <c r="B15514" s="1" t="s">
        <v>9503</v>
      </c>
      <c r="C15514" s="1" t="s">
        <v>34406</v>
      </c>
      <c r="D15514" s="2">
        <v>168342</v>
      </c>
      <c r="E15514" s="1" t="s">
        <v>0</v>
      </c>
    </row>
    <row r="15515" spans="1:5" ht="409.5" x14ac:dyDescent="0.25">
      <c r="A15515" s="4" t="s">
        <v>34407</v>
      </c>
      <c r="B15515" s="1" t="s">
        <v>57882</v>
      </c>
      <c r="C15515" s="1" t="s">
        <v>34408</v>
      </c>
      <c r="D15515" s="2">
        <v>168343</v>
      </c>
      <c r="E15515" s="1" t="s">
        <v>0</v>
      </c>
    </row>
    <row r="15516" spans="1:5" x14ac:dyDescent="0.25">
      <c r="A15516" s="1" t="s">
        <v>34409</v>
      </c>
      <c r="B15516" s="1" t="s">
        <v>54427</v>
      </c>
      <c r="C15516" s="1" t="s">
        <v>34410</v>
      </c>
      <c r="D15516" s="2">
        <v>168344</v>
      </c>
      <c r="E15516" s="1" t="s">
        <v>0</v>
      </c>
    </row>
    <row r="15517" spans="1:5" x14ac:dyDescent="0.25">
      <c r="A15517" s="2">
        <v>3103</v>
      </c>
      <c r="B15517" s="2">
        <v>3103</v>
      </c>
      <c r="C15517" s="1" t="s">
        <v>0</v>
      </c>
      <c r="D15517" s="2">
        <v>168345</v>
      </c>
      <c r="E15517" s="1" t="s">
        <v>0</v>
      </c>
    </row>
    <row r="15518" spans="1:5" x14ac:dyDescent="0.25">
      <c r="A15518" s="1" t="s">
        <v>2832</v>
      </c>
      <c r="B15518" s="1" t="s">
        <v>9504</v>
      </c>
      <c r="C15518" s="1" t="s">
        <v>34411</v>
      </c>
      <c r="D15518" s="2">
        <v>168346</v>
      </c>
      <c r="E15518" s="1" t="s">
        <v>0</v>
      </c>
    </row>
    <row r="15519" spans="1:5" x14ac:dyDescent="0.25">
      <c r="A15519" s="1" t="s">
        <v>34412</v>
      </c>
      <c r="B15519" s="1" t="s">
        <v>54428</v>
      </c>
      <c r="C15519" s="1" t="s">
        <v>34413</v>
      </c>
      <c r="D15519" s="2">
        <v>168347</v>
      </c>
      <c r="E15519" s="1" t="s">
        <v>0</v>
      </c>
    </row>
    <row r="15520" spans="1:5" ht="409.5" x14ac:dyDescent="0.25">
      <c r="A15520" s="4" t="s">
        <v>34414</v>
      </c>
      <c r="B15520" s="1" t="s">
        <v>54429</v>
      </c>
      <c r="C15520" s="1" t="s">
        <v>34415</v>
      </c>
      <c r="D15520" s="2">
        <v>168348</v>
      </c>
      <c r="E15520" s="1" t="s">
        <v>0</v>
      </c>
    </row>
    <row r="15521" spans="1:5" x14ac:dyDescent="0.25">
      <c r="A15521" s="1" t="s">
        <v>34416</v>
      </c>
      <c r="B15521" s="1" t="s">
        <v>9505</v>
      </c>
      <c r="C15521" s="1" t="s">
        <v>34417</v>
      </c>
      <c r="D15521" s="2">
        <v>168349</v>
      </c>
      <c r="E15521" s="1" t="s">
        <v>0</v>
      </c>
    </row>
    <row r="15522" spans="1:5" x14ac:dyDescent="0.25">
      <c r="A15522" s="2">
        <v>3104</v>
      </c>
      <c r="B15522" s="2">
        <v>3104</v>
      </c>
      <c r="C15522" s="1" t="s">
        <v>0</v>
      </c>
      <c r="D15522" s="2">
        <v>168350</v>
      </c>
      <c r="E15522" s="1" t="s">
        <v>0</v>
      </c>
    </row>
    <row r="15523" spans="1:5" x14ac:dyDescent="0.25">
      <c r="A15523" s="1" t="s">
        <v>13183</v>
      </c>
      <c r="B15523" s="1" t="s">
        <v>13184</v>
      </c>
      <c r="C15523" s="1" t="s">
        <v>34418</v>
      </c>
      <c r="D15523" s="2">
        <v>168351</v>
      </c>
      <c r="E15523" s="1" t="s">
        <v>0</v>
      </c>
    </row>
    <row r="15524" spans="1:5" x14ac:dyDescent="0.25">
      <c r="A15524" s="1" t="s">
        <v>34419</v>
      </c>
      <c r="B15524" s="1" t="s">
        <v>13185</v>
      </c>
      <c r="C15524" s="1" t="s">
        <v>34420</v>
      </c>
      <c r="D15524" s="2">
        <v>168352</v>
      </c>
      <c r="E15524" s="1" t="s">
        <v>0</v>
      </c>
    </row>
    <row r="15525" spans="1:5" ht="409.5" x14ac:dyDescent="0.25">
      <c r="A15525" s="4" t="s">
        <v>34421</v>
      </c>
      <c r="B15525" s="1" t="s">
        <v>60625</v>
      </c>
      <c r="C15525" s="1" t="s">
        <v>34422</v>
      </c>
      <c r="D15525" s="2">
        <v>168353</v>
      </c>
      <c r="E15525" s="1" t="s">
        <v>0</v>
      </c>
    </row>
    <row r="15526" spans="1:5" x14ac:dyDescent="0.25">
      <c r="A15526" s="1" t="s">
        <v>34423</v>
      </c>
      <c r="B15526" s="1" t="s">
        <v>54430</v>
      </c>
      <c r="C15526" s="1" t="s">
        <v>34424</v>
      </c>
      <c r="D15526" s="2">
        <v>168354</v>
      </c>
      <c r="E15526" s="1" t="s">
        <v>0</v>
      </c>
    </row>
    <row r="15527" spans="1:5" x14ac:dyDescent="0.25">
      <c r="A15527" s="2">
        <v>3105</v>
      </c>
      <c r="B15527" s="2">
        <v>3105</v>
      </c>
      <c r="C15527" s="1" t="s">
        <v>0</v>
      </c>
      <c r="D15527" s="2">
        <v>168355</v>
      </c>
      <c r="E15527" s="1" t="s">
        <v>0</v>
      </c>
    </row>
    <row r="15528" spans="1:5" x14ac:dyDescent="0.25">
      <c r="A15528" s="1" t="s">
        <v>2833</v>
      </c>
      <c r="B15528" s="1" t="s">
        <v>9506</v>
      </c>
      <c r="C15528" s="1" t="s">
        <v>34425</v>
      </c>
      <c r="D15528" s="2">
        <v>168356</v>
      </c>
      <c r="E15528" s="1" t="s">
        <v>0</v>
      </c>
    </row>
    <row r="15529" spans="1:5" x14ac:dyDescent="0.25">
      <c r="A15529" s="1" t="s">
        <v>34426</v>
      </c>
      <c r="B15529" s="1" t="s">
        <v>62629</v>
      </c>
      <c r="C15529" s="1" t="s">
        <v>34427</v>
      </c>
      <c r="D15529" s="2">
        <v>168357</v>
      </c>
      <c r="E15529" s="1" t="s">
        <v>0</v>
      </c>
    </row>
    <row r="15530" spans="1:5" ht="409.5" x14ac:dyDescent="0.25">
      <c r="A15530" s="4" t="s">
        <v>34428</v>
      </c>
      <c r="B15530" s="1" t="s">
        <v>62630</v>
      </c>
      <c r="C15530" s="1" t="s">
        <v>34429</v>
      </c>
      <c r="D15530" s="2">
        <v>168358</v>
      </c>
      <c r="E15530" s="1" t="s">
        <v>0</v>
      </c>
    </row>
    <row r="15531" spans="1:5" x14ac:dyDescent="0.25">
      <c r="A15531" s="1" t="s">
        <v>34430</v>
      </c>
      <c r="B15531" s="1" t="s">
        <v>54431</v>
      </c>
      <c r="C15531" s="1" t="s">
        <v>34431</v>
      </c>
      <c r="D15531" s="2">
        <v>168359</v>
      </c>
      <c r="E15531" s="1" t="s">
        <v>0</v>
      </c>
    </row>
    <row r="15532" spans="1:5" x14ac:dyDescent="0.25">
      <c r="A15532" s="2">
        <v>3106</v>
      </c>
      <c r="B15532" s="2">
        <v>3106</v>
      </c>
      <c r="C15532" s="1" t="s">
        <v>0</v>
      </c>
      <c r="D15532" s="2">
        <v>168360</v>
      </c>
      <c r="E15532" s="1" t="s">
        <v>0</v>
      </c>
    </row>
    <row r="15533" spans="1:5" x14ac:dyDescent="0.25">
      <c r="A15533" s="1" t="s">
        <v>2834</v>
      </c>
      <c r="B15533" s="1" t="s">
        <v>54432</v>
      </c>
      <c r="C15533" s="1" t="s">
        <v>34432</v>
      </c>
      <c r="D15533" s="2">
        <v>168361</v>
      </c>
      <c r="E15533" s="1" t="s">
        <v>0</v>
      </c>
    </row>
    <row r="15534" spans="1:5" x14ac:dyDescent="0.25">
      <c r="A15534" s="1" t="s">
        <v>34433</v>
      </c>
      <c r="B15534" s="1" t="s">
        <v>60626</v>
      </c>
      <c r="C15534" s="1" t="s">
        <v>34434</v>
      </c>
      <c r="D15534" s="2">
        <v>168362</v>
      </c>
      <c r="E15534" s="1" t="s">
        <v>0</v>
      </c>
    </row>
    <row r="15535" spans="1:5" ht="409.5" x14ac:dyDescent="0.25">
      <c r="A15535" s="4" t="s">
        <v>34435</v>
      </c>
      <c r="B15535" s="1" t="s">
        <v>60627</v>
      </c>
      <c r="C15535" s="1" t="s">
        <v>34436</v>
      </c>
      <c r="D15535" s="2">
        <v>168363</v>
      </c>
      <c r="E15535" s="1" t="s">
        <v>0</v>
      </c>
    </row>
    <row r="15536" spans="1:5" x14ac:dyDescent="0.25">
      <c r="A15536" s="1" t="s">
        <v>34437</v>
      </c>
      <c r="B15536" s="1" t="s">
        <v>60628</v>
      </c>
      <c r="C15536" s="1" t="s">
        <v>34438</v>
      </c>
      <c r="D15536" s="2">
        <v>168364</v>
      </c>
      <c r="E15536" s="1" t="s">
        <v>0</v>
      </c>
    </row>
    <row r="15537" spans="1:5" x14ac:dyDescent="0.25">
      <c r="A15537" s="2">
        <v>3107</v>
      </c>
      <c r="B15537" s="2">
        <v>3107</v>
      </c>
      <c r="C15537" s="1" t="s">
        <v>0</v>
      </c>
      <c r="D15537" s="2">
        <v>168365</v>
      </c>
      <c r="E15537" s="1" t="s">
        <v>0</v>
      </c>
    </row>
    <row r="15538" spans="1:5" x14ac:dyDescent="0.25">
      <c r="A15538" s="1" t="s">
        <v>2835</v>
      </c>
      <c r="B15538" s="1" t="s">
        <v>9507</v>
      </c>
      <c r="C15538" s="1" t="s">
        <v>34439</v>
      </c>
      <c r="D15538" s="2">
        <v>168366</v>
      </c>
      <c r="E15538" s="1" t="s">
        <v>0</v>
      </c>
    </row>
    <row r="15539" spans="1:5" x14ac:dyDescent="0.25">
      <c r="A15539" s="1" t="s">
        <v>34440</v>
      </c>
      <c r="B15539" s="1" t="s">
        <v>9508</v>
      </c>
      <c r="C15539" s="1" t="s">
        <v>34441</v>
      </c>
      <c r="D15539" s="2">
        <v>168367</v>
      </c>
      <c r="E15539" s="1" t="s">
        <v>0</v>
      </c>
    </row>
    <row r="15540" spans="1:5" ht="409.5" x14ac:dyDescent="0.25">
      <c r="A15540" s="4" t="s">
        <v>34442</v>
      </c>
      <c r="B15540" s="1" t="s">
        <v>54433</v>
      </c>
      <c r="C15540" s="1" t="s">
        <v>34443</v>
      </c>
      <c r="D15540" s="2">
        <v>168368</v>
      </c>
      <c r="E15540" s="1" t="s">
        <v>0</v>
      </c>
    </row>
    <row r="15541" spans="1:5" x14ac:dyDescent="0.25">
      <c r="A15541" s="1" t="s">
        <v>34444</v>
      </c>
      <c r="B15541" s="1" t="s">
        <v>54434</v>
      </c>
      <c r="C15541" s="1" t="s">
        <v>34445</v>
      </c>
      <c r="D15541" s="2">
        <v>168369</v>
      </c>
      <c r="E15541" s="1" t="s">
        <v>0</v>
      </c>
    </row>
    <row r="15542" spans="1:5" x14ac:dyDescent="0.25">
      <c r="A15542" s="2">
        <v>3108</v>
      </c>
      <c r="B15542" s="2">
        <v>3108</v>
      </c>
      <c r="C15542" s="1" t="s">
        <v>0</v>
      </c>
      <c r="D15542" s="2">
        <v>168370</v>
      </c>
      <c r="E15542" s="1" t="s">
        <v>0</v>
      </c>
    </row>
    <row r="15543" spans="1:5" x14ac:dyDescent="0.25">
      <c r="A15543" s="1" t="s">
        <v>2836</v>
      </c>
      <c r="B15543" s="1" t="s">
        <v>9509</v>
      </c>
      <c r="C15543" s="1" t="s">
        <v>34446</v>
      </c>
      <c r="D15543" s="2">
        <v>168371</v>
      </c>
      <c r="E15543" s="1" t="s">
        <v>0</v>
      </c>
    </row>
    <row r="15544" spans="1:5" x14ac:dyDescent="0.25">
      <c r="A15544" s="1" t="s">
        <v>34447</v>
      </c>
      <c r="B15544" s="1" t="s">
        <v>54435</v>
      </c>
      <c r="C15544" s="1" t="s">
        <v>34448</v>
      </c>
      <c r="D15544" s="2">
        <v>168372</v>
      </c>
      <c r="E15544" s="1" t="s">
        <v>0</v>
      </c>
    </row>
    <row r="15545" spans="1:5" ht="409.5" x14ac:dyDescent="0.25">
      <c r="A15545" s="4" t="s">
        <v>34449</v>
      </c>
      <c r="B15545" s="1" t="s">
        <v>54436</v>
      </c>
      <c r="C15545" s="1" t="s">
        <v>34450</v>
      </c>
      <c r="D15545" s="2">
        <v>168373</v>
      </c>
      <c r="E15545" s="1" t="s">
        <v>0</v>
      </c>
    </row>
    <row r="15546" spans="1:5" x14ac:dyDescent="0.25">
      <c r="A15546" s="1" t="s">
        <v>34451</v>
      </c>
      <c r="B15546" s="1" t="s">
        <v>9510</v>
      </c>
      <c r="C15546" s="1" t="s">
        <v>34452</v>
      </c>
      <c r="D15546" s="2">
        <v>168374</v>
      </c>
      <c r="E15546" s="1" t="s">
        <v>0</v>
      </c>
    </row>
    <row r="15547" spans="1:5" x14ac:dyDescent="0.25">
      <c r="A15547" s="2">
        <v>3109</v>
      </c>
      <c r="B15547" s="2">
        <v>3109</v>
      </c>
      <c r="C15547" s="1" t="s">
        <v>0</v>
      </c>
      <c r="D15547" s="2">
        <v>168375</v>
      </c>
      <c r="E15547" s="1" t="s">
        <v>0</v>
      </c>
    </row>
    <row r="15548" spans="1:5" x14ac:dyDescent="0.25">
      <c r="A15548" s="1" t="s">
        <v>2837</v>
      </c>
      <c r="B15548" s="1" t="s">
        <v>9511</v>
      </c>
      <c r="C15548" s="1" t="s">
        <v>34453</v>
      </c>
      <c r="D15548" s="2">
        <v>168376</v>
      </c>
      <c r="E15548" s="1" t="s">
        <v>0</v>
      </c>
    </row>
    <row r="15549" spans="1:5" x14ac:dyDescent="0.25">
      <c r="A15549" s="1" t="s">
        <v>34454</v>
      </c>
      <c r="B15549" s="1" t="s">
        <v>9512</v>
      </c>
      <c r="C15549" s="1" t="s">
        <v>34455</v>
      </c>
      <c r="D15549" s="2">
        <v>168377</v>
      </c>
      <c r="E15549" s="1" t="s">
        <v>0</v>
      </c>
    </row>
    <row r="15550" spans="1:5" ht="409.5" x14ac:dyDescent="0.25">
      <c r="A15550" s="4" t="s">
        <v>64227</v>
      </c>
      <c r="B15550" s="1" t="s">
        <v>63406</v>
      </c>
      <c r="C15550" s="1" t="s">
        <v>34456</v>
      </c>
      <c r="D15550" s="2">
        <v>168378</v>
      </c>
      <c r="E15550" s="1" t="s">
        <v>0</v>
      </c>
    </row>
    <row r="15551" spans="1:5" x14ac:dyDescent="0.25">
      <c r="A15551" s="1" t="s">
        <v>34457</v>
      </c>
      <c r="B15551" s="1" t="s">
        <v>9513</v>
      </c>
      <c r="C15551" s="1" t="s">
        <v>34458</v>
      </c>
      <c r="D15551" s="2">
        <v>168379</v>
      </c>
      <c r="E15551" s="1" t="s">
        <v>0</v>
      </c>
    </row>
    <row r="15552" spans="1:5" x14ac:dyDescent="0.25">
      <c r="A15552" s="2">
        <v>3110</v>
      </c>
      <c r="B15552" s="2">
        <v>3110</v>
      </c>
      <c r="C15552" s="1" t="s">
        <v>0</v>
      </c>
      <c r="D15552" s="2">
        <v>168380</v>
      </c>
      <c r="E15552" s="1" t="s">
        <v>0</v>
      </c>
    </row>
    <row r="15553" spans="1:5" x14ac:dyDescent="0.25">
      <c r="A15553" s="1" t="s">
        <v>2838</v>
      </c>
      <c r="B15553" s="1" t="s">
        <v>9514</v>
      </c>
      <c r="C15553" s="1" t="s">
        <v>34459</v>
      </c>
      <c r="D15553" s="2">
        <v>168381</v>
      </c>
      <c r="E15553" s="1" t="s">
        <v>0</v>
      </c>
    </row>
    <row r="15554" spans="1:5" x14ac:dyDescent="0.25">
      <c r="A15554" s="1" t="s">
        <v>34460</v>
      </c>
      <c r="B15554" s="1" t="s">
        <v>58440</v>
      </c>
      <c r="C15554" s="1" t="s">
        <v>34461</v>
      </c>
      <c r="D15554" s="2">
        <v>168382</v>
      </c>
      <c r="E15554" s="1" t="s">
        <v>0</v>
      </c>
    </row>
    <row r="15555" spans="1:5" ht="409.5" x14ac:dyDescent="0.25">
      <c r="A15555" s="4" t="s">
        <v>34462</v>
      </c>
      <c r="B15555" s="1" t="s">
        <v>58441</v>
      </c>
      <c r="C15555" s="1" t="s">
        <v>34463</v>
      </c>
      <c r="D15555" s="2">
        <v>168383</v>
      </c>
      <c r="E15555" s="1" t="s">
        <v>0</v>
      </c>
    </row>
    <row r="15556" spans="1:5" x14ac:dyDescent="0.25">
      <c r="A15556" s="1" t="s">
        <v>34464</v>
      </c>
      <c r="B15556" s="1" t="s">
        <v>54437</v>
      </c>
      <c r="C15556" s="1" t="s">
        <v>34465</v>
      </c>
      <c r="D15556" s="2">
        <v>168384</v>
      </c>
      <c r="E15556" s="1" t="s">
        <v>0</v>
      </c>
    </row>
    <row r="15557" spans="1:5" x14ac:dyDescent="0.25">
      <c r="A15557" s="2">
        <v>3111</v>
      </c>
      <c r="B15557" s="2">
        <v>3111</v>
      </c>
      <c r="C15557" s="1" t="s">
        <v>0</v>
      </c>
      <c r="D15557" s="2">
        <v>168385</v>
      </c>
      <c r="E15557" s="1" t="s">
        <v>0</v>
      </c>
    </row>
    <row r="15558" spans="1:5" x14ac:dyDescent="0.25">
      <c r="A15558" s="1" t="s">
        <v>2839</v>
      </c>
      <c r="B15558" s="1" t="s">
        <v>9515</v>
      </c>
      <c r="C15558" s="1" t="s">
        <v>34466</v>
      </c>
      <c r="D15558" s="2">
        <v>168386</v>
      </c>
      <c r="E15558" s="1" t="s">
        <v>0</v>
      </c>
    </row>
    <row r="15559" spans="1:5" x14ac:dyDescent="0.25">
      <c r="A15559" s="1" t="s">
        <v>34467</v>
      </c>
      <c r="B15559" s="1" t="s">
        <v>54438</v>
      </c>
      <c r="C15559" s="1" t="s">
        <v>34468</v>
      </c>
      <c r="D15559" s="2">
        <v>168387</v>
      </c>
      <c r="E15559" s="1" t="s">
        <v>0</v>
      </c>
    </row>
    <row r="15560" spans="1:5" ht="409.5" x14ac:dyDescent="0.25">
      <c r="A15560" s="4" t="s">
        <v>34469</v>
      </c>
      <c r="B15560" s="1" t="s">
        <v>54439</v>
      </c>
      <c r="C15560" s="1" t="s">
        <v>34470</v>
      </c>
      <c r="D15560" s="2">
        <v>168388</v>
      </c>
      <c r="E15560" s="1" t="s">
        <v>0</v>
      </c>
    </row>
    <row r="15561" spans="1:5" x14ac:dyDescent="0.25">
      <c r="A15561" s="1" t="s">
        <v>34471</v>
      </c>
      <c r="B15561" s="1" t="s">
        <v>9516</v>
      </c>
      <c r="C15561" s="1" t="s">
        <v>34472</v>
      </c>
      <c r="D15561" s="2">
        <v>168389</v>
      </c>
      <c r="E15561" s="1" t="s">
        <v>0</v>
      </c>
    </row>
    <row r="15562" spans="1:5" x14ac:dyDescent="0.25">
      <c r="A15562" s="2">
        <v>3112</v>
      </c>
      <c r="B15562" s="2">
        <v>3112</v>
      </c>
      <c r="C15562" s="1" t="s">
        <v>0</v>
      </c>
      <c r="D15562" s="2">
        <v>168390</v>
      </c>
      <c r="E15562" s="1" t="s">
        <v>0</v>
      </c>
    </row>
    <row r="15563" spans="1:5" x14ac:dyDescent="0.25">
      <c r="A15563" s="1" t="s">
        <v>2840</v>
      </c>
      <c r="B15563" s="1" t="s">
        <v>57041</v>
      </c>
      <c r="C15563" s="1" t="s">
        <v>34473</v>
      </c>
      <c r="D15563" s="2">
        <v>168391</v>
      </c>
      <c r="E15563" s="1" t="s">
        <v>0</v>
      </c>
    </row>
    <row r="15564" spans="1:5" x14ac:dyDescent="0.25">
      <c r="A15564" s="1" t="s">
        <v>34474</v>
      </c>
      <c r="B15564" s="1" t="s">
        <v>50813</v>
      </c>
      <c r="C15564" s="1" t="s">
        <v>34475</v>
      </c>
      <c r="D15564" s="2">
        <v>168392</v>
      </c>
      <c r="E15564" s="1" t="s">
        <v>0</v>
      </c>
    </row>
    <row r="15565" spans="1:5" ht="409.5" x14ac:dyDescent="0.25">
      <c r="A15565" s="4" t="s">
        <v>34476</v>
      </c>
      <c r="B15565" s="1" t="s">
        <v>54440</v>
      </c>
      <c r="C15565" s="1" t="s">
        <v>34477</v>
      </c>
      <c r="D15565" s="2">
        <v>168393</v>
      </c>
      <c r="E15565" s="1" t="s">
        <v>0</v>
      </c>
    </row>
    <row r="15566" spans="1:5" x14ac:dyDescent="0.25">
      <c r="A15566" s="1" t="s">
        <v>34478</v>
      </c>
      <c r="B15566" s="1" t="s">
        <v>61200</v>
      </c>
      <c r="C15566" s="1" t="s">
        <v>34479</v>
      </c>
      <c r="D15566" s="2">
        <v>168394</v>
      </c>
      <c r="E15566" s="1" t="s">
        <v>0</v>
      </c>
    </row>
    <row r="15567" spans="1:5" x14ac:dyDescent="0.25">
      <c r="A15567" s="2">
        <v>3113</v>
      </c>
      <c r="B15567" s="2">
        <v>3113</v>
      </c>
      <c r="C15567" s="1" t="s">
        <v>0</v>
      </c>
      <c r="D15567" s="2">
        <v>168395</v>
      </c>
      <c r="E15567" s="1" t="s">
        <v>0</v>
      </c>
    </row>
    <row r="15568" spans="1:5" x14ac:dyDescent="0.25">
      <c r="A15568" s="1" t="s">
        <v>2841</v>
      </c>
      <c r="B15568" s="1" t="s">
        <v>58787</v>
      </c>
      <c r="C15568" s="1" t="s">
        <v>34480</v>
      </c>
      <c r="D15568" s="2">
        <v>168396</v>
      </c>
      <c r="E15568" s="1" t="s">
        <v>0</v>
      </c>
    </row>
    <row r="15569" spans="1:5" x14ac:dyDescent="0.25">
      <c r="A15569" s="1" t="s">
        <v>34481</v>
      </c>
      <c r="B15569" s="1" t="s">
        <v>62631</v>
      </c>
      <c r="C15569" s="1" t="s">
        <v>34482</v>
      </c>
      <c r="D15569" s="2">
        <v>168397</v>
      </c>
      <c r="E15569" s="1" t="s">
        <v>0</v>
      </c>
    </row>
    <row r="15570" spans="1:5" ht="409.5" x14ac:dyDescent="0.25">
      <c r="A15570" s="4" t="s">
        <v>34483</v>
      </c>
      <c r="B15570" s="1" t="s">
        <v>62632</v>
      </c>
      <c r="C15570" s="1" t="s">
        <v>34484</v>
      </c>
      <c r="D15570" s="2">
        <v>168398</v>
      </c>
      <c r="E15570" s="1" t="s">
        <v>0</v>
      </c>
    </row>
    <row r="15571" spans="1:5" x14ac:dyDescent="0.25">
      <c r="A15571" s="1" t="s">
        <v>34485</v>
      </c>
      <c r="B15571" s="1" t="s">
        <v>58788</v>
      </c>
      <c r="C15571" s="1" t="s">
        <v>34486</v>
      </c>
      <c r="D15571" s="2">
        <v>168399</v>
      </c>
      <c r="E15571" s="1" t="s">
        <v>0</v>
      </c>
    </row>
    <row r="15572" spans="1:5" x14ac:dyDescent="0.25">
      <c r="A15572" s="2">
        <v>3114</v>
      </c>
      <c r="B15572" s="2">
        <v>3114</v>
      </c>
      <c r="C15572" s="1" t="s">
        <v>0</v>
      </c>
      <c r="D15572" s="2">
        <v>168400</v>
      </c>
      <c r="E15572" s="1" t="s">
        <v>0</v>
      </c>
    </row>
    <row r="15573" spans="1:5" x14ac:dyDescent="0.25">
      <c r="A15573" s="1" t="s">
        <v>2842</v>
      </c>
      <c r="B15573" s="1" t="s">
        <v>9517</v>
      </c>
      <c r="C15573" s="1" t="s">
        <v>34487</v>
      </c>
      <c r="D15573" s="2">
        <v>168401</v>
      </c>
      <c r="E15573" s="1" t="s">
        <v>0</v>
      </c>
    </row>
    <row r="15574" spans="1:5" x14ac:dyDescent="0.25">
      <c r="A15574" s="1" t="s">
        <v>34488</v>
      </c>
      <c r="B15574" s="1" t="s">
        <v>9518</v>
      </c>
      <c r="C15574" s="1" t="s">
        <v>34489</v>
      </c>
      <c r="D15574" s="2">
        <v>168402</v>
      </c>
      <c r="E15574" s="1" t="s">
        <v>0</v>
      </c>
    </row>
    <row r="15575" spans="1:5" ht="409.5" x14ac:dyDescent="0.25">
      <c r="A15575" s="4" t="s">
        <v>61831</v>
      </c>
      <c r="B15575" s="1" t="s">
        <v>9519</v>
      </c>
      <c r="C15575" s="1" t="s">
        <v>34490</v>
      </c>
      <c r="D15575" s="2">
        <v>168403</v>
      </c>
      <c r="E15575" s="1" t="s">
        <v>0</v>
      </c>
    </row>
    <row r="15576" spans="1:5" x14ac:dyDescent="0.25">
      <c r="A15576" s="1" t="s">
        <v>34491</v>
      </c>
      <c r="B15576" s="1" t="s">
        <v>54441</v>
      </c>
      <c r="C15576" s="1" t="s">
        <v>34492</v>
      </c>
      <c r="D15576" s="2">
        <v>168404</v>
      </c>
      <c r="E15576" s="1" t="s">
        <v>0</v>
      </c>
    </row>
    <row r="15577" spans="1:5" x14ac:dyDescent="0.25">
      <c r="A15577" s="2">
        <v>3115</v>
      </c>
      <c r="B15577" s="2">
        <v>3115</v>
      </c>
      <c r="C15577" s="1" t="s">
        <v>0</v>
      </c>
      <c r="D15577" s="2">
        <v>168405</v>
      </c>
      <c r="E15577" s="1" t="s">
        <v>0</v>
      </c>
    </row>
    <row r="15578" spans="1:5" x14ac:dyDescent="0.25">
      <c r="A15578" s="1" t="s">
        <v>2843</v>
      </c>
      <c r="B15578" s="1" t="s">
        <v>9520</v>
      </c>
      <c r="C15578" s="1" t="s">
        <v>34493</v>
      </c>
      <c r="D15578" s="2">
        <v>168406</v>
      </c>
      <c r="E15578" s="1" t="s">
        <v>0</v>
      </c>
    </row>
    <row r="15579" spans="1:5" x14ac:dyDescent="0.25">
      <c r="A15579" s="1" t="s">
        <v>34494</v>
      </c>
      <c r="B15579" s="1" t="s">
        <v>54442</v>
      </c>
      <c r="C15579" s="1" t="s">
        <v>34495</v>
      </c>
      <c r="D15579" s="2">
        <v>168407</v>
      </c>
      <c r="E15579" s="1" t="s">
        <v>0</v>
      </c>
    </row>
    <row r="15580" spans="1:5" ht="409.5" x14ac:dyDescent="0.25">
      <c r="A15580" s="4" t="s">
        <v>34496</v>
      </c>
      <c r="B15580" s="1" t="s">
        <v>54443</v>
      </c>
      <c r="C15580" s="1" t="s">
        <v>34497</v>
      </c>
      <c r="D15580" s="2">
        <v>168408</v>
      </c>
      <c r="E15580" s="1" t="s">
        <v>0</v>
      </c>
    </row>
    <row r="15581" spans="1:5" x14ac:dyDescent="0.25">
      <c r="A15581" s="1" t="s">
        <v>34498</v>
      </c>
      <c r="B15581" s="1" t="s">
        <v>9521</v>
      </c>
      <c r="C15581" s="1" t="s">
        <v>34499</v>
      </c>
      <c r="D15581" s="2">
        <v>168409</v>
      </c>
      <c r="E15581" s="1" t="s">
        <v>0</v>
      </c>
    </row>
    <row r="15582" spans="1:5" x14ac:dyDescent="0.25">
      <c r="A15582" s="2">
        <v>3116</v>
      </c>
      <c r="B15582" s="2">
        <v>3116</v>
      </c>
      <c r="C15582" s="1" t="s">
        <v>0</v>
      </c>
      <c r="D15582" s="2">
        <v>168410</v>
      </c>
      <c r="E15582" s="1" t="s">
        <v>0</v>
      </c>
    </row>
    <row r="15583" spans="1:5" x14ac:dyDescent="0.25">
      <c r="A15583" s="1" t="s">
        <v>2844</v>
      </c>
      <c r="B15583" s="1" t="s">
        <v>9522</v>
      </c>
      <c r="C15583" s="1" t="s">
        <v>34500</v>
      </c>
      <c r="D15583" s="2">
        <v>168411</v>
      </c>
      <c r="E15583" s="1" t="s">
        <v>0</v>
      </c>
    </row>
    <row r="15584" spans="1:5" x14ac:dyDescent="0.25">
      <c r="A15584" s="1" t="s">
        <v>34501</v>
      </c>
      <c r="B15584" s="1" t="s">
        <v>9523</v>
      </c>
      <c r="C15584" s="1" t="s">
        <v>34502</v>
      </c>
      <c r="D15584" s="2">
        <v>168412</v>
      </c>
      <c r="E15584" s="1" t="s">
        <v>0</v>
      </c>
    </row>
    <row r="15585" spans="1:5" ht="409.5" x14ac:dyDescent="0.25">
      <c r="A15585" s="4" t="s">
        <v>34503</v>
      </c>
      <c r="B15585" s="1" t="s">
        <v>9524</v>
      </c>
      <c r="C15585" s="1" t="s">
        <v>34504</v>
      </c>
      <c r="D15585" s="2">
        <v>168413</v>
      </c>
      <c r="E15585" s="1" t="s">
        <v>0</v>
      </c>
    </row>
    <row r="15586" spans="1:5" x14ac:dyDescent="0.25">
      <c r="A15586" s="1" t="s">
        <v>34505</v>
      </c>
      <c r="B15586" s="1" t="s">
        <v>9525</v>
      </c>
      <c r="C15586" s="1" t="s">
        <v>34506</v>
      </c>
      <c r="D15586" s="2">
        <v>168414</v>
      </c>
      <c r="E15586" s="1" t="s">
        <v>0</v>
      </c>
    </row>
    <row r="15587" spans="1:5" x14ac:dyDescent="0.25">
      <c r="A15587" s="2">
        <v>3117</v>
      </c>
      <c r="B15587" s="2">
        <v>3117</v>
      </c>
      <c r="C15587" s="1" t="s">
        <v>0</v>
      </c>
      <c r="D15587" s="2">
        <v>168415</v>
      </c>
      <c r="E15587" s="1" t="s">
        <v>0</v>
      </c>
    </row>
    <row r="15588" spans="1:5" x14ac:dyDescent="0.25">
      <c r="A15588" s="1" t="s">
        <v>9526</v>
      </c>
      <c r="B15588" s="1" t="s">
        <v>9527</v>
      </c>
      <c r="C15588" s="1" t="s">
        <v>34507</v>
      </c>
      <c r="D15588" s="2">
        <v>168416</v>
      </c>
      <c r="E15588" s="1" t="s">
        <v>0</v>
      </c>
    </row>
    <row r="15589" spans="1:5" x14ac:dyDescent="0.25">
      <c r="A15589" s="1" t="s">
        <v>34508</v>
      </c>
      <c r="B15589" s="1" t="s">
        <v>56801</v>
      </c>
      <c r="C15589" s="1" t="s">
        <v>34509</v>
      </c>
      <c r="D15589" s="2">
        <v>168417</v>
      </c>
      <c r="E15589" s="1" t="s">
        <v>0</v>
      </c>
    </row>
    <row r="15590" spans="1:5" ht="409.5" x14ac:dyDescent="0.25">
      <c r="A15590" s="4" t="s">
        <v>34510</v>
      </c>
      <c r="B15590" s="1" t="s">
        <v>56802</v>
      </c>
      <c r="C15590" s="1" t="s">
        <v>34511</v>
      </c>
      <c r="D15590" s="2">
        <v>168418</v>
      </c>
      <c r="E15590" s="1" t="s">
        <v>0</v>
      </c>
    </row>
    <row r="15591" spans="1:5" x14ac:dyDescent="0.25">
      <c r="A15591" s="1" t="s">
        <v>34512</v>
      </c>
      <c r="B15591" s="1" t="s">
        <v>54444</v>
      </c>
      <c r="C15591" s="1" t="s">
        <v>34513</v>
      </c>
      <c r="D15591" s="2">
        <v>168419</v>
      </c>
      <c r="E15591" s="1" t="s">
        <v>0</v>
      </c>
    </row>
    <row r="15592" spans="1:5" x14ac:dyDescent="0.25">
      <c r="A15592" s="2">
        <v>3118</v>
      </c>
      <c r="B15592" s="2">
        <v>3118</v>
      </c>
      <c r="C15592" s="1" t="s">
        <v>0</v>
      </c>
      <c r="D15592" s="2">
        <v>168420</v>
      </c>
      <c r="E15592" s="1" t="s">
        <v>0</v>
      </c>
    </row>
    <row r="15593" spans="1:5" x14ac:dyDescent="0.25">
      <c r="A15593" s="1" t="s">
        <v>2845</v>
      </c>
      <c r="B15593" s="1" t="s">
        <v>9528</v>
      </c>
      <c r="C15593" s="1" t="s">
        <v>34514</v>
      </c>
      <c r="D15593" s="2">
        <v>168421</v>
      </c>
      <c r="E15593" s="1" t="s">
        <v>0</v>
      </c>
    </row>
    <row r="15594" spans="1:5" x14ac:dyDescent="0.25">
      <c r="A15594" s="1" t="s">
        <v>34515</v>
      </c>
      <c r="B15594" s="1" t="s">
        <v>57251</v>
      </c>
      <c r="C15594" s="1" t="s">
        <v>34516</v>
      </c>
      <c r="D15594" s="2">
        <v>168422</v>
      </c>
      <c r="E15594" s="1" t="s">
        <v>0</v>
      </c>
    </row>
    <row r="15595" spans="1:5" ht="409.5" x14ac:dyDescent="0.25">
      <c r="A15595" s="4" t="s">
        <v>34517</v>
      </c>
      <c r="B15595" s="1" t="s">
        <v>61201</v>
      </c>
      <c r="C15595" s="1" t="s">
        <v>34518</v>
      </c>
      <c r="D15595" s="2">
        <v>168423</v>
      </c>
      <c r="E15595" s="1" t="s">
        <v>0</v>
      </c>
    </row>
    <row r="15596" spans="1:5" x14ac:dyDescent="0.25">
      <c r="A15596" s="1" t="s">
        <v>34519</v>
      </c>
      <c r="B15596" s="1" t="s">
        <v>54445</v>
      </c>
      <c r="C15596" s="1" t="s">
        <v>34520</v>
      </c>
      <c r="D15596" s="2">
        <v>168424</v>
      </c>
      <c r="E15596" s="1" t="s">
        <v>0</v>
      </c>
    </row>
    <row r="15597" spans="1:5" x14ac:dyDescent="0.25">
      <c r="A15597" s="2">
        <v>3119</v>
      </c>
      <c r="B15597" s="2">
        <v>3119</v>
      </c>
      <c r="C15597" s="1" t="s">
        <v>0</v>
      </c>
      <c r="D15597" s="2">
        <v>168425</v>
      </c>
      <c r="E15597" s="1" t="s">
        <v>0</v>
      </c>
    </row>
    <row r="15598" spans="1:5" x14ac:dyDescent="0.25">
      <c r="A15598" s="1" t="s">
        <v>2846</v>
      </c>
      <c r="B15598" s="1" t="s">
        <v>9529</v>
      </c>
      <c r="C15598" s="1" t="s">
        <v>34521</v>
      </c>
      <c r="D15598" s="2">
        <v>168426</v>
      </c>
      <c r="E15598" s="1" t="s">
        <v>0</v>
      </c>
    </row>
    <row r="15599" spans="1:5" x14ac:dyDescent="0.25">
      <c r="A15599" s="1" t="s">
        <v>34522</v>
      </c>
      <c r="B15599" s="1" t="s">
        <v>57883</v>
      </c>
      <c r="C15599" s="1" t="s">
        <v>34523</v>
      </c>
      <c r="D15599" s="2">
        <v>168427</v>
      </c>
      <c r="E15599" s="1" t="s">
        <v>0</v>
      </c>
    </row>
    <row r="15600" spans="1:5" ht="409.5" x14ac:dyDescent="0.25">
      <c r="A15600" s="4" t="s">
        <v>34524</v>
      </c>
      <c r="B15600" s="1" t="s">
        <v>57884</v>
      </c>
      <c r="C15600" s="1" t="s">
        <v>34525</v>
      </c>
      <c r="D15600" s="2">
        <v>168428</v>
      </c>
      <c r="E15600" s="1" t="s">
        <v>0</v>
      </c>
    </row>
    <row r="15601" spans="1:5" x14ac:dyDescent="0.25">
      <c r="A15601" s="1" t="s">
        <v>34526</v>
      </c>
      <c r="B15601" s="1" t="s">
        <v>9530</v>
      </c>
      <c r="C15601" s="1" t="s">
        <v>34527</v>
      </c>
      <c r="D15601" s="2">
        <v>168429</v>
      </c>
      <c r="E15601" s="1" t="s">
        <v>0</v>
      </c>
    </row>
    <row r="15602" spans="1:5" x14ac:dyDescent="0.25">
      <c r="A15602" s="2">
        <v>3120</v>
      </c>
      <c r="B15602" s="2">
        <v>3120</v>
      </c>
      <c r="C15602" s="1" t="s">
        <v>0</v>
      </c>
      <c r="D15602" s="2">
        <v>168430</v>
      </c>
      <c r="E15602" s="1" t="s">
        <v>0</v>
      </c>
    </row>
    <row r="15603" spans="1:5" x14ac:dyDescent="0.25">
      <c r="A15603" s="1" t="s">
        <v>2847</v>
      </c>
      <c r="B15603" s="1" t="s">
        <v>9531</v>
      </c>
      <c r="C15603" s="1" t="s">
        <v>34528</v>
      </c>
      <c r="D15603" s="2">
        <v>168431</v>
      </c>
      <c r="E15603" s="1" t="s">
        <v>0</v>
      </c>
    </row>
    <row r="15604" spans="1:5" x14ac:dyDescent="0.25">
      <c r="A15604" s="1" t="s">
        <v>34529</v>
      </c>
      <c r="B15604" s="1" t="s">
        <v>9532</v>
      </c>
      <c r="C15604" s="1" t="s">
        <v>34530</v>
      </c>
      <c r="D15604" s="2">
        <v>168432</v>
      </c>
      <c r="E15604" s="1" t="s">
        <v>0</v>
      </c>
    </row>
    <row r="15605" spans="1:5" ht="409.5" x14ac:dyDescent="0.25">
      <c r="A15605" s="4" t="s">
        <v>34531</v>
      </c>
      <c r="B15605" s="1" t="s">
        <v>57885</v>
      </c>
      <c r="C15605" s="1" t="s">
        <v>34532</v>
      </c>
      <c r="D15605" s="2">
        <v>168433</v>
      </c>
      <c r="E15605" s="1" t="s">
        <v>0</v>
      </c>
    </row>
    <row r="15606" spans="1:5" x14ac:dyDescent="0.25">
      <c r="A15606" s="1" t="s">
        <v>34533</v>
      </c>
      <c r="B15606" s="1" t="s">
        <v>54446</v>
      </c>
      <c r="C15606" s="1" t="s">
        <v>34534</v>
      </c>
      <c r="D15606" s="2">
        <v>168434</v>
      </c>
      <c r="E15606" s="1" t="s">
        <v>0</v>
      </c>
    </row>
    <row r="15607" spans="1:5" x14ac:dyDescent="0.25">
      <c r="A15607" s="2">
        <v>3121</v>
      </c>
      <c r="B15607" s="2">
        <v>3121</v>
      </c>
      <c r="C15607" s="1" t="s">
        <v>0</v>
      </c>
      <c r="D15607" s="2">
        <v>168435</v>
      </c>
      <c r="E15607" s="1" t="s">
        <v>0</v>
      </c>
    </row>
    <row r="15608" spans="1:5" x14ac:dyDescent="0.25">
      <c r="A15608" s="1" t="s">
        <v>2848</v>
      </c>
      <c r="B15608" s="1" t="s">
        <v>9533</v>
      </c>
      <c r="C15608" s="1" t="s">
        <v>34535</v>
      </c>
      <c r="D15608" s="2">
        <v>168436</v>
      </c>
      <c r="E15608" s="1" t="s">
        <v>0</v>
      </c>
    </row>
    <row r="15609" spans="1:5" x14ac:dyDescent="0.25">
      <c r="A15609" s="1" t="s">
        <v>34536</v>
      </c>
      <c r="B15609" s="1" t="s">
        <v>60096</v>
      </c>
      <c r="C15609" s="1" t="s">
        <v>34537</v>
      </c>
      <c r="D15609" s="2">
        <v>168437</v>
      </c>
      <c r="E15609" s="1" t="s">
        <v>0</v>
      </c>
    </row>
    <row r="15610" spans="1:5" ht="409.5" x14ac:dyDescent="0.25">
      <c r="A15610" s="4" t="s">
        <v>34538</v>
      </c>
      <c r="B15610" s="1" t="s">
        <v>63407</v>
      </c>
      <c r="C15610" s="1" t="s">
        <v>34539</v>
      </c>
      <c r="D15610" s="2">
        <v>168438</v>
      </c>
      <c r="E15610" s="1" t="s">
        <v>0</v>
      </c>
    </row>
    <row r="15611" spans="1:5" x14ac:dyDescent="0.25">
      <c r="A15611" s="1" t="s">
        <v>34540</v>
      </c>
      <c r="B15611" s="1" t="s">
        <v>9534</v>
      </c>
      <c r="C15611" s="1" t="s">
        <v>34541</v>
      </c>
      <c r="D15611" s="2">
        <v>168439</v>
      </c>
      <c r="E15611" s="1" t="s">
        <v>0</v>
      </c>
    </row>
    <row r="15612" spans="1:5" x14ac:dyDescent="0.25">
      <c r="A15612" s="2">
        <v>3122</v>
      </c>
      <c r="B15612" s="2">
        <v>3122</v>
      </c>
      <c r="C15612" s="1" t="s">
        <v>0</v>
      </c>
      <c r="D15612" s="2">
        <v>168440</v>
      </c>
      <c r="E15612" s="1" t="s">
        <v>0</v>
      </c>
    </row>
    <row r="15613" spans="1:5" x14ac:dyDescent="0.25">
      <c r="A15613" s="1" t="s">
        <v>2849</v>
      </c>
      <c r="B15613" s="1" t="s">
        <v>9535</v>
      </c>
      <c r="C15613" s="1" t="s">
        <v>34542</v>
      </c>
      <c r="D15613" s="2">
        <v>168441</v>
      </c>
      <c r="E15613" s="1" t="s">
        <v>0</v>
      </c>
    </row>
    <row r="15614" spans="1:5" x14ac:dyDescent="0.25">
      <c r="A15614" s="1" t="s">
        <v>34543</v>
      </c>
      <c r="B15614" s="1" t="s">
        <v>9536</v>
      </c>
      <c r="C15614" s="1" t="s">
        <v>34544</v>
      </c>
      <c r="D15614" s="2">
        <v>168442</v>
      </c>
      <c r="E15614" s="1" t="s">
        <v>0</v>
      </c>
    </row>
    <row r="15615" spans="1:5" ht="409.5" x14ac:dyDescent="0.25">
      <c r="A15615" s="4" t="s">
        <v>34545</v>
      </c>
      <c r="B15615" s="1" t="s">
        <v>54447</v>
      </c>
      <c r="C15615" s="1" t="s">
        <v>34546</v>
      </c>
      <c r="D15615" s="2">
        <v>168443</v>
      </c>
      <c r="E15615" s="1" t="s">
        <v>0</v>
      </c>
    </row>
    <row r="15616" spans="1:5" x14ac:dyDescent="0.25">
      <c r="A15616" s="1" t="s">
        <v>34547</v>
      </c>
      <c r="B15616" s="1" t="s">
        <v>9537</v>
      </c>
      <c r="C15616" s="1" t="s">
        <v>34548</v>
      </c>
      <c r="D15616" s="2">
        <v>168444</v>
      </c>
      <c r="E15616" s="1" t="s">
        <v>0</v>
      </c>
    </row>
    <row r="15617" spans="1:5" x14ac:dyDescent="0.25">
      <c r="A15617" s="2">
        <v>3123</v>
      </c>
      <c r="B15617" s="2">
        <v>3123</v>
      </c>
      <c r="C15617" s="1" t="s">
        <v>0</v>
      </c>
      <c r="D15617" s="2">
        <v>168445</v>
      </c>
      <c r="E15617" s="1" t="s">
        <v>0</v>
      </c>
    </row>
    <row r="15618" spans="1:5" x14ac:dyDescent="0.25">
      <c r="A15618" s="1" t="s">
        <v>2850</v>
      </c>
      <c r="B15618" s="1" t="s">
        <v>9538</v>
      </c>
      <c r="C15618" s="1" t="s">
        <v>34549</v>
      </c>
      <c r="D15618" s="2">
        <v>168446</v>
      </c>
      <c r="E15618" s="1" t="s">
        <v>0</v>
      </c>
    </row>
    <row r="15619" spans="1:5" x14ac:dyDescent="0.25">
      <c r="A15619" s="1" t="s">
        <v>34550</v>
      </c>
      <c r="B15619" s="1" t="s">
        <v>60761</v>
      </c>
      <c r="C15619" s="1" t="s">
        <v>34551</v>
      </c>
      <c r="D15619" s="2">
        <v>168447</v>
      </c>
      <c r="E15619" s="1" t="s">
        <v>0</v>
      </c>
    </row>
    <row r="15620" spans="1:5" ht="409.5" x14ac:dyDescent="0.25">
      <c r="A15620" s="4" t="s">
        <v>34552</v>
      </c>
      <c r="B15620" s="1" t="s">
        <v>60762</v>
      </c>
      <c r="C15620" s="1" t="s">
        <v>34553</v>
      </c>
      <c r="D15620" s="2">
        <v>168448</v>
      </c>
      <c r="E15620" s="1" t="s">
        <v>0</v>
      </c>
    </row>
    <row r="15621" spans="1:5" x14ac:dyDescent="0.25">
      <c r="A15621" s="1" t="s">
        <v>34554</v>
      </c>
      <c r="B15621" s="1" t="s">
        <v>54448</v>
      </c>
      <c r="C15621" s="1" t="s">
        <v>34555</v>
      </c>
      <c r="D15621" s="2">
        <v>168449</v>
      </c>
      <c r="E15621" s="1" t="s">
        <v>0</v>
      </c>
    </row>
    <row r="15622" spans="1:5" x14ac:dyDescent="0.25">
      <c r="A15622" s="2">
        <v>3124</v>
      </c>
      <c r="B15622" s="2">
        <v>3124</v>
      </c>
      <c r="C15622" s="1" t="s">
        <v>0</v>
      </c>
      <c r="D15622" s="2">
        <v>168450</v>
      </c>
      <c r="E15622" s="1" t="s">
        <v>0</v>
      </c>
    </row>
    <row r="15623" spans="1:5" x14ac:dyDescent="0.25">
      <c r="A15623" s="1" t="s">
        <v>2851</v>
      </c>
      <c r="B15623" s="1" t="s">
        <v>9539</v>
      </c>
      <c r="C15623" s="1" t="s">
        <v>34556</v>
      </c>
      <c r="D15623" s="2">
        <v>168451</v>
      </c>
      <c r="E15623" s="1" t="s">
        <v>0</v>
      </c>
    </row>
    <row r="15624" spans="1:5" x14ac:dyDescent="0.25">
      <c r="A15624" s="1" t="s">
        <v>34557</v>
      </c>
      <c r="B15624" s="1" t="s">
        <v>50814</v>
      </c>
      <c r="C15624" s="1" t="s">
        <v>34558</v>
      </c>
      <c r="D15624" s="2">
        <v>168452</v>
      </c>
      <c r="E15624" s="1" t="s">
        <v>0</v>
      </c>
    </row>
    <row r="15625" spans="1:5" ht="409.5" x14ac:dyDescent="0.25">
      <c r="A15625" s="4" t="s">
        <v>34559</v>
      </c>
      <c r="B15625" s="1" t="s">
        <v>50815</v>
      </c>
      <c r="C15625" s="1" t="s">
        <v>34560</v>
      </c>
      <c r="D15625" s="2">
        <v>168453</v>
      </c>
      <c r="E15625" s="1" t="s">
        <v>0</v>
      </c>
    </row>
    <row r="15626" spans="1:5" x14ac:dyDescent="0.25">
      <c r="A15626" s="1" t="s">
        <v>34561</v>
      </c>
      <c r="B15626" s="1" t="s">
        <v>50816</v>
      </c>
      <c r="C15626" s="1" t="s">
        <v>34562</v>
      </c>
      <c r="D15626" s="2">
        <v>168454</v>
      </c>
      <c r="E15626" s="1" t="s">
        <v>0</v>
      </c>
    </row>
    <row r="15627" spans="1:5" x14ac:dyDescent="0.25">
      <c r="A15627" s="2">
        <v>3125</v>
      </c>
      <c r="B15627" s="2">
        <v>3125</v>
      </c>
      <c r="C15627" s="1" t="s">
        <v>0</v>
      </c>
      <c r="D15627" s="2">
        <v>168455</v>
      </c>
      <c r="E15627" s="1" t="s">
        <v>0</v>
      </c>
    </row>
    <row r="15628" spans="1:5" x14ac:dyDescent="0.25">
      <c r="A15628" s="1" t="s">
        <v>2852</v>
      </c>
      <c r="B15628" s="1" t="s">
        <v>9540</v>
      </c>
      <c r="C15628" s="1" t="s">
        <v>34563</v>
      </c>
      <c r="D15628" s="2">
        <v>168456</v>
      </c>
      <c r="E15628" s="1" t="s">
        <v>0</v>
      </c>
    </row>
    <row r="15629" spans="1:5" x14ac:dyDescent="0.25">
      <c r="A15629" s="1" t="s">
        <v>34564</v>
      </c>
      <c r="B15629" s="1" t="s">
        <v>54449</v>
      </c>
      <c r="C15629" s="1" t="s">
        <v>34565</v>
      </c>
      <c r="D15629" s="2">
        <v>168457</v>
      </c>
      <c r="E15629" s="1" t="s">
        <v>0</v>
      </c>
    </row>
    <row r="15630" spans="1:5" ht="409.5" x14ac:dyDescent="0.25">
      <c r="A15630" s="4" t="s">
        <v>34566</v>
      </c>
      <c r="B15630" s="1" t="s">
        <v>54450</v>
      </c>
      <c r="C15630" s="1" t="s">
        <v>34567</v>
      </c>
      <c r="D15630" s="2">
        <v>168458</v>
      </c>
      <c r="E15630" s="1" t="s">
        <v>0</v>
      </c>
    </row>
    <row r="15631" spans="1:5" x14ac:dyDescent="0.25">
      <c r="A15631" s="1" t="s">
        <v>34568</v>
      </c>
      <c r="B15631" s="1" t="s">
        <v>9541</v>
      </c>
      <c r="C15631" s="1" t="s">
        <v>34569</v>
      </c>
      <c r="D15631" s="2">
        <v>168459</v>
      </c>
      <c r="E15631" s="1" t="s">
        <v>0</v>
      </c>
    </row>
    <row r="15632" spans="1:5" x14ac:dyDescent="0.25">
      <c r="A15632" s="2">
        <v>3126</v>
      </c>
      <c r="B15632" s="2">
        <v>3126</v>
      </c>
      <c r="C15632" s="1" t="s">
        <v>0</v>
      </c>
      <c r="D15632" s="2">
        <v>168460</v>
      </c>
      <c r="E15632" s="1" t="s">
        <v>0</v>
      </c>
    </row>
    <row r="15633" spans="1:5" x14ac:dyDescent="0.25">
      <c r="A15633" s="1" t="s">
        <v>2853</v>
      </c>
      <c r="B15633" s="1" t="s">
        <v>9542</v>
      </c>
      <c r="C15633" s="1" t="s">
        <v>34570</v>
      </c>
      <c r="D15633" s="2">
        <v>168461</v>
      </c>
      <c r="E15633" s="1" t="s">
        <v>0</v>
      </c>
    </row>
    <row r="15634" spans="1:5" x14ac:dyDescent="0.25">
      <c r="A15634" s="1" t="s">
        <v>34571</v>
      </c>
      <c r="B15634" s="1" t="s">
        <v>58442</v>
      </c>
      <c r="C15634" s="1" t="s">
        <v>34572</v>
      </c>
      <c r="D15634" s="2">
        <v>168462</v>
      </c>
      <c r="E15634" s="1" t="s">
        <v>0</v>
      </c>
    </row>
    <row r="15635" spans="1:5" ht="409.5" x14ac:dyDescent="0.25">
      <c r="A15635" s="4" t="s">
        <v>64228</v>
      </c>
      <c r="B15635" s="1" t="s">
        <v>63408</v>
      </c>
      <c r="C15635" s="1" t="s">
        <v>34573</v>
      </c>
      <c r="D15635" s="2">
        <v>168463</v>
      </c>
      <c r="E15635" s="1" t="s">
        <v>0</v>
      </c>
    </row>
    <row r="15636" spans="1:5" x14ac:dyDescent="0.25">
      <c r="A15636" s="1" t="s">
        <v>34574</v>
      </c>
      <c r="B15636" s="1" t="s">
        <v>54451</v>
      </c>
      <c r="C15636" s="1" t="s">
        <v>34575</v>
      </c>
      <c r="D15636" s="2">
        <v>168464</v>
      </c>
      <c r="E15636" s="1" t="s">
        <v>0</v>
      </c>
    </row>
    <row r="15637" spans="1:5" x14ac:dyDescent="0.25">
      <c r="A15637" s="2">
        <v>3127</v>
      </c>
      <c r="B15637" s="2">
        <v>3127</v>
      </c>
      <c r="C15637" s="1" t="s">
        <v>0</v>
      </c>
      <c r="D15637" s="2">
        <v>168465</v>
      </c>
      <c r="E15637" s="1" t="s">
        <v>0</v>
      </c>
    </row>
    <row r="15638" spans="1:5" x14ac:dyDescent="0.25">
      <c r="A15638" s="1" t="s">
        <v>9543</v>
      </c>
      <c r="B15638" s="1" t="s">
        <v>9544</v>
      </c>
      <c r="C15638" s="1" t="s">
        <v>34576</v>
      </c>
      <c r="D15638" s="2">
        <v>168466</v>
      </c>
      <c r="E15638" s="1" t="s">
        <v>0</v>
      </c>
    </row>
    <row r="15639" spans="1:5" x14ac:dyDescent="0.25">
      <c r="A15639" s="1" t="s">
        <v>34577</v>
      </c>
      <c r="B15639" s="1" t="s">
        <v>9545</v>
      </c>
      <c r="C15639" s="1" t="s">
        <v>34578</v>
      </c>
      <c r="D15639" s="2">
        <v>168467</v>
      </c>
      <c r="E15639" s="1" t="s">
        <v>0</v>
      </c>
    </row>
    <row r="15640" spans="1:5" ht="409.5" x14ac:dyDescent="0.25">
      <c r="A15640" s="4" t="s">
        <v>64229</v>
      </c>
      <c r="B15640" s="1" t="s">
        <v>57680</v>
      </c>
      <c r="C15640" s="1" t="s">
        <v>34579</v>
      </c>
      <c r="D15640" s="2">
        <v>168468</v>
      </c>
      <c r="E15640" s="1" t="s">
        <v>0</v>
      </c>
    </row>
    <row r="15641" spans="1:5" x14ac:dyDescent="0.25">
      <c r="A15641" s="1" t="s">
        <v>34580</v>
      </c>
      <c r="B15641" s="1" t="s">
        <v>9546</v>
      </c>
      <c r="C15641" s="1" t="s">
        <v>34581</v>
      </c>
      <c r="D15641" s="2">
        <v>168469</v>
      </c>
      <c r="E15641" s="1" t="s">
        <v>0</v>
      </c>
    </row>
    <row r="15642" spans="1:5" x14ac:dyDescent="0.25">
      <c r="A15642" s="2">
        <v>3128</v>
      </c>
      <c r="B15642" s="2">
        <v>3128</v>
      </c>
      <c r="C15642" s="1" t="s">
        <v>0</v>
      </c>
      <c r="D15642" s="2">
        <v>168470</v>
      </c>
      <c r="E15642" s="1" t="s">
        <v>0</v>
      </c>
    </row>
    <row r="15643" spans="1:5" x14ac:dyDescent="0.25">
      <c r="A15643" s="1" t="s">
        <v>2854</v>
      </c>
      <c r="B15643" s="1" t="s">
        <v>60097</v>
      </c>
      <c r="C15643" s="1" t="s">
        <v>34582</v>
      </c>
      <c r="D15643" s="2">
        <v>168471</v>
      </c>
      <c r="E15643" s="1" t="s">
        <v>0</v>
      </c>
    </row>
    <row r="15644" spans="1:5" x14ac:dyDescent="0.25">
      <c r="A15644" s="1" t="s">
        <v>34583</v>
      </c>
      <c r="B15644" s="1" t="s">
        <v>34584</v>
      </c>
      <c r="C15644" s="1" t="s">
        <v>34585</v>
      </c>
      <c r="D15644" s="2">
        <v>168472</v>
      </c>
      <c r="E15644" s="1" t="s">
        <v>0</v>
      </c>
    </row>
    <row r="15645" spans="1:5" ht="409.5" x14ac:dyDescent="0.25">
      <c r="A15645" s="4" t="s">
        <v>34586</v>
      </c>
      <c r="B15645" s="1" t="s">
        <v>34587</v>
      </c>
      <c r="C15645" s="1" t="s">
        <v>34588</v>
      </c>
      <c r="D15645" s="2">
        <v>168473</v>
      </c>
      <c r="E15645" s="1" t="s">
        <v>0</v>
      </c>
    </row>
    <row r="15646" spans="1:5" x14ac:dyDescent="0.25">
      <c r="A15646" s="1" t="s">
        <v>34589</v>
      </c>
      <c r="B15646" s="1" t="s">
        <v>54452</v>
      </c>
      <c r="C15646" s="1" t="s">
        <v>34590</v>
      </c>
      <c r="D15646" s="2">
        <v>168474</v>
      </c>
      <c r="E15646" s="1" t="s">
        <v>0</v>
      </c>
    </row>
    <row r="15647" spans="1:5" x14ac:dyDescent="0.25">
      <c r="A15647" s="2">
        <v>3129</v>
      </c>
      <c r="B15647" s="2">
        <v>3129</v>
      </c>
      <c r="C15647" s="1" t="s">
        <v>0</v>
      </c>
      <c r="D15647" s="2">
        <v>168475</v>
      </c>
      <c r="E15647" s="1" t="s">
        <v>0</v>
      </c>
    </row>
    <row r="15648" spans="1:5" x14ac:dyDescent="0.25">
      <c r="A15648" s="1" t="s">
        <v>2855</v>
      </c>
      <c r="B15648" s="1" t="s">
        <v>9547</v>
      </c>
      <c r="C15648" s="1" t="s">
        <v>34591</v>
      </c>
      <c r="D15648" s="2">
        <v>168476</v>
      </c>
      <c r="E15648" s="1" t="s">
        <v>0</v>
      </c>
    </row>
    <row r="15649" spans="1:5" x14ac:dyDescent="0.25">
      <c r="A15649" s="1" t="s">
        <v>34592</v>
      </c>
      <c r="B15649" s="1" t="s">
        <v>54453</v>
      </c>
      <c r="C15649" s="1" t="s">
        <v>34593</v>
      </c>
      <c r="D15649" s="2">
        <v>168477</v>
      </c>
      <c r="E15649" s="1" t="s">
        <v>0</v>
      </c>
    </row>
    <row r="15650" spans="1:5" ht="409.5" x14ac:dyDescent="0.25">
      <c r="A15650" s="4" t="s">
        <v>34594</v>
      </c>
      <c r="B15650" s="1" t="s">
        <v>63409</v>
      </c>
      <c r="C15650" s="1" t="s">
        <v>34595</v>
      </c>
      <c r="D15650" s="2">
        <v>168478</v>
      </c>
      <c r="E15650" s="1" t="s">
        <v>0</v>
      </c>
    </row>
    <row r="15651" spans="1:5" x14ac:dyDescent="0.25">
      <c r="A15651" s="1" t="s">
        <v>13413</v>
      </c>
      <c r="B15651" s="1" t="s">
        <v>60845</v>
      </c>
      <c r="C15651" s="1" t="s">
        <v>13414</v>
      </c>
      <c r="D15651" s="2">
        <v>168479</v>
      </c>
      <c r="E15651" s="1" t="s">
        <v>0</v>
      </c>
    </row>
    <row r="15652" spans="1:5" x14ac:dyDescent="0.25">
      <c r="A15652" s="2">
        <v>3130</v>
      </c>
      <c r="B15652" s="2">
        <v>3130</v>
      </c>
      <c r="C15652" s="1" t="s">
        <v>0</v>
      </c>
      <c r="D15652" s="2">
        <v>168480</v>
      </c>
      <c r="E15652" s="1" t="s">
        <v>0</v>
      </c>
    </row>
    <row r="15653" spans="1:5" x14ac:dyDescent="0.25">
      <c r="A15653" s="1" t="s">
        <v>2856</v>
      </c>
      <c r="B15653" s="1" t="s">
        <v>9548</v>
      </c>
      <c r="C15653" s="1" t="s">
        <v>34596</v>
      </c>
      <c r="D15653" s="2">
        <v>168481</v>
      </c>
      <c r="E15653" s="1" t="s">
        <v>0</v>
      </c>
    </row>
    <row r="15654" spans="1:5" x14ac:dyDescent="0.25">
      <c r="A15654" s="1" t="s">
        <v>34597</v>
      </c>
      <c r="B15654" s="1" t="s">
        <v>54454</v>
      </c>
      <c r="C15654" s="1" t="s">
        <v>34598</v>
      </c>
      <c r="D15654" s="2">
        <v>168482</v>
      </c>
      <c r="E15654" s="1" t="s">
        <v>0</v>
      </c>
    </row>
    <row r="15655" spans="1:5" ht="409.5" x14ac:dyDescent="0.25">
      <c r="A15655" s="4" t="s">
        <v>34599</v>
      </c>
      <c r="B15655" s="1" t="s">
        <v>54455</v>
      </c>
      <c r="C15655" s="1" t="s">
        <v>34600</v>
      </c>
      <c r="D15655" s="2">
        <v>168483</v>
      </c>
      <c r="E15655" s="1" t="s">
        <v>0</v>
      </c>
    </row>
    <row r="15656" spans="1:5" x14ac:dyDescent="0.25">
      <c r="A15656" s="1" t="s">
        <v>34601</v>
      </c>
      <c r="B15656" s="1" t="s">
        <v>61202</v>
      </c>
      <c r="C15656" s="1" t="s">
        <v>34602</v>
      </c>
      <c r="D15656" s="2">
        <v>168484</v>
      </c>
      <c r="E15656" s="1" t="s">
        <v>0</v>
      </c>
    </row>
    <row r="15657" spans="1:5" x14ac:dyDescent="0.25">
      <c r="A15657" s="2">
        <v>3131</v>
      </c>
      <c r="B15657" s="2">
        <v>3131</v>
      </c>
      <c r="C15657" s="1" t="s">
        <v>0</v>
      </c>
      <c r="D15657" s="2">
        <v>168485</v>
      </c>
      <c r="E15657" s="1" t="s">
        <v>0</v>
      </c>
    </row>
    <row r="15658" spans="1:5" x14ac:dyDescent="0.25">
      <c r="A15658" s="1" t="s">
        <v>2857</v>
      </c>
      <c r="B15658" s="1" t="s">
        <v>9549</v>
      </c>
      <c r="C15658" s="1" t="s">
        <v>34603</v>
      </c>
      <c r="D15658" s="2">
        <v>168486</v>
      </c>
      <c r="E15658" s="1" t="s">
        <v>0</v>
      </c>
    </row>
    <row r="15659" spans="1:5" x14ac:dyDescent="0.25">
      <c r="A15659" s="1" t="s">
        <v>34604</v>
      </c>
      <c r="B15659" s="1" t="s">
        <v>9550</v>
      </c>
      <c r="C15659" s="1" t="s">
        <v>34605</v>
      </c>
      <c r="D15659" s="2">
        <v>168487</v>
      </c>
      <c r="E15659" s="1" t="s">
        <v>0</v>
      </c>
    </row>
    <row r="15660" spans="1:5" ht="409.5" x14ac:dyDescent="0.25">
      <c r="A15660" s="4" t="s">
        <v>34606</v>
      </c>
      <c r="B15660" s="1" t="s">
        <v>61203</v>
      </c>
      <c r="C15660" s="1" t="s">
        <v>34607</v>
      </c>
      <c r="D15660" s="2">
        <v>168488</v>
      </c>
      <c r="E15660" s="1" t="s">
        <v>0</v>
      </c>
    </row>
    <row r="15661" spans="1:5" x14ac:dyDescent="0.25">
      <c r="A15661" s="1" t="s">
        <v>34608</v>
      </c>
      <c r="B15661" s="1" t="s">
        <v>9551</v>
      </c>
      <c r="C15661" s="1" t="s">
        <v>34609</v>
      </c>
      <c r="D15661" s="2">
        <v>168489</v>
      </c>
      <c r="E15661" s="1" t="s">
        <v>0</v>
      </c>
    </row>
    <row r="15662" spans="1:5" x14ac:dyDescent="0.25">
      <c r="A15662" s="2">
        <v>3132</v>
      </c>
      <c r="B15662" s="2">
        <v>3132</v>
      </c>
      <c r="C15662" s="1" t="s">
        <v>0</v>
      </c>
      <c r="D15662" s="2">
        <v>168490</v>
      </c>
      <c r="E15662" s="1" t="s">
        <v>0</v>
      </c>
    </row>
    <row r="15663" spans="1:5" x14ac:dyDescent="0.25">
      <c r="A15663" s="1" t="s">
        <v>2858</v>
      </c>
      <c r="B15663" s="1" t="s">
        <v>58443</v>
      </c>
      <c r="C15663" s="1" t="s">
        <v>34610</v>
      </c>
      <c r="D15663" s="2">
        <v>168491</v>
      </c>
      <c r="E15663" s="1" t="s">
        <v>0</v>
      </c>
    </row>
    <row r="15664" spans="1:5" x14ac:dyDescent="0.25">
      <c r="A15664" s="1" t="s">
        <v>34611</v>
      </c>
      <c r="B15664" s="1" t="s">
        <v>58444</v>
      </c>
      <c r="C15664" s="1" t="s">
        <v>34612</v>
      </c>
      <c r="D15664" s="2">
        <v>168492</v>
      </c>
      <c r="E15664" s="1" t="s">
        <v>0</v>
      </c>
    </row>
    <row r="15665" spans="1:5" ht="409.5" x14ac:dyDescent="0.25">
      <c r="A15665" s="4" t="s">
        <v>34613</v>
      </c>
      <c r="B15665" s="1" t="s">
        <v>62633</v>
      </c>
      <c r="C15665" s="1" t="s">
        <v>34614</v>
      </c>
      <c r="D15665" s="2">
        <v>168493</v>
      </c>
      <c r="E15665" s="1" t="s">
        <v>0</v>
      </c>
    </row>
    <row r="15666" spans="1:5" x14ac:dyDescent="0.25">
      <c r="A15666" s="1" t="s">
        <v>34615</v>
      </c>
      <c r="B15666" s="1" t="s">
        <v>54456</v>
      </c>
      <c r="C15666" s="1" t="s">
        <v>34616</v>
      </c>
      <c r="D15666" s="2">
        <v>168494</v>
      </c>
      <c r="E15666" s="1" t="s">
        <v>0</v>
      </c>
    </row>
    <row r="15667" spans="1:5" x14ac:dyDescent="0.25">
      <c r="A15667" s="2">
        <v>3133</v>
      </c>
      <c r="B15667" s="2">
        <v>3133</v>
      </c>
      <c r="C15667" s="1" t="s">
        <v>0</v>
      </c>
      <c r="D15667" s="2">
        <v>168495</v>
      </c>
      <c r="E15667" s="1" t="s">
        <v>0</v>
      </c>
    </row>
    <row r="15668" spans="1:5" x14ac:dyDescent="0.25">
      <c r="A15668" s="1" t="s">
        <v>2859</v>
      </c>
      <c r="B15668" s="1" t="s">
        <v>9552</v>
      </c>
      <c r="C15668" s="1" t="s">
        <v>34617</v>
      </c>
      <c r="D15668" s="2">
        <v>168496</v>
      </c>
      <c r="E15668" s="1" t="s">
        <v>0</v>
      </c>
    </row>
    <row r="15669" spans="1:5" x14ac:dyDescent="0.25">
      <c r="A15669" s="1" t="s">
        <v>34618</v>
      </c>
      <c r="B15669" s="1" t="s">
        <v>50817</v>
      </c>
      <c r="C15669" s="1" t="s">
        <v>34619</v>
      </c>
      <c r="D15669" s="2">
        <v>168497</v>
      </c>
      <c r="E15669" s="1" t="s">
        <v>0</v>
      </c>
    </row>
    <row r="15670" spans="1:5" ht="409.5" x14ac:dyDescent="0.25">
      <c r="A15670" s="4" t="s">
        <v>34620</v>
      </c>
      <c r="B15670" s="1" t="s">
        <v>50818</v>
      </c>
      <c r="C15670" s="1" t="s">
        <v>34621</v>
      </c>
      <c r="D15670" s="2">
        <v>168498</v>
      </c>
      <c r="E15670" s="1" t="s">
        <v>0</v>
      </c>
    </row>
    <row r="15671" spans="1:5" x14ac:dyDescent="0.25">
      <c r="A15671" s="1" t="s">
        <v>34622</v>
      </c>
      <c r="B15671" s="1" t="s">
        <v>54457</v>
      </c>
      <c r="C15671" s="1" t="s">
        <v>34623</v>
      </c>
      <c r="D15671" s="2">
        <v>168499</v>
      </c>
      <c r="E15671" s="1" t="s">
        <v>0</v>
      </c>
    </row>
    <row r="15672" spans="1:5" x14ac:dyDescent="0.25">
      <c r="A15672" s="2">
        <v>3134</v>
      </c>
      <c r="B15672" s="2">
        <v>3134</v>
      </c>
      <c r="C15672" s="1" t="s">
        <v>0</v>
      </c>
      <c r="D15672" s="2">
        <v>168500</v>
      </c>
      <c r="E15672" s="1" t="s">
        <v>0</v>
      </c>
    </row>
    <row r="15673" spans="1:5" x14ac:dyDescent="0.25">
      <c r="A15673" s="1" t="s">
        <v>2860</v>
      </c>
      <c r="B15673" s="1" t="s">
        <v>9553</v>
      </c>
      <c r="C15673" s="1" t="s">
        <v>34624</v>
      </c>
      <c r="D15673" s="2">
        <v>168501</v>
      </c>
      <c r="E15673" s="1" t="s">
        <v>0</v>
      </c>
    </row>
    <row r="15674" spans="1:5" x14ac:dyDescent="0.25">
      <c r="A15674" s="1" t="s">
        <v>34625</v>
      </c>
      <c r="B15674" s="1" t="s">
        <v>54458</v>
      </c>
      <c r="C15674" s="1" t="s">
        <v>34626</v>
      </c>
      <c r="D15674" s="2">
        <v>168502</v>
      </c>
      <c r="E15674" s="1" t="s">
        <v>0</v>
      </c>
    </row>
    <row r="15675" spans="1:5" ht="409.5" x14ac:dyDescent="0.25">
      <c r="A15675" s="4" t="s">
        <v>34627</v>
      </c>
      <c r="B15675" s="1" t="s">
        <v>54459</v>
      </c>
      <c r="C15675" s="1" t="s">
        <v>34628</v>
      </c>
      <c r="D15675" s="2">
        <v>168503</v>
      </c>
      <c r="E15675" s="1" t="s">
        <v>0</v>
      </c>
    </row>
    <row r="15676" spans="1:5" x14ac:dyDescent="0.25">
      <c r="A15676" s="1" t="s">
        <v>34629</v>
      </c>
      <c r="B15676" s="1" t="s">
        <v>9554</v>
      </c>
      <c r="C15676" s="1" t="s">
        <v>34630</v>
      </c>
      <c r="D15676" s="2">
        <v>168504</v>
      </c>
      <c r="E15676" s="1" t="s">
        <v>0</v>
      </c>
    </row>
    <row r="15677" spans="1:5" x14ac:dyDescent="0.25">
      <c r="A15677" s="2">
        <v>3135</v>
      </c>
      <c r="B15677" s="2">
        <v>3135</v>
      </c>
      <c r="C15677" s="1" t="s">
        <v>0</v>
      </c>
      <c r="D15677" s="2">
        <v>168505</v>
      </c>
      <c r="E15677" s="1" t="s">
        <v>0</v>
      </c>
    </row>
    <row r="15678" spans="1:5" x14ac:dyDescent="0.25">
      <c r="A15678" s="1" t="s">
        <v>2861</v>
      </c>
      <c r="B15678" s="1" t="s">
        <v>54460</v>
      </c>
      <c r="C15678" s="1" t="s">
        <v>34631</v>
      </c>
      <c r="D15678" s="2">
        <v>168506</v>
      </c>
      <c r="E15678" s="1" t="s">
        <v>0</v>
      </c>
    </row>
    <row r="15679" spans="1:5" x14ac:dyDescent="0.25">
      <c r="A15679" s="1" t="s">
        <v>34632</v>
      </c>
      <c r="B15679" s="1" t="s">
        <v>57252</v>
      </c>
      <c r="C15679" s="1" t="s">
        <v>34633</v>
      </c>
      <c r="D15679" s="2">
        <v>168507</v>
      </c>
      <c r="E15679" s="1" t="s">
        <v>0</v>
      </c>
    </row>
    <row r="15680" spans="1:5" ht="409.5" x14ac:dyDescent="0.25">
      <c r="A15680" s="4" t="s">
        <v>34634</v>
      </c>
      <c r="B15680" s="1" t="s">
        <v>57253</v>
      </c>
      <c r="C15680" s="1" t="s">
        <v>34635</v>
      </c>
      <c r="D15680" s="2">
        <v>168508</v>
      </c>
      <c r="E15680" s="1" t="s">
        <v>0</v>
      </c>
    </row>
    <row r="15681" spans="1:5" x14ac:dyDescent="0.25">
      <c r="A15681" s="1" t="s">
        <v>34636</v>
      </c>
      <c r="B15681" s="1" t="s">
        <v>9555</v>
      </c>
      <c r="C15681" s="1" t="s">
        <v>34637</v>
      </c>
      <c r="D15681" s="2">
        <v>168509</v>
      </c>
      <c r="E15681" s="1" t="s">
        <v>0</v>
      </c>
    </row>
    <row r="15682" spans="1:5" x14ac:dyDescent="0.25">
      <c r="A15682" s="2">
        <v>3136</v>
      </c>
      <c r="B15682" s="2">
        <v>3136</v>
      </c>
      <c r="C15682" s="1" t="s">
        <v>0</v>
      </c>
      <c r="D15682" s="2">
        <v>168510</v>
      </c>
      <c r="E15682" s="1" t="s">
        <v>0</v>
      </c>
    </row>
    <row r="15683" spans="1:5" x14ac:dyDescent="0.25">
      <c r="A15683" s="1" t="s">
        <v>2862</v>
      </c>
      <c r="B15683" s="1" t="s">
        <v>9556</v>
      </c>
      <c r="C15683" s="1" t="s">
        <v>34638</v>
      </c>
      <c r="D15683" s="2">
        <v>168511</v>
      </c>
      <c r="E15683" s="1" t="s">
        <v>0</v>
      </c>
    </row>
    <row r="15684" spans="1:5" x14ac:dyDescent="0.25">
      <c r="A15684" s="1" t="s">
        <v>34639</v>
      </c>
      <c r="B15684" s="1" t="s">
        <v>63410</v>
      </c>
      <c r="C15684" s="1" t="s">
        <v>34640</v>
      </c>
      <c r="D15684" s="2">
        <v>168512</v>
      </c>
      <c r="E15684" s="1" t="s">
        <v>0</v>
      </c>
    </row>
    <row r="15685" spans="1:5" ht="409.5" x14ac:dyDescent="0.25">
      <c r="A15685" s="4" t="s">
        <v>34641</v>
      </c>
      <c r="B15685" s="1" t="s">
        <v>63411</v>
      </c>
      <c r="C15685" s="1" t="s">
        <v>34642</v>
      </c>
      <c r="D15685" s="2">
        <v>168513</v>
      </c>
      <c r="E15685" s="1" t="s">
        <v>0</v>
      </c>
    </row>
    <row r="15686" spans="1:5" x14ac:dyDescent="0.25">
      <c r="A15686" s="1" t="s">
        <v>34643</v>
      </c>
      <c r="B15686" s="1" t="s">
        <v>9557</v>
      </c>
      <c r="C15686" s="1" t="s">
        <v>34644</v>
      </c>
      <c r="D15686" s="2">
        <v>168514</v>
      </c>
      <c r="E15686" s="1" t="s">
        <v>0</v>
      </c>
    </row>
    <row r="15687" spans="1:5" x14ac:dyDescent="0.25">
      <c r="A15687" s="2">
        <v>3137</v>
      </c>
      <c r="B15687" s="2">
        <v>3137</v>
      </c>
      <c r="C15687" s="1" t="s">
        <v>0</v>
      </c>
      <c r="D15687" s="2">
        <v>168515</v>
      </c>
      <c r="E15687" s="1" t="s">
        <v>0</v>
      </c>
    </row>
    <row r="15688" spans="1:5" x14ac:dyDescent="0.25">
      <c r="A15688" s="1" t="s">
        <v>2863</v>
      </c>
      <c r="B15688" s="1" t="s">
        <v>9558</v>
      </c>
      <c r="C15688" s="1" t="s">
        <v>34645</v>
      </c>
      <c r="D15688" s="2">
        <v>168516</v>
      </c>
      <c r="E15688" s="1" t="s">
        <v>0</v>
      </c>
    </row>
    <row r="15689" spans="1:5" x14ac:dyDescent="0.25">
      <c r="A15689" s="1" t="s">
        <v>61832</v>
      </c>
      <c r="B15689" s="1" t="s">
        <v>58445</v>
      </c>
      <c r="C15689" s="1" t="s">
        <v>61833</v>
      </c>
      <c r="D15689" s="2">
        <v>168517</v>
      </c>
      <c r="E15689" s="1" t="s">
        <v>0</v>
      </c>
    </row>
    <row r="15690" spans="1:5" ht="409.5" x14ac:dyDescent="0.25">
      <c r="A15690" s="4" t="s">
        <v>61834</v>
      </c>
      <c r="B15690" s="1" t="s">
        <v>58446</v>
      </c>
      <c r="C15690" s="1" t="s">
        <v>34646</v>
      </c>
      <c r="D15690" s="2">
        <v>168518</v>
      </c>
      <c r="E15690" s="1" t="s">
        <v>0</v>
      </c>
    </row>
    <row r="15691" spans="1:5" x14ac:dyDescent="0.25">
      <c r="A15691" s="1" t="s">
        <v>34647</v>
      </c>
      <c r="B15691" s="1" t="s">
        <v>54461</v>
      </c>
      <c r="C15691" s="1" t="s">
        <v>34648</v>
      </c>
      <c r="D15691" s="2">
        <v>168519</v>
      </c>
      <c r="E15691" s="1" t="s">
        <v>0</v>
      </c>
    </row>
    <row r="15692" spans="1:5" x14ac:dyDescent="0.25">
      <c r="A15692" s="2">
        <v>3138</v>
      </c>
      <c r="B15692" s="2">
        <v>3138</v>
      </c>
      <c r="C15692" s="1" t="s">
        <v>0</v>
      </c>
      <c r="D15692" s="2">
        <v>168520</v>
      </c>
      <c r="E15692" s="1" t="s">
        <v>0</v>
      </c>
    </row>
    <row r="15693" spans="1:5" x14ac:dyDescent="0.25">
      <c r="A15693" s="1" t="s">
        <v>2864</v>
      </c>
      <c r="B15693" s="1" t="s">
        <v>50819</v>
      </c>
      <c r="C15693" s="1" t="s">
        <v>34649</v>
      </c>
      <c r="D15693" s="2">
        <v>168521</v>
      </c>
      <c r="E15693" s="1" t="s">
        <v>0</v>
      </c>
    </row>
    <row r="15694" spans="1:5" x14ac:dyDescent="0.25">
      <c r="A15694" s="1" t="s">
        <v>34650</v>
      </c>
      <c r="B15694" s="1" t="s">
        <v>9559</v>
      </c>
      <c r="C15694" s="1" t="s">
        <v>34651</v>
      </c>
      <c r="D15694" s="2">
        <v>168522</v>
      </c>
      <c r="E15694" s="1" t="s">
        <v>0</v>
      </c>
    </row>
    <row r="15695" spans="1:5" ht="409.5" x14ac:dyDescent="0.25">
      <c r="A15695" s="4" t="s">
        <v>34652</v>
      </c>
      <c r="B15695" s="1" t="s">
        <v>54462</v>
      </c>
      <c r="C15695" s="1" t="s">
        <v>34653</v>
      </c>
      <c r="D15695" s="2">
        <v>168523</v>
      </c>
      <c r="E15695" s="1" t="s">
        <v>0</v>
      </c>
    </row>
    <row r="15696" spans="1:5" x14ac:dyDescent="0.25">
      <c r="A15696" s="1" t="s">
        <v>34654</v>
      </c>
      <c r="B15696" s="1" t="s">
        <v>9560</v>
      </c>
      <c r="C15696" s="1" t="s">
        <v>34655</v>
      </c>
      <c r="D15696" s="2">
        <v>168524</v>
      </c>
      <c r="E15696" s="1" t="s">
        <v>0</v>
      </c>
    </row>
    <row r="15697" spans="1:5" x14ac:dyDescent="0.25">
      <c r="A15697" s="2">
        <v>3139</v>
      </c>
      <c r="B15697" s="2">
        <v>3139</v>
      </c>
      <c r="C15697" s="1" t="s">
        <v>0</v>
      </c>
      <c r="D15697" s="2">
        <v>168525</v>
      </c>
      <c r="E15697" s="1" t="s">
        <v>0</v>
      </c>
    </row>
    <row r="15698" spans="1:5" x14ac:dyDescent="0.25">
      <c r="A15698" s="1" t="s">
        <v>2865</v>
      </c>
      <c r="B15698" s="1" t="s">
        <v>9561</v>
      </c>
      <c r="C15698" s="1" t="s">
        <v>34656</v>
      </c>
      <c r="D15698" s="2">
        <v>168526</v>
      </c>
      <c r="E15698" s="1" t="s">
        <v>0</v>
      </c>
    </row>
    <row r="15699" spans="1:5" x14ac:dyDescent="0.25">
      <c r="A15699" s="1" t="s">
        <v>34657</v>
      </c>
      <c r="B15699" s="1" t="s">
        <v>57886</v>
      </c>
      <c r="C15699" s="1" t="s">
        <v>34658</v>
      </c>
      <c r="D15699" s="2">
        <v>168527</v>
      </c>
      <c r="E15699" s="1" t="s">
        <v>0</v>
      </c>
    </row>
    <row r="15700" spans="1:5" ht="409.5" x14ac:dyDescent="0.25">
      <c r="A15700" s="4" t="s">
        <v>34659</v>
      </c>
      <c r="B15700" s="1" t="s">
        <v>57887</v>
      </c>
      <c r="C15700" s="1" t="s">
        <v>34660</v>
      </c>
      <c r="D15700" s="2">
        <v>168528</v>
      </c>
      <c r="E15700" s="1" t="s">
        <v>0</v>
      </c>
    </row>
    <row r="15701" spans="1:5" x14ac:dyDescent="0.25">
      <c r="A15701" s="1" t="s">
        <v>34661</v>
      </c>
      <c r="B15701" s="1" t="s">
        <v>54463</v>
      </c>
      <c r="C15701" s="1" t="s">
        <v>34662</v>
      </c>
      <c r="D15701" s="2">
        <v>168529</v>
      </c>
      <c r="E15701" s="1" t="s">
        <v>0</v>
      </c>
    </row>
    <row r="15702" spans="1:5" x14ac:dyDescent="0.25">
      <c r="A15702" s="2">
        <v>3140</v>
      </c>
      <c r="B15702" s="2">
        <v>3140</v>
      </c>
      <c r="C15702" s="1" t="s">
        <v>0</v>
      </c>
      <c r="D15702" s="2">
        <v>168530</v>
      </c>
      <c r="E15702" s="1" t="s">
        <v>0</v>
      </c>
    </row>
    <row r="15703" spans="1:5" x14ac:dyDescent="0.25">
      <c r="A15703" s="1" t="s">
        <v>2866</v>
      </c>
      <c r="B15703" s="1" t="s">
        <v>54464</v>
      </c>
      <c r="C15703" s="1" t="s">
        <v>34663</v>
      </c>
      <c r="D15703" s="2">
        <v>168531</v>
      </c>
      <c r="E15703" s="1" t="s">
        <v>0</v>
      </c>
    </row>
    <row r="15704" spans="1:5" x14ac:dyDescent="0.25">
      <c r="A15704" s="1" t="s">
        <v>34664</v>
      </c>
      <c r="B15704" s="1" t="s">
        <v>54465</v>
      </c>
      <c r="C15704" s="1" t="s">
        <v>34665</v>
      </c>
      <c r="D15704" s="2">
        <v>168532</v>
      </c>
      <c r="E15704" s="1" t="s">
        <v>0</v>
      </c>
    </row>
    <row r="15705" spans="1:5" ht="409.5" x14ac:dyDescent="0.25">
      <c r="A15705" s="4" t="s">
        <v>34666</v>
      </c>
      <c r="B15705" s="1" t="s">
        <v>54466</v>
      </c>
      <c r="C15705" s="1" t="s">
        <v>34667</v>
      </c>
      <c r="D15705" s="2">
        <v>168533</v>
      </c>
      <c r="E15705" s="1" t="s">
        <v>0</v>
      </c>
    </row>
    <row r="15706" spans="1:5" x14ac:dyDescent="0.25">
      <c r="A15706" s="1" t="s">
        <v>34668</v>
      </c>
      <c r="B15706" s="1" t="s">
        <v>61204</v>
      </c>
      <c r="C15706" s="1" t="s">
        <v>34669</v>
      </c>
      <c r="D15706" s="2">
        <v>168534</v>
      </c>
      <c r="E15706" s="1" t="s">
        <v>0</v>
      </c>
    </row>
    <row r="15707" spans="1:5" x14ac:dyDescent="0.25">
      <c r="A15707" s="2">
        <v>3141</v>
      </c>
      <c r="B15707" s="2">
        <v>3141</v>
      </c>
      <c r="C15707" s="1" t="s">
        <v>0</v>
      </c>
      <c r="D15707" s="2">
        <v>168535</v>
      </c>
      <c r="E15707" s="1" t="s">
        <v>0</v>
      </c>
    </row>
    <row r="15708" spans="1:5" x14ac:dyDescent="0.25">
      <c r="A15708" s="1" t="s">
        <v>13186</v>
      </c>
      <c r="B15708" s="1" t="s">
        <v>13187</v>
      </c>
      <c r="C15708" s="1" t="s">
        <v>34670</v>
      </c>
      <c r="D15708" s="2">
        <v>168536</v>
      </c>
      <c r="E15708" s="1" t="s">
        <v>0</v>
      </c>
    </row>
    <row r="15709" spans="1:5" x14ac:dyDescent="0.25">
      <c r="A15709" s="1" t="s">
        <v>34671</v>
      </c>
      <c r="B15709" s="1" t="s">
        <v>59645</v>
      </c>
      <c r="C15709" s="1" t="s">
        <v>34672</v>
      </c>
      <c r="D15709" s="2">
        <v>168537</v>
      </c>
      <c r="E15709" s="1" t="s">
        <v>0</v>
      </c>
    </row>
    <row r="15710" spans="1:5" ht="409.5" x14ac:dyDescent="0.25">
      <c r="A15710" s="4" t="s">
        <v>34673</v>
      </c>
      <c r="B15710" s="1" t="s">
        <v>59646</v>
      </c>
      <c r="C15710" s="1" t="s">
        <v>34674</v>
      </c>
      <c r="D15710" s="2">
        <v>168538</v>
      </c>
      <c r="E15710" s="1" t="s">
        <v>0</v>
      </c>
    </row>
    <row r="15711" spans="1:5" x14ac:dyDescent="0.25">
      <c r="A15711" s="1" t="s">
        <v>34675</v>
      </c>
      <c r="B15711" s="1" t="s">
        <v>9562</v>
      </c>
      <c r="C15711" s="1" t="s">
        <v>34676</v>
      </c>
      <c r="D15711" s="2">
        <v>168539</v>
      </c>
      <c r="E15711" s="1" t="s">
        <v>0</v>
      </c>
    </row>
    <row r="15712" spans="1:5" x14ac:dyDescent="0.25">
      <c r="A15712" s="2">
        <v>3142</v>
      </c>
      <c r="B15712" s="2">
        <v>3142</v>
      </c>
      <c r="C15712" s="1" t="s">
        <v>0</v>
      </c>
      <c r="D15712" s="2">
        <v>168540</v>
      </c>
      <c r="E15712" s="1" t="s">
        <v>0</v>
      </c>
    </row>
    <row r="15713" spans="1:5" x14ac:dyDescent="0.25">
      <c r="A15713" s="1" t="s">
        <v>2867</v>
      </c>
      <c r="B15713" s="1" t="s">
        <v>9563</v>
      </c>
      <c r="C15713" s="1" t="s">
        <v>34677</v>
      </c>
      <c r="D15713" s="2">
        <v>168541</v>
      </c>
      <c r="E15713" s="1" t="s">
        <v>0</v>
      </c>
    </row>
    <row r="15714" spans="1:5" x14ac:dyDescent="0.25">
      <c r="A15714" s="1" t="s">
        <v>34678</v>
      </c>
      <c r="B15714" s="1" t="s">
        <v>54467</v>
      </c>
      <c r="C15714" s="1" t="s">
        <v>34679</v>
      </c>
      <c r="D15714" s="2">
        <v>168542</v>
      </c>
      <c r="E15714" s="1" t="s">
        <v>0</v>
      </c>
    </row>
    <row r="15715" spans="1:5" ht="409.5" x14ac:dyDescent="0.25">
      <c r="A15715" s="4" t="s">
        <v>34680</v>
      </c>
      <c r="B15715" s="1" t="s">
        <v>62634</v>
      </c>
      <c r="C15715" s="1" t="s">
        <v>34681</v>
      </c>
      <c r="D15715" s="2">
        <v>168543</v>
      </c>
      <c r="E15715" s="1" t="s">
        <v>0</v>
      </c>
    </row>
    <row r="15716" spans="1:5" x14ac:dyDescent="0.25">
      <c r="A15716" s="1" t="s">
        <v>34682</v>
      </c>
      <c r="B15716" s="1" t="s">
        <v>61205</v>
      </c>
      <c r="C15716" s="1" t="s">
        <v>34683</v>
      </c>
      <c r="D15716" s="2">
        <v>168544</v>
      </c>
      <c r="E15716" s="1" t="s">
        <v>0</v>
      </c>
    </row>
    <row r="15717" spans="1:5" x14ac:dyDescent="0.25">
      <c r="A15717" s="2">
        <v>3143</v>
      </c>
      <c r="B15717" s="2">
        <v>3143</v>
      </c>
      <c r="C15717" s="1" t="s">
        <v>0</v>
      </c>
      <c r="D15717" s="2">
        <v>168545</v>
      </c>
      <c r="E15717" s="1" t="s">
        <v>0</v>
      </c>
    </row>
    <row r="15718" spans="1:5" x14ac:dyDescent="0.25">
      <c r="A15718" s="1" t="s">
        <v>2868</v>
      </c>
      <c r="B15718" s="1" t="s">
        <v>54468</v>
      </c>
      <c r="C15718" s="1" t="s">
        <v>34684</v>
      </c>
      <c r="D15718" s="2">
        <v>168546</v>
      </c>
      <c r="E15718" s="1" t="s">
        <v>0</v>
      </c>
    </row>
    <row r="15719" spans="1:5" x14ac:dyDescent="0.25">
      <c r="A15719" s="1" t="s">
        <v>34685</v>
      </c>
      <c r="B15719" s="1" t="s">
        <v>57254</v>
      </c>
      <c r="C15719" s="1" t="s">
        <v>34686</v>
      </c>
      <c r="D15719" s="2">
        <v>168547</v>
      </c>
      <c r="E15719" s="1" t="s">
        <v>0</v>
      </c>
    </row>
    <row r="15720" spans="1:5" ht="409.5" x14ac:dyDescent="0.25">
      <c r="A15720" s="4" t="s">
        <v>34687</v>
      </c>
      <c r="B15720" s="1" t="s">
        <v>61206</v>
      </c>
      <c r="C15720" s="1" t="s">
        <v>34688</v>
      </c>
      <c r="D15720" s="2">
        <v>168548</v>
      </c>
      <c r="E15720" s="1" t="s">
        <v>0</v>
      </c>
    </row>
    <row r="15721" spans="1:5" x14ac:dyDescent="0.25">
      <c r="A15721" s="1" t="s">
        <v>34689</v>
      </c>
      <c r="B15721" s="1" t="s">
        <v>9564</v>
      </c>
      <c r="C15721" s="1" t="s">
        <v>34690</v>
      </c>
      <c r="D15721" s="2">
        <v>168549</v>
      </c>
      <c r="E15721" s="1" t="s">
        <v>0</v>
      </c>
    </row>
    <row r="15722" spans="1:5" x14ac:dyDescent="0.25">
      <c r="A15722" s="2">
        <v>3144</v>
      </c>
      <c r="B15722" s="2">
        <v>3144</v>
      </c>
      <c r="C15722" s="1" t="s">
        <v>0</v>
      </c>
      <c r="D15722" s="2">
        <v>168550</v>
      </c>
      <c r="E15722" s="1" t="s">
        <v>0</v>
      </c>
    </row>
    <row r="15723" spans="1:5" x14ac:dyDescent="0.25">
      <c r="A15723" s="1" t="s">
        <v>9565</v>
      </c>
      <c r="B15723" s="1" t="s">
        <v>9566</v>
      </c>
      <c r="C15723" s="1" t="s">
        <v>34691</v>
      </c>
      <c r="D15723" s="2">
        <v>168551</v>
      </c>
      <c r="E15723" s="1" t="s">
        <v>0</v>
      </c>
    </row>
    <row r="15724" spans="1:5" x14ac:dyDescent="0.25">
      <c r="A15724" s="1" t="s">
        <v>34692</v>
      </c>
      <c r="B15724" s="1" t="s">
        <v>58447</v>
      </c>
      <c r="C15724" s="1" t="s">
        <v>34693</v>
      </c>
      <c r="D15724" s="2">
        <v>168552</v>
      </c>
      <c r="E15724" s="1" t="s">
        <v>0</v>
      </c>
    </row>
    <row r="15725" spans="1:5" x14ac:dyDescent="0.25">
      <c r="A15725" s="1" t="s">
        <v>34694</v>
      </c>
      <c r="B15725" s="1" t="s">
        <v>58448</v>
      </c>
      <c r="C15725" s="1" t="s">
        <v>34695</v>
      </c>
      <c r="D15725" s="2">
        <v>168553</v>
      </c>
      <c r="E15725" s="1" t="s">
        <v>0</v>
      </c>
    </row>
    <row r="15726" spans="1:5" x14ac:dyDescent="0.25">
      <c r="A15726" s="1" t="s">
        <v>34696</v>
      </c>
      <c r="B15726" s="1" t="s">
        <v>61207</v>
      </c>
      <c r="C15726" s="1" t="s">
        <v>34697</v>
      </c>
      <c r="D15726" s="2">
        <v>168554</v>
      </c>
      <c r="E15726" s="1" t="s">
        <v>0</v>
      </c>
    </row>
    <row r="15727" spans="1:5" x14ac:dyDescent="0.25">
      <c r="A15727" s="2">
        <v>3145</v>
      </c>
      <c r="B15727" s="2">
        <v>3145</v>
      </c>
      <c r="C15727" s="1" t="s">
        <v>0</v>
      </c>
      <c r="D15727" s="2">
        <v>168555</v>
      </c>
      <c r="E15727" s="1" t="s">
        <v>0</v>
      </c>
    </row>
    <row r="15728" spans="1:5" x14ac:dyDescent="0.25">
      <c r="A15728" s="1" t="s">
        <v>2869</v>
      </c>
      <c r="B15728" s="1" t="s">
        <v>9567</v>
      </c>
      <c r="C15728" s="1" t="s">
        <v>34698</v>
      </c>
      <c r="D15728" s="2">
        <v>168556</v>
      </c>
      <c r="E15728" s="1" t="s">
        <v>0</v>
      </c>
    </row>
    <row r="15729" spans="1:5" x14ac:dyDescent="0.25">
      <c r="A15729" s="1" t="s">
        <v>34699</v>
      </c>
      <c r="B15729" s="1" t="s">
        <v>50820</v>
      </c>
      <c r="C15729" s="1" t="s">
        <v>34700</v>
      </c>
      <c r="D15729" s="2">
        <v>168557</v>
      </c>
      <c r="E15729" s="1" t="s">
        <v>0</v>
      </c>
    </row>
    <row r="15730" spans="1:5" ht="409.5" x14ac:dyDescent="0.25">
      <c r="A15730" s="4" t="s">
        <v>34701</v>
      </c>
      <c r="B15730" s="1" t="s">
        <v>58789</v>
      </c>
      <c r="C15730" s="1" t="s">
        <v>34702</v>
      </c>
      <c r="D15730" s="2">
        <v>168558</v>
      </c>
      <c r="E15730" s="1" t="s">
        <v>0</v>
      </c>
    </row>
    <row r="15731" spans="1:5" x14ac:dyDescent="0.25">
      <c r="A15731" s="1" t="s">
        <v>34703</v>
      </c>
      <c r="B15731" s="1" t="s">
        <v>9568</v>
      </c>
      <c r="C15731" s="1" t="s">
        <v>34704</v>
      </c>
      <c r="D15731" s="2">
        <v>168559</v>
      </c>
      <c r="E15731" s="1" t="s">
        <v>0</v>
      </c>
    </row>
    <row r="15732" spans="1:5" x14ac:dyDescent="0.25">
      <c r="A15732" s="2">
        <v>3146</v>
      </c>
      <c r="B15732" s="2">
        <v>3146</v>
      </c>
      <c r="C15732" s="1" t="s">
        <v>0</v>
      </c>
      <c r="D15732" s="2">
        <v>168560</v>
      </c>
      <c r="E15732" s="1" t="s">
        <v>0</v>
      </c>
    </row>
    <row r="15733" spans="1:5" x14ac:dyDescent="0.25">
      <c r="A15733" s="1" t="s">
        <v>2870</v>
      </c>
      <c r="B15733" s="1" t="s">
        <v>9569</v>
      </c>
      <c r="C15733" s="1" t="s">
        <v>34705</v>
      </c>
      <c r="D15733" s="2">
        <v>168561</v>
      </c>
      <c r="E15733" s="1" t="s">
        <v>0</v>
      </c>
    </row>
    <row r="15734" spans="1:5" x14ac:dyDescent="0.25">
      <c r="A15734" s="1" t="s">
        <v>34706</v>
      </c>
      <c r="B15734" s="1" t="s">
        <v>54469</v>
      </c>
      <c r="C15734" s="1" t="s">
        <v>34707</v>
      </c>
      <c r="D15734" s="2">
        <v>168562</v>
      </c>
      <c r="E15734" s="1" t="s">
        <v>0</v>
      </c>
    </row>
    <row r="15735" spans="1:5" ht="409.5" x14ac:dyDescent="0.25">
      <c r="A15735" s="4" t="s">
        <v>34708</v>
      </c>
      <c r="B15735" s="1" t="s">
        <v>54470</v>
      </c>
      <c r="C15735" s="1" t="s">
        <v>34709</v>
      </c>
      <c r="D15735" s="2">
        <v>168563</v>
      </c>
      <c r="E15735" s="1" t="s">
        <v>0</v>
      </c>
    </row>
    <row r="15736" spans="1:5" x14ac:dyDescent="0.25">
      <c r="A15736" s="1" t="s">
        <v>13413</v>
      </c>
      <c r="B15736" s="1" t="s">
        <v>60845</v>
      </c>
      <c r="C15736" s="1" t="s">
        <v>13414</v>
      </c>
      <c r="D15736" s="2">
        <v>168564</v>
      </c>
      <c r="E15736" s="1" t="s">
        <v>0</v>
      </c>
    </row>
    <row r="15737" spans="1:5" x14ac:dyDescent="0.25">
      <c r="A15737" s="2">
        <v>3147</v>
      </c>
      <c r="B15737" s="2">
        <v>3147</v>
      </c>
      <c r="C15737" s="1" t="s">
        <v>0</v>
      </c>
      <c r="D15737" s="2">
        <v>168565</v>
      </c>
      <c r="E15737" s="1" t="s">
        <v>0</v>
      </c>
    </row>
    <row r="15738" spans="1:5" x14ac:dyDescent="0.25">
      <c r="A15738" s="1" t="s">
        <v>2871</v>
      </c>
      <c r="B15738" s="1" t="s">
        <v>9570</v>
      </c>
      <c r="C15738" s="1" t="s">
        <v>34710</v>
      </c>
      <c r="D15738" s="2">
        <v>168566</v>
      </c>
      <c r="E15738" s="1" t="s">
        <v>0</v>
      </c>
    </row>
    <row r="15739" spans="1:5" x14ac:dyDescent="0.25">
      <c r="A15739" s="1" t="s">
        <v>34711</v>
      </c>
      <c r="B15739" s="1" t="s">
        <v>54471</v>
      </c>
      <c r="C15739" s="1" t="s">
        <v>34712</v>
      </c>
      <c r="D15739" s="2">
        <v>168567</v>
      </c>
      <c r="E15739" s="1" t="s">
        <v>0</v>
      </c>
    </row>
    <row r="15740" spans="1:5" ht="409.5" x14ac:dyDescent="0.25">
      <c r="A15740" s="4" t="s">
        <v>34713</v>
      </c>
      <c r="B15740" s="1" t="s">
        <v>63412</v>
      </c>
      <c r="C15740" s="1" t="s">
        <v>34714</v>
      </c>
      <c r="D15740" s="2">
        <v>168568</v>
      </c>
      <c r="E15740" s="1" t="s">
        <v>0</v>
      </c>
    </row>
    <row r="15741" spans="1:5" x14ac:dyDescent="0.25">
      <c r="A15741" s="1" t="s">
        <v>34715</v>
      </c>
      <c r="B15741" s="1" t="s">
        <v>61208</v>
      </c>
      <c r="C15741" s="1" t="s">
        <v>34716</v>
      </c>
      <c r="D15741" s="2">
        <v>168569</v>
      </c>
      <c r="E15741" s="1" t="s">
        <v>0</v>
      </c>
    </row>
    <row r="15742" spans="1:5" x14ac:dyDescent="0.25">
      <c r="A15742" s="2">
        <v>3148</v>
      </c>
      <c r="B15742" s="2">
        <v>3148</v>
      </c>
      <c r="C15742" s="1" t="s">
        <v>0</v>
      </c>
      <c r="D15742" s="2">
        <v>168570</v>
      </c>
      <c r="E15742" s="1" t="s">
        <v>0</v>
      </c>
    </row>
    <row r="15743" spans="1:5" x14ac:dyDescent="0.25">
      <c r="A15743" s="1" t="s">
        <v>2872</v>
      </c>
      <c r="B15743" s="1" t="s">
        <v>9571</v>
      </c>
      <c r="C15743" s="1" t="s">
        <v>34717</v>
      </c>
      <c r="D15743" s="2">
        <v>168571</v>
      </c>
      <c r="E15743" s="1" t="s">
        <v>0</v>
      </c>
    </row>
    <row r="15744" spans="1:5" x14ac:dyDescent="0.25">
      <c r="A15744" s="1" t="s">
        <v>34718</v>
      </c>
      <c r="B15744" s="1" t="s">
        <v>34719</v>
      </c>
      <c r="C15744" s="1" t="s">
        <v>34720</v>
      </c>
      <c r="D15744" s="2">
        <v>168572</v>
      </c>
      <c r="E15744" s="1" t="s">
        <v>0</v>
      </c>
    </row>
    <row r="15745" spans="1:5" ht="409.5" x14ac:dyDescent="0.25">
      <c r="A15745" s="4" t="s">
        <v>34721</v>
      </c>
      <c r="B15745" s="1" t="s">
        <v>34722</v>
      </c>
      <c r="C15745" s="1" t="s">
        <v>34723</v>
      </c>
      <c r="D15745" s="2">
        <v>168573</v>
      </c>
      <c r="E15745" s="1" t="s">
        <v>0</v>
      </c>
    </row>
    <row r="15746" spans="1:5" x14ac:dyDescent="0.25">
      <c r="A15746" s="1" t="s">
        <v>34724</v>
      </c>
      <c r="B15746" s="1" t="s">
        <v>54472</v>
      </c>
      <c r="C15746" s="1" t="s">
        <v>34725</v>
      </c>
      <c r="D15746" s="2">
        <v>168574</v>
      </c>
      <c r="E15746" s="1" t="s">
        <v>0</v>
      </c>
    </row>
    <row r="15747" spans="1:5" x14ac:dyDescent="0.25">
      <c r="A15747" s="2">
        <v>3149</v>
      </c>
      <c r="B15747" s="2">
        <v>3149</v>
      </c>
      <c r="C15747" s="1" t="s">
        <v>0</v>
      </c>
      <c r="D15747" s="2">
        <v>168575</v>
      </c>
      <c r="E15747" s="1" t="s">
        <v>0</v>
      </c>
    </row>
    <row r="15748" spans="1:5" x14ac:dyDescent="0.25">
      <c r="A15748" s="1" t="s">
        <v>2873</v>
      </c>
      <c r="B15748" s="1" t="s">
        <v>50821</v>
      </c>
      <c r="C15748" s="1" t="s">
        <v>34726</v>
      </c>
      <c r="D15748" s="2">
        <v>168576</v>
      </c>
      <c r="E15748" s="1" t="s">
        <v>0</v>
      </c>
    </row>
    <row r="15749" spans="1:5" x14ac:dyDescent="0.25">
      <c r="A15749" s="1" t="s">
        <v>34727</v>
      </c>
      <c r="B15749" s="1" t="s">
        <v>50822</v>
      </c>
      <c r="C15749" s="1" t="s">
        <v>34728</v>
      </c>
      <c r="D15749" s="2">
        <v>168577</v>
      </c>
      <c r="E15749" s="1" t="s">
        <v>0</v>
      </c>
    </row>
    <row r="15750" spans="1:5" ht="409.5" x14ac:dyDescent="0.25">
      <c r="A15750" s="4" t="s">
        <v>34729</v>
      </c>
      <c r="B15750" s="1" t="s">
        <v>54473</v>
      </c>
      <c r="C15750" s="1" t="s">
        <v>34730</v>
      </c>
      <c r="D15750" s="2">
        <v>168578</v>
      </c>
      <c r="E15750" s="1" t="s">
        <v>0</v>
      </c>
    </row>
    <row r="15751" spans="1:5" x14ac:dyDescent="0.25">
      <c r="A15751" s="1" t="s">
        <v>13588</v>
      </c>
      <c r="B15751" s="1" t="s">
        <v>60850</v>
      </c>
      <c r="C15751" s="1" t="s">
        <v>13589</v>
      </c>
      <c r="D15751" s="2">
        <v>168579</v>
      </c>
      <c r="E15751" s="1" t="s">
        <v>0</v>
      </c>
    </row>
    <row r="15752" spans="1:5" x14ac:dyDescent="0.25">
      <c r="A15752" s="2">
        <v>3150</v>
      </c>
      <c r="B15752" s="2">
        <v>3150</v>
      </c>
      <c r="C15752" s="1" t="s">
        <v>0</v>
      </c>
      <c r="D15752" s="2">
        <v>168580</v>
      </c>
      <c r="E15752" s="1" t="s">
        <v>0</v>
      </c>
    </row>
    <row r="15753" spans="1:5" x14ac:dyDescent="0.25">
      <c r="A15753" s="1" t="s">
        <v>2874</v>
      </c>
      <c r="B15753" s="1" t="s">
        <v>9572</v>
      </c>
      <c r="C15753" s="1" t="s">
        <v>34731</v>
      </c>
      <c r="D15753" s="2">
        <v>168581</v>
      </c>
      <c r="E15753" s="1" t="s">
        <v>0</v>
      </c>
    </row>
    <row r="15754" spans="1:5" x14ac:dyDescent="0.25">
      <c r="A15754" s="1" t="s">
        <v>34732</v>
      </c>
      <c r="B15754" s="1" t="s">
        <v>54474</v>
      </c>
      <c r="C15754" s="1" t="s">
        <v>34733</v>
      </c>
      <c r="D15754" s="2">
        <v>168582</v>
      </c>
      <c r="E15754" s="1" t="s">
        <v>0</v>
      </c>
    </row>
    <row r="15755" spans="1:5" ht="409.5" x14ac:dyDescent="0.25">
      <c r="A15755" s="4" t="s">
        <v>34734</v>
      </c>
      <c r="B15755" s="1" t="s">
        <v>57888</v>
      </c>
      <c r="C15755" s="1" t="s">
        <v>34735</v>
      </c>
      <c r="D15755" s="2">
        <v>168583</v>
      </c>
      <c r="E15755" s="1" t="s">
        <v>0</v>
      </c>
    </row>
    <row r="15756" spans="1:5" x14ac:dyDescent="0.25">
      <c r="A15756" s="1" t="s">
        <v>19132</v>
      </c>
      <c r="B15756" s="1" t="s">
        <v>60955</v>
      </c>
      <c r="C15756" s="1" t="s">
        <v>19133</v>
      </c>
      <c r="D15756" s="2">
        <v>168584</v>
      </c>
      <c r="E15756" s="1" t="s">
        <v>0</v>
      </c>
    </row>
    <row r="15757" spans="1:5" x14ac:dyDescent="0.25">
      <c r="A15757" s="2">
        <v>3151</v>
      </c>
      <c r="B15757" s="2">
        <v>3151</v>
      </c>
      <c r="C15757" s="1" t="s">
        <v>0</v>
      </c>
      <c r="D15757" s="2">
        <v>168585</v>
      </c>
      <c r="E15757" s="1" t="s">
        <v>0</v>
      </c>
    </row>
    <row r="15758" spans="1:5" x14ac:dyDescent="0.25">
      <c r="A15758" s="1" t="s">
        <v>2875</v>
      </c>
      <c r="B15758" s="1" t="s">
        <v>9573</v>
      </c>
      <c r="C15758" s="1" t="s">
        <v>34736</v>
      </c>
      <c r="D15758" s="2">
        <v>168586</v>
      </c>
      <c r="E15758" s="1" t="s">
        <v>0</v>
      </c>
    </row>
    <row r="15759" spans="1:5" x14ac:dyDescent="0.25">
      <c r="A15759" s="1" t="s">
        <v>34737</v>
      </c>
      <c r="B15759" s="1" t="s">
        <v>54475</v>
      </c>
      <c r="C15759" s="1" t="s">
        <v>34738</v>
      </c>
      <c r="D15759" s="2">
        <v>168587</v>
      </c>
      <c r="E15759" s="1" t="s">
        <v>0</v>
      </c>
    </row>
    <row r="15760" spans="1:5" ht="409.5" x14ac:dyDescent="0.25">
      <c r="A15760" s="4" t="s">
        <v>34739</v>
      </c>
      <c r="B15760" s="1" t="s">
        <v>57065</v>
      </c>
      <c r="C15760" s="1" t="s">
        <v>34740</v>
      </c>
      <c r="D15760" s="2">
        <v>168588</v>
      </c>
      <c r="E15760" s="1" t="s">
        <v>0</v>
      </c>
    </row>
    <row r="15761" spans="1:5" x14ac:dyDescent="0.25">
      <c r="A15761" s="1" t="s">
        <v>34741</v>
      </c>
      <c r="B15761" s="1" t="s">
        <v>9574</v>
      </c>
      <c r="C15761" s="1" t="s">
        <v>34742</v>
      </c>
      <c r="D15761" s="2">
        <v>168589</v>
      </c>
      <c r="E15761" s="1" t="s">
        <v>0</v>
      </c>
    </row>
    <row r="15762" spans="1:5" x14ac:dyDescent="0.25">
      <c r="A15762" s="2">
        <v>3152</v>
      </c>
      <c r="B15762" s="2">
        <v>3152</v>
      </c>
      <c r="C15762" s="1" t="s">
        <v>0</v>
      </c>
      <c r="D15762" s="2">
        <v>168590</v>
      </c>
      <c r="E15762" s="1" t="s">
        <v>0</v>
      </c>
    </row>
    <row r="15763" spans="1:5" x14ac:dyDescent="0.25">
      <c r="A15763" s="1" t="s">
        <v>2876</v>
      </c>
      <c r="B15763" s="1" t="s">
        <v>50823</v>
      </c>
      <c r="C15763" s="1" t="s">
        <v>34743</v>
      </c>
      <c r="D15763" s="2">
        <v>168591</v>
      </c>
      <c r="E15763" s="1" t="s">
        <v>0</v>
      </c>
    </row>
    <row r="15764" spans="1:5" x14ac:dyDescent="0.25">
      <c r="A15764" s="1" t="s">
        <v>34744</v>
      </c>
      <c r="B15764" s="1" t="s">
        <v>54476</v>
      </c>
      <c r="C15764" s="1" t="s">
        <v>34745</v>
      </c>
      <c r="D15764" s="2">
        <v>168592</v>
      </c>
      <c r="E15764" s="1" t="s">
        <v>0</v>
      </c>
    </row>
    <row r="15765" spans="1:5" ht="409.5" x14ac:dyDescent="0.25">
      <c r="A15765" s="4" t="s">
        <v>34746</v>
      </c>
      <c r="B15765" s="1" t="s">
        <v>57561</v>
      </c>
      <c r="C15765" s="1" t="s">
        <v>34747</v>
      </c>
      <c r="D15765" s="2">
        <v>168593</v>
      </c>
      <c r="E15765" s="1" t="s">
        <v>0</v>
      </c>
    </row>
    <row r="15766" spans="1:5" x14ac:dyDescent="0.25">
      <c r="A15766" s="1" t="s">
        <v>34748</v>
      </c>
      <c r="B15766" s="1" t="s">
        <v>50824</v>
      </c>
      <c r="C15766" s="1" t="s">
        <v>34749</v>
      </c>
      <c r="D15766" s="2">
        <v>168594</v>
      </c>
      <c r="E15766" s="1" t="s">
        <v>0</v>
      </c>
    </row>
    <row r="15767" spans="1:5" x14ac:dyDescent="0.25">
      <c r="A15767" s="2">
        <v>3153</v>
      </c>
      <c r="B15767" s="2">
        <v>3153</v>
      </c>
      <c r="C15767" s="1" t="s">
        <v>0</v>
      </c>
      <c r="D15767" s="2">
        <v>168595</v>
      </c>
      <c r="E15767" s="1" t="s">
        <v>0</v>
      </c>
    </row>
    <row r="15768" spans="1:5" x14ac:dyDescent="0.25">
      <c r="A15768" s="1" t="s">
        <v>2877</v>
      </c>
      <c r="B15768" s="1" t="s">
        <v>60098</v>
      </c>
      <c r="C15768" s="1" t="s">
        <v>34750</v>
      </c>
      <c r="D15768" s="2">
        <v>168596</v>
      </c>
      <c r="E15768" s="1" t="s">
        <v>0</v>
      </c>
    </row>
    <row r="15769" spans="1:5" x14ac:dyDescent="0.25">
      <c r="A15769" s="1" t="s">
        <v>34751</v>
      </c>
      <c r="B15769" s="1" t="s">
        <v>60099</v>
      </c>
      <c r="C15769" s="1" t="s">
        <v>34752</v>
      </c>
      <c r="D15769" s="2">
        <v>168597</v>
      </c>
      <c r="E15769" s="1" t="s">
        <v>0</v>
      </c>
    </row>
    <row r="15770" spans="1:5" ht="409.5" x14ac:dyDescent="0.25">
      <c r="A15770" s="4" t="s">
        <v>34753</v>
      </c>
      <c r="B15770" s="1" t="s">
        <v>62635</v>
      </c>
      <c r="C15770" s="1" t="s">
        <v>34754</v>
      </c>
      <c r="D15770" s="2">
        <v>168598</v>
      </c>
      <c r="E15770" s="1" t="s">
        <v>0</v>
      </c>
    </row>
    <row r="15771" spans="1:5" x14ac:dyDescent="0.25">
      <c r="A15771" s="1" t="s">
        <v>34755</v>
      </c>
      <c r="B15771" s="1" t="s">
        <v>54477</v>
      </c>
      <c r="C15771" s="1" t="s">
        <v>34756</v>
      </c>
      <c r="D15771" s="2">
        <v>168599</v>
      </c>
      <c r="E15771" s="1" t="s">
        <v>0</v>
      </c>
    </row>
    <row r="15772" spans="1:5" x14ac:dyDescent="0.25">
      <c r="A15772" s="2">
        <v>3154</v>
      </c>
      <c r="B15772" s="2">
        <v>3154</v>
      </c>
      <c r="C15772" s="1" t="s">
        <v>0</v>
      </c>
      <c r="D15772" s="2">
        <v>168600</v>
      </c>
      <c r="E15772" s="1" t="s">
        <v>0</v>
      </c>
    </row>
    <row r="15773" spans="1:5" x14ac:dyDescent="0.25">
      <c r="A15773" s="1" t="s">
        <v>2878</v>
      </c>
      <c r="B15773" s="1" t="s">
        <v>9575</v>
      </c>
      <c r="C15773" s="1" t="s">
        <v>34757</v>
      </c>
      <c r="D15773" s="2">
        <v>168601</v>
      </c>
      <c r="E15773" s="1" t="s">
        <v>0</v>
      </c>
    </row>
    <row r="15774" spans="1:5" x14ac:dyDescent="0.25">
      <c r="A15774" s="1" t="s">
        <v>34758</v>
      </c>
      <c r="B15774" s="1" t="s">
        <v>57562</v>
      </c>
      <c r="C15774" s="1" t="s">
        <v>34759</v>
      </c>
      <c r="D15774" s="2">
        <v>168602</v>
      </c>
      <c r="E15774" s="1" t="s">
        <v>0</v>
      </c>
    </row>
    <row r="15775" spans="1:5" ht="409.5" x14ac:dyDescent="0.25">
      <c r="A15775" s="4" t="s">
        <v>34760</v>
      </c>
      <c r="B15775" s="1" t="s">
        <v>57563</v>
      </c>
      <c r="C15775" s="1" t="s">
        <v>34761</v>
      </c>
      <c r="D15775" s="2">
        <v>168603</v>
      </c>
      <c r="E15775" s="1" t="s">
        <v>0</v>
      </c>
    </row>
    <row r="15776" spans="1:5" x14ac:dyDescent="0.25">
      <c r="A15776" s="1" t="s">
        <v>34762</v>
      </c>
      <c r="B15776" s="1" t="s">
        <v>54478</v>
      </c>
      <c r="C15776" s="1" t="s">
        <v>34763</v>
      </c>
      <c r="D15776" s="2">
        <v>168604</v>
      </c>
      <c r="E15776" s="1" t="s">
        <v>0</v>
      </c>
    </row>
    <row r="15777" spans="1:5" x14ac:dyDescent="0.25">
      <c r="A15777" s="2">
        <v>3155</v>
      </c>
      <c r="B15777" s="2">
        <v>3155</v>
      </c>
      <c r="C15777" s="1" t="s">
        <v>0</v>
      </c>
      <c r="D15777" s="2">
        <v>168605</v>
      </c>
      <c r="E15777" s="1" t="s">
        <v>0</v>
      </c>
    </row>
    <row r="15778" spans="1:5" x14ac:dyDescent="0.25">
      <c r="A15778" s="1" t="s">
        <v>2879</v>
      </c>
      <c r="B15778" s="1" t="s">
        <v>9576</v>
      </c>
      <c r="C15778" s="1" t="s">
        <v>34764</v>
      </c>
      <c r="D15778" s="2">
        <v>168606</v>
      </c>
      <c r="E15778" s="1" t="s">
        <v>0</v>
      </c>
    </row>
    <row r="15779" spans="1:5" x14ac:dyDescent="0.25">
      <c r="A15779" s="1" t="s">
        <v>34765</v>
      </c>
      <c r="B15779" s="1" t="s">
        <v>58449</v>
      </c>
      <c r="C15779" s="1" t="s">
        <v>34766</v>
      </c>
      <c r="D15779" s="2">
        <v>168607</v>
      </c>
      <c r="E15779" s="1" t="s">
        <v>0</v>
      </c>
    </row>
    <row r="15780" spans="1:5" ht="409.5" x14ac:dyDescent="0.25">
      <c r="A15780" s="4" t="s">
        <v>34767</v>
      </c>
      <c r="B15780" s="1" t="s">
        <v>58450</v>
      </c>
      <c r="C15780" s="1" t="s">
        <v>34768</v>
      </c>
      <c r="D15780" s="2">
        <v>168608</v>
      </c>
      <c r="E15780" s="1" t="s">
        <v>0</v>
      </c>
    </row>
    <row r="15781" spans="1:5" x14ac:dyDescent="0.25">
      <c r="A15781" s="1" t="s">
        <v>34769</v>
      </c>
      <c r="B15781" s="1" t="s">
        <v>9577</v>
      </c>
      <c r="C15781" s="1" t="s">
        <v>34770</v>
      </c>
      <c r="D15781" s="2">
        <v>168609</v>
      </c>
      <c r="E15781" s="1" t="s">
        <v>0</v>
      </c>
    </row>
    <row r="15782" spans="1:5" x14ac:dyDescent="0.25">
      <c r="A15782" s="2">
        <v>3156</v>
      </c>
      <c r="B15782" s="2">
        <v>3156</v>
      </c>
      <c r="C15782" s="1" t="s">
        <v>0</v>
      </c>
      <c r="D15782" s="2">
        <v>168610</v>
      </c>
      <c r="E15782" s="1" t="s">
        <v>0</v>
      </c>
    </row>
    <row r="15783" spans="1:5" x14ac:dyDescent="0.25">
      <c r="A15783" s="1" t="s">
        <v>34771</v>
      </c>
      <c r="B15783" s="1" t="s">
        <v>9578</v>
      </c>
      <c r="C15783" s="1" t="s">
        <v>34772</v>
      </c>
      <c r="D15783" s="2">
        <v>168611</v>
      </c>
      <c r="E15783" s="1" t="s">
        <v>0</v>
      </c>
    </row>
    <row r="15784" spans="1:5" x14ac:dyDescent="0.25">
      <c r="A15784" s="1" t="s">
        <v>34773</v>
      </c>
      <c r="B15784" s="1" t="s">
        <v>57088</v>
      </c>
      <c r="C15784" s="1" t="s">
        <v>34774</v>
      </c>
      <c r="D15784" s="2">
        <v>168612</v>
      </c>
      <c r="E15784" s="1" t="s">
        <v>0</v>
      </c>
    </row>
    <row r="15785" spans="1:5" ht="409.5" x14ac:dyDescent="0.25">
      <c r="A15785" s="4" t="s">
        <v>34775</v>
      </c>
      <c r="B15785" s="1" t="s">
        <v>57089</v>
      </c>
      <c r="C15785" s="1" t="s">
        <v>34776</v>
      </c>
      <c r="D15785" s="2">
        <v>168613</v>
      </c>
      <c r="E15785" s="1" t="s">
        <v>0</v>
      </c>
    </row>
    <row r="15786" spans="1:5" x14ac:dyDescent="0.25">
      <c r="A15786" s="1" t="s">
        <v>34777</v>
      </c>
      <c r="B15786" s="1" t="s">
        <v>54479</v>
      </c>
      <c r="C15786" s="1" t="s">
        <v>34778</v>
      </c>
      <c r="D15786" s="2">
        <v>168614</v>
      </c>
      <c r="E15786" s="1" t="s">
        <v>0</v>
      </c>
    </row>
    <row r="15787" spans="1:5" x14ac:dyDescent="0.25">
      <c r="A15787" s="2">
        <v>3157</v>
      </c>
      <c r="B15787" s="2">
        <v>3157</v>
      </c>
      <c r="C15787" s="1" t="s">
        <v>0</v>
      </c>
      <c r="D15787" s="2">
        <v>168615</v>
      </c>
      <c r="E15787" s="1" t="s">
        <v>0</v>
      </c>
    </row>
    <row r="15788" spans="1:5" x14ac:dyDescent="0.25">
      <c r="A15788" s="1" t="s">
        <v>2880</v>
      </c>
      <c r="B15788" s="1" t="s">
        <v>9579</v>
      </c>
      <c r="C15788" s="1" t="s">
        <v>34779</v>
      </c>
      <c r="D15788" s="2">
        <v>168616</v>
      </c>
      <c r="E15788" s="1" t="s">
        <v>0</v>
      </c>
    </row>
    <row r="15789" spans="1:5" x14ac:dyDescent="0.25">
      <c r="A15789" s="1" t="s">
        <v>34780</v>
      </c>
      <c r="B15789" s="1" t="s">
        <v>62636</v>
      </c>
      <c r="C15789" s="1" t="s">
        <v>34781</v>
      </c>
      <c r="D15789" s="2">
        <v>168617</v>
      </c>
      <c r="E15789" s="1" t="s">
        <v>0</v>
      </c>
    </row>
    <row r="15790" spans="1:5" ht="409.5" x14ac:dyDescent="0.25">
      <c r="A15790" s="4" t="s">
        <v>34782</v>
      </c>
      <c r="B15790" s="1" t="s">
        <v>62637</v>
      </c>
      <c r="C15790" s="1" t="s">
        <v>34783</v>
      </c>
      <c r="D15790" s="2">
        <v>168618</v>
      </c>
      <c r="E15790" s="1" t="s">
        <v>0</v>
      </c>
    </row>
    <row r="15791" spans="1:5" x14ac:dyDescent="0.25">
      <c r="A15791" s="1" t="s">
        <v>34784</v>
      </c>
      <c r="B15791" s="1" t="s">
        <v>9580</v>
      </c>
      <c r="C15791" s="1" t="s">
        <v>34785</v>
      </c>
      <c r="D15791" s="2">
        <v>168619</v>
      </c>
      <c r="E15791" s="1" t="s">
        <v>0</v>
      </c>
    </row>
    <row r="15792" spans="1:5" x14ac:dyDescent="0.25">
      <c r="A15792" s="2">
        <v>3158</v>
      </c>
      <c r="B15792" s="2">
        <v>3158</v>
      </c>
      <c r="C15792" s="1" t="s">
        <v>0</v>
      </c>
      <c r="D15792" s="2">
        <v>168620</v>
      </c>
      <c r="E15792" s="1" t="s">
        <v>0</v>
      </c>
    </row>
    <row r="15793" spans="1:5" x14ac:dyDescent="0.25">
      <c r="A15793" s="1" t="s">
        <v>2881</v>
      </c>
      <c r="B15793" s="1" t="s">
        <v>9581</v>
      </c>
      <c r="C15793" s="1" t="s">
        <v>34786</v>
      </c>
      <c r="D15793" s="2">
        <v>168621</v>
      </c>
      <c r="E15793" s="1" t="s">
        <v>0</v>
      </c>
    </row>
    <row r="15794" spans="1:5" x14ac:dyDescent="0.25">
      <c r="A15794" s="1" t="s">
        <v>34787</v>
      </c>
      <c r="B15794" s="1" t="s">
        <v>13188</v>
      </c>
      <c r="C15794" s="1" t="s">
        <v>34788</v>
      </c>
      <c r="D15794" s="2">
        <v>168622</v>
      </c>
      <c r="E15794" s="1" t="s">
        <v>0</v>
      </c>
    </row>
    <row r="15795" spans="1:5" ht="409.5" x14ac:dyDescent="0.25">
      <c r="A15795" s="4" t="s">
        <v>34789</v>
      </c>
      <c r="B15795" s="1" t="s">
        <v>60629</v>
      </c>
      <c r="C15795" s="1" t="s">
        <v>34790</v>
      </c>
      <c r="D15795" s="2">
        <v>168623</v>
      </c>
      <c r="E15795" s="1" t="s">
        <v>0</v>
      </c>
    </row>
    <row r="15796" spans="1:5" x14ac:dyDescent="0.25">
      <c r="A15796" s="1" t="s">
        <v>34791</v>
      </c>
      <c r="B15796" s="1" t="s">
        <v>9582</v>
      </c>
      <c r="C15796" s="1" t="s">
        <v>34792</v>
      </c>
      <c r="D15796" s="2">
        <v>168624</v>
      </c>
      <c r="E15796" s="1" t="s">
        <v>0</v>
      </c>
    </row>
    <row r="15797" spans="1:5" x14ac:dyDescent="0.25">
      <c r="A15797" s="2">
        <v>3159</v>
      </c>
      <c r="B15797" s="2">
        <v>3159</v>
      </c>
      <c r="C15797" s="1" t="s">
        <v>0</v>
      </c>
      <c r="D15797" s="2">
        <v>168625</v>
      </c>
      <c r="E15797" s="1" t="s">
        <v>0</v>
      </c>
    </row>
    <row r="15798" spans="1:5" x14ac:dyDescent="0.25">
      <c r="A15798" s="1" t="s">
        <v>2882</v>
      </c>
      <c r="B15798" s="1" t="s">
        <v>9583</v>
      </c>
      <c r="C15798" s="1" t="s">
        <v>34793</v>
      </c>
      <c r="D15798" s="2">
        <v>168626</v>
      </c>
      <c r="E15798" s="1" t="s">
        <v>0</v>
      </c>
    </row>
    <row r="15799" spans="1:5" x14ac:dyDescent="0.25">
      <c r="A15799" s="1" t="s">
        <v>34794</v>
      </c>
      <c r="B15799" s="1" t="s">
        <v>9584</v>
      </c>
      <c r="C15799" s="1" t="s">
        <v>34795</v>
      </c>
      <c r="D15799" s="2">
        <v>168627</v>
      </c>
      <c r="E15799" s="1" t="s">
        <v>0</v>
      </c>
    </row>
    <row r="15800" spans="1:5" ht="409.5" x14ac:dyDescent="0.25">
      <c r="A15800" s="4" t="s">
        <v>34796</v>
      </c>
      <c r="B15800" s="1" t="s">
        <v>57889</v>
      </c>
      <c r="C15800" s="1" t="s">
        <v>34797</v>
      </c>
      <c r="D15800" s="2">
        <v>168628</v>
      </c>
      <c r="E15800" s="1" t="s">
        <v>0</v>
      </c>
    </row>
    <row r="15801" spans="1:5" x14ac:dyDescent="0.25">
      <c r="A15801" s="1" t="s">
        <v>34798</v>
      </c>
      <c r="B15801" s="1" t="s">
        <v>54480</v>
      </c>
      <c r="C15801" s="1" t="s">
        <v>34799</v>
      </c>
      <c r="D15801" s="2">
        <v>168629</v>
      </c>
      <c r="E15801" s="1" t="s">
        <v>0</v>
      </c>
    </row>
    <row r="15802" spans="1:5" x14ac:dyDescent="0.25">
      <c r="A15802" s="2">
        <v>3160</v>
      </c>
      <c r="B15802" s="2">
        <v>3160</v>
      </c>
      <c r="C15802" s="1" t="s">
        <v>0</v>
      </c>
      <c r="D15802" s="2">
        <v>168630</v>
      </c>
      <c r="E15802" s="1" t="s">
        <v>0</v>
      </c>
    </row>
    <row r="15803" spans="1:5" x14ac:dyDescent="0.25">
      <c r="A15803" s="1" t="s">
        <v>2883</v>
      </c>
      <c r="B15803" s="1" t="s">
        <v>9585</v>
      </c>
      <c r="C15803" s="1" t="s">
        <v>34800</v>
      </c>
      <c r="D15803" s="2">
        <v>168631</v>
      </c>
      <c r="E15803" s="1" t="s">
        <v>0</v>
      </c>
    </row>
    <row r="15804" spans="1:5" x14ac:dyDescent="0.25">
      <c r="A15804" s="1" t="s">
        <v>34801</v>
      </c>
      <c r="B15804" s="1" t="s">
        <v>9586</v>
      </c>
      <c r="C15804" s="1" t="s">
        <v>34802</v>
      </c>
      <c r="D15804" s="2">
        <v>168632</v>
      </c>
      <c r="E15804" s="1" t="s">
        <v>0</v>
      </c>
    </row>
    <row r="15805" spans="1:5" ht="409.5" x14ac:dyDescent="0.25">
      <c r="A15805" s="4" t="s">
        <v>34803</v>
      </c>
      <c r="B15805" s="1" t="s">
        <v>63413</v>
      </c>
      <c r="C15805" s="1" t="s">
        <v>34804</v>
      </c>
      <c r="D15805" s="2">
        <v>168633</v>
      </c>
      <c r="E15805" s="1" t="s">
        <v>0</v>
      </c>
    </row>
    <row r="15806" spans="1:5" x14ac:dyDescent="0.25">
      <c r="A15806" s="1" t="s">
        <v>34805</v>
      </c>
      <c r="B15806" s="1" t="s">
        <v>54481</v>
      </c>
      <c r="C15806" s="1" t="s">
        <v>34806</v>
      </c>
      <c r="D15806" s="2">
        <v>168634</v>
      </c>
      <c r="E15806" s="1" t="s">
        <v>0</v>
      </c>
    </row>
    <row r="15807" spans="1:5" x14ac:dyDescent="0.25">
      <c r="A15807" s="2">
        <v>3161</v>
      </c>
      <c r="B15807" s="2">
        <v>3161</v>
      </c>
      <c r="C15807" s="1" t="s">
        <v>0</v>
      </c>
      <c r="D15807" s="2">
        <v>168635</v>
      </c>
      <c r="E15807" s="1" t="s">
        <v>0</v>
      </c>
    </row>
    <row r="15808" spans="1:5" x14ac:dyDescent="0.25">
      <c r="A15808" s="1" t="s">
        <v>9587</v>
      </c>
      <c r="B15808" s="1" t="s">
        <v>9588</v>
      </c>
      <c r="C15808" s="1" t="s">
        <v>34807</v>
      </c>
      <c r="D15808" s="2">
        <v>168636</v>
      </c>
      <c r="E15808" s="1" t="s">
        <v>0</v>
      </c>
    </row>
    <row r="15809" spans="1:5" x14ac:dyDescent="0.25">
      <c r="A15809" s="1" t="s">
        <v>34808</v>
      </c>
      <c r="B15809" s="1" t="s">
        <v>50825</v>
      </c>
      <c r="C15809" s="1" t="s">
        <v>34809</v>
      </c>
      <c r="D15809" s="2">
        <v>168637</v>
      </c>
      <c r="E15809" s="1" t="s">
        <v>0</v>
      </c>
    </row>
    <row r="15810" spans="1:5" ht="409.5" x14ac:dyDescent="0.25">
      <c r="A15810" s="4" t="s">
        <v>34810</v>
      </c>
      <c r="B15810" s="1" t="s">
        <v>50826</v>
      </c>
      <c r="C15810" s="1" t="s">
        <v>34811</v>
      </c>
      <c r="D15810" s="2">
        <v>168638</v>
      </c>
      <c r="E15810" s="1" t="s">
        <v>0</v>
      </c>
    </row>
    <row r="15811" spans="1:5" x14ac:dyDescent="0.25">
      <c r="A15811" s="1" t="s">
        <v>34812</v>
      </c>
      <c r="B15811" s="1" t="s">
        <v>54482</v>
      </c>
      <c r="C15811" s="1" t="s">
        <v>34813</v>
      </c>
      <c r="D15811" s="2">
        <v>168639</v>
      </c>
      <c r="E15811" s="1" t="s">
        <v>0</v>
      </c>
    </row>
    <row r="15812" spans="1:5" x14ac:dyDescent="0.25">
      <c r="A15812" s="2">
        <v>3162</v>
      </c>
      <c r="B15812" s="2">
        <v>3162</v>
      </c>
      <c r="C15812" s="1" t="s">
        <v>0</v>
      </c>
      <c r="D15812" s="2">
        <v>168640</v>
      </c>
      <c r="E15812" s="1" t="s">
        <v>0</v>
      </c>
    </row>
    <row r="15813" spans="1:5" x14ac:dyDescent="0.25">
      <c r="A15813" s="1" t="s">
        <v>9589</v>
      </c>
      <c r="B15813" s="1" t="s">
        <v>9590</v>
      </c>
      <c r="C15813" s="1" t="s">
        <v>34814</v>
      </c>
      <c r="D15813" s="2">
        <v>168641</v>
      </c>
      <c r="E15813" s="1" t="s">
        <v>0</v>
      </c>
    </row>
    <row r="15814" spans="1:5" x14ac:dyDescent="0.25">
      <c r="A15814" s="1" t="s">
        <v>34815</v>
      </c>
      <c r="B15814" s="1" t="s">
        <v>50827</v>
      </c>
      <c r="C15814" s="1" t="s">
        <v>34816</v>
      </c>
      <c r="D15814" s="2">
        <v>168642</v>
      </c>
      <c r="E15814" s="1" t="s">
        <v>0</v>
      </c>
    </row>
    <row r="15815" spans="1:5" ht="409.5" x14ac:dyDescent="0.25">
      <c r="A15815" s="4" t="s">
        <v>34817</v>
      </c>
      <c r="B15815" s="1" t="s">
        <v>60630</v>
      </c>
      <c r="C15815" s="1" t="s">
        <v>34818</v>
      </c>
      <c r="D15815" s="2">
        <v>168643</v>
      </c>
      <c r="E15815" s="1" t="s">
        <v>0</v>
      </c>
    </row>
    <row r="15816" spans="1:5" x14ac:dyDescent="0.25">
      <c r="A15816" s="1" t="s">
        <v>34819</v>
      </c>
      <c r="B15816" s="1" t="s">
        <v>50828</v>
      </c>
      <c r="C15816" s="1" t="s">
        <v>34820</v>
      </c>
      <c r="D15816" s="2">
        <v>168644</v>
      </c>
      <c r="E15816" s="1" t="s">
        <v>0</v>
      </c>
    </row>
    <row r="15817" spans="1:5" x14ac:dyDescent="0.25">
      <c r="A15817" s="2">
        <v>3163</v>
      </c>
      <c r="B15817" s="2">
        <v>3163</v>
      </c>
      <c r="C15817" s="1" t="s">
        <v>0</v>
      </c>
      <c r="D15817" s="2">
        <v>168645</v>
      </c>
      <c r="E15817" s="1" t="s">
        <v>0</v>
      </c>
    </row>
    <row r="15818" spans="1:5" x14ac:dyDescent="0.25">
      <c r="A15818" s="1" t="s">
        <v>2884</v>
      </c>
      <c r="B15818" s="1" t="s">
        <v>9591</v>
      </c>
      <c r="C15818" s="1" t="s">
        <v>34821</v>
      </c>
      <c r="D15818" s="2">
        <v>168646</v>
      </c>
      <c r="E15818" s="1" t="s">
        <v>0</v>
      </c>
    </row>
    <row r="15819" spans="1:5" x14ac:dyDescent="0.25">
      <c r="A15819" s="1" t="s">
        <v>34822</v>
      </c>
      <c r="B15819" s="1" t="s">
        <v>54483</v>
      </c>
      <c r="C15819" s="1" t="s">
        <v>34823</v>
      </c>
      <c r="D15819" s="2">
        <v>168647</v>
      </c>
      <c r="E15819" s="1" t="s">
        <v>0</v>
      </c>
    </row>
    <row r="15820" spans="1:5" ht="409.5" x14ac:dyDescent="0.25">
      <c r="A15820" s="4" t="s">
        <v>34824</v>
      </c>
      <c r="B15820" s="1" t="s">
        <v>63414</v>
      </c>
      <c r="C15820" s="1" t="s">
        <v>34825</v>
      </c>
      <c r="D15820" s="2">
        <v>168648</v>
      </c>
      <c r="E15820" s="1" t="s">
        <v>0</v>
      </c>
    </row>
    <row r="15821" spans="1:5" x14ac:dyDescent="0.25">
      <c r="A15821" s="1" t="s">
        <v>34826</v>
      </c>
      <c r="B15821" s="1" t="s">
        <v>61209</v>
      </c>
      <c r="C15821" s="1" t="s">
        <v>34827</v>
      </c>
      <c r="D15821" s="2">
        <v>168649</v>
      </c>
      <c r="E15821" s="1" t="s">
        <v>0</v>
      </c>
    </row>
    <row r="15822" spans="1:5" x14ac:dyDescent="0.25">
      <c r="A15822" s="2">
        <v>3164</v>
      </c>
      <c r="B15822" s="2">
        <v>3164</v>
      </c>
      <c r="C15822" s="1" t="s">
        <v>0</v>
      </c>
      <c r="D15822" s="2">
        <v>168650</v>
      </c>
      <c r="E15822" s="1" t="s">
        <v>0</v>
      </c>
    </row>
    <row r="15823" spans="1:5" x14ac:dyDescent="0.25">
      <c r="A15823" s="1" t="s">
        <v>2885</v>
      </c>
      <c r="B15823" s="1" t="s">
        <v>58790</v>
      </c>
      <c r="C15823" s="1" t="s">
        <v>34828</v>
      </c>
      <c r="D15823" s="2">
        <v>168651</v>
      </c>
      <c r="E15823" s="1" t="s">
        <v>0</v>
      </c>
    </row>
    <row r="15824" spans="1:5" x14ac:dyDescent="0.25">
      <c r="A15824" s="1" t="s">
        <v>34829</v>
      </c>
      <c r="B15824" s="1" t="s">
        <v>58791</v>
      </c>
      <c r="C15824" s="1" t="s">
        <v>34830</v>
      </c>
      <c r="D15824" s="2">
        <v>168652</v>
      </c>
      <c r="E15824" s="1" t="s">
        <v>0</v>
      </c>
    </row>
    <row r="15825" spans="1:5" ht="409.5" x14ac:dyDescent="0.25">
      <c r="A15825" s="4" t="s">
        <v>34831</v>
      </c>
      <c r="B15825" s="1" t="s">
        <v>62638</v>
      </c>
      <c r="C15825" s="1" t="s">
        <v>34832</v>
      </c>
      <c r="D15825" s="2">
        <v>168653</v>
      </c>
      <c r="E15825" s="1" t="s">
        <v>0</v>
      </c>
    </row>
    <row r="15826" spans="1:5" x14ac:dyDescent="0.25">
      <c r="A15826" s="1" t="s">
        <v>34833</v>
      </c>
      <c r="B15826" s="1" t="s">
        <v>58792</v>
      </c>
      <c r="C15826" s="1" t="s">
        <v>34834</v>
      </c>
      <c r="D15826" s="2">
        <v>168654</v>
      </c>
      <c r="E15826" s="1" t="s">
        <v>0</v>
      </c>
    </row>
    <row r="15827" spans="1:5" x14ac:dyDescent="0.25">
      <c r="A15827" s="2">
        <v>3165</v>
      </c>
      <c r="B15827" s="2">
        <v>3165</v>
      </c>
      <c r="C15827" s="1" t="s">
        <v>0</v>
      </c>
      <c r="D15827" s="2">
        <v>168655</v>
      </c>
      <c r="E15827" s="1" t="s">
        <v>0</v>
      </c>
    </row>
    <row r="15828" spans="1:5" x14ac:dyDescent="0.25">
      <c r="A15828" s="1" t="s">
        <v>2886</v>
      </c>
      <c r="B15828" s="1" t="s">
        <v>54484</v>
      </c>
      <c r="C15828" s="1" t="s">
        <v>34835</v>
      </c>
      <c r="D15828" s="2">
        <v>168656</v>
      </c>
      <c r="E15828" s="1" t="s">
        <v>0</v>
      </c>
    </row>
    <row r="15829" spans="1:5" x14ac:dyDescent="0.25">
      <c r="A15829" s="1" t="s">
        <v>34836</v>
      </c>
      <c r="B15829" s="1" t="s">
        <v>54485</v>
      </c>
      <c r="C15829" s="1" t="s">
        <v>34837</v>
      </c>
      <c r="D15829" s="2">
        <v>168657</v>
      </c>
      <c r="E15829" s="1" t="s">
        <v>0</v>
      </c>
    </row>
    <row r="15830" spans="1:5" ht="409.5" x14ac:dyDescent="0.25">
      <c r="A15830" s="4" t="s">
        <v>34838</v>
      </c>
      <c r="B15830" s="1" t="s">
        <v>54486</v>
      </c>
      <c r="C15830" s="1" t="s">
        <v>34839</v>
      </c>
      <c r="D15830" s="2">
        <v>168658</v>
      </c>
      <c r="E15830" s="1" t="s">
        <v>0</v>
      </c>
    </row>
    <row r="15831" spans="1:5" x14ac:dyDescent="0.25">
      <c r="A15831" s="1" t="s">
        <v>34840</v>
      </c>
      <c r="B15831" s="1" t="s">
        <v>54487</v>
      </c>
      <c r="C15831" s="1" t="s">
        <v>34841</v>
      </c>
      <c r="D15831" s="2">
        <v>168659</v>
      </c>
      <c r="E15831" s="1" t="s">
        <v>0</v>
      </c>
    </row>
    <row r="15832" spans="1:5" x14ac:dyDescent="0.25">
      <c r="A15832" s="2">
        <v>3166</v>
      </c>
      <c r="B15832" s="2">
        <v>3166</v>
      </c>
      <c r="C15832" s="1" t="s">
        <v>0</v>
      </c>
      <c r="D15832" s="2">
        <v>168660</v>
      </c>
      <c r="E15832" s="1" t="s">
        <v>0</v>
      </c>
    </row>
    <row r="15833" spans="1:5" x14ac:dyDescent="0.25">
      <c r="A15833" s="1" t="s">
        <v>2887</v>
      </c>
      <c r="B15833" s="1" t="s">
        <v>9592</v>
      </c>
      <c r="C15833" s="1" t="s">
        <v>34842</v>
      </c>
      <c r="D15833" s="2">
        <v>168661</v>
      </c>
      <c r="E15833" s="1" t="s">
        <v>0</v>
      </c>
    </row>
    <row r="15834" spans="1:5" x14ac:dyDescent="0.25">
      <c r="A15834" s="1" t="s">
        <v>34843</v>
      </c>
      <c r="B15834" s="1" t="s">
        <v>9593</v>
      </c>
      <c r="C15834" s="1" t="s">
        <v>34844</v>
      </c>
      <c r="D15834" s="2">
        <v>168662</v>
      </c>
      <c r="E15834" s="1" t="s">
        <v>0</v>
      </c>
    </row>
    <row r="15835" spans="1:5" ht="409.5" x14ac:dyDescent="0.25">
      <c r="A15835" s="4" t="s">
        <v>34845</v>
      </c>
      <c r="B15835" s="1" t="s">
        <v>59647</v>
      </c>
      <c r="C15835" s="1" t="s">
        <v>34846</v>
      </c>
      <c r="D15835" s="2">
        <v>168663</v>
      </c>
      <c r="E15835" s="1" t="s">
        <v>0</v>
      </c>
    </row>
    <row r="15836" spans="1:5" x14ac:dyDescent="0.25">
      <c r="A15836" s="1" t="s">
        <v>34847</v>
      </c>
      <c r="B15836" s="1" t="s">
        <v>54488</v>
      </c>
      <c r="C15836" s="1" t="s">
        <v>34848</v>
      </c>
      <c r="D15836" s="2">
        <v>168664</v>
      </c>
      <c r="E15836" s="1" t="s">
        <v>0</v>
      </c>
    </row>
    <row r="15837" spans="1:5" x14ac:dyDescent="0.25">
      <c r="A15837" s="2">
        <v>3167</v>
      </c>
      <c r="B15837" s="2">
        <v>3167</v>
      </c>
      <c r="C15837" s="1" t="s">
        <v>0</v>
      </c>
      <c r="D15837" s="2">
        <v>168665</v>
      </c>
      <c r="E15837" s="1" t="s">
        <v>0</v>
      </c>
    </row>
    <row r="15838" spans="1:5" x14ac:dyDescent="0.25">
      <c r="A15838" s="1" t="s">
        <v>2888</v>
      </c>
      <c r="B15838" s="1" t="s">
        <v>54489</v>
      </c>
      <c r="C15838" s="1" t="s">
        <v>34849</v>
      </c>
      <c r="D15838" s="2">
        <v>168666</v>
      </c>
      <c r="E15838" s="1" t="s">
        <v>0</v>
      </c>
    </row>
    <row r="15839" spans="1:5" x14ac:dyDescent="0.25">
      <c r="A15839" s="1" t="s">
        <v>34850</v>
      </c>
      <c r="B15839" s="1" t="s">
        <v>54490</v>
      </c>
      <c r="C15839" s="1" t="s">
        <v>34851</v>
      </c>
      <c r="D15839" s="2">
        <v>168667</v>
      </c>
      <c r="E15839" s="1" t="s">
        <v>0</v>
      </c>
    </row>
    <row r="15840" spans="1:5" ht="409.5" x14ac:dyDescent="0.25">
      <c r="A15840" s="4" t="s">
        <v>34852</v>
      </c>
      <c r="B15840" s="1" t="s">
        <v>57255</v>
      </c>
      <c r="C15840" s="1" t="s">
        <v>34853</v>
      </c>
      <c r="D15840" s="2">
        <v>168668</v>
      </c>
      <c r="E15840" s="1" t="s">
        <v>0</v>
      </c>
    </row>
    <row r="15841" spans="1:5" x14ac:dyDescent="0.25">
      <c r="A15841" s="1" t="s">
        <v>34854</v>
      </c>
      <c r="B15841" s="1" t="s">
        <v>54491</v>
      </c>
      <c r="C15841" s="1" t="s">
        <v>34855</v>
      </c>
      <c r="D15841" s="2">
        <v>168669</v>
      </c>
      <c r="E15841" s="1" t="s">
        <v>0</v>
      </c>
    </row>
    <row r="15842" spans="1:5" x14ac:dyDescent="0.25">
      <c r="A15842" s="2">
        <v>3168</v>
      </c>
      <c r="B15842" s="2">
        <v>3168</v>
      </c>
      <c r="C15842" s="1" t="s">
        <v>0</v>
      </c>
      <c r="D15842" s="2">
        <v>168670</v>
      </c>
      <c r="E15842" s="1" t="s">
        <v>0</v>
      </c>
    </row>
    <row r="15843" spans="1:5" x14ac:dyDescent="0.25">
      <c r="A15843" s="1" t="s">
        <v>2889</v>
      </c>
      <c r="B15843" s="1" t="s">
        <v>9594</v>
      </c>
      <c r="C15843" s="1" t="s">
        <v>34856</v>
      </c>
      <c r="D15843" s="2">
        <v>168671</v>
      </c>
      <c r="E15843" s="1" t="s">
        <v>0</v>
      </c>
    </row>
    <row r="15844" spans="1:5" x14ac:dyDescent="0.25">
      <c r="A15844" s="1" t="s">
        <v>61835</v>
      </c>
      <c r="B15844" s="1" t="s">
        <v>50829</v>
      </c>
      <c r="C15844" s="1" t="s">
        <v>34857</v>
      </c>
      <c r="D15844" s="2">
        <v>168672</v>
      </c>
      <c r="E15844" s="1" t="s">
        <v>0</v>
      </c>
    </row>
    <row r="15845" spans="1:5" ht="409.5" x14ac:dyDescent="0.25">
      <c r="A15845" s="4" t="s">
        <v>61836</v>
      </c>
      <c r="B15845" s="1" t="s">
        <v>60631</v>
      </c>
      <c r="C15845" s="1" t="s">
        <v>34858</v>
      </c>
      <c r="D15845" s="2">
        <v>168673</v>
      </c>
      <c r="E15845" s="1" t="s">
        <v>0</v>
      </c>
    </row>
    <row r="15846" spans="1:5" x14ac:dyDescent="0.25">
      <c r="A15846" s="1" t="s">
        <v>34859</v>
      </c>
      <c r="B15846" s="1" t="s">
        <v>9595</v>
      </c>
      <c r="C15846" s="1" t="s">
        <v>34860</v>
      </c>
      <c r="D15846" s="2">
        <v>168674</v>
      </c>
      <c r="E15846" s="1" t="s">
        <v>0</v>
      </c>
    </row>
    <row r="15847" spans="1:5" x14ac:dyDescent="0.25">
      <c r="A15847" s="2">
        <v>3169</v>
      </c>
      <c r="B15847" s="2">
        <v>3169</v>
      </c>
      <c r="C15847" s="1" t="s">
        <v>0</v>
      </c>
      <c r="D15847" s="2">
        <v>168675</v>
      </c>
      <c r="E15847" s="1" t="s">
        <v>0</v>
      </c>
    </row>
    <row r="15848" spans="1:5" x14ac:dyDescent="0.25">
      <c r="A15848" s="1" t="s">
        <v>2890</v>
      </c>
      <c r="B15848" s="1" t="s">
        <v>50830</v>
      </c>
      <c r="C15848" s="1" t="s">
        <v>34861</v>
      </c>
      <c r="D15848" s="2">
        <v>168676</v>
      </c>
      <c r="E15848" s="1" t="s">
        <v>0</v>
      </c>
    </row>
    <row r="15849" spans="1:5" x14ac:dyDescent="0.25">
      <c r="A15849" s="1" t="s">
        <v>34862</v>
      </c>
      <c r="B15849" s="1" t="s">
        <v>54492</v>
      </c>
      <c r="C15849" s="1" t="s">
        <v>34863</v>
      </c>
      <c r="D15849" s="2">
        <v>168677</v>
      </c>
      <c r="E15849" s="1" t="s">
        <v>0</v>
      </c>
    </row>
    <row r="15850" spans="1:5" ht="409.5" x14ac:dyDescent="0.25">
      <c r="A15850" s="4" t="s">
        <v>34864</v>
      </c>
      <c r="B15850" s="1" t="s">
        <v>62639</v>
      </c>
      <c r="C15850" s="1" t="s">
        <v>34865</v>
      </c>
      <c r="D15850" s="2">
        <v>168678</v>
      </c>
      <c r="E15850" s="1" t="s">
        <v>0</v>
      </c>
    </row>
    <row r="15851" spans="1:5" x14ac:dyDescent="0.25">
      <c r="A15851" s="1" t="s">
        <v>34866</v>
      </c>
      <c r="B15851" s="1" t="s">
        <v>9596</v>
      </c>
      <c r="C15851" s="1" t="s">
        <v>34867</v>
      </c>
      <c r="D15851" s="2">
        <v>168679</v>
      </c>
      <c r="E15851" s="1" t="s">
        <v>0</v>
      </c>
    </row>
    <row r="15852" spans="1:5" x14ac:dyDescent="0.25">
      <c r="A15852" s="2">
        <v>3170</v>
      </c>
      <c r="B15852" s="2">
        <v>3170</v>
      </c>
      <c r="C15852" s="1" t="s">
        <v>0</v>
      </c>
      <c r="D15852" s="2">
        <v>168680</v>
      </c>
      <c r="E15852" s="1" t="s">
        <v>0</v>
      </c>
    </row>
    <row r="15853" spans="1:5" x14ac:dyDescent="0.25">
      <c r="A15853" s="1" t="s">
        <v>2891</v>
      </c>
      <c r="B15853" s="1" t="s">
        <v>54493</v>
      </c>
      <c r="C15853" s="1" t="s">
        <v>34868</v>
      </c>
      <c r="D15853" s="2">
        <v>168681</v>
      </c>
      <c r="E15853" s="1" t="s">
        <v>0</v>
      </c>
    </row>
    <row r="15854" spans="1:5" x14ac:dyDescent="0.25">
      <c r="A15854" s="1" t="s">
        <v>34869</v>
      </c>
      <c r="B15854" s="1" t="s">
        <v>63415</v>
      </c>
      <c r="C15854" s="1" t="s">
        <v>34870</v>
      </c>
      <c r="D15854" s="2">
        <v>168682</v>
      </c>
      <c r="E15854" s="1" t="s">
        <v>0</v>
      </c>
    </row>
    <row r="15855" spans="1:5" ht="409.5" x14ac:dyDescent="0.25">
      <c r="A15855" s="4" t="s">
        <v>34871</v>
      </c>
      <c r="B15855" s="1" t="s">
        <v>63416</v>
      </c>
      <c r="C15855" s="1" t="s">
        <v>34872</v>
      </c>
      <c r="D15855" s="2">
        <v>168683</v>
      </c>
      <c r="E15855" s="1" t="s">
        <v>0</v>
      </c>
    </row>
    <row r="15856" spans="1:5" x14ac:dyDescent="0.25">
      <c r="A15856" s="1" t="s">
        <v>34873</v>
      </c>
      <c r="B15856" s="1" t="s">
        <v>54494</v>
      </c>
      <c r="C15856" s="1" t="s">
        <v>34874</v>
      </c>
      <c r="D15856" s="2">
        <v>168684</v>
      </c>
      <c r="E15856" s="1" t="s">
        <v>0</v>
      </c>
    </row>
    <row r="15857" spans="1:5" x14ac:dyDescent="0.25">
      <c r="A15857" s="2">
        <v>3171</v>
      </c>
      <c r="B15857" s="2">
        <v>3171</v>
      </c>
      <c r="C15857" s="1" t="s">
        <v>0</v>
      </c>
      <c r="D15857" s="2">
        <v>168685</v>
      </c>
      <c r="E15857" s="1" t="s">
        <v>0</v>
      </c>
    </row>
    <row r="15858" spans="1:5" x14ac:dyDescent="0.25">
      <c r="A15858" s="1" t="s">
        <v>2892</v>
      </c>
      <c r="B15858" s="1" t="s">
        <v>9597</v>
      </c>
      <c r="C15858" s="1" t="s">
        <v>34875</v>
      </c>
      <c r="D15858" s="2">
        <v>168686</v>
      </c>
      <c r="E15858" s="1" t="s">
        <v>0</v>
      </c>
    </row>
    <row r="15859" spans="1:5" x14ac:dyDescent="0.25">
      <c r="A15859" s="1" t="s">
        <v>34876</v>
      </c>
      <c r="B15859" s="1" t="s">
        <v>54495</v>
      </c>
      <c r="C15859" s="1" t="s">
        <v>34877</v>
      </c>
      <c r="D15859" s="2">
        <v>168687</v>
      </c>
      <c r="E15859" s="1" t="s">
        <v>0</v>
      </c>
    </row>
    <row r="15860" spans="1:5" ht="409.5" x14ac:dyDescent="0.25">
      <c r="A15860" s="4" t="s">
        <v>34878</v>
      </c>
      <c r="B15860" s="1" t="s">
        <v>54496</v>
      </c>
      <c r="C15860" s="1" t="s">
        <v>34879</v>
      </c>
      <c r="D15860" s="2">
        <v>168688</v>
      </c>
      <c r="E15860" s="1" t="s">
        <v>0</v>
      </c>
    </row>
    <row r="15861" spans="1:5" x14ac:dyDescent="0.25">
      <c r="A15861" s="1" t="s">
        <v>34880</v>
      </c>
      <c r="B15861" s="1" t="s">
        <v>9598</v>
      </c>
      <c r="C15861" s="1" t="s">
        <v>34881</v>
      </c>
      <c r="D15861" s="2">
        <v>168689</v>
      </c>
      <c r="E15861" s="1" t="s">
        <v>0</v>
      </c>
    </row>
    <row r="15862" spans="1:5" x14ac:dyDescent="0.25">
      <c r="A15862" s="2">
        <v>3172</v>
      </c>
      <c r="B15862" s="2">
        <v>3172</v>
      </c>
      <c r="C15862" s="1" t="s">
        <v>0</v>
      </c>
      <c r="D15862" s="2">
        <v>168690</v>
      </c>
      <c r="E15862" s="1" t="s">
        <v>0</v>
      </c>
    </row>
    <row r="15863" spans="1:5" x14ac:dyDescent="0.25">
      <c r="A15863" s="1" t="s">
        <v>2893</v>
      </c>
      <c r="B15863" s="1" t="s">
        <v>50831</v>
      </c>
      <c r="C15863" s="1" t="s">
        <v>34882</v>
      </c>
      <c r="D15863" s="2">
        <v>168691</v>
      </c>
      <c r="E15863" s="1" t="s">
        <v>0</v>
      </c>
    </row>
    <row r="15864" spans="1:5" x14ac:dyDescent="0.25">
      <c r="A15864" s="1" t="s">
        <v>34883</v>
      </c>
      <c r="B15864" s="1" t="s">
        <v>54497</v>
      </c>
      <c r="C15864" s="1" t="s">
        <v>34884</v>
      </c>
      <c r="D15864" s="2">
        <v>168692</v>
      </c>
      <c r="E15864" s="1" t="s">
        <v>0</v>
      </c>
    </row>
    <row r="15865" spans="1:5" ht="409.5" x14ac:dyDescent="0.25">
      <c r="A15865" s="4" t="s">
        <v>34885</v>
      </c>
      <c r="B15865" s="1" t="s">
        <v>54498</v>
      </c>
      <c r="C15865" s="1" t="s">
        <v>34886</v>
      </c>
      <c r="D15865" s="2">
        <v>168693</v>
      </c>
      <c r="E15865" s="1" t="s">
        <v>0</v>
      </c>
    </row>
    <row r="15866" spans="1:5" x14ac:dyDescent="0.25">
      <c r="A15866" s="1" t="s">
        <v>34887</v>
      </c>
      <c r="B15866" s="1" t="s">
        <v>54499</v>
      </c>
      <c r="C15866" s="1" t="s">
        <v>34888</v>
      </c>
      <c r="D15866" s="2">
        <v>168694</v>
      </c>
      <c r="E15866" s="1" t="s">
        <v>0</v>
      </c>
    </row>
    <row r="15867" spans="1:5" x14ac:dyDescent="0.25">
      <c r="A15867" s="2">
        <v>3173</v>
      </c>
      <c r="B15867" s="2">
        <v>3173</v>
      </c>
      <c r="C15867" s="1" t="s">
        <v>0</v>
      </c>
      <c r="D15867" s="2">
        <v>168695</v>
      </c>
      <c r="E15867" s="1" t="s">
        <v>0</v>
      </c>
    </row>
    <row r="15868" spans="1:5" x14ac:dyDescent="0.25">
      <c r="A15868" s="1" t="s">
        <v>13189</v>
      </c>
      <c r="B15868" s="1" t="s">
        <v>9599</v>
      </c>
      <c r="C15868" s="1" t="s">
        <v>34889</v>
      </c>
      <c r="D15868" s="2">
        <v>168696</v>
      </c>
      <c r="E15868" s="1" t="s">
        <v>0</v>
      </c>
    </row>
    <row r="15869" spans="1:5" x14ac:dyDescent="0.25">
      <c r="A15869" s="1" t="s">
        <v>34890</v>
      </c>
      <c r="B15869" s="1" t="s">
        <v>54500</v>
      </c>
      <c r="C15869" s="1" t="s">
        <v>34891</v>
      </c>
      <c r="D15869" s="2">
        <v>168697</v>
      </c>
      <c r="E15869" s="1" t="s">
        <v>0</v>
      </c>
    </row>
    <row r="15870" spans="1:5" ht="409.5" x14ac:dyDescent="0.25">
      <c r="A15870" s="4" t="s">
        <v>34892</v>
      </c>
      <c r="B15870" s="1" t="s">
        <v>54501</v>
      </c>
      <c r="C15870" s="1" t="s">
        <v>34893</v>
      </c>
      <c r="D15870" s="2">
        <v>168698</v>
      </c>
      <c r="E15870" s="1" t="s">
        <v>0</v>
      </c>
    </row>
    <row r="15871" spans="1:5" x14ac:dyDescent="0.25">
      <c r="A15871" s="1" t="s">
        <v>34894</v>
      </c>
      <c r="B15871" s="1" t="s">
        <v>54502</v>
      </c>
      <c r="C15871" s="1" t="s">
        <v>34895</v>
      </c>
      <c r="D15871" s="2">
        <v>168699</v>
      </c>
      <c r="E15871" s="1" t="s">
        <v>0</v>
      </c>
    </row>
    <row r="15872" spans="1:5" x14ac:dyDescent="0.25">
      <c r="A15872" s="2">
        <v>3174</v>
      </c>
      <c r="B15872" s="2">
        <v>3174</v>
      </c>
      <c r="C15872" s="1" t="s">
        <v>0</v>
      </c>
      <c r="D15872" s="2">
        <v>168700</v>
      </c>
      <c r="E15872" s="1" t="s">
        <v>0</v>
      </c>
    </row>
    <row r="15873" spans="1:5" x14ac:dyDescent="0.25">
      <c r="A15873" s="1" t="s">
        <v>2894</v>
      </c>
      <c r="B15873" s="1" t="s">
        <v>9600</v>
      </c>
      <c r="C15873" s="1" t="s">
        <v>34896</v>
      </c>
      <c r="D15873" s="2">
        <v>168701</v>
      </c>
      <c r="E15873" s="1" t="s">
        <v>0</v>
      </c>
    </row>
    <row r="15874" spans="1:5" x14ac:dyDescent="0.25">
      <c r="A15874" s="1" t="s">
        <v>34897</v>
      </c>
      <c r="B15874" s="1" t="s">
        <v>13190</v>
      </c>
      <c r="C15874" s="1" t="s">
        <v>34898</v>
      </c>
      <c r="D15874" s="2">
        <v>168702</v>
      </c>
      <c r="E15874" s="1" t="s">
        <v>0</v>
      </c>
    </row>
    <row r="15875" spans="1:5" ht="409.5" x14ac:dyDescent="0.25">
      <c r="A15875" s="4" t="s">
        <v>34899</v>
      </c>
      <c r="B15875" s="1" t="s">
        <v>61680</v>
      </c>
      <c r="C15875" s="1" t="s">
        <v>34900</v>
      </c>
      <c r="D15875" s="2">
        <v>168703</v>
      </c>
      <c r="E15875" s="1" t="s">
        <v>0</v>
      </c>
    </row>
    <row r="15876" spans="1:5" x14ac:dyDescent="0.25">
      <c r="A15876" s="1" t="s">
        <v>34901</v>
      </c>
      <c r="B15876" s="1" t="s">
        <v>61681</v>
      </c>
      <c r="C15876" s="1" t="s">
        <v>34902</v>
      </c>
      <c r="D15876" s="2">
        <v>168704</v>
      </c>
      <c r="E15876" s="1" t="s">
        <v>0</v>
      </c>
    </row>
    <row r="15877" spans="1:5" x14ac:dyDescent="0.25">
      <c r="A15877" s="2">
        <v>3175</v>
      </c>
      <c r="B15877" s="2">
        <v>3175</v>
      </c>
      <c r="C15877" s="1" t="s">
        <v>0</v>
      </c>
      <c r="D15877" s="2">
        <v>168705</v>
      </c>
      <c r="E15877" s="1" t="s">
        <v>0</v>
      </c>
    </row>
    <row r="15878" spans="1:5" x14ac:dyDescent="0.25">
      <c r="A15878" s="1" t="s">
        <v>2895</v>
      </c>
      <c r="B15878" s="1" t="s">
        <v>9601</v>
      </c>
      <c r="C15878" s="1" t="s">
        <v>34903</v>
      </c>
      <c r="D15878" s="2">
        <v>168706</v>
      </c>
      <c r="E15878" s="1" t="s">
        <v>0</v>
      </c>
    </row>
    <row r="15879" spans="1:5" x14ac:dyDescent="0.25">
      <c r="A15879" s="1" t="s">
        <v>34904</v>
      </c>
      <c r="B15879" s="1" t="s">
        <v>54503</v>
      </c>
      <c r="C15879" s="1" t="s">
        <v>34905</v>
      </c>
      <c r="D15879" s="2">
        <v>168707</v>
      </c>
      <c r="E15879" s="1" t="s">
        <v>0</v>
      </c>
    </row>
    <row r="15880" spans="1:5" ht="409.5" x14ac:dyDescent="0.25">
      <c r="A15880" s="4" t="s">
        <v>34906</v>
      </c>
      <c r="B15880" s="1" t="s">
        <v>54504</v>
      </c>
      <c r="C15880" s="1" t="s">
        <v>34907</v>
      </c>
      <c r="D15880" s="2">
        <v>168708</v>
      </c>
      <c r="E15880" s="1" t="s">
        <v>0</v>
      </c>
    </row>
    <row r="15881" spans="1:5" x14ac:dyDescent="0.25">
      <c r="A15881" s="1" t="s">
        <v>34908</v>
      </c>
      <c r="B15881" s="1" t="s">
        <v>9602</v>
      </c>
      <c r="C15881" s="1" t="s">
        <v>34909</v>
      </c>
      <c r="D15881" s="2">
        <v>168709</v>
      </c>
      <c r="E15881" s="1" t="s">
        <v>0</v>
      </c>
    </row>
    <row r="15882" spans="1:5" x14ac:dyDescent="0.25">
      <c r="A15882" s="2">
        <v>3176</v>
      </c>
      <c r="B15882" s="2">
        <v>3176</v>
      </c>
      <c r="C15882" s="1" t="s">
        <v>0</v>
      </c>
      <c r="D15882" s="2">
        <v>168710</v>
      </c>
      <c r="E15882" s="1" t="s">
        <v>0</v>
      </c>
    </row>
    <row r="15883" spans="1:5" x14ac:dyDescent="0.25">
      <c r="A15883" s="1" t="s">
        <v>2896</v>
      </c>
      <c r="B15883" s="1" t="s">
        <v>9603</v>
      </c>
      <c r="C15883" s="1" t="s">
        <v>34910</v>
      </c>
      <c r="D15883" s="2">
        <v>168711</v>
      </c>
      <c r="E15883" s="1" t="s">
        <v>0</v>
      </c>
    </row>
    <row r="15884" spans="1:5" x14ac:dyDescent="0.25">
      <c r="A15884" s="1" t="s">
        <v>34911</v>
      </c>
      <c r="B15884" s="1" t="s">
        <v>9604</v>
      </c>
      <c r="C15884" s="1" t="s">
        <v>34912</v>
      </c>
      <c r="D15884" s="2">
        <v>168712</v>
      </c>
      <c r="E15884" s="1" t="s">
        <v>0</v>
      </c>
    </row>
    <row r="15885" spans="1:5" ht="409.5" x14ac:dyDescent="0.25">
      <c r="A15885" s="4" t="s">
        <v>34913</v>
      </c>
      <c r="B15885" s="1" t="s">
        <v>54505</v>
      </c>
      <c r="C15885" s="1" t="s">
        <v>34914</v>
      </c>
      <c r="D15885" s="2">
        <v>168713</v>
      </c>
      <c r="E15885" s="1" t="s">
        <v>0</v>
      </c>
    </row>
    <row r="15886" spans="1:5" x14ac:dyDescent="0.25">
      <c r="A15886" s="1" t="s">
        <v>34915</v>
      </c>
      <c r="B15886" s="1" t="s">
        <v>9605</v>
      </c>
      <c r="C15886" s="1" t="s">
        <v>34916</v>
      </c>
      <c r="D15886" s="2">
        <v>168714</v>
      </c>
      <c r="E15886" s="1" t="s">
        <v>0</v>
      </c>
    </row>
    <row r="15887" spans="1:5" x14ac:dyDescent="0.25">
      <c r="A15887" s="2">
        <v>3177</v>
      </c>
      <c r="B15887" s="2">
        <v>3177</v>
      </c>
      <c r="C15887" s="1" t="s">
        <v>0</v>
      </c>
      <c r="D15887" s="2">
        <v>168715</v>
      </c>
      <c r="E15887" s="1" t="s">
        <v>0</v>
      </c>
    </row>
    <row r="15888" spans="1:5" x14ac:dyDescent="0.25">
      <c r="A15888" s="1" t="s">
        <v>2897</v>
      </c>
      <c r="B15888" s="1" t="s">
        <v>50832</v>
      </c>
      <c r="C15888" s="1" t="s">
        <v>34917</v>
      </c>
      <c r="D15888" s="2">
        <v>168716</v>
      </c>
      <c r="E15888" s="1" t="s">
        <v>0</v>
      </c>
    </row>
    <row r="15889" spans="1:5" x14ac:dyDescent="0.25">
      <c r="A15889" s="1" t="s">
        <v>34918</v>
      </c>
      <c r="B15889" s="1" t="s">
        <v>9606</v>
      </c>
      <c r="C15889" s="1" t="s">
        <v>34919</v>
      </c>
      <c r="D15889" s="2">
        <v>168717</v>
      </c>
      <c r="E15889" s="1" t="s">
        <v>0</v>
      </c>
    </row>
    <row r="15890" spans="1:5" ht="409.5" x14ac:dyDescent="0.25">
      <c r="A15890" s="4" t="s">
        <v>34920</v>
      </c>
      <c r="B15890" s="1" t="s">
        <v>57564</v>
      </c>
      <c r="C15890" s="1" t="s">
        <v>34921</v>
      </c>
      <c r="D15890" s="2">
        <v>168718</v>
      </c>
      <c r="E15890" s="1" t="s">
        <v>0</v>
      </c>
    </row>
    <row r="15891" spans="1:5" x14ac:dyDescent="0.25">
      <c r="A15891" s="1" t="s">
        <v>34922</v>
      </c>
      <c r="B15891" s="1" t="s">
        <v>54506</v>
      </c>
      <c r="C15891" s="1" t="s">
        <v>34923</v>
      </c>
      <c r="D15891" s="2">
        <v>168719</v>
      </c>
      <c r="E15891" s="1" t="s">
        <v>0</v>
      </c>
    </row>
    <row r="15892" spans="1:5" x14ac:dyDescent="0.25">
      <c r="A15892" s="2">
        <v>3178</v>
      </c>
      <c r="B15892" s="2">
        <v>3178</v>
      </c>
      <c r="C15892" s="1" t="s">
        <v>0</v>
      </c>
      <c r="D15892" s="2">
        <v>168720</v>
      </c>
      <c r="E15892" s="1" t="s">
        <v>0</v>
      </c>
    </row>
    <row r="15893" spans="1:5" x14ac:dyDescent="0.25">
      <c r="A15893" s="1" t="s">
        <v>2898</v>
      </c>
      <c r="B15893" s="1" t="s">
        <v>9607</v>
      </c>
      <c r="C15893" s="1" t="s">
        <v>34924</v>
      </c>
      <c r="D15893" s="2">
        <v>168721</v>
      </c>
      <c r="E15893" s="1" t="s">
        <v>0</v>
      </c>
    </row>
    <row r="15894" spans="1:5" x14ac:dyDescent="0.25">
      <c r="A15894" s="1" t="s">
        <v>34925</v>
      </c>
      <c r="B15894" s="1" t="s">
        <v>9608</v>
      </c>
      <c r="C15894" s="1" t="s">
        <v>34926</v>
      </c>
      <c r="D15894" s="2">
        <v>168722</v>
      </c>
      <c r="E15894" s="1" t="s">
        <v>0</v>
      </c>
    </row>
    <row r="15895" spans="1:5" ht="409.5" x14ac:dyDescent="0.25">
      <c r="A15895" s="4" t="s">
        <v>34927</v>
      </c>
      <c r="B15895" s="1" t="s">
        <v>54507</v>
      </c>
      <c r="C15895" s="1" t="s">
        <v>34928</v>
      </c>
      <c r="D15895" s="2">
        <v>168723</v>
      </c>
      <c r="E15895" s="1" t="s">
        <v>0</v>
      </c>
    </row>
    <row r="15896" spans="1:5" x14ac:dyDescent="0.25">
      <c r="A15896" s="1" t="s">
        <v>34929</v>
      </c>
      <c r="B15896" s="1" t="s">
        <v>9609</v>
      </c>
      <c r="C15896" s="1" t="s">
        <v>34930</v>
      </c>
      <c r="D15896" s="2">
        <v>168724</v>
      </c>
      <c r="E15896" s="1" t="s">
        <v>0</v>
      </c>
    </row>
    <row r="15897" spans="1:5" x14ac:dyDescent="0.25">
      <c r="A15897" s="2">
        <v>3179</v>
      </c>
      <c r="B15897" s="2">
        <v>3179</v>
      </c>
      <c r="C15897" s="1" t="s">
        <v>0</v>
      </c>
      <c r="D15897" s="2">
        <v>168725</v>
      </c>
      <c r="E15897" s="1" t="s">
        <v>0</v>
      </c>
    </row>
    <row r="15898" spans="1:5" x14ac:dyDescent="0.25">
      <c r="A15898" s="1" t="s">
        <v>2899</v>
      </c>
      <c r="B15898" s="1" t="s">
        <v>9610</v>
      </c>
      <c r="C15898" s="1" t="s">
        <v>34931</v>
      </c>
      <c r="D15898" s="2">
        <v>168726</v>
      </c>
      <c r="E15898" s="1" t="s">
        <v>0</v>
      </c>
    </row>
    <row r="15899" spans="1:5" x14ac:dyDescent="0.25">
      <c r="A15899" s="1" t="s">
        <v>34932</v>
      </c>
      <c r="B15899" s="1" t="s">
        <v>54508</v>
      </c>
      <c r="C15899" s="1" t="s">
        <v>34933</v>
      </c>
      <c r="D15899" s="2">
        <v>168727</v>
      </c>
      <c r="E15899" s="1" t="s">
        <v>0</v>
      </c>
    </row>
    <row r="15900" spans="1:5" ht="409.5" x14ac:dyDescent="0.25">
      <c r="A15900" s="4" t="s">
        <v>34934</v>
      </c>
      <c r="B15900" s="1" t="s">
        <v>63417</v>
      </c>
      <c r="C15900" s="1" t="s">
        <v>34935</v>
      </c>
      <c r="D15900" s="2">
        <v>168728</v>
      </c>
      <c r="E15900" s="1" t="s">
        <v>0</v>
      </c>
    </row>
    <row r="15901" spans="1:5" x14ac:dyDescent="0.25">
      <c r="A15901" s="1" t="s">
        <v>34936</v>
      </c>
      <c r="B15901" s="1" t="s">
        <v>9611</v>
      </c>
      <c r="C15901" s="1" t="s">
        <v>34937</v>
      </c>
      <c r="D15901" s="2">
        <v>168729</v>
      </c>
      <c r="E15901" s="1" t="s">
        <v>0</v>
      </c>
    </row>
    <row r="15902" spans="1:5" x14ac:dyDescent="0.25">
      <c r="A15902" s="2">
        <v>3180</v>
      </c>
      <c r="B15902" s="2">
        <v>3180</v>
      </c>
      <c r="C15902" s="1" t="s">
        <v>0</v>
      </c>
      <c r="D15902" s="2">
        <v>168730</v>
      </c>
      <c r="E15902" s="1" t="s">
        <v>0</v>
      </c>
    </row>
    <row r="15903" spans="1:5" x14ac:dyDescent="0.25">
      <c r="A15903" s="1" t="s">
        <v>2900</v>
      </c>
      <c r="B15903" s="1" t="s">
        <v>50833</v>
      </c>
      <c r="C15903" s="1" t="s">
        <v>34938</v>
      </c>
      <c r="D15903" s="2">
        <v>168731</v>
      </c>
      <c r="E15903" s="1" t="s">
        <v>0</v>
      </c>
    </row>
    <row r="15904" spans="1:5" x14ac:dyDescent="0.25">
      <c r="A15904" s="1" t="s">
        <v>34939</v>
      </c>
      <c r="B15904" s="1" t="s">
        <v>62640</v>
      </c>
      <c r="C15904" s="1" t="s">
        <v>34940</v>
      </c>
      <c r="D15904" s="2">
        <v>168732</v>
      </c>
      <c r="E15904" s="1" t="s">
        <v>0</v>
      </c>
    </row>
    <row r="15905" spans="1:5" ht="409.5" x14ac:dyDescent="0.25">
      <c r="A15905" s="4" t="s">
        <v>64230</v>
      </c>
      <c r="B15905" s="1" t="s">
        <v>62641</v>
      </c>
      <c r="C15905" s="1" t="s">
        <v>34941</v>
      </c>
      <c r="D15905" s="2">
        <v>168733</v>
      </c>
      <c r="E15905" s="1" t="s">
        <v>0</v>
      </c>
    </row>
    <row r="15906" spans="1:5" x14ac:dyDescent="0.25">
      <c r="A15906" s="1" t="s">
        <v>34942</v>
      </c>
      <c r="B15906" s="1" t="s">
        <v>54509</v>
      </c>
      <c r="C15906" s="1" t="s">
        <v>30281</v>
      </c>
      <c r="D15906" s="2">
        <v>168734</v>
      </c>
      <c r="E15906" s="1" t="s">
        <v>0</v>
      </c>
    </row>
    <row r="15907" spans="1:5" x14ac:dyDescent="0.25">
      <c r="A15907" s="2">
        <v>3181</v>
      </c>
      <c r="B15907" s="2">
        <v>3181</v>
      </c>
      <c r="C15907" s="1" t="s">
        <v>0</v>
      </c>
      <c r="D15907" s="2">
        <v>168735</v>
      </c>
      <c r="E15907" s="1" t="s">
        <v>0</v>
      </c>
    </row>
    <row r="15908" spans="1:5" x14ac:dyDescent="0.25">
      <c r="A15908" s="1" t="s">
        <v>2901</v>
      </c>
      <c r="B15908" s="1" t="s">
        <v>9612</v>
      </c>
      <c r="C15908" s="1" t="s">
        <v>34943</v>
      </c>
      <c r="D15908" s="2">
        <v>168736</v>
      </c>
      <c r="E15908" s="1" t="s">
        <v>0</v>
      </c>
    </row>
    <row r="15909" spans="1:5" x14ac:dyDescent="0.25">
      <c r="A15909" s="1" t="s">
        <v>34944</v>
      </c>
      <c r="B15909" s="1" t="s">
        <v>9613</v>
      </c>
      <c r="C15909" s="1" t="s">
        <v>34945</v>
      </c>
      <c r="D15909" s="2">
        <v>168737</v>
      </c>
      <c r="E15909" s="1" t="s">
        <v>0</v>
      </c>
    </row>
    <row r="15910" spans="1:5" ht="409.5" x14ac:dyDescent="0.25">
      <c r="A15910" s="4" t="s">
        <v>34946</v>
      </c>
      <c r="B15910" s="1" t="s">
        <v>54510</v>
      </c>
      <c r="C15910" s="1" t="s">
        <v>34947</v>
      </c>
      <c r="D15910" s="2">
        <v>168738</v>
      </c>
      <c r="E15910" s="1" t="s">
        <v>0</v>
      </c>
    </row>
    <row r="15911" spans="1:5" x14ac:dyDescent="0.25">
      <c r="A15911" s="1" t="s">
        <v>34948</v>
      </c>
      <c r="B15911" s="1" t="s">
        <v>9614</v>
      </c>
      <c r="C15911" s="1" t="s">
        <v>34949</v>
      </c>
      <c r="D15911" s="2">
        <v>168739</v>
      </c>
      <c r="E15911" s="1" t="s">
        <v>0</v>
      </c>
    </row>
    <row r="15912" spans="1:5" x14ac:dyDescent="0.25">
      <c r="A15912" s="2">
        <v>3182</v>
      </c>
      <c r="B15912" s="2">
        <v>3182</v>
      </c>
      <c r="C15912" s="1" t="s">
        <v>0</v>
      </c>
      <c r="D15912" s="2">
        <v>168740</v>
      </c>
      <c r="E15912" s="1" t="s">
        <v>0</v>
      </c>
    </row>
    <row r="15913" spans="1:5" x14ac:dyDescent="0.25">
      <c r="A15913" s="1" t="s">
        <v>2902</v>
      </c>
      <c r="B15913" s="1" t="s">
        <v>50834</v>
      </c>
      <c r="C15913" s="1" t="s">
        <v>34950</v>
      </c>
      <c r="D15913" s="2">
        <v>168741</v>
      </c>
      <c r="E15913" s="1" t="s">
        <v>0</v>
      </c>
    </row>
    <row r="15914" spans="1:5" x14ac:dyDescent="0.25">
      <c r="A15914" s="1" t="s">
        <v>34951</v>
      </c>
      <c r="B15914" s="1" t="s">
        <v>57890</v>
      </c>
      <c r="C15914" s="1" t="s">
        <v>34952</v>
      </c>
      <c r="D15914" s="2">
        <v>168742</v>
      </c>
      <c r="E15914" s="1" t="s">
        <v>0</v>
      </c>
    </row>
    <row r="15915" spans="1:5" ht="409.5" x14ac:dyDescent="0.25">
      <c r="A15915" s="4" t="s">
        <v>34953</v>
      </c>
      <c r="B15915" s="1" t="s">
        <v>60839</v>
      </c>
      <c r="C15915" s="1" t="s">
        <v>34954</v>
      </c>
      <c r="D15915" s="2">
        <v>168743</v>
      </c>
      <c r="E15915" s="1" t="s">
        <v>0</v>
      </c>
    </row>
    <row r="15916" spans="1:5" x14ac:dyDescent="0.25">
      <c r="A15916" s="1" t="s">
        <v>34955</v>
      </c>
      <c r="B15916" s="1" t="s">
        <v>54511</v>
      </c>
      <c r="C15916" s="1" t="s">
        <v>34956</v>
      </c>
      <c r="D15916" s="2">
        <v>168744</v>
      </c>
      <c r="E15916" s="1" t="s">
        <v>0</v>
      </c>
    </row>
    <row r="15917" spans="1:5" x14ac:dyDescent="0.25">
      <c r="A15917" s="2">
        <v>3183</v>
      </c>
      <c r="B15917" s="2">
        <v>3183</v>
      </c>
      <c r="C15917" s="1" t="s">
        <v>0</v>
      </c>
      <c r="D15917" s="2">
        <v>168745</v>
      </c>
      <c r="E15917" s="1" t="s">
        <v>0</v>
      </c>
    </row>
    <row r="15918" spans="1:5" x14ac:dyDescent="0.25">
      <c r="A15918" s="1" t="s">
        <v>2903</v>
      </c>
      <c r="B15918" s="1" t="s">
        <v>58451</v>
      </c>
      <c r="C15918" s="1" t="s">
        <v>34957</v>
      </c>
      <c r="D15918" s="2">
        <v>168746</v>
      </c>
      <c r="E15918" s="1" t="s">
        <v>0</v>
      </c>
    </row>
    <row r="15919" spans="1:5" x14ac:dyDescent="0.25">
      <c r="A15919" s="1" t="s">
        <v>34958</v>
      </c>
      <c r="B15919" s="1" t="s">
        <v>57891</v>
      </c>
      <c r="C15919" s="1" t="s">
        <v>34959</v>
      </c>
      <c r="D15919" s="2">
        <v>168747</v>
      </c>
      <c r="E15919" s="1" t="s">
        <v>0</v>
      </c>
    </row>
    <row r="15920" spans="1:5" ht="409.5" x14ac:dyDescent="0.25">
      <c r="A15920" s="4" t="s">
        <v>34960</v>
      </c>
      <c r="B15920" s="1" t="s">
        <v>60100</v>
      </c>
      <c r="C15920" s="1" t="s">
        <v>34961</v>
      </c>
      <c r="D15920" s="2">
        <v>168748</v>
      </c>
      <c r="E15920" s="1" t="s">
        <v>0</v>
      </c>
    </row>
    <row r="15921" spans="1:5" x14ac:dyDescent="0.25">
      <c r="A15921" s="1" t="s">
        <v>34962</v>
      </c>
      <c r="B15921" s="1" t="s">
        <v>54512</v>
      </c>
      <c r="C15921" s="1" t="s">
        <v>34963</v>
      </c>
      <c r="D15921" s="2">
        <v>168749</v>
      </c>
      <c r="E15921" s="1" t="s">
        <v>0</v>
      </c>
    </row>
    <row r="15922" spans="1:5" x14ac:dyDescent="0.25">
      <c r="A15922" s="2">
        <v>3184</v>
      </c>
      <c r="B15922" s="2">
        <v>3184</v>
      </c>
      <c r="C15922" s="1" t="s">
        <v>0</v>
      </c>
      <c r="D15922" s="2">
        <v>168750</v>
      </c>
      <c r="E15922" s="1" t="s">
        <v>0</v>
      </c>
    </row>
    <row r="15923" spans="1:5" x14ac:dyDescent="0.25">
      <c r="A15923" s="1" t="s">
        <v>13191</v>
      </c>
      <c r="B15923" s="1" t="s">
        <v>13192</v>
      </c>
      <c r="C15923" s="1" t="s">
        <v>34964</v>
      </c>
      <c r="D15923" s="2">
        <v>168751</v>
      </c>
      <c r="E15923" s="1" t="s">
        <v>0</v>
      </c>
    </row>
    <row r="15924" spans="1:5" x14ac:dyDescent="0.25">
      <c r="A15924" s="1" t="s">
        <v>34965</v>
      </c>
      <c r="B15924" s="1" t="s">
        <v>50835</v>
      </c>
      <c r="C15924" s="1" t="s">
        <v>34966</v>
      </c>
      <c r="D15924" s="2">
        <v>168752</v>
      </c>
      <c r="E15924" s="1" t="s">
        <v>0</v>
      </c>
    </row>
    <row r="15925" spans="1:5" ht="409.5" x14ac:dyDescent="0.25">
      <c r="A15925" s="4" t="s">
        <v>34967</v>
      </c>
      <c r="B15925" s="1" t="s">
        <v>57565</v>
      </c>
      <c r="C15925" s="1" t="s">
        <v>34968</v>
      </c>
      <c r="D15925" s="2">
        <v>168753</v>
      </c>
      <c r="E15925" s="1" t="s">
        <v>0</v>
      </c>
    </row>
    <row r="15926" spans="1:5" x14ac:dyDescent="0.25">
      <c r="A15926" s="1" t="s">
        <v>34969</v>
      </c>
      <c r="B15926" s="1" t="s">
        <v>9615</v>
      </c>
      <c r="C15926" s="1" t="s">
        <v>34970</v>
      </c>
      <c r="D15926" s="2">
        <v>168754</v>
      </c>
      <c r="E15926" s="1" t="s">
        <v>0</v>
      </c>
    </row>
    <row r="15927" spans="1:5" x14ac:dyDescent="0.25">
      <c r="A15927" s="2">
        <v>3185</v>
      </c>
      <c r="B15927" s="2">
        <v>3185</v>
      </c>
      <c r="C15927" s="1" t="s">
        <v>0</v>
      </c>
      <c r="D15927" s="2">
        <v>168755</v>
      </c>
      <c r="E15927" s="1" t="s">
        <v>0</v>
      </c>
    </row>
    <row r="15928" spans="1:5" x14ac:dyDescent="0.25">
      <c r="A15928" s="1" t="s">
        <v>2904</v>
      </c>
      <c r="B15928" s="1" t="s">
        <v>9616</v>
      </c>
      <c r="C15928" s="1" t="s">
        <v>34971</v>
      </c>
      <c r="D15928" s="2">
        <v>168756</v>
      </c>
      <c r="E15928" s="1" t="s">
        <v>0</v>
      </c>
    </row>
    <row r="15929" spans="1:5" x14ac:dyDescent="0.25">
      <c r="A15929" s="1" t="s">
        <v>34972</v>
      </c>
      <c r="B15929" s="1" t="s">
        <v>9617</v>
      </c>
      <c r="C15929" s="1" t="s">
        <v>34973</v>
      </c>
      <c r="D15929" s="2">
        <v>168757</v>
      </c>
      <c r="E15929" s="1" t="s">
        <v>0</v>
      </c>
    </row>
    <row r="15930" spans="1:5" ht="409.5" x14ac:dyDescent="0.25">
      <c r="A15930" s="4" t="s">
        <v>34974</v>
      </c>
      <c r="B15930" s="1" t="s">
        <v>9618</v>
      </c>
      <c r="C15930" s="1" t="s">
        <v>34975</v>
      </c>
      <c r="D15930" s="2">
        <v>168758</v>
      </c>
      <c r="E15930" s="1" t="s">
        <v>0</v>
      </c>
    </row>
    <row r="15931" spans="1:5" x14ac:dyDescent="0.25">
      <c r="A15931" s="1" t="s">
        <v>34976</v>
      </c>
      <c r="B15931" s="1" t="s">
        <v>54513</v>
      </c>
      <c r="C15931" s="1" t="s">
        <v>34977</v>
      </c>
      <c r="D15931" s="2">
        <v>168759</v>
      </c>
      <c r="E15931" s="1" t="s">
        <v>0</v>
      </c>
    </row>
    <row r="15932" spans="1:5" x14ac:dyDescent="0.25">
      <c r="A15932" s="2">
        <v>3186</v>
      </c>
      <c r="B15932" s="2">
        <v>3186</v>
      </c>
      <c r="C15932" s="1" t="s">
        <v>0</v>
      </c>
      <c r="D15932" s="2">
        <v>168760</v>
      </c>
      <c r="E15932" s="1" t="s">
        <v>0</v>
      </c>
    </row>
    <row r="15933" spans="1:5" x14ac:dyDescent="0.25">
      <c r="A15933" s="1" t="s">
        <v>2905</v>
      </c>
      <c r="B15933" s="1" t="s">
        <v>9619</v>
      </c>
      <c r="C15933" s="1" t="s">
        <v>34978</v>
      </c>
      <c r="D15933" s="2">
        <v>168761</v>
      </c>
      <c r="E15933" s="1" t="s">
        <v>0</v>
      </c>
    </row>
    <row r="15934" spans="1:5" x14ac:dyDescent="0.25">
      <c r="A15934" s="1" t="s">
        <v>34979</v>
      </c>
      <c r="B15934" s="1" t="s">
        <v>60101</v>
      </c>
      <c r="C15934" s="1" t="s">
        <v>34980</v>
      </c>
      <c r="D15934" s="2">
        <v>168762</v>
      </c>
      <c r="E15934" s="1" t="s">
        <v>0</v>
      </c>
    </row>
    <row r="15935" spans="1:5" ht="409.5" x14ac:dyDescent="0.25">
      <c r="A15935" s="4" t="s">
        <v>34981</v>
      </c>
      <c r="B15935" s="1" t="s">
        <v>60102</v>
      </c>
      <c r="C15935" s="1" t="s">
        <v>34982</v>
      </c>
      <c r="D15935" s="2">
        <v>168763</v>
      </c>
      <c r="E15935" s="1" t="s">
        <v>0</v>
      </c>
    </row>
    <row r="15936" spans="1:5" x14ac:dyDescent="0.25">
      <c r="A15936" s="1" t="s">
        <v>34983</v>
      </c>
      <c r="B15936" s="1" t="s">
        <v>60103</v>
      </c>
      <c r="C15936" s="1" t="s">
        <v>34984</v>
      </c>
      <c r="D15936" s="2">
        <v>168764</v>
      </c>
      <c r="E15936" s="1" t="s">
        <v>0</v>
      </c>
    </row>
    <row r="15937" spans="1:5" x14ac:dyDescent="0.25">
      <c r="A15937" s="2">
        <v>3187</v>
      </c>
      <c r="B15937" s="2">
        <v>3187</v>
      </c>
      <c r="C15937" s="1" t="s">
        <v>0</v>
      </c>
      <c r="D15937" s="2">
        <v>168765</v>
      </c>
      <c r="E15937" s="1" t="s">
        <v>0</v>
      </c>
    </row>
    <row r="15938" spans="1:5" x14ac:dyDescent="0.25">
      <c r="A15938" s="1" t="s">
        <v>2906</v>
      </c>
      <c r="B15938" s="1" t="s">
        <v>60104</v>
      </c>
      <c r="C15938" s="1" t="s">
        <v>34985</v>
      </c>
      <c r="D15938" s="2">
        <v>168766</v>
      </c>
      <c r="E15938" s="1" t="s">
        <v>0</v>
      </c>
    </row>
    <row r="15939" spans="1:5" x14ac:dyDescent="0.25">
      <c r="A15939" s="1" t="s">
        <v>34986</v>
      </c>
      <c r="B15939" s="1" t="s">
        <v>54514</v>
      </c>
      <c r="C15939" s="1" t="s">
        <v>34987</v>
      </c>
      <c r="D15939" s="2">
        <v>168767</v>
      </c>
      <c r="E15939" s="1" t="s">
        <v>0</v>
      </c>
    </row>
    <row r="15940" spans="1:5" ht="409.5" x14ac:dyDescent="0.25">
      <c r="A15940" s="4" t="s">
        <v>34988</v>
      </c>
      <c r="B15940" s="1" t="s">
        <v>60105</v>
      </c>
      <c r="C15940" s="1" t="s">
        <v>34989</v>
      </c>
      <c r="D15940" s="2">
        <v>168768</v>
      </c>
      <c r="E15940" s="1" t="s">
        <v>0</v>
      </c>
    </row>
    <row r="15941" spans="1:5" x14ac:dyDescent="0.25">
      <c r="A15941" s="1" t="s">
        <v>34990</v>
      </c>
      <c r="B15941" s="1" t="s">
        <v>54515</v>
      </c>
      <c r="C15941" s="1" t="s">
        <v>34991</v>
      </c>
      <c r="D15941" s="2">
        <v>168769</v>
      </c>
      <c r="E15941" s="1" t="s">
        <v>0</v>
      </c>
    </row>
    <row r="15942" spans="1:5" x14ac:dyDescent="0.25">
      <c r="A15942" s="2">
        <v>3188</v>
      </c>
      <c r="B15942" s="2">
        <v>3188</v>
      </c>
      <c r="C15942" s="1" t="s">
        <v>0</v>
      </c>
      <c r="D15942" s="2">
        <v>168770</v>
      </c>
      <c r="E15942" s="1" t="s">
        <v>0</v>
      </c>
    </row>
    <row r="15943" spans="1:5" x14ac:dyDescent="0.25">
      <c r="A15943" s="1" t="s">
        <v>2907</v>
      </c>
      <c r="B15943" s="1" t="s">
        <v>9620</v>
      </c>
      <c r="C15943" s="1" t="s">
        <v>34992</v>
      </c>
      <c r="D15943" s="2">
        <v>168771</v>
      </c>
      <c r="E15943" s="1" t="s">
        <v>0</v>
      </c>
    </row>
    <row r="15944" spans="1:5" x14ac:dyDescent="0.25">
      <c r="A15944" s="1" t="s">
        <v>34993</v>
      </c>
      <c r="B15944" s="1" t="s">
        <v>54516</v>
      </c>
      <c r="C15944" s="1" t="s">
        <v>34994</v>
      </c>
      <c r="D15944" s="2">
        <v>168772</v>
      </c>
      <c r="E15944" s="1" t="s">
        <v>0</v>
      </c>
    </row>
    <row r="15945" spans="1:5" ht="409.5" x14ac:dyDescent="0.25">
      <c r="A15945" s="4" t="s">
        <v>34995</v>
      </c>
      <c r="B15945" s="1" t="s">
        <v>54517</v>
      </c>
      <c r="C15945" s="1" t="s">
        <v>34996</v>
      </c>
      <c r="D15945" s="2">
        <v>168773</v>
      </c>
      <c r="E15945" s="1" t="s">
        <v>0</v>
      </c>
    </row>
    <row r="15946" spans="1:5" x14ac:dyDescent="0.25">
      <c r="A15946" s="1" t="s">
        <v>34997</v>
      </c>
      <c r="B15946" s="1" t="s">
        <v>61210</v>
      </c>
      <c r="C15946" s="1" t="s">
        <v>34998</v>
      </c>
      <c r="D15946" s="2">
        <v>168774</v>
      </c>
      <c r="E15946" s="1" t="s">
        <v>0</v>
      </c>
    </row>
    <row r="15947" spans="1:5" x14ac:dyDescent="0.25">
      <c r="A15947" s="2">
        <v>3189</v>
      </c>
      <c r="B15947" s="2">
        <v>3189</v>
      </c>
      <c r="C15947" s="1" t="s">
        <v>0</v>
      </c>
      <c r="D15947" s="2">
        <v>168775</v>
      </c>
      <c r="E15947" s="1" t="s">
        <v>0</v>
      </c>
    </row>
    <row r="15948" spans="1:5" x14ac:dyDescent="0.25">
      <c r="A15948" s="1" t="s">
        <v>2908</v>
      </c>
      <c r="B15948" s="1" t="s">
        <v>9621</v>
      </c>
      <c r="C15948" s="1" t="s">
        <v>34999</v>
      </c>
      <c r="D15948" s="2">
        <v>168776</v>
      </c>
      <c r="E15948" s="1" t="s">
        <v>0</v>
      </c>
    </row>
    <row r="15949" spans="1:5" x14ac:dyDescent="0.25">
      <c r="A15949" s="1" t="s">
        <v>35000</v>
      </c>
      <c r="B15949" s="1" t="s">
        <v>58452</v>
      </c>
      <c r="C15949" s="1" t="s">
        <v>35001</v>
      </c>
      <c r="D15949" s="2">
        <v>168777</v>
      </c>
      <c r="E15949" s="1" t="s">
        <v>0</v>
      </c>
    </row>
    <row r="15950" spans="1:5" ht="409.5" x14ac:dyDescent="0.25">
      <c r="A15950" s="4" t="s">
        <v>35002</v>
      </c>
      <c r="B15950" s="1" t="s">
        <v>62642</v>
      </c>
      <c r="C15950" s="1" t="s">
        <v>35003</v>
      </c>
      <c r="D15950" s="2">
        <v>168778</v>
      </c>
      <c r="E15950" s="1" t="s">
        <v>0</v>
      </c>
    </row>
    <row r="15951" spans="1:5" x14ac:dyDescent="0.25">
      <c r="A15951" s="1" t="s">
        <v>35004</v>
      </c>
      <c r="B15951" s="1" t="s">
        <v>54518</v>
      </c>
      <c r="C15951" s="1" t="s">
        <v>35005</v>
      </c>
      <c r="D15951" s="2">
        <v>168779</v>
      </c>
      <c r="E15951" s="1" t="s">
        <v>0</v>
      </c>
    </row>
    <row r="15952" spans="1:5" x14ac:dyDescent="0.25">
      <c r="A15952" s="2">
        <v>3190</v>
      </c>
      <c r="B15952" s="2">
        <v>3190</v>
      </c>
      <c r="C15952" s="1" t="s">
        <v>0</v>
      </c>
      <c r="D15952" s="2">
        <v>168780</v>
      </c>
      <c r="E15952" s="1" t="s">
        <v>0</v>
      </c>
    </row>
    <row r="15953" spans="1:5" x14ac:dyDescent="0.25">
      <c r="A15953" s="1" t="s">
        <v>2909</v>
      </c>
      <c r="B15953" s="1" t="s">
        <v>63418</v>
      </c>
      <c r="C15953" s="1" t="s">
        <v>35006</v>
      </c>
      <c r="D15953" s="2">
        <v>168781</v>
      </c>
      <c r="E15953" s="1" t="s">
        <v>0</v>
      </c>
    </row>
    <row r="15954" spans="1:5" x14ac:dyDescent="0.25">
      <c r="A15954" s="1" t="s">
        <v>35007</v>
      </c>
      <c r="B15954" s="1" t="s">
        <v>54519</v>
      </c>
      <c r="C15954" s="1" t="s">
        <v>35008</v>
      </c>
      <c r="D15954" s="2">
        <v>168782</v>
      </c>
      <c r="E15954" s="1" t="s">
        <v>0</v>
      </c>
    </row>
    <row r="15955" spans="1:5" ht="409.5" x14ac:dyDescent="0.25">
      <c r="A15955" s="4" t="s">
        <v>35009</v>
      </c>
      <c r="B15955" s="1" t="s">
        <v>60106</v>
      </c>
      <c r="C15955" s="1" t="s">
        <v>35010</v>
      </c>
      <c r="D15955" s="2">
        <v>168783</v>
      </c>
      <c r="E15955" s="1" t="s">
        <v>0</v>
      </c>
    </row>
    <row r="15956" spans="1:5" x14ac:dyDescent="0.25">
      <c r="A15956" s="1" t="s">
        <v>35011</v>
      </c>
      <c r="B15956" s="1" t="s">
        <v>9622</v>
      </c>
      <c r="C15956" s="1" t="s">
        <v>35012</v>
      </c>
      <c r="D15956" s="2">
        <v>168784</v>
      </c>
      <c r="E15956" s="1" t="s">
        <v>0</v>
      </c>
    </row>
    <row r="15957" spans="1:5" x14ac:dyDescent="0.25">
      <c r="A15957" s="2">
        <v>3191</v>
      </c>
      <c r="B15957" s="2">
        <v>3191</v>
      </c>
      <c r="C15957" s="1" t="s">
        <v>0</v>
      </c>
      <c r="D15957" s="2">
        <v>168785</v>
      </c>
      <c r="E15957" s="1" t="s">
        <v>0</v>
      </c>
    </row>
    <row r="15958" spans="1:5" x14ac:dyDescent="0.25">
      <c r="A15958" s="1" t="s">
        <v>9623</v>
      </c>
      <c r="B15958" s="1" t="s">
        <v>50836</v>
      </c>
      <c r="C15958" s="1" t="s">
        <v>35013</v>
      </c>
      <c r="D15958" s="2">
        <v>168786</v>
      </c>
      <c r="E15958" s="1" t="s">
        <v>0</v>
      </c>
    </row>
    <row r="15959" spans="1:5" x14ac:dyDescent="0.25">
      <c r="A15959" s="1" t="s">
        <v>9624</v>
      </c>
      <c r="B15959" s="1" t="s">
        <v>56803</v>
      </c>
      <c r="C15959" s="1" t="s">
        <v>35014</v>
      </c>
      <c r="D15959" s="2">
        <v>168787</v>
      </c>
      <c r="E15959" s="1" t="s">
        <v>0</v>
      </c>
    </row>
    <row r="15960" spans="1:5" ht="409.5" x14ac:dyDescent="0.25">
      <c r="A15960" s="4" t="s">
        <v>64231</v>
      </c>
      <c r="B15960" s="1" t="s">
        <v>57566</v>
      </c>
      <c r="C15960" s="1" t="s">
        <v>35015</v>
      </c>
      <c r="D15960" s="2">
        <v>168788</v>
      </c>
      <c r="E15960" s="1" t="s">
        <v>0</v>
      </c>
    </row>
    <row r="15961" spans="1:5" x14ac:dyDescent="0.25">
      <c r="A15961" s="1" t="s">
        <v>35016</v>
      </c>
      <c r="B15961" s="1" t="s">
        <v>9625</v>
      </c>
      <c r="C15961" s="1" t="s">
        <v>35017</v>
      </c>
      <c r="D15961" s="2">
        <v>168789</v>
      </c>
      <c r="E15961" s="1" t="s">
        <v>0</v>
      </c>
    </row>
    <row r="15962" spans="1:5" x14ac:dyDescent="0.25">
      <c r="A15962" s="2">
        <v>3192</v>
      </c>
      <c r="B15962" s="2">
        <v>3192</v>
      </c>
      <c r="C15962" s="1" t="s">
        <v>0</v>
      </c>
      <c r="D15962" s="2">
        <v>168790</v>
      </c>
      <c r="E15962" s="1" t="s">
        <v>0</v>
      </c>
    </row>
    <row r="15963" spans="1:5" x14ac:dyDescent="0.25">
      <c r="A15963" s="1" t="s">
        <v>2910</v>
      </c>
      <c r="B15963" s="1" t="s">
        <v>9626</v>
      </c>
      <c r="C15963" s="1" t="s">
        <v>35018</v>
      </c>
      <c r="D15963" s="2">
        <v>168791</v>
      </c>
      <c r="E15963" s="1" t="s">
        <v>0</v>
      </c>
    </row>
    <row r="15964" spans="1:5" x14ac:dyDescent="0.25">
      <c r="A15964" s="1" t="s">
        <v>35019</v>
      </c>
      <c r="B15964" s="1" t="s">
        <v>54520</v>
      </c>
      <c r="C15964" s="1" t="s">
        <v>35020</v>
      </c>
      <c r="D15964" s="2">
        <v>168792</v>
      </c>
      <c r="E15964" s="1" t="s">
        <v>0</v>
      </c>
    </row>
    <row r="15965" spans="1:5" ht="409.5" x14ac:dyDescent="0.25">
      <c r="A15965" s="4" t="s">
        <v>35021</v>
      </c>
      <c r="B15965" s="1" t="s">
        <v>54521</v>
      </c>
      <c r="C15965" s="1" t="s">
        <v>35022</v>
      </c>
      <c r="D15965" s="2">
        <v>168793</v>
      </c>
      <c r="E15965" s="1" t="s">
        <v>0</v>
      </c>
    </row>
    <row r="15966" spans="1:5" x14ac:dyDescent="0.25">
      <c r="A15966" s="1" t="s">
        <v>35023</v>
      </c>
      <c r="B15966" s="1" t="s">
        <v>57256</v>
      </c>
      <c r="C15966" s="1" t="s">
        <v>35024</v>
      </c>
      <c r="D15966" s="2">
        <v>168794</v>
      </c>
      <c r="E15966" s="1" t="s">
        <v>0</v>
      </c>
    </row>
    <row r="15967" spans="1:5" x14ac:dyDescent="0.25">
      <c r="A15967" s="2">
        <v>3193</v>
      </c>
      <c r="B15967" s="2">
        <v>3193</v>
      </c>
      <c r="C15967" s="1" t="s">
        <v>0</v>
      </c>
      <c r="D15967" s="2">
        <v>168795</v>
      </c>
      <c r="E15967" s="1" t="s">
        <v>0</v>
      </c>
    </row>
    <row r="15968" spans="1:5" x14ac:dyDescent="0.25">
      <c r="A15968" s="1" t="s">
        <v>13193</v>
      </c>
      <c r="B15968" s="1" t="s">
        <v>9627</v>
      </c>
      <c r="C15968" s="1" t="s">
        <v>35025</v>
      </c>
      <c r="D15968" s="2">
        <v>168796</v>
      </c>
      <c r="E15968" s="1" t="s">
        <v>0</v>
      </c>
    </row>
    <row r="15969" spans="1:5" x14ac:dyDescent="0.25">
      <c r="A15969" s="1" t="s">
        <v>35026</v>
      </c>
      <c r="B15969" s="1" t="s">
        <v>62643</v>
      </c>
      <c r="C15969" s="1" t="s">
        <v>35027</v>
      </c>
      <c r="D15969" s="2">
        <v>168797</v>
      </c>
      <c r="E15969" s="1" t="s">
        <v>0</v>
      </c>
    </row>
    <row r="15970" spans="1:5" ht="409.5" x14ac:dyDescent="0.25">
      <c r="A15970" s="4" t="s">
        <v>35028</v>
      </c>
      <c r="B15970" s="1" t="s">
        <v>62644</v>
      </c>
      <c r="C15970" s="1" t="s">
        <v>35029</v>
      </c>
      <c r="D15970" s="2">
        <v>168798</v>
      </c>
      <c r="E15970" s="1" t="s">
        <v>0</v>
      </c>
    </row>
    <row r="15971" spans="1:5" x14ac:dyDescent="0.25">
      <c r="A15971" s="1" t="s">
        <v>35030</v>
      </c>
      <c r="B15971" s="1" t="s">
        <v>9628</v>
      </c>
      <c r="C15971" s="1" t="s">
        <v>35031</v>
      </c>
      <c r="D15971" s="2">
        <v>168799</v>
      </c>
      <c r="E15971" s="1" t="s">
        <v>0</v>
      </c>
    </row>
    <row r="15972" spans="1:5" x14ac:dyDescent="0.25">
      <c r="A15972" s="2">
        <v>3194</v>
      </c>
      <c r="B15972" s="2">
        <v>3194</v>
      </c>
      <c r="C15972" s="1" t="s">
        <v>0</v>
      </c>
      <c r="D15972" s="2">
        <v>168800</v>
      </c>
      <c r="E15972" s="1" t="s">
        <v>0</v>
      </c>
    </row>
    <row r="15973" spans="1:5" x14ac:dyDescent="0.25">
      <c r="A15973" s="1" t="s">
        <v>2911</v>
      </c>
      <c r="B15973" s="1" t="s">
        <v>9629</v>
      </c>
      <c r="C15973" s="1" t="s">
        <v>35032</v>
      </c>
      <c r="D15973" s="2">
        <v>168801</v>
      </c>
      <c r="E15973" s="1" t="s">
        <v>0</v>
      </c>
    </row>
    <row r="15974" spans="1:5" x14ac:dyDescent="0.25">
      <c r="A15974" s="1" t="s">
        <v>35033</v>
      </c>
      <c r="B15974" s="1" t="s">
        <v>9630</v>
      </c>
      <c r="C15974" s="1" t="s">
        <v>35034</v>
      </c>
      <c r="D15974" s="2">
        <v>168802</v>
      </c>
      <c r="E15974" s="1" t="s">
        <v>0</v>
      </c>
    </row>
    <row r="15975" spans="1:5" ht="409.5" x14ac:dyDescent="0.25">
      <c r="A15975" s="4" t="s">
        <v>35035</v>
      </c>
      <c r="B15975" s="1" t="s">
        <v>54522</v>
      </c>
      <c r="C15975" s="1" t="s">
        <v>35036</v>
      </c>
      <c r="D15975" s="2">
        <v>168803</v>
      </c>
      <c r="E15975" s="1" t="s">
        <v>0</v>
      </c>
    </row>
    <row r="15976" spans="1:5" x14ac:dyDescent="0.25">
      <c r="A15976" s="1" t="s">
        <v>35037</v>
      </c>
      <c r="B15976" s="1" t="s">
        <v>9631</v>
      </c>
      <c r="C15976" s="1" t="s">
        <v>35038</v>
      </c>
      <c r="D15976" s="2">
        <v>168804</v>
      </c>
      <c r="E15976" s="1" t="s">
        <v>0</v>
      </c>
    </row>
    <row r="15977" spans="1:5" x14ac:dyDescent="0.25">
      <c r="A15977" s="2">
        <v>3195</v>
      </c>
      <c r="B15977" s="2">
        <v>3195</v>
      </c>
      <c r="C15977" s="1" t="s">
        <v>0</v>
      </c>
      <c r="D15977" s="2">
        <v>168805</v>
      </c>
      <c r="E15977" s="1" t="s">
        <v>0</v>
      </c>
    </row>
    <row r="15978" spans="1:5" x14ac:dyDescent="0.25">
      <c r="A15978" s="1" t="s">
        <v>2912</v>
      </c>
      <c r="B15978" s="1" t="s">
        <v>9632</v>
      </c>
      <c r="C15978" s="1" t="s">
        <v>35039</v>
      </c>
      <c r="D15978" s="2">
        <v>168806</v>
      </c>
      <c r="E15978" s="1" t="s">
        <v>0</v>
      </c>
    </row>
    <row r="15979" spans="1:5" x14ac:dyDescent="0.25">
      <c r="A15979" s="1" t="s">
        <v>35040</v>
      </c>
      <c r="B15979" s="1" t="s">
        <v>9633</v>
      </c>
      <c r="C15979" s="1" t="s">
        <v>35041</v>
      </c>
      <c r="D15979" s="2">
        <v>168807</v>
      </c>
      <c r="E15979" s="1" t="s">
        <v>0</v>
      </c>
    </row>
    <row r="15980" spans="1:5" ht="409.5" x14ac:dyDescent="0.25">
      <c r="A15980" s="4" t="s">
        <v>35042</v>
      </c>
      <c r="B15980" s="1" t="s">
        <v>63419</v>
      </c>
      <c r="C15980" s="1" t="s">
        <v>35043</v>
      </c>
      <c r="D15980" s="2">
        <v>168808</v>
      </c>
      <c r="E15980" s="1" t="s">
        <v>0</v>
      </c>
    </row>
    <row r="15981" spans="1:5" x14ac:dyDescent="0.25">
      <c r="A15981" s="1" t="s">
        <v>35044</v>
      </c>
      <c r="B15981" s="1" t="s">
        <v>50837</v>
      </c>
      <c r="C15981" s="1" t="s">
        <v>35045</v>
      </c>
      <c r="D15981" s="2">
        <v>168809</v>
      </c>
      <c r="E15981" s="1" t="s">
        <v>0</v>
      </c>
    </row>
    <row r="15982" spans="1:5" x14ac:dyDescent="0.25">
      <c r="A15982" s="2">
        <v>3196</v>
      </c>
      <c r="B15982" s="2">
        <v>3196</v>
      </c>
      <c r="C15982" s="1" t="s">
        <v>0</v>
      </c>
      <c r="D15982" s="2">
        <v>168810</v>
      </c>
      <c r="E15982" s="1" t="s">
        <v>0</v>
      </c>
    </row>
    <row r="15983" spans="1:5" x14ac:dyDescent="0.25">
      <c r="A15983" s="1" t="s">
        <v>2913</v>
      </c>
      <c r="B15983" s="1" t="s">
        <v>9634</v>
      </c>
      <c r="C15983" s="1" t="s">
        <v>35046</v>
      </c>
      <c r="D15983" s="2">
        <v>168811</v>
      </c>
      <c r="E15983" s="1" t="s">
        <v>0</v>
      </c>
    </row>
    <row r="15984" spans="1:5" x14ac:dyDescent="0.25">
      <c r="A15984" s="1" t="s">
        <v>35047</v>
      </c>
      <c r="B15984" s="1" t="s">
        <v>58453</v>
      </c>
      <c r="C15984" s="1" t="s">
        <v>35048</v>
      </c>
      <c r="D15984" s="2">
        <v>168812</v>
      </c>
      <c r="E15984" s="1" t="s">
        <v>0</v>
      </c>
    </row>
    <row r="15985" spans="1:5" ht="409.5" x14ac:dyDescent="0.25">
      <c r="A15985" s="4" t="s">
        <v>35049</v>
      </c>
      <c r="B15985" s="1" t="s">
        <v>58454</v>
      </c>
      <c r="C15985" s="1" t="s">
        <v>35050</v>
      </c>
      <c r="D15985" s="2">
        <v>168813</v>
      </c>
      <c r="E15985" s="1" t="s">
        <v>0</v>
      </c>
    </row>
    <row r="15986" spans="1:5" x14ac:dyDescent="0.25">
      <c r="A15986" s="1" t="s">
        <v>35051</v>
      </c>
      <c r="B15986" s="1" t="s">
        <v>54523</v>
      </c>
      <c r="C15986" s="1" t="s">
        <v>35052</v>
      </c>
      <c r="D15986" s="2">
        <v>168814</v>
      </c>
      <c r="E15986" s="1" t="s">
        <v>0</v>
      </c>
    </row>
    <row r="15987" spans="1:5" x14ac:dyDescent="0.25">
      <c r="A15987" s="2">
        <v>3197</v>
      </c>
      <c r="B15987" s="2">
        <v>3197</v>
      </c>
      <c r="C15987" s="1" t="s">
        <v>0</v>
      </c>
      <c r="D15987" s="2">
        <v>168815</v>
      </c>
      <c r="E15987" s="1" t="s">
        <v>0</v>
      </c>
    </row>
    <row r="15988" spans="1:5" x14ac:dyDescent="0.25">
      <c r="A15988" s="1" t="s">
        <v>2914</v>
      </c>
      <c r="B15988" s="1" t="s">
        <v>50838</v>
      </c>
      <c r="C15988" s="1" t="s">
        <v>35053</v>
      </c>
      <c r="D15988" s="2">
        <v>168816</v>
      </c>
      <c r="E15988" s="1" t="s">
        <v>0</v>
      </c>
    </row>
    <row r="15989" spans="1:5" x14ac:dyDescent="0.25">
      <c r="A15989" s="1" t="s">
        <v>35054</v>
      </c>
      <c r="B15989" s="1" t="s">
        <v>54524</v>
      </c>
      <c r="C15989" s="1" t="s">
        <v>35055</v>
      </c>
      <c r="D15989" s="2">
        <v>168817</v>
      </c>
      <c r="E15989" s="1" t="s">
        <v>0</v>
      </c>
    </row>
    <row r="15990" spans="1:5" ht="409.5" x14ac:dyDescent="0.25">
      <c r="A15990" s="4" t="s">
        <v>35056</v>
      </c>
      <c r="B15990" s="1" t="s">
        <v>61211</v>
      </c>
      <c r="C15990" s="1" t="s">
        <v>35057</v>
      </c>
      <c r="D15990" s="2">
        <v>168818</v>
      </c>
      <c r="E15990" s="1" t="s">
        <v>0</v>
      </c>
    </row>
    <row r="15991" spans="1:5" x14ac:dyDescent="0.25">
      <c r="A15991" s="1" t="s">
        <v>35058</v>
      </c>
      <c r="B15991" s="1" t="s">
        <v>2915</v>
      </c>
      <c r="C15991" s="1" t="s">
        <v>35059</v>
      </c>
      <c r="D15991" s="2">
        <v>168819</v>
      </c>
      <c r="E15991" s="1" t="s">
        <v>0</v>
      </c>
    </row>
    <row r="15992" spans="1:5" x14ac:dyDescent="0.25">
      <c r="A15992" s="2">
        <v>3198</v>
      </c>
      <c r="B15992" s="2">
        <v>3198</v>
      </c>
      <c r="C15992" s="1" t="s">
        <v>0</v>
      </c>
      <c r="D15992" s="2">
        <v>168820</v>
      </c>
      <c r="E15992" s="1" t="s">
        <v>0</v>
      </c>
    </row>
    <row r="15993" spans="1:5" x14ac:dyDescent="0.25">
      <c r="A15993" s="1" t="s">
        <v>2916</v>
      </c>
      <c r="B15993" s="1" t="s">
        <v>9635</v>
      </c>
      <c r="C15993" s="1" t="s">
        <v>35060</v>
      </c>
      <c r="D15993" s="2">
        <v>168821</v>
      </c>
      <c r="E15993" s="1" t="s">
        <v>0</v>
      </c>
    </row>
    <row r="15994" spans="1:5" x14ac:dyDescent="0.25">
      <c r="A15994" s="1" t="s">
        <v>35061</v>
      </c>
      <c r="B15994" s="1" t="s">
        <v>54525</v>
      </c>
      <c r="C15994" s="1" t="s">
        <v>35062</v>
      </c>
      <c r="D15994" s="2">
        <v>168822</v>
      </c>
      <c r="E15994" s="1" t="s">
        <v>0</v>
      </c>
    </row>
    <row r="15995" spans="1:5" ht="409.5" x14ac:dyDescent="0.25">
      <c r="A15995" s="4" t="s">
        <v>35063</v>
      </c>
      <c r="B15995" s="1" t="s">
        <v>57567</v>
      </c>
      <c r="C15995" s="1" t="s">
        <v>35064</v>
      </c>
      <c r="D15995" s="2">
        <v>168823</v>
      </c>
      <c r="E15995" s="1" t="s">
        <v>0</v>
      </c>
    </row>
    <row r="15996" spans="1:5" x14ac:dyDescent="0.25">
      <c r="A15996" s="1" t="s">
        <v>35065</v>
      </c>
      <c r="B15996" s="1" t="s">
        <v>54526</v>
      </c>
      <c r="C15996" s="1" t="s">
        <v>35066</v>
      </c>
      <c r="D15996" s="2">
        <v>168824</v>
      </c>
      <c r="E15996" s="1" t="s">
        <v>0</v>
      </c>
    </row>
    <row r="15997" spans="1:5" x14ac:dyDescent="0.25">
      <c r="A15997" s="2">
        <v>3199</v>
      </c>
      <c r="B15997" s="2">
        <v>3199</v>
      </c>
      <c r="C15997" s="1" t="s">
        <v>0</v>
      </c>
      <c r="D15997" s="2">
        <v>168825</v>
      </c>
      <c r="E15997" s="1" t="s">
        <v>0</v>
      </c>
    </row>
    <row r="15998" spans="1:5" x14ac:dyDescent="0.25">
      <c r="A15998" s="1" t="s">
        <v>2917</v>
      </c>
      <c r="B15998" s="1" t="s">
        <v>54527</v>
      </c>
      <c r="C15998" s="1" t="s">
        <v>35067</v>
      </c>
      <c r="D15998" s="2">
        <v>168826</v>
      </c>
      <c r="E15998" s="1" t="s">
        <v>0</v>
      </c>
    </row>
    <row r="15999" spans="1:5" x14ac:dyDescent="0.25">
      <c r="A15999" s="1" t="s">
        <v>35068</v>
      </c>
      <c r="B15999" s="1" t="s">
        <v>54528</v>
      </c>
      <c r="C15999" s="1" t="s">
        <v>35069</v>
      </c>
      <c r="D15999" s="2">
        <v>168827</v>
      </c>
      <c r="E15999" s="1" t="s">
        <v>0</v>
      </c>
    </row>
    <row r="16000" spans="1:5" ht="409.5" x14ac:dyDescent="0.25">
      <c r="A16000" s="4" t="s">
        <v>35070</v>
      </c>
      <c r="B16000" s="1" t="s">
        <v>54529</v>
      </c>
      <c r="C16000" s="1" t="s">
        <v>35071</v>
      </c>
      <c r="D16000" s="2">
        <v>168828</v>
      </c>
      <c r="E16000" s="1" t="s">
        <v>0</v>
      </c>
    </row>
    <row r="16001" spans="1:5" x14ac:dyDescent="0.25">
      <c r="A16001" s="1" t="s">
        <v>35072</v>
      </c>
      <c r="B16001" s="1" t="s">
        <v>54530</v>
      </c>
      <c r="C16001" s="1" t="s">
        <v>35073</v>
      </c>
      <c r="D16001" s="2">
        <v>168829</v>
      </c>
      <c r="E16001" s="1" t="s">
        <v>0</v>
      </c>
    </row>
    <row r="16002" spans="1:5" x14ac:dyDescent="0.25">
      <c r="A16002" s="2">
        <v>3200</v>
      </c>
      <c r="B16002" s="2">
        <v>3200</v>
      </c>
      <c r="C16002" s="1" t="s">
        <v>0</v>
      </c>
      <c r="D16002" s="2">
        <v>168830</v>
      </c>
      <c r="E16002" s="1" t="s">
        <v>0</v>
      </c>
    </row>
    <row r="16003" spans="1:5" x14ac:dyDescent="0.25">
      <c r="A16003" s="1" t="s">
        <v>2918</v>
      </c>
      <c r="B16003" s="1" t="s">
        <v>9636</v>
      </c>
      <c r="C16003" s="1" t="s">
        <v>35074</v>
      </c>
      <c r="D16003" s="2">
        <v>168831</v>
      </c>
      <c r="E16003" s="1" t="s">
        <v>0</v>
      </c>
    </row>
    <row r="16004" spans="1:5" x14ac:dyDescent="0.25">
      <c r="A16004" s="1" t="s">
        <v>35075</v>
      </c>
      <c r="B16004" s="1" t="s">
        <v>58455</v>
      </c>
      <c r="C16004" s="1" t="s">
        <v>35076</v>
      </c>
      <c r="D16004" s="2">
        <v>168832</v>
      </c>
      <c r="E16004" s="1" t="s">
        <v>0</v>
      </c>
    </row>
    <row r="16005" spans="1:5" ht="409.5" x14ac:dyDescent="0.25">
      <c r="A16005" s="4" t="s">
        <v>35077</v>
      </c>
      <c r="B16005" s="1" t="s">
        <v>59648</v>
      </c>
      <c r="C16005" s="1" t="s">
        <v>35078</v>
      </c>
      <c r="D16005" s="2">
        <v>168833</v>
      </c>
      <c r="E16005" s="1" t="s">
        <v>0</v>
      </c>
    </row>
    <row r="16006" spans="1:5" x14ac:dyDescent="0.25">
      <c r="A16006" s="1" t="s">
        <v>35079</v>
      </c>
      <c r="B16006" s="1" t="s">
        <v>54531</v>
      </c>
      <c r="C16006" s="1" t="s">
        <v>35080</v>
      </c>
      <c r="D16006" s="2">
        <v>168834</v>
      </c>
      <c r="E16006" s="1" t="s">
        <v>0</v>
      </c>
    </row>
    <row r="16007" spans="1:5" x14ac:dyDescent="0.25">
      <c r="A16007" s="2">
        <v>3201</v>
      </c>
      <c r="B16007" s="2">
        <v>3201</v>
      </c>
      <c r="C16007" s="1" t="s">
        <v>0</v>
      </c>
      <c r="D16007" s="2">
        <v>168835</v>
      </c>
      <c r="E16007" s="1" t="s">
        <v>0</v>
      </c>
    </row>
    <row r="16008" spans="1:5" x14ac:dyDescent="0.25">
      <c r="A16008" s="1" t="s">
        <v>2919</v>
      </c>
      <c r="B16008" s="1" t="s">
        <v>9637</v>
      </c>
      <c r="C16008" s="1" t="s">
        <v>35081</v>
      </c>
      <c r="D16008" s="2">
        <v>168836</v>
      </c>
      <c r="E16008" s="1" t="s">
        <v>0</v>
      </c>
    </row>
    <row r="16009" spans="1:5" x14ac:dyDescent="0.25">
      <c r="A16009" s="1" t="s">
        <v>35082</v>
      </c>
      <c r="B16009" s="1" t="s">
        <v>9638</v>
      </c>
      <c r="C16009" s="1" t="s">
        <v>35083</v>
      </c>
      <c r="D16009" s="2">
        <v>168837</v>
      </c>
      <c r="E16009" s="1" t="s">
        <v>0</v>
      </c>
    </row>
    <row r="16010" spans="1:5" ht="409.5" x14ac:dyDescent="0.25">
      <c r="A16010" s="4" t="s">
        <v>35084</v>
      </c>
      <c r="B16010" s="1" t="s">
        <v>9639</v>
      </c>
      <c r="C16010" s="1" t="s">
        <v>35085</v>
      </c>
      <c r="D16010" s="2">
        <v>168838</v>
      </c>
      <c r="E16010" s="1" t="s">
        <v>0</v>
      </c>
    </row>
    <row r="16011" spans="1:5" x14ac:dyDescent="0.25">
      <c r="A16011" s="1" t="s">
        <v>35086</v>
      </c>
      <c r="B16011" s="1" t="s">
        <v>54532</v>
      </c>
      <c r="C16011" s="1" t="s">
        <v>35087</v>
      </c>
      <c r="D16011" s="2">
        <v>168839</v>
      </c>
      <c r="E16011" s="1" t="s">
        <v>0</v>
      </c>
    </row>
    <row r="16012" spans="1:5" x14ac:dyDescent="0.25">
      <c r="A16012" s="2">
        <v>3202</v>
      </c>
      <c r="B16012" s="2">
        <v>3202</v>
      </c>
      <c r="C16012" s="1" t="s">
        <v>0</v>
      </c>
      <c r="D16012" s="2">
        <v>168840</v>
      </c>
      <c r="E16012" s="1" t="s">
        <v>0</v>
      </c>
    </row>
    <row r="16013" spans="1:5" x14ac:dyDescent="0.25">
      <c r="A16013" s="1" t="s">
        <v>2920</v>
      </c>
      <c r="B16013" s="1" t="s">
        <v>9640</v>
      </c>
      <c r="C16013" s="1" t="s">
        <v>35088</v>
      </c>
      <c r="D16013" s="2">
        <v>168841</v>
      </c>
      <c r="E16013" s="1" t="s">
        <v>0</v>
      </c>
    </row>
    <row r="16014" spans="1:5" x14ac:dyDescent="0.25">
      <c r="A16014" s="1" t="s">
        <v>35089</v>
      </c>
      <c r="B16014" s="1" t="s">
        <v>54533</v>
      </c>
      <c r="C16014" s="1" t="s">
        <v>35090</v>
      </c>
      <c r="D16014" s="2">
        <v>168842</v>
      </c>
      <c r="E16014" s="1" t="s">
        <v>0</v>
      </c>
    </row>
    <row r="16015" spans="1:5" ht="409.5" x14ac:dyDescent="0.25">
      <c r="A16015" s="4" t="s">
        <v>35091</v>
      </c>
      <c r="B16015" s="1" t="s">
        <v>54534</v>
      </c>
      <c r="C16015" s="1" t="s">
        <v>35092</v>
      </c>
      <c r="D16015" s="2">
        <v>168843</v>
      </c>
      <c r="E16015" s="1" t="s">
        <v>0</v>
      </c>
    </row>
    <row r="16016" spans="1:5" x14ac:dyDescent="0.25">
      <c r="A16016" s="1" t="s">
        <v>35093</v>
      </c>
      <c r="B16016" s="1" t="s">
        <v>54535</v>
      </c>
      <c r="C16016" s="1" t="s">
        <v>35094</v>
      </c>
      <c r="D16016" s="2">
        <v>168844</v>
      </c>
      <c r="E16016" s="1" t="s">
        <v>0</v>
      </c>
    </row>
    <row r="16017" spans="1:5" x14ac:dyDescent="0.25">
      <c r="A16017" s="2">
        <v>3203</v>
      </c>
      <c r="B16017" s="2">
        <v>3203</v>
      </c>
      <c r="C16017" s="1" t="s">
        <v>0</v>
      </c>
      <c r="D16017" s="2">
        <v>168845</v>
      </c>
      <c r="E16017" s="1" t="s">
        <v>0</v>
      </c>
    </row>
    <row r="16018" spans="1:5" x14ac:dyDescent="0.25">
      <c r="A16018" s="1" t="s">
        <v>2921</v>
      </c>
      <c r="B16018" s="1" t="s">
        <v>9641</v>
      </c>
      <c r="C16018" s="1" t="s">
        <v>35095</v>
      </c>
      <c r="D16018" s="2">
        <v>168846</v>
      </c>
      <c r="E16018" s="1" t="s">
        <v>0</v>
      </c>
    </row>
    <row r="16019" spans="1:5" x14ac:dyDescent="0.25">
      <c r="A16019" s="1" t="s">
        <v>64232</v>
      </c>
      <c r="B16019" s="1" t="s">
        <v>13194</v>
      </c>
      <c r="C16019" s="1" t="s">
        <v>35096</v>
      </c>
      <c r="D16019" s="2">
        <v>168847</v>
      </c>
      <c r="E16019" s="1" t="s">
        <v>0</v>
      </c>
    </row>
    <row r="16020" spans="1:5" ht="409.5" x14ac:dyDescent="0.25">
      <c r="A16020" s="4" t="s">
        <v>64233</v>
      </c>
      <c r="B16020" s="1" t="s">
        <v>54536</v>
      </c>
      <c r="C16020" s="1" t="s">
        <v>35097</v>
      </c>
      <c r="D16020" s="2">
        <v>168848</v>
      </c>
      <c r="E16020" s="1" t="s">
        <v>0</v>
      </c>
    </row>
    <row r="16021" spans="1:5" x14ac:dyDescent="0.25">
      <c r="A16021" s="1" t="s">
        <v>35098</v>
      </c>
      <c r="B16021" s="1" t="s">
        <v>9642</v>
      </c>
      <c r="C16021" s="1" t="s">
        <v>35099</v>
      </c>
      <c r="D16021" s="2">
        <v>168849</v>
      </c>
      <c r="E16021" s="1" t="s">
        <v>0</v>
      </c>
    </row>
    <row r="16022" spans="1:5" x14ac:dyDescent="0.25">
      <c r="A16022" s="2">
        <v>3204</v>
      </c>
      <c r="B16022" s="2">
        <v>3204</v>
      </c>
      <c r="C16022" s="1" t="s">
        <v>0</v>
      </c>
      <c r="D16022" s="2">
        <v>168850</v>
      </c>
      <c r="E16022" s="1" t="s">
        <v>0</v>
      </c>
    </row>
    <row r="16023" spans="1:5" x14ac:dyDescent="0.25">
      <c r="A16023" s="1" t="s">
        <v>2922</v>
      </c>
      <c r="B16023" s="1" t="s">
        <v>9643</v>
      </c>
      <c r="C16023" s="1" t="s">
        <v>35100</v>
      </c>
      <c r="D16023" s="2">
        <v>168851</v>
      </c>
      <c r="E16023" s="1" t="s">
        <v>0</v>
      </c>
    </row>
    <row r="16024" spans="1:5" x14ac:dyDescent="0.25">
      <c r="A16024" s="1" t="s">
        <v>35101</v>
      </c>
      <c r="B16024" s="1" t="s">
        <v>62645</v>
      </c>
      <c r="C16024" s="1" t="s">
        <v>35102</v>
      </c>
      <c r="D16024" s="2">
        <v>168852</v>
      </c>
      <c r="E16024" s="1" t="s">
        <v>0</v>
      </c>
    </row>
    <row r="16025" spans="1:5" ht="409.5" x14ac:dyDescent="0.25">
      <c r="A16025" s="4" t="s">
        <v>35103</v>
      </c>
      <c r="B16025" s="1" t="s">
        <v>62646</v>
      </c>
      <c r="C16025" s="1" t="s">
        <v>35104</v>
      </c>
      <c r="D16025" s="2">
        <v>168853</v>
      </c>
      <c r="E16025" s="1" t="s">
        <v>0</v>
      </c>
    </row>
    <row r="16026" spans="1:5" x14ac:dyDescent="0.25">
      <c r="A16026" s="1" t="s">
        <v>35105</v>
      </c>
      <c r="B16026" s="1" t="s">
        <v>62647</v>
      </c>
      <c r="C16026" s="1" t="s">
        <v>35106</v>
      </c>
      <c r="D16026" s="2">
        <v>168854</v>
      </c>
      <c r="E16026" s="1" t="s">
        <v>0</v>
      </c>
    </row>
    <row r="16027" spans="1:5" x14ac:dyDescent="0.25">
      <c r="A16027" s="2">
        <v>3205</v>
      </c>
      <c r="B16027" s="2">
        <v>3205</v>
      </c>
      <c r="C16027" s="1" t="s">
        <v>0</v>
      </c>
      <c r="D16027" s="2">
        <v>168855</v>
      </c>
      <c r="E16027" s="1" t="s">
        <v>0</v>
      </c>
    </row>
    <row r="16028" spans="1:5" x14ac:dyDescent="0.25">
      <c r="A16028" s="1" t="s">
        <v>2923</v>
      </c>
      <c r="B16028" s="1" t="s">
        <v>9644</v>
      </c>
      <c r="C16028" s="1" t="s">
        <v>35107</v>
      </c>
      <c r="D16028" s="2">
        <v>168856</v>
      </c>
      <c r="E16028" s="1" t="s">
        <v>0</v>
      </c>
    </row>
    <row r="16029" spans="1:5" x14ac:dyDescent="0.25">
      <c r="A16029" s="1" t="s">
        <v>35108</v>
      </c>
      <c r="B16029" s="1" t="s">
        <v>63889</v>
      </c>
      <c r="C16029" s="1" t="s">
        <v>35109</v>
      </c>
      <c r="D16029" s="2">
        <v>168857</v>
      </c>
      <c r="E16029" s="1" t="s">
        <v>0</v>
      </c>
    </row>
    <row r="16030" spans="1:5" ht="409.5" x14ac:dyDescent="0.25">
      <c r="A16030" s="4" t="s">
        <v>35110</v>
      </c>
      <c r="B16030" s="1" t="s">
        <v>63890</v>
      </c>
      <c r="C16030" s="1" t="s">
        <v>35111</v>
      </c>
      <c r="D16030" s="2">
        <v>168858</v>
      </c>
      <c r="E16030" s="1" t="s">
        <v>0</v>
      </c>
    </row>
    <row r="16031" spans="1:5" x14ac:dyDescent="0.25">
      <c r="A16031" s="1" t="s">
        <v>35112</v>
      </c>
      <c r="B16031" s="1" t="s">
        <v>9645</v>
      </c>
      <c r="C16031" s="1" t="s">
        <v>35113</v>
      </c>
      <c r="D16031" s="2">
        <v>168859</v>
      </c>
      <c r="E16031" s="1" t="s">
        <v>0</v>
      </c>
    </row>
    <row r="16032" spans="1:5" x14ac:dyDescent="0.25">
      <c r="A16032" s="2">
        <v>3206</v>
      </c>
      <c r="B16032" s="2">
        <v>3206</v>
      </c>
      <c r="C16032" s="1" t="s">
        <v>0</v>
      </c>
      <c r="D16032" s="2">
        <v>168860</v>
      </c>
      <c r="E16032" s="1" t="s">
        <v>0</v>
      </c>
    </row>
    <row r="16033" spans="1:5" x14ac:dyDescent="0.25">
      <c r="A16033" s="1" t="s">
        <v>2924</v>
      </c>
      <c r="B16033" s="1" t="s">
        <v>9646</v>
      </c>
      <c r="C16033" s="1" t="s">
        <v>35114</v>
      </c>
      <c r="D16033" s="2">
        <v>168861</v>
      </c>
      <c r="E16033" s="1" t="s">
        <v>0</v>
      </c>
    </row>
    <row r="16034" spans="1:5" x14ac:dyDescent="0.25">
      <c r="A16034" s="1" t="s">
        <v>35115</v>
      </c>
      <c r="B16034" s="1" t="s">
        <v>54537</v>
      </c>
      <c r="C16034" s="1" t="s">
        <v>35116</v>
      </c>
      <c r="D16034" s="2">
        <v>168862</v>
      </c>
      <c r="E16034" s="1" t="s">
        <v>0</v>
      </c>
    </row>
    <row r="16035" spans="1:5" ht="409.5" x14ac:dyDescent="0.25">
      <c r="A16035" s="4" t="s">
        <v>35117</v>
      </c>
      <c r="B16035" s="1" t="s">
        <v>54538</v>
      </c>
      <c r="C16035" s="1" t="s">
        <v>35118</v>
      </c>
      <c r="D16035" s="2">
        <v>168863</v>
      </c>
      <c r="E16035" s="1" t="s">
        <v>0</v>
      </c>
    </row>
    <row r="16036" spans="1:5" x14ac:dyDescent="0.25">
      <c r="A16036" s="1" t="s">
        <v>35119</v>
      </c>
      <c r="B16036" s="1" t="s">
        <v>54539</v>
      </c>
      <c r="C16036" s="1" t="s">
        <v>35120</v>
      </c>
      <c r="D16036" s="2">
        <v>168864</v>
      </c>
      <c r="E16036" s="1" t="s">
        <v>0</v>
      </c>
    </row>
    <row r="16037" spans="1:5" x14ac:dyDescent="0.25">
      <c r="A16037" s="2">
        <v>3207</v>
      </c>
      <c r="B16037" s="2">
        <v>3207</v>
      </c>
      <c r="C16037" s="1" t="s">
        <v>0</v>
      </c>
      <c r="D16037" s="2">
        <v>168865</v>
      </c>
      <c r="E16037" s="1" t="s">
        <v>0</v>
      </c>
    </row>
    <row r="16038" spans="1:5" x14ac:dyDescent="0.25">
      <c r="A16038" s="1" t="s">
        <v>2925</v>
      </c>
      <c r="B16038" s="1" t="s">
        <v>9647</v>
      </c>
      <c r="C16038" s="1" t="s">
        <v>35121</v>
      </c>
      <c r="D16038" s="2">
        <v>168866</v>
      </c>
      <c r="E16038" s="1" t="s">
        <v>0</v>
      </c>
    </row>
    <row r="16039" spans="1:5" x14ac:dyDescent="0.25">
      <c r="A16039" s="1" t="s">
        <v>35122</v>
      </c>
      <c r="B16039" s="1" t="s">
        <v>54540</v>
      </c>
      <c r="C16039" s="1" t="s">
        <v>35123</v>
      </c>
      <c r="D16039" s="2">
        <v>168867</v>
      </c>
      <c r="E16039" s="1" t="s">
        <v>0</v>
      </c>
    </row>
    <row r="16040" spans="1:5" ht="409.5" x14ac:dyDescent="0.25">
      <c r="A16040" s="4" t="s">
        <v>35124</v>
      </c>
      <c r="B16040" s="1" t="s">
        <v>57892</v>
      </c>
      <c r="C16040" s="1" t="s">
        <v>35125</v>
      </c>
      <c r="D16040" s="2">
        <v>168868</v>
      </c>
      <c r="E16040" s="1" t="s">
        <v>0</v>
      </c>
    </row>
    <row r="16041" spans="1:5" x14ac:dyDescent="0.25">
      <c r="A16041" s="1" t="s">
        <v>13413</v>
      </c>
      <c r="B16041" s="1" t="s">
        <v>60845</v>
      </c>
      <c r="C16041" s="1" t="s">
        <v>13414</v>
      </c>
      <c r="D16041" s="2">
        <v>168869</v>
      </c>
      <c r="E16041" s="1" t="s">
        <v>0</v>
      </c>
    </row>
    <row r="16042" spans="1:5" x14ac:dyDescent="0.25">
      <c r="A16042" s="2">
        <v>3208</v>
      </c>
      <c r="B16042" s="2">
        <v>3208</v>
      </c>
      <c r="C16042" s="1" t="s">
        <v>0</v>
      </c>
      <c r="D16042" s="2">
        <v>168870</v>
      </c>
      <c r="E16042" s="1" t="s">
        <v>0</v>
      </c>
    </row>
    <row r="16043" spans="1:5" x14ac:dyDescent="0.25">
      <c r="A16043" s="1" t="s">
        <v>2926</v>
      </c>
      <c r="B16043" s="1" t="s">
        <v>9648</v>
      </c>
      <c r="C16043" s="1" t="s">
        <v>35126</v>
      </c>
      <c r="D16043" s="2">
        <v>168871</v>
      </c>
      <c r="E16043" s="1" t="s">
        <v>0</v>
      </c>
    </row>
    <row r="16044" spans="1:5" x14ac:dyDescent="0.25">
      <c r="A16044" s="1" t="s">
        <v>35127</v>
      </c>
      <c r="B16044" s="1" t="s">
        <v>50839</v>
      </c>
      <c r="C16044" s="1" t="s">
        <v>35128</v>
      </c>
      <c r="D16044" s="2">
        <v>168872</v>
      </c>
      <c r="E16044" s="1" t="s">
        <v>0</v>
      </c>
    </row>
    <row r="16045" spans="1:5" ht="409.5" x14ac:dyDescent="0.25">
      <c r="A16045" s="4" t="s">
        <v>64234</v>
      </c>
      <c r="B16045" s="1" t="s">
        <v>63751</v>
      </c>
      <c r="C16045" s="1" t="s">
        <v>35129</v>
      </c>
      <c r="D16045" s="2">
        <v>168873</v>
      </c>
      <c r="E16045" s="1" t="s">
        <v>0</v>
      </c>
    </row>
    <row r="16046" spans="1:5" x14ac:dyDescent="0.25">
      <c r="A16046" s="1" t="s">
        <v>35130</v>
      </c>
      <c r="B16046" s="1" t="s">
        <v>54541</v>
      </c>
      <c r="C16046" s="1" t="s">
        <v>35131</v>
      </c>
      <c r="D16046" s="2">
        <v>168874</v>
      </c>
      <c r="E16046" s="1" t="s">
        <v>0</v>
      </c>
    </row>
    <row r="16047" spans="1:5" x14ac:dyDescent="0.25">
      <c r="A16047" s="2">
        <v>3209</v>
      </c>
      <c r="B16047" s="2">
        <v>3209</v>
      </c>
      <c r="C16047" s="1" t="s">
        <v>0</v>
      </c>
      <c r="D16047" s="2">
        <v>168875</v>
      </c>
      <c r="E16047" s="1" t="s">
        <v>0</v>
      </c>
    </row>
    <row r="16048" spans="1:5" x14ac:dyDescent="0.25">
      <c r="A16048" s="1" t="s">
        <v>2927</v>
      </c>
      <c r="B16048" s="1" t="s">
        <v>9649</v>
      </c>
      <c r="C16048" s="1" t="s">
        <v>35132</v>
      </c>
      <c r="D16048" s="2">
        <v>168876</v>
      </c>
      <c r="E16048" s="1" t="s">
        <v>0</v>
      </c>
    </row>
    <row r="16049" spans="1:5" x14ac:dyDescent="0.25">
      <c r="A16049" s="1" t="s">
        <v>35133</v>
      </c>
      <c r="B16049" s="1" t="s">
        <v>9650</v>
      </c>
      <c r="C16049" s="1" t="s">
        <v>35134</v>
      </c>
      <c r="D16049" s="2">
        <v>168877</v>
      </c>
      <c r="E16049" s="1" t="s">
        <v>0</v>
      </c>
    </row>
    <row r="16050" spans="1:5" ht="409.5" x14ac:dyDescent="0.25">
      <c r="A16050" s="4" t="s">
        <v>35135</v>
      </c>
      <c r="B16050" s="1" t="s">
        <v>54542</v>
      </c>
      <c r="C16050" s="1" t="s">
        <v>35136</v>
      </c>
      <c r="D16050" s="2">
        <v>168878</v>
      </c>
      <c r="E16050" s="1" t="s">
        <v>0</v>
      </c>
    </row>
    <row r="16051" spans="1:5" x14ac:dyDescent="0.25">
      <c r="A16051" s="1" t="s">
        <v>35137</v>
      </c>
      <c r="B16051" s="1" t="s">
        <v>9651</v>
      </c>
      <c r="C16051" s="1" t="s">
        <v>35138</v>
      </c>
      <c r="D16051" s="2">
        <v>168879</v>
      </c>
      <c r="E16051" s="1" t="s">
        <v>0</v>
      </c>
    </row>
    <row r="16052" spans="1:5" x14ac:dyDescent="0.25">
      <c r="A16052" s="2">
        <v>3210</v>
      </c>
      <c r="B16052" s="2">
        <v>3210</v>
      </c>
      <c r="C16052" s="1" t="s">
        <v>0</v>
      </c>
      <c r="D16052" s="2">
        <v>168880</v>
      </c>
      <c r="E16052" s="1" t="s">
        <v>0</v>
      </c>
    </row>
    <row r="16053" spans="1:5" x14ac:dyDescent="0.25">
      <c r="A16053" s="1" t="s">
        <v>2928</v>
      </c>
      <c r="B16053" s="1" t="s">
        <v>9652</v>
      </c>
      <c r="C16053" s="1" t="s">
        <v>35139</v>
      </c>
      <c r="D16053" s="2">
        <v>168881</v>
      </c>
      <c r="E16053" s="1" t="s">
        <v>0</v>
      </c>
    </row>
    <row r="16054" spans="1:5" x14ac:dyDescent="0.25">
      <c r="A16054" s="1" t="s">
        <v>35140</v>
      </c>
      <c r="B16054" s="1" t="s">
        <v>9653</v>
      </c>
      <c r="C16054" s="1" t="s">
        <v>35141</v>
      </c>
      <c r="D16054" s="2">
        <v>168882</v>
      </c>
      <c r="E16054" s="1" t="s">
        <v>0</v>
      </c>
    </row>
    <row r="16055" spans="1:5" ht="409.5" x14ac:dyDescent="0.25">
      <c r="A16055" s="4" t="s">
        <v>35142</v>
      </c>
      <c r="B16055" s="1" t="s">
        <v>63420</v>
      </c>
      <c r="C16055" s="1" t="s">
        <v>35143</v>
      </c>
      <c r="D16055" s="2">
        <v>168883</v>
      </c>
      <c r="E16055" s="1" t="s">
        <v>0</v>
      </c>
    </row>
    <row r="16056" spans="1:5" x14ac:dyDescent="0.25">
      <c r="A16056" s="1" t="s">
        <v>35144</v>
      </c>
      <c r="B16056" s="1" t="s">
        <v>54543</v>
      </c>
      <c r="C16056" s="1" t="s">
        <v>35145</v>
      </c>
      <c r="D16056" s="2">
        <v>168884</v>
      </c>
      <c r="E16056" s="1" t="s">
        <v>0</v>
      </c>
    </row>
    <row r="16057" spans="1:5" x14ac:dyDescent="0.25">
      <c r="A16057" s="2">
        <v>3211</v>
      </c>
      <c r="B16057" s="2">
        <v>3211</v>
      </c>
      <c r="C16057" s="1" t="s">
        <v>0</v>
      </c>
      <c r="D16057" s="2">
        <v>168885</v>
      </c>
      <c r="E16057" s="1" t="s">
        <v>0</v>
      </c>
    </row>
    <row r="16058" spans="1:5" x14ac:dyDescent="0.25">
      <c r="A16058" s="1" t="s">
        <v>2929</v>
      </c>
      <c r="B16058" s="1" t="s">
        <v>9654</v>
      </c>
      <c r="C16058" s="1" t="s">
        <v>35146</v>
      </c>
      <c r="D16058" s="2">
        <v>168886</v>
      </c>
      <c r="E16058" s="1" t="s">
        <v>0</v>
      </c>
    </row>
    <row r="16059" spans="1:5" x14ac:dyDescent="0.25">
      <c r="A16059" s="1" t="s">
        <v>35147</v>
      </c>
      <c r="B16059" s="1" t="s">
        <v>54544</v>
      </c>
      <c r="C16059" s="1" t="s">
        <v>35148</v>
      </c>
      <c r="D16059" s="2">
        <v>168887</v>
      </c>
      <c r="E16059" s="1" t="s">
        <v>0</v>
      </c>
    </row>
    <row r="16060" spans="1:5" ht="409.5" x14ac:dyDescent="0.25">
      <c r="A16060" s="4" t="s">
        <v>35149</v>
      </c>
      <c r="B16060" s="1" t="s">
        <v>61212</v>
      </c>
      <c r="C16060" s="1" t="s">
        <v>35150</v>
      </c>
      <c r="D16060" s="2">
        <v>168888</v>
      </c>
      <c r="E16060" s="1" t="s">
        <v>0</v>
      </c>
    </row>
    <row r="16061" spans="1:5" x14ac:dyDescent="0.25">
      <c r="A16061" s="1" t="s">
        <v>35151</v>
      </c>
      <c r="B16061" s="1" t="s">
        <v>54545</v>
      </c>
      <c r="C16061" s="1" t="s">
        <v>35152</v>
      </c>
      <c r="D16061" s="2">
        <v>168889</v>
      </c>
      <c r="E16061" s="1" t="s">
        <v>0</v>
      </c>
    </row>
    <row r="16062" spans="1:5" x14ac:dyDescent="0.25">
      <c r="A16062" s="2">
        <v>3212</v>
      </c>
      <c r="B16062" s="2">
        <v>3212</v>
      </c>
      <c r="C16062" s="1" t="s">
        <v>0</v>
      </c>
      <c r="D16062" s="2">
        <v>168890</v>
      </c>
      <c r="E16062" s="1" t="s">
        <v>0</v>
      </c>
    </row>
    <row r="16063" spans="1:5" x14ac:dyDescent="0.25">
      <c r="A16063" s="1" t="s">
        <v>2930</v>
      </c>
      <c r="B16063" s="1" t="s">
        <v>9655</v>
      </c>
      <c r="C16063" s="1" t="s">
        <v>35153</v>
      </c>
      <c r="D16063" s="2">
        <v>168891</v>
      </c>
      <c r="E16063" s="1" t="s">
        <v>0</v>
      </c>
    </row>
    <row r="16064" spans="1:5" x14ac:dyDescent="0.25">
      <c r="A16064" s="1" t="s">
        <v>35154</v>
      </c>
      <c r="B16064" s="1" t="s">
        <v>54546</v>
      </c>
      <c r="C16064" s="1" t="s">
        <v>35155</v>
      </c>
      <c r="D16064" s="2">
        <v>168892</v>
      </c>
      <c r="E16064" s="1" t="s">
        <v>0</v>
      </c>
    </row>
    <row r="16065" spans="1:5" ht="409.5" x14ac:dyDescent="0.25">
      <c r="A16065" s="4" t="s">
        <v>35156</v>
      </c>
      <c r="B16065" s="1" t="s">
        <v>54547</v>
      </c>
      <c r="C16065" s="1" t="s">
        <v>35157</v>
      </c>
      <c r="D16065" s="2">
        <v>168893</v>
      </c>
      <c r="E16065" s="1" t="s">
        <v>0</v>
      </c>
    </row>
    <row r="16066" spans="1:5" x14ac:dyDescent="0.25">
      <c r="A16066" s="1" t="s">
        <v>35158</v>
      </c>
      <c r="B16066" s="1" t="s">
        <v>9656</v>
      </c>
      <c r="C16066" s="1" t="s">
        <v>35159</v>
      </c>
      <c r="D16066" s="2">
        <v>168894</v>
      </c>
      <c r="E16066" s="1" t="s">
        <v>0</v>
      </c>
    </row>
    <row r="16067" spans="1:5" x14ac:dyDescent="0.25">
      <c r="A16067" s="2">
        <v>3213</v>
      </c>
      <c r="B16067" s="2">
        <v>3213</v>
      </c>
      <c r="C16067" s="1" t="s">
        <v>0</v>
      </c>
      <c r="D16067" s="2">
        <v>168895</v>
      </c>
      <c r="E16067" s="1" t="s">
        <v>0</v>
      </c>
    </row>
    <row r="16068" spans="1:5" x14ac:dyDescent="0.25">
      <c r="A16068" s="1" t="s">
        <v>2931</v>
      </c>
      <c r="B16068" s="1" t="s">
        <v>9657</v>
      </c>
      <c r="C16068" s="1" t="s">
        <v>35160</v>
      </c>
      <c r="D16068" s="2">
        <v>168896</v>
      </c>
      <c r="E16068" s="1" t="s">
        <v>0</v>
      </c>
    </row>
    <row r="16069" spans="1:5" x14ac:dyDescent="0.25">
      <c r="A16069" s="1" t="s">
        <v>35161</v>
      </c>
      <c r="B16069" s="1" t="s">
        <v>9658</v>
      </c>
      <c r="C16069" s="1" t="s">
        <v>35162</v>
      </c>
      <c r="D16069" s="2">
        <v>168897</v>
      </c>
      <c r="E16069" s="1" t="s">
        <v>0</v>
      </c>
    </row>
    <row r="16070" spans="1:5" ht="409.5" x14ac:dyDescent="0.25">
      <c r="A16070" s="4" t="s">
        <v>35163</v>
      </c>
      <c r="B16070" s="1" t="s">
        <v>57893</v>
      </c>
      <c r="C16070" s="1" t="s">
        <v>35164</v>
      </c>
      <c r="D16070" s="2">
        <v>168898</v>
      </c>
      <c r="E16070" s="1" t="s">
        <v>0</v>
      </c>
    </row>
    <row r="16071" spans="1:5" x14ac:dyDescent="0.25">
      <c r="A16071" s="1" t="s">
        <v>35165</v>
      </c>
      <c r="B16071" s="1" t="s">
        <v>54548</v>
      </c>
      <c r="C16071" s="1" t="s">
        <v>35166</v>
      </c>
      <c r="D16071" s="2">
        <v>168899</v>
      </c>
      <c r="E16071" s="1" t="s">
        <v>0</v>
      </c>
    </row>
    <row r="16072" spans="1:5" x14ac:dyDescent="0.25">
      <c r="A16072" s="2">
        <v>3214</v>
      </c>
      <c r="B16072" s="2">
        <v>3214</v>
      </c>
      <c r="C16072" s="1" t="s">
        <v>0</v>
      </c>
      <c r="D16072" s="2">
        <v>168900</v>
      </c>
      <c r="E16072" s="1" t="s">
        <v>0</v>
      </c>
    </row>
    <row r="16073" spans="1:5" x14ac:dyDescent="0.25">
      <c r="A16073" s="1" t="s">
        <v>2932</v>
      </c>
      <c r="B16073" s="1" t="s">
        <v>56954</v>
      </c>
      <c r="C16073" s="1" t="s">
        <v>35167</v>
      </c>
      <c r="D16073" s="2">
        <v>168901</v>
      </c>
      <c r="E16073" s="1" t="s">
        <v>0</v>
      </c>
    </row>
    <row r="16074" spans="1:5" x14ac:dyDescent="0.25">
      <c r="A16074" s="1" t="s">
        <v>35168</v>
      </c>
      <c r="B16074" s="1" t="s">
        <v>63752</v>
      </c>
      <c r="C16074" s="1" t="s">
        <v>35169</v>
      </c>
      <c r="D16074" s="2">
        <v>168902</v>
      </c>
      <c r="E16074" s="1" t="s">
        <v>0</v>
      </c>
    </row>
    <row r="16075" spans="1:5" ht="409.5" x14ac:dyDescent="0.25">
      <c r="A16075" s="4" t="s">
        <v>35170</v>
      </c>
      <c r="B16075" s="1" t="s">
        <v>63753</v>
      </c>
      <c r="C16075" s="1" t="s">
        <v>35171</v>
      </c>
      <c r="D16075" s="2">
        <v>168903</v>
      </c>
      <c r="E16075" s="1" t="s">
        <v>0</v>
      </c>
    </row>
    <row r="16076" spans="1:5" x14ac:dyDescent="0.25">
      <c r="A16076" s="1" t="s">
        <v>35172</v>
      </c>
      <c r="B16076" s="1" t="s">
        <v>61213</v>
      </c>
      <c r="C16076" s="1" t="s">
        <v>35173</v>
      </c>
      <c r="D16076" s="2">
        <v>168904</v>
      </c>
      <c r="E16076" s="1" t="s">
        <v>0</v>
      </c>
    </row>
    <row r="16077" spans="1:5" x14ac:dyDescent="0.25">
      <c r="A16077" s="2">
        <v>3215</v>
      </c>
      <c r="B16077" s="2">
        <v>3215</v>
      </c>
      <c r="C16077" s="1" t="s">
        <v>0</v>
      </c>
      <c r="D16077" s="2">
        <v>168905</v>
      </c>
      <c r="E16077" s="1" t="s">
        <v>0</v>
      </c>
    </row>
    <row r="16078" spans="1:5" x14ac:dyDescent="0.25">
      <c r="A16078" s="1" t="s">
        <v>2933</v>
      </c>
      <c r="B16078" s="1" t="s">
        <v>9659</v>
      </c>
      <c r="C16078" s="1" t="s">
        <v>35174</v>
      </c>
      <c r="D16078" s="2">
        <v>168906</v>
      </c>
      <c r="E16078" s="1" t="s">
        <v>0</v>
      </c>
    </row>
    <row r="16079" spans="1:5" x14ac:dyDescent="0.25">
      <c r="A16079" s="1" t="s">
        <v>35175</v>
      </c>
      <c r="B16079" s="1" t="s">
        <v>9660</v>
      </c>
      <c r="C16079" s="1" t="s">
        <v>35176</v>
      </c>
      <c r="D16079" s="2">
        <v>168907</v>
      </c>
      <c r="E16079" s="1" t="s">
        <v>0</v>
      </c>
    </row>
    <row r="16080" spans="1:5" ht="409.5" x14ac:dyDescent="0.25">
      <c r="A16080" s="4" t="s">
        <v>35177</v>
      </c>
      <c r="B16080" s="1" t="s">
        <v>60107</v>
      </c>
      <c r="C16080" s="1" t="s">
        <v>35178</v>
      </c>
      <c r="D16080" s="2">
        <v>168908</v>
      </c>
      <c r="E16080" s="1" t="s">
        <v>0</v>
      </c>
    </row>
    <row r="16081" spans="1:5" x14ac:dyDescent="0.25">
      <c r="A16081" s="1" t="s">
        <v>35179</v>
      </c>
      <c r="B16081" s="1" t="s">
        <v>54549</v>
      </c>
      <c r="C16081" s="1" t="s">
        <v>35180</v>
      </c>
      <c r="D16081" s="2">
        <v>168909</v>
      </c>
      <c r="E16081" s="1" t="s">
        <v>0</v>
      </c>
    </row>
    <row r="16082" spans="1:5" x14ac:dyDescent="0.25">
      <c r="A16082" s="2">
        <v>3216</v>
      </c>
      <c r="B16082" s="2">
        <v>3216</v>
      </c>
      <c r="C16082" s="1" t="s">
        <v>0</v>
      </c>
      <c r="D16082" s="2">
        <v>168910</v>
      </c>
      <c r="E16082" s="1" t="s">
        <v>0</v>
      </c>
    </row>
    <row r="16083" spans="1:5" x14ac:dyDescent="0.25">
      <c r="A16083" s="1" t="s">
        <v>2934</v>
      </c>
      <c r="B16083" s="1" t="s">
        <v>9661</v>
      </c>
      <c r="C16083" s="1" t="s">
        <v>35181</v>
      </c>
      <c r="D16083" s="2">
        <v>168911</v>
      </c>
      <c r="E16083" s="1" t="s">
        <v>0</v>
      </c>
    </row>
    <row r="16084" spans="1:5" x14ac:dyDescent="0.25">
      <c r="A16084" s="1" t="s">
        <v>35182</v>
      </c>
      <c r="B16084" s="1" t="s">
        <v>9662</v>
      </c>
      <c r="C16084" s="1" t="s">
        <v>35183</v>
      </c>
      <c r="D16084" s="2">
        <v>168912</v>
      </c>
      <c r="E16084" s="1" t="s">
        <v>0</v>
      </c>
    </row>
    <row r="16085" spans="1:5" ht="409.5" x14ac:dyDescent="0.25">
      <c r="A16085" s="4" t="s">
        <v>35184</v>
      </c>
      <c r="B16085" s="1" t="s">
        <v>50840</v>
      </c>
      <c r="C16085" s="1" t="s">
        <v>35185</v>
      </c>
      <c r="D16085" s="2">
        <v>168913</v>
      </c>
      <c r="E16085" s="1" t="s">
        <v>0</v>
      </c>
    </row>
    <row r="16086" spans="1:5" x14ac:dyDescent="0.25">
      <c r="A16086" s="1" t="s">
        <v>35186</v>
      </c>
      <c r="B16086" s="1" t="s">
        <v>9663</v>
      </c>
      <c r="C16086" s="1" t="s">
        <v>35187</v>
      </c>
      <c r="D16086" s="2">
        <v>168914</v>
      </c>
      <c r="E16086" s="1" t="s">
        <v>0</v>
      </c>
    </row>
    <row r="16087" spans="1:5" x14ac:dyDescent="0.25">
      <c r="A16087" s="2">
        <v>3217</v>
      </c>
      <c r="B16087" s="2">
        <v>3217</v>
      </c>
      <c r="C16087" s="1" t="s">
        <v>0</v>
      </c>
      <c r="D16087" s="2">
        <v>168915</v>
      </c>
      <c r="E16087" s="1" t="s">
        <v>0</v>
      </c>
    </row>
    <row r="16088" spans="1:5" x14ac:dyDescent="0.25">
      <c r="A16088" s="1" t="s">
        <v>2935</v>
      </c>
      <c r="B16088" s="1" t="s">
        <v>9664</v>
      </c>
      <c r="C16088" s="1" t="s">
        <v>35188</v>
      </c>
      <c r="D16088" s="2">
        <v>168916</v>
      </c>
      <c r="E16088" s="1" t="s">
        <v>0</v>
      </c>
    </row>
    <row r="16089" spans="1:5" x14ac:dyDescent="0.25">
      <c r="A16089" s="1" t="s">
        <v>35189</v>
      </c>
      <c r="B16089" s="1" t="s">
        <v>54550</v>
      </c>
      <c r="C16089" s="1" t="s">
        <v>35190</v>
      </c>
      <c r="D16089" s="2">
        <v>168917</v>
      </c>
      <c r="E16089" s="1" t="s">
        <v>0</v>
      </c>
    </row>
    <row r="16090" spans="1:5" ht="409.5" x14ac:dyDescent="0.25">
      <c r="A16090" s="4" t="s">
        <v>35191</v>
      </c>
      <c r="B16090" s="1" t="s">
        <v>54551</v>
      </c>
      <c r="C16090" s="1" t="s">
        <v>35192</v>
      </c>
      <c r="D16090" s="2">
        <v>168918</v>
      </c>
      <c r="E16090" s="1" t="s">
        <v>0</v>
      </c>
    </row>
    <row r="16091" spans="1:5" x14ac:dyDescent="0.25">
      <c r="A16091" s="1" t="s">
        <v>35193</v>
      </c>
      <c r="B16091" s="1" t="s">
        <v>54552</v>
      </c>
      <c r="C16091" s="1" t="s">
        <v>35194</v>
      </c>
      <c r="D16091" s="2">
        <v>168919</v>
      </c>
      <c r="E16091" s="1" t="s">
        <v>0</v>
      </c>
    </row>
    <row r="16092" spans="1:5" x14ac:dyDescent="0.25">
      <c r="A16092" s="2">
        <v>3218</v>
      </c>
      <c r="B16092" s="2">
        <v>3218</v>
      </c>
      <c r="C16092" s="1" t="s">
        <v>0</v>
      </c>
      <c r="D16092" s="2">
        <v>168920</v>
      </c>
      <c r="E16092" s="1" t="s">
        <v>0</v>
      </c>
    </row>
    <row r="16093" spans="1:5" x14ac:dyDescent="0.25">
      <c r="A16093" s="1" t="s">
        <v>9665</v>
      </c>
      <c r="B16093" s="1" t="s">
        <v>9666</v>
      </c>
      <c r="C16093" s="1" t="s">
        <v>35195</v>
      </c>
      <c r="D16093" s="2">
        <v>168921</v>
      </c>
      <c r="E16093" s="1" t="s">
        <v>0</v>
      </c>
    </row>
    <row r="16094" spans="1:5" x14ac:dyDescent="0.25">
      <c r="A16094" s="1" t="s">
        <v>35196</v>
      </c>
      <c r="B16094" s="1" t="s">
        <v>9667</v>
      </c>
      <c r="C16094" s="1" t="s">
        <v>35197</v>
      </c>
      <c r="D16094" s="2">
        <v>168922</v>
      </c>
      <c r="E16094" s="1" t="s">
        <v>0</v>
      </c>
    </row>
    <row r="16095" spans="1:5" ht="409.5" x14ac:dyDescent="0.25">
      <c r="A16095" s="4" t="s">
        <v>35198</v>
      </c>
      <c r="B16095" s="1" t="s">
        <v>50841</v>
      </c>
      <c r="C16095" s="1" t="s">
        <v>35199</v>
      </c>
      <c r="D16095" s="2">
        <v>168923</v>
      </c>
      <c r="E16095" s="1" t="s">
        <v>0</v>
      </c>
    </row>
    <row r="16096" spans="1:5" x14ac:dyDescent="0.25">
      <c r="A16096" s="1" t="s">
        <v>35200</v>
      </c>
      <c r="B16096" s="1" t="s">
        <v>54553</v>
      </c>
      <c r="C16096" s="1" t="s">
        <v>35201</v>
      </c>
      <c r="D16096" s="2">
        <v>168924</v>
      </c>
      <c r="E16096" s="1" t="s">
        <v>0</v>
      </c>
    </row>
    <row r="16097" spans="1:5" x14ac:dyDescent="0.25">
      <c r="A16097" s="2">
        <v>3219</v>
      </c>
      <c r="B16097" s="2">
        <v>3219</v>
      </c>
      <c r="C16097" s="1" t="s">
        <v>0</v>
      </c>
      <c r="D16097" s="2">
        <v>168925</v>
      </c>
      <c r="E16097" s="1" t="s">
        <v>0</v>
      </c>
    </row>
    <row r="16098" spans="1:5" x14ac:dyDescent="0.25">
      <c r="A16098" s="1" t="s">
        <v>2936</v>
      </c>
      <c r="B16098" s="1" t="s">
        <v>50842</v>
      </c>
      <c r="C16098" s="1" t="s">
        <v>35202</v>
      </c>
      <c r="D16098" s="2">
        <v>168926</v>
      </c>
      <c r="E16098" s="1" t="s">
        <v>0</v>
      </c>
    </row>
    <row r="16099" spans="1:5" x14ac:dyDescent="0.25">
      <c r="A16099" s="1" t="s">
        <v>35203</v>
      </c>
      <c r="B16099" s="1" t="s">
        <v>50843</v>
      </c>
      <c r="C16099" s="1" t="s">
        <v>35204</v>
      </c>
      <c r="D16099" s="2">
        <v>168927</v>
      </c>
      <c r="E16099" s="1" t="s">
        <v>0</v>
      </c>
    </row>
    <row r="16100" spans="1:5" ht="409.5" x14ac:dyDescent="0.25">
      <c r="A16100" s="4" t="s">
        <v>64235</v>
      </c>
      <c r="B16100" s="1" t="s">
        <v>50844</v>
      </c>
      <c r="C16100" s="1" t="s">
        <v>35205</v>
      </c>
      <c r="D16100" s="2">
        <v>168928</v>
      </c>
      <c r="E16100" s="1" t="s">
        <v>0</v>
      </c>
    </row>
    <row r="16101" spans="1:5" x14ac:dyDescent="0.25">
      <c r="A16101" s="1" t="s">
        <v>35206</v>
      </c>
      <c r="B16101" s="1" t="s">
        <v>54554</v>
      </c>
      <c r="C16101" s="1" t="s">
        <v>35207</v>
      </c>
      <c r="D16101" s="2">
        <v>168929</v>
      </c>
      <c r="E16101" s="1" t="s">
        <v>0</v>
      </c>
    </row>
    <row r="16102" spans="1:5" x14ac:dyDescent="0.25">
      <c r="A16102" s="2">
        <v>3220</v>
      </c>
      <c r="B16102" s="2">
        <v>3220</v>
      </c>
      <c r="C16102" s="1" t="s">
        <v>0</v>
      </c>
      <c r="D16102" s="2">
        <v>168930</v>
      </c>
      <c r="E16102" s="1" t="s">
        <v>0</v>
      </c>
    </row>
    <row r="16103" spans="1:5" x14ac:dyDescent="0.25">
      <c r="A16103" s="1" t="s">
        <v>2937</v>
      </c>
      <c r="B16103" s="1" t="s">
        <v>54555</v>
      </c>
      <c r="C16103" s="1" t="s">
        <v>35208</v>
      </c>
      <c r="D16103" s="2">
        <v>168931</v>
      </c>
      <c r="E16103" s="1" t="s">
        <v>0</v>
      </c>
    </row>
    <row r="16104" spans="1:5" x14ac:dyDescent="0.25">
      <c r="A16104" s="1" t="s">
        <v>35209</v>
      </c>
      <c r="B16104" s="1" t="s">
        <v>54556</v>
      </c>
      <c r="C16104" s="1" t="s">
        <v>35210</v>
      </c>
      <c r="D16104" s="2">
        <v>168932</v>
      </c>
      <c r="E16104" s="1" t="s">
        <v>0</v>
      </c>
    </row>
    <row r="16105" spans="1:5" ht="409.5" x14ac:dyDescent="0.25">
      <c r="A16105" s="4" t="s">
        <v>35211</v>
      </c>
      <c r="B16105" s="1" t="s">
        <v>54557</v>
      </c>
      <c r="C16105" s="1" t="s">
        <v>35212</v>
      </c>
      <c r="D16105" s="2">
        <v>168933</v>
      </c>
      <c r="E16105" s="1" t="s">
        <v>0</v>
      </c>
    </row>
    <row r="16106" spans="1:5" x14ac:dyDescent="0.25">
      <c r="A16106" s="1" t="s">
        <v>35213</v>
      </c>
      <c r="B16106" s="1" t="s">
        <v>54558</v>
      </c>
      <c r="C16106" s="1" t="s">
        <v>35214</v>
      </c>
      <c r="D16106" s="2">
        <v>168934</v>
      </c>
      <c r="E16106" s="1" t="s">
        <v>0</v>
      </c>
    </row>
    <row r="16107" spans="1:5" x14ac:dyDescent="0.25">
      <c r="A16107" s="2">
        <v>3221</v>
      </c>
      <c r="B16107" s="2">
        <v>3221</v>
      </c>
      <c r="C16107" s="1" t="s">
        <v>0</v>
      </c>
      <c r="D16107" s="2">
        <v>168935</v>
      </c>
      <c r="E16107" s="1" t="s">
        <v>0</v>
      </c>
    </row>
    <row r="16108" spans="1:5" x14ac:dyDescent="0.25">
      <c r="A16108" s="1" t="s">
        <v>2938</v>
      </c>
      <c r="B16108" s="1" t="s">
        <v>9668</v>
      </c>
      <c r="C16108" s="1" t="s">
        <v>35215</v>
      </c>
      <c r="D16108" s="2">
        <v>168936</v>
      </c>
      <c r="E16108" s="1" t="s">
        <v>0</v>
      </c>
    </row>
    <row r="16109" spans="1:5" x14ac:dyDescent="0.25">
      <c r="A16109" s="1" t="s">
        <v>64236</v>
      </c>
      <c r="B16109" s="1" t="s">
        <v>54559</v>
      </c>
      <c r="C16109" s="1" t="s">
        <v>35216</v>
      </c>
      <c r="D16109" s="2">
        <v>168937</v>
      </c>
      <c r="E16109" s="1" t="s">
        <v>0</v>
      </c>
    </row>
    <row r="16110" spans="1:5" ht="409.5" x14ac:dyDescent="0.25">
      <c r="A16110" s="4" t="s">
        <v>64237</v>
      </c>
      <c r="B16110" s="1" t="s">
        <v>54560</v>
      </c>
      <c r="C16110" s="1" t="s">
        <v>35217</v>
      </c>
      <c r="D16110" s="2">
        <v>168938</v>
      </c>
      <c r="E16110" s="1" t="s">
        <v>0</v>
      </c>
    </row>
    <row r="16111" spans="1:5" x14ac:dyDescent="0.25">
      <c r="A16111" s="1" t="s">
        <v>35218</v>
      </c>
      <c r="B16111" s="1" t="s">
        <v>54561</v>
      </c>
      <c r="C16111" s="1" t="s">
        <v>35219</v>
      </c>
      <c r="D16111" s="2">
        <v>168939</v>
      </c>
      <c r="E16111" s="1" t="s">
        <v>0</v>
      </c>
    </row>
    <row r="16112" spans="1:5" x14ac:dyDescent="0.25">
      <c r="A16112" s="2">
        <v>3222</v>
      </c>
      <c r="B16112" s="2">
        <v>3222</v>
      </c>
      <c r="C16112" s="1" t="s">
        <v>0</v>
      </c>
      <c r="D16112" s="2">
        <v>168940</v>
      </c>
      <c r="E16112" s="1" t="s">
        <v>0</v>
      </c>
    </row>
    <row r="16113" spans="1:5" x14ac:dyDescent="0.25">
      <c r="A16113" s="1" t="s">
        <v>2939</v>
      </c>
      <c r="B16113" s="1" t="s">
        <v>9669</v>
      </c>
      <c r="C16113" s="1" t="s">
        <v>35220</v>
      </c>
      <c r="D16113" s="2">
        <v>168941</v>
      </c>
      <c r="E16113" s="1" t="s">
        <v>0</v>
      </c>
    </row>
    <row r="16114" spans="1:5" x14ac:dyDescent="0.25">
      <c r="A16114" s="1" t="s">
        <v>35221</v>
      </c>
      <c r="B16114" s="1" t="s">
        <v>57894</v>
      </c>
      <c r="C16114" s="1" t="s">
        <v>35222</v>
      </c>
      <c r="D16114" s="2">
        <v>168942</v>
      </c>
      <c r="E16114" s="1" t="s">
        <v>0</v>
      </c>
    </row>
    <row r="16115" spans="1:5" ht="409.5" x14ac:dyDescent="0.25">
      <c r="A16115" s="4" t="s">
        <v>35223</v>
      </c>
      <c r="B16115" s="1" t="s">
        <v>57895</v>
      </c>
      <c r="C16115" s="1" t="s">
        <v>35224</v>
      </c>
      <c r="D16115" s="2">
        <v>168943</v>
      </c>
      <c r="E16115" s="1" t="s">
        <v>0</v>
      </c>
    </row>
    <row r="16116" spans="1:5" x14ac:dyDescent="0.25">
      <c r="A16116" s="1" t="s">
        <v>35225</v>
      </c>
      <c r="B16116" s="1" t="s">
        <v>54562</v>
      </c>
      <c r="C16116" s="1" t="s">
        <v>35226</v>
      </c>
      <c r="D16116" s="2">
        <v>168944</v>
      </c>
      <c r="E16116" s="1" t="s">
        <v>0</v>
      </c>
    </row>
    <row r="16117" spans="1:5" x14ac:dyDescent="0.25">
      <c r="A16117" s="2">
        <v>3223</v>
      </c>
      <c r="B16117" s="2">
        <v>3223</v>
      </c>
      <c r="C16117" s="1" t="s">
        <v>0</v>
      </c>
      <c r="D16117" s="2">
        <v>168945</v>
      </c>
      <c r="E16117" s="1" t="s">
        <v>0</v>
      </c>
    </row>
    <row r="16118" spans="1:5" x14ac:dyDescent="0.25">
      <c r="A16118" s="1" t="s">
        <v>9670</v>
      </c>
      <c r="B16118" s="1" t="s">
        <v>54563</v>
      </c>
      <c r="C16118" s="1" t="s">
        <v>35227</v>
      </c>
      <c r="D16118" s="2">
        <v>168946</v>
      </c>
      <c r="E16118" s="1" t="s">
        <v>0</v>
      </c>
    </row>
    <row r="16119" spans="1:5" x14ac:dyDescent="0.25">
      <c r="A16119" s="1" t="s">
        <v>35228</v>
      </c>
      <c r="B16119" s="1" t="s">
        <v>54564</v>
      </c>
      <c r="C16119" s="1" t="s">
        <v>35229</v>
      </c>
      <c r="D16119" s="2">
        <v>168947</v>
      </c>
      <c r="E16119" s="1" t="s">
        <v>0</v>
      </c>
    </row>
    <row r="16120" spans="1:5" ht="409.5" x14ac:dyDescent="0.25">
      <c r="A16120" s="4" t="s">
        <v>35230</v>
      </c>
      <c r="B16120" s="1" t="s">
        <v>54565</v>
      </c>
      <c r="C16120" s="1" t="s">
        <v>35231</v>
      </c>
      <c r="D16120" s="2">
        <v>168948</v>
      </c>
      <c r="E16120" s="1" t="s">
        <v>0</v>
      </c>
    </row>
    <row r="16121" spans="1:5" x14ac:dyDescent="0.25">
      <c r="A16121" s="1" t="s">
        <v>35232</v>
      </c>
      <c r="B16121" s="1" t="s">
        <v>9671</v>
      </c>
      <c r="C16121" s="1" t="s">
        <v>35233</v>
      </c>
      <c r="D16121" s="2">
        <v>168949</v>
      </c>
      <c r="E16121" s="1" t="s">
        <v>0</v>
      </c>
    </row>
    <row r="16122" spans="1:5" x14ac:dyDescent="0.25">
      <c r="A16122" s="2">
        <v>3224</v>
      </c>
      <c r="B16122" s="2">
        <v>3224</v>
      </c>
      <c r="C16122" s="1" t="s">
        <v>0</v>
      </c>
      <c r="D16122" s="2">
        <v>168950</v>
      </c>
      <c r="E16122" s="1" t="s">
        <v>0</v>
      </c>
    </row>
    <row r="16123" spans="1:5" x14ac:dyDescent="0.25">
      <c r="A16123" s="1" t="s">
        <v>2940</v>
      </c>
      <c r="B16123" s="1" t="s">
        <v>50845</v>
      </c>
      <c r="C16123" s="1" t="s">
        <v>35234</v>
      </c>
      <c r="D16123" s="2">
        <v>168951</v>
      </c>
      <c r="E16123" s="1" t="s">
        <v>0</v>
      </c>
    </row>
    <row r="16124" spans="1:5" x14ac:dyDescent="0.25">
      <c r="A16124" s="1" t="s">
        <v>35235</v>
      </c>
      <c r="B16124" s="1" t="s">
        <v>54566</v>
      </c>
      <c r="C16124" s="1" t="s">
        <v>35236</v>
      </c>
      <c r="D16124" s="2">
        <v>168952</v>
      </c>
      <c r="E16124" s="1" t="s">
        <v>0</v>
      </c>
    </row>
    <row r="16125" spans="1:5" ht="409.5" x14ac:dyDescent="0.25">
      <c r="A16125" s="4" t="s">
        <v>35237</v>
      </c>
      <c r="B16125" s="1" t="s">
        <v>57568</v>
      </c>
      <c r="C16125" s="1" t="s">
        <v>35238</v>
      </c>
      <c r="D16125" s="2">
        <v>168953</v>
      </c>
      <c r="E16125" s="1" t="s">
        <v>0</v>
      </c>
    </row>
    <row r="16126" spans="1:5" x14ac:dyDescent="0.25">
      <c r="A16126" s="1" t="s">
        <v>35239</v>
      </c>
      <c r="B16126" s="1" t="s">
        <v>54567</v>
      </c>
      <c r="C16126" s="1" t="s">
        <v>35240</v>
      </c>
      <c r="D16126" s="2">
        <v>168954</v>
      </c>
      <c r="E16126" s="1" t="s">
        <v>0</v>
      </c>
    </row>
    <row r="16127" spans="1:5" x14ac:dyDescent="0.25">
      <c r="A16127" s="2">
        <v>3225</v>
      </c>
      <c r="B16127" s="2">
        <v>3225</v>
      </c>
      <c r="C16127" s="1" t="s">
        <v>0</v>
      </c>
      <c r="D16127" s="2">
        <v>168955</v>
      </c>
      <c r="E16127" s="1" t="s">
        <v>0</v>
      </c>
    </row>
    <row r="16128" spans="1:5" x14ac:dyDescent="0.25">
      <c r="A16128" s="1" t="s">
        <v>2941</v>
      </c>
      <c r="B16128" s="1" t="s">
        <v>9672</v>
      </c>
      <c r="C16128" s="1" t="s">
        <v>35241</v>
      </c>
      <c r="D16128" s="2">
        <v>168956</v>
      </c>
      <c r="E16128" s="1" t="s">
        <v>0</v>
      </c>
    </row>
    <row r="16129" spans="1:5" x14ac:dyDescent="0.25">
      <c r="A16129" s="1" t="s">
        <v>35242</v>
      </c>
      <c r="B16129" s="1" t="s">
        <v>54568</v>
      </c>
      <c r="C16129" s="1" t="s">
        <v>35243</v>
      </c>
      <c r="D16129" s="2">
        <v>168957</v>
      </c>
      <c r="E16129" s="1" t="s">
        <v>0</v>
      </c>
    </row>
    <row r="16130" spans="1:5" ht="409.5" x14ac:dyDescent="0.25">
      <c r="A16130" s="4" t="s">
        <v>35244</v>
      </c>
      <c r="B16130" s="1" t="s">
        <v>63754</v>
      </c>
      <c r="C16130" s="1" t="s">
        <v>35245</v>
      </c>
      <c r="D16130" s="2">
        <v>168958</v>
      </c>
      <c r="E16130" s="1" t="s">
        <v>0</v>
      </c>
    </row>
    <row r="16131" spans="1:5" x14ac:dyDescent="0.25">
      <c r="A16131" s="1" t="s">
        <v>35246</v>
      </c>
      <c r="B16131" s="1" t="s">
        <v>9673</v>
      </c>
      <c r="C16131" s="1" t="s">
        <v>35247</v>
      </c>
      <c r="D16131" s="2">
        <v>168959</v>
      </c>
      <c r="E16131" s="1" t="s">
        <v>0</v>
      </c>
    </row>
    <row r="16132" spans="1:5" x14ac:dyDescent="0.25">
      <c r="A16132" s="2">
        <v>3226</v>
      </c>
      <c r="B16132" s="2">
        <v>3226</v>
      </c>
      <c r="C16132" s="1" t="s">
        <v>0</v>
      </c>
      <c r="D16132" s="2">
        <v>168960</v>
      </c>
      <c r="E16132" s="1" t="s">
        <v>0</v>
      </c>
    </row>
    <row r="16133" spans="1:5" x14ac:dyDescent="0.25">
      <c r="A16133" s="1" t="s">
        <v>2942</v>
      </c>
      <c r="B16133" s="1" t="s">
        <v>50846</v>
      </c>
      <c r="C16133" s="1" t="s">
        <v>35248</v>
      </c>
      <c r="D16133" s="2">
        <v>168961</v>
      </c>
      <c r="E16133" s="1" t="s">
        <v>0</v>
      </c>
    </row>
    <row r="16134" spans="1:5" x14ac:dyDescent="0.25">
      <c r="A16134" s="1" t="s">
        <v>64238</v>
      </c>
      <c r="B16134" s="1" t="s">
        <v>50847</v>
      </c>
      <c r="C16134" s="1" t="s">
        <v>35249</v>
      </c>
      <c r="D16134" s="2">
        <v>168962</v>
      </c>
      <c r="E16134" s="1" t="s">
        <v>0</v>
      </c>
    </row>
    <row r="16135" spans="1:5" ht="409.5" x14ac:dyDescent="0.25">
      <c r="A16135" s="4" t="s">
        <v>64239</v>
      </c>
      <c r="B16135" s="1" t="s">
        <v>54569</v>
      </c>
      <c r="C16135" s="1" t="s">
        <v>35250</v>
      </c>
      <c r="D16135" s="2">
        <v>168963</v>
      </c>
      <c r="E16135" s="1" t="s">
        <v>0</v>
      </c>
    </row>
    <row r="16136" spans="1:5" x14ac:dyDescent="0.25">
      <c r="A16136" s="1" t="s">
        <v>35251</v>
      </c>
      <c r="B16136" s="1" t="s">
        <v>54570</v>
      </c>
      <c r="C16136" s="1" t="s">
        <v>35252</v>
      </c>
      <c r="D16136" s="2">
        <v>168964</v>
      </c>
      <c r="E16136" s="1" t="s">
        <v>0</v>
      </c>
    </row>
    <row r="16137" spans="1:5" x14ac:dyDescent="0.25">
      <c r="A16137" s="2">
        <v>3227</v>
      </c>
      <c r="B16137" s="2">
        <v>3227</v>
      </c>
      <c r="C16137" s="1" t="s">
        <v>0</v>
      </c>
      <c r="D16137" s="2">
        <v>168965</v>
      </c>
      <c r="E16137" s="1" t="s">
        <v>0</v>
      </c>
    </row>
    <row r="16138" spans="1:5" x14ac:dyDescent="0.25">
      <c r="A16138" s="1" t="s">
        <v>2943</v>
      </c>
      <c r="B16138" s="1" t="s">
        <v>9674</v>
      </c>
      <c r="C16138" s="1" t="s">
        <v>35253</v>
      </c>
      <c r="D16138" s="2">
        <v>168966</v>
      </c>
      <c r="E16138" s="1" t="s">
        <v>0</v>
      </c>
    </row>
    <row r="16139" spans="1:5" x14ac:dyDescent="0.25">
      <c r="A16139" s="1" t="s">
        <v>35254</v>
      </c>
      <c r="B16139" s="1" t="s">
        <v>61682</v>
      </c>
      <c r="C16139" s="1" t="s">
        <v>35255</v>
      </c>
      <c r="D16139" s="2">
        <v>168967</v>
      </c>
      <c r="E16139" s="1" t="s">
        <v>0</v>
      </c>
    </row>
    <row r="16140" spans="1:5" ht="409.5" x14ac:dyDescent="0.25">
      <c r="A16140" s="4" t="s">
        <v>35256</v>
      </c>
      <c r="B16140" s="1" t="s">
        <v>61683</v>
      </c>
      <c r="C16140" s="1" t="s">
        <v>35257</v>
      </c>
      <c r="D16140" s="2">
        <v>168968</v>
      </c>
      <c r="E16140" s="1" t="s">
        <v>0</v>
      </c>
    </row>
    <row r="16141" spans="1:5" x14ac:dyDescent="0.25">
      <c r="A16141" s="1" t="s">
        <v>35258</v>
      </c>
      <c r="B16141" s="1" t="s">
        <v>61684</v>
      </c>
      <c r="C16141" s="1" t="s">
        <v>35259</v>
      </c>
      <c r="D16141" s="2">
        <v>168969</v>
      </c>
      <c r="E16141" s="1" t="s">
        <v>0</v>
      </c>
    </row>
    <row r="16142" spans="1:5" x14ac:dyDescent="0.25">
      <c r="A16142" s="2">
        <v>3228</v>
      </c>
      <c r="B16142" s="2">
        <v>3228</v>
      </c>
      <c r="C16142" s="1" t="s">
        <v>0</v>
      </c>
      <c r="D16142" s="2">
        <v>168970</v>
      </c>
      <c r="E16142" s="1" t="s">
        <v>0</v>
      </c>
    </row>
    <row r="16143" spans="1:5" x14ac:dyDescent="0.25">
      <c r="A16143" s="1" t="s">
        <v>2944</v>
      </c>
      <c r="B16143" s="1" t="s">
        <v>9675</v>
      </c>
      <c r="C16143" s="1" t="s">
        <v>35260</v>
      </c>
      <c r="D16143" s="2">
        <v>168971</v>
      </c>
      <c r="E16143" s="1" t="s">
        <v>0</v>
      </c>
    </row>
    <row r="16144" spans="1:5" x14ac:dyDescent="0.25">
      <c r="A16144" s="1" t="s">
        <v>35261</v>
      </c>
      <c r="B16144" s="1" t="s">
        <v>57896</v>
      </c>
      <c r="C16144" s="1" t="s">
        <v>35262</v>
      </c>
      <c r="D16144" s="2">
        <v>168972</v>
      </c>
      <c r="E16144" s="1" t="s">
        <v>0</v>
      </c>
    </row>
    <row r="16145" spans="1:5" ht="409.5" x14ac:dyDescent="0.25">
      <c r="A16145" s="4" t="s">
        <v>35263</v>
      </c>
      <c r="B16145" s="1" t="s">
        <v>57897</v>
      </c>
      <c r="C16145" s="1" t="s">
        <v>35264</v>
      </c>
      <c r="D16145" s="2">
        <v>168973</v>
      </c>
      <c r="E16145" s="1" t="s">
        <v>0</v>
      </c>
    </row>
    <row r="16146" spans="1:5" x14ac:dyDescent="0.25">
      <c r="A16146" s="1" t="s">
        <v>35265</v>
      </c>
      <c r="B16146" s="1" t="s">
        <v>54571</v>
      </c>
      <c r="C16146" s="1" t="s">
        <v>35266</v>
      </c>
      <c r="D16146" s="2">
        <v>168974</v>
      </c>
      <c r="E16146" s="1" t="s">
        <v>0</v>
      </c>
    </row>
    <row r="16147" spans="1:5" x14ac:dyDescent="0.25">
      <c r="A16147" s="2">
        <v>3229</v>
      </c>
      <c r="B16147" s="2">
        <v>3229</v>
      </c>
      <c r="C16147" s="1" t="s">
        <v>0</v>
      </c>
      <c r="D16147" s="2">
        <v>168975</v>
      </c>
      <c r="E16147" s="1" t="s">
        <v>0</v>
      </c>
    </row>
    <row r="16148" spans="1:5" x14ac:dyDescent="0.25">
      <c r="A16148" s="1" t="s">
        <v>2945</v>
      </c>
      <c r="B16148" s="1" t="s">
        <v>54572</v>
      </c>
      <c r="C16148" s="1" t="s">
        <v>35267</v>
      </c>
      <c r="D16148" s="2">
        <v>168976</v>
      </c>
      <c r="E16148" s="1" t="s">
        <v>0</v>
      </c>
    </row>
    <row r="16149" spans="1:5" x14ac:dyDescent="0.25">
      <c r="A16149" s="1" t="s">
        <v>35268</v>
      </c>
      <c r="B16149" s="1" t="s">
        <v>54573</v>
      </c>
      <c r="C16149" s="1" t="s">
        <v>35269</v>
      </c>
      <c r="D16149" s="2">
        <v>168977</v>
      </c>
      <c r="E16149" s="1" t="s">
        <v>0</v>
      </c>
    </row>
    <row r="16150" spans="1:5" ht="409.5" x14ac:dyDescent="0.25">
      <c r="A16150" s="4" t="s">
        <v>35270</v>
      </c>
      <c r="B16150" s="1" t="s">
        <v>56804</v>
      </c>
      <c r="C16150" s="1" t="s">
        <v>35271</v>
      </c>
      <c r="D16150" s="2">
        <v>168978</v>
      </c>
      <c r="E16150" s="1" t="s">
        <v>0</v>
      </c>
    </row>
    <row r="16151" spans="1:5" x14ac:dyDescent="0.25">
      <c r="A16151" s="1" t="s">
        <v>35272</v>
      </c>
      <c r="B16151" s="1" t="s">
        <v>9676</v>
      </c>
      <c r="C16151" s="1" t="s">
        <v>35273</v>
      </c>
      <c r="D16151" s="2">
        <v>168979</v>
      </c>
      <c r="E16151" s="1" t="s">
        <v>0</v>
      </c>
    </row>
    <row r="16152" spans="1:5" x14ac:dyDescent="0.25">
      <c r="A16152" s="2">
        <v>3230</v>
      </c>
      <c r="B16152" s="2">
        <v>3230</v>
      </c>
      <c r="C16152" s="1" t="s">
        <v>0</v>
      </c>
      <c r="D16152" s="2">
        <v>168980</v>
      </c>
      <c r="E16152" s="1" t="s">
        <v>0</v>
      </c>
    </row>
    <row r="16153" spans="1:5" x14ac:dyDescent="0.25">
      <c r="A16153" s="1" t="s">
        <v>2946</v>
      </c>
      <c r="B16153" s="1" t="s">
        <v>9677</v>
      </c>
      <c r="C16153" s="1" t="s">
        <v>35274</v>
      </c>
      <c r="D16153" s="2">
        <v>168981</v>
      </c>
      <c r="E16153" s="1" t="s">
        <v>0</v>
      </c>
    </row>
    <row r="16154" spans="1:5" x14ac:dyDescent="0.25">
      <c r="A16154" s="1" t="s">
        <v>35275</v>
      </c>
      <c r="B16154" s="1" t="s">
        <v>56805</v>
      </c>
      <c r="C16154" s="1" t="s">
        <v>35276</v>
      </c>
      <c r="D16154" s="2">
        <v>168982</v>
      </c>
      <c r="E16154" s="1" t="s">
        <v>0</v>
      </c>
    </row>
    <row r="16155" spans="1:5" ht="409.5" x14ac:dyDescent="0.25">
      <c r="A16155" s="4" t="s">
        <v>35277</v>
      </c>
      <c r="B16155" s="1" t="s">
        <v>56806</v>
      </c>
      <c r="C16155" s="1" t="s">
        <v>35278</v>
      </c>
      <c r="D16155" s="2">
        <v>168983</v>
      </c>
      <c r="E16155" s="1" t="s">
        <v>0</v>
      </c>
    </row>
    <row r="16156" spans="1:5" x14ac:dyDescent="0.25">
      <c r="A16156" s="1" t="s">
        <v>35279</v>
      </c>
      <c r="B16156" s="1" t="s">
        <v>57257</v>
      </c>
      <c r="C16156" s="1" t="s">
        <v>35280</v>
      </c>
      <c r="D16156" s="2">
        <v>168984</v>
      </c>
      <c r="E16156" s="1" t="s">
        <v>0</v>
      </c>
    </row>
    <row r="16157" spans="1:5" x14ac:dyDescent="0.25">
      <c r="A16157" s="2">
        <v>3231</v>
      </c>
      <c r="B16157" s="2">
        <v>3231</v>
      </c>
      <c r="C16157" s="1" t="s">
        <v>0</v>
      </c>
      <c r="D16157" s="2">
        <v>168985</v>
      </c>
      <c r="E16157" s="1" t="s">
        <v>0</v>
      </c>
    </row>
    <row r="16158" spans="1:5" x14ac:dyDescent="0.25">
      <c r="A16158" s="1" t="s">
        <v>2947</v>
      </c>
      <c r="B16158" s="1" t="s">
        <v>9678</v>
      </c>
      <c r="C16158" s="1" t="s">
        <v>35281</v>
      </c>
      <c r="D16158" s="2">
        <v>168986</v>
      </c>
      <c r="E16158" s="1" t="s">
        <v>0</v>
      </c>
    </row>
    <row r="16159" spans="1:5" x14ac:dyDescent="0.25">
      <c r="A16159" s="1" t="s">
        <v>35282</v>
      </c>
      <c r="B16159" s="1" t="s">
        <v>54574</v>
      </c>
      <c r="C16159" s="1" t="s">
        <v>35283</v>
      </c>
      <c r="D16159" s="2">
        <v>168987</v>
      </c>
      <c r="E16159" s="1" t="s">
        <v>0</v>
      </c>
    </row>
    <row r="16160" spans="1:5" ht="409.5" x14ac:dyDescent="0.25">
      <c r="A16160" s="4" t="s">
        <v>35284</v>
      </c>
      <c r="B16160" s="1" t="s">
        <v>54575</v>
      </c>
      <c r="C16160" s="1" t="s">
        <v>35285</v>
      </c>
      <c r="D16160" s="2">
        <v>168988</v>
      </c>
      <c r="E16160" s="1" t="s">
        <v>0</v>
      </c>
    </row>
    <row r="16161" spans="1:5" x14ac:dyDescent="0.25">
      <c r="A16161" s="1" t="s">
        <v>35286</v>
      </c>
      <c r="B16161" s="1" t="s">
        <v>54576</v>
      </c>
      <c r="C16161" s="1" t="s">
        <v>35287</v>
      </c>
      <c r="D16161" s="2">
        <v>168989</v>
      </c>
      <c r="E16161" s="1" t="s">
        <v>0</v>
      </c>
    </row>
    <row r="16162" spans="1:5" x14ac:dyDescent="0.25">
      <c r="A16162" s="2">
        <v>3232</v>
      </c>
      <c r="B16162" s="2">
        <v>3232</v>
      </c>
      <c r="C16162" s="1" t="s">
        <v>0</v>
      </c>
      <c r="D16162" s="2">
        <v>168990</v>
      </c>
      <c r="E16162" s="1" t="s">
        <v>0</v>
      </c>
    </row>
    <row r="16163" spans="1:5" x14ac:dyDescent="0.25">
      <c r="A16163" s="1" t="s">
        <v>2948</v>
      </c>
      <c r="B16163" s="1" t="s">
        <v>9679</v>
      </c>
      <c r="C16163" s="1" t="s">
        <v>35288</v>
      </c>
      <c r="D16163" s="2">
        <v>168991</v>
      </c>
      <c r="E16163" s="1" t="s">
        <v>0</v>
      </c>
    </row>
    <row r="16164" spans="1:5" x14ac:dyDescent="0.25">
      <c r="A16164" s="1" t="s">
        <v>35289</v>
      </c>
      <c r="B16164" s="1" t="s">
        <v>57569</v>
      </c>
      <c r="C16164" s="1" t="s">
        <v>35290</v>
      </c>
      <c r="D16164" s="2">
        <v>168992</v>
      </c>
      <c r="E16164" s="1" t="s">
        <v>0</v>
      </c>
    </row>
    <row r="16165" spans="1:5" ht="409.5" x14ac:dyDescent="0.25">
      <c r="A16165" s="4" t="s">
        <v>64240</v>
      </c>
      <c r="B16165" s="1" t="s">
        <v>57570</v>
      </c>
      <c r="C16165" s="1" t="s">
        <v>35291</v>
      </c>
      <c r="D16165" s="2">
        <v>168993</v>
      </c>
      <c r="E16165" s="1" t="s">
        <v>0</v>
      </c>
    </row>
    <row r="16166" spans="1:5" x14ac:dyDescent="0.25">
      <c r="A16166" s="1" t="s">
        <v>35292</v>
      </c>
      <c r="B16166" s="1" t="s">
        <v>57571</v>
      </c>
      <c r="C16166" s="1" t="s">
        <v>35293</v>
      </c>
      <c r="D16166" s="2">
        <v>168994</v>
      </c>
      <c r="E16166" s="1" t="s">
        <v>0</v>
      </c>
    </row>
    <row r="16167" spans="1:5" x14ac:dyDescent="0.25">
      <c r="A16167" s="2">
        <v>3233</v>
      </c>
      <c r="B16167" s="2">
        <v>3233</v>
      </c>
      <c r="C16167" s="1" t="s">
        <v>0</v>
      </c>
      <c r="D16167" s="2">
        <v>168995</v>
      </c>
      <c r="E16167" s="1" t="s">
        <v>0</v>
      </c>
    </row>
    <row r="16168" spans="1:5" x14ac:dyDescent="0.25">
      <c r="A16168" s="1" t="s">
        <v>2949</v>
      </c>
      <c r="B16168" s="1" t="s">
        <v>50848</v>
      </c>
      <c r="C16168" s="1" t="s">
        <v>35294</v>
      </c>
      <c r="D16168" s="2">
        <v>168996</v>
      </c>
      <c r="E16168" s="1" t="s">
        <v>0</v>
      </c>
    </row>
    <row r="16169" spans="1:5" x14ac:dyDescent="0.25">
      <c r="A16169" s="1" t="s">
        <v>35295</v>
      </c>
      <c r="B16169" s="1" t="s">
        <v>50849</v>
      </c>
      <c r="C16169" s="1" t="s">
        <v>35296</v>
      </c>
      <c r="D16169" s="2">
        <v>168997</v>
      </c>
      <c r="E16169" s="1" t="s">
        <v>0</v>
      </c>
    </row>
    <row r="16170" spans="1:5" ht="409.5" x14ac:dyDescent="0.25">
      <c r="A16170" s="4" t="s">
        <v>35297</v>
      </c>
      <c r="B16170" s="1" t="s">
        <v>60108</v>
      </c>
      <c r="C16170" s="1" t="s">
        <v>35298</v>
      </c>
      <c r="D16170" s="2">
        <v>168998</v>
      </c>
      <c r="E16170" s="1" t="s">
        <v>0</v>
      </c>
    </row>
    <row r="16171" spans="1:5" x14ac:dyDescent="0.25">
      <c r="A16171" s="1" t="s">
        <v>35299</v>
      </c>
      <c r="B16171" s="1" t="s">
        <v>54577</v>
      </c>
      <c r="C16171" s="1" t="s">
        <v>35300</v>
      </c>
      <c r="D16171" s="2">
        <v>168999</v>
      </c>
      <c r="E16171" s="1" t="s">
        <v>0</v>
      </c>
    </row>
    <row r="16172" spans="1:5" x14ac:dyDescent="0.25">
      <c r="A16172" s="2">
        <v>3234</v>
      </c>
      <c r="B16172" s="2">
        <v>3234</v>
      </c>
      <c r="C16172" s="1" t="s">
        <v>0</v>
      </c>
      <c r="D16172" s="2">
        <v>169000</v>
      </c>
      <c r="E16172" s="1" t="s">
        <v>0</v>
      </c>
    </row>
    <row r="16173" spans="1:5" x14ac:dyDescent="0.25">
      <c r="A16173" s="1" t="s">
        <v>2950</v>
      </c>
      <c r="B16173" s="1" t="s">
        <v>9680</v>
      </c>
      <c r="C16173" s="1" t="s">
        <v>35301</v>
      </c>
      <c r="D16173" s="2">
        <v>169001</v>
      </c>
      <c r="E16173" s="1" t="s">
        <v>0</v>
      </c>
    </row>
    <row r="16174" spans="1:5" x14ac:dyDescent="0.25">
      <c r="A16174" s="1" t="s">
        <v>35302</v>
      </c>
      <c r="B16174" s="1" t="s">
        <v>54578</v>
      </c>
      <c r="C16174" s="1" t="s">
        <v>35303</v>
      </c>
      <c r="D16174" s="2">
        <v>169002</v>
      </c>
      <c r="E16174" s="1" t="s">
        <v>0</v>
      </c>
    </row>
    <row r="16175" spans="1:5" x14ac:dyDescent="0.25">
      <c r="A16175" s="1" t="s">
        <v>35304</v>
      </c>
      <c r="B16175" s="1" t="s">
        <v>54579</v>
      </c>
      <c r="C16175" s="1" t="s">
        <v>35305</v>
      </c>
      <c r="D16175" s="2">
        <v>169003</v>
      </c>
      <c r="E16175" s="1" t="s">
        <v>0</v>
      </c>
    </row>
    <row r="16176" spans="1:5" x14ac:dyDescent="0.25">
      <c r="A16176" s="1" t="s">
        <v>35306</v>
      </c>
      <c r="B16176" s="1" t="s">
        <v>54580</v>
      </c>
      <c r="C16176" s="1" t="s">
        <v>35307</v>
      </c>
      <c r="D16176" s="2">
        <v>169004</v>
      </c>
      <c r="E16176" s="1" t="s">
        <v>0</v>
      </c>
    </row>
    <row r="16177" spans="1:5" x14ac:dyDescent="0.25">
      <c r="A16177" s="2">
        <v>3235</v>
      </c>
      <c r="B16177" s="2">
        <v>3235</v>
      </c>
      <c r="C16177" s="1" t="s">
        <v>0</v>
      </c>
      <c r="D16177" s="2">
        <v>169005</v>
      </c>
      <c r="E16177" s="1" t="s">
        <v>0</v>
      </c>
    </row>
    <row r="16178" spans="1:5" x14ac:dyDescent="0.25">
      <c r="A16178" s="1" t="s">
        <v>2951</v>
      </c>
      <c r="B16178" s="1" t="s">
        <v>9681</v>
      </c>
      <c r="C16178" s="1" t="s">
        <v>35308</v>
      </c>
      <c r="D16178" s="2">
        <v>169006</v>
      </c>
      <c r="E16178" s="1" t="s">
        <v>0</v>
      </c>
    </row>
    <row r="16179" spans="1:5" x14ac:dyDescent="0.25">
      <c r="A16179" s="1" t="s">
        <v>35309</v>
      </c>
      <c r="B16179" s="1" t="s">
        <v>35310</v>
      </c>
      <c r="C16179" s="1" t="s">
        <v>35311</v>
      </c>
      <c r="D16179" s="2">
        <v>169007</v>
      </c>
      <c r="E16179" s="1" t="s">
        <v>0</v>
      </c>
    </row>
    <row r="16180" spans="1:5" ht="409.5" x14ac:dyDescent="0.25">
      <c r="A16180" s="4" t="s">
        <v>35312</v>
      </c>
      <c r="B16180" s="1" t="s">
        <v>35313</v>
      </c>
      <c r="C16180" s="1" t="s">
        <v>35314</v>
      </c>
      <c r="D16180" s="2">
        <v>169008</v>
      </c>
      <c r="E16180" s="1" t="s">
        <v>0</v>
      </c>
    </row>
    <row r="16181" spans="1:5" x14ac:dyDescent="0.25">
      <c r="A16181" s="1" t="s">
        <v>35315</v>
      </c>
      <c r="B16181" s="1" t="s">
        <v>61214</v>
      </c>
      <c r="C16181" s="1" t="s">
        <v>35316</v>
      </c>
      <c r="D16181" s="2">
        <v>169009</v>
      </c>
      <c r="E16181" s="1" t="s">
        <v>0</v>
      </c>
    </row>
    <row r="16182" spans="1:5" x14ac:dyDescent="0.25">
      <c r="A16182" s="2">
        <v>3236</v>
      </c>
      <c r="B16182" s="2">
        <v>3236</v>
      </c>
      <c r="C16182" s="1" t="s">
        <v>0</v>
      </c>
      <c r="D16182" s="2">
        <v>169010</v>
      </c>
      <c r="E16182" s="1" t="s">
        <v>0</v>
      </c>
    </row>
    <row r="16183" spans="1:5" x14ac:dyDescent="0.25">
      <c r="A16183" s="1" t="s">
        <v>2952</v>
      </c>
      <c r="B16183" s="1" t="s">
        <v>9682</v>
      </c>
      <c r="C16183" s="1" t="s">
        <v>35317</v>
      </c>
      <c r="D16183" s="2">
        <v>169011</v>
      </c>
      <c r="E16183" s="1" t="s">
        <v>0</v>
      </c>
    </row>
    <row r="16184" spans="1:5" x14ac:dyDescent="0.25">
      <c r="A16184" s="1" t="s">
        <v>35318</v>
      </c>
      <c r="B16184" s="1" t="s">
        <v>54581</v>
      </c>
      <c r="C16184" s="1" t="s">
        <v>35319</v>
      </c>
      <c r="D16184" s="2">
        <v>169012</v>
      </c>
      <c r="E16184" s="1" t="s">
        <v>0</v>
      </c>
    </row>
    <row r="16185" spans="1:5" ht="409.5" x14ac:dyDescent="0.25">
      <c r="A16185" s="4" t="s">
        <v>35320</v>
      </c>
      <c r="B16185" s="1" t="s">
        <v>54582</v>
      </c>
      <c r="C16185" s="1" t="s">
        <v>35321</v>
      </c>
      <c r="D16185" s="2">
        <v>169013</v>
      </c>
      <c r="E16185" s="1" t="s">
        <v>0</v>
      </c>
    </row>
    <row r="16186" spans="1:5" x14ac:dyDescent="0.25">
      <c r="A16186" s="1" t="s">
        <v>35322</v>
      </c>
      <c r="B16186" s="1" t="s">
        <v>50850</v>
      </c>
      <c r="C16186" s="1" t="s">
        <v>35323</v>
      </c>
      <c r="D16186" s="2">
        <v>169014</v>
      </c>
      <c r="E16186" s="1" t="s">
        <v>0</v>
      </c>
    </row>
    <row r="16187" spans="1:5" x14ac:dyDescent="0.25">
      <c r="A16187" s="2">
        <v>3237</v>
      </c>
      <c r="B16187" s="2">
        <v>3237</v>
      </c>
      <c r="C16187" s="1" t="s">
        <v>0</v>
      </c>
      <c r="D16187" s="2">
        <v>169015</v>
      </c>
      <c r="E16187" s="1" t="s">
        <v>0</v>
      </c>
    </row>
    <row r="16188" spans="1:5" x14ac:dyDescent="0.25">
      <c r="A16188" s="1" t="s">
        <v>13195</v>
      </c>
      <c r="B16188" s="1" t="s">
        <v>13196</v>
      </c>
      <c r="C16188" s="1" t="s">
        <v>35324</v>
      </c>
      <c r="D16188" s="2">
        <v>169016</v>
      </c>
      <c r="E16188" s="1" t="s">
        <v>0</v>
      </c>
    </row>
    <row r="16189" spans="1:5" x14ac:dyDescent="0.25">
      <c r="A16189" s="1" t="s">
        <v>35325</v>
      </c>
      <c r="B16189" s="1" t="s">
        <v>50851</v>
      </c>
      <c r="C16189" s="1" t="s">
        <v>35326</v>
      </c>
      <c r="D16189" s="2">
        <v>169017</v>
      </c>
      <c r="E16189" s="1" t="s">
        <v>0</v>
      </c>
    </row>
    <row r="16190" spans="1:5" ht="409.5" x14ac:dyDescent="0.25">
      <c r="A16190" s="4" t="s">
        <v>35327</v>
      </c>
      <c r="B16190" s="1" t="s">
        <v>50852</v>
      </c>
      <c r="C16190" s="1" t="s">
        <v>35328</v>
      </c>
      <c r="D16190" s="2">
        <v>169018</v>
      </c>
      <c r="E16190" s="1" t="s">
        <v>0</v>
      </c>
    </row>
    <row r="16191" spans="1:5" x14ac:dyDescent="0.25">
      <c r="A16191" s="1" t="s">
        <v>35329</v>
      </c>
      <c r="B16191" s="1" t="s">
        <v>54583</v>
      </c>
      <c r="C16191" s="1" t="s">
        <v>35330</v>
      </c>
      <c r="D16191" s="2">
        <v>169019</v>
      </c>
      <c r="E16191" s="1" t="s">
        <v>0</v>
      </c>
    </row>
    <row r="16192" spans="1:5" x14ac:dyDescent="0.25">
      <c r="A16192" s="2">
        <v>3238</v>
      </c>
      <c r="B16192" s="2">
        <v>3238</v>
      </c>
      <c r="C16192" s="1" t="s">
        <v>0</v>
      </c>
      <c r="D16192" s="2">
        <v>169020</v>
      </c>
      <c r="E16192" s="1" t="s">
        <v>0</v>
      </c>
    </row>
    <row r="16193" spans="1:5" x14ac:dyDescent="0.25">
      <c r="A16193" s="1" t="s">
        <v>2953</v>
      </c>
      <c r="B16193" s="1" t="s">
        <v>50853</v>
      </c>
      <c r="C16193" s="1" t="s">
        <v>35331</v>
      </c>
      <c r="D16193" s="2">
        <v>169021</v>
      </c>
      <c r="E16193" s="1" t="s">
        <v>0</v>
      </c>
    </row>
    <row r="16194" spans="1:5" x14ac:dyDescent="0.25">
      <c r="A16194" s="1" t="s">
        <v>35332</v>
      </c>
      <c r="B16194" s="1" t="s">
        <v>62648</v>
      </c>
      <c r="C16194" s="1" t="s">
        <v>35333</v>
      </c>
      <c r="D16194" s="2">
        <v>169022</v>
      </c>
      <c r="E16194" s="1" t="s">
        <v>0</v>
      </c>
    </row>
    <row r="16195" spans="1:5" ht="409.5" x14ac:dyDescent="0.25">
      <c r="A16195" s="4" t="s">
        <v>35334</v>
      </c>
      <c r="B16195" s="1" t="s">
        <v>62649</v>
      </c>
      <c r="C16195" s="1" t="s">
        <v>35335</v>
      </c>
      <c r="D16195" s="2">
        <v>169023</v>
      </c>
      <c r="E16195" s="1" t="s">
        <v>0</v>
      </c>
    </row>
    <row r="16196" spans="1:5" x14ac:dyDescent="0.25">
      <c r="A16196" s="1" t="s">
        <v>35336</v>
      </c>
      <c r="B16196" s="1" t="s">
        <v>54584</v>
      </c>
      <c r="C16196" s="1" t="s">
        <v>35337</v>
      </c>
      <c r="D16196" s="2">
        <v>169024</v>
      </c>
      <c r="E16196" s="1" t="s">
        <v>0</v>
      </c>
    </row>
    <row r="16197" spans="1:5" x14ac:dyDescent="0.25">
      <c r="A16197" s="2">
        <v>3239</v>
      </c>
      <c r="B16197" s="2">
        <v>3239</v>
      </c>
      <c r="C16197" s="1" t="s">
        <v>0</v>
      </c>
      <c r="D16197" s="2">
        <v>169025</v>
      </c>
      <c r="E16197" s="1" t="s">
        <v>0</v>
      </c>
    </row>
    <row r="16198" spans="1:5" x14ac:dyDescent="0.25">
      <c r="A16198" s="1" t="s">
        <v>2954</v>
      </c>
      <c r="B16198" s="1" t="s">
        <v>54585</v>
      </c>
      <c r="C16198" s="1" t="s">
        <v>35338</v>
      </c>
      <c r="D16198" s="2">
        <v>169026</v>
      </c>
      <c r="E16198" s="1" t="s">
        <v>0</v>
      </c>
    </row>
    <row r="16199" spans="1:5" x14ac:dyDescent="0.25">
      <c r="A16199" s="1" t="s">
        <v>35339</v>
      </c>
      <c r="B16199" s="1" t="s">
        <v>54586</v>
      </c>
      <c r="C16199" s="1" t="s">
        <v>35340</v>
      </c>
      <c r="D16199" s="2">
        <v>169027</v>
      </c>
      <c r="E16199" s="1" t="s">
        <v>0</v>
      </c>
    </row>
    <row r="16200" spans="1:5" ht="409.5" x14ac:dyDescent="0.25">
      <c r="A16200" s="4" t="s">
        <v>35341</v>
      </c>
      <c r="B16200" s="1" t="s">
        <v>54587</v>
      </c>
      <c r="C16200" s="1" t="s">
        <v>35342</v>
      </c>
      <c r="D16200" s="2">
        <v>169028</v>
      </c>
      <c r="E16200" s="1" t="s">
        <v>0</v>
      </c>
    </row>
    <row r="16201" spans="1:5" x14ac:dyDescent="0.25">
      <c r="A16201" s="1" t="s">
        <v>35343</v>
      </c>
      <c r="B16201" s="1" t="s">
        <v>57258</v>
      </c>
      <c r="C16201" s="1" t="s">
        <v>35344</v>
      </c>
      <c r="D16201" s="2">
        <v>169029</v>
      </c>
      <c r="E16201" s="1" t="s">
        <v>0</v>
      </c>
    </row>
    <row r="16202" spans="1:5" x14ac:dyDescent="0.25">
      <c r="A16202" s="2">
        <v>3240</v>
      </c>
      <c r="B16202" s="2">
        <v>3240</v>
      </c>
      <c r="C16202" s="1" t="s">
        <v>0</v>
      </c>
      <c r="D16202" s="2">
        <v>169030</v>
      </c>
      <c r="E16202" s="1" t="s">
        <v>0</v>
      </c>
    </row>
    <row r="16203" spans="1:5" x14ac:dyDescent="0.25">
      <c r="A16203" s="1" t="s">
        <v>2955</v>
      </c>
      <c r="B16203" s="1" t="s">
        <v>9683</v>
      </c>
      <c r="C16203" s="1" t="s">
        <v>35345</v>
      </c>
      <c r="D16203" s="2">
        <v>169031</v>
      </c>
      <c r="E16203" s="1" t="s">
        <v>0</v>
      </c>
    </row>
    <row r="16204" spans="1:5" x14ac:dyDescent="0.25">
      <c r="A16204" s="1" t="s">
        <v>35346</v>
      </c>
      <c r="B16204" s="1" t="s">
        <v>57259</v>
      </c>
      <c r="C16204" s="1" t="s">
        <v>35347</v>
      </c>
      <c r="D16204" s="2">
        <v>169032</v>
      </c>
      <c r="E16204" s="1" t="s">
        <v>0</v>
      </c>
    </row>
    <row r="16205" spans="1:5" ht="409.5" x14ac:dyDescent="0.25">
      <c r="A16205" s="4" t="s">
        <v>35348</v>
      </c>
      <c r="B16205" s="1" t="s">
        <v>57572</v>
      </c>
      <c r="C16205" s="1" t="s">
        <v>35349</v>
      </c>
      <c r="D16205" s="2">
        <v>169033</v>
      </c>
      <c r="E16205" s="1" t="s">
        <v>0</v>
      </c>
    </row>
    <row r="16206" spans="1:5" x14ac:dyDescent="0.25">
      <c r="A16206" s="1" t="s">
        <v>35350</v>
      </c>
      <c r="B16206" s="1" t="s">
        <v>9684</v>
      </c>
      <c r="C16206" s="1" t="s">
        <v>35351</v>
      </c>
      <c r="D16206" s="2">
        <v>169034</v>
      </c>
      <c r="E16206" s="1" t="s">
        <v>0</v>
      </c>
    </row>
    <row r="16207" spans="1:5" x14ac:dyDescent="0.25">
      <c r="A16207" s="2">
        <v>3241</v>
      </c>
      <c r="B16207" s="2">
        <v>3241</v>
      </c>
      <c r="C16207" s="1" t="s">
        <v>0</v>
      </c>
      <c r="D16207" s="2">
        <v>169035</v>
      </c>
      <c r="E16207" s="1" t="s">
        <v>0</v>
      </c>
    </row>
    <row r="16208" spans="1:5" x14ac:dyDescent="0.25">
      <c r="A16208" s="1" t="s">
        <v>2956</v>
      </c>
      <c r="B16208" s="1" t="s">
        <v>50854</v>
      </c>
      <c r="C16208" s="1" t="s">
        <v>35352</v>
      </c>
      <c r="D16208" s="2">
        <v>169036</v>
      </c>
      <c r="E16208" s="1" t="s">
        <v>0</v>
      </c>
    </row>
    <row r="16209" spans="1:5" x14ac:dyDescent="0.25">
      <c r="A16209" s="1" t="s">
        <v>35353</v>
      </c>
      <c r="B16209" s="1" t="s">
        <v>58091</v>
      </c>
      <c r="C16209" s="1" t="s">
        <v>35354</v>
      </c>
      <c r="D16209" s="2">
        <v>169037</v>
      </c>
      <c r="E16209" s="1" t="s">
        <v>0</v>
      </c>
    </row>
    <row r="16210" spans="1:5" ht="409.5" x14ac:dyDescent="0.25">
      <c r="A16210" s="4" t="s">
        <v>35355</v>
      </c>
      <c r="B16210" s="1" t="s">
        <v>58092</v>
      </c>
      <c r="C16210" s="1" t="s">
        <v>35356</v>
      </c>
      <c r="D16210" s="2">
        <v>169038</v>
      </c>
      <c r="E16210" s="1" t="s">
        <v>0</v>
      </c>
    </row>
    <row r="16211" spans="1:5" x14ac:dyDescent="0.25">
      <c r="A16211" s="1" t="s">
        <v>35357</v>
      </c>
      <c r="B16211" s="1" t="s">
        <v>54588</v>
      </c>
      <c r="C16211" s="1" t="s">
        <v>35358</v>
      </c>
      <c r="D16211" s="2">
        <v>169039</v>
      </c>
      <c r="E16211" s="1" t="s">
        <v>0</v>
      </c>
    </row>
    <row r="16212" spans="1:5" x14ac:dyDescent="0.25">
      <c r="A16212" s="2">
        <v>3242</v>
      </c>
      <c r="B16212" s="2">
        <v>3242</v>
      </c>
      <c r="C16212" s="1" t="s">
        <v>0</v>
      </c>
      <c r="D16212" s="2">
        <v>169040</v>
      </c>
      <c r="E16212" s="1" t="s">
        <v>0</v>
      </c>
    </row>
    <row r="16213" spans="1:5" x14ac:dyDescent="0.25">
      <c r="A16213" s="1" t="s">
        <v>2957</v>
      </c>
      <c r="B16213" s="1" t="s">
        <v>9685</v>
      </c>
      <c r="C16213" s="1" t="s">
        <v>35359</v>
      </c>
      <c r="D16213" s="2">
        <v>169041</v>
      </c>
      <c r="E16213" s="1" t="s">
        <v>0</v>
      </c>
    </row>
    <row r="16214" spans="1:5" x14ac:dyDescent="0.25">
      <c r="A16214" s="1" t="s">
        <v>35360</v>
      </c>
      <c r="B16214" s="1" t="s">
        <v>54589</v>
      </c>
      <c r="C16214" s="1" t="s">
        <v>35361</v>
      </c>
      <c r="D16214" s="2">
        <v>169042</v>
      </c>
      <c r="E16214" s="1" t="s">
        <v>0</v>
      </c>
    </row>
    <row r="16215" spans="1:5" ht="409.5" x14ac:dyDescent="0.25">
      <c r="A16215" s="4" t="s">
        <v>35362</v>
      </c>
      <c r="B16215" s="1" t="s">
        <v>54590</v>
      </c>
      <c r="C16215" s="1" t="s">
        <v>35363</v>
      </c>
      <c r="D16215" s="2">
        <v>169043</v>
      </c>
      <c r="E16215" s="1" t="s">
        <v>0</v>
      </c>
    </row>
    <row r="16216" spans="1:5" x14ac:dyDescent="0.25">
      <c r="A16216" s="1" t="s">
        <v>35364</v>
      </c>
      <c r="B16216" s="1" t="s">
        <v>54591</v>
      </c>
      <c r="C16216" s="1" t="s">
        <v>35365</v>
      </c>
      <c r="D16216" s="2">
        <v>169044</v>
      </c>
      <c r="E16216" s="1" t="s">
        <v>0</v>
      </c>
    </row>
    <row r="16217" spans="1:5" x14ac:dyDescent="0.25">
      <c r="A16217" s="2">
        <v>3243</v>
      </c>
      <c r="B16217" s="2">
        <v>3243</v>
      </c>
      <c r="C16217" s="1" t="s">
        <v>0</v>
      </c>
      <c r="D16217" s="2">
        <v>169045</v>
      </c>
      <c r="E16217" s="1" t="s">
        <v>0</v>
      </c>
    </row>
    <row r="16218" spans="1:5" x14ac:dyDescent="0.25">
      <c r="A16218" s="1" t="s">
        <v>13197</v>
      </c>
      <c r="B16218" s="1" t="s">
        <v>9686</v>
      </c>
      <c r="C16218" s="1" t="s">
        <v>35366</v>
      </c>
      <c r="D16218" s="2">
        <v>169046</v>
      </c>
      <c r="E16218" s="1" t="s">
        <v>0</v>
      </c>
    </row>
    <row r="16219" spans="1:5" x14ac:dyDescent="0.25">
      <c r="A16219" s="1" t="s">
        <v>35367</v>
      </c>
      <c r="B16219" s="1" t="s">
        <v>54592</v>
      </c>
      <c r="C16219" s="1" t="s">
        <v>35368</v>
      </c>
      <c r="D16219" s="2">
        <v>169047</v>
      </c>
      <c r="E16219" s="1" t="s">
        <v>0</v>
      </c>
    </row>
    <row r="16220" spans="1:5" ht="409.5" x14ac:dyDescent="0.25">
      <c r="A16220" s="4" t="s">
        <v>35369</v>
      </c>
      <c r="B16220" s="1" t="s">
        <v>54593</v>
      </c>
      <c r="C16220" s="1" t="s">
        <v>35370</v>
      </c>
      <c r="D16220" s="2">
        <v>169048</v>
      </c>
      <c r="E16220" s="1" t="s">
        <v>0</v>
      </c>
    </row>
    <row r="16221" spans="1:5" x14ac:dyDescent="0.25">
      <c r="A16221" s="1" t="s">
        <v>35371</v>
      </c>
      <c r="B16221" s="1" t="s">
        <v>54594</v>
      </c>
      <c r="C16221" s="1" t="s">
        <v>35372</v>
      </c>
      <c r="D16221" s="2">
        <v>169049</v>
      </c>
      <c r="E16221" s="1" t="s">
        <v>0</v>
      </c>
    </row>
    <row r="16222" spans="1:5" x14ac:dyDescent="0.25">
      <c r="A16222" s="2">
        <v>3244</v>
      </c>
      <c r="B16222" s="2">
        <v>3244</v>
      </c>
      <c r="C16222" s="1" t="s">
        <v>0</v>
      </c>
      <c r="D16222" s="2">
        <v>169050</v>
      </c>
      <c r="E16222" s="1" t="s">
        <v>0</v>
      </c>
    </row>
    <row r="16223" spans="1:5" x14ac:dyDescent="0.25">
      <c r="A16223" s="1" t="s">
        <v>2958</v>
      </c>
      <c r="B16223" s="1" t="s">
        <v>50855</v>
      </c>
      <c r="C16223" s="1" t="s">
        <v>35373</v>
      </c>
      <c r="D16223" s="2">
        <v>169051</v>
      </c>
      <c r="E16223" s="1" t="s">
        <v>0</v>
      </c>
    </row>
    <row r="16224" spans="1:5" x14ac:dyDescent="0.25">
      <c r="A16224" s="1" t="s">
        <v>35374</v>
      </c>
      <c r="B16224" s="1" t="s">
        <v>54595</v>
      </c>
      <c r="C16224" s="1" t="s">
        <v>35375</v>
      </c>
      <c r="D16224" s="2">
        <v>169052</v>
      </c>
      <c r="E16224" s="1" t="s">
        <v>0</v>
      </c>
    </row>
    <row r="16225" spans="1:5" ht="409.5" x14ac:dyDescent="0.25">
      <c r="A16225" s="4" t="s">
        <v>35376</v>
      </c>
      <c r="B16225" s="1" t="s">
        <v>57898</v>
      </c>
      <c r="C16225" s="1" t="s">
        <v>35377</v>
      </c>
      <c r="D16225" s="2">
        <v>169053</v>
      </c>
      <c r="E16225" s="1" t="s">
        <v>0</v>
      </c>
    </row>
    <row r="16226" spans="1:5" x14ac:dyDescent="0.25">
      <c r="A16226" s="1" t="s">
        <v>35378</v>
      </c>
      <c r="B16226" s="1" t="s">
        <v>54596</v>
      </c>
      <c r="C16226" s="1" t="s">
        <v>35379</v>
      </c>
      <c r="D16226" s="2">
        <v>169054</v>
      </c>
      <c r="E16226" s="1" t="s">
        <v>0</v>
      </c>
    </row>
    <row r="16227" spans="1:5" x14ac:dyDescent="0.25">
      <c r="A16227" s="2">
        <v>3245</v>
      </c>
      <c r="B16227" s="2">
        <v>3245</v>
      </c>
      <c r="C16227" s="1" t="s">
        <v>0</v>
      </c>
      <c r="D16227" s="2">
        <v>169055</v>
      </c>
      <c r="E16227" s="1" t="s">
        <v>0</v>
      </c>
    </row>
    <row r="16228" spans="1:5" x14ac:dyDescent="0.25">
      <c r="A16228" s="1" t="s">
        <v>2959</v>
      </c>
      <c r="B16228" s="1" t="s">
        <v>9687</v>
      </c>
      <c r="C16228" s="1" t="s">
        <v>35380</v>
      </c>
      <c r="D16228" s="2">
        <v>169056</v>
      </c>
      <c r="E16228" s="1" t="s">
        <v>0</v>
      </c>
    </row>
    <row r="16229" spans="1:5" x14ac:dyDescent="0.25">
      <c r="A16229" s="1" t="s">
        <v>35381</v>
      </c>
      <c r="B16229" s="1" t="s">
        <v>58931</v>
      </c>
      <c r="C16229" s="1" t="s">
        <v>35382</v>
      </c>
      <c r="D16229" s="2">
        <v>169057</v>
      </c>
      <c r="E16229" s="1" t="s">
        <v>0</v>
      </c>
    </row>
    <row r="16230" spans="1:5" ht="409.5" x14ac:dyDescent="0.25">
      <c r="A16230" s="4" t="s">
        <v>35383</v>
      </c>
      <c r="B16230" s="1" t="s">
        <v>58932</v>
      </c>
      <c r="C16230" s="1" t="s">
        <v>35384</v>
      </c>
      <c r="D16230" s="2">
        <v>169058</v>
      </c>
      <c r="E16230" s="1" t="s">
        <v>0</v>
      </c>
    </row>
    <row r="16231" spans="1:5" x14ac:dyDescent="0.25">
      <c r="A16231" s="1" t="s">
        <v>35385</v>
      </c>
      <c r="B16231" s="1" t="s">
        <v>9688</v>
      </c>
      <c r="C16231" s="1" t="s">
        <v>35386</v>
      </c>
      <c r="D16231" s="2">
        <v>169059</v>
      </c>
      <c r="E16231" s="1" t="s">
        <v>0</v>
      </c>
    </row>
    <row r="16232" spans="1:5" x14ac:dyDescent="0.25">
      <c r="A16232" s="2">
        <v>3246</v>
      </c>
      <c r="B16232" s="2">
        <v>3246</v>
      </c>
      <c r="C16232" s="1" t="s">
        <v>0</v>
      </c>
      <c r="D16232" s="2">
        <v>169060</v>
      </c>
      <c r="E16232" s="1" t="s">
        <v>0</v>
      </c>
    </row>
    <row r="16233" spans="1:5" x14ac:dyDescent="0.25">
      <c r="A16233" s="1" t="s">
        <v>2960</v>
      </c>
      <c r="B16233" s="1" t="s">
        <v>54597</v>
      </c>
      <c r="C16233" s="1" t="s">
        <v>35387</v>
      </c>
      <c r="D16233" s="2">
        <v>169061</v>
      </c>
      <c r="E16233" s="1" t="s">
        <v>0</v>
      </c>
    </row>
    <row r="16234" spans="1:5" x14ac:dyDescent="0.25">
      <c r="A16234" s="1" t="s">
        <v>35388</v>
      </c>
      <c r="B16234" s="1" t="s">
        <v>54598</v>
      </c>
      <c r="C16234" s="1" t="s">
        <v>35389</v>
      </c>
      <c r="D16234" s="2">
        <v>169062</v>
      </c>
      <c r="E16234" s="1" t="s">
        <v>0</v>
      </c>
    </row>
    <row r="16235" spans="1:5" ht="409.5" x14ac:dyDescent="0.25">
      <c r="A16235" s="4" t="s">
        <v>35390</v>
      </c>
      <c r="B16235" s="1" t="s">
        <v>54599</v>
      </c>
      <c r="C16235" s="1" t="s">
        <v>35391</v>
      </c>
      <c r="D16235" s="2">
        <v>169063</v>
      </c>
      <c r="E16235" s="1" t="s">
        <v>0</v>
      </c>
    </row>
    <row r="16236" spans="1:5" x14ac:dyDescent="0.25">
      <c r="A16236" s="1" t="s">
        <v>35392</v>
      </c>
      <c r="B16236" s="1" t="s">
        <v>54600</v>
      </c>
      <c r="C16236" s="1" t="s">
        <v>35393</v>
      </c>
      <c r="D16236" s="2">
        <v>169064</v>
      </c>
      <c r="E16236" s="1" t="s">
        <v>0</v>
      </c>
    </row>
    <row r="16237" spans="1:5" x14ac:dyDescent="0.25">
      <c r="A16237" s="2">
        <v>3247</v>
      </c>
      <c r="B16237" s="2">
        <v>3247</v>
      </c>
      <c r="C16237" s="1" t="s">
        <v>0</v>
      </c>
      <c r="D16237" s="2">
        <v>169065</v>
      </c>
      <c r="E16237" s="1" t="s">
        <v>0</v>
      </c>
    </row>
    <row r="16238" spans="1:5" x14ac:dyDescent="0.25">
      <c r="A16238" s="1" t="s">
        <v>2961</v>
      </c>
      <c r="B16238" s="1" t="s">
        <v>57260</v>
      </c>
      <c r="C16238" s="1" t="s">
        <v>35394</v>
      </c>
      <c r="D16238" s="2">
        <v>169066</v>
      </c>
      <c r="E16238" s="1" t="s">
        <v>0</v>
      </c>
    </row>
    <row r="16239" spans="1:5" x14ac:dyDescent="0.25">
      <c r="A16239" s="1" t="s">
        <v>35395</v>
      </c>
      <c r="B16239" s="1" t="s">
        <v>57261</v>
      </c>
      <c r="C16239" s="1" t="s">
        <v>35396</v>
      </c>
      <c r="D16239" s="2">
        <v>169067</v>
      </c>
      <c r="E16239" s="1" t="s">
        <v>0</v>
      </c>
    </row>
    <row r="16240" spans="1:5" ht="409.5" x14ac:dyDescent="0.25">
      <c r="A16240" s="4" t="s">
        <v>35397</v>
      </c>
      <c r="B16240" s="1" t="s">
        <v>57262</v>
      </c>
      <c r="C16240" s="1" t="s">
        <v>35398</v>
      </c>
      <c r="D16240" s="2">
        <v>169068</v>
      </c>
      <c r="E16240" s="1" t="s">
        <v>0</v>
      </c>
    </row>
    <row r="16241" spans="1:5" x14ac:dyDescent="0.25">
      <c r="A16241" s="1" t="s">
        <v>35399</v>
      </c>
      <c r="B16241" s="1" t="s">
        <v>54601</v>
      </c>
      <c r="C16241" s="1" t="s">
        <v>35400</v>
      </c>
      <c r="D16241" s="2">
        <v>169069</v>
      </c>
      <c r="E16241" s="1" t="s">
        <v>0</v>
      </c>
    </row>
    <row r="16242" spans="1:5" x14ac:dyDescent="0.25">
      <c r="A16242" s="2">
        <v>3248</v>
      </c>
      <c r="B16242" s="2">
        <v>3248</v>
      </c>
      <c r="C16242" s="1" t="s">
        <v>0</v>
      </c>
      <c r="D16242" s="2">
        <v>169070</v>
      </c>
      <c r="E16242" s="1" t="s">
        <v>0</v>
      </c>
    </row>
    <row r="16243" spans="1:5" x14ac:dyDescent="0.25">
      <c r="A16243" s="1" t="s">
        <v>2962</v>
      </c>
      <c r="B16243" s="1" t="s">
        <v>9689</v>
      </c>
      <c r="C16243" s="1" t="s">
        <v>35401</v>
      </c>
      <c r="D16243" s="2">
        <v>169071</v>
      </c>
      <c r="E16243" s="1" t="s">
        <v>0</v>
      </c>
    </row>
    <row r="16244" spans="1:5" x14ac:dyDescent="0.25">
      <c r="A16244" s="1" t="s">
        <v>35402</v>
      </c>
      <c r="B16244" s="1" t="s">
        <v>54602</v>
      </c>
      <c r="C16244" s="1" t="s">
        <v>35403</v>
      </c>
      <c r="D16244" s="2">
        <v>169072</v>
      </c>
      <c r="E16244" s="1" t="s">
        <v>0</v>
      </c>
    </row>
    <row r="16245" spans="1:5" ht="409.5" x14ac:dyDescent="0.25">
      <c r="A16245" s="4" t="s">
        <v>35404</v>
      </c>
      <c r="B16245" s="1" t="s">
        <v>54603</v>
      </c>
      <c r="C16245" s="1" t="s">
        <v>35405</v>
      </c>
      <c r="D16245" s="2">
        <v>169073</v>
      </c>
      <c r="E16245" s="1" t="s">
        <v>0</v>
      </c>
    </row>
    <row r="16246" spans="1:5" x14ac:dyDescent="0.25">
      <c r="A16246" s="1" t="s">
        <v>35406</v>
      </c>
      <c r="B16246" s="1" t="s">
        <v>61215</v>
      </c>
      <c r="C16246" s="1" t="s">
        <v>35407</v>
      </c>
      <c r="D16246" s="2">
        <v>169074</v>
      </c>
      <c r="E16246" s="1" t="s">
        <v>0</v>
      </c>
    </row>
    <row r="16247" spans="1:5" x14ac:dyDescent="0.25">
      <c r="A16247" s="2">
        <v>3249</v>
      </c>
      <c r="B16247" s="2">
        <v>3249</v>
      </c>
      <c r="C16247" s="1" t="s">
        <v>0</v>
      </c>
      <c r="D16247" s="2">
        <v>169075</v>
      </c>
      <c r="E16247" s="1" t="s">
        <v>0</v>
      </c>
    </row>
    <row r="16248" spans="1:5" x14ac:dyDescent="0.25">
      <c r="A16248" s="1" t="s">
        <v>2963</v>
      </c>
      <c r="B16248" s="1" t="s">
        <v>9690</v>
      </c>
      <c r="C16248" s="1" t="s">
        <v>35408</v>
      </c>
      <c r="D16248" s="2">
        <v>169076</v>
      </c>
      <c r="E16248" s="1" t="s">
        <v>0</v>
      </c>
    </row>
    <row r="16249" spans="1:5" x14ac:dyDescent="0.25">
      <c r="A16249" s="1" t="s">
        <v>35409</v>
      </c>
      <c r="B16249" s="1" t="s">
        <v>62650</v>
      </c>
      <c r="C16249" s="1" t="s">
        <v>35410</v>
      </c>
      <c r="D16249" s="2">
        <v>169077</v>
      </c>
      <c r="E16249" s="1" t="s">
        <v>0</v>
      </c>
    </row>
    <row r="16250" spans="1:5" ht="409.5" x14ac:dyDescent="0.25">
      <c r="A16250" s="4" t="s">
        <v>35411</v>
      </c>
      <c r="B16250" s="1" t="s">
        <v>62651</v>
      </c>
      <c r="C16250" s="1" t="s">
        <v>35412</v>
      </c>
      <c r="D16250" s="2">
        <v>169078</v>
      </c>
      <c r="E16250" s="1" t="s">
        <v>0</v>
      </c>
    </row>
    <row r="16251" spans="1:5" x14ac:dyDescent="0.25">
      <c r="A16251" s="1" t="s">
        <v>35413</v>
      </c>
      <c r="B16251" s="1" t="s">
        <v>58793</v>
      </c>
      <c r="C16251" s="1" t="s">
        <v>35414</v>
      </c>
      <c r="D16251" s="2">
        <v>169079</v>
      </c>
      <c r="E16251" s="1" t="s">
        <v>0</v>
      </c>
    </row>
    <row r="16252" spans="1:5" x14ac:dyDescent="0.25">
      <c r="A16252" s="2">
        <v>3250</v>
      </c>
      <c r="B16252" s="2">
        <v>3250</v>
      </c>
      <c r="C16252" s="1" t="s">
        <v>0</v>
      </c>
      <c r="D16252" s="2">
        <v>169080</v>
      </c>
      <c r="E16252" s="1" t="s">
        <v>0</v>
      </c>
    </row>
    <row r="16253" spans="1:5" x14ac:dyDescent="0.25">
      <c r="A16253" s="1" t="s">
        <v>2964</v>
      </c>
      <c r="B16253" s="1" t="s">
        <v>9691</v>
      </c>
      <c r="C16253" s="1" t="s">
        <v>35415</v>
      </c>
      <c r="D16253" s="2">
        <v>169081</v>
      </c>
      <c r="E16253" s="1" t="s">
        <v>0</v>
      </c>
    </row>
    <row r="16254" spans="1:5" x14ac:dyDescent="0.25">
      <c r="A16254" s="1" t="s">
        <v>35416</v>
      </c>
      <c r="B16254" s="1" t="s">
        <v>54604</v>
      </c>
      <c r="C16254" s="1" t="s">
        <v>35417</v>
      </c>
      <c r="D16254" s="2">
        <v>169082</v>
      </c>
      <c r="E16254" s="1" t="s">
        <v>0</v>
      </c>
    </row>
    <row r="16255" spans="1:5" ht="409.5" x14ac:dyDescent="0.25">
      <c r="A16255" s="4" t="s">
        <v>35418</v>
      </c>
      <c r="B16255" s="1" t="s">
        <v>63421</v>
      </c>
      <c r="C16255" s="1" t="s">
        <v>35419</v>
      </c>
      <c r="D16255" s="2">
        <v>169083</v>
      </c>
      <c r="E16255" s="1" t="s">
        <v>0</v>
      </c>
    </row>
    <row r="16256" spans="1:5" x14ac:dyDescent="0.25">
      <c r="A16256" s="1" t="s">
        <v>35420</v>
      </c>
      <c r="B16256" s="1" t="s">
        <v>54605</v>
      </c>
      <c r="C16256" s="1" t="s">
        <v>35421</v>
      </c>
      <c r="D16256" s="2">
        <v>169084</v>
      </c>
      <c r="E16256" s="1" t="s">
        <v>0</v>
      </c>
    </row>
    <row r="16257" spans="1:5" x14ac:dyDescent="0.25">
      <c r="A16257" s="2">
        <v>3251</v>
      </c>
      <c r="B16257" s="2">
        <v>3251</v>
      </c>
      <c r="C16257" s="1" t="s">
        <v>0</v>
      </c>
      <c r="D16257" s="2">
        <v>169085</v>
      </c>
      <c r="E16257" s="1" t="s">
        <v>0</v>
      </c>
    </row>
    <row r="16258" spans="1:5" x14ac:dyDescent="0.25">
      <c r="A16258" s="1" t="s">
        <v>2965</v>
      </c>
      <c r="B16258" s="1" t="s">
        <v>60109</v>
      </c>
      <c r="C16258" s="1" t="s">
        <v>35422</v>
      </c>
      <c r="D16258" s="2">
        <v>169086</v>
      </c>
      <c r="E16258" s="1" t="s">
        <v>0</v>
      </c>
    </row>
    <row r="16259" spans="1:5" x14ac:dyDescent="0.25">
      <c r="A16259" s="1" t="s">
        <v>35423</v>
      </c>
      <c r="B16259" s="1" t="s">
        <v>9692</v>
      </c>
      <c r="C16259" s="1" t="s">
        <v>35424</v>
      </c>
      <c r="D16259" s="2">
        <v>169087</v>
      </c>
      <c r="E16259" s="1" t="s">
        <v>0</v>
      </c>
    </row>
    <row r="16260" spans="1:5" ht="409.5" x14ac:dyDescent="0.25">
      <c r="A16260" s="4" t="s">
        <v>35425</v>
      </c>
      <c r="B16260" s="1" t="s">
        <v>56807</v>
      </c>
      <c r="C16260" s="1" t="s">
        <v>35426</v>
      </c>
      <c r="D16260" s="2">
        <v>169088</v>
      </c>
      <c r="E16260" s="1" t="s">
        <v>0</v>
      </c>
    </row>
    <row r="16261" spans="1:5" x14ac:dyDescent="0.25">
      <c r="A16261" s="1" t="s">
        <v>35427</v>
      </c>
      <c r="B16261" s="1" t="s">
        <v>9693</v>
      </c>
      <c r="C16261" s="1" t="s">
        <v>35428</v>
      </c>
      <c r="D16261" s="2">
        <v>169089</v>
      </c>
      <c r="E16261" s="1" t="s">
        <v>0</v>
      </c>
    </row>
    <row r="16262" spans="1:5" x14ac:dyDescent="0.25">
      <c r="A16262" s="2">
        <v>3252</v>
      </c>
      <c r="B16262" s="2">
        <v>3252</v>
      </c>
      <c r="C16262" s="1" t="s">
        <v>0</v>
      </c>
      <c r="D16262" s="2">
        <v>169090</v>
      </c>
      <c r="E16262" s="1" t="s">
        <v>0</v>
      </c>
    </row>
    <row r="16263" spans="1:5" x14ac:dyDescent="0.25">
      <c r="A16263" s="1" t="s">
        <v>2966</v>
      </c>
      <c r="B16263" s="1" t="s">
        <v>60632</v>
      </c>
      <c r="C16263" s="1" t="s">
        <v>35429</v>
      </c>
      <c r="D16263" s="2">
        <v>169091</v>
      </c>
      <c r="E16263" s="1" t="s">
        <v>0</v>
      </c>
    </row>
    <row r="16264" spans="1:5" x14ac:dyDescent="0.25">
      <c r="A16264" s="1" t="s">
        <v>61837</v>
      </c>
      <c r="B16264" s="1" t="s">
        <v>60633</v>
      </c>
      <c r="C16264" s="1" t="s">
        <v>35430</v>
      </c>
      <c r="D16264" s="2">
        <v>169092</v>
      </c>
      <c r="E16264" s="1" t="s">
        <v>0</v>
      </c>
    </row>
    <row r="16265" spans="1:5" ht="409.5" x14ac:dyDescent="0.25">
      <c r="A16265" s="4" t="s">
        <v>61838</v>
      </c>
      <c r="B16265" s="1" t="s">
        <v>60634</v>
      </c>
      <c r="C16265" s="1" t="s">
        <v>35431</v>
      </c>
      <c r="D16265" s="2">
        <v>169093</v>
      </c>
      <c r="E16265" s="1" t="s">
        <v>0</v>
      </c>
    </row>
    <row r="16266" spans="1:5" x14ac:dyDescent="0.25">
      <c r="A16266" s="1" t="s">
        <v>35432</v>
      </c>
      <c r="B16266" s="1" t="s">
        <v>54606</v>
      </c>
      <c r="C16266" s="1" t="s">
        <v>29442</v>
      </c>
      <c r="D16266" s="2">
        <v>169094</v>
      </c>
      <c r="E16266" s="1" t="s">
        <v>0</v>
      </c>
    </row>
    <row r="16267" spans="1:5" x14ac:dyDescent="0.25">
      <c r="A16267" s="2">
        <v>3253</v>
      </c>
      <c r="B16267" s="2">
        <v>3253</v>
      </c>
      <c r="C16267" s="1" t="s">
        <v>0</v>
      </c>
      <c r="D16267" s="2">
        <v>169095</v>
      </c>
      <c r="E16267" s="1" t="s">
        <v>0</v>
      </c>
    </row>
    <row r="16268" spans="1:5" x14ac:dyDescent="0.25">
      <c r="A16268" s="1" t="s">
        <v>2967</v>
      </c>
      <c r="B16268" s="1" t="s">
        <v>9694</v>
      </c>
      <c r="C16268" s="1" t="s">
        <v>35433</v>
      </c>
      <c r="D16268" s="2">
        <v>169096</v>
      </c>
      <c r="E16268" s="1" t="s">
        <v>0</v>
      </c>
    </row>
    <row r="16269" spans="1:5" x14ac:dyDescent="0.25">
      <c r="A16269" s="1" t="s">
        <v>35434</v>
      </c>
      <c r="B16269" s="1" t="s">
        <v>57899</v>
      </c>
      <c r="C16269" s="1" t="s">
        <v>35435</v>
      </c>
      <c r="D16269" s="2">
        <v>169097</v>
      </c>
      <c r="E16269" s="1" t="s">
        <v>0</v>
      </c>
    </row>
    <row r="16270" spans="1:5" ht="409.5" x14ac:dyDescent="0.25">
      <c r="A16270" s="4" t="s">
        <v>35436</v>
      </c>
      <c r="B16270" s="1" t="s">
        <v>57900</v>
      </c>
      <c r="C16270" s="1" t="s">
        <v>35437</v>
      </c>
      <c r="D16270" s="2">
        <v>169098</v>
      </c>
      <c r="E16270" s="1" t="s">
        <v>0</v>
      </c>
    </row>
    <row r="16271" spans="1:5" x14ac:dyDescent="0.25">
      <c r="A16271" s="1" t="s">
        <v>35438</v>
      </c>
      <c r="B16271" s="1" t="s">
        <v>9695</v>
      </c>
      <c r="C16271" s="1" t="s">
        <v>35439</v>
      </c>
      <c r="D16271" s="2">
        <v>169099</v>
      </c>
      <c r="E16271" s="1" t="s">
        <v>0</v>
      </c>
    </row>
    <row r="16272" spans="1:5" x14ac:dyDescent="0.25">
      <c r="A16272" s="2">
        <v>3254</v>
      </c>
      <c r="B16272" s="2">
        <v>3254</v>
      </c>
      <c r="C16272" s="1" t="s">
        <v>0</v>
      </c>
      <c r="D16272" s="2">
        <v>169100</v>
      </c>
      <c r="E16272" s="1" t="s">
        <v>0</v>
      </c>
    </row>
    <row r="16273" spans="1:5" x14ac:dyDescent="0.25">
      <c r="A16273" s="1" t="s">
        <v>9696</v>
      </c>
      <c r="B16273" s="1" t="s">
        <v>9697</v>
      </c>
      <c r="C16273" s="1" t="s">
        <v>35440</v>
      </c>
      <c r="D16273" s="2">
        <v>169101</v>
      </c>
      <c r="E16273" s="1" t="s">
        <v>0</v>
      </c>
    </row>
    <row r="16274" spans="1:5" x14ac:dyDescent="0.25">
      <c r="A16274" s="1" t="s">
        <v>35441</v>
      </c>
      <c r="B16274" s="1" t="s">
        <v>60447</v>
      </c>
      <c r="C16274" s="1" t="s">
        <v>35442</v>
      </c>
      <c r="D16274" s="2">
        <v>169102</v>
      </c>
      <c r="E16274" s="1" t="s">
        <v>0</v>
      </c>
    </row>
    <row r="16275" spans="1:5" ht="409.5" x14ac:dyDescent="0.25">
      <c r="A16275" s="4" t="s">
        <v>35443</v>
      </c>
      <c r="B16275" s="1" t="s">
        <v>60448</v>
      </c>
      <c r="C16275" s="1" t="s">
        <v>35444</v>
      </c>
      <c r="D16275" s="2">
        <v>169103</v>
      </c>
      <c r="E16275" s="1" t="s">
        <v>0</v>
      </c>
    </row>
    <row r="16276" spans="1:5" x14ac:dyDescent="0.25">
      <c r="A16276" s="1" t="s">
        <v>35445</v>
      </c>
      <c r="B16276" s="1" t="s">
        <v>9698</v>
      </c>
      <c r="C16276" s="1" t="s">
        <v>35446</v>
      </c>
      <c r="D16276" s="2">
        <v>169104</v>
      </c>
      <c r="E16276" s="1" t="s">
        <v>0</v>
      </c>
    </row>
    <row r="16277" spans="1:5" x14ac:dyDescent="0.25">
      <c r="A16277" s="2">
        <v>3255</v>
      </c>
      <c r="B16277" s="2">
        <v>3255</v>
      </c>
      <c r="C16277" s="1" t="s">
        <v>0</v>
      </c>
      <c r="D16277" s="2">
        <v>169105</v>
      </c>
      <c r="E16277" s="1" t="s">
        <v>0</v>
      </c>
    </row>
    <row r="16278" spans="1:5" x14ac:dyDescent="0.25">
      <c r="A16278" s="1" t="s">
        <v>2968</v>
      </c>
      <c r="B16278" s="1" t="s">
        <v>54607</v>
      </c>
      <c r="C16278" s="1" t="s">
        <v>35447</v>
      </c>
      <c r="D16278" s="2">
        <v>169106</v>
      </c>
      <c r="E16278" s="1" t="s">
        <v>0</v>
      </c>
    </row>
    <row r="16279" spans="1:5" x14ac:dyDescent="0.25">
      <c r="A16279" s="1" t="s">
        <v>35448</v>
      </c>
      <c r="B16279" s="1" t="s">
        <v>58456</v>
      </c>
      <c r="C16279" s="1" t="s">
        <v>35449</v>
      </c>
      <c r="D16279" s="2">
        <v>169107</v>
      </c>
      <c r="E16279" s="1" t="s">
        <v>0</v>
      </c>
    </row>
    <row r="16280" spans="1:5" ht="409.5" x14ac:dyDescent="0.25">
      <c r="A16280" s="4" t="s">
        <v>35450</v>
      </c>
      <c r="B16280" s="1" t="s">
        <v>58457</v>
      </c>
      <c r="C16280" s="1" t="s">
        <v>35451</v>
      </c>
      <c r="D16280" s="2">
        <v>169108</v>
      </c>
      <c r="E16280" s="1" t="s">
        <v>0</v>
      </c>
    </row>
    <row r="16281" spans="1:5" x14ac:dyDescent="0.25">
      <c r="A16281" s="1" t="s">
        <v>35452</v>
      </c>
      <c r="B16281" s="1" t="s">
        <v>57263</v>
      </c>
      <c r="C16281" s="1" t="s">
        <v>35453</v>
      </c>
      <c r="D16281" s="2">
        <v>169109</v>
      </c>
      <c r="E16281" s="1" t="s">
        <v>0</v>
      </c>
    </row>
    <row r="16282" spans="1:5" x14ac:dyDescent="0.25">
      <c r="A16282" s="2">
        <v>3256</v>
      </c>
      <c r="B16282" s="2">
        <v>3256</v>
      </c>
      <c r="C16282" s="1" t="s">
        <v>0</v>
      </c>
      <c r="D16282" s="2">
        <v>169110</v>
      </c>
      <c r="E16282" s="1" t="s">
        <v>0</v>
      </c>
    </row>
    <row r="16283" spans="1:5" x14ac:dyDescent="0.25">
      <c r="A16283" s="1" t="s">
        <v>2969</v>
      </c>
      <c r="B16283" s="1" t="s">
        <v>58933</v>
      </c>
      <c r="C16283" s="1" t="s">
        <v>35454</v>
      </c>
      <c r="D16283" s="2">
        <v>169111</v>
      </c>
      <c r="E16283" s="1" t="s">
        <v>0</v>
      </c>
    </row>
    <row r="16284" spans="1:5" x14ac:dyDescent="0.25">
      <c r="A16284" s="1" t="s">
        <v>35455</v>
      </c>
      <c r="B16284" s="1" t="s">
        <v>58934</v>
      </c>
      <c r="C16284" s="1" t="s">
        <v>35456</v>
      </c>
      <c r="D16284" s="2">
        <v>169112</v>
      </c>
      <c r="E16284" s="1" t="s">
        <v>0</v>
      </c>
    </row>
    <row r="16285" spans="1:5" ht="409.5" x14ac:dyDescent="0.25">
      <c r="A16285" s="4" t="s">
        <v>35457</v>
      </c>
      <c r="B16285" s="1" t="s">
        <v>58935</v>
      </c>
      <c r="C16285" s="1" t="s">
        <v>35458</v>
      </c>
      <c r="D16285" s="2">
        <v>169113</v>
      </c>
      <c r="E16285" s="1" t="s">
        <v>0</v>
      </c>
    </row>
    <row r="16286" spans="1:5" x14ac:dyDescent="0.25">
      <c r="A16286" s="1" t="s">
        <v>35459</v>
      </c>
      <c r="B16286" s="1" t="s">
        <v>54608</v>
      </c>
      <c r="C16286" s="1" t="s">
        <v>35460</v>
      </c>
      <c r="D16286" s="2">
        <v>169114</v>
      </c>
      <c r="E16286" s="1" t="s">
        <v>0</v>
      </c>
    </row>
    <row r="16287" spans="1:5" x14ac:dyDescent="0.25">
      <c r="A16287" s="2">
        <v>3257</v>
      </c>
      <c r="B16287" s="2">
        <v>3257</v>
      </c>
      <c r="C16287" s="1" t="s">
        <v>0</v>
      </c>
      <c r="D16287" s="2">
        <v>169115</v>
      </c>
      <c r="E16287" s="1" t="s">
        <v>0</v>
      </c>
    </row>
    <row r="16288" spans="1:5" x14ac:dyDescent="0.25">
      <c r="A16288" s="1" t="s">
        <v>2970</v>
      </c>
      <c r="B16288" s="1" t="s">
        <v>9699</v>
      </c>
      <c r="C16288" s="1" t="s">
        <v>35461</v>
      </c>
      <c r="D16288" s="2">
        <v>169116</v>
      </c>
      <c r="E16288" s="1" t="s">
        <v>0</v>
      </c>
    </row>
    <row r="16289" spans="1:5" x14ac:dyDescent="0.25">
      <c r="A16289" s="1" t="s">
        <v>35462</v>
      </c>
      <c r="B16289" s="1" t="s">
        <v>54609</v>
      </c>
      <c r="C16289" s="1" t="s">
        <v>35463</v>
      </c>
      <c r="D16289" s="2">
        <v>169117</v>
      </c>
      <c r="E16289" s="1" t="s">
        <v>0</v>
      </c>
    </row>
    <row r="16290" spans="1:5" ht="409.5" x14ac:dyDescent="0.25">
      <c r="A16290" s="4" t="s">
        <v>35464</v>
      </c>
      <c r="B16290" s="1" t="s">
        <v>54610</v>
      </c>
      <c r="C16290" s="1" t="s">
        <v>35465</v>
      </c>
      <c r="D16290" s="2">
        <v>169118</v>
      </c>
      <c r="E16290" s="1" t="s">
        <v>0</v>
      </c>
    </row>
    <row r="16291" spans="1:5" x14ac:dyDescent="0.25">
      <c r="A16291" s="1" t="s">
        <v>35466</v>
      </c>
      <c r="B16291" s="1" t="s">
        <v>57264</v>
      </c>
      <c r="C16291" s="1" t="s">
        <v>35467</v>
      </c>
      <c r="D16291" s="2">
        <v>169119</v>
      </c>
      <c r="E16291" s="1" t="s">
        <v>0</v>
      </c>
    </row>
    <row r="16292" spans="1:5" x14ac:dyDescent="0.25">
      <c r="A16292" s="2">
        <v>3258</v>
      </c>
      <c r="B16292" s="2">
        <v>3258</v>
      </c>
      <c r="C16292" s="1" t="s">
        <v>0</v>
      </c>
      <c r="D16292" s="2">
        <v>169120</v>
      </c>
      <c r="E16292" s="1" t="s">
        <v>0</v>
      </c>
    </row>
    <row r="16293" spans="1:5" x14ac:dyDescent="0.25">
      <c r="A16293" s="1" t="s">
        <v>2971</v>
      </c>
      <c r="B16293" s="1" t="s">
        <v>56955</v>
      </c>
      <c r="C16293" s="1" t="s">
        <v>35468</v>
      </c>
      <c r="D16293" s="2">
        <v>169121</v>
      </c>
      <c r="E16293" s="1" t="s">
        <v>0</v>
      </c>
    </row>
    <row r="16294" spans="1:5" x14ac:dyDescent="0.25">
      <c r="A16294" s="1" t="s">
        <v>35469</v>
      </c>
      <c r="B16294" s="1" t="s">
        <v>62652</v>
      </c>
      <c r="C16294" s="1" t="s">
        <v>35470</v>
      </c>
      <c r="D16294" s="2">
        <v>169122</v>
      </c>
      <c r="E16294" s="1" t="s">
        <v>0</v>
      </c>
    </row>
    <row r="16295" spans="1:5" ht="409.5" x14ac:dyDescent="0.25">
      <c r="A16295" s="4" t="s">
        <v>35471</v>
      </c>
      <c r="B16295" s="1" t="s">
        <v>62653</v>
      </c>
      <c r="C16295" s="1" t="s">
        <v>35472</v>
      </c>
      <c r="D16295" s="2">
        <v>169123</v>
      </c>
      <c r="E16295" s="1" t="s">
        <v>0</v>
      </c>
    </row>
    <row r="16296" spans="1:5" x14ac:dyDescent="0.25">
      <c r="A16296" s="1" t="s">
        <v>35473</v>
      </c>
      <c r="B16296" s="1" t="s">
        <v>9700</v>
      </c>
      <c r="C16296" s="1" t="s">
        <v>35474</v>
      </c>
      <c r="D16296" s="2">
        <v>169124</v>
      </c>
      <c r="E16296" s="1" t="s">
        <v>0</v>
      </c>
    </row>
    <row r="16297" spans="1:5" x14ac:dyDescent="0.25">
      <c r="A16297" s="2">
        <v>3259</v>
      </c>
      <c r="B16297" s="2">
        <v>3259</v>
      </c>
      <c r="C16297" s="1" t="s">
        <v>0</v>
      </c>
      <c r="D16297" s="2">
        <v>169125</v>
      </c>
      <c r="E16297" s="1" t="s">
        <v>0</v>
      </c>
    </row>
    <row r="16298" spans="1:5" x14ac:dyDescent="0.25">
      <c r="A16298" s="1" t="s">
        <v>2972</v>
      </c>
      <c r="B16298" s="1" t="s">
        <v>9701</v>
      </c>
      <c r="C16298" s="1" t="s">
        <v>35475</v>
      </c>
      <c r="D16298" s="2">
        <v>169126</v>
      </c>
      <c r="E16298" s="1" t="s">
        <v>0</v>
      </c>
    </row>
    <row r="16299" spans="1:5" x14ac:dyDescent="0.25">
      <c r="A16299" s="1" t="s">
        <v>35476</v>
      </c>
      <c r="B16299" s="1" t="s">
        <v>9702</v>
      </c>
      <c r="C16299" s="1" t="s">
        <v>35477</v>
      </c>
      <c r="D16299" s="2">
        <v>169127</v>
      </c>
      <c r="E16299" s="1" t="s">
        <v>0</v>
      </c>
    </row>
    <row r="16300" spans="1:5" ht="409.5" x14ac:dyDescent="0.25">
      <c r="A16300" s="4" t="s">
        <v>35478</v>
      </c>
      <c r="B16300" s="1" t="s">
        <v>63755</v>
      </c>
      <c r="C16300" s="1" t="s">
        <v>35479</v>
      </c>
      <c r="D16300" s="2">
        <v>169128</v>
      </c>
      <c r="E16300" s="1" t="s">
        <v>0</v>
      </c>
    </row>
    <row r="16301" spans="1:5" x14ac:dyDescent="0.25">
      <c r="A16301" s="1" t="s">
        <v>35480</v>
      </c>
      <c r="B16301" s="1" t="s">
        <v>54611</v>
      </c>
      <c r="C16301" s="1" t="s">
        <v>35481</v>
      </c>
      <c r="D16301" s="2">
        <v>169129</v>
      </c>
      <c r="E16301" s="1" t="s">
        <v>0</v>
      </c>
    </row>
    <row r="16302" spans="1:5" x14ac:dyDescent="0.25">
      <c r="A16302" s="2">
        <v>3260</v>
      </c>
      <c r="B16302" s="2">
        <v>3260</v>
      </c>
      <c r="C16302" s="1" t="s">
        <v>0</v>
      </c>
      <c r="D16302" s="2">
        <v>169130</v>
      </c>
      <c r="E16302" s="1" t="s">
        <v>0</v>
      </c>
    </row>
    <row r="16303" spans="1:5" x14ac:dyDescent="0.25">
      <c r="A16303" s="1" t="s">
        <v>2973</v>
      </c>
      <c r="B16303" s="1" t="s">
        <v>9703</v>
      </c>
      <c r="C16303" s="1" t="s">
        <v>35482</v>
      </c>
      <c r="D16303" s="2">
        <v>169131</v>
      </c>
      <c r="E16303" s="1" t="s">
        <v>0</v>
      </c>
    </row>
    <row r="16304" spans="1:5" x14ac:dyDescent="0.25">
      <c r="A16304" s="1" t="s">
        <v>35483</v>
      </c>
      <c r="B16304" s="1" t="s">
        <v>57042</v>
      </c>
      <c r="C16304" s="1" t="s">
        <v>35484</v>
      </c>
      <c r="D16304" s="2">
        <v>169132</v>
      </c>
      <c r="E16304" s="1" t="s">
        <v>0</v>
      </c>
    </row>
    <row r="16305" spans="1:5" ht="409.5" x14ac:dyDescent="0.25">
      <c r="A16305" s="4" t="s">
        <v>35485</v>
      </c>
      <c r="B16305" s="1" t="s">
        <v>57043</v>
      </c>
      <c r="C16305" s="1" t="s">
        <v>35486</v>
      </c>
      <c r="D16305" s="2">
        <v>169133</v>
      </c>
      <c r="E16305" s="1" t="s">
        <v>0</v>
      </c>
    </row>
    <row r="16306" spans="1:5" x14ac:dyDescent="0.25">
      <c r="A16306" s="1" t="s">
        <v>35487</v>
      </c>
      <c r="B16306" s="1" t="s">
        <v>61216</v>
      </c>
      <c r="C16306" s="1" t="s">
        <v>35488</v>
      </c>
      <c r="D16306" s="2">
        <v>169134</v>
      </c>
      <c r="E16306" s="1" t="s">
        <v>0</v>
      </c>
    </row>
    <row r="16307" spans="1:5" x14ac:dyDescent="0.25">
      <c r="A16307" s="2">
        <v>3261</v>
      </c>
      <c r="B16307" s="2">
        <v>3261</v>
      </c>
      <c r="C16307" s="1" t="s">
        <v>0</v>
      </c>
      <c r="D16307" s="2">
        <v>169135</v>
      </c>
      <c r="E16307" s="1" t="s">
        <v>0</v>
      </c>
    </row>
    <row r="16308" spans="1:5" x14ac:dyDescent="0.25">
      <c r="A16308" s="1" t="s">
        <v>2974</v>
      </c>
      <c r="B16308" s="1" t="s">
        <v>9704</v>
      </c>
      <c r="C16308" s="1" t="s">
        <v>35489</v>
      </c>
      <c r="D16308" s="2">
        <v>169136</v>
      </c>
      <c r="E16308" s="1" t="s">
        <v>0</v>
      </c>
    </row>
    <row r="16309" spans="1:5" x14ac:dyDescent="0.25">
      <c r="A16309" s="1" t="s">
        <v>35490</v>
      </c>
      <c r="B16309" s="1" t="s">
        <v>9705</v>
      </c>
      <c r="C16309" s="1" t="s">
        <v>35491</v>
      </c>
      <c r="D16309" s="2">
        <v>169137</v>
      </c>
      <c r="E16309" s="1" t="s">
        <v>0</v>
      </c>
    </row>
    <row r="16310" spans="1:5" ht="409.5" x14ac:dyDescent="0.25">
      <c r="A16310" s="4" t="s">
        <v>35492</v>
      </c>
      <c r="B16310" s="1" t="s">
        <v>9706</v>
      </c>
      <c r="C16310" s="1" t="s">
        <v>35493</v>
      </c>
      <c r="D16310" s="2">
        <v>169138</v>
      </c>
      <c r="E16310" s="1" t="s">
        <v>0</v>
      </c>
    </row>
    <row r="16311" spans="1:5" x14ac:dyDescent="0.25">
      <c r="A16311" s="1" t="s">
        <v>35494</v>
      </c>
      <c r="B16311" s="1" t="s">
        <v>9707</v>
      </c>
      <c r="C16311" s="1" t="s">
        <v>35495</v>
      </c>
      <c r="D16311" s="2">
        <v>169139</v>
      </c>
      <c r="E16311" s="1" t="s">
        <v>0</v>
      </c>
    </row>
    <row r="16312" spans="1:5" x14ac:dyDescent="0.25">
      <c r="A16312" s="2">
        <v>3262</v>
      </c>
      <c r="B16312" s="2">
        <v>3262</v>
      </c>
      <c r="C16312" s="1" t="s">
        <v>0</v>
      </c>
      <c r="D16312" s="2">
        <v>169140</v>
      </c>
      <c r="E16312" s="1" t="s">
        <v>0</v>
      </c>
    </row>
    <row r="16313" spans="1:5" x14ac:dyDescent="0.25">
      <c r="A16313" s="1" t="s">
        <v>2975</v>
      </c>
      <c r="B16313" s="1" t="s">
        <v>60763</v>
      </c>
      <c r="C16313" s="1" t="s">
        <v>35496</v>
      </c>
      <c r="D16313" s="2">
        <v>169141</v>
      </c>
      <c r="E16313" s="1" t="s">
        <v>0</v>
      </c>
    </row>
    <row r="16314" spans="1:5" x14ac:dyDescent="0.25">
      <c r="A16314" s="1" t="s">
        <v>35497</v>
      </c>
      <c r="B16314" s="1" t="s">
        <v>60764</v>
      </c>
      <c r="C16314" s="1" t="s">
        <v>35498</v>
      </c>
      <c r="D16314" s="2">
        <v>169142</v>
      </c>
      <c r="E16314" s="1" t="s">
        <v>0</v>
      </c>
    </row>
    <row r="16315" spans="1:5" ht="409.5" x14ac:dyDescent="0.25">
      <c r="A16315" s="4" t="s">
        <v>35499</v>
      </c>
      <c r="B16315" s="1" t="s">
        <v>60765</v>
      </c>
      <c r="C16315" s="1" t="s">
        <v>35500</v>
      </c>
      <c r="D16315" s="2">
        <v>169143</v>
      </c>
      <c r="E16315" s="1" t="s">
        <v>0</v>
      </c>
    </row>
    <row r="16316" spans="1:5" x14ac:dyDescent="0.25">
      <c r="A16316" s="1" t="s">
        <v>35501</v>
      </c>
      <c r="B16316" s="1" t="s">
        <v>9708</v>
      </c>
      <c r="C16316" s="1" t="s">
        <v>35502</v>
      </c>
      <c r="D16316" s="2">
        <v>169144</v>
      </c>
      <c r="E16316" s="1" t="s">
        <v>0</v>
      </c>
    </row>
    <row r="16317" spans="1:5" x14ac:dyDescent="0.25">
      <c r="A16317" s="2">
        <v>3263</v>
      </c>
      <c r="B16317" s="2">
        <v>3263</v>
      </c>
      <c r="C16317" s="1" t="s">
        <v>0</v>
      </c>
      <c r="D16317" s="2">
        <v>169145</v>
      </c>
      <c r="E16317" s="1" t="s">
        <v>0</v>
      </c>
    </row>
    <row r="16318" spans="1:5" x14ac:dyDescent="0.25">
      <c r="A16318" s="1" t="s">
        <v>9709</v>
      </c>
      <c r="B16318" s="1" t="s">
        <v>9710</v>
      </c>
      <c r="C16318" s="1" t="s">
        <v>35503</v>
      </c>
      <c r="D16318" s="2">
        <v>169146</v>
      </c>
      <c r="E16318" s="1" t="s">
        <v>0</v>
      </c>
    </row>
    <row r="16319" spans="1:5" x14ac:dyDescent="0.25">
      <c r="A16319" s="1" t="s">
        <v>35504</v>
      </c>
      <c r="B16319" s="1" t="s">
        <v>9711</v>
      </c>
      <c r="C16319" s="1" t="s">
        <v>35505</v>
      </c>
      <c r="D16319" s="2">
        <v>169147</v>
      </c>
      <c r="E16319" s="1" t="s">
        <v>0</v>
      </c>
    </row>
    <row r="16320" spans="1:5" ht="409.5" x14ac:dyDescent="0.25">
      <c r="A16320" s="4" t="s">
        <v>35506</v>
      </c>
      <c r="B16320" s="1" t="s">
        <v>9712</v>
      </c>
      <c r="C16320" s="1" t="s">
        <v>35507</v>
      </c>
      <c r="D16320" s="2">
        <v>169148</v>
      </c>
      <c r="E16320" s="1" t="s">
        <v>0</v>
      </c>
    </row>
    <row r="16321" spans="1:5" x14ac:dyDescent="0.25">
      <c r="A16321" s="1" t="s">
        <v>35508</v>
      </c>
      <c r="B16321" s="1" t="s">
        <v>54612</v>
      </c>
      <c r="C16321" s="1" t="s">
        <v>35509</v>
      </c>
      <c r="D16321" s="2">
        <v>169149</v>
      </c>
      <c r="E16321" s="1" t="s">
        <v>0</v>
      </c>
    </row>
    <row r="16322" spans="1:5" x14ac:dyDescent="0.25">
      <c r="A16322" s="2">
        <v>3264</v>
      </c>
      <c r="B16322" s="2">
        <v>3264</v>
      </c>
      <c r="C16322" s="1" t="s">
        <v>0</v>
      </c>
      <c r="D16322" s="2">
        <v>169150</v>
      </c>
      <c r="E16322" s="1" t="s">
        <v>0</v>
      </c>
    </row>
    <row r="16323" spans="1:5" x14ac:dyDescent="0.25">
      <c r="A16323" s="1" t="s">
        <v>2976</v>
      </c>
      <c r="B16323" s="1" t="s">
        <v>54613</v>
      </c>
      <c r="C16323" s="1" t="s">
        <v>35510</v>
      </c>
      <c r="D16323" s="2">
        <v>169151</v>
      </c>
      <c r="E16323" s="1" t="s">
        <v>0</v>
      </c>
    </row>
    <row r="16324" spans="1:5" x14ac:dyDescent="0.25">
      <c r="A16324" s="1" t="s">
        <v>35511</v>
      </c>
      <c r="B16324" s="1" t="s">
        <v>58458</v>
      </c>
      <c r="C16324" s="1" t="s">
        <v>35512</v>
      </c>
      <c r="D16324" s="2">
        <v>169152</v>
      </c>
      <c r="E16324" s="1" t="s">
        <v>0</v>
      </c>
    </row>
    <row r="16325" spans="1:5" ht="409.5" x14ac:dyDescent="0.25">
      <c r="A16325" s="4" t="s">
        <v>35513</v>
      </c>
      <c r="B16325" s="1" t="s">
        <v>58459</v>
      </c>
      <c r="C16325" s="1" t="s">
        <v>35514</v>
      </c>
      <c r="D16325" s="2">
        <v>169153</v>
      </c>
      <c r="E16325" s="1" t="s">
        <v>0</v>
      </c>
    </row>
    <row r="16326" spans="1:5" x14ac:dyDescent="0.25">
      <c r="A16326" s="1" t="s">
        <v>35515</v>
      </c>
      <c r="B16326" s="1" t="s">
        <v>9713</v>
      </c>
      <c r="C16326" s="1" t="s">
        <v>35516</v>
      </c>
      <c r="D16326" s="2">
        <v>169154</v>
      </c>
      <c r="E16326" s="1" t="s">
        <v>0</v>
      </c>
    </row>
    <row r="16327" spans="1:5" x14ac:dyDescent="0.25">
      <c r="A16327" s="2">
        <v>3265</v>
      </c>
      <c r="B16327" s="2">
        <v>3265</v>
      </c>
      <c r="C16327" s="1" t="s">
        <v>0</v>
      </c>
      <c r="D16327" s="2">
        <v>169155</v>
      </c>
      <c r="E16327" s="1" t="s">
        <v>0</v>
      </c>
    </row>
    <row r="16328" spans="1:5" x14ac:dyDescent="0.25">
      <c r="A16328" s="1" t="s">
        <v>2977</v>
      </c>
      <c r="B16328" s="1" t="s">
        <v>9714</v>
      </c>
      <c r="C16328" s="1" t="s">
        <v>35517</v>
      </c>
      <c r="D16328" s="2">
        <v>169156</v>
      </c>
      <c r="E16328" s="1" t="s">
        <v>0</v>
      </c>
    </row>
    <row r="16329" spans="1:5" x14ac:dyDescent="0.25">
      <c r="A16329" s="1" t="s">
        <v>35518</v>
      </c>
      <c r="B16329" s="1" t="s">
        <v>62654</v>
      </c>
      <c r="C16329" s="1" t="s">
        <v>35519</v>
      </c>
      <c r="D16329" s="2">
        <v>169157</v>
      </c>
      <c r="E16329" s="1" t="s">
        <v>0</v>
      </c>
    </row>
    <row r="16330" spans="1:5" ht="409.5" x14ac:dyDescent="0.25">
      <c r="A16330" s="4" t="s">
        <v>35520</v>
      </c>
      <c r="B16330" s="1" t="s">
        <v>62655</v>
      </c>
      <c r="C16330" s="1" t="s">
        <v>35521</v>
      </c>
      <c r="D16330" s="2">
        <v>169158</v>
      </c>
      <c r="E16330" s="1" t="s">
        <v>0</v>
      </c>
    </row>
    <row r="16331" spans="1:5" x14ac:dyDescent="0.25">
      <c r="A16331" s="1" t="s">
        <v>35522</v>
      </c>
      <c r="B16331" s="1" t="s">
        <v>9715</v>
      </c>
      <c r="C16331" s="1" t="s">
        <v>35523</v>
      </c>
      <c r="D16331" s="2">
        <v>169159</v>
      </c>
      <c r="E16331" s="1" t="s">
        <v>0</v>
      </c>
    </row>
    <row r="16332" spans="1:5" x14ac:dyDescent="0.25">
      <c r="A16332" s="2">
        <v>3266</v>
      </c>
      <c r="B16332" s="2">
        <v>3266</v>
      </c>
      <c r="C16332" s="1" t="s">
        <v>0</v>
      </c>
      <c r="D16332" s="2">
        <v>169160</v>
      </c>
      <c r="E16332" s="1" t="s">
        <v>0</v>
      </c>
    </row>
    <row r="16333" spans="1:5" x14ac:dyDescent="0.25">
      <c r="A16333" s="1" t="s">
        <v>2978</v>
      </c>
      <c r="B16333" s="1" t="s">
        <v>9716</v>
      </c>
      <c r="C16333" s="1" t="s">
        <v>35524</v>
      </c>
      <c r="D16333" s="2">
        <v>169161</v>
      </c>
      <c r="E16333" s="1" t="s">
        <v>0</v>
      </c>
    </row>
    <row r="16334" spans="1:5" x14ac:dyDescent="0.25">
      <c r="A16334" s="1" t="s">
        <v>35525</v>
      </c>
      <c r="B16334" s="1" t="s">
        <v>50856</v>
      </c>
      <c r="C16334" s="1" t="s">
        <v>35526</v>
      </c>
      <c r="D16334" s="2">
        <v>169162</v>
      </c>
      <c r="E16334" s="1" t="s">
        <v>0</v>
      </c>
    </row>
    <row r="16335" spans="1:5" ht="409.5" x14ac:dyDescent="0.25">
      <c r="A16335" s="4" t="s">
        <v>35527</v>
      </c>
      <c r="B16335" s="1" t="s">
        <v>54614</v>
      </c>
      <c r="C16335" s="1" t="s">
        <v>35528</v>
      </c>
      <c r="D16335" s="2">
        <v>169163</v>
      </c>
      <c r="E16335" s="1" t="s">
        <v>0</v>
      </c>
    </row>
    <row r="16336" spans="1:5" x14ac:dyDescent="0.25">
      <c r="A16336" s="1" t="s">
        <v>14572</v>
      </c>
      <c r="B16336" s="1" t="s">
        <v>60869</v>
      </c>
      <c r="C16336" s="1" t="s">
        <v>14573</v>
      </c>
      <c r="D16336" s="2">
        <v>169164</v>
      </c>
      <c r="E16336" s="1" t="s">
        <v>0</v>
      </c>
    </row>
    <row r="16337" spans="1:5" x14ac:dyDescent="0.25">
      <c r="A16337" s="2">
        <v>3267</v>
      </c>
      <c r="B16337" s="2">
        <v>3267</v>
      </c>
      <c r="C16337" s="1" t="s">
        <v>0</v>
      </c>
      <c r="D16337" s="2">
        <v>169165</v>
      </c>
      <c r="E16337" s="1" t="s">
        <v>0</v>
      </c>
    </row>
    <row r="16338" spans="1:5" x14ac:dyDescent="0.25">
      <c r="A16338" s="1" t="s">
        <v>2979</v>
      </c>
      <c r="B16338" s="1" t="s">
        <v>9717</v>
      </c>
      <c r="C16338" s="1" t="s">
        <v>35529</v>
      </c>
      <c r="D16338" s="2">
        <v>169166</v>
      </c>
      <c r="E16338" s="1" t="s">
        <v>0</v>
      </c>
    </row>
    <row r="16339" spans="1:5" x14ac:dyDescent="0.25">
      <c r="A16339" s="1" t="s">
        <v>35530</v>
      </c>
      <c r="B16339" s="1" t="s">
        <v>61685</v>
      </c>
      <c r="C16339" s="1" t="s">
        <v>35531</v>
      </c>
      <c r="D16339" s="2">
        <v>169167</v>
      </c>
      <c r="E16339" s="1" t="s">
        <v>0</v>
      </c>
    </row>
    <row r="16340" spans="1:5" ht="409.5" x14ac:dyDescent="0.25">
      <c r="A16340" s="4" t="s">
        <v>64241</v>
      </c>
      <c r="B16340" s="1" t="s">
        <v>61686</v>
      </c>
      <c r="C16340" s="1" t="s">
        <v>35532</v>
      </c>
      <c r="D16340" s="2">
        <v>169168</v>
      </c>
      <c r="E16340" s="1" t="s">
        <v>0</v>
      </c>
    </row>
    <row r="16341" spans="1:5" x14ac:dyDescent="0.25">
      <c r="A16341" s="1" t="s">
        <v>35533</v>
      </c>
      <c r="B16341" s="1" t="s">
        <v>61687</v>
      </c>
      <c r="C16341" s="1" t="s">
        <v>35534</v>
      </c>
      <c r="D16341" s="2">
        <v>169169</v>
      </c>
      <c r="E16341" s="1" t="s">
        <v>0</v>
      </c>
    </row>
    <row r="16342" spans="1:5" x14ac:dyDescent="0.25">
      <c r="A16342" s="2">
        <v>3268</v>
      </c>
      <c r="B16342" s="2">
        <v>3268</v>
      </c>
      <c r="C16342" s="1" t="s">
        <v>0</v>
      </c>
      <c r="D16342" s="2">
        <v>169170</v>
      </c>
      <c r="E16342" s="1" t="s">
        <v>0</v>
      </c>
    </row>
    <row r="16343" spans="1:5" x14ac:dyDescent="0.25">
      <c r="A16343" s="1" t="s">
        <v>2980</v>
      </c>
      <c r="B16343" s="1" t="s">
        <v>54615</v>
      </c>
      <c r="C16343" s="1" t="s">
        <v>35535</v>
      </c>
      <c r="D16343" s="2">
        <v>169171</v>
      </c>
      <c r="E16343" s="1" t="s">
        <v>0</v>
      </c>
    </row>
    <row r="16344" spans="1:5" x14ac:dyDescent="0.25">
      <c r="A16344" s="1" t="s">
        <v>35536</v>
      </c>
      <c r="B16344" s="1" t="s">
        <v>54616</v>
      </c>
      <c r="C16344" s="1" t="s">
        <v>35537</v>
      </c>
      <c r="D16344" s="2">
        <v>169172</v>
      </c>
      <c r="E16344" s="1" t="s">
        <v>0</v>
      </c>
    </row>
    <row r="16345" spans="1:5" ht="409.5" x14ac:dyDescent="0.25">
      <c r="A16345" s="4" t="s">
        <v>35538</v>
      </c>
      <c r="B16345" s="1" t="s">
        <v>59708</v>
      </c>
      <c r="C16345" s="1" t="s">
        <v>35539</v>
      </c>
      <c r="D16345" s="2">
        <v>169173</v>
      </c>
      <c r="E16345" s="1" t="s">
        <v>0</v>
      </c>
    </row>
    <row r="16346" spans="1:5" x14ac:dyDescent="0.25">
      <c r="A16346" s="1" t="s">
        <v>35540</v>
      </c>
      <c r="B16346" s="1" t="s">
        <v>56808</v>
      </c>
      <c r="C16346" s="1" t="s">
        <v>35541</v>
      </c>
      <c r="D16346" s="2">
        <v>169174</v>
      </c>
      <c r="E16346" s="1" t="s">
        <v>0</v>
      </c>
    </row>
    <row r="16347" spans="1:5" x14ac:dyDescent="0.25">
      <c r="A16347" s="2">
        <v>3269</v>
      </c>
      <c r="B16347" s="2">
        <v>3269</v>
      </c>
      <c r="C16347" s="1" t="s">
        <v>0</v>
      </c>
      <c r="D16347" s="2">
        <v>169175</v>
      </c>
      <c r="E16347" s="1" t="s">
        <v>0</v>
      </c>
    </row>
    <row r="16348" spans="1:5" x14ac:dyDescent="0.25">
      <c r="A16348" s="1" t="s">
        <v>2981</v>
      </c>
      <c r="B16348" s="1" t="s">
        <v>9718</v>
      </c>
      <c r="C16348" s="1" t="s">
        <v>35542</v>
      </c>
      <c r="D16348" s="2">
        <v>169176</v>
      </c>
      <c r="E16348" s="1" t="s">
        <v>0</v>
      </c>
    </row>
    <row r="16349" spans="1:5" x14ac:dyDescent="0.25">
      <c r="A16349" s="1" t="s">
        <v>35543</v>
      </c>
      <c r="B16349" s="1" t="s">
        <v>63422</v>
      </c>
      <c r="C16349" s="1" t="s">
        <v>35544</v>
      </c>
      <c r="D16349" s="2">
        <v>169177</v>
      </c>
      <c r="E16349" s="1" t="s">
        <v>0</v>
      </c>
    </row>
    <row r="16350" spans="1:5" ht="409.5" x14ac:dyDescent="0.25">
      <c r="A16350" s="4" t="s">
        <v>35545</v>
      </c>
      <c r="B16350" s="1" t="s">
        <v>63423</v>
      </c>
      <c r="C16350" s="1" t="s">
        <v>35546</v>
      </c>
      <c r="D16350" s="2">
        <v>169178</v>
      </c>
      <c r="E16350" s="1" t="s">
        <v>0</v>
      </c>
    </row>
    <row r="16351" spans="1:5" x14ac:dyDescent="0.25">
      <c r="A16351" s="1" t="s">
        <v>35547</v>
      </c>
      <c r="B16351" s="1" t="s">
        <v>54617</v>
      </c>
      <c r="C16351" s="1" t="s">
        <v>35548</v>
      </c>
      <c r="D16351" s="2">
        <v>169179</v>
      </c>
      <c r="E16351" s="1" t="s">
        <v>0</v>
      </c>
    </row>
    <row r="16352" spans="1:5" x14ac:dyDescent="0.25">
      <c r="A16352" s="2">
        <v>3270</v>
      </c>
      <c r="B16352" s="2">
        <v>3270</v>
      </c>
      <c r="C16352" s="1" t="s">
        <v>0</v>
      </c>
      <c r="D16352" s="2">
        <v>169180</v>
      </c>
      <c r="E16352" s="1" t="s">
        <v>0</v>
      </c>
    </row>
    <row r="16353" spans="1:5" x14ac:dyDescent="0.25">
      <c r="A16353" s="1" t="s">
        <v>9719</v>
      </c>
      <c r="B16353" s="1" t="s">
        <v>9720</v>
      </c>
      <c r="C16353" s="1" t="s">
        <v>35549</v>
      </c>
      <c r="D16353" s="2">
        <v>169181</v>
      </c>
      <c r="E16353" s="1" t="s">
        <v>0</v>
      </c>
    </row>
    <row r="16354" spans="1:5" x14ac:dyDescent="0.25">
      <c r="A16354" s="1" t="s">
        <v>61839</v>
      </c>
      <c r="B16354" s="1" t="s">
        <v>62656</v>
      </c>
      <c r="C16354" s="1" t="s">
        <v>35550</v>
      </c>
      <c r="D16354" s="2">
        <v>169182</v>
      </c>
      <c r="E16354" s="1" t="s">
        <v>0</v>
      </c>
    </row>
    <row r="16355" spans="1:5" ht="409.5" x14ac:dyDescent="0.25">
      <c r="A16355" s="4" t="s">
        <v>61840</v>
      </c>
      <c r="B16355" s="1" t="s">
        <v>62657</v>
      </c>
      <c r="C16355" s="1" t="s">
        <v>35551</v>
      </c>
      <c r="D16355" s="2">
        <v>169183</v>
      </c>
      <c r="E16355" s="1" t="s">
        <v>0</v>
      </c>
    </row>
    <row r="16356" spans="1:5" x14ac:dyDescent="0.25">
      <c r="A16356" s="1" t="s">
        <v>35552</v>
      </c>
      <c r="B16356" s="1" t="s">
        <v>9721</v>
      </c>
      <c r="C16356" s="1" t="s">
        <v>35553</v>
      </c>
      <c r="D16356" s="2">
        <v>169184</v>
      </c>
      <c r="E16356" s="1" t="s">
        <v>0</v>
      </c>
    </row>
    <row r="16357" spans="1:5" x14ac:dyDescent="0.25">
      <c r="A16357" s="2">
        <v>3271</v>
      </c>
      <c r="B16357" s="2">
        <v>3271</v>
      </c>
      <c r="C16357" s="1" t="s">
        <v>0</v>
      </c>
      <c r="D16357" s="2">
        <v>169185</v>
      </c>
      <c r="E16357" s="1" t="s">
        <v>0</v>
      </c>
    </row>
    <row r="16358" spans="1:5" x14ac:dyDescent="0.25">
      <c r="A16358" s="1" t="s">
        <v>2982</v>
      </c>
      <c r="B16358" s="1" t="s">
        <v>9722</v>
      </c>
      <c r="C16358" s="1" t="s">
        <v>35554</v>
      </c>
      <c r="D16358" s="2">
        <v>169186</v>
      </c>
      <c r="E16358" s="1" t="s">
        <v>0</v>
      </c>
    </row>
    <row r="16359" spans="1:5" x14ac:dyDescent="0.25">
      <c r="A16359" s="1" t="s">
        <v>35555</v>
      </c>
      <c r="B16359" s="1" t="s">
        <v>54618</v>
      </c>
      <c r="C16359" s="1" t="s">
        <v>35556</v>
      </c>
      <c r="D16359" s="2">
        <v>169187</v>
      </c>
      <c r="E16359" s="1" t="s">
        <v>0</v>
      </c>
    </row>
    <row r="16360" spans="1:5" ht="409.5" x14ac:dyDescent="0.25">
      <c r="A16360" s="4" t="s">
        <v>35557</v>
      </c>
      <c r="B16360" s="1" t="s">
        <v>54619</v>
      </c>
      <c r="C16360" s="1" t="s">
        <v>35558</v>
      </c>
      <c r="D16360" s="2">
        <v>169188</v>
      </c>
      <c r="E16360" s="1" t="s">
        <v>0</v>
      </c>
    </row>
    <row r="16361" spans="1:5" x14ac:dyDescent="0.25">
      <c r="A16361" s="1" t="s">
        <v>35559</v>
      </c>
      <c r="B16361" s="1" t="s">
        <v>9723</v>
      </c>
      <c r="C16361" s="1" t="s">
        <v>35560</v>
      </c>
      <c r="D16361" s="2">
        <v>169189</v>
      </c>
      <c r="E16361" s="1" t="s">
        <v>0</v>
      </c>
    </row>
    <row r="16362" spans="1:5" x14ac:dyDescent="0.25">
      <c r="A16362" s="2">
        <v>3272</v>
      </c>
      <c r="B16362" s="2">
        <v>3272</v>
      </c>
      <c r="C16362" s="1" t="s">
        <v>0</v>
      </c>
      <c r="D16362" s="2">
        <v>169190</v>
      </c>
      <c r="E16362" s="1" t="s">
        <v>0</v>
      </c>
    </row>
    <row r="16363" spans="1:5" x14ac:dyDescent="0.25">
      <c r="A16363" s="1" t="s">
        <v>2983</v>
      </c>
      <c r="B16363" s="1" t="s">
        <v>60110</v>
      </c>
      <c r="C16363" s="1" t="s">
        <v>35561</v>
      </c>
      <c r="D16363" s="2">
        <v>169191</v>
      </c>
      <c r="E16363" s="1" t="s">
        <v>0</v>
      </c>
    </row>
    <row r="16364" spans="1:5" x14ac:dyDescent="0.25">
      <c r="A16364" s="1" t="s">
        <v>35562</v>
      </c>
      <c r="B16364" s="1" t="s">
        <v>9724</v>
      </c>
      <c r="C16364" s="1" t="s">
        <v>35563</v>
      </c>
      <c r="D16364" s="2">
        <v>169192</v>
      </c>
      <c r="E16364" s="1" t="s">
        <v>0</v>
      </c>
    </row>
    <row r="16365" spans="1:5" ht="409.5" x14ac:dyDescent="0.25">
      <c r="A16365" s="4" t="s">
        <v>35564</v>
      </c>
      <c r="B16365" s="1" t="s">
        <v>57573</v>
      </c>
      <c r="C16365" s="1" t="s">
        <v>35565</v>
      </c>
      <c r="D16365" s="2">
        <v>169193</v>
      </c>
      <c r="E16365" s="1" t="s">
        <v>0</v>
      </c>
    </row>
    <row r="16366" spans="1:5" x14ac:dyDescent="0.25">
      <c r="A16366" s="1" t="s">
        <v>35566</v>
      </c>
      <c r="B16366" s="1" t="s">
        <v>54620</v>
      </c>
      <c r="C16366" s="1" t="s">
        <v>35567</v>
      </c>
      <c r="D16366" s="2">
        <v>169194</v>
      </c>
      <c r="E16366" s="1" t="s">
        <v>0</v>
      </c>
    </row>
    <row r="16367" spans="1:5" x14ac:dyDescent="0.25">
      <c r="A16367" s="2">
        <v>3273</v>
      </c>
      <c r="B16367" s="2">
        <v>3273</v>
      </c>
      <c r="C16367" s="1" t="s">
        <v>0</v>
      </c>
      <c r="D16367" s="2">
        <v>169195</v>
      </c>
      <c r="E16367" s="1" t="s">
        <v>0</v>
      </c>
    </row>
    <row r="16368" spans="1:5" x14ac:dyDescent="0.25">
      <c r="A16368" s="1" t="s">
        <v>2984</v>
      </c>
      <c r="B16368" s="1" t="s">
        <v>57044</v>
      </c>
      <c r="C16368" s="1" t="s">
        <v>35568</v>
      </c>
      <c r="D16368" s="2">
        <v>169196</v>
      </c>
      <c r="E16368" s="1" t="s">
        <v>0</v>
      </c>
    </row>
    <row r="16369" spans="1:5" x14ac:dyDescent="0.25">
      <c r="A16369" s="1" t="s">
        <v>35569</v>
      </c>
      <c r="B16369" s="1" t="s">
        <v>9725</v>
      </c>
      <c r="C16369" s="1" t="s">
        <v>35570</v>
      </c>
      <c r="D16369" s="2">
        <v>169197</v>
      </c>
      <c r="E16369" s="1" t="s">
        <v>0</v>
      </c>
    </row>
    <row r="16370" spans="1:5" ht="409.5" x14ac:dyDescent="0.25">
      <c r="A16370" s="4" t="s">
        <v>35571</v>
      </c>
      <c r="B16370" s="1" t="s">
        <v>54621</v>
      </c>
      <c r="C16370" s="1" t="s">
        <v>35572</v>
      </c>
      <c r="D16370" s="2">
        <v>169198</v>
      </c>
      <c r="E16370" s="1" t="s">
        <v>0</v>
      </c>
    </row>
    <row r="16371" spans="1:5" x14ac:dyDescent="0.25">
      <c r="A16371" s="1" t="s">
        <v>35573</v>
      </c>
      <c r="B16371" s="1" t="s">
        <v>9726</v>
      </c>
      <c r="C16371" s="1" t="s">
        <v>35574</v>
      </c>
      <c r="D16371" s="2">
        <v>169199</v>
      </c>
      <c r="E16371" s="1" t="s">
        <v>0</v>
      </c>
    </row>
    <row r="16372" spans="1:5" x14ac:dyDescent="0.25">
      <c r="A16372" s="2">
        <v>3274</v>
      </c>
      <c r="B16372" s="2">
        <v>3274</v>
      </c>
      <c r="C16372" s="1" t="s">
        <v>0</v>
      </c>
      <c r="D16372" s="2">
        <v>169200</v>
      </c>
      <c r="E16372" s="1" t="s">
        <v>0</v>
      </c>
    </row>
    <row r="16373" spans="1:5" x14ac:dyDescent="0.25">
      <c r="A16373" s="1" t="s">
        <v>2985</v>
      </c>
      <c r="B16373" s="1" t="s">
        <v>9727</v>
      </c>
      <c r="C16373" s="1" t="s">
        <v>35575</v>
      </c>
      <c r="D16373" s="2">
        <v>169201</v>
      </c>
      <c r="E16373" s="1" t="s">
        <v>0</v>
      </c>
    </row>
    <row r="16374" spans="1:5" x14ac:dyDescent="0.25">
      <c r="A16374" s="1" t="s">
        <v>35576</v>
      </c>
      <c r="B16374" s="1" t="s">
        <v>62658</v>
      </c>
      <c r="C16374" s="1" t="s">
        <v>35577</v>
      </c>
      <c r="D16374" s="2">
        <v>169202</v>
      </c>
      <c r="E16374" s="1" t="s">
        <v>0</v>
      </c>
    </row>
    <row r="16375" spans="1:5" ht="409.5" x14ac:dyDescent="0.25">
      <c r="A16375" s="4" t="s">
        <v>35578</v>
      </c>
      <c r="B16375" s="1" t="s">
        <v>62659</v>
      </c>
      <c r="C16375" s="1" t="s">
        <v>35579</v>
      </c>
      <c r="D16375" s="2">
        <v>169203</v>
      </c>
      <c r="E16375" s="1" t="s">
        <v>0</v>
      </c>
    </row>
    <row r="16376" spans="1:5" x14ac:dyDescent="0.25">
      <c r="A16376" s="1" t="s">
        <v>35580</v>
      </c>
      <c r="B16376" s="1" t="s">
        <v>54622</v>
      </c>
      <c r="C16376" s="1" t="s">
        <v>35581</v>
      </c>
      <c r="D16376" s="2">
        <v>169204</v>
      </c>
      <c r="E16376" s="1" t="s">
        <v>0</v>
      </c>
    </row>
    <row r="16377" spans="1:5" x14ac:dyDescent="0.25">
      <c r="A16377" s="2">
        <v>3275</v>
      </c>
      <c r="B16377" s="2">
        <v>3275</v>
      </c>
      <c r="C16377" s="1" t="s">
        <v>0</v>
      </c>
      <c r="D16377" s="2">
        <v>169205</v>
      </c>
      <c r="E16377" s="1" t="s">
        <v>0</v>
      </c>
    </row>
    <row r="16378" spans="1:5" x14ac:dyDescent="0.25">
      <c r="A16378" s="1" t="s">
        <v>2986</v>
      </c>
      <c r="B16378" s="1" t="s">
        <v>9728</v>
      </c>
      <c r="C16378" s="1" t="s">
        <v>35582</v>
      </c>
      <c r="D16378" s="2">
        <v>169206</v>
      </c>
      <c r="E16378" s="1" t="s">
        <v>0</v>
      </c>
    </row>
    <row r="16379" spans="1:5" x14ac:dyDescent="0.25">
      <c r="A16379" s="1" t="s">
        <v>35583</v>
      </c>
      <c r="B16379" s="1" t="s">
        <v>50857</v>
      </c>
      <c r="C16379" s="1" t="s">
        <v>35584</v>
      </c>
      <c r="D16379" s="2">
        <v>169207</v>
      </c>
      <c r="E16379" s="1" t="s">
        <v>0</v>
      </c>
    </row>
    <row r="16380" spans="1:5" ht="409.5" x14ac:dyDescent="0.25">
      <c r="A16380" s="4" t="s">
        <v>64242</v>
      </c>
      <c r="B16380" s="1" t="s">
        <v>57901</v>
      </c>
      <c r="C16380" s="1" t="s">
        <v>35585</v>
      </c>
      <c r="D16380" s="2">
        <v>169208</v>
      </c>
      <c r="E16380" s="1" t="s">
        <v>0</v>
      </c>
    </row>
    <row r="16381" spans="1:5" x14ac:dyDescent="0.25">
      <c r="A16381" s="1" t="s">
        <v>35586</v>
      </c>
      <c r="B16381" s="1" t="s">
        <v>54623</v>
      </c>
      <c r="C16381" s="1" t="s">
        <v>35587</v>
      </c>
      <c r="D16381" s="2">
        <v>169209</v>
      </c>
      <c r="E16381" s="1" t="s">
        <v>0</v>
      </c>
    </row>
    <row r="16382" spans="1:5" x14ac:dyDescent="0.25">
      <c r="A16382" s="2">
        <v>3276</v>
      </c>
      <c r="B16382" s="2">
        <v>3276</v>
      </c>
      <c r="C16382" s="1" t="s">
        <v>0</v>
      </c>
      <c r="D16382" s="2">
        <v>169210</v>
      </c>
      <c r="E16382" s="1" t="s">
        <v>0</v>
      </c>
    </row>
    <row r="16383" spans="1:5" x14ac:dyDescent="0.25">
      <c r="A16383" s="1" t="s">
        <v>2987</v>
      </c>
      <c r="B16383" s="1" t="s">
        <v>54624</v>
      </c>
      <c r="C16383" s="1" t="s">
        <v>35588</v>
      </c>
      <c r="D16383" s="2">
        <v>169211</v>
      </c>
      <c r="E16383" s="1" t="s">
        <v>0</v>
      </c>
    </row>
    <row r="16384" spans="1:5" x14ac:dyDescent="0.25">
      <c r="A16384" s="1" t="s">
        <v>35589</v>
      </c>
      <c r="B16384" s="1" t="s">
        <v>60449</v>
      </c>
      <c r="C16384" s="1" t="s">
        <v>35590</v>
      </c>
      <c r="D16384" s="2">
        <v>169212</v>
      </c>
      <c r="E16384" s="1" t="s">
        <v>0</v>
      </c>
    </row>
    <row r="16385" spans="1:5" ht="409.5" x14ac:dyDescent="0.25">
      <c r="A16385" s="4" t="s">
        <v>35591</v>
      </c>
      <c r="B16385" s="1" t="s">
        <v>60450</v>
      </c>
      <c r="C16385" s="1" t="s">
        <v>35592</v>
      </c>
      <c r="D16385" s="2">
        <v>169213</v>
      </c>
      <c r="E16385" s="1" t="s">
        <v>0</v>
      </c>
    </row>
    <row r="16386" spans="1:5" x14ac:dyDescent="0.25">
      <c r="A16386" s="1" t="s">
        <v>14855</v>
      </c>
      <c r="B16386" s="1" t="s">
        <v>60879</v>
      </c>
      <c r="C16386" s="1" t="s">
        <v>14856</v>
      </c>
      <c r="D16386" s="2">
        <v>169214</v>
      </c>
      <c r="E16386" s="1" t="s">
        <v>0</v>
      </c>
    </row>
    <row r="16387" spans="1:5" x14ac:dyDescent="0.25">
      <c r="A16387" s="2">
        <v>3277</v>
      </c>
      <c r="B16387" s="2">
        <v>3277</v>
      </c>
      <c r="C16387" s="1" t="s">
        <v>0</v>
      </c>
      <c r="D16387" s="2">
        <v>169215</v>
      </c>
      <c r="E16387" s="1" t="s">
        <v>0</v>
      </c>
    </row>
    <row r="16388" spans="1:5" x14ac:dyDescent="0.25">
      <c r="A16388" s="1" t="s">
        <v>13198</v>
      </c>
      <c r="B16388" s="1" t="s">
        <v>9729</v>
      </c>
      <c r="C16388" s="1" t="s">
        <v>35593</v>
      </c>
      <c r="D16388" s="2">
        <v>169216</v>
      </c>
      <c r="E16388" s="1" t="s">
        <v>0</v>
      </c>
    </row>
    <row r="16389" spans="1:5" x14ac:dyDescent="0.25">
      <c r="A16389" s="1" t="s">
        <v>35594</v>
      </c>
      <c r="B16389" s="1" t="s">
        <v>54625</v>
      </c>
      <c r="C16389" s="1" t="s">
        <v>35595</v>
      </c>
      <c r="D16389" s="2">
        <v>169217</v>
      </c>
      <c r="E16389" s="1" t="s">
        <v>0</v>
      </c>
    </row>
    <row r="16390" spans="1:5" ht="409.5" x14ac:dyDescent="0.25">
      <c r="A16390" s="4" t="s">
        <v>35596</v>
      </c>
      <c r="B16390" s="1" t="s">
        <v>54626</v>
      </c>
      <c r="C16390" s="1" t="s">
        <v>35597</v>
      </c>
      <c r="D16390" s="2">
        <v>169218</v>
      </c>
      <c r="E16390" s="1" t="s">
        <v>0</v>
      </c>
    </row>
    <row r="16391" spans="1:5" x14ac:dyDescent="0.25">
      <c r="A16391" s="1" t="s">
        <v>35598</v>
      </c>
      <c r="B16391" s="1" t="s">
        <v>54627</v>
      </c>
      <c r="C16391" s="1" t="s">
        <v>35599</v>
      </c>
      <c r="D16391" s="2">
        <v>169219</v>
      </c>
      <c r="E16391" s="1" t="s">
        <v>0</v>
      </c>
    </row>
    <row r="16392" spans="1:5" x14ac:dyDescent="0.25">
      <c r="A16392" s="2">
        <v>3278</v>
      </c>
      <c r="B16392" s="2">
        <v>3278</v>
      </c>
      <c r="C16392" s="1" t="s">
        <v>0</v>
      </c>
      <c r="D16392" s="2">
        <v>169220</v>
      </c>
      <c r="E16392" s="1" t="s">
        <v>0</v>
      </c>
    </row>
    <row r="16393" spans="1:5" x14ac:dyDescent="0.25">
      <c r="A16393" s="1" t="s">
        <v>2988</v>
      </c>
      <c r="B16393" s="1" t="s">
        <v>50858</v>
      </c>
      <c r="C16393" s="1" t="s">
        <v>35600</v>
      </c>
      <c r="D16393" s="2">
        <v>169221</v>
      </c>
      <c r="E16393" s="1" t="s">
        <v>0</v>
      </c>
    </row>
    <row r="16394" spans="1:5" x14ac:dyDescent="0.25">
      <c r="A16394" s="1" t="s">
        <v>35601</v>
      </c>
      <c r="B16394" s="1" t="s">
        <v>54628</v>
      </c>
      <c r="C16394" s="1" t="s">
        <v>35602</v>
      </c>
      <c r="D16394" s="2">
        <v>169222</v>
      </c>
      <c r="E16394" s="1" t="s">
        <v>0</v>
      </c>
    </row>
    <row r="16395" spans="1:5" ht="409.5" x14ac:dyDescent="0.25">
      <c r="A16395" s="4" t="s">
        <v>35603</v>
      </c>
      <c r="B16395" s="1" t="s">
        <v>54629</v>
      </c>
      <c r="C16395" s="1" t="s">
        <v>35604</v>
      </c>
      <c r="D16395" s="2">
        <v>169223</v>
      </c>
      <c r="E16395" s="1" t="s">
        <v>0</v>
      </c>
    </row>
    <row r="16396" spans="1:5" x14ac:dyDescent="0.25">
      <c r="A16396" s="1" t="s">
        <v>35605</v>
      </c>
      <c r="B16396" s="1" t="s">
        <v>61217</v>
      </c>
      <c r="C16396" s="1" t="s">
        <v>35606</v>
      </c>
      <c r="D16396" s="2">
        <v>169224</v>
      </c>
      <c r="E16396" s="1" t="s">
        <v>0</v>
      </c>
    </row>
    <row r="16397" spans="1:5" x14ac:dyDescent="0.25">
      <c r="A16397" s="2">
        <v>3279</v>
      </c>
      <c r="B16397" s="2">
        <v>3279</v>
      </c>
      <c r="C16397" s="1" t="s">
        <v>0</v>
      </c>
      <c r="D16397" s="2">
        <v>169225</v>
      </c>
      <c r="E16397" s="1" t="s">
        <v>0</v>
      </c>
    </row>
    <row r="16398" spans="1:5" x14ac:dyDescent="0.25">
      <c r="A16398" s="1" t="s">
        <v>2989</v>
      </c>
      <c r="B16398" s="1" t="s">
        <v>60111</v>
      </c>
      <c r="C16398" s="1" t="s">
        <v>35607</v>
      </c>
      <c r="D16398" s="2">
        <v>169226</v>
      </c>
      <c r="E16398" s="1" t="s">
        <v>0</v>
      </c>
    </row>
    <row r="16399" spans="1:5" x14ac:dyDescent="0.25">
      <c r="A16399" s="1" t="s">
        <v>35608</v>
      </c>
      <c r="B16399" s="1" t="s">
        <v>60112</v>
      </c>
      <c r="C16399" s="1" t="s">
        <v>35609</v>
      </c>
      <c r="D16399" s="2">
        <v>169227</v>
      </c>
      <c r="E16399" s="1" t="s">
        <v>0</v>
      </c>
    </row>
    <row r="16400" spans="1:5" ht="409.5" x14ac:dyDescent="0.25">
      <c r="A16400" s="4" t="s">
        <v>35610</v>
      </c>
      <c r="B16400" s="1" t="s">
        <v>60113</v>
      </c>
      <c r="C16400" s="1" t="s">
        <v>35611</v>
      </c>
      <c r="D16400" s="2">
        <v>169228</v>
      </c>
      <c r="E16400" s="1" t="s">
        <v>0</v>
      </c>
    </row>
    <row r="16401" spans="1:5" x14ac:dyDescent="0.25">
      <c r="A16401" s="1" t="s">
        <v>35612</v>
      </c>
      <c r="B16401" s="1" t="s">
        <v>60114</v>
      </c>
      <c r="C16401" s="1" t="s">
        <v>35613</v>
      </c>
      <c r="D16401" s="2">
        <v>169229</v>
      </c>
      <c r="E16401" s="1" t="s">
        <v>0</v>
      </c>
    </row>
    <row r="16402" spans="1:5" x14ac:dyDescent="0.25">
      <c r="A16402" s="2">
        <v>3280</v>
      </c>
      <c r="B16402" s="2">
        <v>3280</v>
      </c>
      <c r="C16402" s="1" t="s">
        <v>0</v>
      </c>
      <c r="D16402" s="2">
        <v>169230</v>
      </c>
      <c r="E16402" s="1" t="s">
        <v>0</v>
      </c>
    </row>
    <row r="16403" spans="1:5" x14ac:dyDescent="0.25">
      <c r="A16403" s="1" t="s">
        <v>2990</v>
      </c>
      <c r="B16403" s="1" t="s">
        <v>9730</v>
      </c>
      <c r="C16403" s="1" t="s">
        <v>35614</v>
      </c>
      <c r="D16403" s="2">
        <v>169231</v>
      </c>
      <c r="E16403" s="1" t="s">
        <v>0</v>
      </c>
    </row>
    <row r="16404" spans="1:5" x14ac:dyDescent="0.25">
      <c r="A16404" s="1" t="s">
        <v>35615</v>
      </c>
      <c r="B16404" s="1" t="s">
        <v>50859</v>
      </c>
      <c r="C16404" s="1" t="s">
        <v>35616</v>
      </c>
      <c r="D16404" s="2">
        <v>169232</v>
      </c>
      <c r="E16404" s="1" t="s">
        <v>0</v>
      </c>
    </row>
    <row r="16405" spans="1:5" ht="409.5" x14ac:dyDescent="0.25">
      <c r="A16405" s="4" t="s">
        <v>35617</v>
      </c>
      <c r="B16405" s="1" t="s">
        <v>50860</v>
      </c>
      <c r="C16405" s="1" t="s">
        <v>35618</v>
      </c>
      <c r="D16405" s="2">
        <v>169233</v>
      </c>
      <c r="E16405" s="1" t="s">
        <v>0</v>
      </c>
    </row>
    <row r="16406" spans="1:5" x14ac:dyDescent="0.25">
      <c r="A16406" s="1" t="s">
        <v>35619</v>
      </c>
      <c r="B16406" s="1" t="s">
        <v>54630</v>
      </c>
      <c r="C16406" s="1" t="s">
        <v>35620</v>
      </c>
      <c r="D16406" s="2">
        <v>169234</v>
      </c>
      <c r="E16406" s="1" t="s">
        <v>0</v>
      </c>
    </row>
    <row r="16407" spans="1:5" x14ac:dyDescent="0.25">
      <c r="A16407" s="2">
        <v>3281</v>
      </c>
      <c r="B16407" s="2">
        <v>3281</v>
      </c>
      <c r="C16407" s="1" t="s">
        <v>0</v>
      </c>
      <c r="D16407" s="2">
        <v>169235</v>
      </c>
      <c r="E16407" s="1" t="s">
        <v>0</v>
      </c>
    </row>
    <row r="16408" spans="1:5" x14ac:dyDescent="0.25">
      <c r="A16408" s="1" t="s">
        <v>35621</v>
      </c>
      <c r="B16408" s="1" t="s">
        <v>13199</v>
      </c>
      <c r="C16408" s="1" t="s">
        <v>35622</v>
      </c>
      <c r="D16408" s="2">
        <v>169236</v>
      </c>
      <c r="E16408" s="1" t="s">
        <v>0</v>
      </c>
    </row>
    <row r="16409" spans="1:5" x14ac:dyDescent="0.25">
      <c r="A16409" s="1" t="s">
        <v>35623</v>
      </c>
      <c r="B16409" s="1" t="s">
        <v>54631</v>
      </c>
      <c r="C16409" s="1" t="s">
        <v>35624</v>
      </c>
      <c r="D16409" s="2">
        <v>169237</v>
      </c>
      <c r="E16409" s="1" t="s">
        <v>0</v>
      </c>
    </row>
    <row r="16410" spans="1:5" ht="409.5" x14ac:dyDescent="0.25">
      <c r="A16410" s="4" t="s">
        <v>35625</v>
      </c>
      <c r="B16410" s="1" t="s">
        <v>54632</v>
      </c>
      <c r="C16410" s="1" t="s">
        <v>35626</v>
      </c>
      <c r="D16410" s="2">
        <v>169238</v>
      </c>
      <c r="E16410" s="1" t="s">
        <v>0</v>
      </c>
    </row>
    <row r="16411" spans="1:5" x14ac:dyDescent="0.25">
      <c r="A16411" s="1" t="s">
        <v>35627</v>
      </c>
      <c r="B16411" s="1" t="s">
        <v>54633</v>
      </c>
      <c r="C16411" s="1" t="s">
        <v>35628</v>
      </c>
      <c r="D16411" s="2">
        <v>169239</v>
      </c>
      <c r="E16411" s="1" t="s">
        <v>0</v>
      </c>
    </row>
    <row r="16412" spans="1:5" x14ac:dyDescent="0.25">
      <c r="A16412" s="2">
        <v>3282</v>
      </c>
      <c r="B16412" s="2">
        <v>3282</v>
      </c>
      <c r="C16412" s="1" t="s">
        <v>0</v>
      </c>
      <c r="D16412" s="2">
        <v>169240</v>
      </c>
      <c r="E16412" s="1" t="s">
        <v>0</v>
      </c>
    </row>
    <row r="16413" spans="1:5" x14ac:dyDescent="0.25">
      <c r="A16413" s="1" t="s">
        <v>2991</v>
      </c>
      <c r="B16413" s="1" t="s">
        <v>58460</v>
      </c>
      <c r="C16413" s="1" t="s">
        <v>35629</v>
      </c>
      <c r="D16413" s="2">
        <v>169241</v>
      </c>
      <c r="E16413" s="1" t="s">
        <v>0</v>
      </c>
    </row>
    <row r="16414" spans="1:5" x14ac:dyDescent="0.25">
      <c r="A16414" s="1" t="s">
        <v>35630</v>
      </c>
      <c r="B16414" s="1" t="s">
        <v>62660</v>
      </c>
      <c r="C16414" s="1" t="s">
        <v>35631</v>
      </c>
      <c r="D16414" s="2">
        <v>169242</v>
      </c>
      <c r="E16414" s="1" t="s">
        <v>0</v>
      </c>
    </row>
    <row r="16415" spans="1:5" ht="409.5" x14ac:dyDescent="0.25">
      <c r="A16415" s="4" t="s">
        <v>35632</v>
      </c>
      <c r="B16415" s="1" t="s">
        <v>62661</v>
      </c>
      <c r="C16415" s="1" t="s">
        <v>35633</v>
      </c>
      <c r="D16415" s="2">
        <v>169243</v>
      </c>
      <c r="E16415" s="1" t="s">
        <v>0</v>
      </c>
    </row>
    <row r="16416" spans="1:5" x14ac:dyDescent="0.25">
      <c r="A16416" s="1" t="s">
        <v>35634</v>
      </c>
      <c r="B16416" s="1" t="s">
        <v>61218</v>
      </c>
      <c r="C16416" s="1" t="s">
        <v>35635</v>
      </c>
      <c r="D16416" s="2">
        <v>169244</v>
      </c>
      <c r="E16416" s="1" t="s">
        <v>0</v>
      </c>
    </row>
    <row r="16417" spans="1:5" x14ac:dyDescent="0.25">
      <c r="A16417" s="2">
        <v>3283</v>
      </c>
      <c r="B16417" s="2">
        <v>3283</v>
      </c>
      <c r="C16417" s="1" t="s">
        <v>0</v>
      </c>
      <c r="D16417" s="2">
        <v>169245</v>
      </c>
      <c r="E16417" s="1" t="s">
        <v>0</v>
      </c>
    </row>
    <row r="16418" spans="1:5" x14ac:dyDescent="0.25">
      <c r="A16418" s="1" t="s">
        <v>2992</v>
      </c>
      <c r="B16418" s="1" t="s">
        <v>9731</v>
      </c>
      <c r="C16418" s="1" t="s">
        <v>35636</v>
      </c>
      <c r="D16418" s="2">
        <v>169246</v>
      </c>
      <c r="E16418" s="1" t="s">
        <v>0</v>
      </c>
    </row>
    <row r="16419" spans="1:5" x14ac:dyDescent="0.25">
      <c r="A16419" s="1" t="s">
        <v>35637</v>
      </c>
      <c r="B16419" s="1" t="s">
        <v>9732</v>
      </c>
      <c r="C16419" s="1" t="s">
        <v>35638</v>
      </c>
      <c r="D16419" s="2">
        <v>169247</v>
      </c>
      <c r="E16419" s="1" t="s">
        <v>0</v>
      </c>
    </row>
    <row r="16420" spans="1:5" ht="409.5" x14ac:dyDescent="0.25">
      <c r="A16420" s="4" t="s">
        <v>35639</v>
      </c>
      <c r="B16420" s="1" t="s">
        <v>54634</v>
      </c>
      <c r="C16420" s="1" t="s">
        <v>35640</v>
      </c>
      <c r="D16420" s="2">
        <v>169248</v>
      </c>
      <c r="E16420" s="1" t="s">
        <v>0</v>
      </c>
    </row>
    <row r="16421" spans="1:5" x14ac:dyDescent="0.25">
      <c r="A16421" s="1" t="s">
        <v>35641</v>
      </c>
      <c r="B16421" s="1" t="s">
        <v>9733</v>
      </c>
      <c r="C16421" s="1" t="s">
        <v>35642</v>
      </c>
      <c r="D16421" s="2">
        <v>169249</v>
      </c>
      <c r="E16421" s="1" t="s">
        <v>0</v>
      </c>
    </row>
    <row r="16422" spans="1:5" x14ac:dyDescent="0.25">
      <c r="A16422" s="2">
        <v>3284</v>
      </c>
      <c r="B16422" s="2">
        <v>3284</v>
      </c>
      <c r="C16422" s="1" t="s">
        <v>0</v>
      </c>
      <c r="D16422" s="2">
        <v>169250</v>
      </c>
      <c r="E16422" s="1" t="s">
        <v>0</v>
      </c>
    </row>
    <row r="16423" spans="1:5" x14ac:dyDescent="0.25">
      <c r="A16423" s="1" t="s">
        <v>2993</v>
      </c>
      <c r="B16423" s="1" t="s">
        <v>9734</v>
      </c>
      <c r="C16423" s="1" t="s">
        <v>35643</v>
      </c>
      <c r="D16423" s="2">
        <v>169251</v>
      </c>
      <c r="E16423" s="1" t="s">
        <v>0</v>
      </c>
    </row>
    <row r="16424" spans="1:5" x14ac:dyDescent="0.25">
      <c r="A16424" s="1" t="s">
        <v>35644</v>
      </c>
      <c r="B16424" s="1" t="s">
        <v>57902</v>
      </c>
      <c r="C16424" s="1" t="s">
        <v>35645</v>
      </c>
      <c r="D16424" s="2">
        <v>169252</v>
      </c>
      <c r="E16424" s="1" t="s">
        <v>0</v>
      </c>
    </row>
    <row r="16425" spans="1:5" ht="409.5" x14ac:dyDescent="0.25">
      <c r="A16425" s="4" t="s">
        <v>35646</v>
      </c>
      <c r="B16425" s="1" t="s">
        <v>57903</v>
      </c>
      <c r="C16425" s="1" t="s">
        <v>35647</v>
      </c>
      <c r="D16425" s="2">
        <v>169253</v>
      </c>
      <c r="E16425" s="1" t="s">
        <v>0</v>
      </c>
    </row>
    <row r="16426" spans="1:5" x14ac:dyDescent="0.25">
      <c r="A16426" s="1" t="s">
        <v>35648</v>
      </c>
      <c r="B16426" s="1" t="s">
        <v>50861</v>
      </c>
      <c r="C16426" s="1" t="s">
        <v>35649</v>
      </c>
      <c r="D16426" s="2">
        <v>169254</v>
      </c>
      <c r="E16426" s="1" t="s">
        <v>0</v>
      </c>
    </row>
    <row r="16427" spans="1:5" x14ac:dyDescent="0.25">
      <c r="A16427" s="2">
        <v>3285</v>
      </c>
      <c r="B16427" s="2">
        <v>3285</v>
      </c>
      <c r="C16427" s="1" t="s">
        <v>0</v>
      </c>
      <c r="D16427" s="2">
        <v>169255</v>
      </c>
      <c r="E16427" s="1" t="s">
        <v>0</v>
      </c>
    </row>
    <row r="16428" spans="1:5" x14ac:dyDescent="0.25">
      <c r="A16428" s="1" t="s">
        <v>2994</v>
      </c>
      <c r="B16428" s="1" t="s">
        <v>9735</v>
      </c>
      <c r="C16428" s="1" t="s">
        <v>35650</v>
      </c>
      <c r="D16428" s="2">
        <v>169256</v>
      </c>
      <c r="E16428" s="1" t="s">
        <v>0</v>
      </c>
    </row>
    <row r="16429" spans="1:5" x14ac:dyDescent="0.25">
      <c r="A16429" s="1" t="s">
        <v>35651</v>
      </c>
      <c r="B16429" s="1" t="s">
        <v>63424</v>
      </c>
      <c r="C16429" s="1" t="s">
        <v>35652</v>
      </c>
      <c r="D16429" s="2">
        <v>169257</v>
      </c>
      <c r="E16429" s="1" t="s">
        <v>0</v>
      </c>
    </row>
    <row r="16430" spans="1:5" ht="409.5" x14ac:dyDescent="0.25">
      <c r="A16430" s="4" t="s">
        <v>64243</v>
      </c>
      <c r="B16430" s="1" t="s">
        <v>63425</v>
      </c>
      <c r="C16430" s="1" t="s">
        <v>35653</v>
      </c>
      <c r="D16430" s="2">
        <v>169258</v>
      </c>
      <c r="E16430" s="1" t="s">
        <v>0</v>
      </c>
    </row>
    <row r="16431" spans="1:5" x14ac:dyDescent="0.25">
      <c r="A16431" s="1" t="s">
        <v>35654</v>
      </c>
      <c r="B16431" s="1" t="s">
        <v>9736</v>
      </c>
      <c r="C16431" s="1" t="s">
        <v>35655</v>
      </c>
      <c r="D16431" s="2">
        <v>169259</v>
      </c>
      <c r="E16431" s="1" t="s">
        <v>0</v>
      </c>
    </row>
    <row r="16432" spans="1:5" x14ac:dyDescent="0.25">
      <c r="A16432" s="2">
        <v>3286</v>
      </c>
      <c r="B16432" s="2">
        <v>3286</v>
      </c>
      <c r="C16432" s="1" t="s">
        <v>0</v>
      </c>
      <c r="D16432" s="2">
        <v>169260</v>
      </c>
      <c r="E16432" s="1" t="s">
        <v>0</v>
      </c>
    </row>
    <row r="16433" spans="1:5" x14ac:dyDescent="0.25">
      <c r="A16433" s="1" t="s">
        <v>2995</v>
      </c>
      <c r="B16433" s="1" t="s">
        <v>9737</v>
      </c>
      <c r="C16433" s="1" t="s">
        <v>35656</v>
      </c>
      <c r="D16433" s="2">
        <v>169261</v>
      </c>
      <c r="E16433" s="1" t="s">
        <v>0</v>
      </c>
    </row>
    <row r="16434" spans="1:5" x14ac:dyDescent="0.25">
      <c r="A16434" s="1" t="s">
        <v>35657</v>
      </c>
      <c r="B16434" s="1" t="s">
        <v>62662</v>
      </c>
      <c r="C16434" s="1" t="s">
        <v>35658</v>
      </c>
      <c r="D16434" s="2">
        <v>169262</v>
      </c>
      <c r="E16434" s="1" t="s">
        <v>0</v>
      </c>
    </row>
    <row r="16435" spans="1:5" ht="409.5" x14ac:dyDescent="0.25">
      <c r="A16435" s="4" t="s">
        <v>35659</v>
      </c>
      <c r="B16435" s="1" t="s">
        <v>62663</v>
      </c>
      <c r="C16435" s="1" t="s">
        <v>35660</v>
      </c>
      <c r="D16435" s="2">
        <v>169263</v>
      </c>
      <c r="E16435" s="1" t="s">
        <v>0</v>
      </c>
    </row>
    <row r="16436" spans="1:5" x14ac:dyDescent="0.25">
      <c r="A16436" s="1" t="s">
        <v>35661</v>
      </c>
      <c r="B16436" s="1" t="s">
        <v>54635</v>
      </c>
      <c r="C16436" s="1" t="s">
        <v>35662</v>
      </c>
      <c r="D16436" s="2">
        <v>169264</v>
      </c>
      <c r="E16436" s="1" t="s">
        <v>0</v>
      </c>
    </row>
    <row r="16437" spans="1:5" x14ac:dyDescent="0.25">
      <c r="A16437" s="2">
        <v>3287</v>
      </c>
      <c r="B16437" s="2">
        <v>3287</v>
      </c>
      <c r="C16437" s="1" t="s">
        <v>0</v>
      </c>
      <c r="D16437" s="2">
        <v>169265</v>
      </c>
      <c r="E16437" s="1" t="s">
        <v>0</v>
      </c>
    </row>
    <row r="16438" spans="1:5" x14ac:dyDescent="0.25">
      <c r="A16438" s="1" t="s">
        <v>2996</v>
      </c>
      <c r="B16438" s="1" t="s">
        <v>9738</v>
      </c>
      <c r="C16438" s="1" t="s">
        <v>35663</v>
      </c>
      <c r="D16438" s="2">
        <v>169266</v>
      </c>
      <c r="E16438" s="1" t="s">
        <v>0</v>
      </c>
    </row>
    <row r="16439" spans="1:5" x14ac:dyDescent="0.25">
      <c r="A16439" s="1" t="s">
        <v>35664</v>
      </c>
      <c r="B16439" s="1" t="s">
        <v>61219</v>
      </c>
      <c r="C16439" s="1" t="s">
        <v>35665</v>
      </c>
      <c r="D16439" s="2">
        <v>169267</v>
      </c>
      <c r="E16439" s="1" t="s">
        <v>0</v>
      </c>
    </row>
    <row r="16440" spans="1:5" ht="409.5" x14ac:dyDescent="0.25">
      <c r="A16440" s="4" t="s">
        <v>35666</v>
      </c>
      <c r="B16440" s="1" t="s">
        <v>62664</v>
      </c>
      <c r="C16440" s="1" t="s">
        <v>35667</v>
      </c>
      <c r="D16440" s="2">
        <v>169268</v>
      </c>
      <c r="E16440" s="1" t="s">
        <v>0</v>
      </c>
    </row>
    <row r="16441" spans="1:5" x14ac:dyDescent="0.25">
      <c r="A16441" s="1" t="s">
        <v>35668</v>
      </c>
      <c r="B16441" s="1" t="s">
        <v>61220</v>
      </c>
      <c r="C16441" s="1" t="s">
        <v>35669</v>
      </c>
      <c r="D16441" s="2">
        <v>169269</v>
      </c>
      <c r="E16441" s="1" t="s">
        <v>0</v>
      </c>
    </row>
    <row r="16442" spans="1:5" x14ac:dyDescent="0.25">
      <c r="A16442" s="2">
        <v>3288</v>
      </c>
      <c r="B16442" s="2">
        <v>3288</v>
      </c>
      <c r="C16442" s="1" t="s">
        <v>0</v>
      </c>
      <c r="D16442" s="2">
        <v>169270</v>
      </c>
      <c r="E16442" s="1" t="s">
        <v>0</v>
      </c>
    </row>
    <row r="16443" spans="1:5" x14ac:dyDescent="0.25">
      <c r="A16443" s="1" t="s">
        <v>2997</v>
      </c>
      <c r="B16443" s="1" t="s">
        <v>9739</v>
      </c>
      <c r="C16443" s="1" t="s">
        <v>35670</v>
      </c>
      <c r="D16443" s="2">
        <v>169271</v>
      </c>
      <c r="E16443" s="1" t="s">
        <v>0</v>
      </c>
    </row>
    <row r="16444" spans="1:5" x14ac:dyDescent="0.25">
      <c r="A16444" s="1" t="s">
        <v>35671</v>
      </c>
      <c r="B16444" s="1" t="s">
        <v>54636</v>
      </c>
      <c r="C16444" s="1" t="s">
        <v>35672</v>
      </c>
      <c r="D16444" s="2">
        <v>169272</v>
      </c>
      <c r="E16444" s="1" t="s">
        <v>0</v>
      </c>
    </row>
    <row r="16445" spans="1:5" ht="409.5" x14ac:dyDescent="0.25">
      <c r="A16445" s="4" t="s">
        <v>35673</v>
      </c>
      <c r="B16445" s="1" t="s">
        <v>54637</v>
      </c>
      <c r="C16445" s="1" t="s">
        <v>35674</v>
      </c>
      <c r="D16445" s="2">
        <v>169273</v>
      </c>
      <c r="E16445" s="1" t="s">
        <v>0</v>
      </c>
    </row>
    <row r="16446" spans="1:5" x14ac:dyDescent="0.25">
      <c r="A16446" s="1" t="s">
        <v>35675</v>
      </c>
      <c r="B16446" s="1" t="s">
        <v>54638</v>
      </c>
      <c r="C16446" s="1" t="s">
        <v>35676</v>
      </c>
      <c r="D16446" s="2">
        <v>169274</v>
      </c>
      <c r="E16446" s="1" t="s">
        <v>0</v>
      </c>
    </row>
    <row r="16447" spans="1:5" x14ac:dyDescent="0.25">
      <c r="A16447" s="2">
        <v>3289</v>
      </c>
      <c r="B16447" s="2">
        <v>3289</v>
      </c>
      <c r="C16447" s="1" t="s">
        <v>0</v>
      </c>
      <c r="D16447" s="2">
        <v>169275</v>
      </c>
      <c r="E16447" s="1" t="s">
        <v>0</v>
      </c>
    </row>
    <row r="16448" spans="1:5" x14ac:dyDescent="0.25">
      <c r="A16448" s="1" t="s">
        <v>2998</v>
      </c>
      <c r="B16448" s="1" t="s">
        <v>9740</v>
      </c>
      <c r="C16448" s="1" t="s">
        <v>35677</v>
      </c>
      <c r="D16448" s="2">
        <v>169276</v>
      </c>
      <c r="E16448" s="1" t="s">
        <v>0</v>
      </c>
    </row>
    <row r="16449" spans="1:5" x14ac:dyDescent="0.25">
      <c r="A16449" s="1" t="s">
        <v>35678</v>
      </c>
      <c r="B16449" s="1" t="s">
        <v>54639</v>
      </c>
      <c r="C16449" s="1" t="s">
        <v>35679</v>
      </c>
      <c r="D16449" s="2">
        <v>169277</v>
      </c>
      <c r="E16449" s="1" t="s">
        <v>0</v>
      </c>
    </row>
    <row r="16450" spans="1:5" ht="409.5" x14ac:dyDescent="0.25">
      <c r="A16450" s="4" t="s">
        <v>35680</v>
      </c>
      <c r="B16450" s="1" t="s">
        <v>54640</v>
      </c>
      <c r="C16450" s="1" t="s">
        <v>35681</v>
      </c>
      <c r="D16450" s="2">
        <v>169278</v>
      </c>
      <c r="E16450" s="1" t="s">
        <v>0</v>
      </c>
    </row>
    <row r="16451" spans="1:5" x14ac:dyDescent="0.25">
      <c r="A16451" s="1" t="s">
        <v>35682</v>
      </c>
      <c r="B16451" s="1" t="s">
        <v>54641</v>
      </c>
      <c r="C16451" s="1" t="s">
        <v>35683</v>
      </c>
      <c r="D16451" s="2">
        <v>169279</v>
      </c>
      <c r="E16451" s="1" t="s">
        <v>0</v>
      </c>
    </row>
    <row r="16452" spans="1:5" x14ac:dyDescent="0.25">
      <c r="A16452" s="2">
        <v>3290</v>
      </c>
      <c r="B16452" s="2">
        <v>3290</v>
      </c>
      <c r="C16452" s="1" t="s">
        <v>0</v>
      </c>
      <c r="D16452" s="2">
        <v>169280</v>
      </c>
      <c r="E16452" s="1" t="s">
        <v>0</v>
      </c>
    </row>
    <row r="16453" spans="1:5" x14ac:dyDescent="0.25">
      <c r="A16453" s="1" t="s">
        <v>2999</v>
      </c>
      <c r="B16453" s="1" t="s">
        <v>9741</v>
      </c>
      <c r="C16453" s="1" t="s">
        <v>35684</v>
      </c>
      <c r="D16453" s="2">
        <v>169281</v>
      </c>
      <c r="E16453" s="1" t="s">
        <v>0</v>
      </c>
    </row>
    <row r="16454" spans="1:5" x14ac:dyDescent="0.25">
      <c r="A16454" s="1" t="s">
        <v>35685</v>
      </c>
      <c r="B16454" s="1" t="s">
        <v>50862</v>
      </c>
      <c r="C16454" s="1" t="s">
        <v>35686</v>
      </c>
      <c r="D16454" s="2">
        <v>169282</v>
      </c>
      <c r="E16454" s="1" t="s">
        <v>0</v>
      </c>
    </row>
    <row r="16455" spans="1:5" ht="409.5" x14ac:dyDescent="0.25">
      <c r="A16455" s="4" t="s">
        <v>35687</v>
      </c>
      <c r="B16455" s="1" t="s">
        <v>50863</v>
      </c>
      <c r="C16455" s="1" t="s">
        <v>35688</v>
      </c>
      <c r="D16455" s="2">
        <v>169283</v>
      </c>
      <c r="E16455" s="1" t="s">
        <v>0</v>
      </c>
    </row>
    <row r="16456" spans="1:5" x14ac:dyDescent="0.25">
      <c r="A16456" s="1" t="s">
        <v>35689</v>
      </c>
      <c r="B16456" s="1" t="s">
        <v>9742</v>
      </c>
      <c r="C16456" s="1" t="s">
        <v>35690</v>
      </c>
      <c r="D16456" s="2">
        <v>169284</v>
      </c>
      <c r="E16456" s="1" t="s">
        <v>0</v>
      </c>
    </row>
    <row r="16457" spans="1:5" x14ac:dyDescent="0.25">
      <c r="A16457" s="2">
        <v>3291</v>
      </c>
      <c r="B16457" s="2">
        <v>3291</v>
      </c>
      <c r="C16457" s="1" t="s">
        <v>0</v>
      </c>
      <c r="D16457" s="2">
        <v>169285</v>
      </c>
      <c r="E16457" s="1" t="s">
        <v>0</v>
      </c>
    </row>
    <row r="16458" spans="1:5" x14ac:dyDescent="0.25">
      <c r="A16458" s="1" t="s">
        <v>9743</v>
      </c>
      <c r="B16458" s="1" t="s">
        <v>9744</v>
      </c>
      <c r="C16458" s="1" t="s">
        <v>35691</v>
      </c>
      <c r="D16458" s="2">
        <v>169286</v>
      </c>
      <c r="E16458" s="1" t="s">
        <v>0</v>
      </c>
    </row>
    <row r="16459" spans="1:5" x14ac:dyDescent="0.25">
      <c r="A16459" s="1" t="s">
        <v>35692</v>
      </c>
      <c r="B16459" s="1" t="s">
        <v>9745</v>
      </c>
      <c r="C16459" s="1" t="s">
        <v>35693</v>
      </c>
      <c r="D16459" s="2">
        <v>169287</v>
      </c>
      <c r="E16459" s="1" t="s">
        <v>0</v>
      </c>
    </row>
    <row r="16460" spans="1:5" ht="409.5" x14ac:dyDescent="0.25">
      <c r="A16460" s="4" t="s">
        <v>35694</v>
      </c>
      <c r="B16460" s="1" t="s">
        <v>9746</v>
      </c>
      <c r="C16460" s="1" t="s">
        <v>35695</v>
      </c>
      <c r="D16460" s="2">
        <v>169288</v>
      </c>
      <c r="E16460" s="1" t="s">
        <v>0</v>
      </c>
    </row>
    <row r="16461" spans="1:5" x14ac:dyDescent="0.25">
      <c r="A16461" s="1" t="s">
        <v>35696</v>
      </c>
      <c r="B16461" s="1" t="s">
        <v>54642</v>
      </c>
      <c r="C16461" s="1" t="s">
        <v>35697</v>
      </c>
      <c r="D16461" s="2">
        <v>169289</v>
      </c>
      <c r="E16461" s="1" t="s">
        <v>0</v>
      </c>
    </row>
    <row r="16462" spans="1:5" x14ac:dyDescent="0.25">
      <c r="A16462" s="2">
        <v>3292</v>
      </c>
      <c r="B16462" s="2">
        <v>3292</v>
      </c>
      <c r="C16462" s="1" t="s">
        <v>0</v>
      </c>
      <c r="D16462" s="2">
        <v>169290</v>
      </c>
      <c r="E16462" s="1" t="s">
        <v>0</v>
      </c>
    </row>
    <row r="16463" spans="1:5" x14ac:dyDescent="0.25">
      <c r="A16463" s="1" t="s">
        <v>3000</v>
      </c>
      <c r="B16463" s="1" t="s">
        <v>9747</v>
      </c>
      <c r="C16463" s="1" t="s">
        <v>35698</v>
      </c>
      <c r="D16463" s="2">
        <v>169291</v>
      </c>
      <c r="E16463" s="1" t="s">
        <v>0</v>
      </c>
    </row>
    <row r="16464" spans="1:5" x14ac:dyDescent="0.25">
      <c r="A16464" s="1" t="s">
        <v>35699</v>
      </c>
      <c r="B16464" s="1" t="s">
        <v>54643</v>
      </c>
      <c r="C16464" s="1" t="s">
        <v>35700</v>
      </c>
      <c r="D16464" s="2">
        <v>169292</v>
      </c>
      <c r="E16464" s="1" t="s">
        <v>0</v>
      </c>
    </row>
    <row r="16465" spans="1:5" ht="409.5" x14ac:dyDescent="0.25">
      <c r="A16465" s="4" t="s">
        <v>35701</v>
      </c>
      <c r="B16465" s="1" t="s">
        <v>54644</v>
      </c>
      <c r="C16465" s="1" t="s">
        <v>35702</v>
      </c>
      <c r="D16465" s="2">
        <v>169293</v>
      </c>
      <c r="E16465" s="1" t="s">
        <v>0</v>
      </c>
    </row>
    <row r="16466" spans="1:5" x14ac:dyDescent="0.25">
      <c r="A16466" s="1" t="s">
        <v>35703</v>
      </c>
      <c r="B16466" s="1" t="s">
        <v>9748</v>
      </c>
      <c r="C16466" s="1" t="s">
        <v>35704</v>
      </c>
      <c r="D16466" s="2">
        <v>169294</v>
      </c>
      <c r="E16466" s="1" t="s">
        <v>0</v>
      </c>
    </row>
    <row r="16467" spans="1:5" x14ac:dyDescent="0.25">
      <c r="A16467" s="2">
        <v>3293</v>
      </c>
      <c r="B16467" s="2">
        <v>3293</v>
      </c>
      <c r="C16467" s="1" t="s">
        <v>0</v>
      </c>
      <c r="D16467" s="2">
        <v>169295</v>
      </c>
      <c r="E16467" s="1" t="s">
        <v>0</v>
      </c>
    </row>
    <row r="16468" spans="1:5" x14ac:dyDescent="0.25">
      <c r="A16468" s="1" t="s">
        <v>3001</v>
      </c>
      <c r="B16468" s="1" t="s">
        <v>9749</v>
      </c>
      <c r="C16468" s="1" t="s">
        <v>35705</v>
      </c>
      <c r="D16468" s="2">
        <v>169296</v>
      </c>
      <c r="E16468" s="1" t="s">
        <v>0</v>
      </c>
    </row>
    <row r="16469" spans="1:5" x14ac:dyDescent="0.25">
      <c r="A16469" s="1" t="s">
        <v>35706</v>
      </c>
      <c r="B16469" s="1" t="s">
        <v>13200</v>
      </c>
      <c r="C16469" s="1" t="s">
        <v>35707</v>
      </c>
      <c r="D16469" s="2">
        <v>169297</v>
      </c>
      <c r="E16469" s="1" t="s">
        <v>0</v>
      </c>
    </row>
    <row r="16470" spans="1:5" ht="409.5" x14ac:dyDescent="0.25">
      <c r="A16470" s="4" t="s">
        <v>35708</v>
      </c>
      <c r="B16470" s="1" t="s">
        <v>13201</v>
      </c>
      <c r="C16470" s="1" t="s">
        <v>35709</v>
      </c>
      <c r="D16470" s="2">
        <v>169298</v>
      </c>
      <c r="E16470" s="1" t="s">
        <v>0</v>
      </c>
    </row>
    <row r="16471" spans="1:5" x14ac:dyDescent="0.25">
      <c r="A16471" s="1" t="s">
        <v>35710</v>
      </c>
      <c r="B16471" s="1" t="s">
        <v>9750</v>
      </c>
      <c r="C16471" s="1" t="s">
        <v>35711</v>
      </c>
      <c r="D16471" s="2">
        <v>169299</v>
      </c>
      <c r="E16471" s="1" t="s">
        <v>0</v>
      </c>
    </row>
    <row r="16472" spans="1:5" x14ac:dyDescent="0.25">
      <c r="A16472" s="2">
        <v>3294</v>
      </c>
      <c r="B16472" s="2">
        <v>3294</v>
      </c>
      <c r="C16472" s="1" t="s">
        <v>0</v>
      </c>
      <c r="D16472" s="2">
        <v>169300</v>
      </c>
      <c r="E16472" s="1" t="s">
        <v>0</v>
      </c>
    </row>
    <row r="16473" spans="1:5" x14ac:dyDescent="0.25">
      <c r="A16473" s="1" t="s">
        <v>3002</v>
      </c>
      <c r="B16473" s="1" t="s">
        <v>9751</v>
      </c>
      <c r="C16473" s="1" t="s">
        <v>35712</v>
      </c>
      <c r="D16473" s="2">
        <v>169301</v>
      </c>
      <c r="E16473" s="1" t="s">
        <v>0</v>
      </c>
    </row>
    <row r="16474" spans="1:5" x14ac:dyDescent="0.25">
      <c r="A16474" s="1" t="s">
        <v>35713</v>
      </c>
      <c r="B16474" s="1" t="s">
        <v>57904</v>
      </c>
      <c r="C16474" s="1" t="s">
        <v>35714</v>
      </c>
      <c r="D16474" s="2">
        <v>169302</v>
      </c>
      <c r="E16474" s="1" t="s">
        <v>0</v>
      </c>
    </row>
    <row r="16475" spans="1:5" ht="409.5" x14ac:dyDescent="0.25">
      <c r="A16475" s="4" t="s">
        <v>35715</v>
      </c>
      <c r="B16475" s="1" t="s">
        <v>60115</v>
      </c>
      <c r="C16475" s="1" t="s">
        <v>35716</v>
      </c>
      <c r="D16475" s="2">
        <v>169303</v>
      </c>
      <c r="E16475" s="1" t="s">
        <v>0</v>
      </c>
    </row>
    <row r="16476" spans="1:5" x14ac:dyDescent="0.25">
      <c r="A16476" s="1" t="s">
        <v>35717</v>
      </c>
      <c r="B16476" s="1" t="s">
        <v>54645</v>
      </c>
      <c r="C16476" s="1" t="s">
        <v>35718</v>
      </c>
      <c r="D16476" s="2">
        <v>169304</v>
      </c>
      <c r="E16476" s="1" t="s">
        <v>0</v>
      </c>
    </row>
    <row r="16477" spans="1:5" x14ac:dyDescent="0.25">
      <c r="A16477" s="2">
        <v>3295</v>
      </c>
      <c r="B16477" s="2">
        <v>3295</v>
      </c>
      <c r="C16477" s="1" t="s">
        <v>0</v>
      </c>
      <c r="D16477" s="2">
        <v>169305</v>
      </c>
      <c r="E16477" s="1" t="s">
        <v>0</v>
      </c>
    </row>
    <row r="16478" spans="1:5" x14ac:dyDescent="0.25">
      <c r="A16478" s="1" t="s">
        <v>3003</v>
      </c>
      <c r="B16478" s="1" t="s">
        <v>56956</v>
      </c>
      <c r="C16478" s="1" t="s">
        <v>35719</v>
      </c>
      <c r="D16478" s="2">
        <v>169306</v>
      </c>
      <c r="E16478" s="1" t="s">
        <v>0</v>
      </c>
    </row>
    <row r="16479" spans="1:5" x14ac:dyDescent="0.25">
      <c r="A16479" s="1" t="s">
        <v>35720</v>
      </c>
      <c r="B16479" s="1" t="s">
        <v>62665</v>
      </c>
      <c r="C16479" s="1" t="s">
        <v>35721</v>
      </c>
      <c r="D16479" s="2">
        <v>169307</v>
      </c>
      <c r="E16479" s="1" t="s">
        <v>0</v>
      </c>
    </row>
    <row r="16480" spans="1:5" ht="409.5" x14ac:dyDescent="0.25">
      <c r="A16480" s="4" t="s">
        <v>35722</v>
      </c>
      <c r="B16480" s="1" t="s">
        <v>62666</v>
      </c>
      <c r="C16480" s="1" t="s">
        <v>35723</v>
      </c>
      <c r="D16480" s="2">
        <v>169308</v>
      </c>
      <c r="E16480" s="1" t="s">
        <v>0</v>
      </c>
    </row>
    <row r="16481" spans="1:5" x14ac:dyDescent="0.25">
      <c r="A16481" s="1" t="s">
        <v>35724</v>
      </c>
      <c r="B16481" s="1" t="s">
        <v>54646</v>
      </c>
      <c r="C16481" s="1" t="s">
        <v>35725</v>
      </c>
      <c r="D16481" s="2">
        <v>169309</v>
      </c>
      <c r="E16481" s="1" t="s">
        <v>0</v>
      </c>
    </row>
    <row r="16482" spans="1:5" x14ac:dyDescent="0.25">
      <c r="A16482" s="2">
        <v>3296</v>
      </c>
      <c r="B16482" s="2">
        <v>3296</v>
      </c>
      <c r="C16482" s="1" t="s">
        <v>0</v>
      </c>
      <c r="D16482" s="2">
        <v>169310</v>
      </c>
      <c r="E16482" s="1" t="s">
        <v>0</v>
      </c>
    </row>
    <row r="16483" spans="1:5" x14ac:dyDescent="0.25">
      <c r="A16483" s="1" t="s">
        <v>3004</v>
      </c>
      <c r="B16483" s="1" t="s">
        <v>9752</v>
      </c>
      <c r="C16483" s="1" t="s">
        <v>35726</v>
      </c>
      <c r="D16483" s="2">
        <v>169311</v>
      </c>
      <c r="E16483" s="1" t="s">
        <v>0</v>
      </c>
    </row>
    <row r="16484" spans="1:5" x14ac:dyDescent="0.25">
      <c r="A16484" s="1" t="s">
        <v>35727</v>
      </c>
      <c r="B16484" s="1" t="s">
        <v>9753</v>
      </c>
      <c r="C16484" s="1" t="s">
        <v>35728</v>
      </c>
      <c r="D16484" s="2">
        <v>169312</v>
      </c>
      <c r="E16484" s="1" t="s">
        <v>0</v>
      </c>
    </row>
    <row r="16485" spans="1:5" ht="409.5" x14ac:dyDescent="0.25">
      <c r="A16485" s="4" t="s">
        <v>35729</v>
      </c>
      <c r="B16485" s="1" t="s">
        <v>61512</v>
      </c>
      <c r="C16485" s="1" t="s">
        <v>35730</v>
      </c>
      <c r="D16485" s="2">
        <v>169313</v>
      </c>
      <c r="E16485" s="1" t="s">
        <v>0</v>
      </c>
    </row>
    <row r="16486" spans="1:5" x14ac:dyDescent="0.25">
      <c r="A16486" s="1" t="s">
        <v>35731</v>
      </c>
      <c r="B16486" s="1" t="s">
        <v>54647</v>
      </c>
      <c r="C16486" s="1" t="s">
        <v>35732</v>
      </c>
      <c r="D16486" s="2">
        <v>169314</v>
      </c>
      <c r="E16486" s="1" t="s">
        <v>0</v>
      </c>
    </row>
    <row r="16487" spans="1:5" x14ac:dyDescent="0.25">
      <c r="A16487" s="2">
        <v>3297</v>
      </c>
      <c r="B16487" s="2">
        <v>3297</v>
      </c>
      <c r="C16487" s="1" t="s">
        <v>0</v>
      </c>
      <c r="D16487" s="2">
        <v>169315</v>
      </c>
      <c r="E16487" s="1" t="s">
        <v>0</v>
      </c>
    </row>
    <row r="16488" spans="1:5" x14ac:dyDescent="0.25">
      <c r="A16488" s="1" t="s">
        <v>3005</v>
      </c>
      <c r="B16488" s="1" t="s">
        <v>9754</v>
      </c>
      <c r="C16488" s="1" t="s">
        <v>35733</v>
      </c>
      <c r="D16488" s="2">
        <v>169316</v>
      </c>
      <c r="E16488" s="1" t="s">
        <v>0</v>
      </c>
    </row>
    <row r="16489" spans="1:5" x14ac:dyDescent="0.25">
      <c r="A16489" s="1" t="s">
        <v>35734</v>
      </c>
      <c r="B16489" s="1" t="s">
        <v>50864</v>
      </c>
      <c r="C16489" s="1" t="s">
        <v>35735</v>
      </c>
      <c r="D16489" s="2">
        <v>169317</v>
      </c>
      <c r="E16489" s="1" t="s">
        <v>0</v>
      </c>
    </row>
    <row r="16490" spans="1:5" ht="409.5" x14ac:dyDescent="0.25">
      <c r="A16490" s="4" t="s">
        <v>35736</v>
      </c>
      <c r="B16490" s="1" t="s">
        <v>57045</v>
      </c>
      <c r="C16490" s="1" t="s">
        <v>35737</v>
      </c>
      <c r="D16490" s="2">
        <v>169318</v>
      </c>
      <c r="E16490" s="1" t="s">
        <v>0</v>
      </c>
    </row>
    <row r="16491" spans="1:5" x14ac:dyDescent="0.25">
      <c r="A16491" s="1" t="s">
        <v>35738</v>
      </c>
      <c r="B16491" s="1" t="s">
        <v>54648</v>
      </c>
      <c r="C16491" s="1" t="s">
        <v>35739</v>
      </c>
      <c r="D16491" s="2">
        <v>169319</v>
      </c>
      <c r="E16491" s="1" t="s">
        <v>0</v>
      </c>
    </row>
    <row r="16492" spans="1:5" x14ac:dyDescent="0.25">
      <c r="A16492" s="2">
        <v>3298</v>
      </c>
      <c r="B16492" s="2">
        <v>3298</v>
      </c>
      <c r="C16492" s="1" t="s">
        <v>0</v>
      </c>
      <c r="D16492" s="2">
        <v>169320</v>
      </c>
      <c r="E16492" s="1" t="s">
        <v>0</v>
      </c>
    </row>
    <row r="16493" spans="1:5" x14ac:dyDescent="0.25">
      <c r="A16493" s="1" t="s">
        <v>3006</v>
      </c>
      <c r="B16493" s="1" t="s">
        <v>9755</v>
      </c>
      <c r="C16493" s="1" t="s">
        <v>35740</v>
      </c>
      <c r="D16493" s="2">
        <v>169321</v>
      </c>
      <c r="E16493" s="1" t="s">
        <v>0</v>
      </c>
    </row>
    <row r="16494" spans="1:5" x14ac:dyDescent="0.25">
      <c r="A16494" s="1" t="s">
        <v>35741</v>
      </c>
      <c r="B16494" s="1" t="s">
        <v>9756</v>
      </c>
      <c r="C16494" s="1" t="s">
        <v>35742</v>
      </c>
      <c r="D16494" s="2">
        <v>169322</v>
      </c>
      <c r="E16494" s="1" t="s">
        <v>0</v>
      </c>
    </row>
    <row r="16495" spans="1:5" ht="409.5" x14ac:dyDescent="0.25">
      <c r="A16495" s="4" t="s">
        <v>35743</v>
      </c>
      <c r="B16495" s="1" t="s">
        <v>58461</v>
      </c>
      <c r="C16495" s="1" t="s">
        <v>35744</v>
      </c>
      <c r="D16495" s="2">
        <v>169323</v>
      </c>
      <c r="E16495" s="1" t="s">
        <v>0</v>
      </c>
    </row>
    <row r="16496" spans="1:5" x14ac:dyDescent="0.25">
      <c r="A16496" s="1" t="s">
        <v>35745</v>
      </c>
      <c r="B16496" s="1" t="s">
        <v>9757</v>
      </c>
      <c r="C16496" s="1" t="s">
        <v>35746</v>
      </c>
      <c r="D16496" s="2">
        <v>169324</v>
      </c>
      <c r="E16496" s="1" t="s">
        <v>0</v>
      </c>
    </row>
    <row r="16497" spans="1:5" x14ac:dyDescent="0.25">
      <c r="A16497" s="2">
        <v>3299</v>
      </c>
      <c r="B16497" s="2">
        <v>3299</v>
      </c>
      <c r="C16497" s="1" t="s">
        <v>0</v>
      </c>
      <c r="D16497" s="2">
        <v>169325</v>
      </c>
      <c r="E16497" s="1" t="s">
        <v>0</v>
      </c>
    </row>
    <row r="16498" spans="1:5" x14ac:dyDescent="0.25">
      <c r="A16498" s="1" t="s">
        <v>3007</v>
      </c>
      <c r="B16498" s="1" t="s">
        <v>9758</v>
      </c>
      <c r="C16498" s="1" t="s">
        <v>35747</v>
      </c>
      <c r="D16498" s="2">
        <v>169326</v>
      </c>
      <c r="E16498" s="1" t="s">
        <v>0</v>
      </c>
    </row>
    <row r="16499" spans="1:5" x14ac:dyDescent="0.25">
      <c r="A16499" s="1" t="s">
        <v>35748</v>
      </c>
      <c r="B16499" s="1" t="s">
        <v>62667</v>
      </c>
      <c r="C16499" s="1" t="s">
        <v>35749</v>
      </c>
      <c r="D16499" s="2">
        <v>169327</v>
      </c>
      <c r="E16499" s="1" t="s">
        <v>0</v>
      </c>
    </row>
    <row r="16500" spans="1:5" ht="409.5" x14ac:dyDescent="0.25">
      <c r="A16500" s="4" t="s">
        <v>35750</v>
      </c>
      <c r="B16500" s="1" t="s">
        <v>62668</v>
      </c>
      <c r="C16500" s="1" t="s">
        <v>35751</v>
      </c>
      <c r="D16500" s="2">
        <v>169328</v>
      </c>
      <c r="E16500" s="1" t="s">
        <v>0</v>
      </c>
    </row>
    <row r="16501" spans="1:5" x14ac:dyDescent="0.25">
      <c r="A16501" s="1" t="s">
        <v>35752</v>
      </c>
      <c r="B16501" s="1" t="s">
        <v>58462</v>
      </c>
      <c r="C16501" s="1" t="s">
        <v>35753</v>
      </c>
      <c r="D16501" s="2">
        <v>169329</v>
      </c>
      <c r="E16501" s="1" t="s">
        <v>0</v>
      </c>
    </row>
    <row r="16502" spans="1:5" x14ac:dyDescent="0.25">
      <c r="A16502" s="2">
        <v>3300</v>
      </c>
      <c r="B16502" s="2">
        <v>3300</v>
      </c>
      <c r="C16502" s="1" t="s">
        <v>0</v>
      </c>
      <c r="D16502" s="2">
        <v>169330</v>
      </c>
      <c r="E16502" s="1" t="s">
        <v>0</v>
      </c>
    </row>
    <row r="16503" spans="1:5" x14ac:dyDescent="0.25">
      <c r="A16503" s="1" t="s">
        <v>3008</v>
      </c>
      <c r="B16503" s="1" t="s">
        <v>9759</v>
      </c>
      <c r="C16503" s="1" t="s">
        <v>35754</v>
      </c>
      <c r="D16503" s="2">
        <v>169331</v>
      </c>
      <c r="E16503" s="1" t="s">
        <v>0</v>
      </c>
    </row>
    <row r="16504" spans="1:5" x14ac:dyDescent="0.25">
      <c r="A16504" s="1" t="s">
        <v>35755</v>
      </c>
      <c r="B16504" s="1" t="s">
        <v>63426</v>
      </c>
      <c r="C16504" s="1" t="s">
        <v>35756</v>
      </c>
      <c r="D16504" s="2">
        <v>169332</v>
      </c>
      <c r="E16504" s="1" t="s">
        <v>0</v>
      </c>
    </row>
    <row r="16505" spans="1:5" ht="409.5" x14ac:dyDescent="0.25">
      <c r="A16505" s="4" t="s">
        <v>61841</v>
      </c>
      <c r="B16505" s="1" t="s">
        <v>63427</v>
      </c>
      <c r="C16505" s="1" t="s">
        <v>35757</v>
      </c>
      <c r="D16505" s="2">
        <v>169333</v>
      </c>
      <c r="E16505" s="1" t="s">
        <v>0</v>
      </c>
    </row>
    <row r="16506" spans="1:5" x14ac:dyDescent="0.25">
      <c r="A16506" s="1" t="s">
        <v>35758</v>
      </c>
      <c r="B16506" s="1" t="s">
        <v>54649</v>
      </c>
      <c r="C16506" s="1" t="s">
        <v>35759</v>
      </c>
      <c r="D16506" s="2">
        <v>169334</v>
      </c>
      <c r="E16506" s="1" t="s">
        <v>0</v>
      </c>
    </row>
    <row r="16507" spans="1:5" x14ac:dyDescent="0.25">
      <c r="A16507" s="2">
        <v>3301</v>
      </c>
      <c r="B16507" s="2">
        <v>3301</v>
      </c>
      <c r="C16507" s="1" t="s">
        <v>0</v>
      </c>
      <c r="D16507" s="2">
        <v>169335</v>
      </c>
      <c r="E16507" s="1" t="s">
        <v>0</v>
      </c>
    </row>
    <row r="16508" spans="1:5" x14ac:dyDescent="0.25">
      <c r="A16508" s="1" t="s">
        <v>3009</v>
      </c>
      <c r="B16508" s="1" t="s">
        <v>9760</v>
      </c>
      <c r="C16508" s="1" t="s">
        <v>35760</v>
      </c>
      <c r="D16508" s="2">
        <v>169336</v>
      </c>
      <c r="E16508" s="1" t="s">
        <v>0</v>
      </c>
    </row>
    <row r="16509" spans="1:5" x14ac:dyDescent="0.25">
      <c r="A16509" s="1" t="s">
        <v>35761</v>
      </c>
      <c r="B16509" s="1" t="s">
        <v>9761</v>
      </c>
      <c r="C16509" s="1" t="s">
        <v>35762</v>
      </c>
      <c r="D16509" s="2">
        <v>169337</v>
      </c>
      <c r="E16509" s="1" t="s">
        <v>0</v>
      </c>
    </row>
    <row r="16510" spans="1:5" ht="409.5" x14ac:dyDescent="0.25">
      <c r="A16510" s="4" t="s">
        <v>35763</v>
      </c>
      <c r="B16510" s="1" t="s">
        <v>57574</v>
      </c>
      <c r="C16510" s="1" t="s">
        <v>35764</v>
      </c>
      <c r="D16510" s="2">
        <v>169338</v>
      </c>
      <c r="E16510" s="1" t="s">
        <v>0</v>
      </c>
    </row>
    <row r="16511" spans="1:5" x14ac:dyDescent="0.25">
      <c r="A16511" s="1" t="s">
        <v>35765</v>
      </c>
      <c r="B16511" s="1" t="s">
        <v>9762</v>
      </c>
      <c r="C16511" s="1" t="s">
        <v>35766</v>
      </c>
      <c r="D16511" s="2">
        <v>169339</v>
      </c>
      <c r="E16511" s="1" t="s">
        <v>0</v>
      </c>
    </row>
    <row r="16512" spans="1:5" x14ac:dyDescent="0.25">
      <c r="A16512" s="2">
        <v>3302</v>
      </c>
      <c r="B16512" s="2">
        <v>3302</v>
      </c>
      <c r="C16512" s="1" t="s">
        <v>0</v>
      </c>
      <c r="D16512" s="2">
        <v>169340</v>
      </c>
      <c r="E16512" s="1" t="s">
        <v>0</v>
      </c>
    </row>
    <row r="16513" spans="1:5" x14ac:dyDescent="0.25">
      <c r="A16513" s="1" t="s">
        <v>3010</v>
      </c>
      <c r="B16513" s="1" t="s">
        <v>9763</v>
      </c>
      <c r="C16513" s="1" t="s">
        <v>35767</v>
      </c>
      <c r="D16513" s="2">
        <v>169341</v>
      </c>
      <c r="E16513" s="1" t="s">
        <v>0</v>
      </c>
    </row>
    <row r="16514" spans="1:5" x14ac:dyDescent="0.25">
      <c r="A16514" s="1" t="s">
        <v>35768</v>
      </c>
      <c r="B16514" s="1" t="s">
        <v>59043</v>
      </c>
      <c r="C16514" s="1" t="s">
        <v>35769</v>
      </c>
      <c r="D16514" s="2">
        <v>169342</v>
      </c>
      <c r="E16514" s="1" t="s">
        <v>0</v>
      </c>
    </row>
    <row r="16515" spans="1:5" ht="409.5" x14ac:dyDescent="0.25">
      <c r="A16515" s="4" t="s">
        <v>35770</v>
      </c>
      <c r="B16515" s="1" t="s">
        <v>59044</v>
      </c>
      <c r="C16515" s="1" t="s">
        <v>35771</v>
      </c>
      <c r="D16515" s="2">
        <v>169343</v>
      </c>
      <c r="E16515" s="1" t="s">
        <v>0</v>
      </c>
    </row>
    <row r="16516" spans="1:5" x14ac:dyDescent="0.25">
      <c r="A16516" s="1" t="s">
        <v>35772</v>
      </c>
      <c r="B16516" s="1" t="s">
        <v>9764</v>
      </c>
      <c r="C16516" s="1" t="s">
        <v>35773</v>
      </c>
      <c r="D16516" s="2">
        <v>169344</v>
      </c>
      <c r="E16516" s="1" t="s">
        <v>0</v>
      </c>
    </row>
    <row r="16517" spans="1:5" x14ac:dyDescent="0.25">
      <c r="A16517" s="2">
        <v>3303</v>
      </c>
      <c r="B16517" s="2">
        <v>3303</v>
      </c>
      <c r="C16517" s="1" t="s">
        <v>0</v>
      </c>
      <c r="D16517" s="2">
        <v>169345</v>
      </c>
      <c r="E16517" s="1" t="s">
        <v>0</v>
      </c>
    </row>
    <row r="16518" spans="1:5" x14ac:dyDescent="0.25">
      <c r="A16518" s="1" t="s">
        <v>3011</v>
      </c>
      <c r="B16518" s="1" t="s">
        <v>9765</v>
      </c>
      <c r="C16518" s="1" t="s">
        <v>35774</v>
      </c>
      <c r="D16518" s="2">
        <v>169346</v>
      </c>
      <c r="E16518" s="1" t="s">
        <v>0</v>
      </c>
    </row>
    <row r="16519" spans="1:5" x14ac:dyDescent="0.25">
      <c r="A16519" s="1" t="s">
        <v>35775</v>
      </c>
      <c r="B16519" s="1" t="s">
        <v>54650</v>
      </c>
      <c r="C16519" s="1" t="s">
        <v>35776</v>
      </c>
      <c r="D16519" s="2">
        <v>169347</v>
      </c>
      <c r="E16519" s="1" t="s">
        <v>0</v>
      </c>
    </row>
    <row r="16520" spans="1:5" ht="409.5" x14ac:dyDescent="0.25">
      <c r="A16520" s="4" t="s">
        <v>35777</v>
      </c>
      <c r="B16520" s="1" t="s">
        <v>54651</v>
      </c>
      <c r="C16520" s="1" t="s">
        <v>35778</v>
      </c>
      <c r="D16520" s="2">
        <v>169348</v>
      </c>
      <c r="E16520" s="1" t="s">
        <v>0</v>
      </c>
    </row>
    <row r="16521" spans="1:5" x14ac:dyDescent="0.25">
      <c r="A16521" s="1" t="s">
        <v>35779</v>
      </c>
      <c r="B16521" s="1" t="s">
        <v>61221</v>
      </c>
      <c r="C16521" s="1" t="s">
        <v>35780</v>
      </c>
      <c r="D16521" s="2">
        <v>169349</v>
      </c>
      <c r="E16521" s="1" t="s">
        <v>0</v>
      </c>
    </row>
    <row r="16522" spans="1:5" x14ac:dyDescent="0.25">
      <c r="A16522" s="2">
        <v>3304</v>
      </c>
      <c r="B16522" s="2">
        <v>3304</v>
      </c>
      <c r="C16522" s="1" t="s">
        <v>0</v>
      </c>
      <c r="D16522" s="2">
        <v>169350</v>
      </c>
      <c r="E16522" s="1" t="s">
        <v>0</v>
      </c>
    </row>
    <row r="16523" spans="1:5" x14ac:dyDescent="0.25">
      <c r="A16523" s="1" t="s">
        <v>9766</v>
      </c>
      <c r="B16523" s="1" t="s">
        <v>9767</v>
      </c>
      <c r="C16523" s="1" t="s">
        <v>35781</v>
      </c>
      <c r="D16523" s="2">
        <v>169351</v>
      </c>
      <c r="E16523" s="1" t="s">
        <v>0</v>
      </c>
    </row>
    <row r="16524" spans="1:5" x14ac:dyDescent="0.25">
      <c r="A16524" s="1" t="s">
        <v>35782</v>
      </c>
      <c r="B16524" s="1" t="s">
        <v>54652</v>
      </c>
      <c r="C16524" s="1" t="s">
        <v>35783</v>
      </c>
      <c r="D16524" s="2">
        <v>169352</v>
      </c>
      <c r="E16524" s="1" t="s">
        <v>0</v>
      </c>
    </row>
    <row r="16525" spans="1:5" ht="409.5" x14ac:dyDescent="0.25">
      <c r="A16525" s="4" t="s">
        <v>35784</v>
      </c>
      <c r="B16525" s="1" t="s">
        <v>54653</v>
      </c>
      <c r="C16525" s="1" t="s">
        <v>35785</v>
      </c>
      <c r="D16525" s="2">
        <v>169353</v>
      </c>
      <c r="E16525" s="1" t="s">
        <v>0</v>
      </c>
    </row>
    <row r="16526" spans="1:5" x14ac:dyDescent="0.25">
      <c r="A16526" s="1" t="s">
        <v>35786</v>
      </c>
      <c r="B16526" s="1" t="s">
        <v>54654</v>
      </c>
      <c r="C16526" s="1" t="s">
        <v>35787</v>
      </c>
      <c r="D16526" s="2">
        <v>169354</v>
      </c>
      <c r="E16526" s="1" t="s">
        <v>0</v>
      </c>
    </row>
    <row r="16527" spans="1:5" x14ac:dyDescent="0.25">
      <c r="A16527" s="2">
        <v>3305</v>
      </c>
      <c r="B16527" s="2">
        <v>3305</v>
      </c>
      <c r="C16527" s="1" t="s">
        <v>0</v>
      </c>
      <c r="D16527" s="2">
        <v>169355</v>
      </c>
      <c r="E16527" s="1" t="s">
        <v>0</v>
      </c>
    </row>
    <row r="16528" spans="1:5" x14ac:dyDescent="0.25">
      <c r="A16528" s="1" t="s">
        <v>3012</v>
      </c>
      <c r="B16528" s="1" t="s">
        <v>9768</v>
      </c>
      <c r="C16528" s="1" t="s">
        <v>35788</v>
      </c>
      <c r="D16528" s="2">
        <v>169356</v>
      </c>
      <c r="E16528" s="1" t="s">
        <v>0</v>
      </c>
    </row>
    <row r="16529" spans="1:5" x14ac:dyDescent="0.25">
      <c r="A16529" s="1" t="s">
        <v>35789</v>
      </c>
      <c r="B16529" s="1" t="s">
        <v>54655</v>
      </c>
      <c r="C16529" s="1" t="s">
        <v>35790</v>
      </c>
      <c r="D16529" s="2">
        <v>169357</v>
      </c>
      <c r="E16529" s="1" t="s">
        <v>0</v>
      </c>
    </row>
    <row r="16530" spans="1:5" ht="409.5" x14ac:dyDescent="0.25">
      <c r="A16530" s="4" t="s">
        <v>35791</v>
      </c>
      <c r="B16530" s="1" t="s">
        <v>54656</v>
      </c>
      <c r="C16530" s="1" t="s">
        <v>35792</v>
      </c>
      <c r="D16530" s="2">
        <v>169358</v>
      </c>
      <c r="E16530" s="1" t="s">
        <v>0</v>
      </c>
    </row>
    <row r="16531" spans="1:5" x14ac:dyDescent="0.25">
      <c r="A16531" s="1" t="s">
        <v>35793</v>
      </c>
      <c r="B16531" s="1" t="s">
        <v>50865</v>
      </c>
      <c r="C16531" s="1" t="s">
        <v>35794</v>
      </c>
      <c r="D16531" s="2">
        <v>169359</v>
      </c>
      <c r="E16531" s="1" t="s">
        <v>0</v>
      </c>
    </row>
    <row r="16532" spans="1:5" x14ac:dyDescent="0.25">
      <c r="A16532" s="2">
        <v>3306</v>
      </c>
      <c r="B16532" s="2">
        <v>3306</v>
      </c>
      <c r="C16532" s="1" t="s">
        <v>0</v>
      </c>
      <c r="D16532" s="2">
        <v>169360</v>
      </c>
      <c r="E16532" s="1" t="s">
        <v>0</v>
      </c>
    </row>
    <row r="16533" spans="1:5" x14ac:dyDescent="0.25">
      <c r="A16533" s="1" t="s">
        <v>3013</v>
      </c>
      <c r="B16533" s="1" t="s">
        <v>9769</v>
      </c>
      <c r="C16533" s="1" t="s">
        <v>35795</v>
      </c>
      <c r="D16533" s="2">
        <v>169361</v>
      </c>
      <c r="E16533" s="1" t="s">
        <v>0</v>
      </c>
    </row>
    <row r="16534" spans="1:5" x14ac:dyDescent="0.25">
      <c r="A16534" s="1" t="s">
        <v>35796</v>
      </c>
      <c r="B16534" s="1" t="s">
        <v>62669</v>
      </c>
      <c r="C16534" s="1" t="s">
        <v>35797</v>
      </c>
      <c r="D16534" s="2">
        <v>169362</v>
      </c>
      <c r="E16534" s="1" t="s">
        <v>0</v>
      </c>
    </row>
    <row r="16535" spans="1:5" ht="409.5" x14ac:dyDescent="0.25">
      <c r="A16535" s="4" t="s">
        <v>35798</v>
      </c>
      <c r="B16535" s="1" t="s">
        <v>62670</v>
      </c>
      <c r="C16535" s="1" t="s">
        <v>35799</v>
      </c>
      <c r="D16535" s="2">
        <v>169363</v>
      </c>
      <c r="E16535" s="1" t="s">
        <v>0</v>
      </c>
    </row>
    <row r="16536" spans="1:5" x14ac:dyDescent="0.25">
      <c r="A16536" s="1" t="s">
        <v>35800</v>
      </c>
      <c r="B16536" s="1" t="s">
        <v>57265</v>
      </c>
      <c r="C16536" s="1" t="s">
        <v>35801</v>
      </c>
      <c r="D16536" s="2">
        <v>169364</v>
      </c>
      <c r="E16536" s="1" t="s">
        <v>0</v>
      </c>
    </row>
    <row r="16537" spans="1:5" x14ac:dyDescent="0.25">
      <c r="A16537" s="2">
        <v>3307</v>
      </c>
      <c r="B16537" s="2">
        <v>3307</v>
      </c>
      <c r="C16537" s="1" t="s">
        <v>0</v>
      </c>
      <c r="D16537" s="2">
        <v>169365</v>
      </c>
      <c r="E16537" s="1" t="s">
        <v>0</v>
      </c>
    </row>
    <row r="16538" spans="1:5" x14ac:dyDescent="0.25">
      <c r="A16538" s="1" t="s">
        <v>3014</v>
      </c>
      <c r="B16538" s="1" t="s">
        <v>60116</v>
      </c>
      <c r="C16538" s="1" t="s">
        <v>35802</v>
      </c>
      <c r="D16538" s="2">
        <v>169366</v>
      </c>
      <c r="E16538" s="1" t="s">
        <v>0</v>
      </c>
    </row>
    <row r="16539" spans="1:5" x14ac:dyDescent="0.25">
      <c r="A16539" s="1" t="s">
        <v>35803</v>
      </c>
      <c r="B16539" s="1" t="s">
        <v>60117</v>
      </c>
      <c r="C16539" s="1" t="s">
        <v>35804</v>
      </c>
      <c r="D16539" s="2">
        <v>169367</v>
      </c>
      <c r="E16539" s="1" t="s">
        <v>0</v>
      </c>
    </row>
    <row r="16540" spans="1:5" ht="409.5" x14ac:dyDescent="0.25">
      <c r="A16540" s="4" t="s">
        <v>35805</v>
      </c>
      <c r="B16540" s="1" t="s">
        <v>60118</v>
      </c>
      <c r="C16540" s="1" t="s">
        <v>35806</v>
      </c>
      <c r="D16540" s="2">
        <v>169368</v>
      </c>
      <c r="E16540" s="1" t="s">
        <v>0</v>
      </c>
    </row>
    <row r="16541" spans="1:5" x14ac:dyDescent="0.25">
      <c r="A16541" s="1" t="s">
        <v>35807</v>
      </c>
      <c r="B16541" s="1" t="s">
        <v>54657</v>
      </c>
      <c r="C16541" s="1" t="s">
        <v>35808</v>
      </c>
      <c r="D16541" s="2">
        <v>169369</v>
      </c>
      <c r="E16541" s="1" t="s">
        <v>0</v>
      </c>
    </row>
    <row r="16542" spans="1:5" x14ac:dyDescent="0.25">
      <c r="A16542" s="2">
        <v>3308</v>
      </c>
      <c r="B16542" s="2">
        <v>3308</v>
      </c>
      <c r="C16542" s="1" t="s">
        <v>0</v>
      </c>
      <c r="D16542" s="2">
        <v>169370</v>
      </c>
      <c r="E16542" s="1" t="s">
        <v>0</v>
      </c>
    </row>
    <row r="16543" spans="1:5" x14ac:dyDescent="0.25">
      <c r="A16543" s="1" t="s">
        <v>3015</v>
      </c>
      <c r="B16543" s="1" t="s">
        <v>9770</v>
      </c>
      <c r="C16543" s="1" t="s">
        <v>35809</v>
      </c>
      <c r="D16543" s="2">
        <v>169371</v>
      </c>
      <c r="E16543" s="1" t="s">
        <v>0</v>
      </c>
    </row>
    <row r="16544" spans="1:5" x14ac:dyDescent="0.25">
      <c r="A16544" s="1" t="s">
        <v>35810</v>
      </c>
      <c r="B16544" s="1" t="s">
        <v>50866</v>
      </c>
      <c r="C16544" s="1" t="s">
        <v>35811</v>
      </c>
      <c r="D16544" s="2">
        <v>169372</v>
      </c>
      <c r="E16544" s="1" t="s">
        <v>0</v>
      </c>
    </row>
    <row r="16545" spans="1:5" ht="409.5" x14ac:dyDescent="0.25">
      <c r="A16545" s="4" t="s">
        <v>35812</v>
      </c>
      <c r="B16545" s="1" t="s">
        <v>50867</v>
      </c>
      <c r="C16545" s="1" t="s">
        <v>35813</v>
      </c>
      <c r="D16545" s="2">
        <v>169373</v>
      </c>
      <c r="E16545" s="1" t="s">
        <v>0</v>
      </c>
    </row>
    <row r="16546" spans="1:5" x14ac:dyDescent="0.25">
      <c r="A16546" s="1" t="s">
        <v>35814</v>
      </c>
      <c r="B16546" s="1" t="s">
        <v>9771</v>
      </c>
      <c r="C16546" s="1" t="s">
        <v>35815</v>
      </c>
      <c r="D16546" s="2">
        <v>169374</v>
      </c>
      <c r="E16546" s="1" t="s">
        <v>0</v>
      </c>
    </row>
    <row r="16547" spans="1:5" x14ac:dyDescent="0.25">
      <c r="A16547" s="2">
        <v>3309</v>
      </c>
      <c r="B16547" s="2">
        <v>3309</v>
      </c>
      <c r="C16547" s="1" t="s">
        <v>0</v>
      </c>
      <c r="D16547" s="2">
        <v>169375</v>
      </c>
      <c r="E16547" s="1" t="s">
        <v>0</v>
      </c>
    </row>
    <row r="16548" spans="1:5" x14ac:dyDescent="0.25">
      <c r="A16548" s="1" t="s">
        <v>3016</v>
      </c>
      <c r="B16548" s="1" t="s">
        <v>9772</v>
      </c>
      <c r="C16548" s="1" t="s">
        <v>35816</v>
      </c>
      <c r="D16548" s="2">
        <v>169376</v>
      </c>
      <c r="E16548" s="1" t="s">
        <v>0</v>
      </c>
    </row>
    <row r="16549" spans="1:5" x14ac:dyDescent="0.25">
      <c r="A16549" s="1" t="s">
        <v>35817</v>
      </c>
      <c r="B16549" s="1" t="s">
        <v>9773</v>
      </c>
      <c r="C16549" s="1" t="s">
        <v>35818</v>
      </c>
      <c r="D16549" s="2">
        <v>169377</v>
      </c>
      <c r="E16549" s="1" t="s">
        <v>0</v>
      </c>
    </row>
    <row r="16550" spans="1:5" ht="409.5" x14ac:dyDescent="0.25">
      <c r="A16550" s="4" t="s">
        <v>64244</v>
      </c>
      <c r="B16550" s="1" t="s">
        <v>54658</v>
      </c>
      <c r="C16550" s="1" t="s">
        <v>35819</v>
      </c>
      <c r="D16550" s="2">
        <v>169378</v>
      </c>
      <c r="E16550" s="1" t="s">
        <v>0</v>
      </c>
    </row>
    <row r="16551" spans="1:5" x14ac:dyDescent="0.25">
      <c r="A16551" s="1" t="s">
        <v>35820</v>
      </c>
      <c r="B16551" s="1" t="s">
        <v>9774</v>
      </c>
      <c r="C16551" s="1" t="s">
        <v>35821</v>
      </c>
      <c r="D16551" s="2">
        <v>169379</v>
      </c>
      <c r="E16551" s="1" t="s">
        <v>0</v>
      </c>
    </row>
    <row r="16552" spans="1:5" x14ac:dyDescent="0.25">
      <c r="A16552" s="2">
        <v>3310</v>
      </c>
      <c r="B16552" s="2">
        <v>3310</v>
      </c>
      <c r="C16552" s="1" t="s">
        <v>0</v>
      </c>
      <c r="D16552" s="2">
        <v>169380</v>
      </c>
      <c r="E16552" s="1" t="s">
        <v>0</v>
      </c>
    </row>
    <row r="16553" spans="1:5" x14ac:dyDescent="0.25">
      <c r="A16553" s="1" t="s">
        <v>3017</v>
      </c>
      <c r="B16553" s="1" t="s">
        <v>54659</v>
      </c>
      <c r="C16553" s="1" t="s">
        <v>35822</v>
      </c>
      <c r="D16553" s="2">
        <v>169381</v>
      </c>
      <c r="E16553" s="1" t="s">
        <v>0</v>
      </c>
    </row>
    <row r="16554" spans="1:5" x14ac:dyDescent="0.25">
      <c r="A16554" s="1" t="s">
        <v>35823</v>
      </c>
      <c r="B16554" s="1" t="s">
        <v>9775</v>
      </c>
      <c r="C16554" s="1" t="s">
        <v>35824</v>
      </c>
      <c r="D16554" s="2">
        <v>169382</v>
      </c>
      <c r="E16554" s="1" t="s">
        <v>0</v>
      </c>
    </row>
    <row r="16555" spans="1:5" ht="409.5" x14ac:dyDescent="0.25">
      <c r="A16555" s="4" t="s">
        <v>35825</v>
      </c>
      <c r="B16555" s="1" t="s">
        <v>61513</v>
      </c>
      <c r="C16555" s="1" t="s">
        <v>35826</v>
      </c>
      <c r="D16555" s="2">
        <v>169383</v>
      </c>
      <c r="E16555" s="1" t="s">
        <v>0</v>
      </c>
    </row>
    <row r="16556" spans="1:5" x14ac:dyDescent="0.25">
      <c r="A16556" s="1" t="s">
        <v>35827</v>
      </c>
      <c r="B16556" s="1" t="s">
        <v>54660</v>
      </c>
      <c r="C16556" s="1" t="s">
        <v>35828</v>
      </c>
      <c r="D16556" s="2">
        <v>169384</v>
      </c>
      <c r="E16556" s="1" t="s">
        <v>0</v>
      </c>
    </row>
    <row r="16557" spans="1:5" x14ac:dyDescent="0.25">
      <c r="A16557" s="2">
        <v>3311</v>
      </c>
      <c r="B16557" s="2">
        <v>3311</v>
      </c>
      <c r="C16557" s="1" t="s">
        <v>0</v>
      </c>
      <c r="D16557" s="2">
        <v>169385</v>
      </c>
      <c r="E16557" s="1" t="s">
        <v>0</v>
      </c>
    </row>
    <row r="16558" spans="1:5" x14ac:dyDescent="0.25">
      <c r="A16558" s="1" t="s">
        <v>9776</v>
      </c>
      <c r="B16558" s="1" t="s">
        <v>9777</v>
      </c>
      <c r="C16558" s="1" t="s">
        <v>35829</v>
      </c>
      <c r="D16558" s="2">
        <v>169386</v>
      </c>
      <c r="E16558" s="1" t="s">
        <v>0</v>
      </c>
    </row>
    <row r="16559" spans="1:5" x14ac:dyDescent="0.25">
      <c r="A16559" s="1" t="s">
        <v>35830</v>
      </c>
      <c r="B16559" s="1" t="s">
        <v>50868</v>
      </c>
      <c r="C16559" s="1" t="s">
        <v>35831</v>
      </c>
      <c r="D16559" s="2">
        <v>169387</v>
      </c>
      <c r="E16559" s="1" t="s">
        <v>0</v>
      </c>
    </row>
    <row r="16560" spans="1:5" ht="409.5" x14ac:dyDescent="0.25">
      <c r="A16560" s="4" t="s">
        <v>35832</v>
      </c>
      <c r="B16560" s="1" t="s">
        <v>50869</v>
      </c>
      <c r="C16560" s="1" t="s">
        <v>35833</v>
      </c>
      <c r="D16560" s="2">
        <v>169388</v>
      </c>
      <c r="E16560" s="1" t="s">
        <v>0</v>
      </c>
    </row>
    <row r="16561" spans="1:5" x14ac:dyDescent="0.25">
      <c r="A16561" s="1" t="s">
        <v>35834</v>
      </c>
      <c r="B16561" s="1" t="s">
        <v>57266</v>
      </c>
      <c r="C16561" s="1" t="s">
        <v>35835</v>
      </c>
      <c r="D16561" s="2">
        <v>169389</v>
      </c>
      <c r="E16561" s="1" t="s">
        <v>0</v>
      </c>
    </row>
    <row r="16562" spans="1:5" x14ac:dyDescent="0.25">
      <c r="A16562" s="2">
        <v>3312</v>
      </c>
      <c r="B16562" s="2">
        <v>3312</v>
      </c>
      <c r="C16562" s="1" t="s">
        <v>0</v>
      </c>
      <c r="D16562" s="2">
        <v>169390</v>
      </c>
      <c r="E16562" s="1" t="s">
        <v>0</v>
      </c>
    </row>
    <row r="16563" spans="1:5" x14ac:dyDescent="0.25">
      <c r="A16563" s="1" t="s">
        <v>3018</v>
      </c>
      <c r="B16563" s="1" t="s">
        <v>57575</v>
      </c>
      <c r="C16563" s="1" t="s">
        <v>35836</v>
      </c>
      <c r="D16563" s="2">
        <v>169391</v>
      </c>
      <c r="E16563" s="1" t="s">
        <v>0</v>
      </c>
    </row>
    <row r="16564" spans="1:5" x14ac:dyDescent="0.25">
      <c r="A16564" s="1" t="s">
        <v>35837</v>
      </c>
      <c r="B16564" s="1" t="s">
        <v>62671</v>
      </c>
      <c r="C16564" s="1" t="s">
        <v>35838</v>
      </c>
      <c r="D16564" s="2">
        <v>169392</v>
      </c>
      <c r="E16564" s="1" t="s">
        <v>0</v>
      </c>
    </row>
    <row r="16565" spans="1:5" ht="409.5" x14ac:dyDescent="0.25">
      <c r="A16565" s="4" t="s">
        <v>61842</v>
      </c>
      <c r="B16565" s="1" t="s">
        <v>62672</v>
      </c>
      <c r="C16565" s="1" t="s">
        <v>35839</v>
      </c>
      <c r="D16565" s="2">
        <v>169393</v>
      </c>
      <c r="E16565" s="1" t="s">
        <v>0</v>
      </c>
    </row>
    <row r="16566" spans="1:5" x14ac:dyDescent="0.25">
      <c r="A16566" s="1" t="s">
        <v>35840</v>
      </c>
      <c r="B16566" s="1" t="s">
        <v>54661</v>
      </c>
      <c r="C16566" s="1" t="s">
        <v>35841</v>
      </c>
      <c r="D16566" s="2">
        <v>169394</v>
      </c>
      <c r="E16566" s="1" t="s">
        <v>0</v>
      </c>
    </row>
    <row r="16567" spans="1:5" x14ac:dyDescent="0.25">
      <c r="A16567" s="2">
        <v>3313</v>
      </c>
      <c r="B16567" s="2">
        <v>3313</v>
      </c>
      <c r="C16567" s="1" t="s">
        <v>0</v>
      </c>
      <c r="D16567" s="2">
        <v>169395</v>
      </c>
      <c r="E16567" s="1" t="s">
        <v>0</v>
      </c>
    </row>
    <row r="16568" spans="1:5" x14ac:dyDescent="0.25">
      <c r="A16568" s="1" t="s">
        <v>3019</v>
      </c>
      <c r="B16568" s="1" t="s">
        <v>9778</v>
      </c>
      <c r="C16568" s="1" t="s">
        <v>35842</v>
      </c>
      <c r="D16568" s="2">
        <v>169396</v>
      </c>
      <c r="E16568" s="1" t="s">
        <v>0</v>
      </c>
    </row>
    <row r="16569" spans="1:5" x14ac:dyDescent="0.25">
      <c r="A16569" s="1" t="s">
        <v>35843</v>
      </c>
      <c r="B16569" s="1" t="s">
        <v>9779</v>
      </c>
      <c r="C16569" s="1" t="s">
        <v>35844</v>
      </c>
      <c r="D16569" s="2">
        <v>169397</v>
      </c>
      <c r="E16569" s="1" t="s">
        <v>0</v>
      </c>
    </row>
    <row r="16570" spans="1:5" ht="409.5" x14ac:dyDescent="0.25">
      <c r="A16570" s="4" t="s">
        <v>35845</v>
      </c>
      <c r="B16570" s="1" t="s">
        <v>57905</v>
      </c>
      <c r="C16570" s="1" t="s">
        <v>35846</v>
      </c>
      <c r="D16570" s="2">
        <v>169398</v>
      </c>
      <c r="E16570" s="1" t="s">
        <v>0</v>
      </c>
    </row>
    <row r="16571" spans="1:5" x14ac:dyDescent="0.25">
      <c r="A16571" s="1" t="s">
        <v>35847</v>
      </c>
      <c r="B16571" s="1" t="s">
        <v>54662</v>
      </c>
      <c r="C16571" s="1" t="s">
        <v>35848</v>
      </c>
      <c r="D16571" s="2">
        <v>169399</v>
      </c>
      <c r="E16571" s="1" t="s">
        <v>0</v>
      </c>
    </row>
    <row r="16572" spans="1:5" x14ac:dyDescent="0.25">
      <c r="A16572" s="2">
        <v>3314</v>
      </c>
      <c r="B16572" s="2">
        <v>3314</v>
      </c>
      <c r="C16572" s="1" t="s">
        <v>0</v>
      </c>
      <c r="D16572" s="2">
        <v>169400</v>
      </c>
      <c r="E16572" s="1" t="s">
        <v>0</v>
      </c>
    </row>
    <row r="16573" spans="1:5" x14ac:dyDescent="0.25">
      <c r="A16573" s="1" t="s">
        <v>3020</v>
      </c>
      <c r="B16573" s="1" t="s">
        <v>9780</v>
      </c>
      <c r="C16573" s="1" t="s">
        <v>35849</v>
      </c>
      <c r="D16573" s="2">
        <v>169401</v>
      </c>
      <c r="E16573" s="1" t="s">
        <v>0</v>
      </c>
    </row>
    <row r="16574" spans="1:5" x14ac:dyDescent="0.25">
      <c r="A16574" s="1" t="s">
        <v>35850</v>
      </c>
      <c r="B16574" s="1" t="s">
        <v>61222</v>
      </c>
      <c r="C16574" s="1" t="s">
        <v>35851</v>
      </c>
      <c r="D16574" s="2">
        <v>169402</v>
      </c>
      <c r="E16574" s="1" t="s">
        <v>0</v>
      </c>
    </row>
    <row r="16575" spans="1:5" ht="409.5" x14ac:dyDescent="0.25">
      <c r="A16575" s="4" t="s">
        <v>35852</v>
      </c>
      <c r="B16575" s="1" t="s">
        <v>61223</v>
      </c>
      <c r="C16575" s="1" t="s">
        <v>35853</v>
      </c>
      <c r="D16575" s="2">
        <v>169403</v>
      </c>
      <c r="E16575" s="1" t="s">
        <v>0</v>
      </c>
    </row>
    <row r="16576" spans="1:5" x14ac:dyDescent="0.25">
      <c r="A16576" s="1" t="s">
        <v>35854</v>
      </c>
      <c r="B16576" s="1" t="s">
        <v>9781</v>
      </c>
      <c r="C16576" s="1" t="s">
        <v>35855</v>
      </c>
      <c r="D16576" s="2">
        <v>169404</v>
      </c>
      <c r="E16576" s="1" t="s">
        <v>0</v>
      </c>
    </row>
    <row r="16577" spans="1:5" x14ac:dyDescent="0.25">
      <c r="A16577" s="2">
        <v>3315</v>
      </c>
      <c r="B16577" s="2">
        <v>3315</v>
      </c>
      <c r="C16577" s="1" t="s">
        <v>0</v>
      </c>
      <c r="D16577" s="2">
        <v>169405</v>
      </c>
      <c r="E16577" s="1" t="s">
        <v>0</v>
      </c>
    </row>
    <row r="16578" spans="1:5" x14ac:dyDescent="0.25">
      <c r="A16578" s="1" t="s">
        <v>3021</v>
      </c>
      <c r="B16578" s="1" t="s">
        <v>9782</v>
      </c>
      <c r="C16578" s="1" t="s">
        <v>35856</v>
      </c>
      <c r="D16578" s="2">
        <v>169406</v>
      </c>
      <c r="E16578" s="1" t="s">
        <v>0</v>
      </c>
    </row>
    <row r="16579" spans="1:5" x14ac:dyDescent="0.25">
      <c r="A16579" s="1" t="s">
        <v>35857</v>
      </c>
      <c r="B16579" s="1" t="s">
        <v>54663</v>
      </c>
      <c r="C16579" s="1" t="s">
        <v>35858</v>
      </c>
      <c r="D16579" s="2">
        <v>169407</v>
      </c>
      <c r="E16579" s="1" t="s">
        <v>0</v>
      </c>
    </row>
    <row r="16580" spans="1:5" ht="409.5" x14ac:dyDescent="0.25">
      <c r="A16580" s="4" t="s">
        <v>35859</v>
      </c>
      <c r="B16580" s="1" t="s">
        <v>63428</v>
      </c>
      <c r="C16580" s="1" t="s">
        <v>35860</v>
      </c>
      <c r="D16580" s="2">
        <v>169408</v>
      </c>
      <c r="E16580" s="1" t="s">
        <v>0</v>
      </c>
    </row>
    <row r="16581" spans="1:5" x14ac:dyDescent="0.25">
      <c r="A16581" s="1" t="s">
        <v>35861</v>
      </c>
      <c r="B16581" s="1" t="s">
        <v>57267</v>
      </c>
      <c r="C16581" s="1" t="s">
        <v>35862</v>
      </c>
      <c r="D16581" s="2">
        <v>169409</v>
      </c>
      <c r="E16581" s="1" t="s">
        <v>0</v>
      </c>
    </row>
    <row r="16582" spans="1:5" x14ac:dyDescent="0.25">
      <c r="A16582" s="2">
        <v>3316</v>
      </c>
      <c r="B16582" s="2">
        <v>3316</v>
      </c>
      <c r="C16582" s="1" t="s">
        <v>0</v>
      </c>
      <c r="D16582" s="2">
        <v>169410</v>
      </c>
      <c r="E16582" s="1" t="s">
        <v>0</v>
      </c>
    </row>
    <row r="16583" spans="1:5" x14ac:dyDescent="0.25">
      <c r="A16583" s="1" t="s">
        <v>3022</v>
      </c>
      <c r="B16583" s="1" t="s">
        <v>9783</v>
      </c>
      <c r="C16583" s="1" t="s">
        <v>35863</v>
      </c>
      <c r="D16583" s="2">
        <v>169411</v>
      </c>
      <c r="E16583" s="1" t="s">
        <v>0</v>
      </c>
    </row>
    <row r="16584" spans="1:5" x14ac:dyDescent="0.25">
      <c r="A16584" s="1" t="s">
        <v>35864</v>
      </c>
      <c r="B16584" s="1" t="s">
        <v>54664</v>
      </c>
      <c r="C16584" s="1" t="s">
        <v>35865</v>
      </c>
      <c r="D16584" s="2">
        <v>169412</v>
      </c>
      <c r="E16584" s="1" t="s">
        <v>0</v>
      </c>
    </row>
    <row r="16585" spans="1:5" ht="409.5" x14ac:dyDescent="0.25">
      <c r="A16585" s="4" t="s">
        <v>35866</v>
      </c>
      <c r="B16585" s="1" t="s">
        <v>54665</v>
      </c>
      <c r="C16585" s="1" t="s">
        <v>35867</v>
      </c>
      <c r="D16585" s="2">
        <v>169413</v>
      </c>
      <c r="E16585" s="1" t="s">
        <v>0</v>
      </c>
    </row>
    <row r="16586" spans="1:5" x14ac:dyDescent="0.25">
      <c r="A16586" s="1" t="s">
        <v>14855</v>
      </c>
      <c r="B16586" s="1" t="s">
        <v>60879</v>
      </c>
      <c r="C16586" s="1" t="s">
        <v>14856</v>
      </c>
      <c r="D16586" s="2">
        <v>169414</v>
      </c>
      <c r="E16586" s="1" t="s">
        <v>0</v>
      </c>
    </row>
    <row r="16587" spans="1:5" x14ac:dyDescent="0.25">
      <c r="A16587" s="2">
        <v>3317</v>
      </c>
      <c r="B16587" s="2">
        <v>3317</v>
      </c>
      <c r="C16587" s="1" t="s">
        <v>0</v>
      </c>
      <c r="D16587" s="2">
        <v>169415</v>
      </c>
      <c r="E16587" s="1" t="s">
        <v>0</v>
      </c>
    </row>
    <row r="16588" spans="1:5" x14ac:dyDescent="0.25">
      <c r="A16588" s="1" t="s">
        <v>3023</v>
      </c>
      <c r="B16588" s="1" t="s">
        <v>9784</v>
      </c>
      <c r="C16588" s="1" t="s">
        <v>35868</v>
      </c>
      <c r="D16588" s="2">
        <v>169416</v>
      </c>
      <c r="E16588" s="1" t="s">
        <v>0</v>
      </c>
    </row>
    <row r="16589" spans="1:5" x14ac:dyDescent="0.25">
      <c r="A16589" s="1" t="s">
        <v>35869</v>
      </c>
      <c r="B16589" s="1" t="s">
        <v>57906</v>
      </c>
      <c r="C16589" s="1" t="s">
        <v>35870</v>
      </c>
      <c r="D16589" s="2">
        <v>169417</v>
      </c>
      <c r="E16589" s="1" t="s">
        <v>0</v>
      </c>
    </row>
    <row r="16590" spans="1:5" ht="409.5" x14ac:dyDescent="0.25">
      <c r="A16590" s="4" t="s">
        <v>35871</v>
      </c>
      <c r="B16590" s="1" t="s">
        <v>57907</v>
      </c>
      <c r="C16590" s="1" t="s">
        <v>35872</v>
      </c>
      <c r="D16590" s="2">
        <v>169418</v>
      </c>
      <c r="E16590" s="1" t="s">
        <v>0</v>
      </c>
    </row>
    <row r="16591" spans="1:5" x14ac:dyDescent="0.25">
      <c r="A16591" s="1" t="s">
        <v>35873</v>
      </c>
      <c r="B16591" s="1" t="s">
        <v>57268</v>
      </c>
      <c r="C16591" s="1" t="s">
        <v>35874</v>
      </c>
      <c r="D16591" s="2">
        <v>169419</v>
      </c>
      <c r="E16591" s="1" t="s">
        <v>0</v>
      </c>
    </row>
    <row r="16592" spans="1:5" x14ac:dyDescent="0.25">
      <c r="A16592" s="2">
        <v>3318</v>
      </c>
      <c r="B16592" s="2">
        <v>3318</v>
      </c>
      <c r="C16592" s="1" t="s">
        <v>0</v>
      </c>
      <c r="D16592" s="2">
        <v>169420</v>
      </c>
      <c r="E16592" s="1" t="s">
        <v>0</v>
      </c>
    </row>
    <row r="16593" spans="1:5" x14ac:dyDescent="0.25">
      <c r="A16593" s="1" t="s">
        <v>3024</v>
      </c>
      <c r="B16593" s="1" t="s">
        <v>9785</v>
      </c>
      <c r="C16593" s="1" t="s">
        <v>35875</v>
      </c>
      <c r="D16593" s="2">
        <v>169421</v>
      </c>
      <c r="E16593" s="1" t="s">
        <v>0</v>
      </c>
    </row>
    <row r="16594" spans="1:5" x14ac:dyDescent="0.25">
      <c r="A16594" s="1" t="s">
        <v>35876</v>
      </c>
      <c r="B16594" s="1" t="s">
        <v>9786</v>
      </c>
      <c r="C16594" s="1" t="s">
        <v>35877</v>
      </c>
      <c r="D16594" s="2">
        <v>169422</v>
      </c>
      <c r="E16594" s="1" t="s">
        <v>0</v>
      </c>
    </row>
    <row r="16595" spans="1:5" ht="409.5" x14ac:dyDescent="0.25">
      <c r="A16595" s="4" t="s">
        <v>35878</v>
      </c>
      <c r="B16595" s="1" t="s">
        <v>9787</v>
      </c>
      <c r="C16595" s="1" t="s">
        <v>35879</v>
      </c>
      <c r="D16595" s="2">
        <v>169423</v>
      </c>
      <c r="E16595" s="1" t="s">
        <v>0</v>
      </c>
    </row>
    <row r="16596" spans="1:5" x14ac:dyDescent="0.25">
      <c r="A16596" s="1" t="s">
        <v>35880</v>
      </c>
      <c r="B16596" s="1" t="s">
        <v>57269</v>
      </c>
      <c r="C16596" s="1" t="s">
        <v>35881</v>
      </c>
      <c r="D16596" s="2">
        <v>169424</v>
      </c>
      <c r="E16596" s="1" t="s">
        <v>0</v>
      </c>
    </row>
    <row r="16597" spans="1:5" x14ac:dyDescent="0.25">
      <c r="A16597" s="2">
        <v>3319</v>
      </c>
      <c r="B16597" s="2">
        <v>3319</v>
      </c>
      <c r="C16597" s="1" t="s">
        <v>0</v>
      </c>
      <c r="D16597" s="2">
        <v>169425</v>
      </c>
      <c r="E16597" s="1" t="s">
        <v>0</v>
      </c>
    </row>
    <row r="16598" spans="1:5" x14ac:dyDescent="0.25">
      <c r="A16598" s="1" t="s">
        <v>9788</v>
      </c>
      <c r="B16598" s="1" t="s">
        <v>9789</v>
      </c>
      <c r="C16598" s="1" t="s">
        <v>35882</v>
      </c>
      <c r="D16598" s="2">
        <v>169426</v>
      </c>
      <c r="E16598" s="1" t="s">
        <v>0</v>
      </c>
    </row>
    <row r="16599" spans="1:5" x14ac:dyDescent="0.25">
      <c r="A16599" s="1" t="s">
        <v>35883</v>
      </c>
      <c r="B16599" s="1" t="s">
        <v>54666</v>
      </c>
      <c r="C16599" s="1" t="s">
        <v>35884</v>
      </c>
      <c r="D16599" s="2">
        <v>169427</v>
      </c>
      <c r="E16599" s="1" t="s">
        <v>0</v>
      </c>
    </row>
    <row r="16600" spans="1:5" ht="409.5" x14ac:dyDescent="0.25">
      <c r="A16600" s="4" t="s">
        <v>35885</v>
      </c>
      <c r="B16600" s="1" t="s">
        <v>57270</v>
      </c>
      <c r="C16600" s="1" t="s">
        <v>35886</v>
      </c>
      <c r="D16600" s="2">
        <v>169428</v>
      </c>
      <c r="E16600" s="1" t="s">
        <v>0</v>
      </c>
    </row>
    <row r="16601" spans="1:5" x14ac:dyDescent="0.25">
      <c r="A16601" s="1" t="s">
        <v>35887</v>
      </c>
      <c r="B16601" s="1" t="s">
        <v>54667</v>
      </c>
      <c r="C16601" s="1" t="s">
        <v>35888</v>
      </c>
      <c r="D16601" s="2">
        <v>169429</v>
      </c>
      <c r="E16601" s="1" t="s">
        <v>0</v>
      </c>
    </row>
    <row r="16602" spans="1:5" x14ac:dyDescent="0.25">
      <c r="A16602" s="2">
        <v>3320</v>
      </c>
      <c r="B16602" s="2">
        <v>3320</v>
      </c>
      <c r="C16602" s="1" t="s">
        <v>0</v>
      </c>
      <c r="D16602" s="2">
        <v>169430</v>
      </c>
      <c r="E16602" s="1" t="s">
        <v>0</v>
      </c>
    </row>
    <row r="16603" spans="1:5" x14ac:dyDescent="0.25">
      <c r="A16603" s="1" t="s">
        <v>3025</v>
      </c>
      <c r="B16603" s="1" t="s">
        <v>9790</v>
      </c>
      <c r="C16603" s="1" t="s">
        <v>35889</v>
      </c>
      <c r="D16603" s="2">
        <v>169431</v>
      </c>
      <c r="E16603" s="1" t="s">
        <v>0</v>
      </c>
    </row>
    <row r="16604" spans="1:5" x14ac:dyDescent="0.25">
      <c r="A16604" s="1" t="s">
        <v>35890</v>
      </c>
      <c r="B16604" s="1" t="s">
        <v>9791</v>
      </c>
      <c r="C16604" s="1" t="s">
        <v>35891</v>
      </c>
      <c r="D16604" s="2">
        <v>169432</v>
      </c>
      <c r="E16604" s="1" t="s">
        <v>0</v>
      </c>
    </row>
    <row r="16605" spans="1:5" ht="409.5" x14ac:dyDescent="0.25">
      <c r="A16605" s="4" t="s">
        <v>35892</v>
      </c>
      <c r="B16605" s="1" t="s">
        <v>58463</v>
      </c>
      <c r="C16605" s="1" t="s">
        <v>35893</v>
      </c>
      <c r="D16605" s="2">
        <v>169433</v>
      </c>
      <c r="E16605" s="1" t="s">
        <v>0</v>
      </c>
    </row>
    <row r="16606" spans="1:5" x14ac:dyDescent="0.25">
      <c r="A16606" s="1" t="s">
        <v>35894</v>
      </c>
      <c r="B16606" s="1" t="s">
        <v>9792</v>
      </c>
      <c r="C16606" s="1" t="s">
        <v>35895</v>
      </c>
      <c r="D16606" s="2">
        <v>169434</v>
      </c>
      <c r="E16606" s="1" t="s">
        <v>0</v>
      </c>
    </row>
    <row r="16607" spans="1:5" x14ac:dyDescent="0.25">
      <c r="A16607" s="2">
        <v>3321</v>
      </c>
      <c r="B16607" s="2">
        <v>3321</v>
      </c>
      <c r="C16607" s="1" t="s">
        <v>0</v>
      </c>
      <c r="D16607" s="2">
        <v>169435</v>
      </c>
      <c r="E16607" s="1" t="s">
        <v>0</v>
      </c>
    </row>
    <row r="16608" spans="1:5" x14ac:dyDescent="0.25">
      <c r="A16608" s="1" t="s">
        <v>3026</v>
      </c>
      <c r="B16608" s="1" t="s">
        <v>9793</v>
      </c>
      <c r="C16608" s="1" t="s">
        <v>35896</v>
      </c>
      <c r="D16608" s="2">
        <v>169436</v>
      </c>
      <c r="E16608" s="1" t="s">
        <v>0</v>
      </c>
    </row>
    <row r="16609" spans="1:5" x14ac:dyDescent="0.25">
      <c r="A16609" s="1" t="s">
        <v>35897</v>
      </c>
      <c r="B16609" s="1" t="s">
        <v>58464</v>
      </c>
      <c r="C16609" s="1" t="s">
        <v>35898</v>
      </c>
      <c r="D16609" s="2">
        <v>169437</v>
      </c>
      <c r="E16609" s="1" t="s">
        <v>0</v>
      </c>
    </row>
    <row r="16610" spans="1:5" ht="409.5" x14ac:dyDescent="0.25">
      <c r="A16610" s="4" t="s">
        <v>64245</v>
      </c>
      <c r="B16610" s="1" t="s">
        <v>63756</v>
      </c>
      <c r="C16610" s="1" t="s">
        <v>35899</v>
      </c>
      <c r="D16610" s="2">
        <v>169438</v>
      </c>
      <c r="E16610" s="1" t="s">
        <v>0</v>
      </c>
    </row>
    <row r="16611" spans="1:5" x14ac:dyDescent="0.25">
      <c r="A16611" s="1" t="s">
        <v>35900</v>
      </c>
      <c r="B16611" s="1" t="s">
        <v>61224</v>
      </c>
      <c r="C16611" s="1" t="s">
        <v>35901</v>
      </c>
      <c r="D16611" s="2">
        <v>169439</v>
      </c>
      <c r="E16611" s="1" t="s">
        <v>0</v>
      </c>
    </row>
    <row r="16612" spans="1:5" x14ac:dyDescent="0.25">
      <c r="A16612" s="2">
        <v>3322</v>
      </c>
      <c r="B16612" s="2">
        <v>3322</v>
      </c>
      <c r="C16612" s="1" t="s">
        <v>0</v>
      </c>
      <c r="D16612" s="2">
        <v>169440</v>
      </c>
      <c r="E16612" s="1" t="s">
        <v>0</v>
      </c>
    </row>
    <row r="16613" spans="1:5" x14ac:dyDescent="0.25">
      <c r="A16613" s="1" t="s">
        <v>3027</v>
      </c>
      <c r="B16613" s="1" t="s">
        <v>9794</v>
      </c>
      <c r="C16613" s="1" t="s">
        <v>35902</v>
      </c>
      <c r="D16613" s="2">
        <v>169441</v>
      </c>
      <c r="E16613" s="1" t="s">
        <v>0</v>
      </c>
    </row>
    <row r="16614" spans="1:5" x14ac:dyDescent="0.25">
      <c r="A16614" s="1" t="s">
        <v>35903</v>
      </c>
      <c r="B16614" s="1" t="s">
        <v>63757</v>
      </c>
      <c r="C16614" s="1" t="s">
        <v>35904</v>
      </c>
      <c r="D16614" s="2">
        <v>169442</v>
      </c>
      <c r="E16614" s="1" t="s">
        <v>0</v>
      </c>
    </row>
    <row r="16615" spans="1:5" ht="409.5" x14ac:dyDescent="0.25">
      <c r="A16615" s="4" t="s">
        <v>35905</v>
      </c>
      <c r="B16615" s="1" t="s">
        <v>63758</v>
      </c>
      <c r="C16615" s="1" t="s">
        <v>35906</v>
      </c>
      <c r="D16615" s="2">
        <v>169443</v>
      </c>
      <c r="E16615" s="1" t="s">
        <v>0</v>
      </c>
    </row>
    <row r="16616" spans="1:5" x14ac:dyDescent="0.25">
      <c r="A16616" s="1" t="s">
        <v>35907</v>
      </c>
      <c r="B16616" s="1" t="s">
        <v>54668</v>
      </c>
      <c r="C16616" s="1" t="s">
        <v>35908</v>
      </c>
      <c r="D16616" s="2">
        <v>169444</v>
      </c>
      <c r="E16616" s="1" t="s">
        <v>0</v>
      </c>
    </row>
    <row r="16617" spans="1:5" x14ac:dyDescent="0.25">
      <c r="A16617" s="2">
        <v>3323</v>
      </c>
      <c r="B16617" s="2">
        <v>3323</v>
      </c>
      <c r="C16617" s="1" t="s">
        <v>0</v>
      </c>
      <c r="D16617" s="2">
        <v>169445</v>
      </c>
      <c r="E16617" s="1" t="s">
        <v>0</v>
      </c>
    </row>
    <row r="16618" spans="1:5" x14ac:dyDescent="0.25">
      <c r="A16618" s="1" t="s">
        <v>35909</v>
      </c>
      <c r="B16618" s="1" t="s">
        <v>9795</v>
      </c>
      <c r="C16618" s="1" t="s">
        <v>35910</v>
      </c>
      <c r="D16618" s="2">
        <v>169446</v>
      </c>
      <c r="E16618" s="1" t="s">
        <v>0</v>
      </c>
    </row>
    <row r="16619" spans="1:5" x14ac:dyDescent="0.25">
      <c r="A16619" s="1" t="s">
        <v>35911</v>
      </c>
      <c r="B16619" s="1" t="s">
        <v>57271</v>
      </c>
      <c r="C16619" s="1" t="s">
        <v>35912</v>
      </c>
      <c r="D16619" s="2">
        <v>169447</v>
      </c>
      <c r="E16619" s="1" t="s">
        <v>0</v>
      </c>
    </row>
    <row r="16620" spans="1:5" ht="409.5" x14ac:dyDescent="0.25">
      <c r="A16620" s="4" t="s">
        <v>35913</v>
      </c>
      <c r="B16620" s="1" t="s">
        <v>57272</v>
      </c>
      <c r="C16620" s="1" t="s">
        <v>35914</v>
      </c>
      <c r="D16620" s="2">
        <v>169448</v>
      </c>
      <c r="E16620" s="1" t="s">
        <v>0</v>
      </c>
    </row>
    <row r="16621" spans="1:5" x14ac:dyDescent="0.25">
      <c r="A16621" s="1" t="s">
        <v>14855</v>
      </c>
      <c r="B16621" s="1" t="s">
        <v>60879</v>
      </c>
      <c r="C16621" s="1" t="s">
        <v>14856</v>
      </c>
      <c r="D16621" s="2">
        <v>169449</v>
      </c>
      <c r="E16621" s="1" t="s">
        <v>0</v>
      </c>
    </row>
    <row r="16622" spans="1:5" x14ac:dyDescent="0.25">
      <c r="A16622" s="2">
        <v>3324</v>
      </c>
      <c r="B16622" s="2">
        <v>3324</v>
      </c>
      <c r="C16622" s="1" t="s">
        <v>0</v>
      </c>
      <c r="D16622" s="2">
        <v>169450</v>
      </c>
      <c r="E16622" s="1" t="s">
        <v>0</v>
      </c>
    </row>
    <row r="16623" spans="1:5" x14ac:dyDescent="0.25">
      <c r="A16623" s="1" t="s">
        <v>3028</v>
      </c>
      <c r="B16623" s="1" t="s">
        <v>9796</v>
      </c>
      <c r="C16623" s="1" t="s">
        <v>35915</v>
      </c>
      <c r="D16623" s="2">
        <v>169451</v>
      </c>
      <c r="E16623" s="1" t="s">
        <v>0</v>
      </c>
    </row>
    <row r="16624" spans="1:5" x14ac:dyDescent="0.25">
      <c r="A16624" s="1" t="s">
        <v>35916</v>
      </c>
      <c r="B16624" s="1" t="s">
        <v>54669</v>
      </c>
      <c r="C16624" s="1" t="s">
        <v>35917</v>
      </c>
      <c r="D16624" s="2">
        <v>169452</v>
      </c>
      <c r="E16624" s="1" t="s">
        <v>0</v>
      </c>
    </row>
    <row r="16625" spans="1:5" ht="409.5" x14ac:dyDescent="0.25">
      <c r="A16625" s="4" t="s">
        <v>35918</v>
      </c>
      <c r="B16625" s="1" t="s">
        <v>57908</v>
      </c>
      <c r="C16625" s="1" t="s">
        <v>35919</v>
      </c>
      <c r="D16625" s="2">
        <v>169453</v>
      </c>
      <c r="E16625" s="1" t="s">
        <v>0</v>
      </c>
    </row>
    <row r="16626" spans="1:5" x14ac:dyDescent="0.25">
      <c r="A16626" s="1" t="s">
        <v>35920</v>
      </c>
      <c r="B16626" s="1" t="s">
        <v>54670</v>
      </c>
      <c r="C16626" s="1" t="s">
        <v>35921</v>
      </c>
      <c r="D16626" s="2">
        <v>169454</v>
      </c>
      <c r="E16626" s="1" t="s">
        <v>0</v>
      </c>
    </row>
    <row r="16627" spans="1:5" x14ac:dyDescent="0.25">
      <c r="A16627" s="2">
        <v>3325</v>
      </c>
      <c r="B16627" s="2">
        <v>3325</v>
      </c>
      <c r="C16627" s="1" t="s">
        <v>0</v>
      </c>
      <c r="D16627" s="2">
        <v>169455</v>
      </c>
      <c r="E16627" s="1" t="s">
        <v>0</v>
      </c>
    </row>
    <row r="16628" spans="1:5" x14ac:dyDescent="0.25">
      <c r="A16628" s="1" t="s">
        <v>3029</v>
      </c>
      <c r="B16628" s="1" t="s">
        <v>9797</v>
      </c>
      <c r="C16628" s="1" t="s">
        <v>35922</v>
      </c>
      <c r="D16628" s="2">
        <v>169456</v>
      </c>
      <c r="E16628" s="1" t="s">
        <v>0</v>
      </c>
    </row>
    <row r="16629" spans="1:5" x14ac:dyDescent="0.25">
      <c r="A16629" s="1" t="s">
        <v>35923</v>
      </c>
      <c r="B16629" s="1" t="s">
        <v>13202</v>
      </c>
      <c r="C16629" s="1" t="s">
        <v>35924</v>
      </c>
      <c r="D16629" s="2">
        <v>169457</v>
      </c>
      <c r="E16629" s="1" t="s">
        <v>0</v>
      </c>
    </row>
    <row r="16630" spans="1:5" ht="409.5" x14ac:dyDescent="0.25">
      <c r="A16630" s="4" t="s">
        <v>35925</v>
      </c>
      <c r="B16630" s="1" t="s">
        <v>50870</v>
      </c>
      <c r="C16630" s="1" t="s">
        <v>35926</v>
      </c>
      <c r="D16630" s="2">
        <v>169458</v>
      </c>
      <c r="E16630" s="1" t="s">
        <v>0</v>
      </c>
    </row>
    <row r="16631" spans="1:5" x14ac:dyDescent="0.25">
      <c r="A16631" s="1" t="s">
        <v>35927</v>
      </c>
      <c r="B16631" s="1" t="s">
        <v>54671</v>
      </c>
      <c r="C16631" s="1" t="s">
        <v>35928</v>
      </c>
      <c r="D16631" s="2">
        <v>169459</v>
      </c>
      <c r="E16631" s="1" t="s">
        <v>0</v>
      </c>
    </row>
    <row r="16632" spans="1:5" x14ac:dyDescent="0.25">
      <c r="A16632" s="2">
        <v>3326</v>
      </c>
      <c r="B16632" s="2">
        <v>3326</v>
      </c>
      <c r="C16632" s="1" t="s">
        <v>0</v>
      </c>
      <c r="D16632" s="2">
        <v>169460</v>
      </c>
      <c r="E16632" s="1" t="s">
        <v>0</v>
      </c>
    </row>
    <row r="16633" spans="1:5" x14ac:dyDescent="0.25">
      <c r="A16633" s="1" t="s">
        <v>3030</v>
      </c>
      <c r="B16633" s="1" t="s">
        <v>9798</v>
      </c>
      <c r="C16633" s="1" t="s">
        <v>35929</v>
      </c>
      <c r="D16633" s="2">
        <v>169461</v>
      </c>
      <c r="E16633" s="1" t="s">
        <v>0</v>
      </c>
    </row>
    <row r="16634" spans="1:5" x14ac:dyDescent="0.25">
      <c r="A16634" s="1" t="s">
        <v>35930</v>
      </c>
      <c r="B16634" s="1" t="s">
        <v>54672</v>
      </c>
      <c r="C16634" s="1" t="s">
        <v>35931</v>
      </c>
      <c r="D16634" s="2">
        <v>169462</v>
      </c>
      <c r="E16634" s="1" t="s">
        <v>0</v>
      </c>
    </row>
    <row r="16635" spans="1:5" ht="409.5" x14ac:dyDescent="0.25">
      <c r="A16635" s="4" t="s">
        <v>35932</v>
      </c>
      <c r="B16635" s="1" t="s">
        <v>54673</v>
      </c>
      <c r="C16635" s="1" t="s">
        <v>35933</v>
      </c>
      <c r="D16635" s="2">
        <v>169463</v>
      </c>
      <c r="E16635" s="1" t="s">
        <v>0</v>
      </c>
    </row>
    <row r="16636" spans="1:5" x14ac:dyDescent="0.25">
      <c r="A16636" s="1" t="s">
        <v>35934</v>
      </c>
      <c r="B16636" s="1" t="s">
        <v>9799</v>
      </c>
      <c r="C16636" s="1" t="s">
        <v>35935</v>
      </c>
      <c r="D16636" s="2">
        <v>169464</v>
      </c>
      <c r="E16636" s="1" t="s">
        <v>0</v>
      </c>
    </row>
    <row r="16637" spans="1:5" x14ac:dyDescent="0.25">
      <c r="A16637" s="2">
        <v>3327</v>
      </c>
      <c r="B16637" s="2">
        <v>3327</v>
      </c>
      <c r="C16637" s="1" t="s">
        <v>0</v>
      </c>
      <c r="D16637" s="2">
        <v>169465</v>
      </c>
      <c r="E16637" s="1" t="s">
        <v>0</v>
      </c>
    </row>
    <row r="16638" spans="1:5" x14ac:dyDescent="0.25">
      <c r="A16638" s="1" t="s">
        <v>3031</v>
      </c>
      <c r="B16638" s="1" t="s">
        <v>9800</v>
      </c>
      <c r="C16638" s="1" t="s">
        <v>35936</v>
      </c>
      <c r="D16638" s="2">
        <v>169466</v>
      </c>
      <c r="E16638" s="1" t="s">
        <v>0</v>
      </c>
    </row>
    <row r="16639" spans="1:5" x14ac:dyDescent="0.25">
      <c r="A16639" s="1" t="s">
        <v>35937</v>
      </c>
      <c r="B16639" s="1" t="s">
        <v>54674</v>
      </c>
      <c r="C16639" s="1" t="s">
        <v>35938</v>
      </c>
      <c r="D16639" s="2">
        <v>169467</v>
      </c>
      <c r="E16639" s="1" t="s">
        <v>0</v>
      </c>
    </row>
    <row r="16640" spans="1:5" ht="409.5" x14ac:dyDescent="0.25">
      <c r="A16640" s="4" t="s">
        <v>35939</v>
      </c>
      <c r="B16640" s="1" t="s">
        <v>54675</v>
      </c>
      <c r="C16640" s="1" t="s">
        <v>35940</v>
      </c>
      <c r="D16640" s="2">
        <v>169468</v>
      </c>
      <c r="E16640" s="1" t="s">
        <v>0</v>
      </c>
    </row>
    <row r="16641" spans="1:5" x14ac:dyDescent="0.25">
      <c r="A16641" s="1" t="s">
        <v>35941</v>
      </c>
      <c r="B16641" s="1" t="s">
        <v>54676</v>
      </c>
      <c r="C16641" s="1" t="s">
        <v>35942</v>
      </c>
      <c r="D16641" s="2">
        <v>169469</v>
      </c>
      <c r="E16641" s="1" t="s">
        <v>0</v>
      </c>
    </row>
    <row r="16642" spans="1:5" x14ac:dyDescent="0.25">
      <c r="A16642" s="2">
        <v>3328</v>
      </c>
      <c r="B16642" s="2">
        <v>3328</v>
      </c>
      <c r="C16642" s="1" t="s">
        <v>0</v>
      </c>
      <c r="D16642" s="2">
        <v>169470</v>
      </c>
      <c r="E16642" s="1" t="s">
        <v>0</v>
      </c>
    </row>
    <row r="16643" spans="1:5" x14ac:dyDescent="0.25">
      <c r="A16643" s="1" t="s">
        <v>3032</v>
      </c>
      <c r="B16643" s="1" t="s">
        <v>9801</v>
      </c>
      <c r="C16643" s="1" t="s">
        <v>35943</v>
      </c>
      <c r="D16643" s="2">
        <v>169471</v>
      </c>
      <c r="E16643" s="1" t="s">
        <v>0</v>
      </c>
    </row>
    <row r="16644" spans="1:5" x14ac:dyDescent="0.25">
      <c r="A16644" s="1" t="s">
        <v>35944</v>
      </c>
      <c r="B16644" s="1" t="s">
        <v>62673</v>
      </c>
      <c r="C16644" s="1" t="s">
        <v>35945</v>
      </c>
      <c r="D16644" s="2">
        <v>169472</v>
      </c>
      <c r="E16644" s="1" t="s">
        <v>0</v>
      </c>
    </row>
    <row r="16645" spans="1:5" ht="409.5" x14ac:dyDescent="0.25">
      <c r="A16645" s="4" t="s">
        <v>61843</v>
      </c>
      <c r="B16645" s="1" t="s">
        <v>63429</v>
      </c>
      <c r="C16645" s="1" t="s">
        <v>35946</v>
      </c>
      <c r="D16645" s="2">
        <v>169473</v>
      </c>
      <c r="E16645" s="1" t="s">
        <v>0</v>
      </c>
    </row>
    <row r="16646" spans="1:5" x14ac:dyDescent="0.25">
      <c r="A16646" s="1" t="s">
        <v>35947</v>
      </c>
      <c r="B16646" s="1" t="s">
        <v>9802</v>
      </c>
      <c r="C16646" s="1" t="s">
        <v>35948</v>
      </c>
      <c r="D16646" s="2">
        <v>169474</v>
      </c>
      <c r="E16646" s="1" t="s">
        <v>0</v>
      </c>
    </row>
    <row r="16647" spans="1:5" x14ac:dyDescent="0.25">
      <c r="A16647" s="2">
        <v>3329</v>
      </c>
      <c r="B16647" s="2">
        <v>3329</v>
      </c>
      <c r="C16647" s="1" t="s">
        <v>0</v>
      </c>
      <c r="D16647" s="2">
        <v>169475</v>
      </c>
      <c r="E16647" s="1" t="s">
        <v>0</v>
      </c>
    </row>
    <row r="16648" spans="1:5" x14ac:dyDescent="0.25">
      <c r="A16648" s="1" t="s">
        <v>3033</v>
      </c>
      <c r="B16648" s="1" t="s">
        <v>9803</v>
      </c>
      <c r="C16648" s="1" t="s">
        <v>35949</v>
      </c>
      <c r="D16648" s="2">
        <v>169476</v>
      </c>
      <c r="E16648" s="1" t="s">
        <v>0</v>
      </c>
    </row>
    <row r="16649" spans="1:5" x14ac:dyDescent="0.25">
      <c r="A16649" s="1" t="s">
        <v>35950</v>
      </c>
      <c r="B16649" s="1" t="s">
        <v>54677</v>
      </c>
      <c r="C16649" s="1" t="s">
        <v>35951</v>
      </c>
      <c r="D16649" s="2">
        <v>169477</v>
      </c>
      <c r="E16649" s="1" t="s">
        <v>0</v>
      </c>
    </row>
    <row r="16650" spans="1:5" ht="409.5" x14ac:dyDescent="0.25">
      <c r="A16650" s="4" t="s">
        <v>35952</v>
      </c>
      <c r="B16650" s="1" t="s">
        <v>54678</v>
      </c>
      <c r="C16650" s="1" t="s">
        <v>35953</v>
      </c>
      <c r="D16650" s="2">
        <v>169478</v>
      </c>
      <c r="E16650" s="1" t="s">
        <v>0</v>
      </c>
    </row>
    <row r="16651" spans="1:5" x14ac:dyDescent="0.25">
      <c r="A16651" s="1" t="s">
        <v>35954</v>
      </c>
      <c r="B16651" s="1" t="s">
        <v>61225</v>
      </c>
      <c r="C16651" s="1" t="s">
        <v>35955</v>
      </c>
      <c r="D16651" s="2">
        <v>169479</v>
      </c>
      <c r="E16651" s="1" t="s">
        <v>0</v>
      </c>
    </row>
    <row r="16652" spans="1:5" x14ac:dyDescent="0.25">
      <c r="A16652" s="2">
        <v>3330</v>
      </c>
      <c r="B16652" s="2">
        <v>3330</v>
      </c>
      <c r="C16652" s="1" t="s">
        <v>0</v>
      </c>
      <c r="D16652" s="2">
        <v>169480</v>
      </c>
      <c r="E16652" s="1" t="s">
        <v>0</v>
      </c>
    </row>
    <row r="16653" spans="1:5" x14ac:dyDescent="0.25">
      <c r="A16653" s="1" t="s">
        <v>3034</v>
      </c>
      <c r="B16653" s="1" t="s">
        <v>54679</v>
      </c>
      <c r="C16653" s="1" t="s">
        <v>35956</v>
      </c>
      <c r="D16653" s="2">
        <v>169481</v>
      </c>
      <c r="E16653" s="1" t="s">
        <v>0</v>
      </c>
    </row>
    <row r="16654" spans="1:5" x14ac:dyDescent="0.25">
      <c r="A16654" s="1" t="s">
        <v>35957</v>
      </c>
      <c r="B16654" s="1" t="s">
        <v>54680</v>
      </c>
      <c r="C16654" s="1" t="s">
        <v>35958</v>
      </c>
      <c r="D16654" s="2">
        <v>169482</v>
      </c>
      <c r="E16654" s="1" t="s">
        <v>0</v>
      </c>
    </row>
    <row r="16655" spans="1:5" ht="409.5" x14ac:dyDescent="0.25">
      <c r="A16655" s="4" t="s">
        <v>35959</v>
      </c>
      <c r="B16655" s="1" t="s">
        <v>54681</v>
      </c>
      <c r="C16655" s="1" t="s">
        <v>35960</v>
      </c>
      <c r="D16655" s="2">
        <v>169483</v>
      </c>
      <c r="E16655" s="1" t="s">
        <v>0</v>
      </c>
    </row>
    <row r="16656" spans="1:5" x14ac:dyDescent="0.25">
      <c r="A16656" s="1" t="s">
        <v>35961</v>
      </c>
      <c r="B16656" s="1" t="s">
        <v>50871</v>
      </c>
      <c r="C16656" s="1" t="s">
        <v>35962</v>
      </c>
      <c r="D16656" s="2">
        <v>169484</v>
      </c>
      <c r="E16656" s="1" t="s">
        <v>0</v>
      </c>
    </row>
    <row r="16657" spans="1:5" x14ac:dyDescent="0.25">
      <c r="A16657" s="2">
        <v>3331</v>
      </c>
      <c r="B16657" s="2">
        <v>3331</v>
      </c>
      <c r="C16657" s="1" t="s">
        <v>0</v>
      </c>
      <c r="D16657" s="2">
        <v>169485</v>
      </c>
      <c r="E16657" s="1" t="s">
        <v>0</v>
      </c>
    </row>
    <row r="16658" spans="1:5" x14ac:dyDescent="0.25">
      <c r="A16658" s="1" t="s">
        <v>3035</v>
      </c>
      <c r="B16658" s="1" t="s">
        <v>9804</v>
      </c>
      <c r="C16658" s="1" t="s">
        <v>35963</v>
      </c>
      <c r="D16658" s="2">
        <v>169486</v>
      </c>
      <c r="E16658" s="1" t="s">
        <v>0</v>
      </c>
    </row>
    <row r="16659" spans="1:5" x14ac:dyDescent="0.25">
      <c r="A16659" s="1" t="s">
        <v>35964</v>
      </c>
      <c r="B16659" s="1" t="s">
        <v>9805</v>
      </c>
      <c r="C16659" s="1" t="s">
        <v>35965</v>
      </c>
      <c r="D16659" s="2">
        <v>169487</v>
      </c>
      <c r="E16659" s="1" t="s">
        <v>0</v>
      </c>
    </row>
    <row r="16660" spans="1:5" ht="409.5" x14ac:dyDescent="0.25">
      <c r="A16660" s="4" t="s">
        <v>35966</v>
      </c>
      <c r="B16660" s="1" t="s">
        <v>54682</v>
      </c>
      <c r="C16660" s="1" t="s">
        <v>35967</v>
      </c>
      <c r="D16660" s="2">
        <v>169488</v>
      </c>
      <c r="E16660" s="1" t="s">
        <v>0</v>
      </c>
    </row>
    <row r="16661" spans="1:5" x14ac:dyDescent="0.25">
      <c r="A16661" s="1" t="s">
        <v>35968</v>
      </c>
      <c r="B16661" s="1" t="s">
        <v>54683</v>
      </c>
      <c r="C16661" s="1" t="s">
        <v>35969</v>
      </c>
      <c r="D16661" s="2">
        <v>169489</v>
      </c>
      <c r="E16661" s="1" t="s">
        <v>0</v>
      </c>
    </row>
    <row r="16662" spans="1:5" x14ac:dyDescent="0.25">
      <c r="A16662" s="2">
        <v>3332</v>
      </c>
      <c r="B16662" s="2">
        <v>3332</v>
      </c>
      <c r="C16662" s="1" t="s">
        <v>0</v>
      </c>
      <c r="D16662" s="2">
        <v>169490</v>
      </c>
      <c r="E16662" s="1" t="s">
        <v>0</v>
      </c>
    </row>
    <row r="16663" spans="1:5" x14ac:dyDescent="0.25">
      <c r="A16663" s="1" t="s">
        <v>3036</v>
      </c>
      <c r="B16663" s="1" t="s">
        <v>9806</v>
      </c>
      <c r="C16663" s="1" t="s">
        <v>35970</v>
      </c>
      <c r="D16663" s="2">
        <v>169491</v>
      </c>
      <c r="E16663" s="1" t="s">
        <v>0</v>
      </c>
    </row>
    <row r="16664" spans="1:5" x14ac:dyDescent="0.25">
      <c r="A16664" s="1" t="s">
        <v>35971</v>
      </c>
      <c r="B16664" s="1" t="s">
        <v>50872</v>
      </c>
      <c r="C16664" s="1" t="s">
        <v>35972</v>
      </c>
      <c r="D16664" s="2">
        <v>169492</v>
      </c>
      <c r="E16664" s="1" t="s">
        <v>0</v>
      </c>
    </row>
    <row r="16665" spans="1:5" ht="409.5" x14ac:dyDescent="0.25">
      <c r="A16665" s="4" t="s">
        <v>35973</v>
      </c>
      <c r="B16665" s="1" t="s">
        <v>50873</v>
      </c>
      <c r="C16665" s="1" t="s">
        <v>35974</v>
      </c>
      <c r="D16665" s="2">
        <v>169493</v>
      </c>
      <c r="E16665" s="1" t="s">
        <v>0</v>
      </c>
    </row>
    <row r="16666" spans="1:5" x14ac:dyDescent="0.25">
      <c r="A16666" s="1" t="s">
        <v>35975</v>
      </c>
      <c r="B16666" s="1" t="s">
        <v>54684</v>
      </c>
      <c r="C16666" s="1" t="s">
        <v>35976</v>
      </c>
      <c r="D16666" s="2">
        <v>169494</v>
      </c>
      <c r="E16666" s="1" t="s">
        <v>0</v>
      </c>
    </row>
    <row r="16667" spans="1:5" x14ac:dyDescent="0.25">
      <c r="A16667" s="2">
        <v>3333</v>
      </c>
      <c r="B16667" s="2">
        <v>3333</v>
      </c>
      <c r="C16667" s="1" t="s">
        <v>0</v>
      </c>
      <c r="D16667" s="2">
        <v>169495</v>
      </c>
      <c r="E16667" s="1" t="s">
        <v>0</v>
      </c>
    </row>
    <row r="16668" spans="1:5" x14ac:dyDescent="0.25">
      <c r="A16668" s="1" t="s">
        <v>9807</v>
      </c>
      <c r="B16668" s="1" t="s">
        <v>9808</v>
      </c>
      <c r="C16668" s="1" t="s">
        <v>35977</v>
      </c>
      <c r="D16668" s="2">
        <v>169496</v>
      </c>
      <c r="E16668" s="1" t="s">
        <v>0</v>
      </c>
    </row>
    <row r="16669" spans="1:5" x14ac:dyDescent="0.25">
      <c r="A16669" s="1" t="s">
        <v>35978</v>
      </c>
      <c r="B16669" s="1" t="s">
        <v>9809</v>
      </c>
      <c r="C16669" s="1" t="s">
        <v>35979</v>
      </c>
      <c r="D16669" s="2">
        <v>169497</v>
      </c>
      <c r="E16669" s="1" t="s">
        <v>0</v>
      </c>
    </row>
    <row r="16670" spans="1:5" ht="409.5" x14ac:dyDescent="0.25">
      <c r="A16670" s="4" t="s">
        <v>35980</v>
      </c>
      <c r="B16670" s="1" t="s">
        <v>9810</v>
      </c>
      <c r="C16670" s="1" t="s">
        <v>35981</v>
      </c>
      <c r="D16670" s="2">
        <v>169498</v>
      </c>
      <c r="E16670" s="1" t="s">
        <v>0</v>
      </c>
    </row>
    <row r="16671" spans="1:5" x14ac:dyDescent="0.25">
      <c r="A16671" s="1" t="s">
        <v>35982</v>
      </c>
      <c r="B16671" s="1" t="s">
        <v>54685</v>
      </c>
      <c r="C16671" s="1" t="s">
        <v>35983</v>
      </c>
      <c r="D16671" s="2">
        <v>169499</v>
      </c>
      <c r="E16671" s="1" t="s">
        <v>0</v>
      </c>
    </row>
    <row r="16672" spans="1:5" x14ac:dyDescent="0.25">
      <c r="A16672" s="2">
        <v>3334</v>
      </c>
      <c r="B16672" s="2">
        <v>3334</v>
      </c>
      <c r="C16672" s="1" t="s">
        <v>0</v>
      </c>
      <c r="D16672" s="2">
        <v>169500</v>
      </c>
      <c r="E16672" s="1" t="s">
        <v>0</v>
      </c>
    </row>
    <row r="16673" spans="1:5" x14ac:dyDescent="0.25">
      <c r="A16673" s="1" t="s">
        <v>3037</v>
      </c>
      <c r="B16673" s="1" t="s">
        <v>9811</v>
      </c>
      <c r="C16673" s="1" t="s">
        <v>35984</v>
      </c>
      <c r="D16673" s="2">
        <v>169501</v>
      </c>
      <c r="E16673" s="1" t="s">
        <v>0</v>
      </c>
    </row>
    <row r="16674" spans="1:5" x14ac:dyDescent="0.25">
      <c r="A16674" s="1" t="s">
        <v>35985</v>
      </c>
      <c r="B16674" s="1" t="s">
        <v>56809</v>
      </c>
      <c r="C16674" s="1" t="s">
        <v>35986</v>
      </c>
      <c r="D16674" s="2">
        <v>169502</v>
      </c>
      <c r="E16674" s="1" t="s">
        <v>0</v>
      </c>
    </row>
    <row r="16675" spans="1:5" ht="409.5" x14ac:dyDescent="0.25">
      <c r="A16675" s="4" t="s">
        <v>35987</v>
      </c>
      <c r="B16675" s="1" t="s">
        <v>56810</v>
      </c>
      <c r="C16675" s="1" t="s">
        <v>35988</v>
      </c>
      <c r="D16675" s="2">
        <v>169503</v>
      </c>
      <c r="E16675" s="1" t="s">
        <v>0</v>
      </c>
    </row>
    <row r="16676" spans="1:5" x14ac:dyDescent="0.25">
      <c r="A16676" s="1" t="s">
        <v>35989</v>
      </c>
      <c r="B16676" s="1" t="s">
        <v>9812</v>
      </c>
      <c r="C16676" s="1" t="s">
        <v>35990</v>
      </c>
      <c r="D16676" s="2">
        <v>169504</v>
      </c>
      <c r="E16676" s="1" t="s">
        <v>0</v>
      </c>
    </row>
    <row r="16677" spans="1:5" x14ac:dyDescent="0.25">
      <c r="A16677" s="2">
        <v>3335</v>
      </c>
      <c r="B16677" s="2">
        <v>3335</v>
      </c>
      <c r="C16677" s="1" t="s">
        <v>0</v>
      </c>
      <c r="D16677" s="2">
        <v>169505</v>
      </c>
      <c r="E16677" s="1" t="s">
        <v>0</v>
      </c>
    </row>
    <row r="16678" spans="1:5" x14ac:dyDescent="0.25">
      <c r="A16678" s="1" t="s">
        <v>3038</v>
      </c>
      <c r="B16678" s="1" t="s">
        <v>9813</v>
      </c>
      <c r="C16678" s="1" t="s">
        <v>35991</v>
      </c>
      <c r="D16678" s="2">
        <v>169506</v>
      </c>
      <c r="E16678" s="1" t="s">
        <v>0</v>
      </c>
    </row>
    <row r="16679" spans="1:5" x14ac:dyDescent="0.25">
      <c r="A16679" s="1" t="s">
        <v>61844</v>
      </c>
      <c r="B16679" s="1" t="s">
        <v>54686</v>
      </c>
      <c r="C16679" s="1" t="s">
        <v>35992</v>
      </c>
      <c r="D16679" s="2">
        <v>169507</v>
      </c>
      <c r="E16679" s="1" t="s">
        <v>0</v>
      </c>
    </row>
    <row r="16680" spans="1:5" ht="409.5" x14ac:dyDescent="0.25">
      <c r="A16680" s="4" t="s">
        <v>61845</v>
      </c>
      <c r="B16680" s="1" t="s">
        <v>58465</v>
      </c>
      <c r="C16680" s="1" t="s">
        <v>35993</v>
      </c>
      <c r="D16680" s="2">
        <v>169508</v>
      </c>
      <c r="E16680" s="1" t="s">
        <v>0</v>
      </c>
    </row>
    <row r="16681" spans="1:5" x14ac:dyDescent="0.25">
      <c r="A16681" s="1" t="s">
        <v>35994</v>
      </c>
      <c r="B16681" s="1" t="s">
        <v>58466</v>
      </c>
      <c r="C16681" s="1" t="s">
        <v>35995</v>
      </c>
      <c r="D16681" s="2">
        <v>169509</v>
      </c>
      <c r="E16681" s="1" t="s">
        <v>0</v>
      </c>
    </row>
    <row r="16682" spans="1:5" x14ac:dyDescent="0.25">
      <c r="A16682" s="2">
        <v>3336</v>
      </c>
      <c r="B16682" s="2">
        <v>3336</v>
      </c>
      <c r="C16682" s="1" t="s">
        <v>0</v>
      </c>
      <c r="D16682" s="2">
        <v>169510</v>
      </c>
      <c r="E16682" s="1" t="s">
        <v>0</v>
      </c>
    </row>
    <row r="16683" spans="1:5" x14ac:dyDescent="0.25">
      <c r="A16683" s="1" t="s">
        <v>3039</v>
      </c>
      <c r="B16683" s="1" t="s">
        <v>9814</v>
      </c>
      <c r="C16683" s="1" t="s">
        <v>35996</v>
      </c>
      <c r="D16683" s="2">
        <v>169511</v>
      </c>
      <c r="E16683" s="1" t="s">
        <v>0</v>
      </c>
    </row>
    <row r="16684" spans="1:5" x14ac:dyDescent="0.25">
      <c r="A16684" s="1" t="s">
        <v>35997</v>
      </c>
      <c r="B16684" s="1" t="s">
        <v>54687</v>
      </c>
      <c r="C16684" s="1" t="s">
        <v>35998</v>
      </c>
      <c r="D16684" s="2">
        <v>169512</v>
      </c>
      <c r="E16684" s="1" t="s">
        <v>0</v>
      </c>
    </row>
    <row r="16685" spans="1:5" ht="409.5" x14ac:dyDescent="0.25">
      <c r="A16685" s="4" t="s">
        <v>35999</v>
      </c>
      <c r="B16685" s="1" t="s">
        <v>54688</v>
      </c>
      <c r="C16685" s="1" t="s">
        <v>36000</v>
      </c>
      <c r="D16685" s="2">
        <v>169513</v>
      </c>
      <c r="E16685" s="1" t="s">
        <v>0</v>
      </c>
    </row>
    <row r="16686" spans="1:5" x14ac:dyDescent="0.25">
      <c r="A16686" s="1" t="s">
        <v>13413</v>
      </c>
      <c r="B16686" s="1" t="s">
        <v>60845</v>
      </c>
      <c r="C16686" s="1" t="s">
        <v>13414</v>
      </c>
      <c r="D16686" s="2">
        <v>169514</v>
      </c>
      <c r="E16686" s="1" t="s">
        <v>0</v>
      </c>
    </row>
    <row r="16687" spans="1:5" x14ac:dyDescent="0.25">
      <c r="A16687" s="2">
        <v>3337</v>
      </c>
      <c r="B16687" s="2">
        <v>3337</v>
      </c>
      <c r="C16687" s="1" t="s">
        <v>0</v>
      </c>
      <c r="D16687" s="2">
        <v>169515</v>
      </c>
      <c r="E16687" s="1" t="s">
        <v>0</v>
      </c>
    </row>
    <row r="16688" spans="1:5" x14ac:dyDescent="0.25">
      <c r="A16688" s="1" t="s">
        <v>3040</v>
      </c>
      <c r="B16688" s="1" t="s">
        <v>9815</v>
      </c>
      <c r="C16688" s="1" t="s">
        <v>36001</v>
      </c>
      <c r="D16688" s="2">
        <v>169516</v>
      </c>
      <c r="E16688" s="1" t="s">
        <v>0</v>
      </c>
    </row>
    <row r="16689" spans="1:5" x14ac:dyDescent="0.25">
      <c r="A16689" s="1" t="s">
        <v>36002</v>
      </c>
      <c r="B16689" s="1" t="s">
        <v>57909</v>
      </c>
      <c r="C16689" s="1" t="s">
        <v>36003</v>
      </c>
      <c r="D16689" s="2">
        <v>169517</v>
      </c>
      <c r="E16689" s="1" t="s">
        <v>0</v>
      </c>
    </row>
    <row r="16690" spans="1:5" ht="409.5" x14ac:dyDescent="0.25">
      <c r="A16690" s="4" t="s">
        <v>64246</v>
      </c>
      <c r="B16690" s="1" t="s">
        <v>63430</v>
      </c>
      <c r="C16690" s="1" t="s">
        <v>36004</v>
      </c>
      <c r="D16690" s="2">
        <v>169518</v>
      </c>
      <c r="E16690" s="1" t="s">
        <v>0</v>
      </c>
    </row>
    <row r="16691" spans="1:5" x14ac:dyDescent="0.25">
      <c r="A16691" s="1" t="s">
        <v>36005</v>
      </c>
      <c r="B16691" s="1" t="s">
        <v>57273</v>
      </c>
      <c r="C16691" s="1" t="s">
        <v>36006</v>
      </c>
      <c r="D16691" s="2">
        <v>169519</v>
      </c>
      <c r="E16691" s="1" t="s">
        <v>0</v>
      </c>
    </row>
    <row r="16692" spans="1:5" x14ac:dyDescent="0.25">
      <c r="A16692" s="2">
        <v>3338</v>
      </c>
      <c r="B16692" s="2">
        <v>3338</v>
      </c>
      <c r="C16692" s="1" t="s">
        <v>0</v>
      </c>
      <c r="D16692" s="2">
        <v>169520</v>
      </c>
      <c r="E16692" s="1" t="s">
        <v>0</v>
      </c>
    </row>
    <row r="16693" spans="1:5" x14ac:dyDescent="0.25">
      <c r="A16693" s="1" t="s">
        <v>9816</v>
      </c>
      <c r="B16693" s="1" t="s">
        <v>9817</v>
      </c>
      <c r="C16693" s="1" t="s">
        <v>36007</v>
      </c>
      <c r="D16693" s="2">
        <v>169521</v>
      </c>
      <c r="E16693" s="1" t="s">
        <v>0</v>
      </c>
    </row>
    <row r="16694" spans="1:5" x14ac:dyDescent="0.25">
      <c r="A16694" s="1" t="s">
        <v>36008</v>
      </c>
      <c r="B16694" s="1" t="s">
        <v>54689</v>
      </c>
      <c r="C16694" s="1" t="s">
        <v>36009</v>
      </c>
      <c r="D16694" s="2">
        <v>169522</v>
      </c>
      <c r="E16694" s="1" t="s">
        <v>0</v>
      </c>
    </row>
    <row r="16695" spans="1:5" ht="409.5" x14ac:dyDescent="0.25">
      <c r="A16695" s="4" t="s">
        <v>36010</v>
      </c>
      <c r="B16695" s="1" t="s">
        <v>54690</v>
      </c>
      <c r="C16695" s="1" t="s">
        <v>36011</v>
      </c>
      <c r="D16695" s="2">
        <v>169523</v>
      </c>
      <c r="E16695" s="1" t="s">
        <v>0</v>
      </c>
    </row>
    <row r="16696" spans="1:5" x14ac:dyDescent="0.25">
      <c r="A16696" s="1" t="s">
        <v>36012</v>
      </c>
      <c r="B16696" s="1" t="s">
        <v>54691</v>
      </c>
      <c r="C16696" s="1" t="s">
        <v>36013</v>
      </c>
      <c r="D16696" s="2">
        <v>169524</v>
      </c>
      <c r="E16696" s="1" t="s">
        <v>0</v>
      </c>
    </row>
    <row r="16697" spans="1:5" x14ac:dyDescent="0.25">
      <c r="A16697" s="2">
        <v>3339</v>
      </c>
      <c r="B16697" s="2">
        <v>3339</v>
      </c>
      <c r="C16697" s="1" t="s">
        <v>0</v>
      </c>
      <c r="D16697" s="2">
        <v>169525</v>
      </c>
      <c r="E16697" s="1" t="s">
        <v>0</v>
      </c>
    </row>
    <row r="16698" spans="1:5" x14ac:dyDescent="0.25">
      <c r="A16698" s="1" t="s">
        <v>3041</v>
      </c>
      <c r="B16698" s="1" t="s">
        <v>9818</v>
      </c>
      <c r="C16698" s="1" t="s">
        <v>36014</v>
      </c>
      <c r="D16698" s="2">
        <v>169526</v>
      </c>
      <c r="E16698" s="1" t="s">
        <v>0</v>
      </c>
    </row>
    <row r="16699" spans="1:5" x14ac:dyDescent="0.25">
      <c r="A16699" s="1" t="s">
        <v>36015</v>
      </c>
      <c r="B16699" s="1" t="s">
        <v>9819</v>
      </c>
      <c r="C16699" s="1" t="s">
        <v>36016</v>
      </c>
      <c r="D16699" s="2">
        <v>169527</v>
      </c>
      <c r="E16699" s="1" t="s">
        <v>0</v>
      </c>
    </row>
    <row r="16700" spans="1:5" ht="409.5" x14ac:dyDescent="0.25">
      <c r="A16700" s="4" t="s">
        <v>36017</v>
      </c>
      <c r="B16700" s="1" t="s">
        <v>63431</v>
      </c>
      <c r="C16700" s="1" t="s">
        <v>36018</v>
      </c>
      <c r="D16700" s="2">
        <v>169528</v>
      </c>
      <c r="E16700" s="1" t="s">
        <v>0</v>
      </c>
    </row>
    <row r="16701" spans="1:5" x14ac:dyDescent="0.25">
      <c r="A16701" s="1" t="s">
        <v>36019</v>
      </c>
      <c r="B16701" s="1" t="s">
        <v>57910</v>
      </c>
      <c r="C16701" s="1" t="s">
        <v>36020</v>
      </c>
      <c r="D16701" s="2">
        <v>169529</v>
      </c>
      <c r="E16701" s="1" t="s">
        <v>0</v>
      </c>
    </row>
    <row r="16702" spans="1:5" x14ac:dyDescent="0.25">
      <c r="A16702" s="2">
        <v>3340</v>
      </c>
      <c r="B16702" s="2">
        <v>3340</v>
      </c>
      <c r="C16702" s="1" t="s">
        <v>0</v>
      </c>
      <c r="D16702" s="2">
        <v>169530</v>
      </c>
      <c r="E16702" s="1" t="s">
        <v>0</v>
      </c>
    </row>
    <row r="16703" spans="1:5" x14ac:dyDescent="0.25">
      <c r="A16703" s="1" t="s">
        <v>9820</v>
      </c>
      <c r="B16703" s="1" t="s">
        <v>9821</v>
      </c>
      <c r="C16703" s="1" t="s">
        <v>36021</v>
      </c>
      <c r="D16703" s="2">
        <v>169531</v>
      </c>
      <c r="E16703" s="1" t="s">
        <v>0</v>
      </c>
    </row>
    <row r="16704" spans="1:5" x14ac:dyDescent="0.25">
      <c r="A16704" s="1" t="s">
        <v>36022</v>
      </c>
      <c r="B16704" s="1" t="s">
        <v>54692</v>
      </c>
      <c r="C16704" s="1" t="s">
        <v>36023</v>
      </c>
      <c r="D16704" s="2">
        <v>169532</v>
      </c>
      <c r="E16704" s="1" t="s">
        <v>0</v>
      </c>
    </row>
    <row r="16705" spans="1:5" ht="409.5" x14ac:dyDescent="0.25">
      <c r="A16705" s="4" t="s">
        <v>36024</v>
      </c>
      <c r="B16705" s="1" t="s">
        <v>63432</v>
      </c>
      <c r="C16705" s="1" t="s">
        <v>36025</v>
      </c>
      <c r="D16705" s="2">
        <v>169533</v>
      </c>
      <c r="E16705" s="1" t="s">
        <v>0</v>
      </c>
    </row>
    <row r="16706" spans="1:5" x14ac:dyDescent="0.25">
      <c r="A16706" s="1" t="s">
        <v>36026</v>
      </c>
      <c r="B16706" s="1" t="s">
        <v>54693</v>
      </c>
      <c r="C16706" s="1" t="s">
        <v>36027</v>
      </c>
      <c r="D16706" s="2">
        <v>169534</v>
      </c>
      <c r="E16706" s="1" t="s">
        <v>0</v>
      </c>
    </row>
    <row r="16707" spans="1:5" x14ac:dyDescent="0.25">
      <c r="A16707" s="2">
        <v>3341</v>
      </c>
      <c r="B16707" s="2">
        <v>3341</v>
      </c>
      <c r="C16707" s="1" t="s">
        <v>0</v>
      </c>
      <c r="D16707" s="2">
        <v>169535</v>
      </c>
      <c r="E16707" s="1" t="s">
        <v>0</v>
      </c>
    </row>
    <row r="16708" spans="1:5" x14ac:dyDescent="0.25">
      <c r="A16708" s="1" t="s">
        <v>3042</v>
      </c>
      <c r="B16708" s="1" t="s">
        <v>59045</v>
      </c>
      <c r="C16708" s="1" t="s">
        <v>36028</v>
      </c>
      <c r="D16708" s="2">
        <v>169536</v>
      </c>
      <c r="E16708" s="1" t="s">
        <v>0</v>
      </c>
    </row>
    <row r="16709" spans="1:5" x14ac:dyDescent="0.25">
      <c r="A16709" s="1" t="s">
        <v>36029</v>
      </c>
      <c r="B16709" s="1" t="s">
        <v>59046</v>
      </c>
      <c r="C16709" s="1" t="s">
        <v>36030</v>
      </c>
      <c r="D16709" s="2">
        <v>169537</v>
      </c>
      <c r="E16709" s="1" t="s">
        <v>0</v>
      </c>
    </row>
    <row r="16710" spans="1:5" ht="409.5" x14ac:dyDescent="0.25">
      <c r="A16710" s="4" t="s">
        <v>36031</v>
      </c>
      <c r="B16710" s="1" t="s">
        <v>63759</v>
      </c>
      <c r="C16710" s="1" t="s">
        <v>36032</v>
      </c>
      <c r="D16710" s="2">
        <v>169538</v>
      </c>
      <c r="E16710" s="1" t="s">
        <v>0</v>
      </c>
    </row>
    <row r="16711" spans="1:5" x14ac:dyDescent="0.25">
      <c r="A16711" s="1" t="s">
        <v>36033</v>
      </c>
      <c r="B16711" s="1" t="s">
        <v>9822</v>
      </c>
      <c r="C16711" s="1" t="s">
        <v>36034</v>
      </c>
      <c r="D16711" s="2">
        <v>169539</v>
      </c>
      <c r="E16711" s="1" t="s">
        <v>0</v>
      </c>
    </row>
    <row r="16712" spans="1:5" x14ac:dyDescent="0.25">
      <c r="A16712" s="2">
        <v>3342</v>
      </c>
      <c r="B16712" s="2">
        <v>3342</v>
      </c>
      <c r="C16712" s="1" t="s">
        <v>0</v>
      </c>
      <c r="D16712" s="2">
        <v>169540</v>
      </c>
      <c r="E16712" s="1" t="s">
        <v>0</v>
      </c>
    </row>
    <row r="16713" spans="1:5" x14ac:dyDescent="0.25">
      <c r="A16713" s="1" t="s">
        <v>3043</v>
      </c>
      <c r="B16713" s="1" t="s">
        <v>54694</v>
      </c>
      <c r="C16713" s="1" t="s">
        <v>36035</v>
      </c>
      <c r="D16713" s="2">
        <v>169541</v>
      </c>
      <c r="E16713" s="1" t="s">
        <v>0</v>
      </c>
    </row>
    <row r="16714" spans="1:5" x14ac:dyDescent="0.25">
      <c r="A16714" s="1" t="s">
        <v>36036</v>
      </c>
      <c r="B16714" s="1" t="s">
        <v>9823</v>
      </c>
      <c r="C16714" s="1" t="s">
        <v>36037</v>
      </c>
      <c r="D16714" s="2">
        <v>169542</v>
      </c>
      <c r="E16714" s="1" t="s">
        <v>0</v>
      </c>
    </row>
    <row r="16715" spans="1:5" ht="409.5" x14ac:dyDescent="0.25">
      <c r="A16715" s="4" t="s">
        <v>36038</v>
      </c>
      <c r="B16715" s="1" t="s">
        <v>62674</v>
      </c>
      <c r="C16715" s="1" t="s">
        <v>36039</v>
      </c>
      <c r="D16715" s="2">
        <v>169543</v>
      </c>
      <c r="E16715" s="1" t="s">
        <v>0</v>
      </c>
    </row>
    <row r="16716" spans="1:5" x14ac:dyDescent="0.25">
      <c r="A16716" s="1" t="s">
        <v>36040</v>
      </c>
      <c r="B16716" s="1" t="s">
        <v>9824</v>
      </c>
      <c r="C16716" s="1" t="s">
        <v>36041</v>
      </c>
      <c r="D16716" s="2">
        <v>169544</v>
      </c>
      <c r="E16716" s="1" t="s">
        <v>0</v>
      </c>
    </row>
    <row r="16717" spans="1:5" x14ac:dyDescent="0.25">
      <c r="A16717" s="2">
        <v>3343</v>
      </c>
      <c r="B16717" s="2">
        <v>3343</v>
      </c>
      <c r="C16717" s="1" t="s">
        <v>0</v>
      </c>
      <c r="D16717" s="2">
        <v>169545</v>
      </c>
      <c r="E16717" s="1" t="s">
        <v>0</v>
      </c>
    </row>
    <row r="16718" spans="1:5" x14ac:dyDescent="0.25">
      <c r="A16718" s="1" t="s">
        <v>3044</v>
      </c>
      <c r="B16718" s="1" t="s">
        <v>9825</v>
      </c>
      <c r="C16718" s="1" t="s">
        <v>36042</v>
      </c>
      <c r="D16718" s="2">
        <v>169546</v>
      </c>
      <c r="E16718" s="1" t="s">
        <v>0</v>
      </c>
    </row>
    <row r="16719" spans="1:5" x14ac:dyDescent="0.25">
      <c r="A16719" s="1" t="s">
        <v>36043</v>
      </c>
      <c r="B16719" s="1" t="s">
        <v>9826</v>
      </c>
      <c r="C16719" s="1" t="s">
        <v>36044</v>
      </c>
      <c r="D16719" s="2">
        <v>169547</v>
      </c>
      <c r="E16719" s="1" t="s">
        <v>0</v>
      </c>
    </row>
    <row r="16720" spans="1:5" ht="409.5" x14ac:dyDescent="0.25">
      <c r="A16720" s="4" t="s">
        <v>36045</v>
      </c>
      <c r="B16720" s="1" t="s">
        <v>59649</v>
      </c>
      <c r="C16720" s="1" t="s">
        <v>36046</v>
      </c>
      <c r="D16720" s="2">
        <v>169548</v>
      </c>
      <c r="E16720" s="1" t="s">
        <v>0</v>
      </c>
    </row>
    <row r="16721" spans="1:5" x14ac:dyDescent="0.25">
      <c r="A16721" s="1" t="s">
        <v>36047</v>
      </c>
      <c r="B16721" s="1" t="s">
        <v>54695</v>
      </c>
      <c r="C16721" s="1" t="s">
        <v>36048</v>
      </c>
      <c r="D16721" s="2">
        <v>169549</v>
      </c>
      <c r="E16721" s="1" t="s">
        <v>0</v>
      </c>
    </row>
    <row r="16722" spans="1:5" x14ac:dyDescent="0.25">
      <c r="A16722" s="2">
        <v>3344</v>
      </c>
      <c r="B16722" s="2">
        <v>3344</v>
      </c>
      <c r="C16722" s="1" t="s">
        <v>0</v>
      </c>
      <c r="D16722" s="2">
        <v>169550</v>
      </c>
      <c r="E16722" s="1" t="s">
        <v>0</v>
      </c>
    </row>
    <row r="16723" spans="1:5" x14ac:dyDescent="0.25">
      <c r="A16723" s="1" t="s">
        <v>3045</v>
      </c>
      <c r="B16723" s="1" t="s">
        <v>9827</v>
      </c>
      <c r="C16723" s="1" t="s">
        <v>36049</v>
      </c>
      <c r="D16723" s="2">
        <v>169551</v>
      </c>
      <c r="E16723" s="1" t="s">
        <v>0</v>
      </c>
    </row>
    <row r="16724" spans="1:5" x14ac:dyDescent="0.25">
      <c r="A16724" s="1" t="s">
        <v>36050</v>
      </c>
      <c r="B16724" s="1" t="s">
        <v>62675</v>
      </c>
      <c r="C16724" s="1" t="s">
        <v>36051</v>
      </c>
      <c r="D16724" s="2">
        <v>169552</v>
      </c>
      <c r="E16724" s="1" t="s">
        <v>0</v>
      </c>
    </row>
    <row r="16725" spans="1:5" ht="409.5" x14ac:dyDescent="0.25">
      <c r="A16725" s="4" t="s">
        <v>36052</v>
      </c>
      <c r="B16725" s="1" t="s">
        <v>62676</v>
      </c>
      <c r="C16725" s="1" t="s">
        <v>36053</v>
      </c>
      <c r="D16725" s="2">
        <v>169553</v>
      </c>
      <c r="E16725" s="1" t="s">
        <v>0</v>
      </c>
    </row>
    <row r="16726" spans="1:5" x14ac:dyDescent="0.25">
      <c r="A16726" s="1" t="s">
        <v>36054</v>
      </c>
      <c r="B16726" s="1" t="s">
        <v>9828</v>
      </c>
      <c r="C16726" s="1" t="s">
        <v>36055</v>
      </c>
      <c r="D16726" s="2">
        <v>169554</v>
      </c>
      <c r="E16726" s="1" t="s">
        <v>0</v>
      </c>
    </row>
    <row r="16727" spans="1:5" x14ac:dyDescent="0.25">
      <c r="A16727" s="2">
        <v>3345</v>
      </c>
      <c r="B16727" s="2">
        <v>3345</v>
      </c>
      <c r="C16727" s="1" t="s">
        <v>0</v>
      </c>
      <c r="D16727" s="2">
        <v>169555</v>
      </c>
      <c r="E16727" s="1" t="s">
        <v>0</v>
      </c>
    </row>
    <row r="16728" spans="1:5" x14ac:dyDescent="0.25">
      <c r="A16728" s="1" t="s">
        <v>3046</v>
      </c>
      <c r="B16728" s="1" t="s">
        <v>9829</v>
      </c>
      <c r="C16728" s="1" t="s">
        <v>36056</v>
      </c>
      <c r="D16728" s="2">
        <v>169556</v>
      </c>
      <c r="E16728" s="1" t="s">
        <v>0</v>
      </c>
    </row>
    <row r="16729" spans="1:5" x14ac:dyDescent="0.25">
      <c r="A16729" s="1" t="s">
        <v>36057</v>
      </c>
      <c r="B16729" s="1" t="s">
        <v>62677</v>
      </c>
      <c r="C16729" s="1" t="s">
        <v>36058</v>
      </c>
      <c r="D16729" s="2">
        <v>169557</v>
      </c>
      <c r="E16729" s="1" t="s">
        <v>0</v>
      </c>
    </row>
    <row r="16730" spans="1:5" ht="409.5" x14ac:dyDescent="0.25">
      <c r="A16730" s="4" t="s">
        <v>36059</v>
      </c>
      <c r="B16730" s="1" t="s">
        <v>62678</v>
      </c>
      <c r="C16730" s="1" t="s">
        <v>36060</v>
      </c>
      <c r="D16730" s="2">
        <v>169558</v>
      </c>
      <c r="E16730" s="1" t="s">
        <v>0</v>
      </c>
    </row>
    <row r="16731" spans="1:5" x14ac:dyDescent="0.25">
      <c r="A16731" s="1" t="s">
        <v>13654</v>
      </c>
      <c r="B16731" s="1" t="s">
        <v>60851</v>
      </c>
      <c r="C16731" s="1" t="s">
        <v>13655</v>
      </c>
      <c r="D16731" s="2">
        <v>169559</v>
      </c>
      <c r="E16731" s="1" t="s">
        <v>0</v>
      </c>
    </row>
    <row r="16732" spans="1:5" x14ac:dyDescent="0.25">
      <c r="A16732" s="2">
        <v>3346</v>
      </c>
      <c r="B16732" s="2">
        <v>3346</v>
      </c>
      <c r="C16732" s="1" t="s">
        <v>0</v>
      </c>
      <c r="D16732" s="2">
        <v>169560</v>
      </c>
      <c r="E16732" s="1" t="s">
        <v>0</v>
      </c>
    </row>
    <row r="16733" spans="1:5" x14ac:dyDescent="0.25">
      <c r="A16733" s="1" t="s">
        <v>3047</v>
      </c>
      <c r="B16733" s="1" t="s">
        <v>54696</v>
      </c>
      <c r="C16733" s="1" t="s">
        <v>36061</v>
      </c>
      <c r="D16733" s="2">
        <v>169561</v>
      </c>
      <c r="E16733" s="1" t="s">
        <v>0</v>
      </c>
    </row>
    <row r="16734" spans="1:5" x14ac:dyDescent="0.25">
      <c r="A16734" s="1" t="s">
        <v>36062</v>
      </c>
      <c r="B16734" s="1" t="s">
        <v>54697</v>
      </c>
      <c r="C16734" s="1" t="s">
        <v>36063</v>
      </c>
      <c r="D16734" s="2">
        <v>169562</v>
      </c>
      <c r="E16734" s="1" t="s">
        <v>0</v>
      </c>
    </row>
    <row r="16735" spans="1:5" ht="409.5" x14ac:dyDescent="0.25">
      <c r="A16735" s="4" t="s">
        <v>36064</v>
      </c>
      <c r="B16735" s="1" t="s">
        <v>54698</v>
      </c>
      <c r="C16735" s="1" t="s">
        <v>36065</v>
      </c>
      <c r="D16735" s="2">
        <v>169563</v>
      </c>
      <c r="E16735" s="1" t="s">
        <v>0</v>
      </c>
    </row>
    <row r="16736" spans="1:5" x14ac:dyDescent="0.25">
      <c r="A16736" s="1" t="s">
        <v>36066</v>
      </c>
      <c r="B16736" s="1" t="s">
        <v>9830</v>
      </c>
      <c r="C16736" s="1" t="s">
        <v>36067</v>
      </c>
      <c r="D16736" s="2">
        <v>169564</v>
      </c>
      <c r="E16736" s="1" t="s">
        <v>0</v>
      </c>
    </row>
    <row r="16737" spans="1:5" x14ac:dyDescent="0.25">
      <c r="A16737" s="2">
        <v>3347</v>
      </c>
      <c r="B16737" s="2">
        <v>3347</v>
      </c>
      <c r="C16737" s="1" t="s">
        <v>0</v>
      </c>
      <c r="D16737" s="2">
        <v>169565</v>
      </c>
      <c r="E16737" s="1" t="s">
        <v>0</v>
      </c>
    </row>
    <row r="16738" spans="1:5" x14ac:dyDescent="0.25">
      <c r="A16738" s="1" t="s">
        <v>3048</v>
      </c>
      <c r="B16738" s="1" t="s">
        <v>60119</v>
      </c>
      <c r="C16738" s="1" t="s">
        <v>36068</v>
      </c>
      <c r="D16738" s="2">
        <v>169566</v>
      </c>
      <c r="E16738" s="1" t="s">
        <v>0</v>
      </c>
    </row>
    <row r="16739" spans="1:5" x14ac:dyDescent="0.25">
      <c r="A16739" s="1" t="s">
        <v>36069</v>
      </c>
      <c r="B16739" s="1" t="s">
        <v>60120</v>
      </c>
      <c r="C16739" s="1" t="s">
        <v>36070</v>
      </c>
      <c r="D16739" s="2">
        <v>169567</v>
      </c>
      <c r="E16739" s="1" t="s">
        <v>0</v>
      </c>
    </row>
    <row r="16740" spans="1:5" ht="409.5" x14ac:dyDescent="0.25">
      <c r="A16740" s="4" t="s">
        <v>36071</v>
      </c>
      <c r="B16740" s="1" t="s">
        <v>62679</v>
      </c>
      <c r="C16740" s="1" t="s">
        <v>36072</v>
      </c>
      <c r="D16740" s="2">
        <v>169568</v>
      </c>
      <c r="E16740" s="1" t="s">
        <v>0</v>
      </c>
    </row>
    <row r="16741" spans="1:5" x14ac:dyDescent="0.25">
      <c r="A16741" s="1" t="s">
        <v>36073</v>
      </c>
      <c r="B16741" s="1" t="s">
        <v>9831</v>
      </c>
      <c r="C16741" s="1" t="s">
        <v>36074</v>
      </c>
      <c r="D16741" s="2">
        <v>169569</v>
      </c>
      <c r="E16741" s="1" t="s">
        <v>0</v>
      </c>
    </row>
    <row r="16742" spans="1:5" x14ac:dyDescent="0.25">
      <c r="A16742" s="2">
        <v>3348</v>
      </c>
      <c r="B16742" s="2">
        <v>3348</v>
      </c>
      <c r="C16742" s="1" t="s">
        <v>0</v>
      </c>
      <c r="D16742" s="2">
        <v>169570</v>
      </c>
      <c r="E16742" s="1" t="s">
        <v>0</v>
      </c>
    </row>
    <row r="16743" spans="1:5" x14ac:dyDescent="0.25">
      <c r="A16743" s="1" t="s">
        <v>3049</v>
      </c>
      <c r="B16743" s="1" t="s">
        <v>9832</v>
      </c>
      <c r="C16743" s="1" t="s">
        <v>36075</v>
      </c>
      <c r="D16743" s="2">
        <v>169571</v>
      </c>
      <c r="E16743" s="1" t="s">
        <v>0</v>
      </c>
    </row>
    <row r="16744" spans="1:5" x14ac:dyDescent="0.25">
      <c r="A16744" s="1" t="s">
        <v>36076</v>
      </c>
      <c r="B16744" s="1" t="s">
        <v>54699</v>
      </c>
      <c r="C16744" s="1" t="s">
        <v>36077</v>
      </c>
      <c r="D16744" s="2">
        <v>169572</v>
      </c>
      <c r="E16744" s="1" t="s">
        <v>0</v>
      </c>
    </row>
    <row r="16745" spans="1:5" ht="409.5" x14ac:dyDescent="0.25">
      <c r="A16745" s="4" t="s">
        <v>36078</v>
      </c>
      <c r="B16745" s="1" t="s">
        <v>54700</v>
      </c>
      <c r="C16745" s="1" t="s">
        <v>36079</v>
      </c>
      <c r="D16745" s="2">
        <v>169573</v>
      </c>
      <c r="E16745" s="1" t="s">
        <v>0</v>
      </c>
    </row>
    <row r="16746" spans="1:5" x14ac:dyDescent="0.25">
      <c r="A16746" s="1" t="s">
        <v>36080</v>
      </c>
      <c r="B16746" s="1" t="s">
        <v>9833</v>
      </c>
      <c r="C16746" s="1" t="s">
        <v>36081</v>
      </c>
      <c r="D16746" s="2">
        <v>169574</v>
      </c>
      <c r="E16746" s="1" t="s">
        <v>0</v>
      </c>
    </row>
    <row r="16747" spans="1:5" x14ac:dyDescent="0.25">
      <c r="A16747" s="2">
        <v>3349</v>
      </c>
      <c r="B16747" s="2">
        <v>3349</v>
      </c>
      <c r="C16747" s="1" t="s">
        <v>0</v>
      </c>
      <c r="D16747" s="2">
        <v>169575</v>
      </c>
      <c r="E16747" s="1" t="s">
        <v>0</v>
      </c>
    </row>
    <row r="16748" spans="1:5" x14ac:dyDescent="0.25">
      <c r="A16748" s="1" t="s">
        <v>3050</v>
      </c>
      <c r="B16748" s="1" t="s">
        <v>54701</v>
      </c>
      <c r="C16748" s="1" t="s">
        <v>36082</v>
      </c>
      <c r="D16748" s="2">
        <v>169576</v>
      </c>
      <c r="E16748" s="1" t="s">
        <v>0</v>
      </c>
    </row>
    <row r="16749" spans="1:5" x14ac:dyDescent="0.25">
      <c r="A16749" s="1" t="s">
        <v>36083</v>
      </c>
      <c r="B16749" s="1" t="s">
        <v>54702</v>
      </c>
      <c r="C16749" s="1" t="s">
        <v>36084</v>
      </c>
      <c r="D16749" s="2">
        <v>169577</v>
      </c>
      <c r="E16749" s="1" t="s">
        <v>0</v>
      </c>
    </row>
    <row r="16750" spans="1:5" ht="409.5" x14ac:dyDescent="0.25">
      <c r="A16750" s="4" t="s">
        <v>36085</v>
      </c>
      <c r="B16750" s="1" t="s">
        <v>63760</v>
      </c>
      <c r="C16750" s="1" t="s">
        <v>36086</v>
      </c>
      <c r="D16750" s="2">
        <v>169578</v>
      </c>
      <c r="E16750" s="1" t="s">
        <v>0</v>
      </c>
    </row>
    <row r="16751" spans="1:5" x14ac:dyDescent="0.25">
      <c r="A16751" s="1" t="s">
        <v>36087</v>
      </c>
      <c r="B16751" s="1" t="s">
        <v>61226</v>
      </c>
      <c r="C16751" s="1" t="s">
        <v>36088</v>
      </c>
      <c r="D16751" s="2">
        <v>169579</v>
      </c>
      <c r="E16751" s="1" t="s">
        <v>0</v>
      </c>
    </row>
    <row r="16752" spans="1:5" x14ac:dyDescent="0.25">
      <c r="A16752" s="2">
        <v>3350</v>
      </c>
      <c r="B16752" s="2">
        <v>3350</v>
      </c>
      <c r="C16752" s="1" t="s">
        <v>0</v>
      </c>
      <c r="D16752" s="2">
        <v>169580</v>
      </c>
      <c r="E16752" s="1" t="s">
        <v>0</v>
      </c>
    </row>
    <row r="16753" spans="1:5" x14ac:dyDescent="0.25">
      <c r="A16753" s="1" t="s">
        <v>3051</v>
      </c>
      <c r="B16753" s="1" t="s">
        <v>9834</v>
      </c>
      <c r="C16753" s="1" t="s">
        <v>36089</v>
      </c>
      <c r="D16753" s="2">
        <v>169581</v>
      </c>
      <c r="E16753" s="1" t="s">
        <v>0</v>
      </c>
    </row>
    <row r="16754" spans="1:5" x14ac:dyDescent="0.25">
      <c r="A16754" s="1" t="s">
        <v>36090</v>
      </c>
      <c r="B16754" s="1" t="s">
        <v>63891</v>
      </c>
      <c r="C16754" s="1" t="s">
        <v>36091</v>
      </c>
      <c r="D16754" s="2">
        <v>169582</v>
      </c>
      <c r="E16754" s="1" t="s">
        <v>0</v>
      </c>
    </row>
    <row r="16755" spans="1:5" ht="409.5" x14ac:dyDescent="0.25">
      <c r="A16755" s="4" t="s">
        <v>64247</v>
      </c>
      <c r="B16755" s="1" t="s">
        <v>63892</v>
      </c>
      <c r="C16755" s="1" t="s">
        <v>36092</v>
      </c>
      <c r="D16755" s="2">
        <v>169583</v>
      </c>
      <c r="E16755" s="1" t="s">
        <v>0</v>
      </c>
    </row>
    <row r="16756" spans="1:5" x14ac:dyDescent="0.25">
      <c r="A16756" s="1" t="s">
        <v>36093</v>
      </c>
      <c r="B16756" s="1" t="s">
        <v>9835</v>
      </c>
      <c r="C16756" s="1" t="s">
        <v>36094</v>
      </c>
      <c r="D16756" s="2">
        <v>169584</v>
      </c>
      <c r="E16756" s="1" t="s">
        <v>0</v>
      </c>
    </row>
    <row r="16757" spans="1:5" x14ac:dyDescent="0.25">
      <c r="A16757" s="2">
        <v>3351</v>
      </c>
      <c r="B16757" s="2">
        <v>3351</v>
      </c>
      <c r="C16757" s="1" t="s">
        <v>0</v>
      </c>
      <c r="D16757" s="2">
        <v>169585</v>
      </c>
      <c r="E16757" s="1" t="s">
        <v>0</v>
      </c>
    </row>
    <row r="16758" spans="1:5" x14ac:dyDescent="0.25">
      <c r="A16758" s="1" t="s">
        <v>3052</v>
      </c>
      <c r="B16758" s="1" t="s">
        <v>58794</v>
      </c>
      <c r="C16758" s="1" t="s">
        <v>26373</v>
      </c>
      <c r="D16758" s="2">
        <v>169586</v>
      </c>
      <c r="E16758" s="1" t="s">
        <v>0</v>
      </c>
    </row>
    <row r="16759" spans="1:5" x14ac:dyDescent="0.25">
      <c r="A16759" s="1" t="s">
        <v>36095</v>
      </c>
      <c r="B16759" s="1" t="s">
        <v>58795</v>
      </c>
      <c r="C16759" s="1" t="s">
        <v>36096</v>
      </c>
      <c r="D16759" s="2">
        <v>169587</v>
      </c>
      <c r="E16759" s="1" t="s">
        <v>0</v>
      </c>
    </row>
    <row r="16760" spans="1:5" ht="409.5" x14ac:dyDescent="0.25">
      <c r="A16760" s="4" t="s">
        <v>36097</v>
      </c>
      <c r="B16760" s="1" t="s">
        <v>59650</v>
      </c>
      <c r="C16760" s="1" t="s">
        <v>36098</v>
      </c>
      <c r="D16760" s="2">
        <v>169588</v>
      </c>
      <c r="E16760" s="1" t="s">
        <v>0</v>
      </c>
    </row>
    <row r="16761" spans="1:5" x14ac:dyDescent="0.25">
      <c r="A16761" s="1" t="s">
        <v>32122</v>
      </c>
      <c r="B16761" s="1" t="s">
        <v>58778</v>
      </c>
      <c r="C16761" s="1" t="s">
        <v>32123</v>
      </c>
      <c r="D16761" s="2">
        <v>169589</v>
      </c>
      <c r="E16761" s="1" t="s">
        <v>0</v>
      </c>
    </row>
    <row r="16762" spans="1:5" x14ac:dyDescent="0.25">
      <c r="A16762" s="2">
        <v>3352</v>
      </c>
      <c r="B16762" s="2">
        <v>3352</v>
      </c>
      <c r="C16762" s="1" t="s">
        <v>0</v>
      </c>
      <c r="D16762" s="2">
        <v>169590</v>
      </c>
      <c r="E16762" s="1" t="s">
        <v>0</v>
      </c>
    </row>
    <row r="16763" spans="1:5" x14ac:dyDescent="0.25">
      <c r="A16763" s="1" t="s">
        <v>3053</v>
      </c>
      <c r="B16763" s="1" t="s">
        <v>9836</v>
      </c>
      <c r="C16763" s="1" t="s">
        <v>36099</v>
      </c>
      <c r="D16763" s="2">
        <v>169591</v>
      </c>
      <c r="E16763" s="1" t="s">
        <v>0</v>
      </c>
    </row>
    <row r="16764" spans="1:5" x14ac:dyDescent="0.25">
      <c r="A16764" s="1" t="s">
        <v>36100</v>
      </c>
      <c r="B16764" s="1" t="s">
        <v>9837</v>
      </c>
      <c r="C16764" s="1" t="s">
        <v>36101</v>
      </c>
      <c r="D16764" s="2">
        <v>169592</v>
      </c>
      <c r="E16764" s="1" t="s">
        <v>0</v>
      </c>
    </row>
    <row r="16765" spans="1:5" ht="409.5" x14ac:dyDescent="0.25">
      <c r="A16765" s="4" t="s">
        <v>36102</v>
      </c>
      <c r="B16765" s="1" t="s">
        <v>57046</v>
      </c>
      <c r="C16765" s="1" t="s">
        <v>36103</v>
      </c>
      <c r="D16765" s="2">
        <v>169593</v>
      </c>
      <c r="E16765" s="1" t="s">
        <v>0</v>
      </c>
    </row>
    <row r="16766" spans="1:5" x14ac:dyDescent="0.25">
      <c r="A16766" s="1" t="s">
        <v>36104</v>
      </c>
      <c r="B16766" s="1" t="s">
        <v>54703</v>
      </c>
      <c r="C16766" s="1" t="s">
        <v>36105</v>
      </c>
      <c r="D16766" s="2">
        <v>169594</v>
      </c>
      <c r="E16766" s="1" t="s">
        <v>0</v>
      </c>
    </row>
    <row r="16767" spans="1:5" x14ac:dyDescent="0.25">
      <c r="A16767" s="2">
        <v>3353</v>
      </c>
      <c r="B16767" s="2">
        <v>3353</v>
      </c>
      <c r="C16767" s="1" t="s">
        <v>0</v>
      </c>
      <c r="D16767" s="2">
        <v>169595</v>
      </c>
      <c r="E16767" s="1" t="s">
        <v>0</v>
      </c>
    </row>
    <row r="16768" spans="1:5" x14ac:dyDescent="0.25">
      <c r="A16768" s="1" t="s">
        <v>3054</v>
      </c>
      <c r="B16768" s="1" t="s">
        <v>9838</v>
      </c>
      <c r="C16768" s="1" t="s">
        <v>36106</v>
      </c>
      <c r="D16768" s="2">
        <v>169596</v>
      </c>
      <c r="E16768" s="1" t="s">
        <v>0</v>
      </c>
    </row>
    <row r="16769" spans="1:5" x14ac:dyDescent="0.25">
      <c r="A16769" s="1" t="s">
        <v>36107</v>
      </c>
      <c r="B16769" s="1" t="s">
        <v>63433</v>
      </c>
      <c r="C16769" s="1" t="s">
        <v>36108</v>
      </c>
      <c r="D16769" s="2">
        <v>169597</v>
      </c>
      <c r="E16769" s="1" t="s">
        <v>0</v>
      </c>
    </row>
    <row r="16770" spans="1:5" ht="409.5" x14ac:dyDescent="0.25">
      <c r="A16770" s="4" t="s">
        <v>36109</v>
      </c>
      <c r="B16770" s="1" t="s">
        <v>63434</v>
      </c>
      <c r="C16770" s="1" t="s">
        <v>36110</v>
      </c>
      <c r="D16770" s="2">
        <v>169598</v>
      </c>
      <c r="E16770" s="1" t="s">
        <v>0</v>
      </c>
    </row>
    <row r="16771" spans="1:5" x14ac:dyDescent="0.25">
      <c r="A16771" s="1" t="s">
        <v>36111</v>
      </c>
      <c r="B16771" s="1" t="s">
        <v>9839</v>
      </c>
      <c r="C16771" s="1" t="s">
        <v>36112</v>
      </c>
      <c r="D16771" s="2">
        <v>169599</v>
      </c>
      <c r="E16771" s="1" t="s">
        <v>0</v>
      </c>
    </row>
    <row r="16772" spans="1:5" x14ac:dyDescent="0.25">
      <c r="A16772" s="2">
        <v>3354</v>
      </c>
      <c r="B16772" s="2">
        <v>3354</v>
      </c>
      <c r="C16772" s="1" t="s">
        <v>0</v>
      </c>
      <c r="D16772" s="2">
        <v>169600</v>
      </c>
      <c r="E16772" s="1" t="s">
        <v>0</v>
      </c>
    </row>
    <row r="16773" spans="1:5" x14ac:dyDescent="0.25">
      <c r="A16773" s="1" t="s">
        <v>3055</v>
      </c>
      <c r="B16773" s="1" t="s">
        <v>54704</v>
      </c>
      <c r="C16773" s="1" t="s">
        <v>36113</v>
      </c>
      <c r="D16773" s="2">
        <v>169601</v>
      </c>
      <c r="E16773" s="1" t="s">
        <v>0</v>
      </c>
    </row>
    <row r="16774" spans="1:5" x14ac:dyDescent="0.25">
      <c r="A16774" s="1" t="s">
        <v>36114</v>
      </c>
      <c r="B16774" s="1" t="s">
        <v>54705</v>
      </c>
      <c r="C16774" s="1" t="s">
        <v>36115</v>
      </c>
      <c r="D16774" s="2">
        <v>169602</v>
      </c>
      <c r="E16774" s="1" t="s">
        <v>0</v>
      </c>
    </row>
    <row r="16775" spans="1:5" ht="409.5" x14ac:dyDescent="0.25">
      <c r="A16775" s="4" t="s">
        <v>36116</v>
      </c>
      <c r="B16775" s="1" t="s">
        <v>54706</v>
      </c>
      <c r="C16775" s="1" t="s">
        <v>36117</v>
      </c>
      <c r="D16775" s="2">
        <v>169603</v>
      </c>
      <c r="E16775" s="1" t="s">
        <v>0</v>
      </c>
    </row>
    <row r="16776" spans="1:5" x14ac:dyDescent="0.25">
      <c r="A16776" s="1" t="s">
        <v>36118</v>
      </c>
      <c r="B16776" s="1" t="s">
        <v>9840</v>
      </c>
      <c r="C16776" s="1" t="s">
        <v>36119</v>
      </c>
      <c r="D16776" s="2">
        <v>169604</v>
      </c>
      <c r="E16776" s="1" t="s">
        <v>0</v>
      </c>
    </row>
    <row r="16777" spans="1:5" x14ac:dyDescent="0.25">
      <c r="A16777" s="2">
        <v>3355</v>
      </c>
      <c r="B16777" s="2">
        <v>3355</v>
      </c>
      <c r="C16777" s="1" t="s">
        <v>0</v>
      </c>
      <c r="D16777" s="2">
        <v>169605</v>
      </c>
      <c r="E16777" s="1" t="s">
        <v>0</v>
      </c>
    </row>
    <row r="16778" spans="1:5" x14ac:dyDescent="0.25">
      <c r="A16778" s="1" t="s">
        <v>3056</v>
      </c>
      <c r="B16778" s="1" t="s">
        <v>9841</v>
      </c>
      <c r="C16778" s="1" t="s">
        <v>36120</v>
      </c>
      <c r="D16778" s="2">
        <v>169606</v>
      </c>
      <c r="E16778" s="1" t="s">
        <v>0</v>
      </c>
    </row>
    <row r="16779" spans="1:5" x14ac:dyDescent="0.25">
      <c r="A16779" s="1" t="s">
        <v>36121</v>
      </c>
      <c r="B16779" s="1" t="s">
        <v>9842</v>
      </c>
      <c r="C16779" s="1" t="s">
        <v>36122</v>
      </c>
      <c r="D16779" s="2">
        <v>169607</v>
      </c>
      <c r="E16779" s="1" t="s">
        <v>0</v>
      </c>
    </row>
    <row r="16780" spans="1:5" ht="409.5" x14ac:dyDescent="0.25">
      <c r="A16780" s="4" t="s">
        <v>36123</v>
      </c>
      <c r="B16780" s="1" t="s">
        <v>62680</v>
      </c>
      <c r="C16780" s="1" t="s">
        <v>36124</v>
      </c>
      <c r="D16780" s="2">
        <v>169608</v>
      </c>
      <c r="E16780" s="1" t="s">
        <v>0</v>
      </c>
    </row>
    <row r="16781" spans="1:5" x14ac:dyDescent="0.25">
      <c r="A16781" s="1" t="s">
        <v>36125</v>
      </c>
      <c r="B16781" s="1" t="s">
        <v>54707</v>
      </c>
      <c r="C16781" s="1" t="s">
        <v>36126</v>
      </c>
      <c r="D16781" s="2">
        <v>169609</v>
      </c>
      <c r="E16781" s="1" t="s">
        <v>0</v>
      </c>
    </row>
    <row r="16782" spans="1:5" x14ac:dyDescent="0.25">
      <c r="A16782" s="2">
        <v>3356</v>
      </c>
      <c r="B16782" s="2">
        <v>3356</v>
      </c>
      <c r="C16782" s="1" t="s">
        <v>0</v>
      </c>
      <c r="D16782" s="2">
        <v>169610</v>
      </c>
      <c r="E16782" s="1" t="s">
        <v>0</v>
      </c>
    </row>
    <row r="16783" spans="1:5" x14ac:dyDescent="0.25">
      <c r="A16783" s="1" t="s">
        <v>3057</v>
      </c>
      <c r="B16783" s="1" t="s">
        <v>60121</v>
      </c>
      <c r="C16783" s="1" t="s">
        <v>36127</v>
      </c>
      <c r="D16783" s="2">
        <v>169611</v>
      </c>
      <c r="E16783" s="1" t="s">
        <v>0</v>
      </c>
    </row>
    <row r="16784" spans="1:5" x14ac:dyDescent="0.25">
      <c r="A16784" s="1" t="s">
        <v>36128</v>
      </c>
      <c r="B16784" s="1" t="s">
        <v>54708</v>
      </c>
      <c r="C16784" s="1" t="s">
        <v>36129</v>
      </c>
      <c r="D16784" s="2">
        <v>169612</v>
      </c>
      <c r="E16784" s="1" t="s">
        <v>0</v>
      </c>
    </row>
    <row r="16785" spans="1:5" ht="409.5" x14ac:dyDescent="0.25">
      <c r="A16785" s="4" t="s">
        <v>36130</v>
      </c>
      <c r="B16785" s="1" t="s">
        <v>60122</v>
      </c>
      <c r="C16785" s="1" t="s">
        <v>36131</v>
      </c>
      <c r="D16785" s="2">
        <v>169613</v>
      </c>
      <c r="E16785" s="1" t="s">
        <v>0</v>
      </c>
    </row>
    <row r="16786" spans="1:5" x14ac:dyDescent="0.25">
      <c r="A16786" s="1" t="s">
        <v>36132</v>
      </c>
      <c r="B16786" s="1" t="s">
        <v>54709</v>
      </c>
      <c r="C16786" s="1" t="s">
        <v>36133</v>
      </c>
      <c r="D16786" s="2">
        <v>169614</v>
      </c>
      <c r="E16786" s="1" t="s">
        <v>0</v>
      </c>
    </row>
    <row r="16787" spans="1:5" x14ac:dyDescent="0.25">
      <c r="A16787" s="2">
        <v>3357</v>
      </c>
      <c r="B16787" s="2">
        <v>3357</v>
      </c>
      <c r="C16787" s="1" t="s">
        <v>0</v>
      </c>
      <c r="D16787" s="2">
        <v>169615</v>
      </c>
      <c r="E16787" s="1" t="s">
        <v>0</v>
      </c>
    </row>
    <row r="16788" spans="1:5" x14ac:dyDescent="0.25">
      <c r="A16788" s="1" t="s">
        <v>3058</v>
      </c>
      <c r="B16788" s="1" t="s">
        <v>9843</v>
      </c>
      <c r="C16788" s="1" t="s">
        <v>36134</v>
      </c>
      <c r="D16788" s="2">
        <v>169616</v>
      </c>
      <c r="E16788" s="1" t="s">
        <v>0</v>
      </c>
    </row>
    <row r="16789" spans="1:5" x14ac:dyDescent="0.25">
      <c r="A16789" s="1" t="s">
        <v>36135</v>
      </c>
      <c r="B16789" s="1" t="s">
        <v>9844</v>
      </c>
      <c r="C16789" s="1" t="s">
        <v>36136</v>
      </c>
      <c r="D16789" s="2">
        <v>169617</v>
      </c>
      <c r="E16789" s="1" t="s">
        <v>0</v>
      </c>
    </row>
    <row r="16790" spans="1:5" ht="409.5" x14ac:dyDescent="0.25">
      <c r="A16790" s="4" t="s">
        <v>36137</v>
      </c>
      <c r="B16790" s="1" t="s">
        <v>9845</v>
      </c>
      <c r="C16790" s="1" t="s">
        <v>36138</v>
      </c>
      <c r="D16790" s="2">
        <v>169618</v>
      </c>
      <c r="E16790" s="1" t="s">
        <v>0</v>
      </c>
    </row>
    <row r="16791" spans="1:5" x14ac:dyDescent="0.25">
      <c r="A16791" s="1" t="s">
        <v>36139</v>
      </c>
      <c r="B16791" s="1" t="s">
        <v>54710</v>
      </c>
      <c r="C16791" s="1" t="s">
        <v>36140</v>
      </c>
      <c r="D16791" s="2">
        <v>169619</v>
      </c>
      <c r="E16791" s="1" t="s">
        <v>0</v>
      </c>
    </row>
    <row r="16792" spans="1:5" x14ac:dyDescent="0.25">
      <c r="A16792" s="2">
        <v>3358</v>
      </c>
      <c r="B16792" s="2">
        <v>3358</v>
      </c>
      <c r="C16792" s="1" t="s">
        <v>0</v>
      </c>
      <c r="D16792" s="2">
        <v>169620</v>
      </c>
      <c r="E16792" s="1" t="s">
        <v>0</v>
      </c>
    </row>
    <row r="16793" spans="1:5" x14ac:dyDescent="0.25">
      <c r="A16793" s="1" t="s">
        <v>3059</v>
      </c>
      <c r="B16793" s="1" t="s">
        <v>9846</v>
      </c>
      <c r="C16793" s="1" t="s">
        <v>36141</v>
      </c>
      <c r="D16793" s="2">
        <v>169621</v>
      </c>
      <c r="E16793" s="1" t="s">
        <v>0</v>
      </c>
    </row>
    <row r="16794" spans="1:5" x14ac:dyDescent="0.25">
      <c r="A16794" s="1" t="s">
        <v>36142</v>
      </c>
      <c r="B16794" s="1" t="s">
        <v>63435</v>
      </c>
      <c r="C16794" s="1" t="s">
        <v>36143</v>
      </c>
      <c r="D16794" s="2">
        <v>169622</v>
      </c>
      <c r="E16794" s="1" t="s">
        <v>0</v>
      </c>
    </row>
    <row r="16795" spans="1:5" ht="409.5" x14ac:dyDescent="0.25">
      <c r="A16795" s="4" t="s">
        <v>36144</v>
      </c>
      <c r="B16795" s="1" t="s">
        <v>63436</v>
      </c>
      <c r="C16795" s="1" t="s">
        <v>36145</v>
      </c>
      <c r="D16795" s="2">
        <v>169623</v>
      </c>
      <c r="E16795" s="1" t="s">
        <v>0</v>
      </c>
    </row>
    <row r="16796" spans="1:5" x14ac:dyDescent="0.25">
      <c r="A16796" s="1" t="s">
        <v>36146</v>
      </c>
      <c r="B16796" s="1" t="s">
        <v>54711</v>
      </c>
      <c r="C16796" s="1" t="s">
        <v>36147</v>
      </c>
      <c r="D16796" s="2">
        <v>169624</v>
      </c>
      <c r="E16796" s="1" t="s">
        <v>0</v>
      </c>
    </row>
    <row r="16797" spans="1:5" x14ac:dyDescent="0.25">
      <c r="A16797" s="2">
        <v>3359</v>
      </c>
      <c r="B16797" s="2">
        <v>3359</v>
      </c>
      <c r="C16797" s="1" t="s">
        <v>0</v>
      </c>
      <c r="D16797" s="2">
        <v>169625</v>
      </c>
      <c r="E16797" s="1" t="s">
        <v>0</v>
      </c>
    </row>
    <row r="16798" spans="1:5" x14ac:dyDescent="0.25">
      <c r="A16798" s="1" t="s">
        <v>3060</v>
      </c>
      <c r="B16798" s="1" t="s">
        <v>9847</v>
      </c>
      <c r="C16798" s="1" t="s">
        <v>36148</v>
      </c>
      <c r="D16798" s="2">
        <v>169626</v>
      </c>
      <c r="E16798" s="1" t="s">
        <v>0</v>
      </c>
    </row>
    <row r="16799" spans="1:5" x14ac:dyDescent="0.25">
      <c r="A16799" s="1" t="s">
        <v>36149</v>
      </c>
      <c r="B16799" s="1" t="s">
        <v>54712</v>
      </c>
      <c r="C16799" s="1" t="s">
        <v>36150</v>
      </c>
      <c r="D16799" s="2">
        <v>169627</v>
      </c>
      <c r="E16799" s="1" t="s">
        <v>0</v>
      </c>
    </row>
    <row r="16800" spans="1:5" ht="409.5" x14ac:dyDescent="0.25">
      <c r="A16800" s="4" t="s">
        <v>36151</v>
      </c>
      <c r="B16800" s="1" t="s">
        <v>63437</v>
      </c>
      <c r="C16800" s="1" t="s">
        <v>36152</v>
      </c>
      <c r="D16800" s="2">
        <v>169628</v>
      </c>
      <c r="E16800" s="1" t="s">
        <v>0</v>
      </c>
    </row>
    <row r="16801" spans="1:5" x14ac:dyDescent="0.25">
      <c r="A16801" s="1" t="s">
        <v>36153</v>
      </c>
      <c r="B16801" s="1" t="s">
        <v>9848</v>
      </c>
      <c r="C16801" s="1" t="s">
        <v>36154</v>
      </c>
      <c r="D16801" s="2">
        <v>169629</v>
      </c>
      <c r="E16801" s="1" t="s">
        <v>0</v>
      </c>
    </row>
    <row r="16802" spans="1:5" x14ac:dyDescent="0.25">
      <c r="A16802" s="2">
        <v>3360</v>
      </c>
      <c r="B16802" s="2">
        <v>3360</v>
      </c>
      <c r="C16802" s="1" t="s">
        <v>0</v>
      </c>
      <c r="D16802" s="2">
        <v>169630</v>
      </c>
      <c r="E16802" s="1" t="s">
        <v>0</v>
      </c>
    </row>
    <row r="16803" spans="1:5" x14ac:dyDescent="0.25">
      <c r="A16803" s="1" t="s">
        <v>3061</v>
      </c>
      <c r="B16803" s="1" t="s">
        <v>9849</v>
      </c>
      <c r="C16803" s="1" t="s">
        <v>36155</v>
      </c>
      <c r="D16803" s="2">
        <v>169631</v>
      </c>
      <c r="E16803" s="1" t="s">
        <v>0</v>
      </c>
    </row>
    <row r="16804" spans="1:5" x14ac:dyDescent="0.25">
      <c r="A16804" s="1" t="s">
        <v>36156</v>
      </c>
      <c r="B16804" s="1" t="s">
        <v>50874</v>
      </c>
      <c r="C16804" s="1" t="s">
        <v>36157</v>
      </c>
      <c r="D16804" s="2">
        <v>169632</v>
      </c>
      <c r="E16804" s="1" t="s">
        <v>0</v>
      </c>
    </row>
    <row r="16805" spans="1:5" ht="409.5" x14ac:dyDescent="0.25">
      <c r="A16805" s="4" t="s">
        <v>36158</v>
      </c>
      <c r="B16805" s="1" t="s">
        <v>54713</v>
      </c>
      <c r="C16805" s="1" t="s">
        <v>36159</v>
      </c>
      <c r="D16805" s="2">
        <v>169633</v>
      </c>
      <c r="E16805" s="1" t="s">
        <v>0</v>
      </c>
    </row>
    <row r="16806" spans="1:5" x14ac:dyDescent="0.25">
      <c r="A16806" s="1" t="s">
        <v>36160</v>
      </c>
      <c r="B16806" s="1" t="s">
        <v>50875</v>
      </c>
      <c r="C16806" s="1" t="s">
        <v>36161</v>
      </c>
      <c r="D16806" s="2">
        <v>169634</v>
      </c>
      <c r="E16806" s="1" t="s">
        <v>0</v>
      </c>
    </row>
    <row r="16807" spans="1:5" x14ac:dyDescent="0.25">
      <c r="A16807" s="2">
        <v>3361</v>
      </c>
      <c r="B16807" s="2">
        <v>3361</v>
      </c>
      <c r="C16807" s="1" t="s">
        <v>0</v>
      </c>
      <c r="D16807" s="2">
        <v>169635</v>
      </c>
      <c r="E16807" s="1" t="s">
        <v>0</v>
      </c>
    </row>
    <row r="16808" spans="1:5" x14ac:dyDescent="0.25">
      <c r="A16808" s="1" t="s">
        <v>3062</v>
      </c>
      <c r="B16808" s="1" t="s">
        <v>9850</v>
      </c>
      <c r="C16808" s="1" t="s">
        <v>36162</v>
      </c>
      <c r="D16808" s="2">
        <v>169636</v>
      </c>
      <c r="E16808" s="1" t="s">
        <v>0</v>
      </c>
    </row>
    <row r="16809" spans="1:5" x14ac:dyDescent="0.25">
      <c r="A16809" s="1" t="s">
        <v>36163</v>
      </c>
      <c r="B16809" s="1" t="s">
        <v>9851</v>
      </c>
      <c r="C16809" s="1" t="s">
        <v>36164</v>
      </c>
      <c r="D16809" s="2">
        <v>169637</v>
      </c>
      <c r="E16809" s="1" t="s">
        <v>0</v>
      </c>
    </row>
    <row r="16810" spans="1:5" ht="409.5" x14ac:dyDescent="0.25">
      <c r="A16810" s="4" t="s">
        <v>64248</v>
      </c>
      <c r="B16810" s="1" t="s">
        <v>9852</v>
      </c>
      <c r="C16810" s="1" t="s">
        <v>36165</v>
      </c>
      <c r="D16810" s="2">
        <v>169638</v>
      </c>
      <c r="E16810" s="1" t="s">
        <v>0</v>
      </c>
    </row>
    <row r="16811" spans="1:5" x14ac:dyDescent="0.25">
      <c r="A16811" s="1" t="s">
        <v>36166</v>
      </c>
      <c r="B16811" s="1" t="s">
        <v>9853</v>
      </c>
      <c r="C16811" s="1" t="s">
        <v>36167</v>
      </c>
      <c r="D16811" s="2">
        <v>169639</v>
      </c>
      <c r="E16811" s="1" t="s">
        <v>0</v>
      </c>
    </row>
    <row r="16812" spans="1:5" x14ac:dyDescent="0.25">
      <c r="A16812" s="2">
        <v>3362</v>
      </c>
      <c r="B16812" s="2">
        <v>3362</v>
      </c>
      <c r="C16812" s="1" t="s">
        <v>0</v>
      </c>
      <c r="D16812" s="2">
        <v>169640</v>
      </c>
      <c r="E16812" s="1" t="s">
        <v>0</v>
      </c>
    </row>
    <row r="16813" spans="1:5" x14ac:dyDescent="0.25">
      <c r="A16813" s="1" t="s">
        <v>3063</v>
      </c>
      <c r="B16813" s="1" t="s">
        <v>9854</v>
      </c>
      <c r="C16813" s="1" t="s">
        <v>36168</v>
      </c>
      <c r="D16813" s="2">
        <v>169641</v>
      </c>
      <c r="E16813" s="1" t="s">
        <v>0</v>
      </c>
    </row>
    <row r="16814" spans="1:5" x14ac:dyDescent="0.25">
      <c r="A16814" s="1" t="s">
        <v>36169</v>
      </c>
      <c r="B16814" s="1" t="s">
        <v>54714</v>
      </c>
      <c r="C16814" s="1" t="s">
        <v>36170</v>
      </c>
      <c r="D16814" s="2">
        <v>169642</v>
      </c>
      <c r="E16814" s="1" t="s">
        <v>0</v>
      </c>
    </row>
    <row r="16815" spans="1:5" ht="409.5" x14ac:dyDescent="0.25">
      <c r="A16815" s="4" t="s">
        <v>36171</v>
      </c>
      <c r="B16815" s="1" t="s">
        <v>57047</v>
      </c>
      <c r="C16815" s="1" t="s">
        <v>36172</v>
      </c>
      <c r="D16815" s="2">
        <v>169643</v>
      </c>
      <c r="E16815" s="1" t="s">
        <v>0</v>
      </c>
    </row>
    <row r="16816" spans="1:5" x14ac:dyDescent="0.25">
      <c r="A16816" s="1" t="s">
        <v>18619</v>
      </c>
      <c r="B16816" s="1" t="s">
        <v>60942</v>
      </c>
      <c r="C16816" s="1" t="s">
        <v>18620</v>
      </c>
      <c r="D16816" s="2">
        <v>169644</v>
      </c>
      <c r="E16816" s="1" t="s">
        <v>0</v>
      </c>
    </row>
    <row r="16817" spans="1:5" x14ac:dyDescent="0.25">
      <c r="A16817" s="2">
        <v>3363</v>
      </c>
      <c r="B16817" s="2">
        <v>3363</v>
      </c>
      <c r="C16817" s="1" t="s">
        <v>0</v>
      </c>
      <c r="D16817" s="2">
        <v>169645</v>
      </c>
      <c r="E16817" s="1" t="s">
        <v>0</v>
      </c>
    </row>
    <row r="16818" spans="1:5" x14ac:dyDescent="0.25">
      <c r="A16818" s="1" t="s">
        <v>13203</v>
      </c>
      <c r="B16818" s="1" t="s">
        <v>9855</v>
      </c>
      <c r="C16818" s="1" t="s">
        <v>36173</v>
      </c>
      <c r="D16818" s="2">
        <v>169646</v>
      </c>
      <c r="E16818" s="1" t="s">
        <v>0</v>
      </c>
    </row>
    <row r="16819" spans="1:5" x14ac:dyDescent="0.25">
      <c r="A16819" s="1" t="s">
        <v>36174</v>
      </c>
      <c r="B16819" s="1" t="s">
        <v>54715</v>
      </c>
      <c r="C16819" s="1" t="s">
        <v>36175</v>
      </c>
      <c r="D16819" s="2">
        <v>169647</v>
      </c>
      <c r="E16819" s="1" t="s">
        <v>0</v>
      </c>
    </row>
    <row r="16820" spans="1:5" ht="409.5" x14ac:dyDescent="0.25">
      <c r="A16820" s="4" t="s">
        <v>36176</v>
      </c>
      <c r="B16820" s="1" t="s">
        <v>54716</v>
      </c>
      <c r="C16820" s="1" t="s">
        <v>36177</v>
      </c>
      <c r="D16820" s="2">
        <v>169648</v>
      </c>
      <c r="E16820" s="1" t="s">
        <v>0</v>
      </c>
    </row>
    <row r="16821" spans="1:5" x14ac:dyDescent="0.25">
      <c r="A16821" s="1" t="s">
        <v>36178</v>
      </c>
      <c r="B16821" s="1" t="s">
        <v>54717</v>
      </c>
      <c r="C16821" s="1" t="s">
        <v>36179</v>
      </c>
      <c r="D16821" s="2">
        <v>169649</v>
      </c>
      <c r="E16821" s="1" t="s">
        <v>0</v>
      </c>
    </row>
    <row r="16822" spans="1:5" x14ac:dyDescent="0.25">
      <c r="A16822" s="2">
        <v>3364</v>
      </c>
      <c r="B16822" s="2">
        <v>3364</v>
      </c>
      <c r="C16822" s="1" t="s">
        <v>0</v>
      </c>
      <c r="D16822" s="2">
        <v>169650</v>
      </c>
      <c r="E16822" s="1" t="s">
        <v>0</v>
      </c>
    </row>
    <row r="16823" spans="1:5" x14ac:dyDescent="0.25">
      <c r="A16823" s="1" t="s">
        <v>3064</v>
      </c>
      <c r="B16823" s="1" t="s">
        <v>54718</v>
      </c>
      <c r="C16823" s="1" t="s">
        <v>36180</v>
      </c>
      <c r="D16823" s="2">
        <v>169651</v>
      </c>
      <c r="E16823" s="1" t="s">
        <v>0</v>
      </c>
    </row>
    <row r="16824" spans="1:5" x14ac:dyDescent="0.25">
      <c r="A16824" s="1" t="s">
        <v>36181</v>
      </c>
      <c r="B16824" s="1" t="s">
        <v>9856</v>
      </c>
      <c r="C16824" s="1" t="s">
        <v>36182</v>
      </c>
      <c r="D16824" s="2">
        <v>169652</v>
      </c>
      <c r="E16824" s="1" t="s">
        <v>0</v>
      </c>
    </row>
    <row r="16825" spans="1:5" ht="409.5" x14ac:dyDescent="0.25">
      <c r="A16825" s="4" t="s">
        <v>36183</v>
      </c>
      <c r="B16825" s="1" t="s">
        <v>57911</v>
      </c>
      <c r="C16825" s="1" t="s">
        <v>36184</v>
      </c>
      <c r="D16825" s="2">
        <v>169653</v>
      </c>
      <c r="E16825" s="1" t="s">
        <v>0</v>
      </c>
    </row>
    <row r="16826" spans="1:5" x14ac:dyDescent="0.25">
      <c r="A16826" s="1" t="s">
        <v>13413</v>
      </c>
      <c r="B16826" s="1" t="s">
        <v>60845</v>
      </c>
      <c r="C16826" s="1" t="s">
        <v>13414</v>
      </c>
      <c r="D16826" s="2">
        <v>169654</v>
      </c>
      <c r="E16826" s="1" t="s">
        <v>0</v>
      </c>
    </row>
    <row r="16827" spans="1:5" x14ac:dyDescent="0.25">
      <c r="A16827" s="2">
        <v>3365</v>
      </c>
      <c r="B16827" s="2">
        <v>3365</v>
      </c>
      <c r="C16827" s="1" t="s">
        <v>0</v>
      </c>
      <c r="D16827" s="2">
        <v>169655</v>
      </c>
      <c r="E16827" s="1" t="s">
        <v>0</v>
      </c>
    </row>
    <row r="16828" spans="1:5" x14ac:dyDescent="0.25">
      <c r="A16828" s="1" t="s">
        <v>3065</v>
      </c>
      <c r="B16828" s="1" t="s">
        <v>58467</v>
      </c>
      <c r="C16828" s="1" t="s">
        <v>36185</v>
      </c>
      <c r="D16828" s="2">
        <v>169656</v>
      </c>
      <c r="E16828" s="1" t="s">
        <v>0</v>
      </c>
    </row>
    <row r="16829" spans="1:5" x14ac:dyDescent="0.25">
      <c r="A16829" s="1" t="s">
        <v>36186</v>
      </c>
      <c r="B16829" s="1" t="s">
        <v>9857</v>
      </c>
      <c r="C16829" s="1" t="s">
        <v>36187</v>
      </c>
      <c r="D16829" s="2">
        <v>169657</v>
      </c>
      <c r="E16829" s="1" t="s">
        <v>0</v>
      </c>
    </row>
    <row r="16830" spans="1:5" ht="409.5" x14ac:dyDescent="0.25">
      <c r="A16830" s="4" t="s">
        <v>36188</v>
      </c>
      <c r="B16830" s="1" t="s">
        <v>56957</v>
      </c>
      <c r="C16830" s="1" t="s">
        <v>36189</v>
      </c>
      <c r="D16830" s="2">
        <v>169658</v>
      </c>
      <c r="E16830" s="1" t="s">
        <v>0</v>
      </c>
    </row>
    <row r="16831" spans="1:5" x14ac:dyDescent="0.25">
      <c r="A16831" s="1" t="s">
        <v>36190</v>
      </c>
      <c r="B16831" s="1" t="s">
        <v>54719</v>
      </c>
      <c r="C16831" s="1" t="s">
        <v>36191</v>
      </c>
      <c r="D16831" s="2">
        <v>169659</v>
      </c>
      <c r="E16831" s="1" t="s">
        <v>0</v>
      </c>
    </row>
    <row r="16832" spans="1:5" x14ac:dyDescent="0.25">
      <c r="A16832" s="2">
        <v>3366</v>
      </c>
      <c r="B16832" s="2">
        <v>3366</v>
      </c>
      <c r="C16832" s="1" t="s">
        <v>0</v>
      </c>
      <c r="D16832" s="2">
        <v>169660</v>
      </c>
      <c r="E16832" s="1" t="s">
        <v>0</v>
      </c>
    </row>
    <row r="16833" spans="1:5" x14ac:dyDescent="0.25">
      <c r="A16833" s="1" t="s">
        <v>3066</v>
      </c>
      <c r="B16833" s="1" t="s">
        <v>54720</v>
      </c>
      <c r="C16833" s="1" t="s">
        <v>36192</v>
      </c>
      <c r="D16833" s="2">
        <v>169661</v>
      </c>
      <c r="E16833" s="1" t="s">
        <v>0</v>
      </c>
    </row>
    <row r="16834" spans="1:5" x14ac:dyDescent="0.25">
      <c r="A16834" s="1" t="s">
        <v>36193</v>
      </c>
      <c r="B16834" s="1" t="s">
        <v>57912</v>
      </c>
      <c r="C16834" s="1" t="s">
        <v>36194</v>
      </c>
      <c r="D16834" s="2">
        <v>169662</v>
      </c>
      <c r="E16834" s="1" t="s">
        <v>0</v>
      </c>
    </row>
    <row r="16835" spans="1:5" ht="409.5" x14ac:dyDescent="0.25">
      <c r="A16835" s="4" t="s">
        <v>36195</v>
      </c>
      <c r="B16835" s="1" t="s">
        <v>57913</v>
      </c>
      <c r="C16835" s="1" t="s">
        <v>36196</v>
      </c>
      <c r="D16835" s="2">
        <v>169663</v>
      </c>
      <c r="E16835" s="1" t="s">
        <v>0</v>
      </c>
    </row>
    <row r="16836" spans="1:5" x14ac:dyDescent="0.25">
      <c r="A16836" s="1" t="s">
        <v>36197</v>
      </c>
      <c r="B16836" s="1" t="s">
        <v>9858</v>
      </c>
      <c r="C16836" s="1" t="s">
        <v>36198</v>
      </c>
      <c r="D16836" s="2">
        <v>169664</v>
      </c>
      <c r="E16836" s="1" t="s">
        <v>0</v>
      </c>
    </row>
    <row r="16837" spans="1:5" x14ac:dyDescent="0.25">
      <c r="A16837" s="2">
        <v>3367</v>
      </c>
      <c r="B16837" s="2">
        <v>3367</v>
      </c>
      <c r="C16837" s="1" t="s">
        <v>0</v>
      </c>
      <c r="D16837" s="2">
        <v>169665</v>
      </c>
      <c r="E16837" s="1" t="s">
        <v>0</v>
      </c>
    </row>
    <row r="16838" spans="1:5" x14ac:dyDescent="0.25">
      <c r="A16838" s="1" t="s">
        <v>3067</v>
      </c>
      <c r="B16838" s="1" t="s">
        <v>9859</v>
      </c>
      <c r="C16838" s="1" t="s">
        <v>36199</v>
      </c>
      <c r="D16838" s="2">
        <v>169666</v>
      </c>
      <c r="E16838" s="1" t="s">
        <v>0</v>
      </c>
    </row>
    <row r="16839" spans="1:5" x14ac:dyDescent="0.25">
      <c r="A16839" s="1" t="s">
        <v>36200</v>
      </c>
      <c r="B16839" s="1" t="s">
        <v>9860</v>
      </c>
      <c r="C16839" s="1" t="s">
        <v>36201</v>
      </c>
      <c r="D16839" s="2">
        <v>169667</v>
      </c>
      <c r="E16839" s="1" t="s">
        <v>0</v>
      </c>
    </row>
    <row r="16840" spans="1:5" ht="409.5" x14ac:dyDescent="0.25">
      <c r="A16840" s="4" t="s">
        <v>36202</v>
      </c>
      <c r="B16840" s="1" t="s">
        <v>57914</v>
      </c>
      <c r="C16840" s="1" t="s">
        <v>36203</v>
      </c>
      <c r="D16840" s="2">
        <v>169668</v>
      </c>
      <c r="E16840" s="1" t="s">
        <v>0</v>
      </c>
    </row>
    <row r="16841" spans="1:5" x14ac:dyDescent="0.25">
      <c r="A16841" s="1" t="s">
        <v>36204</v>
      </c>
      <c r="B16841" s="1" t="s">
        <v>54721</v>
      </c>
      <c r="C16841" s="1" t="s">
        <v>36205</v>
      </c>
      <c r="D16841" s="2">
        <v>169669</v>
      </c>
      <c r="E16841" s="1" t="s">
        <v>0</v>
      </c>
    </row>
    <row r="16842" spans="1:5" x14ac:dyDescent="0.25">
      <c r="A16842" s="2">
        <v>3368</v>
      </c>
      <c r="B16842" s="2">
        <v>3368</v>
      </c>
      <c r="C16842" s="1" t="s">
        <v>0</v>
      </c>
      <c r="D16842" s="2">
        <v>169670</v>
      </c>
      <c r="E16842" s="1" t="s">
        <v>0</v>
      </c>
    </row>
    <row r="16843" spans="1:5" x14ac:dyDescent="0.25">
      <c r="A16843" s="1" t="s">
        <v>3068</v>
      </c>
      <c r="B16843" s="1" t="s">
        <v>9861</v>
      </c>
      <c r="C16843" s="1" t="s">
        <v>36206</v>
      </c>
      <c r="D16843" s="2">
        <v>169671</v>
      </c>
      <c r="E16843" s="1" t="s">
        <v>0</v>
      </c>
    </row>
    <row r="16844" spans="1:5" x14ac:dyDescent="0.25">
      <c r="A16844" s="1" t="s">
        <v>36207</v>
      </c>
      <c r="B16844" s="1" t="s">
        <v>9862</v>
      </c>
      <c r="C16844" s="1" t="s">
        <v>36208</v>
      </c>
      <c r="D16844" s="2">
        <v>169672</v>
      </c>
      <c r="E16844" s="1" t="s">
        <v>0</v>
      </c>
    </row>
    <row r="16845" spans="1:5" ht="409.5" x14ac:dyDescent="0.25">
      <c r="A16845" s="4" t="s">
        <v>64249</v>
      </c>
      <c r="B16845" s="1" t="s">
        <v>59651</v>
      </c>
      <c r="C16845" s="1" t="s">
        <v>36209</v>
      </c>
      <c r="D16845" s="2">
        <v>169673</v>
      </c>
      <c r="E16845" s="1" t="s">
        <v>0</v>
      </c>
    </row>
    <row r="16846" spans="1:5" x14ac:dyDescent="0.25">
      <c r="A16846" s="1" t="s">
        <v>36210</v>
      </c>
      <c r="B16846" s="1" t="s">
        <v>54722</v>
      </c>
      <c r="C16846" s="1" t="s">
        <v>36211</v>
      </c>
      <c r="D16846" s="2">
        <v>169674</v>
      </c>
      <c r="E16846" s="1" t="s">
        <v>0</v>
      </c>
    </row>
    <row r="16847" spans="1:5" x14ac:dyDescent="0.25">
      <c r="A16847" s="2">
        <v>3369</v>
      </c>
      <c r="B16847" s="2">
        <v>3369</v>
      </c>
      <c r="C16847" s="1" t="s">
        <v>0</v>
      </c>
      <c r="D16847" s="2">
        <v>169675</v>
      </c>
      <c r="E16847" s="1" t="s">
        <v>0</v>
      </c>
    </row>
    <row r="16848" spans="1:5" x14ac:dyDescent="0.25">
      <c r="A16848" s="1" t="s">
        <v>3069</v>
      </c>
      <c r="B16848" s="1" t="s">
        <v>9863</v>
      </c>
      <c r="C16848" s="1" t="s">
        <v>36212</v>
      </c>
      <c r="D16848" s="2">
        <v>169676</v>
      </c>
      <c r="E16848" s="1" t="s">
        <v>0</v>
      </c>
    </row>
    <row r="16849" spans="1:5" x14ac:dyDescent="0.25">
      <c r="A16849" s="1" t="s">
        <v>36213</v>
      </c>
      <c r="B16849" s="1" t="s">
        <v>9864</v>
      </c>
      <c r="C16849" s="1" t="s">
        <v>36214</v>
      </c>
      <c r="D16849" s="2">
        <v>169677</v>
      </c>
      <c r="E16849" s="1" t="s">
        <v>0</v>
      </c>
    </row>
    <row r="16850" spans="1:5" ht="409.5" x14ac:dyDescent="0.25">
      <c r="A16850" s="4" t="s">
        <v>36215</v>
      </c>
      <c r="B16850" s="1" t="s">
        <v>57915</v>
      </c>
      <c r="C16850" s="1" t="s">
        <v>36216</v>
      </c>
      <c r="D16850" s="2">
        <v>169678</v>
      </c>
      <c r="E16850" s="1" t="s">
        <v>0</v>
      </c>
    </row>
    <row r="16851" spans="1:5" x14ac:dyDescent="0.25">
      <c r="A16851" s="1" t="s">
        <v>36217</v>
      </c>
      <c r="B16851" s="1" t="s">
        <v>54723</v>
      </c>
      <c r="C16851" s="1" t="s">
        <v>36218</v>
      </c>
      <c r="D16851" s="2">
        <v>169679</v>
      </c>
      <c r="E16851" s="1" t="s">
        <v>0</v>
      </c>
    </row>
    <row r="16852" spans="1:5" x14ac:dyDescent="0.25">
      <c r="A16852" s="2">
        <v>3370</v>
      </c>
      <c r="B16852" s="2">
        <v>3370</v>
      </c>
      <c r="C16852" s="1" t="s">
        <v>0</v>
      </c>
      <c r="D16852" s="2">
        <v>169680</v>
      </c>
      <c r="E16852" s="1" t="s">
        <v>0</v>
      </c>
    </row>
    <row r="16853" spans="1:5" x14ac:dyDescent="0.25">
      <c r="A16853" s="1" t="s">
        <v>3070</v>
      </c>
      <c r="B16853" s="1" t="s">
        <v>9865</v>
      </c>
      <c r="C16853" s="1" t="s">
        <v>36219</v>
      </c>
      <c r="D16853" s="2">
        <v>169681</v>
      </c>
      <c r="E16853" s="1" t="s">
        <v>0</v>
      </c>
    </row>
    <row r="16854" spans="1:5" x14ac:dyDescent="0.25">
      <c r="A16854" s="1" t="s">
        <v>36220</v>
      </c>
      <c r="B16854" s="1" t="s">
        <v>9866</v>
      </c>
      <c r="C16854" s="1" t="s">
        <v>36221</v>
      </c>
      <c r="D16854" s="2">
        <v>169682</v>
      </c>
      <c r="E16854" s="1" t="s">
        <v>0</v>
      </c>
    </row>
    <row r="16855" spans="1:5" ht="409.5" x14ac:dyDescent="0.25">
      <c r="A16855" s="4" t="s">
        <v>36222</v>
      </c>
      <c r="B16855" s="1" t="s">
        <v>9867</v>
      </c>
      <c r="C16855" s="1" t="s">
        <v>36223</v>
      </c>
      <c r="D16855" s="2">
        <v>169683</v>
      </c>
      <c r="E16855" s="1" t="s">
        <v>0</v>
      </c>
    </row>
    <row r="16856" spans="1:5" x14ac:dyDescent="0.25">
      <c r="A16856" s="1" t="s">
        <v>36224</v>
      </c>
      <c r="B16856" s="1" t="s">
        <v>61227</v>
      </c>
      <c r="C16856" s="1" t="s">
        <v>36225</v>
      </c>
      <c r="D16856" s="2">
        <v>169684</v>
      </c>
      <c r="E16856" s="1" t="s">
        <v>0</v>
      </c>
    </row>
    <row r="16857" spans="1:5" x14ac:dyDescent="0.25">
      <c r="A16857" s="2">
        <v>3371</v>
      </c>
      <c r="B16857" s="2">
        <v>3371</v>
      </c>
      <c r="C16857" s="1" t="s">
        <v>0</v>
      </c>
      <c r="D16857" s="2">
        <v>169685</v>
      </c>
      <c r="E16857" s="1" t="s">
        <v>0</v>
      </c>
    </row>
    <row r="16858" spans="1:5" x14ac:dyDescent="0.25">
      <c r="A16858" s="1" t="s">
        <v>3071</v>
      </c>
      <c r="B16858" s="1" t="s">
        <v>50876</v>
      </c>
      <c r="C16858" s="1" t="s">
        <v>36226</v>
      </c>
      <c r="D16858" s="2">
        <v>169686</v>
      </c>
      <c r="E16858" s="1" t="s">
        <v>0</v>
      </c>
    </row>
    <row r="16859" spans="1:5" x14ac:dyDescent="0.25">
      <c r="A16859" s="1" t="s">
        <v>36227</v>
      </c>
      <c r="B16859" s="1" t="s">
        <v>54724</v>
      </c>
      <c r="C16859" s="1" t="s">
        <v>36228</v>
      </c>
      <c r="D16859" s="2">
        <v>169687</v>
      </c>
      <c r="E16859" s="1" t="s">
        <v>0</v>
      </c>
    </row>
    <row r="16860" spans="1:5" ht="409.5" x14ac:dyDescent="0.25">
      <c r="A16860" s="4" t="s">
        <v>36229</v>
      </c>
      <c r="B16860" s="1" t="s">
        <v>61514</v>
      </c>
      <c r="C16860" s="1" t="s">
        <v>36230</v>
      </c>
      <c r="D16860" s="2">
        <v>169688</v>
      </c>
      <c r="E16860" s="1" t="s">
        <v>0</v>
      </c>
    </row>
    <row r="16861" spans="1:5" x14ac:dyDescent="0.25">
      <c r="A16861" s="1" t="s">
        <v>36231</v>
      </c>
      <c r="B16861" s="1" t="s">
        <v>50877</v>
      </c>
      <c r="C16861" s="1" t="s">
        <v>36232</v>
      </c>
      <c r="D16861" s="2">
        <v>169689</v>
      </c>
      <c r="E16861" s="1" t="s">
        <v>0</v>
      </c>
    </row>
    <row r="16862" spans="1:5" x14ac:dyDescent="0.25">
      <c r="A16862" s="2">
        <v>3372</v>
      </c>
      <c r="B16862" s="2">
        <v>3372</v>
      </c>
      <c r="C16862" s="1" t="s">
        <v>0</v>
      </c>
      <c r="D16862" s="2">
        <v>169690</v>
      </c>
      <c r="E16862" s="1" t="s">
        <v>0</v>
      </c>
    </row>
    <row r="16863" spans="1:5" x14ac:dyDescent="0.25">
      <c r="A16863" s="1" t="s">
        <v>3072</v>
      </c>
      <c r="B16863" s="1" t="s">
        <v>9868</v>
      </c>
      <c r="C16863" s="1" t="s">
        <v>36233</v>
      </c>
      <c r="D16863" s="2">
        <v>169691</v>
      </c>
      <c r="E16863" s="1" t="s">
        <v>0</v>
      </c>
    </row>
    <row r="16864" spans="1:5" x14ac:dyDescent="0.25">
      <c r="A16864" s="1" t="s">
        <v>36234</v>
      </c>
      <c r="B16864" s="1" t="s">
        <v>54725</v>
      </c>
      <c r="C16864" s="1" t="s">
        <v>36235</v>
      </c>
      <c r="D16864" s="2">
        <v>169692</v>
      </c>
      <c r="E16864" s="1" t="s">
        <v>0</v>
      </c>
    </row>
    <row r="16865" spans="1:5" ht="409.5" x14ac:dyDescent="0.25">
      <c r="A16865" s="4" t="s">
        <v>64250</v>
      </c>
      <c r="B16865" s="1" t="s">
        <v>54726</v>
      </c>
      <c r="C16865" s="1" t="s">
        <v>36236</v>
      </c>
      <c r="D16865" s="2">
        <v>169693</v>
      </c>
      <c r="E16865" s="1" t="s">
        <v>0</v>
      </c>
    </row>
    <row r="16866" spans="1:5" x14ac:dyDescent="0.25">
      <c r="A16866" s="1" t="s">
        <v>36237</v>
      </c>
      <c r="B16866" s="1" t="s">
        <v>9869</v>
      </c>
      <c r="C16866" s="1" t="s">
        <v>36238</v>
      </c>
      <c r="D16866" s="2">
        <v>169694</v>
      </c>
      <c r="E16866" s="1" t="s">
        <v>0</v>
      </c>
    </row>
    <row r="16867" spans="1:5" x14ac:dyDescent="0.25">
      <c r="A16867" s="2">
        <v>3373</v>
      </c>
      <c r="B16867" s="2">
        <v>3373</v>
      </c>
      <c r="C16867" s="1" t="s">
        <v>0</v>
      </c>
      <c r="D16867" s="2">
        <v>169695</v>
      </c>
      <c r="E16867" s="1" t="s">
        <v>0</v>
      </c>
    </row>
    <row r="16868" spans="1:5" x14ac:dyDescent="0.25">
      <c r="A16868" s="1" t="s">
        <v>3073</v>
      </c>
      <c r="B16868" s="1" t="s">
        <v>58796</v>
      </c>
      <c r="C16868" s="1" t="s">
        <v>36239</v>
      </c>
      <c r="D16868" s="2">
        <v>169696</v>
      </c>
      <c r="E16868" s="1" t="s">
        <v>0</v>
      </c>
    </row>
    <row r="16869" spans="1:5" x14ac:dyDescent="0.25">
      <c r="A16869" s="1" t="s">
        <v>36240</v>
      </c>
      <c r="B16869" s="1" t="s">
        <v>58797</v>
      </c>
      <c r="C16869" s="1" t="s">
        <v>36241</v>
      </c>
      <c r="D16869" s="2">
        <v>169697</v>
      </c>
      <c r="E16869" s="1" t="s">
        <v>0</v>
      </c>
    </row>
    <row r="16870" spans="1:5" ht="409.5" x14ac:dyDescent="0.25">
      <c r="A16870" s="4" t="s">
        <v>36242</v>
      </c>
      <c r="B16870" s="1" t="s">
        <v>58798</v>
      </c>
      <c r="C16870" s="1" t="s">
        <v>36243</v>
      </c>
      <c r="D16870" s="2">
        <v>169698</v>
      </c>
      <c r="E16870" s="1" t="s">
        <v>0</v>
      </c>
    </row>
    <row r="16871" spans="1:5" x14ac:dyDescent="0.25">
      <c r="A16871" s="1" t="s">
        <v>36244</v>
      </c>
      <c r="B16871" s="1" t="s">
        <v>9870</v>
      </c>
      <c r="C16871" s="1" t="s">
        <v>36245</v>
      </c>
      <c r="D16871" s="2">
        <v>169699</v>
      </c>
      <c r="E16871" s="1" t="s">
        <v>0</v>
      </c>
    </row>
    <row r="16872" spans="1:5" x14ac:dyDescent="0.25">
      <c r="A16872" s="2">
        <v>3374</v>
      </c>
      <c r="B16872" s="2">
        <v>3374</v>
      </c>
      <c r="C16872" s="1" t="s">
        <v>0</v>
      </c>
      <c r="D16872" s="2">
        <v>169700</v>
      </c>
      <c r="E16872" s="1" t="s">
        <v>0</v>
      </c>
    </row>
    <row r="16873" spans="1:5" x14ac:dyDescent="0.25">
      <c r="A16873" s="1" t="s">
        <v>3074</v>
      </c>
      <c r="B16873" s="1" t="s">
        <v>56958</v>
      </c>
      <c r="C16873" s="1" t="s">
        <v>36246</v>
      </c>
      <c r="D16873" s="2">
        <v>169701</v>
      </c>
      <c r="E16873" s="1" t="s">
        <v>0</v>
      </c>
    </row>
    <row r="16874" spans="1:5" x14ac:dyDescent="0.25">
      <c r="A16874" s="1" t="s">
        <v>36247</v>
      </c>
      <c r="B16874" s="1" t="s">
        <v>54727</v>
      </c>
      <c r="C16874" s="1" t="s">
        <v>36248</v>
      </c>
      <c r="D16874" s="2">
        <v>169702</v>
      </c>
      <c r="E16874" s="1" t="s">
        <v>0</v>
      </c>
    </row>
    <row r="16875" spans="1:5" ht="409.5" x14ac:dyDescent="0.25">
      <c r="A16875" s="4" t="s">
        <v>36249</v>
      </c>
      <c r="B16875" s="1" t="s">
        <v>57916</v>
      </c>
      <c r="C16875" s="1" t="s">
        <v>36250</v>
      </c>
      <c r="D16875" s="2">
        <v>169703</v>
      </c>
      <c r="E16875" s="1" t="s">
        <v>0</v>
      </c>
    </row>
    <row r="16876" spans="1:5" x14ac:dyDescent="0.25">
      <c r="A16876" s="1" t="s">
        <v>36251</v>
      </c>
      <c r="B16876" s="1" t="s">
        <v>54728</v>
      </c>
      <c r="C16876" s="1" t="s">
        <v>36252</v>
      </c>
      <c r="D16876" s="2">
        <v>169704</v>
      </c>
      <c r="E16876" s="1" t="s">
        <v>0</v>
      </c>
    </row>
    <row r="16877" spans="1:5" x14ac:dyDescent="0.25">
      <c r="A16877" s="2">
        <v>3375</v>
      </c>
      <c r="B16877" s="2">
        <v>3375</v>
      </c>
      <c r="C16877" s="1" t="s">
        <v>0</v>
      </c>
      <c r="D16877" s="2">
        <v>169705</v>
      </c>
      <c r="E16877" s="1" t="s">
        <v>0</v>
      </c>
    </row>
    <row r="16878" spans="1:5" x14ac:dyDescent="0.25">
      <c r="A16878" s="1" t="s">
        <v>3075</v>
      </c>
      <c r="B16878" s="1" t="s">
        <v>9871</v>
      </c>
      <c r="C16878" s="1" t="s">
        <v>36253</v>
      </c>
      <c r="D16878" s="2">
        <v>169706</v>
      </c>
      <c r="E16878" s="1" t="s">
        <v>0</v>
      </c>
    </row>
    <row r="16879" spans="1:5" x14ac:dyDescent="0.25">
      <c r="A16879" s="1" t="s">
        <v>36254</v>
      </c>
      <c r="B16879" s="1" t="s">
        <v>58799</v>
      </c>
      <c r="C16879" s="1" t="s">
        <v>36255</v>
      </c>
      <c r="D16879" s="2">
        <v>169707</v>
      </c>
      <c r="E16879" s="1" t="s">
        <v>0</v>
      </c>
    </row>
    <row r="16880" spans="1:5" ht="409.5" x14ac:dyDescent="0.25">
      <c r="A16880" s="4" t="s">
        <v>36256</v>
      </c>
      <c r="B16880" s="1" t="s">
        <v>63438</v>
      </c>
      <c r="C16880" s="1" t="s">
        <v>36257</v>
      </c>
      <c r="D16880" s="2">
        <v>169708</v>
      </c>
      <c r="E16880" s="1" t="s">
        <v>0</v>
      </c>
    </row>
    <row r="16881" spans="1:5" x14ac:dyDescent="0.25">
      <c r="A16881" s="1" t="s">
        <v>36258</v>
      </c>
      <c r="B16881" s="1" t="s">
        <v>9872</v>
      </c>
      <c r="C16881" s="1" t="s">
        <v>36259</v>
      </c>
      <c r="D16881" s="2">
        <v>169709</v>
      </c>
      <c r="E16881" s="1" t="s">
        <v>0</v>
      </c>
    </row>
    <row r="16882" spans="1:5" x14ac:dyDescent="0.25">
      <c r="A16882" s="2">
        <v>3376</v>
      </c>
      <c r="B16882" s="2">
        <v>3376</v>
      </c>
      <c r="C16882" s="1" t="s">
        <v>0</v>
      </c>
      <c r="D16882" s="2">
        <v>169710</v>
      </c>
      <c r="E16882" s="1" t="s">
        <v>0</v>
      </c>
    </row>
    <row r="16883" spans="1:5" x14ac:dyDescent="0.25">
      <c r="A16883" s="1" t="s">
        <v>3076</v>
      </c>
      <c r="B16883" s="1" t="s">
        <v>9873</v>
      </c>
      <c r="C16883" s="1" t="s">
        <v>36260</v>
      </c>
      <c r="D16883" s="2">
        <v>169711</v>
      </c>
      <c r="E16883" s="1" t="s">
        <v>0</v>
      </c>
    </row>
    <row r="16884" spans="1:5" x14ac:dyDescent="0.25">
      <c r="A16884" s="1" t="s">
        <v>36261</v>
      </c>
      <c r="B16884" s="1" t="s">
        <v>54729</v>
      </c>
      <c r="C16884" s="1" t="s">
        <v>36262</v>
      </c>
      <c r="D16884" s="2">
        <v>169712</v>
      </c>
      <c r="E16884" s="1" t="s">
        <v>0</v>
      </c>
    </row>
    <row r="16885" spans="1:5" ht="409.5" x14ac:dyDescent="0.25">
      <c r="A16885" s="4" t="s">
        <v>36263</v>
      </c>
      <c r="B16885" s="1" t="s">
        <v>54730</v>
      </c>
      <c r="C16885" s="1" t="s">
        <v>36264</v>
      </c>
      <c r="D16885" s="2">
        <v>169713</v>
      </c>
      <c r="E16885" s="1" t="s">
        <v>0</v>
      </c>
    </row>
    <row r="16886" spans="1:5" x14ac:dyDescent="0.25">
      <c r="A16886" s="1" t="s">
        <v>36265</v>
      </c>
      <c r="B16886" s="1" t="s">
        <v>9874</v>
      </c>
      <c r="C16886" s="1" t="s">
        <v>36266</v>
      </c>
      <c r="D16886" s="2">
        <v>169714</v>
      </c>
      <c r="E16886" s="1" t="s">
        <v>0</v>
      </c>
    </row>
    <row r="16887" spans="1:5" x14ac:dyDescent="0.25">
      <c r="A16887" s="2">
        <v>3377</v>
      </c>
      <c r="B16887" s="2">
        <v>3377</v>
      </c>
      <c r="C16887" s="1" t="s">
        <v>0</v>
      </c>
      <c r="D16887" s="2">
        <v>169715</v>
      </c>
      <c r="E16887" s="1" t="s">
        <v>0</v>
      </c>
    </row>
    <row r="16888" spans="1:5" x14ac:dyDescent="0.25">
      <c r="A16888" s="1" t="s">
        <v>3077</v>
      </c>
      <c r="B16888" s="1" t="s">
        <v>9875</v>
      </c>
      <c r="C16888" s="1" t="s">
        <v>36267</v>
      </c>
      <c r="D16888" s="2">
        <v>169716</v>
      </c>
      <c r="E16888" s="1" t="s">
        <v>0</v>
      </c>
    </row>
    <row r="16889" spans="1:5" x14ac:dyDescent="0.25">
      <c r="A16889" s="1" t="s">
        <v>36268</v>
      </c>
      <c r="B16889" s="1" t="s">
        <v>54731</v>
      </c>
      <c r="C16889" s="1" t="s">
        <v>36269</v>
      </c>
      <c r="D16889" s="2">
        <v>169717</v>
      </c>
      <c r="E16889" s="1" t="s">
        <v>0</v>
      </c>
    </row>
    <row r="16890" spans="1:5" ht="409.5" x14ac:dyDescent="0.25">
      <c r="A16890" s="4" t="s">
        <v>36270</v>
      </c>
      <c r="B16890" s="1" t="s">
        <v>54732</v>
      </c>
      <c r="C16890" s="1" t="s">
        <v>36271</v>
      </c>
      <c r="D16890" s="2">
        <v>169718</v>
      </c>
      <c r="E16890" s="1" t="s">
        <v>0</v>
      </c>
    </row>
    <row r="16891" spans="1:5" x14ac:dyDescent="0.25">
      <c r="A16891" s="1" t="s">
        <v>36272</v>
      </c>
      <c r="B16891" s="1" t="s">
        <v>9876</v>
      </c>
      <c r="C16891" s="1" t="s">
        <v>36273</v>
      </c>
      <c r="D16891" s="2">
        <v>169719</v>
      </c>
      <c r="E16891" s="1" t="s">
        <v>0</v>
      </c>
    </row>
    <row r="16892" spans="1:5" x14ac:dyDescent="0.25">
      <c r="A16892" s="2">
        <v>3378</v>
      </c>
      <c r="B16892" s="2">
        <v>3378</v>
      </c>
      <c r="C16892" s="1" t="s">
        <v>0</v>
      </c>
      <c r="D16892" s="2">
        <v>169720</v>
      </c>
      <c r="E16892" s="1" t="s">
        <v>0</v>
      </c>
    </row>
    <row r="16893" spans="1:5" x14ac:dyDescent="0.25">
      <c r="A16893" s="1" t="s">
        <v>13204</v>
      </c>
      <c r="B16893" s="1" t="s">
        <v>9877</v>
      </c>
      <c r="C16893" s="1" t="s">
        <v>36274</v>
      </c>
      <c r="D16893" s="2">
        <v>169721</v>
      </c>
      <c r="E16893" s="1" t="s">
        <v>0</v>
      </c>
    </row>
    <row r="16894" spans="1:5" x14ac:dyDescent="0.25">
      <c r="A16894" s="1" t="s">
        <v>36275</v>
      </c>
      <c r="B16894" s="1" t="s">
        <v>54733</v>
      </c>
      <c r="C16894" s="1" t="s">
        <v>36276</v>
      </c>
      <c r="D16894" s="2">
        <v>169722</v>
      </c>
      <c r="E16894" s="1" t="s">
        <v>0</v>
      </c>
    </row>
    <row r="16895" spans="1:5" ht="409.5" x14ac:dyDescent="0.25">
      <c r="A16895" s="4" t="s">
        <v>36277</v>
      </c>
      <c r="B16895" s="1" t="s">
        <v>54734</v>
      </c>
      <c r="C16895" s="1" t="s">
        <v>36278</v>
      </c>
      <c r="D16895" s="2">
        <v>169723</v>
      </c>
      <c r="E16895" s="1" t="s">
        <v>0</v>
      </c>
    </row>
    <row r="16896" spans="1:5" x14ac:dyDescent="0.25">
      <c r="A16896" s="1" t="s">
        <v>15286</v>
      </c>
      <c r="B16896" s="1" t="s">
        <v>60887</v>
      </c>
      <c r="C16896" s="1" t="s">
        <v>15287</v>
      </c>
      <c r="D16896" s="2">
        <v>169724</v>
      </c>
      <c r="E16896" s="1" t="s">
        <v>0</v>
      </c>
    </row>
    <row r="16897" spans="1:5" x14ac:dyDescent="0.25">
      <c r="A16897" s="2">
        <v>3379</v>
      </c>
      <c r="B16897" s="2">
        <v>3379</v>
      </c>
      <c r="C16897" s="1" t="s">
        <v>0</v>
      </c>
      <c r="D16897" s="2">
        <v>169725</v>
      </c>
      <c r="E16897" s="1" t="s">
        <v>0</v>
      </c>
    </row>
    <row r="16898" spans="1:5" x14ac:dyDescent="0.25">
      <c r="A16898" s="1" t="s">
        <v>3078</v>
      </c>
      <c r="B16898" s="1" t="s">
        <v>9878</v>
      </c>
      <c r="C16898" s="1" t="s">
        <v>36279</v>
      </c>
      <c r="D16898" s="2">
        <v>169726</v>
      </c>
      <c r="E16898" s="1" t="s">
        <v>0</v>
      </c>
    </row>
    <row r="16899" spans="1:5" x14ac:dyDescent="0.25">
      <c r="A16899" s="1" t="s">
        <v>36280</v>
      </c>
      <c r="B16899" s="1" t="s">
        <v>50878</v>
      </c>
      <c r="C16899" s="1" t="s">
        <v>36281</v>
      </c>
      <c r="D16899" s="2">
        <v>169727</v>
      </c>
      <c r="E16899" s="1" t="s">
        <v>0</v>
      </c>
    </row>
    <row r="16900" spans="1:5" ht="409.5" x14ac:dyDescent="0.25">
      <c r="A16900" s="4" t="s">
        <v>36282</v>
      </c>
      <c r="B16900" s="1" t="s">
        <v>60123</v>
      </c>
      <c r="C16900" s="1" t="s">
        <v>36283</v>
      </c>
      <c r="D16900" s="2">
        <v>169728</v>
      </c>
      <c r="E16900" s="1" t="s">
        <v>0</v>
      </c>
    </row>
    <row r="16901" spans="1:5" x14ac:dyDescent="0.25">
      <c r="A16901" s="1" t="s">
        <v>36284</v>
      </c>
      <c r="B16901" s="1" t="s">
        <v>9879</v>
      </c>
      <c r="C16901" s="1" t="s">
        <v>36285</v>
      </c>
      <c r="D16901" s="2">
        <v>169729</v>
      </c>
      <c r="E16901" s="1" t="s">
        <v>0</v>
      </c>
    </row>
    <row r="16902" spans="1:5" x14ac:dyDescent="0.25">
      <c r="A16902" s="2">
        <v>3380</v>
      </c>
      <c r="B16902" s="2">
        <v>3380</v>
      </c>
      <c r="C16902" s="1" t="s">
        <v>0</v>
      </c>
      <c r="D16902" s="2">
        <v>169730</v>
      </c>
      <c r="E16902" s="1" t="s">
        <v>0</v>
      </c>
    </row>
    <row r="16903" spans="1:5" x14ac:dyDescent="0.25">
      <c r="A16903" s="1" t="s">
        <v>3079</v>
      </c>
      <c r="B16903" s="1" t="s">
        <v>9880</v>
      </c>
      <c r="C16903" s="1" t="s">
        <v>36286</v>
      </c>
      <c r="D16903" s="2">
        <v>169731</v>
      </c>
      <c r="E16903" s="1" t="s">
        <v>0</v>
      </c>
    </row>
    <row r="16904" spans="1:5" x14ac:dyDescent="0.25">
      <c r="A16904" s="1" t="s">
        <v>36287</v>
      </c>
      <c r="B16904" s="1" t="s">
        <v>54735</v>
      </c>
      <c r="C16904" s="1" t="s">
        <v>36288</v>
      </c>
      <c r="D16904" s="2">
        <v>169732</v>
      </c>
      <c r="E16904" s="1" t="s">
        <v>0</v>
      </c>
    </row>
    <row r="16905" spans="1:5" ht="409.5" x14ac:dyDescent="0.25">
      <c r="A16905" s="4" t="s">
        <v>36289</v>
      </c>
      <c r="B16905" s="1" t="s">
        <v>63439</v>
      </c>
      <c r="C16905" s="1" t="s">
        <v>36290</v>
      </c>
      <c r="D16905" s="2">
        <v>169733</v>
      </c>
      <c r="E16905" s="1" t="s">
        <v>0</v>
      </c>
    </row>
    <row r="16906" spans="1:5" x14ac:dyDescent="0.25">
      <c r="A16906" s="1" t="s">
        <v>36291</v>
      </c>
      <c r="B16906" s="1" t="s">
        <v>9881</v>
      </c>
      <c r="C16906" s="1" t="s">
        <v>36292</v>
      </c>
      <c r="D16906" s="2">
        <v>169734</v>
      </c>
      <c r="E16906" s="1" t="s">
        <v>0</v>
      </c>
    </row>
    <row r="16907" spans="1:5" x14ac:dyDescent="0.25">
      <c r="A16907" s="2">
        <v>3381</v>
      </c>
      <c r="B16907" s="2">
        <v>3381</v>
      </c>
      <c r="C16907" s="1" t="s">
        <v>0</v>
      </c>
      <c r="D16907" s="2">
        <v>169735</v>
      </c>
      <c r="E16907" s="1" t="s">
        <v>0</v>
      </c>
    </row>
    <row r="16908" spans="1:5" x14ac:dyDescent="0.25">
      <c r="A16908" s="1" t="s">
        <v>3080</v>
      </c>
      <c r="B16908" s="1" t="s">
        <v>9882</v>
      </c>
      <c r="C16908" s="1" t="s">
        <v>36293</v>
      </c>
      <c r="D16908" s="2">
        <v>169736</v>
      </c>
      <c r="E16908" s="1" t="s">
        <v>0</v>
      </c>
    </row>
    <row r="16909" spans="1:5" x14ac:dyDescent="0.25">
      <c r="A16909" s="1" t="s">
        <v>36294</v>
      </c>
      <c r="B16909" s="1" t="s">
        <v>13205</v>
      </c>
      <c r="C16909" s="1" t="s">
        <v>36295</v>
      </c>
      <c r="D16909" s="2">
        <v>169737</v>
      </c>
      <c r="E16909" s="1" t="s">
        <v>0</v>
      </c>
    </row>
    <row r="16910" spans="1:5" ht="409.5" x14ac:dyDescent="0.25">
      <c r="A16910" s="4" t="s">
        <v>36296</v>
      </c>
      <c r="B16910" s="1" t="s">
        <v>13206</v>
      </c>
      <c r="C16910" s="1" t="s">
        <v>36297</v>
      </c>
      <c r="D16910" s="2">
        <v>169738</v>
      </c>
      <c r="E16910" s="1" t="s">
        <v>0</v>
      </c>
    </row>
    <row r="16911" spans="1:5" x14ac:dyDescent="0.25">
      <c r="A16911" s="1" t="s">
        <v>36298</v>
      </c>
      <c r="B16911" s="1" t="s">
        <v>9883</v>
      </c>
      <c r="C16911" s="1" t="s">
        <v>36299</v>
      </c>
      <c r="D16911" s="2">
        <v>169739</v>
      </c>
      <c r="E16911" s="1" t="s">
        <v>0</v>
      </c>
    </row>
    <row r="16912" spans="1:5" x14ac:dyDescent="0.25">
      <c r="A16912" s="2">
        <v>3382</v>
      </c>
      <c r="B16912" s="2">
        <v>3382</v>
      </c>
      <c r="C16912" s="1" t="s">
        <v>0</v>
      </c>
      <c r="D16912" s="2">
        <v>169740</v>
      </c>
      <c r="E16912" s="1" t="s">
        <v>0</v>
      </c>
    </row>
    <row r="16913" spans="1:5" x14ac:dyDescent="0.25">
      <c r="A16913" s="1" t="s">
        <v>3081</v>
      </c>
      <c r="B16913" s="1" t="s">
        <v>57917</v>
      </c>
      <c r="C16913" s="1" t="s">
        <v>36300</v>
      </c>
      <c r="D16913" s="2">
        <v>169741</v>
      </c>
      <c r="E16913" s="1" t="s">
        <v>0</v>
      </c>
    </row>
    <row r="16914" spans="1:5" x14ac:dyDescent="0.25">
      <c r="A16914" s="1" t="s">
        <v>36301</v>
      </c>
      <c r="B16914" s="1" t="s">
        <v>54736</v>
      </c>
      <c r="C16914" s="1" t="s">
        <v>36302</v>
      </c>
      <c r="D16914" s="2">
        <v>169742</v>
      </c>
      <c r="E16914" s="1" t="s">
        <v>0</v>
      </c>
    </row>
    <row r="16915" spans="1:5" ht="409.5" x14ac:dyDescent="0.25">
      <c r="A16915" s="4" t="s">
        <v>36303</v>
      </c>
      <c r="B16915" s="1" t="s">
        <v>57918</v>
      </c>
      <c r="C16915" s="1" t="s">
        <v>36304</v>
      </c>
      <c r="D16915" s="2">
        <v>169743</v>
      </c>
      <c r="E16915" s="1" t="s">
        <v>0</v>
      </c>
    </row>
    <row r="16916" spans="1:5" x14ac:dyDescent="0.25">
      <c r="A16916" s="1" t="s">
        <v>36305</v>
      </c>
      <c r="B16916" s="1" t="s">
        <v>9884</v>
      </c>
      <c r="C16916" s="1" t="s">
        <v>36306</v>
      </c>
      <c r="D16916" s="2">
        <v>169744</v>
      </c>
      <c r="E16916" s="1" t="s">
        <v>0</v>
      </c>
    </row>
    <row r="16917" spans="1:5" x14ac:dyDescent="0.25">
      <c r="A16917" s="2">
        <v>3383</v>
      </c>
      <c r="B16917" s="2">
        <v>3383</v>
      </c>
      <c r="C16917" s="1" t="s">
        <v>0</v>
      </c>
      <c r="D16917" s="2">
        <v>169745</v>
      </c>
      <c r="E16917" s="1" t="s">
        <v>0</v>
      </c>
    </row>
    <row r="16918" spans="1:5" x14ac:dyDescent="0.25">
      <c r="A16918" s="1" t="s">
        <v>13207</v>
      </c>
      <c r="B16918" s="1" t="s">
        <v>9885</v>
      </c>
      <c r="C16918" s="1" t="s">
        <v>36307</v>
      </c>
      <c r="D16918" s="2">
        <v>169746</v>
      </c>
      <c r="E16918" s="1" t="s">
        <v>0</v>
      </c>
    </row>
    <row r="16919" spans="1:5" x14ac:dyDescent="0.25">
      <c r="A16919" s="1" t="s">
        <v>36308</v>
      </c>
      <c r="B16919" s="1" t="s">
        <v>9886</v>
      </c>
      <c r="C16919" s="1" t="s">
        <v>36309</v>
      </c>
      <c r="D16919" s="2">
        <v>169747</v>
      </c>
      <c r="E16919" s="1" t="s">
        <v>0</v>
      </c>
    </row>
    <row r="16920" spans="1:5" ht="409.5" x14ac:dyDescent="0.25">
      <c r="A16920" s="4" t="s">
        <v>36310</v>
      </c>
      <c r="B16920" s="1" t="s">
        <v>54737</v>
      </c>
      <c r="C16920" s="1" t="s">
        <v>36311</v>
      </c>
      <c r="D16920" s="2">
        <v>169748</v>
      </c>
      <c r="E16920" s="1" t="s">
        <v>0</v>
      </c>
    </row>
    <row r="16921" spans="1:5" x14ac:dyDescent="0.25">
      <c r="A16921" s="1" t="s">
        <v>36312</v>
      </c>
      <c r="B16921" s="1" t="s">
        <v>9887</v>
      </c>
      <c r="C16921" s="1" t="s">
        <v>36313</v>
      </c>
      <c r="D16921" s="2">
        <v>169749</v>
      </c>
      <c r="E16921" s="1" t="s">
        <v>0</v>
      </c>
    </row>
    <row r="16922" spans="1:5" x14ac:dyDescent="0.25">
      <c r="A16922" s="2">
        <v>3384</v>
      </c>
      <c r="B16922" s="2">
        <v>3384</v>
      </c>
      <c r="C16922" s="1" t="s">
        <v>0</v>
      </c>
      <c r="D16922" s="2">
        <v>169750</v>
      </c>
      <c r="E16922" s="1" t="s">
        <v>0</v>
      </c>
    </row>
    <row r="16923" spans="1:5" x14ac:dyDescent="0.25">
      <c r="A16923" s="1" t="s">
        <v>3082</v>
      </c>
      <c r="B16923" s="1" t="s">
        <v>9888</v>
      </c>
      <c r="C16923" s="1" t="s">
        <v>36314</v>
      </c>
      <c r="D16923" s="2">
        <v>169751</v>
      </c>
      <c r="E16923" s="1" t="s">
        <v>0</v>
      </c>
    </row>
    <row r="16924" spans="1:5" x14ac:dyDescent="0.25">
      <c r="A16924" s="1" t="s">
        <v>36315</v>
      </c>
      <c r="B16924" s="1" t="s">
        <v>56811</v>
      </c>
      <c r="C16924" s="1" t="s">
        <v>36316</v>
      </c>
      <c r="D16924" s="2">
        <v>169752</v>
      </c>
      <c r="E16924" s="1" t="s">
        <v>0</v>
      </c>
    </row>
    <row r="16925" spans="1:5" ht="409.5" x14ac:dyDescent="0.25">
      <c r="A16925" s="4" t="s">
        <v>36317</v>
      </c>
      <c r="B16925" s="1" t="s">
        <v>63440</v>
      </c>
      <c r="C16925" s="1" t="s">
        <v>36318</v>
      </c>
      <c r="D16925" s="2">
        <v>169753</v>
      </c>
      <c r="E16925" s="1" t="s">
        <v>0</v>
      </c>
    </row>
    <row r="16926" spans="1:5" x14ac:dyDescent="0.25">
      <c r="A16926" s="1" t="s">
        <v>36319</v>
      </c>
      <c r="B16926" s="1" t="s">
        <v>54738</v>
      </c>
      <c r="C16926" s="1" t="s">
        <v>36320</v>
      </c>
      <c r="D16926" s="2">
        <v>169754</v>
      </c>
      <c r="E16926" s="1" t="s">
        <v>0</v>
      </c>
    </row>
    <row r="16927" spans="1:5" x14ac:dyDescent="0.25">
      <c r="A16927" s="2">
        <v>3385</v>
      </c>
      <c r="B16927" s="2">
        <v>3385</v>
      </c>
      <c r="C16927" s="1" t="s">
        <v>0</v>
      </c>
      <c r="D16927" s="2">
        <v>169755</v>
      </c>
      <c r="E16927" s="1" t="s">
        <v>0</v>
      </c>
    </row>
    <row r="16928" spans="1:5" x14ac:dyDescent="0.25">
      <c r="A16928" s="1" t="s">
        <v>3083</v>
      </c>
      <c r="B16928" s="1" t="s">
        <v>9889</v>
      </c>
      <c r="C16928" s="1" t="s">
        <v>36321</v>
      </c>
      <c r="D16928" s="2">
        <v>169756</v>
      </c>
      <c r="E16928" s="1" t="s">
        <v>0</v>
      </c>
    </row>
    <row r="16929" spans="1:5" x14ac:dyDescent="0.25">
      <c r="A16929" s="1" t="s">
        <v>36322</v>
      </c>
      <c r="B16929" s="1" t="s">
        <v>56812</v>
      </c>
      <c r="C16929" s="1" t="s">
        <v>36323</v>
      </c>
      <c r="D16929" s="2">
        <v>169757</v>
      </c>
      <c r="E16929" s="1" t="s">
        <v>0</v>
      </c>
    </row>
    <row r="16930" spans="1:5" ht="409.5" x14ac:dyDescent="0.25">
      <c r="A16930" s="4" t="s">
        <v>36324</v>
      </c>
      <c r="B16930" s="1" t="s">
        <v>56813</v>
      </c>
      <c r="C16930" s="1" t="s">
        <v>36325</v>
      </c>
      <c r="D16930" s="2">
        <v>169758</v>
      </c>
      <c r="E16930" s="1" t="s">
        <v>0</v>
      </c>
    </row>
    <row r="16931" spans="1:5" x14ac:dyDescent="0.25">
      <c r="A16931" s="1" t="s">
        <v>36326</v>
      </c>
      <c r="B16931" s="1" t="s">
        <v>9890</v>
      </c>
      <c r="C16931" s="1" t="s">
        <v>36327</v>
      </c>
      <c r="D16931" s="2">
        <v>169759</v>
      </c>
      <c r="E16931" s="1" t="s">
        <v>0</v>
      </c>
    </row>
    <row r="16932" spans="1:5" x14ac:dyDescent="0.25">
      <c r="A16932" s="2">
        <v>3386</v>
      </c>
      <c r="B16932" s="2">
        <v>3386</v>
      </c>
      <c r="C16932" s="1" t="s">
        <v>0</v>
      </c>
      <c r="D16932" s="2">
        <v>169760</v>
      </c>
      <c r="E16932" s="1" t="s">
        <v>0</v>
      </c>
    </row>
    <row r="16933" spans="1:5" x14ac:dyDescent="0.25">
      <c r="A16933" s="1" t="s">
        <v>9891</v>
      </c>
      <c r="B16933" s="1" t="s">
        <v>54739</v>
      </c>
      <c r="C16933" s="1" t="s">
        <v>36328</v>
      </c>
      <c r="D16933" s="2">
        <v>169761</v>
      </c>
      <c r="E16933" s="1" t="s">
        <v>0</v>
      </c>
    </row>
    <row r="16934" spans="1:5" x14ac:dyDescent="0.25">
      <c r="A16934" s="1" t="s">
        <v>36329</v>
      </c>
      <c r="B16934" s="1" t="s">
        <v>54740</v>
      </c>
      <c r="C16934" s="1" t="s">
        <v>36330</v>
      </c>
      <c r="D16934" s="2">
        <v>169762</v>
      </c>
      <c r="E16934" s="1" t="s">
        <v>0</v>
      </c>
    </row>
    <row r="16935" spans="1:5" ht="409.5" x14ac:dyDescent="0.25">
      <c r="A16935" s="4" t="s">
        <v>36331</v>
      </c>
      <c r="B16935" s="1" t="s">
        <v>60124</v>
      </c>
      <c r="C16935" s="1" t="s">
        <v>36332</v>
      </c>
      <c r="D16935" s="2">
        <v>169763</v>
      </c>
      <c r="E16935" s="1" t="s">
        <v>0</v>
      </c>
    </row>
    <row r="16936" spans="1:5" x14ac:dyDescent="0.25">
      <c r="A16936" s="1" t="s">
        <v>36333</v>
      </c>
      <c r="B16936" s="1" t="s">
        <v>54741</v>
      </c>
      <c r="C16936" s="1" t="s">
        <v>36334</v>
      </c>
      <c r="D16936" s="2">
        <v>169764</v>
      </c>
      <c r="E16936" s="1" t="s">
        <v>0</v>
      </c>
    </row>
    <row r="16937" spans="1:5" x14ac:dyDescent="0.25">
      <c r="A16937" s="2">
        <v>3387</v>
      </c>
      <c r="B16937" s="2">
        <v>3387</v>
      </c>
      <c r="C16937" s="1" t="s">
        <v>0</v>
      </c>
      <c r="D16937" s="2">
        <v>169765</v>
      </c>
      <c r="E16937" s="1" t="s">
        <v>0</v>
      </c>
    </row>
    <row r="16938" spans="1:5" x14ac:dyDescent="0.25">
      <c r="A16938" s="1" t="s">
        <v>3084</v>
      </c>
      <c r="B16938" s="1" t="s">
        <v>50879</v>
      </c>
      <c r="C16938" s="1" t="s">
        <v>36335</v>
      </c>
      <c r="D16938" s="2">
        <v>169766</v>
      </c>
      <c r="E16938" s="1" t="s">
        <v>0</v>
      </c>
    </row>
    <row r="16939" spans="1:5" x14ac:dyDescent="0.25">
      <c r="A16939" s="1" t="s">
        <v>36336</v>
      </c>
      <c r="B16939" s="1" t="s">
        <v>54742</v>
      </c>
      <c r="C16939" s="1" t="s">
        <v>36337</v>
      </c>
      <c r="D16939" s="2">
        <v>169767</v>
      </c>
      <c r="E16939" s="1" t="s">
        <v>0</v>
      </c>
    </row>
    <row r="16940" spans="1:5" ht="409.5" x14ac:dyDescent="0.25">
      <c r="A16940" s="4" t="s">
        <v>36338</v>
      </c>
      <c r="B16940" s="1" t="s">
        <v>60125</v>
      </c>
      <c r="C16940" s="1" t="s">
        <v>36339</v>
      </c>
      <c r="D16940" s="2">
        <v>169768</v>
      </c>
      <c r="E16940" s="1" t="s">
        <v>0</v>
      </c>
    </row>
    <row r="16941" spans="1:5" x14ac:dyDescent="0.25">
      <c r="A16941" s="1" t="s">
        <v>36340</v>
      </c>
      <c r="B16941" s="1" t="s">
        <v>54743</v>
      </c>
      <c r="C16941" s="1" t="s">
        <v>36341</v>
      </c>
      <c r="D16941" s="2">
        <v>169769</v>
      </c>
      <c r="E16941" s="1" t="s">
        <v>0</v>
      </c>
    </row>
    <row r="16942" spans="1:5" x14ac:dyDescent="0.25">
      <c r="A16942" s="2">
        <v>3388</v>
      </c>
      <c r="B16942" s="2">
        <v>3388</v>
      </c>
      <c r="C16942" s="1" t="s">
        <v>0</v>
      </c>
      <c r="D16942" s="2">
        <v>169770</v>
      </c>
      <c r="E16942" s="1" t="s">
        <v>0</v>
      </c>
    </row>
    <row r="16943" spans="1:5" x14ac:dyDescent="0.25">
      <c r="A16943" s="1" t="s">
        <v>3085</v>
      </c>
      <c r="B16943" s="1" t="s">
        <v>9892</v>
      </c>
      <c r="C16943" s="1" t="s">
        <v>36342</v>
      </c>
      <c r="D16943" s="2">
        <v>169771</v>
      </c>
      <c r="E16943" s="1" t="s">
        <v>0</v>
      </c>
    </row>
    <row r="16944" spans="1:5" x14ac:dyDescent="0.25">
      <c r="A16944" s="1" t="s">
        <v>36343</v>
      </c>
      <c r="B16944" s="1" t="s">
        <v>62681</v>
      </c>
      <c r="C16944" s="1" t="s">
        <v>36344</v>
      </c>
      <c r="D16944" s="2">
        <v>169772</v>
      </c>
      <c r="E16944" s="1" t="s">
        <v>0</v>
      </c>
    </row>
    <row r="16945" spans="1:5" ht="409.5" x14ac:dyDescent="0.25">
      <c r="A16945" s="4" t="s">
        <v>36345</v>
      </c>
      <c r="B16945" s="1" t="s">
        <v>62682</v>
      </c>
      <c r="C16945" s="1" t="s">
        <v>36346</v>
      </c>
      <c r="D16945" s="2">
        <v>169773</v>
      </c>
      <c r="E16945" s="1" t="s">
        <v>0</v>
      </c>
    </row>
    <row r="16946" spans="1:5" x14ac:dyDescent="0.25">
      <c r="A16946" s="1" t="s">
        <v>3086</v>
      </c>
      <c r="B16946" s="1" t="s">
        <v>9893</v>
      </c>
      <c r="C16946" s="1" t="s">
        <v>36347</v>
      </c>
      <c r="D16946" s="2">
        <v>169774</v>
      </c>
      <c r="E16946" s="1" t="s">
        <v>0</v>
      </c>
    </row>
    <row r="16947" spans="1:5" x14ac:dyDescent="0.25">
      <c r="A16947" s="2">
        <v>3389</v>
      </c>
      <c r="B16947" s="2">
        <v>3389</v>
      </c>
      <c r="C16947" s="1" t="s">
        <v>0</v>
      </c>
      <c r="D16947" s="2">
        <v>169775</v>
      </c>
      <c r="E16947" s="1" t="s">
        <v>0</v>
      </c>
    </row>
    <row r="16948" spans="1:5" x14ac:dyDescent="0.25">
      <c r="A16948" s="1" t="s">
        <v>3087</v>
      </c>
      <c r="B16948" s="1" t="s">
        <v>9894</v>
      </c>
      <c r="C16948" s="1" t="s">
        <v>36348</v>
      </c>
      <c r="D16948" s="2">
        <v>169776</v>
      </c>
      <c r="E16948" s="1" t="s">
        <v>0</v>
      </c>
    </row>
    <row r="16949" spans="1:5" x14ac:dyDescent="0.25">
      <c r="A16949" s="1" t="s">
        <v>36349</v>
      </c>
      <c r="B16949" s="1" t="s">
        <v>54744</v>
      </c>
      <c r="C16949" s="1" t="s">
        <v>36350</v>
      </c>
      <c r="D16949" s="2">
        <v>169777</v>
      </c>
      <c r="E16949" s="1" t="s">
        <v>0</v>
      </c>
    </row>
    <row r="16950" spans="1:5" ht="409.5" x14ac:dyDescent="0.25">
      <c r="A16950" s="4" t="s">
        <v>36351</v>
      </c>
      <c r="B16950" s="1" t="s">
        <v>54745</v>
      </c>
      <c r="C16950" s="1" t="s">
        <v>36352</v>
      </c>
      <c r="D16950" s="2">
        <v>169778</v>
      </c>
      <c r="E16950" s="1" t="s">
        <v>0</v>
      </c>
    </row>
    <row r="16951" spans="1:5" x14ac:dyDescent="0.25">
      <c r="A16951" s="1" t="s">
        <v>14855</v>
      </c>
      <c r="B16951" s="1" t="s">
        <v>60879</v>
      </c>
      <c r="C16951" s="1" t="s">
        <v>14856</v>
      </c>
      <c r="D16951" s="2">
        <v>169779</v>
      </c>
      <c r="E16951" s="1" t="s">
        <v>0</v>
      </c>
    </row>
    <row r="16952" spans="1:5" x14ac:dyDescent="0.25">
      <c r="A16952" s="2">
        <v>3390</v>
      </c>
      <c r="B16952" s="2">
        <v>3390</v>
      </c>
      <c r="C16952" s="1" t="s">
        <v>0</v>
      </c>
      <c r="D16952" s="2">
        <v>169780</v>
      </c>
      <c r="E16952" s="1" t="s">
        <v>0</v>
      </c>
    </row>
    <row r="16953" spans="1:5" x14ac:dyDescent="0.25">
      <c r="A16953" s="1" t="s">
        <v>3088</v>
      </c>
      <c r="B16953" s="1" t="s">
        <v>9895</v>
      </c>
      <c r="C16953" s="1" t="s">
        <v>36353</v>
      </c>
      <c r="D16953" s="2">
        <v>169781</v>
      </c>
      <c r="E16953" s="1" t="s">
        <v>0</v>
      </c>
    </row>
    <row r="16954" spans="1:5" x14ac:dyDescent="0.25">
      <c r="A16954" s="1" t="s">
        <v>36354</v>
      </c>
      <c r="B16954" s="1" t="s">
        <v>58800</v>
      </c>
      <c r="C16954" s="1" t="s">
        <v>36355</v>
      </c>
      <c r="D16954" s="2">
        <v>169782</v>
      </c>
      <c r="E16954" s="1" t="s">
        <v>0</v>
      </c>
    </row>
    <row r="16955" spans="1:5" ht="409.5" x14ac:dyDescent="0.25">
      <c r="A16955" s="4" t="s">
        <v>36356</v>
      </c>
      <c r="B16955" s="1" t="s">
        <v>58801</v>
      </c>
      <c r="C16955" s="1" t="s">
        <v>36357</v>
      </c>
      <c r="D16955" s="2">
        <v>169783</v>
      </c>
      <c r="E16955" s="1" t="s">
        <v>0</v>
      </c>
    </row>
    <row r="16956" spans="1:5" x14ac:dyDescent="0.25">
      <c r="A16956" s="1" t="s">
        <v>36358</v>
      </c>
      <c r="B16956" s="1" t="s">
        <v>54746</v>
      </c>
      <c r="C16956" s="1" t="s">
        <v>36359</v>
      </c>
      <c r="D16956" s="2">
        <v>169784</v>
      </c>
      <c r="E16956" s="1" t="s">
        <v>0</v>
      </c>
    </row>
    <row r="16957" spans="1:5" x14ac:dyDescent="0.25">
      <c r="A16957" s="2">
        <v>3391</v>
      </c>
      <c r="B16957" s="2">
        <v>3391</v>
      </c>
      <c r="C16957" s="1" t="s">
        <v>0</v>
      </c>
      <c r="D16957" s="2">
        <v>169785</v>
      </c>
      <c r="E16957" s="1" t="s">
        <v>0</v>
      </c>
    </row>
    <row r="16958" spans="1:5" x14ac:dyDescent="0.25">
      <c r="A16958" s="1" t="s">
        <v>3089</v>
      </c>
      <c r="B16958" s="1" t="s">
        <v>9896</v>
      </c>
      <c r="C16958" s="1" t="s">
        <v>36360</v>
      </c>
      <c r="D16958" s="2">
        <v>169786</v>
      </c>
      <c r="E16958" s="1" t="s">
        <v>0</v>
      </c>
    </row>
    <row r="16959" spans="1:5" x14ac:dyDescent="0.25">
      <c r="A16959" s="1" t="s">
        <v>36361</v>
      </c>
      <c r="B16959" s="1" t="s">
        <v>63761</v>
      </c>
      <c r="C16959" s="1" t="s">
        <v>36362</v>
      </c>
      <c r="D16959" s="2">
        <v>169787</v>
      </c>
      <c r="E16959" s="1" t="s">
        <v>0</v>
      </c>
    </row>
    <row r="16960" spans="1:5" ht="409.5" x14ac:dyDescent="0.25">
      <c r="A16960" s="4" t="s">
        <v>36363</v>
      </c>
      <c r="B16960" s="1" t="s">
        <v>63762</v>
      </c>
      <c r="C16960" s="1" t="s">
        <v>36364</v>
      </c>
      <c r="D16960" s="2">
        <v>169788</v>
      </c>
      <c r="E16960" s="1" t="s">
        <v>0</v>
      </c>
    </row>
    <row r="16961" spans="1:5" x14ac:dyDescent="0.25">
      <c r="A16961" s="1" t="s">
        <v>36365</v>
      </c>
      <c r="B16961" s="1" t="s">
        <v>9897</v>
      </c>
      <c r="C16961" s="1" t="s">
        <v>36366</v>
      </c>
      <c r="D16961" s="2">
        <v>169789</v>
      </c>
      <c r="E16961" s="1" t="s">
        <v>0</v>
      </c>
    </row>
    <row r="16962" spans="1:5" x14ac:dyDescent="0.25">
      <c r="A16962" s="2">
        <v>3392</v>
      </c>
      <c r="B16962" s="2">
        <v>3392</v>
      </c>
      <c r="C16962" s="1" t="s">
        <v>0</v>
      </c>
      <c r="D16962" s="2">
        <v>169790</v>
      </c>
      <c r="E16962" s="1" t="s">
        <v>0</v>
      </c>
    </row>
    <row r="16963" spans="1:5" x14ac:dyDescent="0.25">
      <c r="A16963" s="1" t="s">
        <v>3090</v>
      </c>
      <c r="B16963" s="1" t="s">
        <v>57919</v>
      </c>
      <c r="C16963" s="1" t="s">
        <v>36367</v>
      </c>
      <c r="D16963" s="2">
        <v>169791</v>
      </c>
      <c r="E16963" s="1" t="s">
        <v>0</v>
      </c>
    </row>
    <row r="16964" spans="1:5" x14ac:dyDescent="0.25">
      <c r="A16964" s="1" t="s">
        <v>36368</v>
      </c>
      <c r="B16964" s="1" t="s">
        <v>58468</v>
      </c>
      <c r="C16964" s="1" t="s">
        <v>36369</v>
      </c>
      <c r="D16964" s="2">
        <v>169792</v>
      </c>
      <c r="E16964" s="1" t="s">
        <v>0</v>
      </c>
    </row>
    <row r="16965" spans="1:5" ht="409.5" x14ac:dyDescent="0.25">
      <c r="A16965" s="4" t="s">
        <v>36370</v>
      </c>
      <c r="B16965" s="1" t="s">
        <v>58469</v>
      </c>
      <c r="C16965" s="1" t="s">
        <v>36371</v>
      </c>
      <c r="D16965" s="2">
        <v>169793</v>
      </c>
      <c r="E16965" s="1" t="s">
        <v>0</v>
      </c>
    </row>
    <row r="16966" spans="1:5" x14ac:dyDescent="0.25">
      <c r="A16966" s="1" t="s">
        <v>36372</v>
      </c>
      <c r="B16966" s="1" t="s">
        <v>9898</v>
      </c>
      <c r="C16966" s="1" t="s">
        <v>36373</v>
      </c>
      <c r="D16966" s="2">
        <v>169794</v>
      </c>
      <c r="E16966" s="1" t="s">
        <v>0</v>
      </c>
    </row>
    <row r="16967" spans="1:5" x14ac:dyDescent="0.25">
      <c r="A16967" s="2">
        <v>3393</v>
      </c>
      <c r="B16967" s="2">
        <v>3393</v>
      </c>
      <c r="C16967" s="1" t="s">
        <v>0</v>
      </c>
      <c r="D16967" s="2">
        <v>169795</v>
      </c>
      <c r="E16967" s="1" t="s">
        <v>0</v>
      </c>
    </row>
    <row r="16968" spans="1:5" x14ac:dyDescent="0.25">
      <c r="A16968" s="1" t="s">
        <v>3091</v>
      </c>
      <c r="B16968" s="1" t="s">
        <v>50880</v>
      </c>
      <c r="C16968" s="1" t="s">
        <v>36374</v>
      </c>
      <c r="D16968" s="2">
        <v>169796</v>
      </c>
      <c r="E16968" s="1" t="s">
        <v>0</v>
      </c>
    </row>
    <row r="16969" spans="1:5" x14ac:dyDescent="0.25">
      <c r="A16969" s="1" t="s">
        <v>36375</v>
      </c>
      <c r="B16969" s="1" t="s">
        <v>54747</v>
      </c>
      <c r="C16969" s="1" t="s">
        <v>36376</v>
      </c>
      <c r="D16969" s="2">
        <v>169797</v>
      </c>
      <c r="E16969" s="1" t="s">
        <v>0</v>
      </c>
    </row>
    <row r="16970" spans="1:5" ht="409.5" x14ac:dyDescent="0.25">
      <c r="A16970" s="4" t="s">
        <v>36377</v>
      </c>
      <c r="B16970" s="1" t="s">
        <v>54748</v>
      </c>
      <c r="C16970" s="1" t="s">
        <v>36378</v>
      </c>
      <c r="D16970" s="2">
        <v>169798</v>
      </c>
      <c r="E16970" s="1" t="s">
        <v>0</v>
      </c>
    </row>
    <row r="16971" spans="1:5" x14ac:dyDescent="0.25">
      <c r="A16971" s="1" t="s">
        <v>36379</v>
      </c>
      <c r="B16971" s="1" t="s">
        <v>9899</v>
      </c>
      <c r="C16971" s="1" t="s">
        <v>36380</v>
      </c>
      <c r="D16971" s="2">
        <v>169799</v>
      </c>
      <c r="E16971" s="1" t="s">
        <v>0</v>
      </c>
    </row>
    <row r="16972" spans="1:5" x14ac:dyDescent="0.25">
      <c r="A16972" s="2">
        <v>3394</v>
      </c>
      <c r="B16972" s="2">
        <v>3394</v>
      </c>
      <c r="C16972" s="1" t="s">
        <v>0</v>
      </c>
      <c r="D16972" s="2">
        <v>169800</v>
      </c>
      <c r="E16972" s="1" t="s">
        <v>0</v>
      </c>
    </row>
    <row r="16973" spans="1:5" x14ac:dyDescent="0.25">
      <c r="A16973" s="1" t="s">
        <v>3092</v>
      </c>
      <c r="B16973" s="1" t="s">
        <v>9900</v>
      </c>
      <c r="C16973" s="1" t="s">
        <v>36381</v>
      </c>
      <c r="D16973" s="2">
        <v>169801</v>
      </c>
      <c r="E16973" s="1" t="s">
        <v>0</v>
      </c>
    </row>
    <row r="16974" spans="1:5" x14ac:dyDescent="0.25">
      <c r="A16974" s="1" t="s">
        <v>36382</v>
      </c>
      <c r="B16974" s="1" t="s">
        <v>54749</v>
      </c>
      <c r="C16974" s="1" t="s">
        <v>36383</v>
      </c>
      <c r="D16974" s="2">
        <v>169802</v>
      </c>
      <c r="E16974" s="1" t="s">
        <v>0</v>
      </c>
    </row>
    <row r="16975" spans="1:5" ht="409.5" x14ac:dyDescent="0.25">
      <c r="A16975" s="4" t="s">
        <v>36384</v>
      </c>
      <c r="B16975" s="1" t="s">
        <v>63441</v>
      </c>
      <c r="C16975" s="1" t="s">
        <v>36385</v>
      </c>
      <c r="D16975" s="2">
        <v>169803</v>
      </c>
      <c r="E16975" s="1" t="s">
        <v>0</v>
      </c>
    </row>
    <row r="16976" spans="1:5" x14ac:dyDescent="0.25">
      <c r="A16976" s="1" t="s">
        <v>36386</v>
      </c>
      <c r="B16976" s="1" t="s">
        <v>57274</v>
      </c>
      <c r="C16976" s="1" t="s">
        <v>36387</v>
      </c>
      <c r="D16976" s="2">
        <v>169804</v>
      </c>
      <c r="E16976" s="1" t="s">
        <v>0</v>
      </c>
    </row>
    <row r="16977" spans="1:5" x14ac:dyDescent="0.25">
      <c r="A16977" s="2">
        <v>3395</v>
      </c>
      <c r="B16977" s="2">
        <v>3395</v>
      </c>
      <c r="C16977" s="1" t="s">
        <v>0</v>
      </c>
      <c r="D16977" s="2">
        <v>169805</v>
      </c>
      <c r="E16977" s="1" t="s">
        <v>0</v>
      </c>
    </row>
    <row r="16978" spans="1:5" x14ac:dyDescent="0.25">
      <c r="A16978" s="1" t="s">
        <v>13208</v>
      </c>
      <c r="B16978" s="1" t="s">
        <v>9901</v>
      </c>
      <c r="C16978" s="1" t="s">
        <v>36388</v>
      </c>
      <c r="D16978" s="2">
        <v>169806</v>
      </c>
      <c r="E16978" s="1" t="s">
        <v>0</v>
      </c>
    </row>
    <row r="16979" spans="1:5" x14ac:dyDescent="0.25">
      <c r="A16979" s="1" t="s">
        <v>36389</v>
      </c>
      <c r="B16979" s="1" t="s">
        <v>58470</v>
      </c>
      <c r="C16979" s="1" t="s">
        <v>36390</v>
      </c>
      <c r="D16979" s="2">
        <v>169807</v>
      </c>
      <c r="E16979" s="1" t="s">
        <v>0</v>
      </c>
    </row>
    <row r="16980" spans="1:5" ht="409.5" x14ac:dyDescent="0.25">
      <c r="A16980" s="4" t="s">
        <v>36391</v>
      </c>
      <c r="B16980" s="1" t="s">
        <v>58471</v>
      </c>
      <c r="C16980" s="1" t="s">
        <v>36392</v>
      </c>
      <c r="D16980" s="2">
        <v>169808</v>
      </c>
      <c r="E16980" s="1" t="s">
        <v>0</v>
      </c>
    </row>
    <row r="16981" spans="1:5" x14ac:dyDescent="0.25">
      <c r="A16981" s="1" t="s">
        <v>36393</v>
      </c>
      <c r="B16981" s="1" t="s">
        <v>54750</v>
      </c>
      <c r="C16981" s="1" t="s">
        <v>36394</v>
      </c>
      <c r="D16981" s="2">
        <v>169809</v>
      </c>
      <c r="E16981" s="1" t="s">
        <v>0</v>
      </c>
    </row>
    <row r="16982" spans="1:5" x14ac:dyDescent="0.25">
      <c r="A16982" s="2">
        <v>3396</v>
      </c>
      <c r="B16982" s="2">
        <v>3396</v>
      </c>
      <c r="C16982" s="1" t="s">
        <v>0</v>
      </c>
      <c r="D16982" s="2">
        <v>169810</v>
      </c>
      <c r="E16982" s="1" t="s">
        <v>0</v>
      </c>
    </row>
    <row r="16983" spans="1:5" x14ac:dyDescent="0.25">
      <c r="A16983" s="1" t="s">
        <v>3093</v>
      </c>
      <c r="B16983" s="1" t="s">
        <v>9902</v>
      </c>
      <c r="C16983" s="1" t="s">
        <v>36395</v>
      </c>
      <c r="D16983" s="2">
        <v>169811</v>
      </c>
      <c r="E16983" s="1" t="s">
        <v>0</v>
      </c>
    </row>
    <row r="16984" spans="1:5" x14ac:dyDescent="0.25">
      <c r="A16984" s="1" t="s">
        <v>36396</v>
      </c>
      <c r="B16984" s="1" t="s">
        <v>54751</v>
      </c>
      <c r="C16984" s="1" t="s">
        <v>36397</v>
      </c>
      <c r="D16984" s="2">
        <v>169812</v>
      </c>
      <c r="E16984" s="1" t="s">
        <v>0</v>
      </c>
    </row>
    <row r="16985" spans="1:5" ht="409.5" x14ac:dyDescent="0.25">
      <c r="A16985" s="4" t="s">
        <v>36398</v>
      </c>
      <c r="B16985" s="1" t="s">
        <v>56814</v>
      </c>
      <c r="C16985" s="1" t="s">
        <v>36399</v>
      </c>
      <c r="D16985" s="2">
        <v>169813</v>
      </c>
      <c r="E16985" s="1" t="s">
        <v>0</v>
      </c>
    </row>
    <row r="16986" spans="1:5" x14ac:dyDescent="0.25">
      <c r="A16986" s="1" t="s">
        <v>36400</v>
      </c>
      <c r="B16986" s="1" t="s">
        <v>54752</v>
      </c>
      <c r="C16986" s="1" t="s">
        <v>36401</v>
      </c>
      <c r="D16986" s="2">
        <v>169814</v>
      </c>
      <c r="E16986" s="1" t="s">
        <v>0</v>
      </c>
    </row>
    <row r="16987" spans="1:5" x14ac:dyDescent="0.25">
      <c r="A16987" s="2">
        <v>3397</v>
      </c>
      <c r="B16987" s="2">
        <v>3397</v>
      </c>
      <c r="C16987" s="1" t="s">
        <v>0</v>
      </c>
      <c r="D16987" s="2">
        <v>169815</v>
      </c>
      <c r="E16987" s="1" t="s">
        <v>0</v>
      </c>
    </row>
    <row r="16988" spans="1:5" x14ac:dyDescent="0.25">
      <c r="A16988" s="1" t="s">
        <v>3094</v>
      </c>
      <c r="B16988" s="1" t="s">
        <v>50881</v>
      </c>
      <c r="C16988" s="1" t="s">
        <v>36402</v>
      </c>
      <c r="D16988" s="2">
        <v>169816</v>
      </c>
      <c r="E16988" s="1" t="s">
        <v>0</v>
      </c>
    </row>
    <row r="16989" spans="1:5" x14ac:dyDescent="0.25">
      <c r="A16989" s="1" t="s">
        <v>36403</v>
      </c>
      <c r="B16989" s="1" t="s">
        <v>54753</v>
      </c>
      <c r="C16989" s="1" t="s">
        <v>36404</v>
      </c>
      <c r="D16989" s="2">
        <v>169817</v>
      </c>
      <c r="E16989" s="1" t="s">
        <v>0</v>
      </c>
    </row>
    <row r="16990" spans="1:5" ht="409.5" x14ac:dyDescent="0.25">
      <c r="A16990" s="4" t="s">
        <v>61846</v>
      </c>
      <c r="B16990" s="1" t="s">
        <v>62683</v>
      </c>
      <c r="C16990" s="1" t="s">
        <v>36405</v>
      </c>
      <c r="D16990" s="2">
        <v>169818</v>
      </c>
      <c r="E16990" s="1" t="s">
        <v>0</v>
      </c>
    </row>
    <row r="16991" spans="1:5" x14ac:dyDescent="0.25">
      <c r="A16991" s="1" t="s">
        <v>36406</v>
      </c>
      <c r="B16991" s="1" t="s">
        <v>54754</v>
      </c>
      <c r="C16991" s="1" t="s">
        <v>36407</v>
      </c>
      <c r="D16991" s="2">
        <v>169819</v>
      </c>
      <c r="E16991" s="1" t="s">
        <v>0</v>
      </c>
    </row>
    <row r="16992" spans="1:5" x14ac:dyDescent="0.25">
      <c r="A16992" s="2">
        <v>3398</v>
      </c>
      <c r="B16992" s="2">
        <v>3398</v>
      </c>
      <c r="C16992" s="1" t="s">
        <v>0</v>
      </c>
      <c r="D16992" s="2">
        <v>169820</v>
      </c>
      <c r="E16992" s="1" t="s">
        <v>0</v>
      </c>
    </row>
    <row r="16993" spans="1:5" x14ac:dyDescent="0.25">
      <c r="A16993" s="1" t="s">
        <v>3095</v>
      </c>
      <c r="B16993" s="1" t="s">
        <v>56959</v>
      </c>
      <c r="C16993" s="1" t="s">
        <v>36408</v>
      </c>
      <c r="D16993" s="2">
        <v>169821</v>
      </c>
      <c r="E16993" s="1" t="s">
        <v>0</v>
      </c>
    </row>
    <row r="16994" spans="1:5" x14ac:dyDescent="0.25">
      <c r="A16994" s="1" t="s">
        <v>36409</v>
      </c>
      <c r="B16994" s="1" t="s">
        <v>62684</v>
      </c>
      <c r="C16994" s="1" t="s">
        <v>36410</v>
      </c>
      <c r="D16994" s="2">
        <v>169822</v>
      </c>
      <c r="E16994" s="1" t="s">
        <v>0</v>
      </c>
    </row>
    <row r="16995" spans="1:5" x14ac:dyDescent="0.25">
      <c r="A16995" s="1" t="s">
        <v>36409</v>
      </c>
      <c r="B16995" s="1" t="s">
        <v>62684</v>
      </c>
      <c r="C16995" s="1" t="s">
        <v>36410</v>
      </c>
      <c r="D16995" s="2">
        <v>169823</v>
      </c>
      <c r="E16995" s="1" t="s">
        <v>0</v>
      </c>
    </row>
    <row r="16996" spans="1:5" x14ac:dyDescent="0.25">
      <c r="A16996" s="1" t="s">
        <v>36411</v>
      </c>
      <c r="B16996" s="1" t="s">
        <v>54755</v>
      </c>
      <c r="C16996" s="1" t="s">
        <v>36412</v>
      </c>
      <c r="D16996" s="2">
        <v>169824</v>
      </c>
      <c r="E16996" s="1" t="s">
        <v>0</v>
      </c>
    </row>
    <row r="16997" spans="1:5" x14ac:dyDescent="0.25">
      <c r="A16997" s="2">
        <v>3399</v>
      </c>
      <c r="B16997" s="2">
        <v>3399</v>
      </c>
      <c r="C16997" s="1" t="s">
        <v>0</v>
      </c>
      <c r="D16997" s="2">
        <v>169825</v>
      </c>
      <c r="E16997" s="1" t="s">
        <v>0</v>
      </c>
    </row>
    <row r="16998" spans="1:5" x14ac:dyDescent="0.25">
      <c r="A16998" s="1" t="s">
        <v>3096</v>
      </c>
      <c r="B16998" s="1" t="s">
        <v>54756</v>
      </c>
      <c r="C16998" s="1" t="s">
        <v>36413</v>
      </c>
      <c r="D16998" s="2">
        <v>169826</v>
      </c>
      <c r="E16998" s="1" t="s">
        <v>0</v>
      </c>
    </row>
    <row r="16999" spans="1:5" x14ac:dyDescent="0.25">
      <c r="A16999" s="1" t="s">
        <v>36414</v>
      </c>
      <c r="B16999" s="1" t="s">
        <v>61228</v>
      </c>
      <c r="C16999" s="1" t="s">
        <v>36415</v>
      </c>
      <c r="D16999" s="2">
        <v>169827</v>
      </c>
      <c r="E16999" s="1" t="s">
        <v>0</v>
      </c>
    </row>
    <row r="17000" spans="1:5" ht="409.5" x14ac:dyDescent="0.25">
      <c r="A17000" s="4" t="s">
        <v>36416</v>
      </c>
      <c r="B17000" s="1" t="s">
        <v>61229</v>
      </c>
      <c r="C17000" s="1" t="s">
        <v>36417</v>
      </c>
      <c r="D17000" s="2">
        <v>169828</v>
      </c>
      <c r="E17000" s="1" t="s">
        <v>0</v>
      </c>
    </row>
    <row r="17001" spans="1:5" x14ac:dyDescent="0.25">
      <c r="A17001" s="1" t="s">
        <v>36418</v>
      </c>
      <c r="B17001" s="1" t="s">
        <v>57275</v>
      </c>
      <c r="C17001" s="1" t="s">
        <v>36419</v>
      </c>
      <c r="D17001" s="2">
        <v>169829</v>
      </c>
      <c r="E17001" s="1" t="s">
        <v>0</v>
      </c>
    </row>
    <row r="17002" spans="1:5" x14ac:dyDescent="0.25">
      <c r="A17002" s="2">
        <v>3400</v>
      </c>
      <c r="B17002" s="2">
        <v>3400</v>
      </c>
      <c r="C17002" s="1" t="s">
        <v>0</v>
      </c>
      <c r="D17002" s="2">
        <v>169830</v>
      </c>
      <c r="E17002" s="1" t="s">
        <v>0</v>
      </c>
    </row>
    <row r="17003" spans="1:5" x14ac:dyDescent="0.25">
      <c r="A17003" s="1" t="s">
        <v>3097</v>
      </c>
      <c r="B17003" s="1" t="s">
        <v>9903</v>
      </c>
      <c r="C17003" s="1" t="s">
        <v>36420</v>
      </c>
      <c r="D17003" s="2">
        <v>169831</v>
      </c>
      <c r="E17003" s="1" t="s">
        <v>0</v>
      </c>
    </row>
    <row r="17004" spans="1:5" x14ac:dyDescent="0.25">
      <c r="A17004" s="1" t="s">
        <v>36421</v>
      </c>
      <c r="B17004" s="1" t="s">
        <v>54757</v>
      </c>
      <c r="C17004" s="1" t="s">
        <v>36422</v>
      </c>
      <c r="D17004" s="2">
        <v>169832</v>
      </c>
      <c r="E17004" s="1" t="s">
        <v>0</v>
      </c>
    </row>
    <row r="17005" spans="1:5" ht="409.5" x14ac:dyDescent="0.25">
      <c r="A17005" s="4" t="s">
        <v>36423</v>
      </c>
      <c r="B17005" s="1" t="s">
        <v>54758</v>
      </c>
      <c r="C17005" s="1" t="s">
        <v>36424</v>
      </c>
      <c r="D17005" s="2">
        <v>169833</v>
      </c>
      <c r="E17005" s="1" t="s">
        <v>0</v>
      </c>
    </row>
    <row r="17006" spans="1:5" x14ac:dyDescent="0.25">
      <c r="A17006" s="1" t="s">
        <v>36425</v>
      </c>
      <c r="B17006" s="1" t="s">
        <v>9904</v>
      </c>
      <c r="C17006" s="1" t="s">
        <v>36426</v>
      </c>
      <c r="D17006" s="2">
        <v>169834</v>
      </c>
      <c r="E17006" s="1" t="s">
        <v>0</v>
      </c>
    </row>
    <row r="17007" spans="1:5" x14ac:dyDescent="0.25">
      <c r="A17007" s="2">
        <v>3401</v>
      </c>
      <c r="B17007" s="2">
        <v>3401</v>
      </c>
      <c r="C17007" s="1" t="s">
        <v>0</v>
      </c>
      <c r="D17007" s="2">
        <v>169835</v>
      </c>
      <c r="E17007" s="1" t="s">
        <v>0</v>
      </c>
    </row>
    <row r="17008" spans="1:5" x14ac:dyDescent="0.25">
      <c r="A17008" s="1" t="s">
        <v>3098</v>
      </c>
      <c r="B17008" s="1" t="s">
        <v>60126</v>
      </c>
      <c r="C17008" s="1" t="s">
        <v>36427</v>
      </c>
      <c r="D17008" s="2">
        <v>169836</v>
      </c>
      <c r="E17008" s="1" t="s">
        <v>0</v>
      </c>
    </row>
    <row r="17009" spans="1:5" x14ac:dyDescent="0.25">
      <c r="A17009" s="1" t="s">
        <v>36428</v>
      </c>
      <c r="B17009" s="1" t="s">
        <v>62685</v>
      </c>
      <c r="C17009" s="1" t="s">
        <v>36429</v>
      </c>
      <c r="D17009" s="2">
        <v>169837</v>
      </c>
      <c r="E17009" s="1" t="s">
        <v>0</v>
      </c>
    </row>
    <row r="17010" spans="1:5" ht="409.5" x14ac:dyDescent="0.25">
      <c r="A17010" s="4" t="s">
        <v>36430</v>
      </c>
      <c r="B17010" s="1" t="s">
        <v>62686</v>
      </c>
      <c r="C17010" s="1" t="s">
        <v>36431</v>
      </c>
      <c r="D17010" s="2">
        <v>169838</v>
      </c>
      <c r="E17010" s="1" t="s">
        <v>0</v>
      </c>
    </row>
    <row r="17011" spans="1:5" x14ac:dyDescent="0.25">
      <c r="A17011" s="1" t="s">
        <v>36432</v>
      </c>
      <c r="B17011" s="1" t="s">
        <v>54759</v>
      </c>
      <c r="C17011" s="1" t="s">
        <v>36433</v>
      </c>
      <c r="D17011" s="2">
        <v>169839</v>
      </c>
      <c r="E17011" s="1" t="s">
        <v>0</v>
      </c>
    </row>
    <row r="17012" spans="1:5" x14ac:dyDescent="0.25">
      <c r="A17012" s="2">
        <v>3402</v>
      </c>
      <c r="B17012" s="2">
        <v>3402</v>
      </c>
      <c r="C17012" s="1" t="s">
        <v>0</v>
      </c>
      <c r="D17012" s="2">
        <v>169840</v>
      </c>
      <c r="E17012" s="1" t="s">
        <v>0</v>
      </c>
    </row>
    <row r="17013" spans="1:5" x14ac:dyDescent="0.25">
      <c r="A17013" s="1" t="s">
        <v>3099</v>
      </c>
      <c r="B17013" s="1" t="s">
        <v>60127</v>
      </c>
      <c r="C17013" s="1" t="s">
        <v>36434</v>
      </c>
      <c r="D17013" s="2">
        <v>169841</v>
      </c>
      <c r="E17013" s="1" t="s">
        <v>0</v>
      </c>
    </row>
    <row r="17014" spans="1:5" x14ac:dyDescent="0.25">
      <c r="A17014" s="1" t="s">
        <v>36435</v>
      </c>
      <c r="B17014" s="1" t="s">
        <v>62687</v>
      </c>
      <c r="C17014" s="1" t="s">
        <v>36436</v>
      </c>
      <c r="D17014" s="2">
        <v>169842</v>
      </c>
      <c r="E17014" s="1" t="s">
        <v>0</v>
      </c>
    </row>
    <row r="17015" spans="1:5" ht="409.5" x14ac:dyDescent="0.25">
      <c r="A17015" s="4" t="s">
        <v>36437</v>
      </c>
      <c r="B17015" s="1" t="s">
        <v>62688</v>
      </c>
      <c r="C17015" s="1" t="s">
        <v>36438</v>
      </c>
      <c r="D17015" s="2">
        <v>169843</v>
      </c>
      <c r="E17015" s="1" t="s">
        <v>0</v>
      </c>
    </row>
    <row r="17016" spans="1:5" x14ac:dyDescent="0.25">
      <c r="A17016" s="1" t="s">
        <v>36439</v>
      </c>
      <c r="B17016" s="1" t="s">
        <v>54760</v>
      </c>
      <c r="C17016" s="1" t="s">
        <v>36440</v>
      </c>
      <c r="D17016" s="2">
        <v>169844</v>
      </c>
      <c r="E17016" s="1" t="s">
        <v>0</v>
      </c>
    </row>
    <row r="17017" spans="1:5" x14ac:dyDescent="0.25">
      <c r="A17017" s="2">
        <v>3403</v>
      </c>
      <c r="B17017" s="2">
        <v>3403</v>
      </c>
      <c r="C17017" s="1" t="s">
        <v>0</v>
      </c>
      <c r="D17017" s="2">
        <v>169845</v>
      </c>
      <c r="E17017" s="1" t="s">
        <v>0</v>
      </c>
    </row>
    <row r="17018" spans="1:5" x14ac:dyDescent="0.25">
      <c r="A17018" s="1" t="s">
        <v>3100</v>
      </c>
      <c r="B17018" s="1" t="s">
        <v>56960</v>
      </c>
      <c r="C17018" s="1" t="s">
        <v>36441</v>
      </c>
      <c r="D17018" s="2">
        <v>169846</v>
      </c>
      <c r="E17018" s="1" t="s">
        <v>0</v>
      </c>
    </row>
    <row r="17019" spans="1:5" x14ac:dyDescent="0.25">
      <c r="A17019" s="1" t="s">
        <v>61847</v>
      </c>
      <c r="B17019" s="1" t="s">
        <v>9905</v>
      </c>
      <c r="C17019" s="1" t="s">
        <v>36442</v>
      </c>
      <c r="D17019" s="2">
        <v>169847</v>
      </c>
      <c r="E17019" s="1" t="s">
        <v>0</v>
      </c>
    </row>
    <row r="17020" spans="1:5" ht="409.5" x14ac:dyDescent="0.25">
      <c r="A17020" s="4" t="s">
        <v>61848</v>
      </c>
      <c r="B17020" s="1" t="s">
        <v>61849</v>
      </c>
      <c r="C17020" s="1" t="s">
        <v>36443</v>
      </c>
      <c r="D17020" s="2">
        <v>169848</v>
      </c>
      <c r="E17020" s="1" t="s">
        <v>0</v>
      </c>
    </row>
    <row r="17021" spans="1:5" x14ac:dyDescent="0.25">
      <c r="A17021" s="1" t="s">
        <v>36444</v>
      </c>
      <c r="B17021" s="1" t="s">
        <v>54761</v>
      </c>
      <c r="C17021" s="1" t="s">
        <v>36445</v>
      </c>
      <c r="D17021" s="2">
        <v>169849</v>
      </c>
      <c r="E17021" s="1" t="s">
        <v>0</v>
      </c>
    </row>
    <row r="17022" spans="1:5" x14ac:dyDescent="0.25">
      <c r="A17022" s="2">
        <v>3404</v>
      </c>
      <c r="B17022" s="2">
        <v>3404</v>
      </c>
      <c r="C17022" s="1" t="s">
        <v>0</v>
      </c>
      <c r="D17022" s="2">
        <v>169850</v>
      </c>
      <c r="E17022" s="1" t="s">
        <v>0</v>
      </c>
    </row>
    <row r="17023" spans="1:5" x14ac:dyDescent="0.25">
      <c r="A17023" s="1" t="s">
        <v>3101</v>
      </c>
      <c r="B17023" s="1" t="s">
        <v>9906</v>
      </c>
      <c r="C17023" s="1" t="s">
        <v>36446</v>
      </c>
      <c r="D17023" s="2">
        <v>169851</v>
      </c>
      <c r="E17023" s="1" t="s">
        <v>0</v>
      </c>
    </row>
    <row r="17024" spans="1:5" x14ac:dyDescent="0.25">
      <c r="A17024" s="1" t="s">
        <v>36447</v>
      </c>
      <c r="B17024" s="1" t="s">
        <v>63442</v>
      </c>
      <c r="C17024" s="1" t="s">
        <v>36448</v>
      </c>
      <c r="D17024" s="2">
        <v>169852</v>
      </c>
      <c r="E17024" s="1" t="s">
        <v>0</v>
      </c>
    </row>
    <row r="17025" spans="1:5" ht="409.5" x14ac:dyDescent="0.25">
      <c r="A17025" s="4" t="s">
        <v>36449</v>
      </c>
      <c r="B17025" s="1" t="s">
        <v>63443</v>
      </c>
      <c r="C17025" s="1" t="s">
        <v>36450</v>
      </c>
      <c r="D17025" s="2">
        <v>169853</v>
      </c>
      <c r="E17025" s="1" t="s">
        <v>0</v>
      </c>
    </row>
    <row r="17026" spans="1:5" x14ac:dyDescent="0.25">
      <c r="A17026" s="1" t="s">
        <v>36451</v>
      </c>
      <c r="B17026" s="1" t="s">
        <v>9907</v>
      </c>
      <c r="C17026" s="1" t="s">
        <v>36452</v>
      </c>
      <c r="D17026" s="2">
        <v>169854</v>
      </c>
      <c r="E17026" s="1" t="s">
        <v>0</v>
      </c>
    </row>
    <row r="17027" spans="1:5" x14ac:dyDescent="0.25">
      <c r="A17027" s="2">
        <v>3405</v>
      </c>
      <c r="B17027" s="2">
        <v>3405</v>
      </c>
      <c r="C17027" s="1" t="s">
        <v>0</v>
      </c>
      <c r="D17027" s="2">
        <v>169855</v>
      </c>
      <c r="E17027" s="1" t="s">
        <v>0</v>
      </c>
    </row>
    <row r="17028" spans="1:5" x14ac:dyDescent="0.25">
      <c r="A17028" s="1" t="s">
        <v>3102</v>
      </c>
      <c r="B17028" s="1" t="s">
        <v>9908</v>
      </c>
      <c r="C17028" s="1" t="s">
        <v>36453</v>
      </c>
      <c r="D17028" s="2">
        <v>169856</v>
      </c>
      <c r="E17028" s="1" t="s">
        <v>0</v>
      </c>
    </row>
    <row r="17029" spans="1:5" x14ac:dyDescent="0.25">
      <c r="A17029" s="1" t="s">
        <v>36454</v>
      </c>
      <c r="B17029" s="1" t="s">
        <v>56815</v>
      </c>
      <c r="C17029" s="1" t="s">
        <v>36455</v>
      </c>
      <c r="D17029" s="2">
        <v>169857</v>
      </c>
      <c r="E17029" s="1" t="s">
        <v>0</v>
      </c>
    </row>
    <row r="17030" spans="1:5" ht="409.5" x14ac:dyDescent="0.25">
      <c r="A17030" s="4" t="s">
        <v>36456</v>
      </c>
      <c r="B17030" s="1" t="s">
        <v>60128</v>
      </c>
      <c r="C17030" s="1" t="s">
        <v>36457</v>
      </c>
      <c r="D17030" s="2">
        <v>169858</v>
      </c>
      <c r="E17030" s="1" t="s">
        <v>0</v>
      </c>
    </row>
    <row r="17031" spans="1:5" x14ac:dyDescent="0.25">
      <c r="A17031" s="1" t="s">
        <v>36458</v>
      </c>
      <c r="B17031" s="1" t="s">
        <v>9909</v>
      </c>
      <c r="C17031" s="1" t="s">
        <v>36459</v>
      </c>
      <c r="D17031" s="2">
        <v>169859</v>
      </c>
      <c r="E17031" s="1" t="s">
        <v>0</v>
      </c>
    </row>
    <row r="17032" spans="1:5" x14ac:dyDescent="0.25">
      <c r="A17032" s="2">
        <v>3406</v>
      </c>
      <c r="B17032" s="2">
        <v>3406</v>
      </c>
      <c r="C17032" s="1" t="s">
        <v>0</v>
      </c>
      <c r="D17032" s="2">
        <v>169860</v>
      </c>
      <c r="E17032" s="1" t="s">
        <v>0</v>
      </c>
    </row>
    <row r="17033" spans="1:5" x14ac:dyDescent="0.25">
      <c r="A17033" s="1" t="s">
        <v>3103</v>
      </c>
      <c r="B17033" s="1" t="s">
        <v>9910</v>
      </c>
      <c r="C17033" s="1" t="s">
        <v>36460</v>
      </c>
      <c r="D17033" s="2">
        <v>169861</v>
      </c>
      <c r="E17033" s="1" t="s">
        <v>0</v>
      </c>
    </row>
    <row r="17034" spans="1:5" x14ac:dyDescent="0.25">
      <c r="A17034" s="1" t="s">
        <v>9911</v>
      </c>
      <c r="B17034" s="1" t="s">
        <v>9912</v>
      </c>
      <c r="C17034" s="1" t="s">
        <v>36461</v>
      </c>
      <c r="D17034" s="2">
        <v>169862</v>
      </c>
      <c r="E17034" s="1" t="s">
        <v>0</v>
      </c>
    </row>
    <row r="17035" spans="1:5" ht="409.5" x14ac:dyDescent="0.25">
      <c r="A17035" s="4" t="s">
        <v>36462</v>
      </c>
      <c r="B17035" s="1" t="s">
        <v>54762</v>
      </c>
      <c r="C17035" s="1" t="s">
        <v>36463</v>
      </c>
      <c r="D17035" s="2">
        <v>169863</v>
      </c>
      <c r="E17035" s="1" t="s">
        <v>0</v>
      </c>
    </row>
    <row r="17036" spans="1:5" x14ac:dyDescent="0.25">
      <c r="A17036" s="1" t="s">
        <v>36464</v>
      </c>
      <c r="B17036" s="1" t="s">
        <v>9913</v>
      </c>
      <c r="C17036" s="1" t="s">
        <v>36465</v>
      </c>
      <c r="D17036" s="2">
        <v>169864</v>
      </c>
      <c r="E17036" s="1" t="s">
        <v>0</v>
      </c>
    </row>
    <row r="17037" spans="1:5" x14ac:dyDescent="0.25">
      <c r="A17037" s="2">
        <v>3407</v>
      </c>
      <c r="B17037" s="2">
        <v>3407</v>
      </c>
      <c r="C17037" s="1" t="s">
        <v>0</v>
      </c>
      <c r="D17037" s="2">
        <v>169865</v>
      </c>
      <c r="E17037" s="1" t="s">
        <v>0</v>
      </c>
    </row>
    <row r="17038" spans="1:5" x14ac:dyDescent="0.25">
      <c r="A17038" s="1" t="s">
        <v>3104</v>
      </c>
      <c r="B17038" s="1" t="s">
        <v>9914</v>
      </c>
      <c r="C17038" s="1" t="s">
        <v>36466</v>
      </c>
      <c r="D17038" s="2">
        <v>169866</v>
      </c>
      <c r="E17038" s="1" t="s">
        <v>0</v>
      </c>
    </row>
    <row r="17039" spans="1:5" x14ac:dyDescent="0.25">
      <c r="A17039" s="1" t="s">
        <v>36467</v>
      </c>
      <c r="B17039" s="1" t="s">
        <v>57920</v>
      </c>
      <c r="C17039" s="1" t="s">
        <v>36468</v>
      </c>
      <c r="D17039" s="2">
        <v>169867</v>
      </c>
      <c r="E17039" s="1" t="s">
        <v>0</v>
      </c>
    </row>
    <row r="17040" spans="1:5" ht="409.5" x14ac:dyDescent="0.25">
      <c r="A17040" s="4" t="s">
        <v>36469</v>
      </c>
      <c r="B17040" s="1" t="s">
        <v>57921</v>
      </c>
      <c r="C17040" s="1" t="s">
        <v>36470</v>
      </c>
      <c r="D17040" s="2">
        <v>169868</v>
      </c>
      <c r="E17040" s="1" t="s">
        <v>0</v>
      </c>
    </row>
    <row r="17041" spans="1:5" x14ac:dyDescent="0.25">
      <c r="A17041" s="1" t="s">
        <v>36471</v>
      </c>
      <c r="B17041" s="1" t="s">
        <v>61230</v>
      </c>
      <c r="C17041" s="1" t="s">
        <v>36472</v>
      </c>
      <c r="D17041" s="2">
        <v>169869</v>
      </c>
      <c r="E17041" s="1" t="s">
        <v>0</v>
      </c>
    </row>
    <row r="17042" spans="1:5" x14ac:dyDescent="0.25">
      <c r="A17042" s="2">
        <v>3408</v>
      </c>
      <c r="B17042" s="2">
        <v>3408</v>
      </c>
      <c r="C17042" s="1" t="s">
        <v>0</v>
      </c>
      <c r="D17042" s="2">
        <v>169870</v>
      </c>
      <c r="E17042" s="1" t="s">
        <v>0</v>
      </c>
    </row>
    <row r="17043" spans="1:5" x14ac:dyDescent="0.25">
      <c r="A17043" s="1" t="s">
        <v>3105</v>
      </c>
      <c r="B17043" s="1" t="s">
        <v>54763</v>
      </c>
      <c r="C17043" s="1" t="s">
        <v>36473</v>
      </c>
      <c r="D17043" s="2">
        <v>169871</v>
      </c>
      <c r="E17043" s="1" t="s">
        <v>0</v>
      </c>
    </row>
    <row r="17044" spans="1:5" x14ac:dyDescent="0.25">
      <c r="A17044" s="1" t="s">
        <v>36474</v>
      </c>
      <c r="B17044" s="1" t="s">
        <v>54764</v>
      </c>
      <c r="C17044" s="1" t="s">
        <v>36475</v>
      </c>
      <c r="D17044" s="2">
        <v>169872</v>
      </c>
      <c r="E17044" s="1" t="s">
        <v>0</v>
      </c>
    </row>
    <row r="17045" spans="1:5" ht="409.5" x14ac:dyDescent="0.25">
      <c r="A17045" s="4" t="s">
        <v>36476</v>
      </c>
      <c r="B17045" s="1" t="s">
        <v>54765</v>
      </c>
      <c r="C17045" s="1" t="s">
        <v>36477</v>
      </c>
      <c r="D17045" s="2">
        <v>169873</v>
      </c>
      <c r="E17045" s="1" t="s">
        <v>0</v>
      </c>
    </row>
    <row r="17046" spans="1:5" x14ac:dyDescent="0.25">
      <c r="A17046" s="1" t="s">
        <v>16086</v>
      </c>
      <c r="B17046" s="1" t="s">
        <v>60897</v>
      </c>
      <c r="C17046" s="1" t="s">
        <v>16087</v>
      </c>
      <c r="D17046" s="2">
        <v>169874</v>
      </c>
      <c r="E17046" s="1" t="s">
        <v>0</v>
      </c>
    </row>
    <row r="17047" spans="1:5" x14ac:dyDescent="0.25">
      <c r="A17047" s="2">
        <v>3409</v>
      </c>
      <c r="B17047" s="2">
        <v>3409</v>
      </c>
      <c r="C17047" s="1" t="s">
        <v>0</v>
      </c>
      <c r="D17047" s="2">
        <v>169875</v>
      </c>
      <c r="E17047" s="1" t="s">
        <v>0</v>
      </c>
    </row>
    <row r="17048" spans="1:5" x14ac:dyDescent="0.25">
      <c r="A17048" s="1" t="s">
        <v>3106</v>
      </c>
      <c r="B17048" s="1" t="s">
        <v>9915</v>
      </c>
      <c r="C17048" s="1" t="s">
        <v>36478</v>
      </c>
      <c r="D17048" s="2">
        <v>169876</v>
      </c>
      <c r="E17048" s="1" t="s">
        <v>0</v>
      </c>
    </row>
    <row r="17049" spans="1:5" x14ac:dyDescent="0.25">
      <c r="A17049" s="1" t="s">
        <v>36479</v>
      </c>
      <c r="B17049" s="1" t="s">
        <v>58472</v>
      </c>
      <c r="C17049" s="1" t="s">
        <v>36480</v>
      </c>
      <c r="D17049" s="2">
        <v>169877</v>
      </c>
      <c r="E17049" s="1" t="s">
        <v>0</v>
      </c>
    </row>
    <row r="17050" spans="1:5" ht="409.5" x14ac:dyDescent="0.25">
      <c r="A17050" s="4" t="s">
        <v>36481</v>
      </c>
      <c r="B17050" s="1" t="s">
        <v>62689</v>
      </c>
      <c r="C17050" s="1" t="s">
        <v>36482</v>
      </c>
      <c r="D17050" s="2">
        <v>169878</v>
      </c>
      <c r="E17050" s="1" t="s">
        <v>0</v>
      </c>
    </row>
    <row r="17051" spans="1:5" x14ac:dyDescent="0.25">
      <c r="A17051" s="1" t="s">
        <v>36483</v>
      </c>
      <c r="B17051" s="1" t="s">
        <v>9916</v>
      </c>
      <c r="C17051" s="1" t="s">
        <v>36484</v>
      </c>
      <c r="D17051" s="2">
        <v>169879</v>
      </c>
      <c r="E17051" s="1" t="s">
        <v>0</v>
      </c>
    </row>
    <row r="17052" spans="1:5" x14ac:dyDescent="0.25">
      <c r="A17052" s="2">
        <v>3410</v>
      </c>
      <c r="B17052" s="2">
        <v>3410</v>
      </c>
      <c r="C17052" s="1" t="s">
        <v>0</v>
      </c>
      <c r="D17052" s="2">
        <v>169880</v>
      </c>
      <c r="E17052" s="1" t="s">
        <v>0</v>
      </c>
    </row>
    <row r="17053" spans="1:5" x14ac:dyDescent="0.25">
      <c r="A17053" s="1" t="s">
        <v>3107</v>
      </c>
      <c r="B17053" s="1" t="s">
        <v>58802</v>
      </c>
      <c r="C17053" s="1" t="s">
        <v>36485</v>
      </c>
      <c r="D17053" s="2">
        <v>169881</v>
      </c>
      <c r="E17053" s="1" t="s">
        <v>0</v>
      </c>
    </row>
    <row r="17054" spans="1:5" x14ac:dyDescent="0.25">
      <c r="A17054" s="1" t="s">
        <v>36486</v>
      </c>
      <c r="B17054" s="1" t="s">
        <v>58803</v>
      </c>
      <c r="C17054" s="1" t="s">
        <v>36487</v>
      </c>
      <c r="D17054" s="2">
        <v>169882</v>
      </c>
      <c r="E17054" s="1" t="s">
        <v>0</v>
      </c>
    </row>
    <row r="17055" spans="1:5" ht="409.5" x14ac:dyDescent="0.25">
      <c r="A17055" s="4" t="s">
        <v>36488</v>
      </c>
      <c r="B17055" s="1" t="s">
        <v>58804</v>
      </c>
      <c r="C17055" s="1" t="s">
        <v>36489</v>
      </c>
      <c r="D17055" s="2">
        <v>169883</v>
      </c>
      <c r="E17055" s="1" t="s">
        <v>0</v>
      </c>
    </row>
    <row r="17056" spans="1:5" x14ac:dyDescent="0.25">
      <c r="A17056" s="1" t="s">
        <v>36490</v>
      </c>
      <c r="B17056" s="1" t="s">
        <v>54766</v>
      </c>
      <c r="C17056" s="1" t="s">
        <v>36491</v>
      </c>
      <c r="D17056" s="2">
        <v>169884</v>
      </c>
      <c r="E17056" s="1" t="s">
        <v>0</v>
      </c>
    </row>
    <row r="17057" spans="1:5" x14ac:dyDescent="0.25">
      <c r="A17057" s="2">
        <v>3411</v>
      </c>
      <c r="B17057" s="2">
        <v>3411</v>
      </c>
      <c r="C17057" s="1" t="s">
        <v>0</v>
      </c>
      <c r="D17057" s="2">
        <v>169885</v>
      </c>
      <c r="E17057" s="1" t="s">
        <v>0</v>
      </c>
    </row>
    <row r="17058" spans="1:5" x14ac:dyDescent="0.25">
      <c r="A17058" s="1" t="s">
        <v>3108</v>
      </c>
      <c r="B17058" s="1" t="s">
        <v>61688</v>
      </c>
      <c r="C17058" s="1" t="s">
        <v>36492</v>
      </c>
      <c r="D17058" s="2">
        <v>169886</v>
      </c>
      <c r="E17058" s="1" t="s">
        <v>0</v>
      </c>
    </row>
    <row r="17059" spans="1:5" x14ac:dyDescent="0.25">
      <c r="A17059" s="1" t="s">
        <v>36493</v>
      </c>
      <c r="B17059" s="1" t="s">
        <v>61689</v>
      </c>
      <c r="C17059" s="1" t="s">
        <v>36494</v>
      </c>
      <c r="D17059" s="2">
        <v>169887</v>
      </c>
      <c r="E17059" s="1" t="s">
        <v>0</v>
      </c>
    </row>
    <row r="17060" spans="1:5" ht="409.5" x14ac:dyDescent="0.25">
      <c r="A17060" s="4" t="s">
        <v>36495</v>
      </c>
      <c r="B17060" s="1" t="s">
        <v>61690</v>
      </c>
      <c r="C17060" s="1" t="s">
        <v>36496</v>
      </c>
      <c r="D17060" s="2">
        <v>169888</v>
      </c>
      <c r="E17060" s="1" t="s">
        <v>0</v>
      </c>
    </row>
    <row r="17061" spans="1:5" x14ac:dyDescent="0.25">
      <c r="A17061" s="1" t="s">
        <v>36497</v>
      </c>
      <c r="B17061" s="1" t="s">
        <v>54767</v>
      </c>
      <c r="C17061" s="1" t="s">
        <v>36498</v>
      </c>
      <c r="D17061" s="2">
        <v>169889</v>
      </c>
      <c r="E17061" s="1" t="s">
        <v>0</v>
      </c>
    </row>
    <row r="17062" spans="1:5" x14ac:dyDescent="0.25">
      <c r="A17062" s="2">
        <v>3412</v>
      </c>
      <c r="B17062" s="2">
        <v>3412</v>
      </c>
      <c r="C17062" s="1" t="s">
        <v>0</v>
      </c>
      <c r="D17062" s="2">
        <v>169890</v>
      </c>
      <c r="E17062" s="1" t="s">
        <v>0</v>
      </c>
    </row>
    <row r="17063" spans="1:5" x14ac:dyDescent="0.25">
      <c r="A17063" s="1" t="s">
        <v>3109</v>
      </c>
      <c r="B17063" s="1" t="s">
        <v>9917</v>
      </c>
      <c r="C17063" s="1" t="s">
        <v>36499</v>
      </c>
      <c r="D17063" s="2">
        <v>169891</v>
      </c>
      <c r="E17063" s="1" t="s">
        <v>0</v>
      </c>
    </row>
    <row r="17064" spans="1:5" x14ac:dyDescent="0.25">
      <c r="A17064" s="1" t="s">
        <v>36500</v>
      </c>
      <c r="B17064" s="1" t="s">
        <v>57922</v>
      </c>
      <c r="C17064" s="1" t="s">
        <v>36501</v>
      </c>
      <c r="D17064" s="2">
        <v>169892</v>
      </c>
      <c r="E17064" s="1" t="s">
        <v>0</v>
      </c>
    </row>
    <row r="17065" spans="1:5" ht="409.5" x14ac:dyDescent="0.25">
      <c r="A17065" s="4" t="s">
        <v>36502</v>
      </c>
      <c r="B17065" s="1" t="s">
        <v>57923</v>
      </c>
      <c r="C17065" s="1" t="s">
        <v>36503</v>
      </c>
      <c r="D17065" s="2">
        <v>169893</v>
      </c>
      <c r="E17065" s="1" t="s">
        <v>0</v>
      </c>
    </row>
    <row r="17066" spans="1:5" x14ac:dyDescent="0.25">
      <c r="A17066" s="1" t="s">
        <v>18619</v>
      </c>
      <c r="B17066" s="1" t="s">
        <v>60942</v>
      </c>
      <c r="C17066" s="1" t="s">
        <v>18620</v>
      </c>
      <c r="D17066" s="2">
        <v>169894</v>
      </c>
      <c r="E17066" s="1" t="s">
        <v>0</v>
      </c>
    </row>
    <row r="17067" spans="1:5" x14ac:dyDescent="0.25">
      <c r="A17067" s="2">
        <v>3413</v>
      </c>
      <c r="B17067" s="2">
        <v>3413</v>
      </c>
      <c r="C17067" s="1" t="s">
        <v>0</v>
      </c>
      <c r="D17067" s="2">
        <v>169895</v>
      </c>
      <c r="E17067" s="1" t="s">
        <v>0</v>
      </c>
    </row>
    <row r="17068" spans="1:5" x14ac:dyDescent="0.25">
      <c r="A17068" s="1" t="s">
        <v>3110</v>
      </c>
      <c r="B17068" s="1" t="s">
        <v>9918</v>
      </c>
      <c r="C17068" s="1" t="s">
        <v>36504</v>
      </c>
      <c r="D17068" s="2">
        <v>169896</v>
      </c>
      <c r="E17068" s="1" t="s">
        <v>0</v>
      </c>
    </row>
    <row r="17069" spans="1:5" x14ac:dyDescent="0.25">
      <c r="A17069" s="1" t="s">
        <v>36505</v>
      </c>
      <c r="B17069" s="1" t="s">
        <v>57276</v>
      </c>
      <c r="C17069" s="1" t="s">
        <v>36506</v>
      </c>
      <c r="D17069" s="2">
        <v>169897</v>
      </c>
      <c r="E17069" s="1" t="s">
        <v>0</v>
      </c>
    </row>
    <row r="17070" spans="1:5" ht="409.5" x14ac:dyDescent="0.25">
      <c r="A17070" s="4" t="s">
        <v>36507</v>
      </c>
      <c r="B17070" s="1" t="s">
        <v>58805</v>
      </c>
      <c r="C17070" s="1" t="s">
        <v>36508</v>
      </c>
      <c r="D17070" s="2">
        <v>169898</v>
      </c>
      <c r="E17070" s="1" t="s">
        <v>0</v>
      </c>
    </row>
    <row r="17071" spans="1:5" x14ac:dyDescent="0.25">
      <c r="A17071" s="1" t="s">
        <v>36509</v>
      </c>
      <c r="B17071" s="1" t="s">
        <v>54768</v>
      </c>
      <c r="C17071" s="1" t="s">
        <v>36510</v>
      </c>
      <c r="D17071" s="2">
        <v>169899</v>
      </c>
      <c r="E17071" s="1" t="s">
        <v>0</v>
      </c>
    </row>
    <row r="17072" spans="1:5" x14ac:dyDescent="0.25">
      <c r="A17072" s="2">
        <v>3414</v>
      </c>
      <c r="B17072" s="2">
        <v>3414</v>
      </c>
      <c r="C17072" s="1" t="s">
        <v>0</v>
      </c>
      <c r="D17072" s="2">
        <v>169900</v>
      </c>
      <c r="E17072" s="1" t="s">
        <v>0</v>
      </c>
    </row>
    <row r="17073" spans="1:5" x14ac:dyDescent="0.25">
      <c r="A17073" s="1" t="s">
        <v>3111</v>
      </c>
      <c r="B17073" s="1" t="s">
        <v>54769</v>
      </c>
      <c r="C17073" s="1" t="s">
        <v>36511</v>
      </c>
      <c r="D17073" s="2">
        <v>169901</v>
      </c>
      <c r="E17073" s="1" t="s">
        <v>0</v>
      </c>
    </row>
    <row r="17074" spans="1:5" x14ac:dyDescent="0.25">
      <c r="A17074" s="1" t="s">
        <v>36512</v>
      </c>
      <c r="B17074" s="1" t="s">
        <v>54770</v>
      </c>
      <c r="C17074" s="1" t="s">
        <v>36513</v>
      </c>
      <c r="D17074" s="2">
        <v>169902</v>
      </c>
      <c r="E17074" s="1" t="s">
        <v>0</v>
      </c>
    </row>
    <row r="17075" spans="1:5" ht="409.5" x14ac:dyDescent="0.25">
      <c r="A17075" s="4" t="s">
        <v>36514</v>
      </c>
      <c r="B17075" s="1" t="s">
        <v>56816</v>
      </c>
      <c r="C17075" s="1" t="s">
        <v>36515</v>
      </c>
      <c r="D17075" s="2">
        <v>169903</v>
      </c>
      <c r="E17075" s="1" t="s">
        <v>0</v>
      </c>
    </row>
    <row r="17076" spans="1:5" x14ac:dyDescent="0.25">
      <c r="A17076" s="1" t="s">
        <v>36516</v>
      </c>
      <c r="B17076" s="1" t="s">
        <v>3112</v>
      </c>
      <c r="C17076" s="1" t="s">
        <v>36517</v>
      </c>
      <c r="D17076" s="2">
        <v>169904</v>
      </c>
      <c r="E17076" s="1" t="s">
        <v>0</v>
      </c>
    </row>
    <row r="17077" spans="1:5" x14ac:dyDescent="0.25">
      <c r="A17077" s="2">
        <v>3415</v>
      </c>
      <c r="B17077" s="2">
        <v>3415</v>
      </c>
      <c r="C17077" s="1" t="s">
        <v>0</v>
      </c>
      <c r="D17077" s="2">
        <v>169905</v>
      </c>
      <c r="E17077" s="1" t="s">
        <v>0</v>
      </c>
    </row>
    <row r="17078" spans="1:5" x14ac:dyDescent="0.25">
      <c r="A17078" s="1" t="s">
        <v>3113</v>
      </c>
      <c r="B17078" s="1" t="s">
        <v>9919</v>
      </c>
      <c r="C17078" s="1" t="s">
        <v>36518</v>
      </c>
      <c r="D17078" s="2">
        <v>169906</v>
      </c>
      <c r="E17078" s="1" t="s">
        <v>0</v>
      </c>
    </row>
    <row r="17079" spans="1:5" x14ac:dyDescent="0.25">
      <c r="A17079" s="1" t="s">
        <v>36519</v>
      </c>
      <c r="B17079" s="1" t="s">
        <v>57576</v>
      </c>
      <c r="C17079" s="1" t="s">
        <v>36520</v>
      </c>
      <c r="D17079" s="2">
        <v>169907</v>
      </c>
      <c r="E17079" s="1" t="s">
        <v>0</v>
      </c>
    </row>
    <row r="17080" spans="1:5" ht="409.5" x14ac:dyDescent="0.25">
      <c r="A17080" s="4" t="s">
        <v>36521</v>
      </c>
      <c r="B17080" s="1" t="s">
        <v>60129</v>
      </c>
      <c r="C17080" s="1" t="s">
        <v>36522</v>
      </c>
      <c r="D17080" s="2">
        <v>169908</v>
      </c>
      <c r="E17080" s="1" t="s">
        <v>0</v>
      </c>
    </row>
    <row r="17081" spans="1:5" x14ac:dyDescent="0.25">
      <c r="A17081" s="1" t="s">
        <v>36523</v>
      </c>
      <c r="B17081" s="1" t="s">
        <v>9920</v>
      </c>
      <c r="C17081" s="1" t="s">
        <v>36524</v>
      </c>
      <c r="D17081" s="2">
        <v>169909</v>
      </c>
      <c r="E17081" s="1" t="s">
        <v>0</v>
      </c>
    </row>
    <row r="17082" spans="1:5" x14ac:dyDescent="0.25">
      <c r="A17082" s="2">
        <v>3416</v>
      </c>
      <c r="B17082" s="2">
        <v>3416</v>
      </c>
      <c r="C17082" s="1" t="s">
        <v>0</v>
      </c>
      <c r="D17082" s="2">
        <v>169910</v>
      </c>
      <c r="E17082" s="1" t="s">
        <v>0</v>
      </c>
    </row>
    <row r="17083" spans="1:5" x14ac:dyDescent="0.25">
      <c r="A17083" s="1" t="s">
        <v>3114</v>
      </c>
      <c r="B17083" s="1" t="s">
        <v>9921</v>
      </c>
      <c r="C17083" s="1" t="s">
        <v>36525</v>
      </c>
      <c r="D17083" s="2">
        <v>169911</v>
      </c>
      <c r="E17083" s="1" t="s">
        <v>0</v>
      </c>
    </row>
    <row r="17084" spans="1:5" x14ac:dyDescent="0.25">
      <c r="A17084" s="1" t="s">
        <v>36526</v>
      </c>
      <c r="B17084" s="1" t="s">
        <v>54771</v>
      </c>
      <c r="C17084" s="1" t="s">
        <v>36527</v>
      </c>
      <c r="D17084" s="2">
        <v>169912</v>
      </c>
      <c r="E17084" s="1" t="s">
        <v>0</v>
      </c>
    </row>
    <row r="17085" spans="1:5" ht="409.5" x14ac:dyDescent="0.25">
      <c r="A17085" s="4" t="s">
        <v>36528</v>
      </c>
      <c r="B17085" s="1" t="s">
        <v>54772</v>
      </c>
      <c r="C17085" s="1" t="s">
        <v>36529</v>
      </c>
      <c r="D17085" s="2">
        <v>169913</v>
      </c>
      <c r="E17085" s="1" t="s">
        <v>0</v>
      </c>
    </row>
    <row r="17086" spans="1:5" x14ac:dyDescent="0.25">
      <c r="A17086" s="1" t="s">
        <v>36530</v>
      </c>
      <c r="B17086" s="1" t="s">
        <v>9922</v>
      </c>
      <c r="C17086" s="1" t="s">
        <v>36531</v>
      </c>
      <c r="D17086" s="2">
        <v>169914</v>
      </c>
      <c r="E17086" s="1" t="s">
        <v>0</v>
      </c>
    </row>
    <row r="17087" spans="1:5" x14ac:dyDescent="0.25">
      <c r="A17087" s="2">
        <v>3417</v>
      </c>
      <c r="B17087" s="2">
        <v>3417</v>
      </c>
      <c r="C17087" s="1" t="s">
        <v>0</v>
      </c>
      <c r="D17087" s="2">
        <v>169915</v>
      </c>
      <c r="E17087" s="1" t="s">
        <v>0</v>
      </c>
    </row>
    <row r="17088" spans="1:5" x14ac:dyDescent="0.25">
      <c r="A17088" s="1" t="s">
        <v>3115</v>
      </c>
      <c r="B17088" s="1" t="s">
        <v>59652</v>
      </c>
      <c r="C17088" s="1" t="s">
        <v>36532</v>
      </c>
      <c r="D17088" s="2">
        <v>169916</v>
      </c>
      <c r="E17088" s="1" t="s">
        <v>0</v>
      </c>
    </row>
    <row r="17089" spans="1:5" x14ac:dyDescent="0.25">
      <c r="A17089" s="1" t="s">
        <v>36533</v>
      </c>
      <c r="B17089" s="1" t="s">
        <v>62690</v>
      </c>
      <c r="C17089" s="1" t="s">
        <v>36534</v>
      </c>
      <c r="D17089" s="2">
        <v>169917</v>
      </c>
      <c r="E17089" s="1" t="s">
        <v>0</v>
      </c>
    </row>
    <row r="17090" spans="1:5" ht="409.5" x14ac:dyDescent="0.25">
      <c r="A17090" s="4" t="s">
        <v>36535</v>
      </c>
      <c r="B17090" s="1" t="s">
        <v>62691</v>
      </c>
      <c r="C17090" s="1" t="s">
        <v>36536</v>
      </c>
      <c r="D17090" s="2">
        <v>169918</v>
      </c>
      <c r="E17090" s="1" t="s">
        <v>0</v>
      </c>
    </row>
    <row r="17091" spans="1:5" x14ac:dyDescent="0.25">
      <c r="A17091" s="1" t="s">
        <v>36537</v>
      </c>
      <c r="B17091" s="1" t="s">
        <v>59653</v>
      </c>
      <c r="C17091" s="1" t="s">
        <v>36538</v>
      </c>
      <c r="D17091" s="2">
        <v>169919</v>
      </c>
      <c r="E17091" s="1" t="s">
        <v>0</v>
      </c>
    </row>
    <row r="17092" spans="1:5" x14ac:dyDescent="0.25">
      <c r="A17092" s="2">
        <v>3418</v>
      </c>
      <c r="B17092" s="2">
        <v>3418</v>
      </c>
      <c r="C17092" s="1" t="s">
        <v>0</v>
      </c>
      <c r="D17092" s="2">
        <v>169920</v>
      </c>
      <c r="E17092" s="1" t="s">
        <v>0</v>
      </c>
    </row>
    <row r="17093" spans="1:5" x14ac:dyDescent="0.25">
      <c r="A17093" s="1" t="s">
        <v>3116</v>
      </c>
      <c r="B17093" s="1" t="s">
        <v>54773</v>
      </c>
      <c r="C17093" s="1" t="s">
        <v>36539</v>
      </c>
      <c r="D17093" s="2">
        <v>169921</v>
      </c>
      <c r="E17093" s="1" t="s">
        <v>0</v>
      </c>
    </row>
    <row r="17094" spans="1:5" x14ac:dyDescent="0.25">
      <c r="A17094" s="1" t="s">
        <v>36540</v>
      </c>
      <c r="B17094" s="1" t="s">
        <v>9923</v>
      </c>
      <c r="C17094" s="1" t="s">
        <v>36541</v>
      </c>
      <c r="D17094" s="2">
        <v>169922</v>
      </c>
      <c r="E17094" s="1" t="s">
        <v>0</v>
      </c>
    </row>
    <row r="17095" spans="1:5" ht="409.5" x14ac:dyDescent="0.25">
      <c r="A17095" s="4" t="s">
        <v>36542</v>
      </c>
      <c r="B17095" s="1" t="s">
        <v>61231</v>
      </c>
      <c r="C17095" s="1" t="s">
        <v>36543</v>
      </c>
      <c r="D17095" s="2">
        <v>169923</v>
      </c>
      <c r="E17095" s="1" t="s">
        <v>0</v>
      </c>
    </row>
    <row r="17096" spans="1:5" x14ac:dyDescent="0.25">
      <c r="A17096" s="1" t="s">
        <v>36544</v>
      </c>
      <c r="B17096" s="1" t="s">
        <v>9924</v>
      </c>
      <c r="C17096" s="1" t="s">
        <v>36545</v>
      </c>
      <c r="D17096" s="2">
        <v>169924</v>
      </c>
      <c r="E17096" s="1" t="s">
        <v>0</v>
      </c>
    </row>
    <row r="17097" spans="1:5" x14ac:dyDescent="0.25">
      <c r="A17097" s="2">
        <v>3419</v>
      </c>
      <c r="B17097" s="2">
        <v>3419</v>
      </c>
      <c r="C17097" s="1" t="s">
        <v>0</v>
      </c>
      <c r="D17097" s="2">
        <v>169925</v>
      </c>
      <c r="E17097" s="1" t="s">
        <v>0</v>
      </c>
    </row>
    <row r="17098" spans="1:5" x14ac:dyDescent="0.25">
      <c r="A17098" s="1" t="s">
        <v>3117</v>
      </c>
      <c r="B17098" s="1" t="s">
        <v>54774</v>
      </c>
      <c r="C17098" s="1" t="s">
        <v>36546</v>
      </c>
      <c r="D17098" s="2">
        <v>169926</v>
      </c>
      <c r="E17098" s="1" t="s">
        <v>0</v>
      </c>
    </row>
    <row r="17099" spans="1:5" x14ac:dyDescent="0.25">
      <c r="A17099" s="1" t="s">
        <v>36547</v>
      </c>
      <c r="B17099" s="1" t="s">
        <v>54775</v>
      </c>
      <c r="C17099" s="1" t="s">
        <v>36548</v>
      </c>
      <c r="D17099" s="2">
        <v>169927</v>
      </c>
      <c r="E17099" s="1" t="s">
        <v>0</v>
      </c>
    </row>
    <row r="17100" spans="1:5" ht="409.5" x14ac:dyDescent="0.25">
      <c r="A17100" s="4" t="s">
        <v>36549</v>
      </c>
      <c r="B17100" s="1" t="s">
        <v>54776</v>
      </c>
      <c r="C17100" s="1" t="s">
        <v>36550</v>
      </c>
      <c r="D17100" s="2">
        <v>169928</v>
      </c>
      <c r="E17100" s="1" t="s">
        <v>0</v>
      </c>
    </row>
    <row r="17101" spans="1:5" x14ac:dyDescent="0.25">
      <c r="A17101" s="1" t="s">
        <v>36551</v>
      </c>
      <c r="B17101" s="1" t="s">
        <v>9925</v>
      </c>
      <c r="C17101" s="1" t="s">
        <v>36552</v>
      </c>
      <c r="D17101" s="2">
        <v>169929</v>
      </c>
      <c r="E17101" s="1" t="s">
        <v>0</v>
      </c>
    </row>
    <row r="17102" spans="1:5" x14ac:dyDescent="0.25">
      <c r="A17102" s="2">
        <v>3420</v>
      </c>
      <c r="B17102" s="2">
        <v>3420</v>
      </c>
      <c r="C17102" s="1" t="s">
        <v>0</v>
      </c>
      <c r="D17102" s="2">
        <v>169930</v>
      </c>
      <c r="E17102" s="1" t="s">
        <v>0</v>
      </c>
    </row>
    <row r="17103" spans="1:5" x14ac:dyDescent="0.25">
      <c r="A17103" s="1" t="s">
        <v>3118</v>
      </c>
      <c r="B17103" s="1" t="s">
        <v>9926</v>
      </c>
      <c r="C17103" s="1" t="s">
        <v>36553</v>
      </c>
      <c r="D17103" s="2">
        <v>169931</v>
      </c>
      <c r="E17103" s="1" t="s">
        <v>0</v>
      </c>
    </row>
    <row r="17104" spans="1:5" x14ac:dyDescent="0.25">
      <c r="A17104" s="1" t="s">
        <v>36554</v>
      </c>
      <c r="B17104" s="1" t="s">
        <v>54777</v>
      </c>
      <c r="C17104" s="1" t="s">
        <v>36555</v>
      </c>
      <c r="D17104" s="2">
        <v>169932</v>
      </c>
      <c r="E17104" s="1" t="s">
        <v>0</v>
      </c>
    </row>
    <row r="17105" spans="1:5" ht="409.5" x14ac:dyDescent="0.25">
      <c r="A17105" s="4" t="s">
        <v>36556</v>
      </c>
      <c r="B17105" s="1" t="s">
        <v>63444</v>
      </c>
      <c r="C17105" s="1" t="s">
        <v>36557</v>
      </c>
      <c r="D17105" s="2">
        <v>169933</v>
      </c>
      <c r="E17105" s="1" t="s">
        <v>0</v>
      </c>
    </row>
    <row r="17106" spans="1:5" x14ac:dyDescent="0.25">
      <c r="A17106" s="1" t="s">
        <v>36558</v>
      </c>
      <c r="B17106" s="1" t="s">
        <v>9927</v>
      </c>
      <c r="C17106" s="1" t="s">
        <v>36559</v>
      </c>
      <c r="D17106" s="2">
        <v>169934</v>
      </c>
      <c r="E17106" s="1" t="s">
        <v>0</v>
      </c>
    </row>
    <row r="17107" spans="1:5" x14ac:dyDescent="0.25">
      <c r="A17107" s="2">
        <v>3421</v>
      </c>
      <c r="B17107" s="2">
        <v>3421</v>
      </c>
      <c r="C17107" s="1" t="s">
        <v>0</v>
      </c>
      <c r="D17107" s="2">
        <v>169935</v>
      </c>
      <c r="E17107" s="1" t="s">
        <v>0</v>
      </c>
    </row>
    <row r="17108" spans="1:5" x14ac:dyDescent="0.25">
      <c r="A17108" s="1" t="s">
        <v>3119</v>
      </c>
      <c r="B17108" s="1" t="s">
        <v>9928</v>
      </c>
      <c r="C17108" s="1" t="s">
        <v>36560</v>
      </c>
      <c r="D17108" s="2">
        <v>169936</v>
      </c>
      <c r="E17108" s="1" t="s">
        <v>0</v>
      </c>
    </row>
    <row r="17109" spans="1:5" x14ac:dyDescent="0.25">
      <c r="A17109" s="1" t="s">
        <v>36561</v>
      </c>
      <c r="B17109" s="1" t="s">
        <v>9929</v>
      </c>
      <c r="C17109" s="1" t="s">
        <v>36562</v>
      </c>
      <c r="D17109" s="2">
        <v>169937</v>
      </c>
      <c r="E17109" s="1" t="s">
        <v>0</v>
      </c>
    </row>
    <row r="17110" spans="1:5" ht="409.5" x14ac:dyDescent="0.25">
      <c r="A17110" s="4" t="s">
        <v>36563</v>
      </c>
      <c r="B17110" s="1" t="s">
        <v>9930</v>
      </c>
      <c r="C17110" s="1" t="s">
        <v>36564</v>
      </c>
      <c r="D17110" s="2">
        <v>169938</v>
      </c>
      <c r="E17110" s="1" t="s">
        <v>0</v>
      </c>
    </row>
    <row r="17111" spans="1:5" x14ac:dyDescent="0.25">
      <c r="A17111" s="1" t="s">
        <v>36565</v>
      </c>
      <c r="B17111" s="1" t="s">
        <v>54778</v>
      </c>
      <c r="C17111" s="1" t="s">
        <v>36566</v>
      </c>
      <c r="D17111" s="2">
        <v>169939</v>
      </c>
      <c r="E17111" s="1" t="s">
        <v>0</v>
      </c>
    </row>
    <row r="17112" spans="1:5" x14ac:dyDescent="0.25">
      <c r="A17112" s="2">
        <v>3422</v>
      </c>
      <c r="B17112" s="2">
        <v>3422</v>
      </c>
      <c r="C17112" s="1" t="s">
        <v>0</v>
      </c>
      <c r="D17112" s="2">
        <v>169940</v>
      </c>
      <c r="E17112" s="1" t="s">
        <v>0</v>
      </c>
    </row>
    <row r="17113" spans="1:5" x14ac:dyDescent="0.25">
      <c r="A17113" s="1" t="s">
        <v>3120</v>
      </c>
      <c r="B17113" s="1" t="s">
        <v>50882</v>
      </c>
      <c r="C17113" s="1" t="s">
        <v>36567</v>
      </c>
      <c r="D17113" s="2">
        <v>169941</v>
      </c>
      <c r="E17113" s="1" t="s">
        <v>0</v>
      </c>
    </row>
    <row r="17114" spans="1:5" x14ac:dyDescent="0.25">
      <c r="A17114" s="1" t="s">
        <v>36568</v>
      </c>
      <c r="B17114" s="1" t="s">
        <v>54779</v>
      </c>
      <c r="C17114" s="1" t="s">
        <v>36569</v>
      </c>
      <c r="D17114" s="2">
        <v>169942</v>
      </c>
      <c r="E17114" s="1" t="s">
        <v>0</v>
      </c>
    </row>
    <row r="17115" spans="1:5" ht="409.5" x14ac:dyDescent="0.25">
      <c r="A17115" s="4" t="s">
        <v>36570</v>
      </c>
      <c r="B17115" s="1" t="s">
        <v>59654</v>
      </c>
      <c r="C17115" s="1" t="s">
        <v>36571</v>
      </c>
      <c r="D17115" s="2">
        <v>169943</v>
      </c>
      <c r="E17115" s="1" t="s">
        <v>0</v>
      </c>
    </row>
    <row r="17116" spans="1:5" x14ac:dyDescent="0.25">
      <c r="A17116" s="1" t="s">
        <v>36572</v>
      </c>
      <c r="B17116" s="1" t="s">
        <v>54780</v>
      </c>
      <c r="C17116" s="1" t="s">
        <v>36573</v>
      </c>
      <c r="D17116" s="2">
        <v>169944</v>
      </c>
      <c r="E17116" s="1" t="s">
        <v>0</v>
      </c>
    </row>
    <row r="17117" spans="1:5" x14ac:dyDescent="0.25">
      <c r="A17117" s="2">
        <v>3423</v>
      </c>
      <c r="B17117" s="2">
        <v>3423</v>
      </c>
      <c r="C17117" s="1" t="s">
        <v>0</v>
      </c>
      <c r="D17117" s="2">
        <v>169945</v>
      </c>
      <c r="E17117" s="1" t="s">
        <v>0</v>
      </c>
    </row>
    <row r="17118" spans="1:5" x14ac:dyDescent="0.25">
      <c r="A17118" s="1" t="s">
        <v>3121</v>
      </c>
      <c r="B17118" s="1" t="s">
        <v>9931</v>
      </c>
      <c r="C17118" s="1" t="s">
        <v>36574</v>
      </c>
      <c r="D17118" s="2">
        <v>169946</v>
      </c>
      <c r="E17118" s="1" t="s">
        <v>0</v>
      </c>
    </row>
    <row r="17119" spans="1:5" x14ac:dyDescent="0.25">
      <c r="A17119" s="1" t="s">
        <v>36575</v>
      </c>
      <c r="B17119" s="1" t="s">
        <v>54781</v>
      </c>
      <c r="C17119" s="1" t="s">
        <v>36576</v>
      </c>
      <c r="D17119" s="2">
        <v>169947</v>
      </c>
      <c r="E17119" s="1" t="s">
        <v>0</v>
      </c>
    </row>
    <row r="17120" spans="1:5" ht="409.5" x14ac:dyDescent="0.25">
      <c r="A17120" s="4" t="s">
        <v>36577</v>
      </c>
      <c r="B17120" s="1" t="s">
        <v>57924</v>
      </c>
      <c r="C17120" s="1" t="s">
        <v>36578</v>
      </c>
      <c r="D17120" s="2">
        <v>169948</v>
      </c>
      <c r="E17120" s="1" t="s">
        <v>0</v>
      </c>
    </row>
    <row r="17121" spans="1:5" x14ac:dyDescent="0.25">
      <c r="A17121" s="1" t="s">
        <v>36579</v>
      </c>
      <c r="B17121" s="1" t="s">
        <v>9932</v>
      </c>
      <c r="C17121" s="1" t="s">
        <v>36580</v>
      </c>
      <c r="D17121" s="2">
        <v>169949</v>
      </c>
      <c r="E17121" s="1" t="s">
        <v>0</v>
      </c>
    </row>
    <row r="17122" spans="1:5" x14ac:dyDescent="0.25">
      <c r="A17122" s="2">
        <v>3424</v>
      </c>
      <c r="B17122" s="2">
        <v>3424</v>
      </c>
      <c r="C17122" s="1" t="s">
        <v>0</v>
      </c>
      <c r="D17122" s="2">
        <v>169950</v>
      </c>
      <c r="E17122" s="1" t="s">
        <v>0</v>
      </c>
    </row>
    <row r="17123" spans="1:5" x14ac:dyDescent="0.25">
      <c r="A17123" s="1" t="s">
        <v>3122</v>
      </c>
      <c r="B17123" s="1" t="s">
        <v>9933</v>
      </c>
      <c r="C17123" s="1" t="s">
        <v>36581</v>
      </c>
      <c r="D17123" s="2">
        <v>169951</v>
      </c>
      <c r="E17123" s="1" t="s">
        <v>0</v>
      </c>
    </row>
    <row r="17124" spans="1:5" x14ac:dyDescent="0.25">
      <c r="A17124" s="1" t="s">
        <v>36582</v>
      </c>
      <c r="B17124" s="1" t="s">
        <v>54782</v>
      </c>
      <c r="C17124" s="1" t="s">
        <v>36583</v>
      </c>
      <c r="D17124" s="2">
        <v>169952</v>
      </c>
      <c r="E17124" s="1" t="s">
        <v>0</v>
      </c>
    </row>
    <row r="17125" spans="1:5" ht="409.5" x14ac:dyDescent="0.25">
      <c r="A17125" s="4" t="s">
        <v>36584</v>
      </c>
      <c r="B17125" s="1" t="s">
        <v>54783</v>
      </c>
      <c r="C17125" s="1" t="s">
        <v>36585</v>
      </c>
      <c r="D17125" s="2">
        <v>169953</v>
      </c>
      <c r="E17125" s="1" t="s">
        <v>0</v>
      </c>
    </row>
    <row r="17126" spans="1:5" x14ac:dyDescent="0.25">
      <c r="A17126" s="1" t="s">
        <v>36586</v>
      </c>
      <c r="B17126" s="1" t="s">
        <v>9934</v>
      </c>
      <c r="C17126" s="1" t="s">
        <v>36587</v>
      </c>
      <c r="D17126" s="2">
        <v>169954</v>
      </c>
      <c r="E17126" s="1" t="s">
        <v>0</v>
      </c>
    </row>
    <row r="17127" spans="1:5" x14ac:dyDescent="0.25">
      <c r="A17127" s="2">
        <v>3425</v>
      </c>
      <c r="B17127" s="2">
        <v>3425</v>
      </c>
      <c r="C17127" s="1" t="s">
        <v>0</v>
      </c>
      <c r="D17127" s="2">
        <v>169955</v>
      </c>
      <c r="E17127" s="1" t="s">
        <v>0</v>
      </c>
    </row>
    <row r="17128" spans="1:5" x14ac:dyDescent="0.25">
      <c r="A17128" s="1" t="s">
        <v>3123</v>
      </c>
      <c r="B17128" s="1" t="s">
        <v>9935</v>
      </c>
      <c r="C17128" s="1" t="s">
        <v>36588</v>
      </c>
      <c r="D17128" s="2">
        <v>169956</v>
      </c>
      <c r="E17128" s="1" t="s">
        <v>0</v>
      </c>
    </row>
    <row r="17129" spans="1:5" x14ac:dyDescent="0.25">
      <c r="A17129" s="1" t="s">
        <v>36589</v>
      </c>
      <c r="B17129" s="1" t="s">
        <v>54784</v>
      </c>
      <c r="C17129" s="1" t="s">
        <v>36590</v>
      </c>
      <c r="D17129" s="2">
        <v>169957</v>
      </c>
      <c r="E17129" s="1" t="s">
        <v>0</v>
      </c>
    </row>
    <row r="17130" spans="1:5" ht="409.5" x14ac:dyDescent="0.25">
      <c r="A17130" s="4" t="s">
        <v>36591</v>
      </c>
      <c r="B17130" s="1" t="s">
        <v>54785</v>
      </c>
      <c r="C17130" s="1" t="s">
        <v>36592</v>
      </c>
      <c r="D17130" s="2">
        <v>169958</v>
      </c>
      <c r="E17130" s="1" t="s">
        <v>0</v>
      </c>
    </row>
    <row r="17131" spans="1:5" x14ac:dyDescent="0.25">
      <c r="A17131" s="1" t="s">
        <v>36593</v>
      </c>
      <c r="B17131" s="1" t="s">
        <v>9936</v>
      </c>
      <c r="C17131" s="1" t="s">
        <v>36594</v>
      </c>
      <c r="D17131" s="2">
        <v>169959</v>
      </c>
      <c r="E17131" s="1" t="s">
        <v>0</v>
      </c>
    </row>
    <row r="17132" spans="1:5" x14ac:dyDescent="0.25">
      <c r="A17132" s="2">
        <v>3426</v>
      </c>
      <c r="B17132" s="2">
        <v>3426</v>
      </c>
      <c r="C17132" s="1" t="s">
        <v>0</v>
      </c>
      <c r="D17132" s="2">
        <v>169960</v>
      </c>
      <c r="E17132" s="1" t="s">
        <v>0</v>
      </c>
    </row>
    <row r="17133" spans="1:5" x14ac:dyDescent="0.25">
      <c r="A17133" s="1" t="s">
        <v>3124</v>
      </c>
      <c r="B17133" s="1" t="s">
        <v>9937</v>
      </c>
      <c r="C17133" s="1" t="s">
        <v>36595</v>
      </c>
      <c r="D17133" s="2">
        <v>169961</v>
      </c>
      <c r="E17133" s="1" t="s">
        <v>0</v>
      </c>
    </row>
    <row r="17134" spans="1:5" x14ac:dyDescent="0.25">
      <c r="A17134" s="1" t="s">
        <v>36596</v>
      </c>
      <c r="B17134" s="1" t="s">
        <v>62692</v>
      </c>
      <c r="C17134" s="1" t="s">
        <v>36597</v>
      </c>
      <c r="D17134" s="2">
        <v>169962</v>
      </c>
      <c r="E17134" s="1" t="s">
        <v>0</v>
      </c>
    </row>
    <row r="17135" spans="1:5" ht="409.5" x14ac:dyDescent="0.25">
      <c r="A17135" s="4" t="s">
        <v>36598</v>
      </c>
      <c r="B17135" s="1" t="s">
        <v>62693</v>
      </c>
      <c r="C17135" s="1" t="s">
        <v>36599</v>
      </c>
      <c r="D17135" s="2">
        <v>169963</v>
      </c>
      <c r="E17135" s="1" t="s">
        <v>0</v>
      </c>
    </row>
    <row r="17136" spans="1:5" x14ac:dyDescent="0.25">
      <c r="A17136" s="1" t="s">
        <v>36600</v>
      </c>
      <c r="B17136" s="1" t="s">
        <v>9938</v>
      </c>
      <c r="C17136" s="1" t="s">
        <v>36601</v>
      </c>
      <c r="D17136" s="2">
        <v>169964</v>
      </c>
      <c r="E17136" s="1" t="s">
        <v>0</v>
      </c>
    </row>
    <row r="17137" spans="1:5" x14ac:dyDescent="0.25">
      <c r="A17137" s="2">
        <v>3427</v>
      </c>
      <c r="B17137" s="2">
        <v>3427</v>
      </c>
      <c r="C17137" s="1" t="s">
        <v>0</v>
      </c>
      <c r="D17137" s="2">
        <v>169965</v>
      </c>
      <c r="E17137" s="1" t="s">
        <v>0</v>
      </c>
    </row>
    <row r="17138" spans="1:5" x14ac:dyDescent="0.25">
      <c r="A17138" s="1" t="s">
        <v>3125</v>
      </c>
      <c r="B17138" s="1" t="s">
        <v>9939</v>
      </c>
      <c r="C17138" s="1" t="s">
        <v>36602</v>
      </c>
      <c r="D17138" s="2">
        <v>169966</v>
      </c>
      <c r="E17138" s="1" t="s">
        <v>0</v>
      </c>
    </row>
    <row r="17139" spans="1:5" x14ac:dyDescent="0.25">
      <c r="A17139" s="1" t="s">
        <v>36603</v>
      </c>
      <c r="B17139" s="1" t="s">
        <v>9940</v>
      </c>
      <c r="C17139" s="1" t="s">
        <v>36604</v>
      </c>
      <c r="D17139" s="2">
        <v>169967</v>
      </c>
      <c r="E17139" s="1" t="s">
        <v>0</v>
      </c>
    </row>
    <row r="17140" spans="1:5" ht="409.5" x14ac:dyDescent="0.25">
      <c r="A17140" s="4" t="s">
        <v>36605</v>
      </c>
      <c r="B17140" s="1" t="s">
        <v>9941</v>
      </c>
      <c r="C17140" s="1" t="s">
        <v>36606</v>
      </c>
      <c r="D17140" s="2">
        <v>169968</v>
      </c>
      <c r="E17140" s="1" t="s">
        <v>0</v>
      </c>
    </row>
    <row r="17141" spans="1:5" x14ac:dyDescent="0.25">
      <c r="A17141" s="1" t="s">
        <v>36607</v>
      </c>
      <c r="B17141" s="1" t="s">
        <v>54786</v>
      </c>
      <c r="C17141" s="1" t="s">
        <v>36608</v>
      </c>
      <c r="D17141" s="2">
        <v>169969</v>
      </c>
      <c r="E17141" s="1" t="s">
        <v>0</v>
      </c>
    </row>
    <row r="17142" spans="1:5" x14ac:dyDescent="0.25">
      <c r="A17142" s="2">
        <v>3428</v>
      </c>
      <c r="B17142" s="2">
        <v>3428</v>
      </c>
      <c r="C17142" s="1" t="s">
        <v>0</v>
      </c>
      <c r="D17142" s="2">
        <v>169970</v>
      </c>
      <c r="E17142" s="1" t="s">
        <v>0</v>
      </c>
    </row>
    <row r="17143" spans="1:5" x14ac:dyDescent="0.25">
      <c r="A17143" s="1" t="s">
        <v>3126</v>
      </c>
      <c r="B17143" s="1" t="s">
        <v>9942</v>
      </c>
      <c r="C17143" s="1" t="s">
        <v>36609</v>
      </c>
      <c r="D17143" s="2">
        <v>169971</v>
      </c>
      <c r="E17143" s="1" t="s">
        <v>0</v>
      </c>
    </row>
    <row r="17144" spans="1:5" x14ac:dyDescent="0.25">
      <c r="A17144" s="1" t="s">
        <v>36610</v>
      </c>
      <c r="B17144" s="1" t="s">
        <v>54787</v>
      </c>
      <c r="C17144" s="1" t="s">
        <v>36611</v>
      </c>
      <c r="D17144" s="2">
        <v>169972</v>
      </c>
      <c r="E17144" s="1" t="s">
        <v>0</v>
      </c>
    </row>
    <row r="17145" spans="1:5" ht="409.5" x14ac:dyDescent="0.25">
      <c r="A17145" s="4" t="s">
        <v>36612</v>
      </c>
      <c r="B17145" s="1" t="s">
        <v>54788</v>
      </c>
      <c r="C17145" s="1" t="s">
        <v>36613</v>
      </c>
      <c r="D17145" s="2">
        <v>169973</v>
      </c>
      <c r="E17145" s="1" t="s">
        <v>0</v>
      </c>
    </row>
    <row r="17146" spans="1:5" x14ac:dyDescent="0.25">
      <c r="A17146" s="1" t="s">
        <v>36614</v>
      </c>
      <c r="B17146" s="1" t="s">
        <v>54789</v>
      </c>
      <c r="C17146" s="1" t="s">
        <v>36615</v>
      </c>
      <c r="D17146" s="2">
        <v>169974</v>
      </c>
      <c r="E17146" s="1" t="s">
        <v>0</v>
      </c>
    </row>
    <row r="17147" spans="1:5" x14ac:dyDescent="0.25">
      <c r="A17147" s="2">
        <v>3429</v>
      </c>
      <c r="B17147" s="2">
        <v>3429</v>
      </c>
      <c r="C17147" s="1" t="s">
        <v>0</v>
      </c>
      <c r="D17147" s="2">
        <v>169975</v>
      </c>
      <c r="E17147" s="1" t="s">
        <v>0</v>
      </c>
    </row>
    <row r="17148" spans="1:5" x14ac:dyDescent="0.25">
      <c r="A17148" s="1" t="s">
        <v>3127</v>
      </c>
      <c r="B17148" s="1" t="s">
        <v>54790</v>
      </c>
      <c r="C17148" s="1" t="s">
        <v>36616</v>
      </c>
      <c r="D17148" s="2">
        <v>169976</v>
      </c>
      <c r="E17148" s="1" t="s">
        <v>0</v>
      </c>
    </row>
    <row r="17149" spans="1:5" x14ac:dyDescent="0.25">
      <c r="A17149" s="1" t="s">
        <v>36617</v>
      </c>
      <c r="B17149" s="1" t="s">
        <v>60635</v>
      </c>
      <c r="C17149" s="1" t="s">
        <v>36618</v>
      </c>
      <c r="D17149" s="2">
        <v>169977</v>
      </c>
      <c r="E17149" s="1" t="s">
        <v>0</v>
      </c>
    </row>
    <row r="17150" spans="1:5" ht="409.5" x14ac:dyDescent="0.25">
      <c r="A17150" s="4" t="s">
        <v>36619</v>
      </c>
      <c r="B17150" s="1" t="s">
        <v>60636</v>
      </c>
      <c r="C17150" s="1" t="s">
        <v>36620</v>
      </c>
      <c r="D17150" s="2">
        <v>169978</v>
      </c>
      <c r="E17150" s="1" t="s">
        <v>0</v>
      </c>
    </row>
    <row r="17151" spans="1:5" x14ac:dyDescent="0.25">
      <c r="A17151" s="1" t="s">
        <v>36621</v>
      </c>
      <c r="B17151" s="1" t="s">
        <v>61232</v>
      </c>
      <c r="C17151" s="1" t="s">
        <v>36622</v>
      </c>
      <c r="D17151" s="2">
        <v>169979</v>
      </c>
      <c r="E17151" s="1" t="s">
        <v>0</v>
      </c>
    </row>
    <row r="17152" spans="1:5" x14ac:dyDescent="0.25">
      <c r="A17152" s="2">
        <v>3430</v>
      </c>
      <c r="B17152" s="2">
        <v>3430</v>
      </c>
      <c r="C17152" s="1" t="s">
        <v>0</v>
      </c>
      <c r="D17152" s="2">
        <v>169980</v>
      </c>
      <c r="E17152" s="1" t="s">
        <v>0</v>
      </c>
    </row>
    <row r="17153" spans="1:5" x14ac:dyDescent="0.25">
      <c r="A17153" s="1" t="s">
        <v>9943</v>
      </c>
      <c r="B17153" s="1" t="s">
        <v>9944</v>
      </c>
      <c r="C17153" s="1" t="s">
        <v>36623</v>
      </c>
      <c r="D17153" s="2">
        <v>169981</v>
      </c>
      <c r="E17153" s="1" t="s">
        <v>0</v>
      </c>
    </row>
    <row r="17154" spans="1:5" x14ac:dyDescent="0.25">
      <c r="A17154" s="1" t="s">
        <v>36624</v>
      </c>
      <c r="B17154" s="1" t="s">
        <v>54791</v>
      </c>
      <c r="C17154" s="1" t="s">
        <v>36625</v>
      </c>
      <c r="D17154" s="2">
        <v>169982</v>
      </c>
      <c r="E17154" s="1" t="s">
        <v>0</v>
      </c>
    </row>
    <row r="17155" spans="1:5" ht="409.5" x14ac:dyDescent="0.25">
      <c r="A17155" s="4" t="s">
        <v>36626</v>
      </c>
      <c r="B17155" s="1" t="s">
        <v>54792</v>
      </c>
      <c r="C17155" s="1" t="s">
        <v>36627</v>
      </c>
      <c r="D17155" s="2">
        <v>169983</v>
      </c>
      <c r="E17155" s="1" t="s">
        <v>0</v>
      </c>
    </row>
    <row r="17156" spans="1:5" x14ac:dyDescent="0.25">
      <c r="A17156" s="1" t="s">
        <v>36628</v>
      </c>
      <c r="B17156" s="1" t="s">
        <v>54793</v>
      </c>
      <c r="C17156" s="1" t="s">
        <v>36629</v>
      </c>
      <c r="D17156" s="2">
        <v>169984</v>
      </c>
      <c r="E17156" s="1" t="s">
        <v>0</v>
      </c>
    </row>
    <row r="17157" spans="1:5" x14ac:dyDescent="0.25">
      <c r="A17157" s="2">
        <v>3431</v>
      </c>
      <c r="B17157" s="2">
        <v>3431</v>
      </c>
      <c r="C17157" s="1" t="s">
        <v>0</v>
      </c>
      <c r="D17157" s="2">
        <v>169985</v>
      </c>
      <c r="E17157" s="1" t="s">
        <v>0</v>
      </c>
    </row>
    <row r="17158" spans="1:5" x14ac:dyDescent="0.25">
      <c r="A17158" s="1" t="s">
        <v>3128</v>
      </c>
      <c r="B17158" s="1" t="s">
        <v>58473</v>
      </c>
      <c r="C17158" s="1" t="s">
        <v>36630</v>
      </c>
      <c r="D17158" s="2">
        <v>169986</v>
      </c>
      <c r="E17158" s="1" t="s">
        <v>0</v>
      </c>
    </row>
    <row r="17159" spans="1:5" x14ac:dyDescent="0.25">
      <c r="A17159" s="1" t="s">
        <v>36631</v>
      </c>
      <c r="B17159" s="1" t="s">
        <v>62694</v>
      </c>
      <c r="C17159" s="1" t="s">
        <v>36632</v>
      </c>
      <c r="D17159" s="2">
        <v>169987</v>
      </c>
      <c r="E17159" s="1" t="s">
        <v>0</v>
      </c>
    </row>
    <row r="17160" spans="1:5" ht="409.5" x14ac:dyDescent="0.25">
      <c r="A17160" s="4" t="s">
        <v>36633</v>
      </c>
      <c r="B17160" s="1" t="s">
        <v>62695</v>
      </c>
      <c r="C17160" s="1" t="s">
        <v>36634</v>
      </c>
      <c r="D17160" s="2">
        <v>169988</v>
      </c>
      <c r="E17160" s="1" t="s">
        <v>0</v>
      </c>
    </row>
    <row r="17161" spans="1:5" x14ac:dyDescent="0.25">
      <c r="A17161" s="1" t="s">
        <v>36635</v>
      </c>
      <c r="B17161" s="1" t="s">
        <v>54794</v>
      </c>
      <c r="C17161" s="1" t="s">
        <v>36636</v>
      </c>
      <c r="D17161" s="2">
        <v>169989</v>
      </c>
      <c r="E17161" s="1" t="s">
        <v>0</v>
      </c>
    </row>
    <row r="17162" spans="1:5" x14ac:dyDescent="0.25">
      <c r="A17162" s="2">
        <v>3432</v>
      </c>
      <c r="B17162" s="2">
        <v>3432</v>
      </c>
      <c r="C17162" s="1" t="s">
        <v>0</v>
      </c>
      <c r="D17162" s="2">
        <v>169990</v>
      </c>
      <c r="E17162" s="1" t="s">
        <v>0</v>
      </c>
    </row>
    <row r="17163" spans="1:5" x14ac:dyDescent="0.25">
      <c r="A17163" s="1" t="s">
        <v>3129</v>
      </c>
      <c r="B17163" s="1" t="s">
        <v>9945</v>
      </c>
      <c r="C17163" s="1" t="s">
        <v>36637</v>
      </c>
      <c r="D17163" s="2">
        <v>169991</v>
      </c>
      <c r="E17163" s="1" t="s">
        <v>0</v>
      </c>
    </row>
    <row r="17164" spans="1:5" x14ac:dyDescent="0.25">
      <c r="A17164" s="1" t="s">
        <v>36638</v>
      </c>
      <c r="B17164" s="1" t="s">
        <v>50883</v>
      </c>
      <c r="C17164" s="1" t="s">
        <v>36639</v>
      </c>
      <c r="D17164" s="2">
        <v>169992</v>
      </c>
      <c r="E17164" s="1" t="s">
        <v>0</v>
      </c>
    </row>
    <row r="17165" spans="1:5" ht="409.5" x14ac:dyDescent="0.25">
      <c r="A17165" s="4" t="s">
        <v>36640</v>
      </c>
      <c r="B17165" s="1" t="s">
        <v>57277</v>
      </c>
      <c r="C17165" s="1" t="s">
        <v>36641</v>
      </c>
      <c r="D17165" s="2">
        <v>169993</v>
      </c>
      <c r="E17165" s="1" t="s">
        <v>0</v>
      </c>
    </row>
    <row r="17166" spans="1:5" x14ac:dyDescent="0.25">
      <c r="A17166" s="1" t="s">
        <v>23685</v>
      </c>
      <c r="B17166" s="1" t="s">
        <v>61033</v>
      </c>
      <c r="C17166" s="1" t="s">
        <v>23686</v>
      </c>
      <c r="D17166" s="2">
        <v>169994</v>
      </c>
      <c r="E17166" s="1" t="s">
        <v>0</v>
      </c>
    </row>
    <row r="17167" spans="1:5" x14ac:dyDescent="0.25">
      <c r="A17167" s="2">
        <v>3433</v>
      </c>
      <c r="B17167" s="2">
        <v>3433</v>
      </c>
      <c r="C17167" s="1" t="s">
        <v>0</v>
      </c>
      <c r="D17167" s="2">
        <v>169995</v>
      </c>
      <c r="E17167" s="1" t="s">
        <v>0</v>
      </c>
    </row>
    <row r="17168" spans="1:5" x14ac:dyDescent="0.25">
      <c r="A17168" s="1" t="s">
        <v>3130</v>
      </c>
      <c r="B17168" s="1" t="s">
        <v>9946</v>
      </c>
      <c r="C17168" s="1" t="s">
        <v>36642</v>
      </c>
      <c r="D17168" s="2">
        <v>169996</v>
      </c>
      <c r="E17168" s="1" t="s">
        <v>0</v>
      </c>
    </row>
    <row r="17169" spans="1:5" x14ac:dyDescent="0.25">
      <c r="A17169" s="1" t="s">
        <v>36643</v>
      </c>
      <c r="B17169" s="1" t="s">
        <v>9947</v>
      </c>
      <c r="C17169" s="1" t="s">
        <v>36644</v>
      </c>
      <c r="D17169" s="2">
        <v>169997</v>
      </c>
      <c r="E17169" s="1" t="s">
        <v>0</v>
      </c>
    </row>
    <row r="17170" spans="1:5" ht="409.5" x14ac:dyDescent="0.25">
      <c r="A17170" s="4" t="s">
        <v>36645</v>
      </c>
      <c r="B17170" s="1" t="s">
        <v>54795</v>
      </c>
      <c r="C17170" s="1" t="s">
        <v>36646</v>
      </c>
      <c r="D17170" s="2">
        <v>169998</v>
      </c>
      <c r="E17170" s="1" t="s">
        <v>0</v>
      </c>
    </row>
    <row r="17171" spans="1:5" x14ac:dyDescent="0.25">
      <c r="A17171" s="1" t="s">
        <v>36647</v>
      </c>
      <c r="B17171" s="1" t="s">
        <v>9948</v>
      </c>
      <c r="C17171" s="1" t="s">
        <v>36648</v>
      </c>
      <c r="D17171" s="2">
        <v>169999</v>
      </c>
      <c r="E17171" s="1" t="s">
        <v>0</v>
      </c>
    </row>
    <row r="17172" spans="1:5" x14ac:dyDescent="0.25">
      <c r="A17172" s="2">
        <v>3434</v>
      </c>
      <c r="B17172" s="2">
        <v>3434</v>
      </c>
      <c r="C17172" s="1" t="s">
        <v>0</v>
      </c>
      <c r="D17172" s="2">
        <v>170000</v>
      </c>
      <c r="E17172" s="1" t="s">
        <v>0</v>
      </c>
    </row>
    <row r="17173" spans="1:5" x14ac:dyDescent="0.25">
      <c r="A17173" s="1" t="s">
        <v>3131</v>
      </c>
      <c r="B17173" s="1" t="s">
        <v>50884</v>
      </c>
      <c r="C17173" s="1" t="s">
        <v>36649</v>
      </c>
      <c r="D17173" s="2">
        <v>170001</v>
      </c>
      <c r="E17173" s="1" t="s">
        <v>0</v>
      </c>
    </row>
    <row r="17174" spans="1:5" x14ac:dyDescent="0.25">
      <c r="A17174" s="1" t="s">
        <v>36650</v>
      </c>
      <c r="B17174" s="1" t="s">
        <v>63763</v>
      </c>
      <c r="C17174" s="1" t="s">
        <v>36651</v>
      </c>
      <c r="D17174" s="2">
        <v>170002</v>
      </c>
      <c r="E17174" s="1" t="s">
        <v>0</v>
      </c>
    </row>
    <row r="17175" spans="1:5" ht="409.5" x14ac:dyDescent="0.25">
      <c r="A17175" s="4" t="s">
        <v>36652</v>
      </c>
      <c r="B17175" s="1" t="s">
        <v>63764</v>
      </c>
      <c r="C17175" s="1" t="s">
        <v>36653</v>
      </c>
      <c r="D17175" s="2">
        <v>170003</v>
      </c>
      <c r="E17175" s="1" t="s">
        <v>0</v>
      </c>
    </row>
    <row r="17176" spans="1:5" x14ac:dyDescent="0.25">
      <c r="A17176" s="1" t="s">
        <v>36654</v>
      </c>
      <c r="B17176" s="1" t="s">
        <v>54796</v>
      </c>
      <c r="C17176" s="1" t="s">
        <v>36655</v>
      </c>
      <c r="D17176" s="2">
        <v>170004</v>
      </c>
      <c r="E17176" s="1" t="s">
        <v>0</v>
      </c>
    </row>
    <row r="17177" spans="1:5" x14ac:dyDescent="0.25">
      <c r="A17177" s="2">
        <v>3435</v>
      </c>
      <c r="B17177" s="2">
        <v>3435</v>
      </c>
      <c r="C17177" s="1" t="s">
        <v>0</v>
      </c>
      <c r="D17177" s="2">
        <v>170005</v>
      </c>
      <c r="E17177" s="1" t="s">
        <v>0</v>
      </c>
    </row>
    <row r="17178" spans="1:5" x14ac:dyDescent="0.25">
      <c r="A17178" s="1" t="s">
        <v>3132</v>
      </c>
      <c r="B17178" s="1" t="s">
        <v>9949</v>
      </c>
      <c r="C17178" s="1" t="s">
        <v>36656</v>
      </c>
      <c r="D17178" s="2">
        <v>170006</v>
      </c>
      <c r="E17178" s="1" t="s">
        <v>0</v>
      </c>
    </row>
    <row r="17179" spans="1:5" x14ac:dyDescent="0.25">
      <c r="A17179" s="1" t="s">
        <v>36657</v>
      </c>
      <c r="B17179" s="1" t="s">
        <v>50885</v>
      </c>
      <c r="C17179" s="1" t="s">
        <v>36658</v>
      </c>
      <c r="D17179" s="2">
        <v>170007</v>
      </c>
      <c r="E17179" s="1" t="s">
        <v>0</v>
      </c>
    </row>
    <row r="17180" spans="1:5" ht="409.5" x14ac:dyDescent="0.25">
      <c r="A17180" s="4" t="s">
        <v>36659</v>
      </c>
      <c r="B17180" s="1" t="s">
        <v>54797</v>
      </c>
      <c r="C17180" s="1" t="s">
        <v>36660</v>
      </c>
      <c r="D17180" s="2">
        <v>170008</v>
      </c>
      <c r="E17180" s="1" t="s">
        <v>0</v>
      </c>
    </row>
    <row r="17181" spans="1:5" x14ac:dyDescent="0.25">
      <c r="A17181" s="1" t="s">
        <v>36661</v>
      </c>
      <c r="B17181" s="1" t="s">
        <v>9950</v>
      </c>
      <c r="C17181" s="1" t="s">
        <v>36662</v>
      </c>
      <c r="D17181" s="2">
        <v>170009</v>
      </c>
      <c r="E17181" s="1" t="s">
        <v>0</v>
      </c>
    </row>
    <row r="17182" spans="1:5" x14ac:dyDescent="0.25">
      <c r="A17182" s="2">
        <v>3436</v>
      </c>
      <c r="B17182" s="2">
        <v>3436</v>
      </c>
      <c r="C17182" s="1" t="s">
        <v>0</v>
      </c>
      <c r="D17182" s="2">
        <v>170010</v>
      </c>
      <c r="E17182" s="1" t="s">
        <v>0</v>
      </c>
    </row>
    <row r="17183" spans="1:5" x14ac:dyDescent="0.25">
      <c r="A17183" s="1" t="s">
        <v>3133</v>
      </c>
      <c r="B17183" s="1" t="s">
        <v>54798</v>
      </c>
      <c r="C17183" s="1" t="s">
        <v>36663</v>
      </c>
      <c r="D17183" s="2">
        <v>170011</v>
      </c>
      <c r="E17183" s="1" t="s">
        <v>0</v>
      </c>
    </row>
    <row r="17184" spans="1:5" x14ac:dyDescent="0.25">
      <c r="A17184" s="1" t="s">
        <v>36664</v>
      </c>
      <c r="B17184" s="1" t="s">
        <v>63893</v>
      </c>
      <c r="C17184" s="1" t="s">
        <v>36665</v>
      </c>
      <c r="D17184" s="2">
        <v>170012</v>
      </c>
      <c r="E17184" s="1" t="s">
        <v>0</v>
      </c>
    </row>
    <row r="17185" spans="1:5" x14ac:dyDescent="0.25">
      <c r="A17185" s="1" t="s">
        <v>36666</v>
      </c>
      <c r="B17185" s="1" t="s">
        <v>63894</v>
      </c>
      <c r="C17185" s="1" t="s">
        <v>36667</v>
      </c>
      <c r="D17185" s="2">
        <v>170013</v>
      </c>
      <c r="E17185" s="1" t="s">
        <v>0</v>
      </c>
    </row>
    <row r="17186" spans="1:5" x14ac:dyDescent="0.25">
      <c r="A17186" s="1" t="s">
        <v>36668</v>
      </c>
      <c r="B17186" s="1" t="s">
        <v>9951</v>
      </c>
      <c r="C17186" s="1" t="s">
        <v>36669</v>
      </c>
      <c r="D17186" s="2">
        <v>170014</v>
      </c>
      <c r="E17186" s="1" t="s">
        <v>0</v>
      </c>
    </row>
    <row r="17187" spans="1:5" x14ac:dyDescent="0.25">
      <c r="A17187" s="2">
        <v>3437</v>
      </c>
      <c r="B17187" s="2">
        <v>3437</v>
      </c>
      <c r="C17187" s="1" t="s">
        <v>0</v>
      </c>
      <c r="D17187" s="2">
        <v>170015</v>
      </c>
      <c r="E17187" s="1" t="s">
        <v>0</v>
      </c>
    </row>
    <row r="17188" spans="1:5" x14ac:dyDescent="0.25">
      <c r="A17188" s="1" t="s">
        <v>9952</v>
      </c>
      <c r="B17188" s="1" t="s">
        <v>9953</v>
      </c>
      <c r="C17188" s="1" t="s">
        <v>36670</v>
      </c>
      <c r="D17188" s="2">
        <v>170016</v>
      </c>
      <c r="E17188" s="1" t="s">
        <v>0</v>
      </c>
    </row>
    <row r="17189" spans="1:5" x14ac:dyDescent="0.25">
      <c r="A17189" s="1" t="s">
        <v>36671</v>
      </c>
      <c r="B17189" s="1" t="s">
        <v>58474</v>
      </c>
      <c r="C17189" s="1" t="s">
        <v>36672</v>
      </c>
      <c r="D17189" s="2">
        <v>170017</v>
      </c>
      <c r="E17189" s="1" t="s">
        <v>0</v>
      </c>
    </row>
    <row r="17190" spans="1:5" ht="409.5" x14ac:dyDescent="0.25">
      <c r="A17190" s="4" t="s">
        <v>36673</v>
      </c>
      <c r="B17190" s="1" t="s">
        <v>58475</v>
      </c>
      <c r="C17190" s="1" t="s">
        <v>36674</v>
      </c>
      <c r="D17190" s="2">
        <v>170018</v>
      </c>
      <c r="E17190" s="1" t="s">
        <v>0</v>
      </c>
    </row>
    <row r="17191" spans="1:5" x14ac:dyDescent="0.25">
      <c r="A17191" s="1" t="s">
        <v>36675</v>
      </c>
      <c r="B17191" s="1" t="s">
        <v>9954</v>
      </c>
      <c r="C17191" s="1" t="s">
        <v>36676</v>
      </c>
      <c r="D17191" s="2">
        <v>170019</v>
      </c>
      <c r="E17191" s="1" t="s">
        <v>0</v>
      </c>
    </row>
    <row r="17192" spans="1:5" x14ac:dyDescent="0.25">
      <c r="A17192" s="2">
        <v>3438</v>
      </c>
      <c r="B17192" s="2">
        <v>3438</v>
      </c>
      <c r="C17192" s="1" t="s">
        <v>0</v>
      </c>
      <c r="D17192" s="2">
        <v>170020</v>
      </c>
      <c r="E17192" s="1" t="s">
        <v>0</v>
      </c>
    </row>
    <row r="17193" spans="1:5" x14ac:dyDescent="0.25">
      <c r="A17193" s="1" t="s">
        <v>3134</v>
      </c>
      <c r="B17193" s="1" t="s">
        <v>9955</v>
      </c>
      <c r="C17193" s="1" t="s">
        <v>36677</v>
      </c>
      <c r="D17193" s="2">
        <v>170021</v>
      </c>
      <c r="E17193" s="1" t="s">
        <v>0</v>
      </c>
    </row>
    <row r="17194" spans="1:5" x14ac:dyDescent="0.25">
      <c r="A17194" s="1" t="s">
        <v>36678</v>
      </c>
      <c r="B17194" s="1" t="s">
        <v>62696</v>
      </c>
      <c r="C17194" s="1" t="s">
        <v>36679</v>
      </c>
      <c r="D17194" s="2">
        <v>170022</v>
      </c>
      <c r="E17194" s="1" t="s">
        <v>0</v>
      </c>
    </row>
    <row r="17195" spans="1:5" ht="409.5" x14ac:dyDescent="0.25">
      <c r="A17195" s="4" t="s">
        <v>36680</v>
      </c>
      <c r="B17195" s="1" t="s">
        <v>62697</v>
      </c>
      <c r="C17195" s="1" t="s">
        <v>36681</v>
      </c>
      <c r="D17195" s="2">
        <v>170023</v>
      </c>
      <c r="E17195" s="1" t="s">
        <v>0</v>
      </c>
    </row>
    <row r="17196" spans="1:5" x14ac:dyDescent="0.25">
      <c r="A17196" s="1" t="s">
        <v>36682</v>
      </c>
      <c r="B17196" s="1" t="s">
        <v>9956</v>
      </c>
      <c r="C17196" s="1" t="s">
        <v>36683</v>
      </c>
      <c r="D17196" s="2">
        <v>170024</v>
      </c>
      <c r="E17196" s="1" t="s">
        <v>0</v>
      </c>
    </row>
    <row r="17197" spans="1:5" x14ac:dyDescent="0.25">
      <c r="A17197" s="2">
        <v>3439</v>
      </c>
      <c r="B17197" s="2">
        <v>3439</v>
      </c>
      <c r="C17197" s="1" t="s">
        <v>0</v>
      </c>
      <c r="D17197" s="2">
        <v>170025</v>
      </c>
      <c r="E17197" s="1" t="s">
        <v>0</v>
      </c>
    </row>
    <row r="17198" spans="1:5" x14ac:dyDescent="0.25">
      <c r="A17198" s="1" t="s">
        <v>3135</v>
      </c>
      <c r="B17198" s="1" t="s">
        <v>9957</v>
      </c>
      <c r="C17198" s="1" t="s">
        <v>36684</v>
      </c>
      <c r="D17198" s="2">
        <v>170026</v>
      </c>
      <c r="E17198" s="1" t="s">
        <v>0</v>
      </c>
    </row>
    <row r="17199" spans="1:5" x14ac:dyDescent="0.25">
      <c r="A17199" s="1" t="s">
        <v>36685</v>
      </c>
      <c r="B17199" s="1" t="s">
        <v>63765</v>
      </c>
      <c r="C17199" s="1" t="s">
        <v>36686</v>
      </c>
      <c r="D17199" s="2">
        <v>170027</v>
      </c>
      <c r="E17199" s="1" t="s">
        <v>0</v>
      </c>
    </row>
    <row r="17200" spans="1:5" ht="409.5" x14ac:dyDescent="0.25">
      <c r="A17200" s="4" t="s">
        <v>36687</v>
      </c>
      <c r="B17200" s="1" t="s">
        <v>63766</v>
      </c>
      <c r="C17200" s="1" t="s">
        <v>36688</v>
      </c>
      <c r="D17200" s="2">
        <v>170028</v>
      </c>
      <c r="E17200" s="1" t="s">
        <v>0</v>
      </c>
    </row>
    <row r="17201" spans="1:5" x14ac:dyDescent="0.25">
      <c r="A17201" s="1" t="s">
        <v>36689</v>
      </c>
      <c r="B17201" s="1" t="s">
        <v>57278</v>
      </c>
      <c r="C17201" s="1" t="s">
        <v>36690</v>
      </c>
      <c r="D17201" s="2">
        <v>170029</v>
      </c>
      <c r="E17201" s="1" t="s">
        <v>0</v>
      </c>
    </row>
    <row r="17202" spans="1:5" x14ac:dyDescent="0.25">
      <c r="A17202" s="2">
        <v>3440</v>
      </c>
      <c r="B17202" s="2">
        <v>3440</v>
      </c>
      <c r="C17202" s="1" t="s">
        <v>0</v>
      </c>
      <c r="D17202" s="2">
        <v>170030</v>
      </c>
      <c r="E17202" s="1" t="s">
        <v>0</v>
      </c>
    </row>
    <row r="17203" spans="1:5" x14ac:dyDescent="0.25">
      <c r="A17203" s="1" t="s">
        <v>3136</v>
      </c>
      <c r="B17203" s="1" t="s">
        <v>54799</v>
      </c>
      <c r="C17203" s="1" t="s">
        <v>36691</v>
      </c>
      <c r="D17203" s="2">
        <v>170031</v>
      </c>
      <c r="E17203" s="1" t="s">
        <v>0</v>
      </c>
    </row>
    <row r="17204" spans="1:5" x14ac:dyDescent="0.25">
      <c r="A17204" s="1" t="s">
        <v>36692</v>
      </c>
      <c r="B17204" s="1" t="s">
        <v>54800</v>
      </c>
      <c r="C17204" s="1" t="s">
        <v>36693</v>
      </c>
      <c r="D17204" s="2">
        <v>170032</v>
      </c>
      <c r="E17204" s="1" t="s">
        <v>0</v>
      </c>
    </row>
    <row r="17205" spans="1:5" ht="409.5" x14ac:dyDescent="0.25">
      <c r="A17205" s="4" t="s">
        <v>36694</v>
      </c>
      <c r="B17205" s="1" t="s">
        <v>61233</v>
      </c>
      <c r="C17205" s="1" t="s">
        <v>36695</v>
      </c>
      <c r="D17205" s="2">
        <v>170033</v>
      </c>
      <c r="E17205" s="1" t="s">
        <v>0</v>
      </c>
    </row>
    <row r="17206" spans="1:5" x14ac:dyDescent="0.25">
      <c r="A17206" s="1" t="s">
        <v>36696</v>
      </c>
      <c r="B17206" s="1" t="s">
        <v>57279</v>
      </c>
      <c r="C17206" s="1" t="s">
        <v>36697</v>
      </c>
      <c r="D17206" s="2">
        <v>170034</v>
      </c>
      <c r="E17206" s="1" t="s">
        <v>0</v>
      </c>
    </row>
    <row r="17207" spans="1:5" x14ac:dyDescent="0.25">
      <c r="A17207" s="2">
        <v>3441</v>
      </c>
      <c r="B17207" s="2">
        <v>3441</v>
      </c>
      <c r="C17207" s="1" t="s">
        <v>0</v>
      </c>
      <c r="D17207" s="2">
        <v>170035</v>
      </c>
      <c r="E17207" s="1" t="s">
        <v>0</v>
      </c>
    </row>
    <row r="17208" spans="1:5" x14ac:dyDescent="0.25">
      <c r="A17208" s="1" t="s">
        <v>3137</v>
      </c>
      <c r="B17208" s="1" t="s">
        <v>9958</v>
      </c>
      <c r="C17208" s="1" t="s">
        <v>36698</v>
      </c>
      <c r="D17208" s="2">
        <v>170036</v>
      </c>
      <c r="E17208" s="1" t="s">
        <v>0</v>
      </c>
    </row>
    <row r="17209" spans="1:5" x14ac:dyDescent="0.25">
      <c r="A17209" s="1" t="s">
        <v>36699</v>
      </c>
      <c r="B17209" s="1" t="s">
        <v>58476</v>
      </c>
      <c r="C17209" s="1" t="s">
        <v>36700</v>
      </c>
      <c r="D17209" s="2">
        <v>170037</v>
      </c>
      <c r="E17209" s="1" t="s">
        <v>0</v>
      </c>
    </row>
    <row r="17210" spans="1:5" ht="409.5" x14ac:dyDescent="0.25">
      <c r="A17210" s="4" t="s">
        <v>36701</v>
      </c>
      <c r="B17210" s="1" t="s">
        <v>58477</v>
      </c>
      <c r="C17210" s="1" t="s">
        <v>36702</v>
      </c>
      <c r="D17210" s="2">
        <v>170038</v>
      </c>
      <c r="E17210" s="1" t="s">
        <v>0</v>
      </c>
    </row>
    <row r="17211" spans="1:5" x14ac:dyDescent="0.25">
      <c r="A17211" s="1" t="s">
        <v>36703</v>
      </c>
      <c r="B17211" s="1" t="s">
        <v>58478</v>
      </c>
      <c r="C17211" s="1" t="s">
        <v>36704</v>
      </c>
      <c r="D17211" s="2">
        <v>170039</v>
      </c>
      <c r="E17211" s="1" t="s">
        <v>0</v>
      </c>
    </row>
    <row r="17212" spans="1:5" x14ac:dyDescent="0.25">
      <c r="A17212" s="2">
        <v>3442</v>
      </c>
      <c r="B17212" s="2">
        <v>3442</v>
      </c>
      <c r="C17212" s="1" t="s">
        <v>0</v>
      </c>
      <c r="D17212" s="2">
        <v>170040</v>
      </c>
      <c r="E17212" s="1" t="s">
        <v>0</v>
      </c>
    </row>
    <row r="17213" spans="1:5" x14ac:dyDescent="0.25">
      <c r="A17213" s="1" t="s">
        <v>3138</v>
      </c>
      <c r="B17213" s="1" t="s">
        <v>9959</v>
      </c>
      <c r="C17213" s="1" t="s">
        <v>36705</v>
      </c>
      <c r="D17213" s="2">
        <v>170041</v>
      </c>
      <c r="E17213" s="1" t="s">
        <v>0</v>
      </c>
    </row>
    <row r="17214" spans="1:5" x14ac:dyDescent="0.25">
      <c r="A17214" s="1" t="s">
        <v>36706</v>
      </c>
      <c r="B17214" s="1" t="s">
        <v>54801</v>
      </c>
      <c r="C17214" s="1" t="s">
        <v>36707</v>
      </c>
      <c r="D17214" s="2">
        <v>170042</v>
      </c>
      <c r="E17214" s="1" t="s">
        <v>0</v>
      </c>
    </row>
    <row r="17215" spans="1:5" ht="409.5" x14ac:dyDescent="0.25">
      <c r="A17215" s="4" t="s">
        <v>64251</v>
      </c>
      <c r="B17215" s="1" t="s">
        <v>62698</v>
      </c>
      <c r="C17215" s="1" t="s">
        <v>36708</v>
      </c>
      <c r="D17215" s="2">
        <v>170043</v>
      </c>
      <c r="E17215" s="1" t="s">
        <v>0</v>
      </c>
    </row>
    <row r="17216" spans="1:5" x14ac:dyDescent="0.25">
      <c r="A17216" s="1" t="s">
        <v>36709</v>
      </c>
      <c r="B17216" s="1" t="s">
        <v>54802</v>
      </c>
      <c r="C17216" s="1" t="s">
        <v>36710</v>
      </c>
      <c r="D17216" s="2">
        <v>170044</v>
      </c>
      <c r="E17216" s="1" t="s">
        <v>0</v>
      </c>
    </row>
    <row r="17217" spans="1:5" x14ac:dyDescent="0.25">
      <c r="A17217" s="2">
        <v>3443</v>
      </c>
      <c r="B17217" s="2">
        <v>3443</v>
      </c>
      <c r="C17217" s="1" t="s">
        <v>0</v>
      </c>
      <c r="D17217" s="2">
        <v>170045</v>
      </c>
      <c r="E17217" s="1" t="s">
        <v>0</v>
      </c>
    </row>
    <row r="17218" spans="1:5" x14ac:dyDescent="0.25">
      <c r="A17218" s="1" t="s">
        <v>3139</v>
      </c>
      <c r="B17218" s="1" t="s">
        <v>9960</v>
      </c>
      <c r="C17218" s="1" t="s">
        <v>36711</v>
      </c>
      <c r="D17218" s="2">
        <v>170046</v>
      </c>
      <c r="E17218" s="1" t="s">
        <v>0</v>
      </c>
    </row>
    <row r="17219" spans="1:5" x14ac:dyDescent="0.25">
      <c r="A17219" s="1" t="s">
        <v>36712</v>
      </c>
      <c r="B17219" s="1" t="s">
        <v>9961</v>
      </c>
      <c r="C17219" s="1" t="s">
        <v>36713</v>
      </c>
      <c r="D17219" s="2">
        <v>170047</v>
      </c>
      <c r="E17219" s="1" t="s">
        <v>0</v>
      </c>
    </row>
    <row r="17220" spans="1:5" ht="409.5" x14ac:dyDescent="0.25">
      <c r="A17220" s="4" t="s">
        <v>36714</v>
      </c>
      <c r="B17220" s="1" t="s">
        <v>60637</v>
      </c>
      <c r="C17220" s="1" t="s">
        <v>36715</v>
      </c>
      <c r="D17220" s="2">
        <v>170048</v>
      </c>
      <c r="E17220" s="1" t="s">
        <v>0</v>
      </c>
    </row>
    <row r="17221" spans="1:5" x14ac:dyDescent="0.25">
      <c r="A17221" s="1" t="s">
        <v>36716</v>
      </c>
      <c r="B17221" s="1" t="s">
        <v>9962</v>
      </c>
      <c r="C17221" s="1" t="s">
        <v>36717</v>
      </c>
      <c r="D17221" s="2">
        <v>170049</v>
      </c>
      <c r="E17221" s="1" t="s">
        <v>0</v>
      </c>
    </row>
    <row r="17222" spans="1:5" x14ac:dyDescent="0.25">
      <c r="A17222" s="2">
        <v>3444</v>
      </c>
      <c r="B17222" s="2">
        <v>3444</v>
      </c>
      <c r="C17222" s="1" t="s">
        <v>0</v>
      </c>
      <c r="D17222" s="2">
        <v>170050</v>
      </c>
      <c r="E17222" s="1" t="s">
        <v>0</v>
      </c>
    </row>
    <row r="17223" spans="1:5" x14ac:dyDescent="0.25">
      <c r="A17223" s="1" t="s">
        <v>3140</v>
      </c>
      <c r="B17223" s="1" t="s">
        <v>9963</v>
      </c>
      <c r="C17223" s="1" t="s">
        <v>36718</v>
      </c>
      <c r="D17223" s="2">
        <v>170051</v>
      </c>
      <c r="E17223" s="1" t="s">
        <v>0</v>
      </c>
    </row>
    <row r="17224" spans="1:5" x14ac:dyDescent="0.25">
      <c r="A17224" s="1" t="s">
        <v>36719</v>
      </c>
      <c r="B17224" s="1" t="s">
        <v>54803</v>
      </c>
      <c r="C17224" s="1" t="s">
        <v>36720</v>
      </c>
      <c r="D17224" s="2">
        <v>170052</v>
      </c>
      <c r="E17224" s="1" t="s">
        <v>0</v>
      </c>
    </row>
    <row r="17225" spans="1:5" ht="409.5" x14ac:dyDescent="0.25">
      <c r="A17225" s="4" t="s">
        <v>36721</v>
      </c>
      <c r="B17225" s="1" t="s">
        <v>54804</v>
      </c>
      <c r="C17225" s="1" t="s">
        <v>36722</v>
      </c>
      <c r="D17225" s="2">
        <v>170053</v>
      </c>
      <c r="E17225" s="1" t="s">
        <v>0</v>
      </c>
    </row>
    <row r="17226" spans="1:5" x14ac:dyDescent="0.25">
      <c r="A17226" s="1" t="s">
        <v>36723</v>
      </c>
      <c r="B17226" s="1" t="s">
        <v>54805</v>
      </c>
      <c r="C17226" s="1" t="s">
        <v>36724</v>
      </c>
      <c r="D17226" s="2">
        <v>170054</v>
      </c>
      <c r="E17226" s="1" t="s">
        <v>0</v>
      </c>
    </row>
    <row r="17227" spans="1:5" x14ac:dyDescent="0.25">
      <c r="A17227" s="2">
        <v>3445</v>
      </c>
      <c r="B17227" s="2">
        <v>3445</v>
      </c>
      <c r="C17227" s="1" t="s">
        <v>0</v>
      </c>
      <c r="D17227" s="2">
        <v>170055</v>
      </c>
      <c r="E17227" s="1" t="s">
        <v>0</v>
      </c>
    </row>
    <row r="17228" spans="1:5" x14ac:dyDescent="0.25">
      <c r="A17228" s="1" t="s">
        <v>3141</v>
      </c>
      <c r="B17228" s="1" t="s">
        <v>9964</v>
      </c>
      <c r="C17228" s="1" t="s">
        <v>36725</v>
      </c>
      <c r="D17228" s="2">
        <v>170056</v>
      </c>
      <c r="E17228" s="1" t="s">
        <v>0</v>
      </c>
    </row>
    <row r="17229" spans="1:5" x14ac:dyDescent="0.25">
      <c r="A17229" s="1" t="s">
        <v>36726</v>
      </c>
      <c r="B17229" s="1" t="s">
        <v>9965</v>
      </c>
      <c r="C17229" s="1" t="s">
        <v>36727</v>
      </c>
      <c r="D17229" s="2">
        <v>170057</v>
      </c>
      <c r="E17229" s="1" t="s">
        <v>0</v>
      </c>
    </row>
    <row r="17230" spans="1:5" ht="409.5" x14ac:dyDescent="0.25">
      <c r="A17230" s="4" t="s">
        <v>36728</v>
      </c>
      <c r="B17230" s="1" t="s">
        <v>62699</v>
      </c>
      <c r="C17230" s="1" t="s">
        <v>36729</v>
      </c>
      <c r="D17230" s="2">
        <v>170058</v>
      </c>
      <c r="E17230" s="1" t="s">
        <v>0</v>
      </c>
    </row>
    <row r="17231" spans="1:5" x14ac:dyDescent="0.25">
      <c r="A17231" s="1" t="s">
        <v>36730</v>
      </c>
      <c r="B17231" s="1" t="s">
        <v>9966</v>
      </c>
      <c r="C17231" s="1" t="s">
        <v>36731</v>
      </c>
      <c r="D17231" s="2">
        <v>170059</v>
      </c>
      <c r="E17231" s="1" t="s">
        <v>0</v>
      </c>
    </row>
    <row r="17232" spans="1:5" x14ac:dyDescent="0.25">
      <c r="A17232" s="2">
        <v>3446</v>
      </c>
      <c r="B17232" s="2">
        <v>3446</v>
      </c>
      <c r="C17232" s="1" t="s">
        <v>0</v>
      </c>
      <c r="D17232" s="2">
        <v>170060</v>
      </c>
      <c r="E17232" s="1" t="s">
        <v>0</v>
      </c>
    </row>
    <row r="17233" spans="1:5" x14ac:dyDescent="0.25">
      <c r="A17233" s="1" t="s">
        <v>3142</v>
      </c>
      <c r="B17233" s="1" t="s">
        <v>54806</v>
      </c>
      <c r="C17233" s="1" t="s">
        <v>36732</v>
      </c>
      <c r="D17233" s="2">
        <v>170061</v>
      </c>
      <c r="E17233" s="1" t="s">
        <v>0</v>
      </c>
    </row>
    <row r="17234" spans="1:5" x14ac:dyDescent="0.25">
      <c r="A17234" s="1" t="s">
        <v>36733</v>
      </c>
      <c r="B17234" s="1" t="s">
        <v>54807</v>
      </c>
      <c r="C17234" s="1" t="s">
        <v>36734</v>
      </c>
      <c r="D17234" s="2">
        <v>170062</v>
      </c>
      <c r="E17234" s="1" t="s">
        <v>0</v>
      </c>
    </row>
    <row r="17235" spans="1:5" ht="409.5" x14ac:dyDescent="0.25">
      <c r="A17235" s="4" t="s">
        <v>36735</v>
      </c>
      <c r="B17235" s="1" t="s">
        <v>54808</v>
      </c>
      <c r="C17235" s="1" t="s">
        <v>36736</v>
      </c>
      <c r="D17235" s="2">
        <v>170063</v>
      </c>
      <c r="E17235" s="1" t="s">
        <v>0</v>
      </c>
    </row>
    <row r="17236" spans="1:5" x14ac:dyDescent="0.25">
      <c r="A17236" s="1" t="s">
        <v>36737</v>
      </c>
      <c r="B17236" s="1" t="s">
        <v>9967</v>
      </c>
      <c r="C17236" s="1" t="s">
        <v>36738</v>
      </c>
      <c r="D17236" s="2">
        <v>170064</v>
      </c>
      <c r="E17236" s="1" t="s">
        <v>0</v>
      </c>
    </row>
    <row r="17237" spans="1:5" x14ac:dyDescent="0.25">
      <c r="A17237" s="2">
        <v>3447</v>
      </c>
      <c r="B17237" s="2">
        <v>3447</v>
      </c>
      <c r="C17237" s="1" t="s">
        <v>0</v>
      </c>
      <c r="D17237" s="2">
        <v>170065</v>
      </c>
      <c r="E17237" s="1" t="s">
        <v>0</v>
      </c>
    </row>
    <row r="17238" spans="1:5" x14ac:dyDescent="0.25">
      <c r="A17238" s="1" t="s">
        <v>9968</v>
      </c>
      <c r="B17238" s="1" t="s">
        <v>9969</v>
      </c>
      <c r="C17238" s="1" t="s">
        <v>36739</v>
      </c>
      <c r="D17238" s="2">
        <v>170066</v>
      </c>
      <c r="E17238" s="1" t="s">
        <v>0</v>
      </c>
    </row>
    <row r="17239" spans="1:5" x14ac:dyDescent="0.25">
      <c r="A17239" s="1" t="s">
        <v>36740</v>
      </c>
      <c r="B17239" s="1" t="s">
        <v>50886</v>
      </c>
      <c r="C17239" s="1" t="s">
        <v>36741</v>
      </c>
      <c r="D17239" s="2">
        <v>170067</v>
      </c>
      <c r="E17239" s="1" t="s">
        <v>0</v>
      </c>
    </row>
    <row r="17240" spans="1:5" ht="409.5" x14ac:dyDescent="0.25">
      <c r="A17240" s="4" t="s">
        <v>36742</v>
      </c>
      <c r="B17240" s="1" t="s">
        <v>60826</v>
      </c>
      <c r="C17240" s="1" t="s">
        <v>36743</v>
      </c>
      <c r="D17240" s="2">
        <v>170068</v>
      </c>
      <c r="E17240" s="1" t="s">
        <v>0</v>
      </c>
    </row>
    <row r="17241" spans="1:5" x14ac:dyDescent="0.25">
      <c r="A17241" s="1" t="s">
        <v>36744</v>
      </c>
      <c r="B17241" s="1" t="s">
        <v>9970</v>
      </c>
      <c r="C17241" s="1" t="s">
        <v>36745</v>
      </c>
      <c r="D17241" s="2">
        <v>170069</v>
      </c>
      <c r="E17241" s="1" t="s">
        <v>0</v>
      </c>
    </row>
    <row r="17242" spans="1:5" x14ac:dyDescent="0.25">
      <c r="A17242" s="2">
        <v>3448</v>
      </c>
      <c r="B17242" s="2">
        <v>3448</v>
      </c>
      <c r="C17242" s="1" t="s">
        <v>0</v>
      </c>
      <c r="D17242" s="2">
        <v>170070</v>
      </c>
      <c r="E17242" s="1" t="s">
        <v>0</v>
      </c>
    </row>
    <row r="17243" spans="1:5" x14ac:dyDescent="0.25">
      <c r="A17243" s="1" t="s">
        <v>3143</v>
      </c>
      <c r="B17243" s="1" t="s">
        <v>9971</v>
      </c>
      <c r="C17243" s="1" t="s">
        <v>36746</v>
      </c>
      <c r="D17243" s="2">
        <v>170071</v>
      </c>
      <c r="E17243" s="1" t="s">
        <v>0</v>
      </c>
    </row>
    <row r="17244" spans="1:5" x14ac:dyDescent="0.25">
      <c r="A17244" s="1" t="s">
        <v>36747</v>
      </c>
      <c r="B17244" s="1" t="s">
        <v>13209</v>
      </c>
      <c r="C17244" s="1" t="s">
        <v>36748</v>
      </c>
      <c r="D17244" s="2">
        <v>170072</v>
      </c>
      <c r="E17244" s="1" t="s">
        <v>0</v>
      </c>
    </row>
    <row r="17245" spans="1:5" ht="409.5" x14ac:dyDescent="0.25">
      <c r="A17245" s="4" t="s">
        <v>36749</v>
      </c>
      <c r="B17245" s="1" t="s">
        <v>54809</v>
      </c>
      <c r="C17245" s="1" t="s">
        <v>36750</v>
      </c>
      <c r="D17245" s="2">
        <v>170073</v>
      </c>
      <c r="E17245" s="1" t="s">
        <v>0</v>
      </c>
    </row>
    <row r="17246" spans="1:5" x14ac:dyDescent="0.25">
      <c r="A17246" s="1" t="s">
        <v>36751</v>
      </c>
      <c r="B17246" s="1" t="s">
        <v>57280</v>
      </c>
      <c r="C17246" s="1" t="s">
        <v>36752</v>
      </c>
      <c r="D17246" s="2">
        <v>170074</v>
      </c>
      <c r="E17246" s="1" t="s">
        <v>0</v>
      </c>
    </row>
    <row r="17247" spans="1:5" x14ac:dyDescent="0.25">
      <c r="A17247" s="2">
        <v>3449</v>
      </c>
      <c r="B17247" s="2">
        <v>3449</v>
      </c>
      <c r="C17247" s="1" t="s">
        <v>0</v>
      </c>
      <c r="D17247" s="2">
        <v>170075</v>
      </c>
      <c r="E17247" s="1" t="s">
        <v>0</v>
      </c>
    </row>
    <row r="17248" spans="1:5" x14ac:dyDescent="0.25">
      <c r="A17248" s="1" t="s">
        <v>3144</v>
      </c>
      <c r="B17248" s="1" t="s">
        <v>9972</v>
      </c>
      <c r="C17248" s="1" t="s">
        <v>36753</v>
      </c>
      <c r="D17248" s="2">
        <v>170076</v>
      </c>
      <c r="E17248" s="1" t="s">
        <v>0</v>
      </c>
    </row>
    <row r="17249" spans="1:5" x14ac:dyDescent="0.25">
      <c r="A17249" s="1" t="s">
        <v>36754</v>
      </c>
      <c r="B17249" s="1" t="s">
        <v>50887</v>
      </c>
      <c r="C17249" s="1" t="s">
        <v>36755</v>
      </c>
      <c r="D17249" s="2">
        <v>170077</v>
      </c>
      <c r="E17249" s="1" t="s">
        <v>0</v>
      </c>
    </row>
    <row r="17250" spans="1:5" ht="409.5" x14ac:dyDescent="0.25">
      <c r="A17250" s="4" t="s">
        <v>36756</v>
      </c>
      <c r="B17250" s="1" t="s">
        <v>50888</v>
      </c>
      <c r="C17250" s="1" t="s">
        <v>36757</v>
      </c>
      <c r="D17250" s="2">
        <v>170078</v>
      </c>
      <c r="E17250" s="1" t="s">
        <v>0</v>
      </c>
    </row>
    <row r="17251" spans="1:5" x14ac:dyDescent="0.25">
      <c r="A17251" s="1" t="s">
        <v>16086</v>
      </c>
      <c r="B17251" s="1" t="s">
        <v>60897</v>
      </c>
      <c r="C17251" s="1" t="s">
        <v>16087</v>
      </c>
      <c r="D17251" s="2">
        <v>170079</v>
      </c>
      <c r="E17251" s="1" t="s">
        <v>0</v>
      </c>
    </row>
    <row r="17252" spans="1:5" x14ac:dyDescent="0.25">
      <c r="A17252" s="2">
        <v>3450</v>
      </c>
      <c r="B17252" s="2">
        <v>3450</v>
      </c>
      <c r="C17252" s="1" t="s">
        <v>0</v>
      </c>
      <c r="D17252" s="2">
        <v>170080</v>
      </c>
      <c r="E17252" s="1" t="s">
        <v>0</v>
      </c>
    </row>
    <row r="17253" spans="1:5" x14ac:dyDescent="0.25">
      <c r="A17253" s="1" t="s">
        <v>3145</v>
      </c>
      <c r="B17253" s="1" t="s">
        <v>9973</v>
      </c>
      <c r="C17253" s="1" t="s">
        <v>36758</v>
      </c>
      <c r="D17253" s="2">
        <v>170081</v>
      </c>
      <c r="E17253" s="1" t="s">
        <v>0</v>
      </c>
    </row>
    <row r="17254" spans="1:5" x14ac:dyDescent="0.25">
      <c r="A17254" s="1" t="s">
        <v>36759</v>
      </c>
      <c r="B17254" s="1" t="s">
        <v>50889</v>
      </c>
      <c r="C17254" s="1" t="s">
        <v>36760</v>
      </c>
      <c r="D17254" s="2">
        <v>170082</v>
      </c>
      <c r="E17254" s="1" t="s">
        <v>0</v>
      </c>
    </row>
    <row r="17255" spans="1:5" ht="409.5" x14ac:dyDescent="0.25">
      <c r="A17255" s="4" t="s">
        <v>36761</v>
      </c>
      <c r="B17255" s="1" t="s">
        <v>50890</v>
      </c>
      <c r="C17255" s="1" t="s">
        <v>36762</v>
      </c>
      <c r="D17255" s="2">
        <v>170083</v>
      </c>
      <c r="E17255" s="1" t="s">
        <v>0</v>
      </c>
    </row>
    <row r="17256" spans="1:5" x14ac:dyDescent="0.25">
      <c r="A17256" s="1" t="s">
        <v>36763</v>
      </c>
      <c r="B17256" s="1" t="s">
        <v>9974</v>
      </c>
      <c r="C17256" s="1" t="s">
        <v>36764</v>
      </c>
      <c r="D17256" s="2">
        <v>170084</v>
      </c>
      <c r="E17256" s="1" t="s">
        <v>0</v>
      </c>
    </row>
    <row r="17257" spans="1:5" x14ac:dyDescent="0.25">
      <c r="A17257" s="2">
        <v>3451</v>
      </c>
      <c r="B17257" s="2">
        <v>3451</v>
      </c>
      <c r="C17257" s="1" t="s">
        <v>0</v>
      </c>
      <c r="D17257" s="2">
        <v>170085</v>
      </c>
      <c r="E17257" s="1" t="s">
        <v>0</v>
      </c>
    </row>
    <row r="17258" spans="1:5" x14ac:dyDescent="0.25">
      <c r="A17258" s="1" t="s">
        <v>3146</v>
      </c>
      <c r="B17258" s="1" t="s">
        <v>9975</v>
      </c>
      <c r="C17258" s="1" t="s">
        <v>36765</v>
      </c>
      <c r="D17258" s="2">
        <v>170086</v>
      </c>
      <c r="E17258" s="1" t="s">
        <v>0</v>
      </c>
    </row>
    <row r="17259" spans="1:5" x14ac:dyDescent="0.25">
      <c r="A17259" s="1" t="s">
        <v>36766</v>
      </c>
      <c r="B17259" s="1" t="s">
        <v>62700</v>
      </c>
      <c r="C17259" s="1" t="s">
        <v>36767</v>
      </c>
      <c r="D17259" s="2">
        <v>170087</v>
      </c>
      <c r="E17259" s="1" t="s">
        <v>0</v>
      </c>
    </row>
    <row r="17260" spans="1:5" ht="409.5" x14ac:dyDescent="0.25">
      <c r="A17260" s="4" t="s">
        <v>36768</v>
      </c>
      <c r="B17260" s="1" t="s">
        <v>62701</v>
      </c>
      <c r="C17260" s="1" t="s">
        <v>36769</v>
      </c>
      <c r="D17260" s="2">
        <v>170088</v>
      </c>
      <c r="E17260" s="1" t="s">
        <v>0</v>
      </c>
    </row>
    <row r="17261" spans="1:5" x14ac:dyDescent="0.25">
      <c r="A17261" s="1" t="s">
        <v>36770</v>
      </c>
      <c r="B17261" s="1" t="s">
        <v>54810</v>
      </c>
      <c r="C17261" s="1" t="s">
        <v>36771</v>
      </c>
      <c r="D17261" s="2">
        <v>170089</v>
      </c>
      <c r="E17261" s="1" t="s">
        <v>0</v>
      </c>
    </row>
    <row r="17262" spans="1:5" x14ac:dyDescent="0.25">
      <c r="A17262" s="2">
        <v>3452</v>
      </c>
      <c r="B17262" s="2">
        <v>3452</v>
      </c>
      <c r="C17262" s="1" t="s">
        <v>0</v>
      </c>
      <c r="D17262" s="2">
        <v>170090</v>
      </c>
      <c r="E17262" s="1" t="s">
        <v>0</v>
      </c>
    </row>
    <row r="17263" spans="1:5" x14ac:dyDescent="0.25">
      <c r="A17263" s="1" t="s">
        <v>3147</v>
      </c>
      <c r="B17263" s="1" t="s">
        <v>9976</v>
      </c>
      <c r="C17263" s="1" t="s">
        <v>36772</v>
      </c>
      <c r="D17263" s="2">
        <v>170091</v>
      </c>
      <c r="E17263" s="1" t="s">
        <v>0</v>
      </c>
    </row>
    <row r="17264" spans="1:5" x14ac:dyDescent="0.25">
      <c r="A17264" s="1" t="s">
        <v>36773</v>
      </c>
      <c r="B17264" s="1" t="s">
        <v>54811</v>
      </c>
      <c r="C17264" s="1" t="s">
        <v>36774</v>
      </c>
      <c r="D17264" s="2">
        <v>170092</v>
      </c>
      <c r="E17264" s="1" t="s">
        <v>0</v>
      </c>
    </row>
    <row r="17265" spans="1:5" ht="409.5" x14ac:dyDescent="0.25">
      <c r="A17265" s="4" t="s">
        <v>36775</v>
      </c>
      <c r="B17265" s="1" t="s">
        <v>54812</v>
      </c>
      <c r="C17265" s="1" t="s">
        <v>36776</v>
      </c>
      <c r="D17265" s="2">
        <v>170093</v>
      </c>
      <c r="E17265" s="1" t="s">
        <v>0</v>
      </c>
    </row>
    <row r="17266" spans="1:5" x14ac:dyDescent="0.25">
      <c r="A17266" s="1" t="s">
        <v>36777</v>
      </c>
      <c r="B17266" s="1" t="s">
        <v>9977</v>
      </c>
      <c r="C17266" s="1" t="s">
        <v>36778</v>
      </c>
      <c r="D17266" s="2">
        <v>170094</v>
      </c>
      <c r="E17266" s="1" t="s">
        <v>0</v>
      </c>
    </row>
    <row r="17267" spans="1:5" x14ac:dyDescent="0.25">
      <c r="A17267" s="2">
        <v>3453</v>
      </c>
      <c r="B17267" s="2">
        <v>3453</v>
      </c>
      <c r="C17267" s="1" t="s">
        <v>0</v>
      </c>
      <c r="D17267" s="2">
        <v>170095</v>
      </c>
      <c r="E17267" s="1" t="s">
        <v>0</v>
      </c>
    </row>
    <row r="17268" spans="1:5" x14ac:dyDescent="0.25">
      <c r="A17268" s="1" t="s">
        <v>3148</v>
      </c>
      <c r="B17268" s="1" t="s">
        <v>9978</v>
      </c>
      <c r="C17268" s="1" t="s">
        <v>36779</v>
      </c>
      <c r="D17268" s="2">
        <v>170096</v>
      </c>
      <c r="E17268" s="1" t="s">
        <v>0</v>
      </c>
    </row>
    <row r="17269" spans="1:5" x14ac:dyDescent="0.25">
      <c r="A17269" s="1" t="s">
        <v>36780</v>
      </c>
      <c r="B17269" s="1" t="s">
        <v>62702</v>
      </c>
      <c r="C17269" s="1" t="s">
        <v>36781</v>
      </c>
      <c r="D17269" s="2">
        <v>170097</v>
      </c>
      <c r="E17269" s="1" t="s">
        <v>0</v>
      </c>
    </row>
    <row r="17270" spans="1:5" ht="409.5" x14ac:dyDescent="0.25">
      <c r="A17270" s="4" t="s">
        <v>36782</v>
      </c>
      <c r="B17270" s="1" t="s">
        <v>62703</v>
      </c>
      <c r="C17270" s="1" t="s">
        <v>36783</v>
      </c>
      <c r="D17270" s="2">
        <v>170098</v>
      </c>
      <c r="E17270" s="1" t="s">
        <v>0</v>
      </c>
    </row>
    <row r="17271" spans="1:5" x14ac:dyDescent="0.25">
      <c r="A17271" s="1" t="s">
        <v>36784</v>
      </c>
      <c r="B17271" s="1" t="s">
        <v>54813</v>
      </c>
      <c r="C17271" s="1" t="s">
        <v>36785</v>
      </c>
      <c r="D17271" s="2">
        <v>170099</v>
      </c>
      <c r="E17271" s="1" t="s">
        <v>0</v>
      </c>
    </row>
    <row r="17272" spans="1:5" x14ac:dyDescent="0.25">
      <c r="A17272" s="2">
        <v>3454</v>
      </c>
      <c r="B17272" s="2">
        <v>3454</v>
      </c>
      <c r="C17272" s="1" t="s">
        <v>0</v>
      </c>
      <c r="D17272" s="2">
        <v>170100</v>
      </c>
      <c r="E17272" s="1" t="s">
        <v>0</v>
      </c>
    </row>
    <row r="17273" spans="1:5" x14ac:dyDescent="0.25">
      <c r="A17273" s="1" t="s">
        <v>3149</v>
      </c>
      <c r="B17273" s="1" t="s">
        <v>9979</v>
      </c>
      <c r="C17273" s="1" t="s">
        <v>36786</v>
      </c>
      <c r="D17273" s="2">
        <v>170101</v>
      </c>
      <c r="E17273" s="1" t="s">
        <v>0</v>
      </c>
    </row>
    <row r="17274" spans="1:5" x14ac:dyDescent="0.25">
      <c r="A17274" s="1" t="s">
        <v>36787</v>
      </c>
      <c r="B17274" s="1" t="s">
        <v>61234</v>
      </c>
      <c r="C17274" s="1" t="s">
        <v>36788</v>
      </c>
      <c r="D17274" s="2">
        <v>170102</v>
      </c>
      <c r="E17274" s="1" t="s">
        <v>0</v>
      </c>
    </row>
    <row r="17275" spans="1:5" ht="409.5" x14ac:dyDescent="0.25">
      <c r="A17275" s="4" t="s">
        <v>36789</v>
      </c>
      <c r="B17275" s="1" t="s">
        <v>61235</v>
      </c>
      <c r="C17275" s="1" t="s">
        <v>36790</v>
      </c>
      <c r="D17275" s="2">
        <v>170103</v>
      </c>
      <c r="E17275" s="1" t="s">
        <v>0</v>
      </c>
    </row>
    <row r="17276" spans="1:5" x14ac:dyDescent="0.25">
      <c r="A17276" s="1" t="s">
        <v>36791</v>
      </c>
      <c r="B17276" s="1" t="s">
        <v>54814</v>
      </c>
      <c r="C17276" s="1" t="s">
        <v>36792</v>
      </c>
      <c r="D17276" s="2">
        <v>170104</v>
      </c>
      <c r="E17276" s="1" t="s">
        <v>0</v>
      </c>
    </row>
    <row r="17277" spans="1:5" x14ac:dyDescent="0.25">
      <c r="A17277" s="2">
        <v>3455</v>
      </c>
      <c r="B17277" s="2">
        <v>3455</v>
      </c>
      <c r="C17277" s="1" t="s">
        <v>0</v>
      </c>
      <c r="D17277" s="2">
        <v>170105</v>
      </c>
      <c r="E17277" s="1" t="s">
        <v>0</v>
      </c>
    </row>
    <row r="17278" spans="1:5" x14ac:dyDescent="0.25">
      <c r="A17278" s="1" t="s">
        <v>3150</v>
      </c>
      <c r="B17278" s="1" t="s">
        <v>9980</v>
      </c>
      <c r="C17278" s="1" t="s">
        <v>36793</v>
      </c>
      <c r="D17278" s="2">
        <v>170106</v>
      </c>
      <c r="E17278" s="1" t="s">
        <v>0</v>
      </c>
    </row>
    <row r="17279" spans="1:5" x14ac:dyDescent="0.25">
      <c r="A17279" s="1" t="s">
        <v>36794</v>
      </c>
      <c r="B17279" s="1" t="s">
        <v>54815</v>
      </c>
      <c r="C17279" s="1" t="s">
        <v>36795</v>
      </c>
      <c r="D17279" s="2">
        <v>170107</v>
      </c>
      <c r="E17279" s="1" t="s">
        <v>0</v>
      </c>
    </row>
    <row r="17280" spans="1:5" ht="409.5" x14ac:dyDescent="0.25">
      <c r="A17280" s="4" t="s">
        <v>36796</v>
      </c>
      <c r="B17280" s="1" t="s">
        <v>54816</v>
      </c>
      <c r="C17280" s="1" t="s">
        <v>36797</v>
      </c>
      <c r="D17280" s="2">
        <v>170108</v>
      </c>
      <c r="E17280" s="1" t="s">
        <v>0</v>
      </c>
    </row>
    <row r="17281" spans="1:5" x14ac:dyDescent="0.25">
      <c r="A17281" s="1" t="s">
        <v>36798</v>
      </c>
      <c r="B17281" s="1" t="s">
        <v>54817</v>
      </c>
      <c r="C17281" s="1" t="s">
        <v>36799</v>
      </c>
      <c r="D17281" s="2">
        <v>170109</v>
      </c>
      <c r="E17281" s="1" t="s">
        <v>0</v>
      </c>
    </row>
    <row r="17282" spans="1:5" x14ac:dyDescent="0.25">
      <c r="A17282" s="2">
        <v>3456</v>
      </c>
      <c r="B17282" s="2">
        <v>3456</v>
      </c>
      <c r="C17282" s="1" t="s">
        <v>0</v>
      </c>
      <c r="D17282" s="2">
        <v>170110</v>
      </c>
      <c r="E17282" s="1" t="s">
        <v>0</v>
      </c>
    </row>
    <row r="17283" spans="1:5" x14ac:dyDescent="0.25">
      <c r="A17283" s="1" t="s">
        <v>3151</v>
      </c>
      <c r="B17283" s="1" t="s">
        <v>50891</v>
      </c>
      <c r="C17283" s="1" t="s">
        <v>0</v>
      </c>
      <c r="D17283" s="2">
        <v>170111</v>
      </c>
      <c r="E17283" s="1" t="s">
        <v>0</v>
      </c>
    </row>
    <row r="17284" spans="1:5" x14ac:dyDescent="0.25">
      <c r="A17284" s="1" t="s">
        <v>36800</v>
      </c>
      <c r="B17284" s="1" t="s">
        <v>54818</v>
      </c>
      <c r="C17284" s="1" t="s">
        <v>36801</v>
      </c>
      <c r="D17284" s="2">
        <v>170112</v>
      </c>
      <c r="E17284" s="1" t="s">
        <v>0</v>
      </c>
    </row>
    <row r="17285" spans="1:5" ht="409.5" x14ac:dyDescent="0.25">
      <c r="A17285" s="4" t="s">
        <v>36802</v>
      </c>
      <c r="B17285" s="1" t="s">
        <v>57577</v>
      </c>
      <c r="C17285" s="1" t="s">
        <v>36803</v>
      </c>
      <c r="D17285" s="2">
        <v>170113</v>
      </c>
      <c r="E17285" s="1" t="s">
        <v>0</v>
      </c>
    </row>
    <row r="17286" spans="1:5" x14ac:dyDescent="0.25">
      <c r="A17286" s="1" t="s">
        <v>36804</v>
      </c>
      <c r="B17286" s="1" t="s">
        <v>9981</v>
      </c>
      <c r="C17286" s="1" t="s">
        <v>36805</v>
      </c>
      <c r="D17286" s="2">
        <v>170114</v>
      </c>
      <c r="E17286" s="1" t="s">
        <v>0</v>
      </c>
    </row>
    <row r="17287" spans="1:5" x14ac:dyDescent="0.25">
      <c r="A17287" s="2">
        <v>3457</v>
      </c>
      <c r="B17287" s="2">
        <v>3457</v>
      </c>
      <c r="C17287" s="1" t="s">
        <v>0</v>
      </c>
      <c r="D17287" s="2">
        <v>170115</v>
      </c>
      <c r="E17287" s="1" t="s">
        <v>0</v>
      </c>
    </row>
    <row r="17288" spans="1:5" x14ac:dyDescent="0.25">
      <c r="A17288" s="1" t="s">
        <v>3152</v>
      </c>
      <c r="B17288" s="1" t="s">
        <v>9982</v>
      </c>
      <c r="C17288" s="1" t="s">
        <v>36806</v>
      </c>
      <c r="D17288" s="2">
        <v>170116</v>
      </c>
      <c r="E17288" s="1" t="s">
        <v>0</v>
      </c>
    </row>
    <row r="17289" spans="1:5" x14ac:dyDescent="0.25">
      <c r="A17289" s="1" t="s">
        <v>36807</v>
      </c>
      <c r="B17289" s="1" t="s">
        <v>54819</v>
      </c>
      <c r="C17289" s="1" t="s">
        <v>36808</v>
      </c>
      <c r="D17289" s="2">
        <v>170117</v>
      </c>
      <c r="E17289" s="1" t="s">
        <v>0</v>
      </c>
    </row>
    <row r="17290" spans="1:5" ht="409.5" x14ac:dyDescent="0.25">
      <c r="A17290" s="4" t="s">
        <v>36809</v>
      </c>
      <c r="B17290" s="1" t="s">
        <v>54820</v>
      </c>
      <c r="C17290" s="1" t="s">
        <v>36810</v>
      </c>
      <c r="D17290" s="2">
        <v>170118</v>
      </c>
      <c r="E17290" s="1" t="s">
        <v>0</v>
      </c>
    </row>
    <row r="17291" spans="1:5" x14ac:dyDescent="0.25">
      <c r="A17291" s="1" t="s">
        <v>13413</v>
      </c>
      <c r="B17291" s="1" t="s">
        <v>60845</v>
      </c>
      <c r="C17291" s="1" t="s">
        <v>13414</v>
      </c>
      <c r="D17291" s="2">
        <v>170119</v>
      </c>
      <c r="E17291" s="1" t="s">
        <v>0</v>
      </c>
    </row>
    <row r="17292" spans="1:5" x14ac:dyDescent="0.25">
      <c r="A17292" s="2">
        <v>3458</v>
      </c>
      <c r="B17292" s="2">
        <v>3458</v>
      </c>
      <c r="C17292" s="1" t="s">
        <v>0</v>
      </c>
      <c r="D17292" s="2">
        <v>170120</v>
      </c>
      <c r="E17292" s="1" t="s">
        <v>0</v>
      </c>
    </row>
    <row r="17293" spans="1:5" x14ac:dyDescent="0.25">
      <c r="A17293" s="1" t="s">
        <v>3153</v>
      </c>
      <c r="B17293" s="1" t="s">
        <v>58479</v>
      </c>
      <c r="C17293" s="1" t="s">
        <v>36811</v>
      </c>
      <c r="D17293" s="2">
        <v>170121</v>
      </c>
      <c r="E17293" s="1" t="s">
        <v>0</v>
      </c>
    </row>
    <row r="17294" spans="1:5" x14ac:dyDescent="0.25">
      <c r="A17294" s="1" t="s">
        <v>36812</v>
      </c>
      <c r="B17294" s="1" t="s">
        <v>62704</v>
      </c>
      <c r="C17294" s="1" t="s">
        <v>36813</v>
      </c>
      <c r="D17294" s="2">
        <v>170122</v>
      </c>
      <c r="E17294" s="1" t="s">
        <v>0</v>
      </c>
    </row>
    <row r="17295" spans="1:5" ht="409.5" x14ac:dyDescent="0.25">
      <c r="A17295" s="4" t="s">
        <v>36814</v>
      </c>
      <c r="B17295" s="1" t="s">
        <v>62705</v>
      </c>
      <c r="C17295" s="1" t="s">
        <v>36815</v>
      </c>
      <c r="D17295" s="2">
        <v>170123</v>
      </c>
      <c r="E17295" s="1" t="s">
        <v>0</v>
      </c>
    </row>
    <row r="17296" spans="1:5" x14ac:dyDescent="0.25">
      <c r="A17296" s="1" t="s">
        <v>36816</v>
      </c>
      <c r="B17296" s="1" t="s">
        <v>54821</v>
      </c>
      <c r="C17296" s="1" t="s">
        <v>36817</v>
      </c>
      <c r="D17296" s="2">
        <v>170124</v>
      </c>
      <c r="E17296" s="1" t="s">
        <v>0</v>
      </c>
    </row>
    <row r="17297" spans="1:5" x14ac:dyDescent="0.25">
      <c r="A17297" s="2">
        <v>3459</v>
      </c>
      <c r="B17297" s="2">
        <v>3459</v>
      </c>
      <c r="C17297" s="1" t="s">
        <v>0</v>
      </c>
      <c r="D17297" s="2">
        <v>170125</v>
      </c>
      <c r="E17297" s="1" t="s">
        <v>0</v>
      </c>
    </row>
    <row r="17298" spans="1:5" x14ac:dyDescent="0.25">
      <c r="A17298" s="1" t="s">
        <v>3154</v>
      </c>
      <c r="B17298" s="1" t="s">
        <v>9983</v>
      </c>
      <c r="C17298" s="1" t="s">
        <v>36818</v>
      </c>
      <c r="D17298" s="2">
        <v>170126</v>
      </c>
      <c r="E17298" s="1" t="s">
        <v>0</v>
      </c>
    </row>
    <row r="17299" spans="1:5" x14ac:dyDescent="0.25">
      <c r="A17299" s="1" t="s">
        <v>36819</v>
      </c>
      <c r="B17299" s="1" t="s">
        <v>57281</v>
      </c>
      <c r="C17299" s="1" t="s">
        <v>36820</v>
      </c>
      <c r="D17299" s="2">
        <v>170127</v>
      </c>
      <c r="E17299" s="1" t="s">
        <v>0</v>
      </c>
    </row>
    <row r="17300" spans="1:5" ht="409.5" x14ac:dyDescent="0.25">
      <c r="A17300" s="4" t="s">
        <v>36821</v>
      </c>
      <c r="B17300" s="1" t="s">
        <v>57282</v>
      </c>
      <c r="C17300" s="1" t="s">
        <v>36822</v>
      </c>
      <c r="D17300" s="2">
        <v>170128</v>
      </c>
      <c r="E17300" s="1" t="s">
        <v>0</v>
      </c>
    </row>
    <row r="17301" spans="1:5" x14ac:dyDescent="0.25">
      <c r="A17301" s="1" t="s">
        <v>36823</v>
      </c>
      <c r="B17301" s="1" t="s">
        <v>9984</v>
      </c>
      <c r="C17301" s="1" t="s">
        <v>36824</v>
      </c>
      <c r="D17301" s="2">
        <v>170129</v>
      </c>
      <c r="E17301" s="1" t="s">
        <v>0</v>
      </c>
    </row>
    <row r="17302" spans="1:5" x14ac:dyDescent="0.25">
      <c r="A17302" s="2">
        <v>3460</v>
      </c>
      <c r="B17302" s="2">
        <v>3460</v>
      </c>
      <c r="C17302" s="1" t="s">
        <v>0</v>
      </c>
      <c r="D17302" s="2">
        <v>170130</v>
      </c>
      <c r="E17302" s="1" t="s">
        <v>0</v>
      </c>
    </row>
    <row r="17303" spans="1:5" x14ac:dyDescent="0.25">
      <c r="A17303" s="1" t="s">
        <v>3155</v>
      </c>
      <c r="B17303" s="1" t="s">
        <v>9985</v>
      </c>
      <c r="C17303" s="1" t="s">
        <v>36825</v>
      </c>
      <c r="D17303" s="2">
        <v>170131</v>
      </c>
      <c r="E17303" s="1" t="s">
        <v>0</v>
      </c>
    </row>
    <row r="17304" spans="1:5" x14ac:dyDescent="0.25">
      <c r="A17304" s="1" t="s">
        <v>36826</v>
      </c>
      <c r="B17304" s="1" t="s">
        <v>62706</v>
      </c>
      <c r="C17304" s="1" t="s">
        <v>36827</v>
      </c>
      <c r="D17304" s="2">
        <v>170132</v>
      </c>
      <c r="E17304" s="1" t="s">
        <v>0</v>
      </c>
    </row>
    <row r="17305" spans="1:5" ht="409.5" x14ac:dyDescent="0.25">
      <c r="A17305" s="4" t="s">
        <v>36828</v>
      </c>
      <c r="B17305" s="1" t="s">
        <v>62707</v>
      </c>
      <c r="C17305" s="1" t="s">
        <v>36829</v>
      </c>
      <c r="D17305" s="2">
        <v>170133</v>
      </c>
      <c r="E17305" s="1" t="s">
        <v>0</v>
      </c>
    </row>
    <row r="17306" spans="1:5" x14ac:dyDescent="0.25">
      <c r="A17306" s="1" t="s">
        <v>36830</v>
      </c>
      <c r="B17306" s="1" t="s">
        <v>54822</v>
      </c>
      <c r="C17306" s="1" t="s">
        <v>36831</v>
      </c>
      <c r="D17306" s="2">
        <v>170134</v>
      </c>
      <c r="E17306" s="1" t="s">
        <v>0</v>
      </c>
    </row>
    <row r="17307" spans="1:5" x14ac:dyDescent="0.25">
      <c r="A17307" s="2">
        <v>3461</v>
      </c>
      <c r="B17307" s="2">
        <v>3461</v>
      </c>
      <c r="C17307" s="1" t="s">
        <v>0</v>
      </c>
      <c r="D17307" s="2">
        <v>170135</v>
      </c>
      <c r="E17307" s="1" t="s">
        <v>0</v>
      </c>
    </row>
    <row r="17308" spans="1:5" x14ac:dyDescent="0.25">
      <c r="A17308" s="1" t="s">
        <v>3156</v>
      </c>
      <c r="B17308" s="1" t="s">
        <v>9986</v>
      </c>
      <c r="C17308" s="1" t="s">
        <v>36832</v>
      </c>
      <c r="D17308" s="2">
        <v>170136</v>
      </c>
      <c r="E17308" s="1" t="s">
        <v>0</v>
      </c>
    </row>
    <row r="17309" spans="1:5" x14ac:dyDescent="0.25">
      <c r="A17309" s="1" t="s">
        <v>36833</v>
      </c>
      <c r="B17309" s="1" t="s">
        <v>56817</v>
      </c>
      <c r="C17309" s="1" t="s">
        <v>36834</v>
      </c>
      <c r="D17309" s="2">
        <v>170137</v>
      </c>
      <c r="E17309" s="1" t="s">
        <v>0</v>
      </c>
    </row>
    <row r="17310" spans="1:5" ht="409.5" x14ac:dyDescent="0.25">
      <c r="A17310" s="4" t="s">
        <v>36835</v>
      </c>
      <c r="B17310" s="1" t="s">
        <v>63767</v>
      </c>
      <c r="C17310" s="1" t="s">
        <v>36836</v>
      </c>
      <c r="D17310" s="2">
        <v>170138</v>
      </c>
      <c r="E17310" s="1" t="s">
        <v>0</v>
      </c>
    </row>
    <row r="17311" spans="1:5" x14ac:dyDescent="0.25">
      <c r="A17311" s="1" t="s">
        <v>36837</v>
      </c>
      <c r="B17311" s="1" t="s">
        <v>54823</v>
      </c>
      <c r="C17311" s="1" t="s">
        <v>36838</v>
      </c>
      <c r="D17311" s="2">
        <v>170139</v>
      </c>
      <c r="E17311" s="1" t="s">
        <v>0</v>
      </c>
    </row>
    <row r="17312" spans="1:5" x14ac:dyDescent="0.25">
      <c r="A17312" s="2">
        <v>3462</v>
      </c>
      <c r="B17312" s="2">
        <v>3462</v>
      </c>
      <c r="C17312" s="1" t="s">
        <v>0</v>
      </c>
      <c r="D17312" s="2">
        <v>170140</v>
      </c>
      <c r="E17312" s="1" t="s">
        <v>0</v>
      </c>
    </row>
    <row r="17313" spans="1:5" x14ac:dyDescent="0.25">
      <c r="A17313" s="1" t="s">
        <v>9987</v>
      </c>
      <c r="B17313" s="1" t="s">
        <v>9988</v>
      </c>
      <c r="C17313" s="1" t="s">
        <v>36839</v>
      </c>
      <c r="D17313" s="2">
        <v>170141</v>
      </c>
      <c r="E17313" s="1" t="s">
        <v>0</v>
      </c>
    </row>
    <row r="17314" spans="1:5" x14ac:dyDescent="0.25">
      <c r="A17314" s="1" t="s">
        <v>36840</v>
      </c>
      <c r="B17314" s="1" t="s">
        <v>62708</v>
      </c>
      <c r="C17314" s="1" t="s">
        <v>36841</v>
      </c>
      <c r="D17314" s="2">
        <v>170142</v>
      </c>
      <c r="E17314" s="1" t="s">
        <v>0</v>
      </c>
    </row>
    <row r="17315" spans="1:5" ht="409.5" x14ac:dyDescent="0.25">
      <c r="A17315" s="4" t="s">
        <v>36842</v>
      </c>
      <c r="B17315" s="1" t="s">
        <v>62709</v>
      </c>
      <c r="C17315" s="1" t="s">
        <v>36843</v>
      </c>
      <c r="D17315" s="2">
        <v>170143</v>
      </c>
      <c r="E17315" s="1" t="s">
        <v>0</v>
      </c>
    </row>
    <row r="17316" spans="1:5" x14ac:dyDescent="0.25">
      <c r="A17316" s="1" t="s">
        <v>36844</v>
      </c>
      <c r="B17316" s="1" t="s">
        <v>54824</v>
      </c>
      <c r="C17316" s="1" t="s">
        <v>36845</v>
      </c>
      <c r="D17316" s="2">
        <v>170144</v>
      </c>
      <c r="E17316" s="1" t="s">
        <v>0</v>
      </c>
    </row>
    <row r="17317" spans="1:5" x14ac:dyDescent="0.25">
      <c r="A17317" s="2">
        <v>3463</v>
      </c>
      <c r="B17317" s="2">
        <v>3463</v>
      </c>
      <c r="C17317" s="1" t="s">
        <v>0</v>
      </c>
      <c r="D17317" s="2">
        <v>170145</v>
      </c>
      <c r="E17317" s="1" t="s">
        <v>0</v>
      </c>
    </row>
    <row r="17318" spans="1:5" x14ac:dyDescent="0.25">
      <c r="A17318" s="1" t="s">
        <v>3157</v>
      </c>
      <c r="B17318" s="1" t="s">
        <v>9989</v>
      </c>
      <c r="C17318" s="1" t="s">
        <v>36846</v>
      </c>
      <c r="D17318" s="2">
        <v>170146</v>
      </c>
      <c r="E17318" s="1" t="s">
        <v>0</v>
      </c>
    </row>
    <row r="17319" spans="1:5" x14ac:dyDescent="0.25">
      <c r="A17319" s="1" t="s">
        <v>36847</v>
      </c>
      <c r="B17319" s="1" t="s">
        <v>60766</v>
      </c>
      <c r="C17319" s="1" t="s">
        <v>36848</v>
      </c>
      <c r="D17319" s="2">
        <v>170147</v>
      </c>
      <c r="E17319" s="1" t="s">
        <v>0</v>
      </c>
    </row>
    <row r="17320" spans="1:5" ht="409.5" x14ac:dyDescent="0.25">
      <c r="A17320" s="4" t="s">
        <v>36849</v>
      </c>
      <c r="B17320" s="1" t="s">
        <v>60767</v>
      </c>
      <c r="C17320" s="1" t="s">
        <v>36850</v>
      </c>
      <c r="D17320" s="2">
        <v>170148</v>
      </c>
      <c r="E17320" s="1" t="s">
        <v>0</v>
      </c>
    </row>
    <row r="17321" spans="1:5" x14ac:dyDescent="0.25">
      <c r="A17321" s="1" t="s">
        <v>36851</v>
      </c>
      <c r="B17321" s="1" t="s">
        <v>54825</v>
      </c>
      <c r="C17321" s="1" t="s">
        <v>36852</v>
      </c>
      <c r="D17321" s="2">
        <v>170149</v>
      </c>
      <c r="E17321" s="1" t="s">
        <v>0</v>
      </c>
    </row>
    <row r="17322" spans="1:5" x14ac:dyDescent="0.25">
      <c r="A17322" s="2">
        <v>3464</v>
      </c>
      <c r="B17322" s="2">
        <v>3464</v>
      </c>
      <c r="C17322" s="1" t="s">
        <v>0</v>
      </c>
      <c r="D17322" s="2">
        <v>170150</v>
      </c>
      <c r="E17322" s="1" t="s">
        <v>0</v>
      </c>
    </row>
    <row r="17323" spans="1:5" x14ac:dyDescent="0.25">
      <c r="A17323" s="1" t="s">
        <v>3158</v>
      </c>
      <c r="B17323" s="1" t="s">
        <v>9990</v>
      </c>
      <c r="C17323" s="1" t="s">
        <v>36853</v>
      </c>
      <c r="D17323" s="2">
        <v>170151</v>
      </c>
      <c r="E17323" s="1" t="s">
        <v>0</v>
      </c>
    </row>
    <row r="17324" spans="1:5" x14ac:dyDescent="0.25">
      <c r="A17324" s="1" t="s">
        <v>36854</v>
      </c>
      <c r="B17324" s="1" t="s">
        <v>54826</v>
      </c>
      <c r="C17324" s="1" t="s">
        <v>36855</v>
      </c>
      <c r="D17324" s="2">
        <v>170152</v>
      </c>
      <c r="E17324" s="1" t="s">
        <v>0</v>
      </c>
    </row>
    <row r="17325" spans="1:5" ht="409.5" x14ac:dyDescent="0.25">
      <c r="A17325" s="4" t="s">
        <v>36856</v>
      </c>
      <c r="B17325" s="1" t="s">
        <v>63445</v>
      </c>
      <c r="C17325" s="1" t="s">
        <v>36857</v>
      </c>
      <c r="D17325" s="2">
        <v>170153</v>
      </c>
      <c r="E17325" s="1" t="s">
        <v>0</v>
      </c>
    </row>
    <row r="17326" spans="1:5" x14ac:dyDescent="0.25">
      <c r="A17326" s="1" t="s">
        <v>36858</v>
      </c>
      <c r="B17326" s="1" t="s">
        <v>54827</v>
      </c>
      <c r="C17326" s="1" t="s">
        <v>36859</v>
      </c>
      <c r="D17326" s="2">
        <v>170154</v>
      </c>
      <c r="E17326" s="1" t="s">
        <v>0</v>
      </c>
    </row>
    <row r="17327" spans="1:5" x14ac:dyDescent="0.25">
      <c r="A17327" s="2">
        <v>3465</v>
      </c>
      <c r="B17327" s="2">
        <v>3465</v>
      </c>
      <c r="C17327" s="1" t="s">
        <v>0</v>
      </c>
      <c r="D17327" s="2">
        <v>170155</v>
      </c>
      <c r="E17327" s="1" t="s">
        <v>0</v>
      </c>
    </row>
    <row r="17328" spans="1:5" x14ac:dyDescent="0.25">
      <c r="A17328" s="1" t="s">
        <v>9991</v>
      </c>
      <c r="B17328" s="1" t="s">
        <v>9992</v>
      </c>
      <c r="C17328" s="1" t="s">
        <v>36860</v>
      </c>
      <c r="D17328" s="2">
        <v>170156</v>
      </c>
      <c r="E17328" s="1" t="s">
        <v>0</v>
      </c>
    </row>
    <row r="17329" spans="1:5" x14ac:dyDescent="0.25">
      <c r="A17329" s="1" t="s">
        <v>36861</v>
      </c>
      <c r="B17329" s="1" t="s">
        <v>9993</v>
      </c>
      <c r="C17329" s="1" t="s">
        <v>36862</v>
      </c>
      <c r="D17329" s="2">
        <v>170157</v>
      </c>
      <c r="E17329" s="1" t="s">
        <v>0</v>
      </c>
    </row>
    <row r="17330" spans="1:5" ht="409.5" x14ac:dyDescent="0.25">
      <c r="A17330" s="4" t="s">
        <v>36863</v>
      </c>
      <c r="B17330" s="1" t="s">
        <v>58806</v>
      </c>
      <c r="C17330" s="1" t="s">
        <v>36864</v>
      </c>
      <c r="D17330" s="2">
        <v>170158</v>
      </c>
      <c r="E17330" s="1" t="s">
        <v>0</v>
      </c>
    </row>
    <row r="17331" spans="1:5" x14ac:dyDescent="0.25">
      <c r="A17331" s="1" t="s">
        <v>36865</v>
      </c>
      <c r="B17331" s="1" t="s">
        <v>54828</v>
      </c>
      <c r="C17331" s="1" t="s">
        <v>36866</v>
      </c>
      <c r="D17331" s="2">
        <v>170159</v>
      </c>
      <c r="E17331" s="1" t="s">
        <v>0</v>
      </c>
    </row>
    <row r="17332" spans="1:5" x14ac:dyDescent="0.25">
      <c r="A17332" s="2">
        <v>3466</v>
      </c>
      <c r="B17332" s="2">
        <v>3466</v>
      </c>
      <c r="C17332" s="1" t="s">
        <v>0</v>
      </c>
      <c r="D17332" s="2">
        <v>170160</v>
      </c>
      <c r="E17332" s="1" t="s">
        <v>0</v>
      </c>
    </row>
    <row r="17333" spans="1:5" x14ac:dyDescent="0.25">
      <c r="A17333" s="1" t="s">
        <v>3159</v>
      </c>
      <c r="B17333" s="1" t="s">
        <v>9994</v>
      </c>
      <c r="C17333" s="1" t="s">
        <v>36867</v>
      </c>
      <c r="D17333" s="2">
        <v>170161</v>
      </c>
      <c r="E17333" s="1" t="s">
        <v>0</v>
      </c>
    </row>
    <row r="17334" spans="1:5" x14ac:dyDescent="0.25">
      <c r="A17334" s="1" t="s">
        <v>36868</v>
      </c>
      <c r="B17334" s="1" t="s">
        <v>60130</v>
      </c>
      <c r="C17334" s="1" t="s">
        <v>36869</v>
      </c>
      <c r="D17334" s="2">
        <v>170162</v>
      </c>
      <c r="E17334" s="1" t="s">
        <v>0</v>
      </c>
    </row>
    <row r="17335" spans="1:5" ht="409.5" x14ac:dyDescent="0.25">
      <c r="A17335" s="4" t="s">
        <v>36870</v>
      </c>
      <c r="B17335" s="1" t="s">
        <v>60131</v>
      </c>
      <c r="C17335" s="1" t="s">
        <v>36871</v>
      </c>
      <c r="D17335" s="2">
        <v>170163</v>
      </c>
      <c r="E17335" s="1" t="s">
        <v>0</v>
      </c>
    </row>
    <row r="17336" spans="1:5" x14ac:dyDescent="0.25">
      <c r="A17336" s="1" t="s">
        <v>36872</v>
      </c>
      <c r="B17336" s="1" t="s">
        <v>57283</v>
      </c>
      <c r="C17336" s="1" t="s">
        <v>36873</v>
      </c>
      <c r="D17336" s="2">
        <v>170164</v>
      </c>
      <c r="E17336" s="1" t="s">
        <v>0</v>
      </c>
    </row>
    <row r="17337" spans="1:5" x14ac:dyDescent="0.25">
      <c r="A17337" s="2">
        <v>3467</v>
      </c>
      <c r="B17337" s="2">
        <v>3467</v>
      </c>
      <c r="C17337" s="1" t="s">
        <v>0</v>
      </c>
      <c r="D17337" s="2">
        <v>170165</v>
      </c>
      <c r="E17337" s="1" t="s">
        <v>0</v>
      </c>
    </row>
    <row r="17338" spans="1:5" x14ac:dyDescent="0.25">
      <c r="A17338" s="1" t="s">
        <v>3160</v>
      </c>
      <c r="B17338" s="1" t="s">
        <v>9995</v>
      </c>
      <c r="C17338" s="1" t="s">
        <v>36874</v>
      </c>
      <c r="D17338" s="2">
        <v>170166</v>
      </c>
      <c r="E17338" s="1" t="s">
        <v>0</v>
      </c>
    </row>
    <row r="17339" spans="1:5" x14ac:dyDescent="0.25">
      <c r="A17339" s="1" t="s">
        <v>36875</v>
      </c>
      <c r="B17339" s="1" t="s">
        <v>62710</v>
      </c>
      <c r="C17339" s="1" t="s">
        <v>36876</v>
      </c>
      <c r="D17339" s="2">
        <v>170167</v>
      </c>
      <c r="E17339" s="1" t="s">
        <v>0</v>
      </c>
    </row>
    <row r="17340" spans="1:5" ht="409.5" x14ac:dyDescent="0.25">
      <c r="A17340" s="4" t="s">
        <v>36877</v>
      </c>
      <c r="B17340" s="1" t="s">
        <v>62711</v>
      </c>
      <c r="C17340" s="1" t="s">
        <v>36878</v>
      </c>
      <c r="D17340" s="2">
        <v>170168</v>
      </c>
      <c r="E17340" s="1" t="s">
        <v>0</v>
      </c>
    </row>
    <row r="17341" spans="1:5" x14ac:dyDescent="0.25">
      <c r="A17341" s="1" t="s">
        <v>36879</v>
      </c>
      <c r="B17341" s="1" t="s">
        <v>54829</v>
      </c>
      <c r="C17341" s="1" t="s">
        <v>36880</v>
      </c>
      <c r="D17341" s="2">
        <v>170169</v>
      </c>
      <c r="E17341" s="1" t="s">
        <v>0</v>
      </c>
    </row>
    <row r="17342" spans="1:5" x14ac:dyDescent="0.25">
      <c r="A17342" s="2">
        <v>3468</v>
      </c>
      <c r="B17342" s="2">
        <v>3468</v>
      </c>
      <c r="C17342" s="1" t="s">
        <v>0</v>
      </c>
      <c r="D17342" s="2">
        <v>170170</v>
      </c>
      <c r="E17342" s="1" t="s">
        <v>0</v>
      </c>
    </row>
    <row r="17343" spans="1:5" x14ac:dyDescent="0.25">
      <c r="A17343" s="1" t="s">
        <v>3161</v>
      </c>
      <c r="B17343" s="1" t="s">
        <v>9996</v>
      </c>
      <c r="C17343" s="1" t="s">
        <v>36881</v>
      </c>
      <c r="D17343" s="2">
        <v>170171</v>
      </c>
      <c r="E17343" s="1" t="s">
        <v>0</v>
      </c>
    </row>
    <row r="17344" spans="1:5" x14ac:dyDescent="0.25">
      <c r="A17344" s="1" t="s">
        <v>36882</v>
      </c>
      <c r="B17344" s="1" t="s">
        <v>50892</v>
      </c>
      <c r="C17344" s="1" t="s">
        <v>36883</v>
      </c>
      <c r="D17344" s="2">
        <v>170172</v>
      </c>
      <c r="E17344" s="1" t="s">
        <v>0</v>
      </c>
    </row>
    <row r="17345" spans="1:5" ht="409.5" x14ac:dyDescent="0.25">
      <c r="A17345" s="4" t="s">
        <v>36884</v>
      </c>
      <c r="B17345" s="1" t="s">
        <v>57925</v>
      </c>
      <c r="C17345" s="1" t="s">
        <v>36885</v>
      </c>
      <c r="D17345" s="2">
        <v>170173</v>
      </c>
      <c r="E17345" s="1" t="s">
        <v>0</v>
      </c>
    </row>
    <row r="17346" spans="1:5" x14ac:dyDescent="0.25">
      <c r="A17346" s="1" t="s">
        <v>36886</v>
      </c>
      <c r="B17346" s="1" t="s">
        <v>54830</v>
      </c>
      <c r="C17346" s="1" t="s">
        <v>36887</v>
      </c>
      <c r="D17346" s="2">
        <v>170174</v>
      </c>
      <c r="E17346" s="1" t="s">
        <v>0</v>
      </c>
    </row>
    <row r="17347" spans="1:5" x14ac:dyDescent="0.25">
      <c r="A17347" s="2">
        <v>3469</v>
      </c>
      <c r="B17347" s="2">
        <v>3469</v>
      </c>
      <c r="C17347" s="1" t="s">
        <v>0</v>
      </c>
      <c r="D17347" s="2">
        <v>170175</v>
      </c>
      <c r="E17347" s="1" t="s">
        <v>0</v>
      </c>
    </row>
    <row r="17348" spans="1:5" x14ac:dyDescent="0.25">
      <c r="A17348" s="1" t="s">
        <v>3162</v>
      </c>
      <c r="B17348" s="1" t="s">
        <v>57578</v>
      </c>
      <c r="C17348" s="1" t="s">
        <v>36888</v>
      </c>
      <c r="D17348" s="2">
        <v>170176</v>
      </c>
      <c r="E17348" s="1" t="s">
        <v>0</v>
      </c>
    </row>
    <row r="17349" spans="1:5" x14ac:dyDescent="0.25">
      <c r="A17349" s="1" t="s">
        <v>61850</v>
      </c>
      <c r="B17349" s="1" t="s">
        <v>54831</v>
      </c>
      <c r="C17349" s="1" t="s">
        <v>36889</v>
      </c>
      <c r="D17349" s="2">
        <v>170177</v>
      </c>
      <c r="E17349" s="1" t="s">
        <v>0</v>
      </c>
    </row>
    <row r="17350" spans="1:5" ht="409.5" x14ac:dyDescent="0.25">
      <c r="A17350" s="4" t="s">
        <v>61851</v>
      </c>
      <c r="B17350" s="1" t="s">
        <v>57926</v>
      </c>
      <c r="C17350" s="1" t="s">
        <v>36890</v>
      </c>
      <c r="D17350" s="2">
        <v>170178</v>
      </c>
      <c r="E17350" s="1" t="s">
        <v>0</v>
      </c>
    </row>
    <row r="17351" spans="1:5" x14ac:dyDescent="0.25">
      <c r="A17351" s="1" t="s">
        <v>36891</v>
      </c>
      <c r="B17351" s="1" t="s">
        <v>54832</v>
      </c>
      <c r="C17351" s="1" t="s">
        <v>36892</v>
      </c>
      <c r="D17351" s="2">
        <v>170179</v>
      </c>
      <c r="E17351" s="1" t="s">
        <v>0</v>
      </c>
    </row>
    <row r="17352" spans="1:5" x14ac:dyDescent="0.25">
      <c r="A17352" s="2">
        <v>3470</v>
      </c>
      <c r="B17352" s="2">
        <v>3470</v>
      </c>
      <c r="C17352" s="1" t="s">
        <v>0</v>
      </c>
      <c r="D17352" s="2">
        <v>170180</v>
      </c>
      <c r="E17352" s="1" t="s">
        <v>0</v>
      </c>
    </row>
    <row r="17353" spans="1:5" x14ac:dyDescent="0.25">
      <c r="A17353" s="1" t="s">
        <v>3163</v>
      </c>
      <c r="B17353" s="1" t="s">
        <v>9997</v>
      </c>
      <c r="C17353" s="1" t="s">
        <v>36893</v>
      </c>
      <c r="D17353" s="2">
        <v>170181</v>
      </c>
      <c r="E17353" s="1" t="s">
        <v>0</v>
      </c>
    </row>
    <row r="17354" spans="1:5" x14ac:dyDescent="0.25">
      <c r="A17354" s="1" t="s">
        <v>36894</v>
      </c>
      <c r="B17354" s="1" t="s">
        <v>9998</v>
      </c>
      <c r="C17354" s="1" t="s">
        <v>36895</v>
      </c>
      <c r="D17354" s="2">
        <v>170182</v>
      </c>
      <c r="E17354" s="1" t="s">
        <v>0</v>
      </c>
    </row>
    <row r="17355" spans="1:5" ht="409.5" x14ac:dyDescent="0.25">
      <c r="A17355" s="4" t="s">
        <v>36896</v>
      </c>
      <c r="B17355" s="1" t="s">
        <v>59655</v>
      </c>
      <c r="C17355" s="1" t="s">
        <v>36897</v>
      </c>
      <c r="D17355" s="2">
        <v>170183</v>
      </c>
      <c r="E17355" s="1" t="s">
        <v>0</v>
      </c>
    </row>
    <row r="17356" spans="1:5" x14ac:dyDescent="0.25">
      <c r="A17356" s="1" t="s">
        <v>36898</v>
      </c>
      <c r="B17356" s="1" t="s">
        <v>54833</v>
      </c>
      <c r="C17356" s="1" t="s">
        <v>36899</v>
      </c>
      <c r="D17356" s="2">
        <v>170184</v>
      </c>
      <c r="E17356" s="1" t="s">
        <v>0</v>
      </c>
    </row>
    <row r="17357" spans="1:5" x14ac:dyDescent="0.25">
      <c r="A17357" s="2">
        <v>3471</v>
      </c>
      <c r="B17357" s="2">
        <v>3471</v>
      </c>
      <c r="C17357" s="1" t="s">
        <v>0</v>
      </c>
      <c r="D17357" s="2">
        <v>170185</v>
      </c>
      <c r="E17357" s="1" t="s">
        <v>0</v>
      </c>
    </row>
    <row r="17358" spans="1:5" x14ac:dyDescent="0.25">
      <c r="A17358" s="1" t="s">
        <v>9999</v>
      </c>
      <c r="B17358" s="1" t="s">
        <v>10000</v>
      </c>
      <c r="C17358" s="1" t="s">
        <v>36900</v>
      </c>
      <c r="D17358" s="2">
        <v>170186</v>
      </c>
      <c r="E17358" s="1" t="s">
        <v>0</v>
      </c>
    </row>
    <row r="17359" spans="1:5" x14ac:dyDescent="0.25">
      <c r="A17359" s="1" t="s">
        <v>36901</v>
      </c>
      <c r="B17359" s="1" t="s">
        <v>10001</v>
      </c>
      <c r="C17359" s="1" t="s">
        <v>36902</v>
      </c>
      <c r="D17359" s="2">
        <v>170187</v>
      </c>
      <c r="E17359" s="1" t="s">
        <v>0</v>
      </c>
    </row>
    <row r="17360" spans="1:5" ht="409.5" x14ac:dyDescent="0.25">
      <c r="A17360" s="4" t="s">
        <v>36903</v>
      </c>
      <c r="B17360" s="1" t="s">
        <v>56818</v>
      </c>
      <c r="C17360" s="1" t="s">
        <v>36904</v>
      </c>
      <c r="D17360" s="2">
        <v>170188</v>
      </c>
      <c r="E17360" s="1" t="s">
        <v>0</v>
      </c>
    </row>
    <row r="17361" spans="1:5" x14ac:dyDescent="0.25">
      <c r="A17361" s="1" t="s">
        <v>36905</v>
      </c>
      <c r="B17361" s="1" t="s">
        <v>10002</v>
      </c>
      <c r="C17361" s="1" t="s">
        <v>36906</v>
      </c>
      <c r="D17361" s="2">
        <v>170189</v>
      </c>
      <c r="E17361" s="1" t="s">
        <v>0</v>
      </c>
    </row>
    <row r="17362" spans="1:5" x14ac:dyDescent="0.25">
      <c r="A17362" s="2">
        <v>3472</v>
      </c>
      <c r="B17362" s="2">
        <v>3472</v>
      </c>
      <c r="C17362" s="1" t="s">
        <v>0</v>
      </c>
      <c r="D17362" s="2">
        <v>170190</v>
      </c>
      <c r="E17362" s="1" t="s">
        <v>0</v>
      </c>
    </row>
    <row r="17363" spans="1:5" x14ac:dyDescent="0.25">
      <c r="A17363" s="1" t="s">
        <v>3164</v>
      </c>
      <c r="B17363" s="1" t="s">
        <v>10003</v>
      </c>
      <c r="C17363" s="1" t="s">
        <v>36907</v>
      </c>
      <c r="D17363" s="2">
        <v>170191</v>
      </c>
      <c r="E17363" s="1" t="s">
        <v>0</v>
      </c>
    </row>
    <row r="17364" spans="1:5" x14ac:dyDescent="0.25">
      <c r="A17364" s="1" t="s">
        <v>36908</v>
      </c>
      <c r="B17364" s="1" t="s">
        <v>10004</v>
      </c>
      <c r="C17364" s="1" t="s">
        <v>36909</v>
      </c>
      <c r="D17364" s="2">
        <v>170192</v>
      </c>
      <c r="E17364" s="1" t="s">
        <v>0</v>
      </c>
    </row>
    <row r="17365" spans="1:5" ht="409.5" x14ac:dyDescent="0.25">
      <c r="A17365" s="4" t="s">
        <v>36910</v>
      </c>
      <c r="B17365" s="1" t="s">
        <v>60827</v>
      </c>
      <c r="C17365" s="1" t="s">
        <v>36911</v>
      </c>
      <c r="D17365" s="2">
        <v>170193</v>
      </c>
      <c r="E17365" s="1" t="s">
        <v>0</v>
      </c>
    </row>
    <row r="17366" spans="1:5" x14ac:dyDescent="0.25">
      <c r="A17366" s="1" t="s">
        <v>36912</v>
      </c>
      <c r="B17366" s="1" t="s">
        <v>54834</v>
      </c>
      <c r="C17366" s="1" t="s">
        <v>36913</v>
      </c>
      <c r="D17366" s="2">
        <v>170194</v>
      </c>
      <c r="E17366" s="1" t="s">
        <v>0</v>
      </c>
    </row>
    <row r="17367" spans="1:5" x14ac:dyDescent="0.25">
      <c r="A17367" s="2">
        <v>3473</v>
      </c>
      <c r="B17367" s="2">
        <v>3473</v>
      </c>
      <c r="C17367" s="1" t="s">
        <v>0</v>
      </c>
      <c r="D17367" s="2">
        <v>170195</v>
      </c>
      <c r="E17367" s="1" t="s">
        <v>0</v>
      </c>
    </row>
    <row r="17368" spans="1:5" x14ac:dyDescent="0.25">
      <c r="A17368" s="1" t="s">
        <v>3165</v>
      </c>
      <c r="B17368" s="1" t="s">
        <v>10005</v>
      </c>
      <c r="C17368" s="1" t="s">
        <v>36914</v>
      </c>
      <c r="D17368" s="2">
        <v>170196</v>
      </c>
      <c r="E17368" s="1" t="s">
        <v>0</v>
      </c>
    </row>
    <row r="17369" spans="1:5" x14ac:dyDescent="0.25">
      <c r="A17369" s="1" t="s">
        <v>36915</v>
      </c>
      <c r="B17369" s="1" t="s">
        <v>54835</v>
      </c>
      <c r="C17369" s="1" t="s">
        <v>36916</v>
      </c>
      <c r="D17369" s="2">
        <v>170197</v>
      </c>
      <c r="E17369" s="1" t="s">
        <v>0</v>
      </c>
    </row>
    <row r="17370" spans="1:5" ht="409.5" x14ac:dyDescent="0.25">
      <c r="A17370" s="4" t="s">
        <v>36917</v>
      </c>
      <c r="B17370" s="1" t="s">
        <v>54836</v>
      </c>
      <c r="C17370" s="1" t="s">
        <v>36918</v>
      </c>
      <c r="D17370" s="2">
        <v>170198</v>
      </c>
      <c r="E17370" s="1" t="s">
        <v>0</v>
      </c>
    </row>
    <row r="17371" spans="1:5" x14ac:dyDescent="0.25">
      <c r="A17371" s="1" t="s">
        <v>36919</v>
      </c>
      <c r="B17371" s="1" t="s">
        <v>10006</v>
      </c>
      <c r="C17371" s="1" t="s">
        <v>36920</v>
      </c>
      <c r="D17371" s="2">
        <v>170199</v>
      </c>
      <c r="E17371" s="1" t="s">
        <v>0</v>
      </c>
    </row>
    <row r="17372" spans="1:5" x14ac:dyDescent="0.25">
      <c r="A17372" s="2">
        <v>3474</v>
      </c>
      <c r="B17372" s="2">
        <v>3474</v>
      </c>
      <c r="C17372" s="1" t="s">
        <v>0</v>
      </c>
      <c r="D17372" s="2">
        <v>170200</v>
      </c>
      <c r="E17372" s="1" t="s">
        <v>0</v>
      </c>
    </row>
    <row r="17373" spans="1:5" x14ac:dyDescent="0.25">
      <c r="A17373" s="1" t="s">
        <v>3166</v>
      </c>
      <c r="B17373" s="1" t="s">
        <v>10007</v>
      </c>
      <c r="C17373" s="1" t="s">
        <v>36921</v>
      </c>
      <c r="D17373" s="2">
        <v>170201</v>
      </c>
      <c r="E17373" s="1" t="s">
        <v>0</v>
      </c>
    </row>
    <row r="17374" spans="1:5" x14ac:dyDescent="0.25">
      <c r="A17374" s="1" t="s">
        <v>36922</v>
      </c>
      <c r="B17374" s="1" t="s">
        <v>60132</v>
      </c>
      <c r="C17374" s="1" t="s">
        <v>36923</v>
      </c>
      <c r="D17374" s="2">
        <v>170202</v>
      </c>
      <c r="E17374" s="1" t="s">
        <v>0</v>
      </c>
    </row>
    <row r="17375" spans="1:5" ht="409.5" x14ac:dyDescent="0.25">
      <c r="A17375" s="4" t="s">
        <v>36924</v>
      </c>
      <c r="B17375" s="1" t="s">
        <v>60133</v>
      </c>
      <c r="C17375" s="1" t="s">
        <v>36925</v>
      </c>
      <c r="D17375" s="2">
        <v>170203</v>
      </c>
      <c r="E17375" s="1" t="s">
        <v>0</v>
      </c>
    </row>
    <row r="17376" spans="1:5" x14ac:dyDescent="0.25">
      <c r="A17376" s="1" t="s">
        <v>15286</v>
      </c>
      <c r="B17376" s="1" t="s">
        <v>60887</v>
      </c>
      <c r="C17376" s="1" t="s">
        <v>15287</v>
      </c>
      <c r="D17376" s="2">
        <v>170204</v>
      </c>
      <c r="E17376" s="1" t="s">
        <v>0</v>
      </c>
    </row>
    <row r="17377" spans="1:5" x14ac:dyDescent="0.25">
      <c r="A17377" s="2">
        <v>3475</v>
      </c>
      <c r="B17377" s="2">
        <v>3475</v>
      </c>
      <c r="C17377" s="1" t="s">
        <v>0</v>
      </c>
      <c r="D17377" s="2">
        <v>170205</v>
      </c>
      <c r="E17377" s="1" t="s">
        <v>0</v>
      </c>
    </row>
    <row r="17378" spans="1:5" x14ac:dyDescent="0.25">
      <c r="A17378" s="1" t="s">
        <v>3167</v>
      </c>
      <c r="B17378" s="1" t="s">
        <v>10008</v>
      </c>
      <c r="C17378" s="1" t="s">
        <v>36926</v>
      </c>
      <c r="D17378" s="2">
        <v>170206</v>
      </c>
      <c r="E17378" s="1" t="s">
        <v>0</v>
      </c>
    </row>
    <row r="17379" spans="1:5" x14ac:dyDescent="0.25">
      <c r="A17379" s="1" t="s">
        <v>36927</v>
      </c>
      <c r="B17379" s="1" t="s">
        <v>54837</v>
      </c>
      <c r="C17379" s="1" t="s">
        <v>36928</v>
      </c>
      <c r="D17379" s="2">
        <v>170207</v>
      </c>
      <c r="E17379" s="1" t="s">
        <v>0</v>
      </c>
    </row>
    <row r="17380" spans="1:5" ht="409.5" x14ac:dyDescent="0.25">
      <c r="A17380" s="4" t="s">
        <v>36929</v>
      </c>
      <c r="B17380" s="1" t="s">
        <v>54838</v>
      </c>
      <c r="C17380" s="1" t="s">
        <v>36930</v>
      </c>
      <c r="D17380" s="2">
        <v>170208</v>
      </c>
      <c r="E17380" s="1" t="s">
        <v>0</v>
      </c>
    </row>
    <row r="17381" spans="1:5" x14ac:dyDescent="0.25">
      <c r="A17381" s="1" t="s">
        <v>36931</v>
      </c>
      <c r="B17381" s="1" t="s">
        <v>54839</v>
      </c>
      <c r="C17381" s="1" t="s">
        <v>36932</v>
      </c>
      <c r="D17381" s="2">
        <v>170209</v>
      </c>
      <c r="E17381" s="1" t="s">
        <v>0</v>
      </c>
    </row>
    <row r="17382" spans="1:5" x14ac:dyDescent="0.25">
      <c r="A17382" s="2">
        <v>3476</v>
      </c>
      <c r="B17382" s="2">
        <v>3476</v>
      </c>
      <c r="C17382" s="1" t="s">
        <v>0</v>
      </c>
      <c r="D17382" s="2">
        <v>170210</v>
      </c>
      <c r="E17382" s="1" t="s">
        <v>0</v>
      </c>
    </row>
    <row r="17383" spans="1:5" x14ac:dyDescent="0.25">
      <c r="A17383" s="1" t="s">
        <v>3168</v>
      </c>
      <c r="B17383" s="1" t="s">
        <v>10009</v>
      </c>
      <c r="C17383" s="1" t="s">
        <v>36933</v>
      </c>
      <c r="D17383" s="2">
        <v>170211</v>
      </c>
      <c r="E17383" s="1" t="s">
        <v>0</v>
      </c>
    </row>
    <row r="17384" spans="1:5" x14ac:dyDescent="0.25">
      <c r="A17384" s="1" t="s">
        <v>36934</v>
      </c>
      <c r="B17384" s="1" t="s">
        <v>62712</v>
      </c>
      <c r="C17384" s="1" t="s">
        <v>36935</v>
      </c>
      <c r="D17384" s="2">
        <v>170212</v>
      </c>
      <c r="E17384" s="1" t="s">
        <v>0</v>
      </c>
    </row>
    <row r="17385" spans="1:5" ht="409.5" x14ac:dyDescent="0.25">
      <c r="A17385" s="4" t="s">
        <v>61852</v>
      </c>
      <c r="B17385" s="1" t="s">
        <v>62713</v>
      </c>
      <c r="C17385" s="1" t="s">
        <v>36936</v>
      </c>
      <c r="D17385" s="2">
        <v>170213</v>
      </c>
      <c r="E17385" s="1" t="s">
        <v>0</v>
      </c>
    </row>
    <row r="17386" spans="1:5" x14ac:dyDescent="0.25">
      <c r="A17386" s="1" t="s">
        <v>36937</v>
      </c>
      <c r="B17386" s="1" t="s">
        <v>10010</v>
      </c>
      <c r="C17386" s="1" t="s">
        <v>36938</v>
      </c>
      <c r="D17386" s="2">
        <v>170214</v>
      </c>
      <c r="E17386" s="1" t="s">
        <v>0</v>
      </c>
    </row>
    <row r="17387" spans="1:5" x14ac:dyDescent="0.25">
      <c r="A17387" s="2">
        <v>3477</v>
      </c>
      <c r="B17387" s="2">
        <v>3477</v>
      </c>
      <c r="C17387" s="1" t="s">
        <v>0</v>
      </c>
      <c r="D17387" s="2">
        <v>170215</v>
      </c>
      <c r="E17387" s="1" t="s">
        <v>0</v>
      </c>
    </row>
    <row r="17388" spans="1:5" x14ac:dyDescent="0.25">
      <c r="A17388" s="1" t="s">
        <v>3169</v>
      </c>
      <c r="B17388" s="1" t="s">
        <v>10011</v>
      </c>
      <c r="C17388" s="1" t="s">
        <v>36939</v>
      </c>
      <c r="D17388" s="2">
        <v>170216</v>
      </c>
      <c r="E17388" s="1" t="s">
        <v>0</v>
      </c>
    </row>
    <row r="17389" spans="1:5" x14ac:dyDescent="0.25">
      <c r="A17389" s="1" t="s">
        <v>36940</v>
      </c>
      <c r="B17389" s="1" t="s">
        <v>61236</v>
      </c>
      <c r="C17389" s="1" t="s">
        <v>36941</v>
      </c>
      <c r="D17389" s="2">
        <v>170217</v>
      </c>
      <c r="E17389" s="1" t="s">
        <v>0</v>
      </c>
    </row>
    <row r="17390" spans="1:5" ht="409.5" x14ac:dyDescent="0.25">
      <c r="A17390" s="4" t="s">
        <v>36942</v>
      </c>
      <c r="B17390" s="1" t="s">
        <v>61237</v>
      </c>
      <c r="C17390" s="1" t="s">
        <v>36943</v>
      </c>
      <c r="D17390" s="2">
        <v>170218</v>
      </c>
      <c r="E17390" s="1" t="s">
        <v>0</v>
      </c>
    </row>
    <row r="17391" spans="1:5" x14ac:dyDescent="0.25">
      <c r="A17391" s="1" t="s">
        <v>36944</v>
      </c>
      <c r="B17391" s="1" t="s">
        <v>54840</v>
      </c>
      <c r="C17391" s="1" t="s">
        <v>36945</v>
      </c>
      <c r="D17391" s="2">
        <v>170219</v>
      </c>
      <c r="E17391" s="1" t="s">
        <v>0</v>
      </c>
    </row>
    <row r="17392" spans="1:5" x14ac:dyDescent="0.25">
      <c r="A17392" s="2">
        <v>3478</v>
      </c>
      <c r="B17392" s="2">
        <v>3478</v>
      </c>
      <c r="C17392" s="1" t="s">
        <v>0</v>
      </c>
      <c r="D17392" s="2">
        <v>170220</v>
      </c>
      <c r="E17392" s="1" t="s">
        <v>0</v>
      </c>
    </row>
    <row r="17393" spans="1:5" x14ac:dyDescent="0.25">
      <c r="A17393" s="1" t="s">
        <v>3170</v>
      </c>
      <c r="B17393" s="1" t="s">
        <v>10012</v>
      </c>
      <c r="C17393" s="1" t="s">
        <v>36946</v>
      </c>
      <c r="D17393" s="2">
        <v>170221</v>
      </c>
      <c r="E17393" s="1" t="s">
        <v>0</v>
      </c>
    </row>
    <row r="17394" spans="1:5" x14ac:dyDescent="0.25">
      <c r="A17394" s="1" t="s">
        <v>36947</v>
      </c>
      <c r="B17394" s="1" t="s">
        <v>10013</v>
      </c>
      <c r="C17394" s="1" t="s">
        <v>36948</v>
      </c>
      <c r="D17394" s="2">
        <v>170222</v>
      </c>
      <c r="E17394" s="1" t="s">
        <v>0</v>
      </c>
    </row>
    <row r="17395" spans="1:5" ht="409.5" x14ac:dyDescent="0.25">
      <c r="A17395" s="4" t="s">
        <v>36949</v>
      </c>
      <c r="B17395" s="1" t="s">
        <v>56961</v>
      </c>
      <c r="C17395" s="1" t="s">
        <v>36950</v>
      </c>
      <c r="D17395" s="2">
        <v>170223</v>
      </c>
      <c r="E17395" s="1" t="s">
        <v>0</v>
      </c>
    </row>
    <row r="17396" spans="1:5" x14ac:dyDescent="0.25">
      <c r="A17396" s="1" t="s">
        <v>36951</v>
      </c>
      <c r="B17396" s="1" t="s">
        <v>10014</v>
      </c>
      <c r="C17396" s="1" t="s">
        <v>36952</v>
      </c>
      <c r="D17396" s="2">
        <v>170224</v>
      </c>
      <c r="E17396" s="1" t="s">
        <v>0</v>
      </c>
    </row>
    <row r="17397" spans="1:5" x14ac:dyDescent="0.25">
      <c r="A17397" s="2">
        <v>3479</v>
      </c>
      <c r="B17397" s="2">
        <v>3479</v>
      </c>
      <c r="C17397" s="1" t="s">
        <v>0</v>
      </c>
      <c r="D17397" s="2">
        <v>170225</v>
      </c>
      <c r="E17397" s="1" t="s">
        <v>0</v>
      </c>
    </row>
    <row r="17398" spans="1:5" x14ac:dyDescent="0.25">
      <c r="A17398" s="1" t="s">
        <v>3171</v>
      </c>
      <c r="B17398" s="1" t="s">
        <v>10015</v>
      </c>
      <c r="C17398" s="1" t="s">
        <v>36953</v>
      </c>
      <c r="D17398" s="2">
        <v>170226</v>
      </c>
      <c r="E17398" s="1" t="s">
        <v>0</v>
      </c>
    </row>
    <row r="17399" spans="1:5" x14ac:dyDescent="0.25">
      <c r="A17399" s="1" t="s">
        <v>36954</v>
      </c>
      <c r="B17399" s="1" t="s">
        <v>54841</v>
      </c>
      <c r="C17399" s="1" t="s">
        <v>36955</v>
      </c>
      <c r="D17399" s="2">
        <v>170227</v>
      </c>
      <c r="E17399" s="1" t="s">
        <v>0</v>
      </c>
    </row>
    <row r="17400" spans="1:5" ht="409.5" x14ac:dyDescent="0.25">
      <c r="A17400" s="4" t="s">
        <v>36956</v>
      </c>
      <c r="B17400" s="1" t="s">
        <v>54842</v>
      </c>
      <c r="C17400" s="1" t="s">
        <v>36957</v>
      </c>
      <c r="D17400" s="2">
        <v>170228</v>
      </c>
      <c r="E17400" s="1" t="s">
        <v>0</v>
      </c>
    </row>
    <row r="17401" spans="1:5" x14ac:dyDescent="0.25">
      <c r="A17401" s="1" t="s">
        <v>36958</v>
      </c>
      <c r="B17401" s="1" t="s">
        <v>57284</v>
      </c>
      <c r="C17401" s="1" t="s">
        <v>36959</v>
      </c>
      <c r="D17401" s="2">
        <v>170229</v>
      </c>
      <c r="E17401" s="1" t="s">
        <v>0</v>
      </c>
    </row>
    <row r="17402" spans="1:5" x14ac:dyDescent="0.25">
      <c r="A17402" s="2">
        <v>3480</v>
      </c>
      <c r="B17402" s="2">
        <v>3480</v>
      </c>
      <c r="C17402" s="1" t="s">
        <v>0</v>
      </c>
      <c r="D17402" s="2">
        <v>170230</v>
      </c>
      <c r="E17402" s="1" t="s">
        <v>0</v>
      </c>
    </row>
    <row r="17403" spans="1:5" x14ac:dyDescent="0.25">
      <c r="A17403" s="1" t="s">
        <v>3172</v>
      </c>
      <c r="B17403" s="1" t="s">
        <v>10016</v>
      </c>
      <c r="C17403" s="1" t="s">
        <v>36960</v>
      </c>
      <c r="D17403" s="2">
        <v>170231</v>
      </c>
      <c r="E17403" s="1" t="s">
        <v>0</v>
      </c>
    </row>
    <row r="17404" spans="1:5" x14ac:dyDescent="0.25">
      <c r="A17404" s="1" t="s">
        <v>36961</v>
      </c>
      <c r="B17404" s="1" t="s">
        <v>10017</v>
      </c>
      <c r="C17404" s="1" t="s">
        <v>36962</v>
      </c>
      <c r="D17404" s="2">
        <v>170232</v>
      </c>
      <c r="E17404" s="1" t="s">
        <v>0</v>
      </c>
    </row>
    <row r="17405" spans="1:5" ht="409.5" x14ac:dyDescent="0.25">
      <c r="A17405" s="4" t="s">
        <v>36963</v>
      </c>
      <c r="B17405" s="1" t="s">
        <v>10018</v>
      </c>
      <c r="C17405" s="1" t="s">
        <v>36964</v>
      </c>
      <c r="D17405" s="2">
        <v>170233</v>
      </c>
      <c r="E17405" s="1" t="s">
        <v>0</v>
      </c>
    </row>
    <row r="17406" spans="1:5" x14ac:dyDescent="0.25">
      <c r="A17406" s="1" t="s">
        <v>36965</v>
      </c>
      <c r="B17406" s="1" t="s">
        <v>10019</v>
      </c>
      <c r="C17406" s="1" t="s">
        <v>36966</v>
      </c>
      <c r="D17406" s="2">
        <v>170234</v>
      </c>
      <c r="E17406" s="1" t="s">
        <v>0</v>
      </c>
    </row>
    <row r="17407" spans="1:5" x14ac:dyDescent="0.25">
      <c r="A17407" s="2">
        <v>3481</v>
      </c>
      <c r="B17407" s="2">
        <v>3481</v>
      </c>
      <c r="C17407" s="1" t="s">
        <v>0</v>
      </c>
      <c r="D17407" s="2">
        <v>170235</v>
      </c>
      <c r="E17407" s="1" t="s">
        <v>0</v>
      </c>
    </row>
    <row r="17408" spans="1:5" x14ac:dyDescent="0.25">
      <c r="A17408" s="1" t="s">
        <v>3173</v>
      </c>
      <c r="B17408" s="1" t="s">
        <v>10020</v>
      </c>
      <c r="C17408" s="1" t="s">
        <v>36967</v>
      </c>
      <c r="D17408" s="2">
        <v>170236</v>
      </c>
      <c r="E17408" s="1" t="s">
        <v>0</v>
      </c>
    </row>
    <row r="17409" spans="1:5" x14ac:dyDescent="0.25">
      <c r="A17409" s="1" t="s">
        <v>36968</v>
      </c>
      <c r="B17409" s="1" t="s">
        <v>54843</v>
      </c>
      <c r="C17409" s="1" t="s">
        <v>36969</v>
      </c>
      <c r="D17409" s="2">
        <v>170237</v>
      </c>
      <c r="E17409" s="1" t="s">
        <v>0</v>
      </c>
    </row>
    <row r="17410" spans="1:5" ht="409.5" x14ac:dyDescent="0.25">
      <c r="A17410" s="4" t="s">
        <v>36970</v>
      </c>
      <c r="B17410" s="1" t="s">
        <v>54844</v>
      </c>
      <c r="C17410" s="1" t="s">
        <v>36971</v>
      </c>
      <c r="D17410" s="2">
        <v>170238</v>
      </c>
      <c r="E17410" s="1" t="s">
        <v>0</v>
      </c>
    </row>
    <row r="17411" spans="1:5" x14ac:dyDescent="0.25">
      <c r="A17411" s="1" t="s">
        <v>21207</v>
      </c>
      <c r="B17411" s="1" t="s">
        <v>60987</v>
      </c>
      <c r="C17411" s="1" t="s">
        <v>21208</v>
      </c>
      <c r="D17411" s="2">
        <v>170239</v>
      </c>
      <c r="E17411" s="1" t="s">
        <v>0</v>
      </c>
    </row>
    <row r="17412" spans="1:5" x14ac:dyDescent="0.25">
      <c r="A17412" s="2">
        <v>3482</v>
      </c>
      <c r="B17412" s="2">
        <v>3482</v>
      </c>
      <c r="C17412" s="1" t="s">
        <v>0</v>
      </c>
      <c r="D17412" s="2">
        <v>170240</v>
      </c>
      <c r="E17412" s="1" t="s">
        <v>0</v>
      </c>
    </row>
    <row r="17413" spans="1:5" x14ac:dyDescent="0.25">
      <c r="A17413" s="1" t="s">
        <v>3174</v>
      </c>
      <c r="B17413" s="1" t="s">
        <v>10021</v>
      </c>
      <c r="C17413" s="1" t="s">
        <v>36972</v>
      </c>
      <c r="D17413" s="2">
        <v>170241</v>
      </c>
      <c r="E17413" s="1" t="s">
        <v>0</v>
      </c>
    </row>
    <row r="17414" spans="1:5" x14ac:dyDescent="0.25">
      <c r="A17414" s="1" t="s">
        <v>36973</v>
      </c>
      <c r="B17414" s="1" t="s">
        <v>60511</v>
      </c>
      <c r="C17414" s="1" t="s">
        <v>36974</v>
      </c>
      <c r="D17414" s="2">
        <v>170242</v>
      </c>
      <c r="E17414" s="1" t="s">
        <v>0</v>
      </c>
    </row>
    <row r="17415" spans="1:5" ht="409.5" x14ac:dyDescent="0.25">
      <c r="A17415" s="4" t="s">
        <v>36975</v>
      </c>
      <c r="B17415" s="1" t="s">
        <v>60512</v>
      </c>
      <c r="C17415" s="1" t="s">
        <v>36976</v>
      </c>
      <c r="D17415" s="2">
        <v>170243</v>
      </c>
      <c r="E17415" s="1" t="s">
        <v>0</v>
      </c>
    </row>
    <row r="17416" spans="1:5" x14ac:dyDescent="0.25">
      <c r="A17416" s="1" t="s">
        <v>36977</v>
      </c>
      <c r="B17416" s="1" t="s">
        <v>54845</v>
      </c>
      <c r="C17416" s="1" t="s">
        <v>36978</v>
      </c>
      <c r="D17416" s="2">
        <v>170244</v>
      </c>
      <c r="E17416" s="1" t="s">
        <v>0</v>
      </c>
    </row>
    <row r="17417" spans="1:5" x14ac:dyDescent="0.25">
      <c r="A17417" s="2">
        <v>3483</v>
      </c>
      <c r="B17417" s="2">
        <v>3483</v>
      </c>
      <c r="C17417" s="1" t="s">
        <v>0</v>
      </c>
      <c r="D17417" s="2">
        <v>170245</v>
      </c>
      <c r="E17417" s="1" t="s">
        <v>0</v>
      </c>
    </row>
    <row r="17418" spans="1:5" x14ac:dyDescent="0.25">
      <c r="A17418" s="1" t="s">
        <v>36979</v>
      </c>
      <c r="B17418" s="1" t="s">
        <v>10022</v>
      </c>
      <c r="C17418" s="1" t="s">
        <v>36980</v>
      </c>
      <c r="D17418" s="2">
        <v>170246</v>
      </c>
      <c r="E17418" s="1" t="s">
        <v>0</v>
      </c>
    </row>
    <row r="17419" spans="1:5" x14ac:dyDescent="0.25">
      <c r="A17419" s="1" t="s">
        <v>36981</v>
      </c>
      <c r="B17419" s="1" t="s">
        <v>61238</v>
      </c>
      <c r="C17419" s="1" t="s">
        <v>36982</v>
      </c>
      <c r="D17419" s="2">
        <v>170247</v>
      </c>
      <c r="E17419" s="1" t="s">
        <v>0</v>
      </c>
    </row>
    <row r="17420" spans="1:5" ht="409.5" x14ac:dyDescent="0.25">
      <c r="A17420" s="4" t="s">
        <v>36983</v>
      </c>
      <c r="B17420" s="1" t="s">
        <v>61239</v>
      </c>
      <c r="C17420" s="1" t="s">
        <v>36984</v>
      </c>
      <c r="D17420" s="2">
        <v>170248</v>
      </c>
      <c r="E17420" s="1" t="s">
        <v>0</v>
      </c>
    </row>
    <row r="17421" spans="1:5" x14ac:dyDescent="0.25">
      <c r="A17421" s="1" t="s">
        <v>36985</v>
      </c>
      <c r="B17421" s="1" t="s">
        <v>54846</v>
      </c>
      <c r="C17421" s="1" t="s">
        <v>36986</v>
      </c>
      <c r="D17421" s="2">
        <v>170249</v>
      </c>
      <c r="E17421" s="1" t="s">
        <v>0</v>
      </c>
    </row>
    <row r="17422" spans="1:5" x14ac:dyDescent="0.25">
      <c r="A17422" s="2">
        <v>3484</v>
      </c>
      <c r="B17422" s="2">
        <v>3484</v>
      </c>
      <c r="C17422" s="1" t="s">
        <v>0</v>
      </c>
      <c r="D17422" s="2">
        <v>170250</v>
      </c>
      <c r="E17422" s="1" t="s">
        <v>0</v>
      </c>
    </row>
    <row r="17423" spans="1:5" x14ac:dyDescent="0.25">
      <c r="A17423" s="1" t="s">
        <v>3175</v>
      </c>
      <c r="B17423" s="1" t="s">
        <v>10023</v>
      </c>
      <c r="C17423" s="1" t="s">
        <v>36987</v>
      </c>
      <c r="D17423" s="2">
        <v>170251</v>
      </c>
      <c r="E17423" s="1" t="s">
        <v>0</v>
      </c>
    </row>
    <row r="17424" spans="1:5" x14ac:dyDescent="0.25">
      <c r="A17424" s="1" t="s">
        <v>36988</v>
      </c>
      <c r="B17424" s="1" t="s">
        <v>10024</v>
      </c>
      <c r="C17424" s="1" t="s">
        <v>36989</v>
      </c>
      <c r="D17424" s="2">
        <v>170252</v>
      </c>
      <c r="E17424" s="1" t="s">
        <v>0</v>
      </c>
    </row>
    <row r="17425" spans="1:5" ht="409.5" x14ac:dyDescent="0.25">
      <c r="A17425" s="4" t="s">
        <v>36990</v>
      </c>
      <c r="B17425" s="1" t="s">
        <v>63446</v>
      </c>
      <c r="C17425" s="1" t="s">
        <v>36991</v>
      </c>
      <c r="D17425" s="2">
        <v>170253</v>
      </c>
      <c r="E17425" s="1" t="s">
        <v>0</v>
      </c>
    </row>
    <row r="17426" spans="1:5" x14ac:dyDescent="0.25">
      <c r="A17426" s="1" t="s">
        <v>36992</v>
      </c>
      <c r="B17426" s="1" t="s">
        <v>10025</v>
      </c>
      <c r="C17426" s="1" t="s">
        <v>36993</v>
      </c>
      <c r="D17426" s="2">
        <v>170254</v>
      </c>
      <c r="E17426" s="1" t="s">
        <v>0</v>
      </c>
    </row>
    <row r="17427" spans="1:5" x14ac:dyDescent="0.25">
      <c r="A17427" s="2">
        <v>3485</v>
      </c>
      <c r="B17427" s="2">
        <v>3485</v>
      </c>
      <c r="C17427" s="1" t="s">
        <v>0</v>
      </c>
      <c r="D17427" s="2">
        <v>170255</v>
      </c>
      <c r="E17427" s="1" t="s">
        <v>0</v>
      </c>
    </row>
    <row r="17428" spans="1:5" x14ac:dyDescent="0.25">
      <c r="A17428" s="1" t="s">
        <v>3176</v>
      </c>
      <c r="B17428" s="1" t="s">
        <v>10026</v>
      </c>
      <c r="C17428" s="1" t="s">
        <v>36994</v>
      </c>
      <c r="D17428" s="2">
        <v>170256</v>
      </c>
      <c r="E17428" s="1" t="s">
        <v>0</v>
      </c>
    </row>
    <row r="17429" spans="1:5" x14ac:dyDescent="0.25">
      <c r="A17429" s="1" t="s">
        <v>36995</v>
      </c>
      <c r="B17429" s="1" t="s">
        <v>54847</v>
      </c>
      <c r="C17429" s="1" t="s">
        <v>36996</v>
      </c>
      <c r="D17429" s="2">
        <v>170257</v>
      </c>
      <c r="E17429" s="1" t="s">
        <v>0</v>
      </c>
    </row>
    <row r="17430" spans="1:5" ht="409.5" x14ac:dyDescent="0.25">
      <c r="A17430" s="4" t="s">
        <v>36997</v>
      </c>
      <c r="B17430" s="1" t="s">
        <v>61240</v>
      </c>
      <c r="C17430" s="1" t="s">
        <v>36998</v>
      </c>
      <c r="D17430" s="2">
        <v>170258</v>
      </c>
      <c r="E17430" s="1" t="s">
        <v>0</v>
      </c>
    </row>
    <row r="17431" spans="1:5" x14ac:dyDescent="0.25">
      <c r="A17431" s="1" t="s">
        <v>36999</v>
      </c>
      <c r="B17431" s="1" t="s">
        <v>57285</v>
      </c>
      <c r="C17431" s="1" t="s">
        <v>37000</v>
      </c>
      <c r="D17431" s="2">
        <v>170259</v>
      </c>
      <c r="E17431" s="1" t="s">
        <v>0</v>
      </c>
    </row>
    <row r="17432" spans="1:5" x14ac:dyDescent="0.25">
      <c r="A17432" s="2">
        <v>3486</v>
      </c>
      <c r="B17432" s="2">
        <v>3486</v>
      </c>
      <c r="C17432" s="1" t="s">
        <v>0</v>
      </c>
      <c r="D17432" s="2">
        <v>170260</v>
      </c>
      <c r="E17432" s="1" t="s">
        <v>0</v>
      </c>
    </row>
    <row r="17433" spans="1:5" x14ac:dyDescent="0.25">
      <c r="A17433" s="1" t="s">
        <v>3177</v>
      </c>
      <c r="B17433" s="1" t="s">
        <v>50893</v>
      </c>
      <c r="C17433" s="1" t="s">
        <v>37001</v>
      </c>
      <c r="D17433" s="2">
        <v>170261</v>
      </c>
      <c r="E17433" s="1" t="s">
        <v>0</v>
      </c>
    </row>
    <row r="17434" spans="1:5" x14ac:dyDescent="0.25">
      <c r="A17434" s="1" t="s">
        <v>37002</v>
      </c>
      <c r="B17434" s="1" t="s">
        <v>10027</v>
      </c>
      <c r="C17434" s="1" t="s">
        <v>37003</v>
      </c>
      <c r="D17434" s="2">
        <v>170262</v>
      </c>
      <c r="E17434" s="1" t="s">
        <v>0</v>
      </c>
    </row>
    <row r="17435" spans="1:5" ht="409.5" x14ac:dyDescent="0.25">
      <c r="A17435" s="4" t="s">
        <v>37004</v>
      </c>
      <c r="B17435" s="1" t="s">
        <v>54848</v>
      </c>
      <c r="C17435" s="1" t="s">
        <v>37005</v>
      </c>
      <c r="D17435" s="2">
        <v>170263</v>
      </c>
      <c r="E17435" s="1" t="s">
        <v>0</v>
      </c>
    </row>
    <row r="17436" spans="1:5" x14ac:dyDescent="0.25">
      <c r="A17436" s="1" t="s">
        <v>37006</v>
      </c>
      <c r="B17436" s="1" t="s">
        <v>10028</v>
      </c>
      <c r="C17436" s="1" t="s">
        <v>37007</v>
      </c>
      <c r="D17436" s="2">
        <v>170264</v>
      </c>
      <c r="E17436" s="1" t="s">
        <v>0</v>
      </c>
    </row>
    <row r="17437" spans="1:5" x14ac:dyDescent="0.25">
      <c r="A17437" s="2">
        <v>3487</v>
      </c>
      <c r="B17437" s="2">
        <v>3487</v>
      </c>
      <c r="C17437" s="1" t="s">
        <v>0</v>
      </c>
      <c r="D17437" s="2">
        <v>170265</v>
      </c>
      <c r="E17437" s="1" t="s">
        <v>0</v>
      </c>
    </row>
    <row r="17438" spans="1:5" x14ac:dyDescent="0.25">
      <c r="A17438" s="1" t="s">
        <v>3178</v>
      </c>
      <c r="B17438" s="1" t="s">
        <v>10029</v>
      </c>
      <c r="C17438" s="1" t="s">
        <v>37008</v>
      </c>
      <c r="D17438" s="2">
        <v>170266</v>
      </c>
      <c r="E17438" s="1" t="s">
        <v>0</v>
      </c>
    </row>
    <row r="17439" spans="1:5" x14ac:dyDescent="0.25">
      <c r="A17439" s="1" t="s">
        <v>37009</v>
      </c>
      <c r="B17439" s="1" t="s">
        <v>54849</v>
      </c>
      <c r="C17439" s="1" t="s">
        <v>37010</v>
      </c>
      <c r="D17439" s="2">
        <v>170267</v>
      </c>
      <c r="E17439" s="1" t="s">
        <v>0</v>
      </c>
    </row>
    <row r="17440" spans="1:5" ht="409.5" x14ac:dyDescent="0.25">
      <c r="A17440" s="4" t="s">
        <v>64252</v>
      </c>
      <c r="B17440" s="1" t="s">
        <v>54850</v>
      </c>
      <c r="C17440" s="1" t="s">
        <v>37011</v>
      </c>
      <c r="D17440" s="2">
        <v>170268</v>
      </c>
      <c r="E17440" s="1" t="s">
        <v>0</v>
      </c>
    </row>
    <row r="17441" spans="1:5" x14ac:dyDescent="0.25">
      <c r="A17441" s="1" t="s">
        <v>37012</v>
      </c>
      <c r="B17441" s="1" t="s">
        <v>54851</v>
      </c>
      <c r="C17441" s="1" t="s">
        <v>37013</v>
      </c>
      <c r="D17441" s="2">
        <v>170269</v>
      </c>
      <c r="E17441" s="1" t="s">
        <v>0</v>
      </c>
    </row>
    <row r="17442" spans="1:5" x14ac:dyDescent="0.25">
      <c r="A17442" s="2">
        <v>3488</v>
      </c>
      <c r="B17442" s="2">
        <v>3488</v>
      </c>
      <c r="C17442" s="1" t="s">
        <v>0</v>
      </c>
      <c r="D17442" s="2">
        <v>170270</v>
      </c>
      <c r="E17442" s="1" t="s">
        <v>0</v>
      </c>
    </row>
    <row r="17443" spans="1:5" x14ac:dyDescent="0.25">
      <c r="A17443" s="1" t="s">
        <v>10030</v>
      </c>
      <c r="B17443" s="1" t="s">
        <v>10031</v>
      </c>
      <c r="C17443" s="1" t="s">
        <v>37014</v>
      </c>
      <c r="D17443" s="2">
        <v>170271</v>
      </c>
      <c r="E17443" s="1" t="s">
        <v>0</v>
      </c>
    </row>
    <row r="17444" spans="1:5" x14ac:dyDescent="0.25">
      <c r="A17444" s="1" t="s">
        <v>37015</v>
      </c>
      <c r="B17444" s="1" t="s">
        <v>63447</v>
      </c>
      <c r="C17444" s="1" t="s">
        <v>37016</v>
      </c>
      <c r="D17444" s="2">
        <v>170272</v>
      </c>
      <c r="E17444" s="1" t="s">
        <v>0</v>
      </c>
    </row>
    <row r="17445" spans="1:5" ht="409.5" x14ac:dyDescent="0.25">
      <c r="A17445" s="4" t="s">
        <v>37017</v>
      </c>
      <c r="B17445" s="1" t="s">
        <v>63448</v>
      </c>
      <c r="C17445" s="1" t="s">
        <v>37018</v>
      </c>
      <c r="D17445" s="2">
        <v>170273</v>
      </c>
      <c r="E17445" s="1" t="s">
        <v>0</v>
      </c>
    </row>
    <row r="17446" spans="1:5" x14ac:dyDescent="0.25">
      <c r="A17446" s="1" t="s">
        <v>37019</v>
      </c>
      <c r="B17446" s="1" t="s">
        <v>10032</v>
      </c>
      <c r="C17446" s="1" t="s">
        <v>37020</v>
      </c>
      <c r="D17446" s="2">
        <v>170274</v>
      </c>
      <c r="E17446" s="1" t="s">
        <v>0</v>
      </c>
    </row>
    <row r="17447" spans="1:5" x14ac:dyDescent="0.25">
      <c r="A17447" s="2">
        <v>3489</v>
      </c>
      <c r="B17447" s="2">
        <v>3489</v>
      </c>
      <c r="C17447" s="1" t="s">
        <v>0</v>
      </c>
      <c r="D17447" s="2">
        <v>170275</v>
      </c>
      <c r="E17447" s="1" t="s">
        <v>0</v>
      </c>
    </row>
    <row r="17448" spans="1:5" x14ac:dyDescent="0.25">
      <c r="A17448" s="1" t="s">
        <v>10033</v>
      </c>
      <c r="B17448" s="1" t="s">
        <v>56962</v>
      </c>
      <c r="C17448" s="1" t="s">
        <v>37021</v>
      </c>
      <c r="D17448" s="2">
        <v>170276</v>
      </c>
      <c r="E17448" s="1" t="s">
        <v>0</v>
      </c>
    </row>
    <row r="17449" spans="1:5" x14ac:dyDescent="0.25">
      <c r="A17449" s="1" t="s">
        <v>61853</v>
      </c>
      <c r="B17449" s="1" t="s">
        <v>62714</v>
      </c>
      <c r="C17449" s="1" t="s">
        <v>37022</v>
      </c>
      <c r="D17449" s="2">
        <v>170277</v>
      </c>
      <c r="E17449" s="1" t="s">
        <v>0</v>
      </c>
    </row>
    <row r="17450" spans="1:5" ht="409.5" x14ac:dyDescent="0.25">
      <c r="A17450" s="4" t="s">
        <v>61854</v>
      </c>
      <c r="B17450" s="1" t="s">
        <v>62715</v>
      </c>
      <c r="C17450" s="1" t="s">
        <v>37023</v>
      </c>
      <c r="D17450" s="2">
        <v>170278</v>
      </c>
      <c r="E17450" s="1" t="s">
        <v>0</v>
      </c>
    </row>
    <row r="17451" spans="1:5" x14ac:dyDescent="0.25">
      <c r="A17451" s="1" t="s">
        <v>37024</v>
      </c>
      <c r="B17451" s="1" t="s">
        <v>54852</v>
      </c>
      <c r="C17451" s="1" t="s">
        <v>37025</v>
      </c>
      <c r="D17451" s="2">
        <v>170279</v>
      </c>
      <c r="E17451" s="1" t="s">
        <v>0</v>
      </c>
    </row>
    <row r="17452" spans="1:5" x14ac:dyDescent="0.25">
      <c r="A17452" s="2">
        <v>3490</v>
      </c>
      <c r="B17452" s="2">
        <v>3490</v>
      </c>
      <c r="C17452" s="1" t="s">
        <v>0</v>
      </c>
      <c r="D17452" s="2">
        <v>170280</v>
      </c>
      <c r="E17452" s="1" t="s">
        <v>0</v>
      </c>
    </row>
    <row r="17453" spans="1:5" x14ac:dyDescent="0.25">
      <c r="A17453" s="1" t="s">
        <v>3179</v>
      </c>
      <c r="B17453" s="1" t="s">
        <v>10034</v>
      </c>
      <c r="C17453" s="1" t="s">
        <v>37026</v>
      </c>
      <c r="D17453" s="2">
        <v>170281</v>
      </c>
      <c r="E17453" s="1" t="s">
        <v>0</v>
      </c>
    </row>
    <row r="17454" spans="1:5" x14ac:dyDescent="0.25">
      <c r="A17454" s="1" t="s">
        <v>37027</v>
      </c>
      <c r="B17454" s="1" t="s">
        <v>10035</v>
      </c>
      <c r="C17454" s="1" t="s">
        <v>37028</v>
      </c>
      <c r="D17454" s="2">
        <v>170282</v>
      </c>
      <c r="E17454" s="1" t="s">
        <v>0</v>
      </c>
    </row>
    <row r="17455" spans="1:5" ht="409.5" x14ac:dyDescent="0.25">
      <c r="A17455" s="4" t="s">
        <v>37029</v>
      </c>
      <c r="B17455" s="1" t="s">
        <v>57927</v>
      </c>
      <c r="C17455" s="1" t="s">
        <v>37030</v>
      </c>
      <c r="D17455" s="2">
        <v>170283</v>
      </c>
      <c r="E17455" s="1" t="s">
        <v>0</v>
      </c>
    </row>
    <row r="17456" spans="1:5" x14ac:dyDescent="0.25">
      <c r="A17456" s="1" t="s">
        <v>37031</v>
      </c>
      <c r="B17456" s="1" t="s">
        <v>10036</v>
      </c>
      <c r="C17456" s="1" t="s">
        <v>37032</v>
      </c>
      <c r="D17456" s="2">
        <v>170284</v>
      </c>
      <c r="E17456" s="1" t="s">
        <v>0</v>
      </c>
    </row>
    <row r="17457" spans="1:5" x14ac:dyDescent="0.25">
      <c r="A17457" s="2">
        <v>3491</v>
      </c>
      <c r="B17457" s="2">
        <v>3491</v>
      </c>
      <c r="C17457" s="1" t="s">
        <v>0</v>
      </c>
      <c r="D17457" s="2">
        <v>170285</v>
      </c>
      <c r="E17457" s="1" t="s">
        <v>0</v>
      </c>
    </row>
    <row r="17458" spans="1:5" x14ac:dyDescent="0.25">
      <c r="A17458" s="1" t="s">
        <v>3180</v>
      </c>
      <c r="B17458" s="1" t="s">
        <v>54853</v>
      </c>
      <c r="C17458" s="1" t="s">
        <v>37033</v>
      </c>
      <c r="D17458" s="2">
        <v>170286</v>
      </c>
      <c r="E17458" s="1" t="s">
        <v>0</v>
      </c>
    </row>
    <row r="17459" spans="1:5" x14ac:dyDescent="0.25">
      <c r="A17459" s="1" t="s">
        <v>37034</v>
      </c>
      <c r="B17459" s="1" t="s">
        <v>61241</v>
      </c>
      <c r="C17459" s="1" t="s">
        <v>37035</v>
      </c>
      <c r="D17459" s="2">
        <v>170287</v>
      </c>
      <c r="E17459" s="1" t="s">
        <v>0</v>
      </c>
    </row>
    <row r="17460" spans="1:5" ht="409.5" x14ac:dyDescent="0.25">
      <c r="A17460" s="4" t="s">
        <v>37036</v>
      </c>
      <c r="B17460" s="1" t="s">
        <v>61242</v>
      </c>
      <c r="C17460" s="1" t="s">
        <v>37037</v>
      </c>
      <c r="D17460" s="2">
        <v>170288</v>
      </c>
      <c r="E17460" s="1" t="s">
        <v>0</v>
      </c>
    </row>
    <row r="17461" spans="1:5" x14ac:dyDescent="0.25">
      <c r="A17461" s="1" t="s">
        <v>37038</v>
      </c>
      <c r="B17461" s="1" t="s">
        <v>57286</v>
      </c>
      <c r="C17461" s="1" t="s">
        <v>37039</v>
      </c>
      <c r="D17461" s="2">
        <v>170289</v>
      </c>
      <c r="E17461" s="1" t="s">
        <v>0</v>
      </c>
    </row>
    <row r="17462" spans="1:5" x14ac:dyDescent="0.25">
      <c r="A17462" s="2">
        <v>3492</v>
      </c>
      <c r="B17462" s="2">
        <v>3492</v>
      </c>
      <c r="C17462" s="1" t="s">
        <v>0</v>
      </c>
      <c r="D17462" s="2">
        <v>170290</v>
      </c>
      <c r="E17462" s="1" t="s">
        <v>0</v>
      </c>
    </row>
    <row r="17463" spans="1:5" x14ac:dyDescent="0.25">
      <c r="A17463" s="1" t="s">
        <v>3181</v>
      </c>
      <c r="B17463" s="1" t="s">
        <v>10037</v>
      </c>
      <c r="C17463" s="1" t="s">
        <v>37040</v>
      </c>
      <c r="D17463" s="2">
        <v>170291</v>
      </c>
      <c r="E17463" s="1" t="s">
        <v>0</v>
      </c>
    </row>
    <row r="17464" spans="1:5" x14ac:dyDescent="0.25">
      <c r="A17464" s="1" t="s">
        <v>37041</v>
      </c>
      <c r="B17464" s="1" t="s">
        <v>63768</v>
      </c>
      <c r="C17464" s="1" t="s">
        <v>37042</v>
      </c>
      <c r="D17464" s="2">
        <v>170292</v>
      </c>
      <c r="E17464" s="1" t="s">
        <v>0</v>
      </c>
    </row>
    <row r="17465" spans="1:5" ht="409.5" x14ac:dyDescent="0.25">
      <c r="A17465" s="4" t="s">
        <v>37043</v>
      </c>
      <c r="B17465" s="1" t="s">
        <v>63769</v>
      </c>
      <c r="C17465" s="1" t="s">
        <v>37044</v>
      </c>
      <c r="D17465" s="2">
        <v>170293</v>
      </c>
      <c r="E17465" s="1" t="s">
        <v>0</v>
      </c>
    </row>
    <row r="17466" spans="1:5" x14ac:dyDescent="0.25">
      <c r="A17466" s="1" t="s">
        <v>37045</v>
      </c>
      <c r="B17466" s="1" t="s">
        <v>10038</v>
      </c>
      <c r="C17466" s="1" t="s">
        <v>37046</v>
      </c>
      <c r="D17466" s="2">
        <v>170294</v>
      </c>
      <c r="E17466" s="1" t="s">
        <v>0</v>
      </c>
    </row>
    <row r="17467" spans="1:5" x14ac:dyDescent="0.25">
      <c r="A17467" s="2">
        <v>3493</v>
      </c>
      <c r="B17467" s="2">
        <v>3493</v>
      </c>
      <c r="C17467" s="1" t="s">
        <v>0</v>
      </c>
      <c r="D17467" s="2">
        <v>170295</v>
      </c>
      <c r="E17467" s="1" t="s">
        <v>0</v>
      </c>
    </row>
    <row r="17468" spans="1:5" x14ac:dyDescent="0.25">
      <c r="A17468" s="1" t="s">
        <v>10039</v>
      </c>
      <c r="B17468" s="1" t="s">
        <v>10040</v>
      </c>
      <c r="C17468" s="1" t="s">
        <v>37047</v>
      </c>
      <c r="D17468" s="2">
        <v>170296</v>
      </c>
      <c r="E17468" s="1" t="s">
        <v>0</v>
      </c>
    </row>
    <row r="17469" spans="1:5" x14ac:dyDescent="0.25">
      <c r="A17469" s="1" t="s">
        <v>37048</v>
      </c>
      <c r="B17469" s="1" t="s">
        <v>57579</v>
      </c>
      <c r="C17469" s="1" t="s">
        <v>37049</v>
      </c>
      <c r="D17469" s="2">
        <v>170297</v>
      </c>
      <c r="E17469" s="1" t="s">
        <v>0</v>
      </c>
    </row>
    <row r="17470" spans="1:5" ht="409.5" x14ac:dyDescent="0.25">
      <c r="A17470" s="4" t="s">
        <v>37050</v>
      </c>
      <c r="B17470" s="1" t="s">
        <v>60513</v>
      </c>
      <c r="C17470" s="1" t="s">
        <v>37051</v>
      </c>
      <c r="D17470" s="2">
        <v>170298</v>
      </c>
      <c r="E17470" s="1" t="s">
        <v>0</v>
      </c>
    </row>
    <row r="17471" spans="1:5" x14ac:dyDescent="0.25">
      <c r="A17471" s="1" t="s">
        <v>37052</v>
      </c>
      <c r="B17471" s="1" t="s">
        <v>54854</v>
      </c>
      <c r="C17471" s="1" t="s">
        <v>37053</v>
      </c>
      <c r="D17471" s="2">
        <v>170299</v>
      </c>
      <c r="E17471" s="1" t="s">
        <v>0</v>
      </c>
    </row>
    <row r="17472" spans="1:5" x14ac:dyDescent="0.25">
      <c r="A17472" s="2">
        <v>3494</v>
      </c>
      <c r="B17472" s="2">
        <v>3494</v>
      </c>
      <c r="C17472" s="1" t="s">
        <v>0</v>
      </c>
      <c r="D17472" s="2">
        <v>170300</v>
      </c>
      <c r="E17472" s="1" t="s">
        <v>0</v>
      </c>
    </row>
    <row r="17473" spans="1:5" x14ac:dyDescent="0.25">
      <c r="A17473" s="1" t="s">
        <v>3182</v>
      </c>
      <c r="B17473" s="1" t="s">
        <v>10041</v>
      </c>
      <c r="C17473" s="1" t="s">
        <v>37054</v>
      </c>
      <c r="D17473" s="2">
        <v>170301</v>
      </c>
      <c r="E17473" s="1" t="s">
        <v>0</v>
      </c>
    </row>
    <row r="17474" spans="1:5" x14ac:dyDescent="0.25">
      <c r="A17474" s="1" t="s">
        <v>37055</v>
      </c>
      <c r="B17474" s="1" t="s">
        <v>57580</v>
      </c>
      <c r="C17474" s="1" t="s">
        <v>37056</v>
      </c>
      <c r="D17474" s="2">
        <v>170302</v>
      </c>
      <c r="E17474" s="1" t="s">
        <v>0</v>
      </c>
    </row>
    <row r="17475" spans="1:5" ht="409.5" x14ac:dyDescent="0.25">
      <c r="A17475" s="4" t="s">
        <v>37057</v>
      </c>
      <c r="B17475" s="1" t="s">
        <v>57581</v>
      </c>
      <c r="C17475" s="1" t="s">
        <v>37058</v>
      </c>
      <c r="D17475" s="2">
        <v>170303</v>
      </c>
      <c r="E17475" s="1" t="s">
        <v>0</v>
      </c>
    </row>
    <row r="17476" spans="1:5" x14ac:dyDescent="0.25">
      <c r="A17476" s="1" t="s">
        <v>37059</v>
      </c>
      <c r="B17476" s="1" t="s">
        <v>54855</v>
      </c>
      <c r="C17476" s="1" t="s">
        <v>37060</v>
      </c>
      <c r="D17476" s="2">
        <v>170304</v>
      </c>
      <c r="E17476" s="1" t="s">
        <v>0</v>
      </c>
    </row>
    <row r="17477" spans="1:5" x14ac:dyDescent="0.25">
      <c r="A17477" s="2">
        <v>3495</v>
      </c>
      <c r="B17477" s="2">
        <v>3495</v>
      </c>
      <c r="C17477" s="1" t="s">
        <v>0</v>
      </c>
      <c r="D17477" s="2">
        <v>170305</v>
      </c>
      <c r="E17477" s="1" t="s">
        <v>0</v>
      </c>
    </row>
    <row r="17478" spans="1:5" x14ac:dyDescent="0.25">
      <c r="A17478" s="1" t="s">
        <v>3183</v>
      </c>
      <c r="B17478" s="1" t="s">
        <v>10042</v>
      </c>
      <c r="C17478" s="1" t="s">
        <v>37061</v>
      </c>
      <c r="D17478" s="2">
        <v>170306</v>
      </c>
      <c r="E17478" s="1" t="s">
        <v>0</v>
      </c>
    </row>
    <row r="17479" spans="1:5" x14ac:dyDescent="0.25">
      <c r="A17479" s="1" t="s">
        <v>37062</v>
      </c>
      <c r="B17479" s="1" t="s">
        <v>58480</v>
      </c>
      <c r="C17479" s="1" t="s">
        <v>37063</v>
      </c>
      <c r="D17479" s="2">
        <v>170307</v>
      </c>
      <c r="E17479" s="1" t="s">
        <v>0</v>
      </c>
    </row>
    <row r="17480" spans="1:5" ht="409.5" x14ac:dyDescent="0.25">
      <c r="A17480" s="4" t="s">
        <v>37064</v>
      </c>
      <c r="B17480" s="1" t="s">
        <v>58481</v>
      </c>
      <c r="C17480" s="1" t="s">
        <v>37065</v>
      </c>
      <c r="D17480" s="2">
        <v>170308</v>
      </c>
      <c r="E17480" s="1" t="s">
        <v>0</v>
      </c>
    </row>
    <row r="17481" spans="1:5" x14ac:dyDescent="0.25">
      <c r="A17481" s="1" t="s">
        <v>37066</v>
      </c>
      <c r="B17481" s="1" t="s">
        <v>58482</v>
      </c>
      <c r="C17481" s="1" t="s">
        <v>37067</v>
      </c>
      <c r="D17481" s="2">
        <v>170309</v>
      </c>
      <c r="E17481" s="1" t="s">
        <v>0</v>
      </c>
    </row>
    <row r="17482" spans="1:5" x14ac:dyDescent="0.25">
      <c r="A17482" s="2">
        <v>3496</v>
      </c>
      <c r="B17482" s="2">
        <v>3496</v>
      </c>
      <c r="C17482" s="1" t="s">
        <v>0</v>
      </c>
      <c r="D17482" s="2">
        <v>170310</v>
      </c>
      <c r="E17482" s="1" t="s">
        <v>0</v>
      </c>
    </row>
    <row r="17483" spans="1:5" x14ac:dyDescent="0.25">
      <c r="A17483" s="1" t="s">
        <v>10043</v>
      </c>
      <c r="B17483" s="1" t="s">
        <v>10044</v>
      </c>
      <c r="C17483" s="1" t="s">
        <v>37068</v>
      </c>
      <c r="D17483" s="2">
        <v>170311</v>
      </c>
      <c r="E17483" s="1" t="s">
        <v>0</v>
      </c>
    </row>
    <row r="17484" spans="1:5" x14ac:dyDescent="0.25">
      <c r="A17484" s="1" t="s">
        <v>37069</v>
      </c>
      <c r="B17484" s="1" t="s">
        <v>54856</v>
      </c>
      <c r="C17484" s="1" t="s">
        <v>37070</v>
      </c>
      <c r="D17484" s="2">
        <v>170312</v>
      </c>
      <c r="E17484" s="1" t="s">
        <v>0</v>
      </c>
    </row>
    <row r="17485" spans="1:5" ht="409.5" x14ac:dyDescent="0.25">
      <c r="A17485" s="4" t="s">
        <v>37071</v>
      </c>
      <c r="B17485" s="1" t="s">
        <v>54857</v>
      </c>
      <c r="C17485" s="1" t="s">
        <v>37072</v>
      </c>
      <c r="D17485" s="2">
        <v>170313</v>
      </c>
      <c r="E17485" s="1" t="s">
        <v>0</v>
      </c>
    </row>
    <row r="17486" spans="1:5" x14ac:dyDescent="0.25">
      <c r="A17486" s="1" t="s">
        <v>37073</v>
      </c>
      <c r="B17486" s="1" t="s">
        <v>54858</v>
      </c>
      <c r="C17486" s="1" t="s">
        <v>37074</v>
      </c>
      <c r="D17486" s="2">
        <v>170314</v>
      </c>
      <c r="E17486" s="1" t="s">
        <v>0</v>
      </c>
    </row>
    <row r="17487" spans="1:5" x14ac:dyDescent="0.25">
      <c r="A17487" s="2">
        <v>3497</v>
      </c>
      <c r="B17487" s="2">
        <v>3497</v>
      </c>
      <c r="C17487" s="1" t="s">
        <v>0</v>
      </c>
      <c r="D17487" s="2">
        <v>170315</v>
      </c>
      <c r="E17487" s="1" t="s">
        <v>0</v>
      </c>
    </row>
    <row r="17488" spans="1:5" x14ac:dyDescent="0.25">
      <c r="A17488" s="1" t="s">
        <v>3184</v>
      </c>
      <c r="B17488" s="1" t="s">
        <v>10045</v>
      </c>
      <c r="C17488" s="1" t="s">
        <v>37075</v>
      </c>
      <c r="D17488" s="2">
        <v>170316</v>
      </c>
      <c r="E17488" s="1" t="s">
        <v>0</v>
      </c>
    </row>
    <row r="17489" spans="1:5" x14ac:dyDescent="0.25">
      <c r="A17489" s="1" t="s">
        <v>37076</v>
      </c>
      <c r="B17489" s="1" t="s">
        <v>62716</v>
      </c>
      <c r="C17489" s="1" t="s">
        <v>37077</v>
      </c>
      <c r="D17489" s="2">
        <v>170317</v>
      </c>
      <c r="E17489" s="1" t="s">
        <v>0</v>
      </c>
    </row>
    <row r="17490" spans="1:5" ht="409.5" x14ac:dyDescent="0.25">
      <c r="A17490" s="4" t="s">
        <v>37078</v>
      </c>
      <c r="B17490" s="1" t="s">
        <v>62717</v>
      </c>
      <c r="C17490" s="1" t="s">
        <v>37079</v>
      </c>
      <c r="D17490" s="2">
        <v>170318</v>
      </c>
      <c r="E17490" s="1" t="s">
        <v>0</v>
      </c>
    </row>
    <row r="17491" spans="1:5" x14ac:dyDescent="0.25">
      <c r="A17491" s="1" t="s">
        <v>37080</v>
      </c>
      <c r="B17491" s="1" t="s">
        <v>10046</v>
      </c>
      <c r="C17491" s="1" t="s">
        <v>37081</v>
      </c>
      <c r="D17491" s="2">
        <v>170319</v>
      </c>
      <c r="E17491" s="1" t="s">
        <v>0</v>
      </c>
    </row>
    <row r="17492" spans="1:5" x14ac:dyDescent="0.25">
      <c r="A17492" s="2">
        <v>3498</v>
      </c>
      <c r="B17492" s="2">
        <v>3498</v>
      </c>
      <c r="C17492" s="1" t="s">
        <v>0</v>
      </c>
      <c r="D17492" s="2">
        <v>170320</v>
      </c>
      <c r="E17492" s="1" t="s">
        <v>0</v>
      </c>
    </row>
    <row r="17493" spans="1:5" x14ac:dyDescent="0.25">
      <c r="A17493" s="1" t="s">
        <v>3185</v>
      </c>
      <c r="B17493" s="1" t="s">
        <v>10047</v>
      </c>
      <c r="C17493" s="1" t="s">
        <v>37082</v>
      </c>
      <c r="D17493" s="2">
        <v>170321</v>
      </c>
      <c r="E17493" s="1" t="s">
        <v>0</v>
      </c>
    </row>
    <row r="17494" spans="1:5" x14ac:dyDescent="0.25">
      <c r="A17494" s="1" t="s">
        <v>37083</v>
      </c>
      <c r="B17494" s="1" t="s">
        <v>54859</v>
      </c>
      <c r="C17494" s="1" t="s">
        <v>37084</v>
      </c>
      <c r="D17494" s="2">
        <v>170322</v>
      </c>
      <c r="E17494" s="1" t="s">
        <v>0</v>
      </c>
    </row>
    <row r="17495" spans="1:5" ht="409.5" x14ac:dyDescent="0.25">
      <c r="A17495" s="4" t="s">
        <v>64253</v>
      </c>
      <c r="B17495" s="1" t="s">
        <v>54860</v>
      </c>
      <c r="C17495" s="1" t="s">
        <v>37085</v>
      </c>
      <c r="D17495" s="2">
        <v>170323</v>
      </c>
      <c r="E17495" s="1" t="s">
        <v>0</v>
      </c>
    </row>
    <row r="17496" spans="1:5" x14ac:dyDescent="0.25">
      <c r="A17496" s="1" t="s">
        <v>37086</v>
      </c>
      <c r="B17496" s="1" t="s">
        <v>54861</v>
      </c>
      <c r="C17496" s="1" t="s">
        <v>37087</v>
      </c>
      <c r="D17496" s="2">
        <v>170324</v>
      </c>
      <c r="E17496" s="1" t="s">
        <v>0</v>
      </c>
    </row>
    <row r="17497" spans="1:5" x14ac:dyDescent="0.25">
      <c r="A17497" s="2">
        <v>3499</v>
      </c>
      <c r="B17497" s="2">
        <v>3499</v>
      </c>
      <c r="C17497" s="1" t="s">
        <v>0</v>
      </c>
      <c r="D17497" s="2">
        <v>170325</v>
      </c>
      <c r="E17497" s="1" t="s">
        <v>0</v>
      </c>
    </row>
    <row r="17498" spans="1:5" x14ac:dyDescent="0.25">
      <c r="A17498" s="1" t="s">
        <v>3186</v>
      </c>
      <c r="B17498" s="1" t="s">
        <v>10048</v>
      </c>
      <c r="C17498" s="1" t="s">
        <v>37088</v>
      </c>
      <c r="D17498" s="2">
        <v>170326</v>
      </c>
      <c r="E17498" s="1" t="s">
        <v>0</v>
      </c>
    </row>
    <row r="17499" spans="1:5" x14ac:dyDescent="0.25">
      <c r="A17499" s="1" t="s">
        <v>37089</v>
      </c>
      <c r="B17499" s="1" t="s">
        <v>50894</v>
      </c>
      <c r="C17499" s="1" t="s">
        <v>37090</v>
      </c>
      <c r="D17499" s="2">
        <v>170327</v>
      </c>
      <c r="E17499" s="1" t="s">
        <v>0</v>
      </c>
    </row>
    <row r="17500" spans="1:5" ht="409.5" x14ac:dyDescent="0.25">
      <c r="A17500" s="4" t="s">
        <v>37091</v>
      </c>
      <c r="B17500" s="1" t="s">
        <v>61515</v>
      </c>
      <c r="C17500" s="1" t="s">
        <v>37092</v>
      </c>
      <c r="D17500" s="2">
        <v>170328</v>
      </c>
      <c r="E17500" s="1" t="s">
        <v>0</v>
      </c>
    </row>
    <row r="17501" spans="1:5" x14ac:dyDescent="0.25">
      <c r="A17501" s="1" t="s">
        <v>37093</v>
      </c>
      <c r="B17501" s="1" t="s">
        <v>10049</v>
      </c>
      <c r="C17501" s="1" t="s">
        <v>37094</v>
      </c>
      <c r="D17501" s="2">
        <v>170329</v>
      </c>
      <c r="E17501" s="1" t="s">
        <v>0</v>
      </c>
    </row>
    <row r="17502" spans="1:5" x14ac:dyDescent="0.25">
      <c r="A17502" s="2">
        <v>3500</v>
      </c>
      <c r="B17502" s="2">
        <v>3500</v>
      </c>
      <c r="C17502" s="1" t="s">
        <v>0</v>
      </c>
      <c r="D17502" s="2">
        <v>170330</v>
      </c>
      <c r="E17502" s="1" t="s">
        <v>0</v>
      </c>
    </row>
    <row r="17503" spans="1:5" x14ac:dyDescent="0.25">
      <c r="A17503" s="1" t="s">
        <v>3187</v>
      </c>
      <c r="B17503" s="1" t="s">
        <v>10050</v>
      </c>
      <c r="C17503" s="1" t="s">
        <v>37095</v>
      </c>
      <c r="D17503" s="2">
        <v>170331</v>
      </c>
      <c r="E17503" s="1" t="s">
        <v>0</v>
      </c>
    </row>
    <row r="17504" spans="1:5" x14ac:dyDescent="0.25">
      <c r="A17504" s="1" t="s">
        <v>37096</v>
      </c>
      <c r="B17504" s="1" t="s">
        <v>37097</v>
      </c>
      <c r="C17504" s="1" t="s">
        <v>37098</v>
      </c>
      <c r="D17504" s="2">
        <v>170332</v>
      </c>
      <c r="E17504" s="1" t="s">
        <v>0</v>
      </c>
    </row>
    <row r="17505" spans="1:5" ht="409.5" x14ac:dyDescent="0.25">
      <c r="A17505" s="4" t="s">
        <v>37099</v>
      </c>
      <c r="B17505" s="1" t="s">
        <v>37100</v>
      </c>
      <c r="C17505" s="1" t="s">
        <v>37101</v>
      </c>
      <c r="D17505" s="2">
        <v>170333</v>
      </c>
      <c r="E17505" s="1" t="s">
        <v>0</v>
      </c>
    </row>
    <row r="17506" spans="1:5" x14ac:dyDescent="0.25">
      <c r="A17506" s="1" t="s">
        <v>37102</v>
      </c>
      <c r="B17506" s="1" t="s">
        <v>10051</v>
      </c>
      <c r="C17506" s="1" t="s">
        <v>37103</v>
      </c>
      <c r="D17506" s="2">
        <v>170334</v>
      </c>
      <c r="E17506" s="1" t="s">
        <v>0</v>
      </c>
    </row>
    <row r="17507" spans="1:5" x14ac:dyDescent="0.25">
      <c r="A17507" s="2">
        <v>3501</v>
      </c>
      <c r="B17507" s="2">
        <v>3501</v>
      </c>
      <c r="C17507" s="1" t="s">
        <v>0</v>
      </c>
      <c r="D17507" s="2">
        <v>170335</v>
      </c>
      <c r="E17507" s="1" t="s">
        <v>0</v>
      </c>
    </row>
    <row r="17508" spans="1:5" x14ac:dyDescent="0.25">
      <c r="A17508" s="1" t="s">
        <v>3188</v>
      </c>
      <c r="B17508" s="1" t="s">
        <v>10052</v>
      </c>
      <c r="C17508" s="1" t="s">
        <v>37104</v>
      </c>
      <c r="D17508" s="2">
        <v>170336</v>
      </c>
      <c r="E17508" s="1" t="s">
        <v>0</v>
      </c>
    </row>
    <row r="17509" spans="1:5" x14ac:dyDescent="0.25">
      <c r="A17509" s="1" t="s">
        <v>37105</v>
      </c>
      <c r="B17509" s="1" t="s">
        <v>57928</v>
      </c>
      <c r="C17509" s="1" t="s">
        <v>37106</v>
      </c>
      <c r="D17509" s="2">
        <v>170337</v>
      </c>
      <c r="E17509" s="1" t="s">
        <v>0</v>
      </c>
    </row>
    <row r="17510" spans="1:5" ht="409.5" x14ac:dyDescent="0.25">
      <c r="A17510" s="4" t="s">
        <v>37107</v>
      </c>
      <c r="B17510" s="1" t="s">
        <v>57929</v>
      </c>
      <c r="C17510" s="1" t="s">
        <v>37108</v>
      </c>
      <c r="D17510" s="2">
        <v>170338</v>
      </c>
      <c r="E17510" s="1" t="s">
        <v>0</v>
      </c>
    </row>
    <row r="17511" spans="1:5" x14ac:dyDescent="0.25">
      <c r="A17511" s="1" t="s">
        <v>37109</v>
      </c>
      <c r="B17511" s="1" t="s">
        <v>10053</v>
      </c>
      <c r="C17511" s="1" t="s">
        <v>37110</v>
      </c>
      <c r="D17511" s="2">
        <v>170339</v>
      </c>
      <c r="E17511" s="1" t="s">
        <v>0</v>
      </c>
    </row>
    <row r="17512" spans="1:5" x14ac:dyDescent="0.25">
      <c r="A17512" s="2">
        <v>3502</v>
      </c>
      <c r="B17512" s="2">
        <v>3502</v>
      </c>
      <c r="C17512" s="1" t="s">
        <v>0</v>
      </c>
      <c r="D17512" s="2">
        <v>170340</v>
      </c>
      <c r="E17512" s="1" t="s">
        <v>0</v>
      </c>
    </row>
    <row r="17513" spans="1:5" x14ac:dyDescent="0.25">
      <c r="A17513" s="1" t="s">
        <v>3189</v>
      </c>
      <c r="B17513" s="1" t="s">
        <v>10054</v>
      </c>
      <c r="C17513" s="1" t="s">
        <v>37111</v>
      </c>
      <c r="D17513" s="2">
        <v>170341</v>
      </c>
      <c r="E17513" s="1" t="s">
        <v>0</v>
      </c>
    </row>
    <row r="17514" spans="1:5" x14ac:dyDescent="0.25">
      <c r="A17514" s="1" t="s">
        <v>37112</v>
      </c>
      <c r="B17514" s="1" t="s">
        <v>54862</v>
      </c>
      <c r="C17514" s="1" t="s">
        <v>37113</v>
      </c>
      <c r="D17514" s="2">
        <v>170342</v>
      </c>
      <c r="E17514" s="1" t="s">
        <v>0</v>
      </c>
    </row>
    <row r="17515" spans="1:5" ht="409.5" x14ac:dyDescent="0.25">
      <c r="A17515" s="4" t="s">
        <v>37114</v>
      </c>
      <c r="B17515" s="1" t="s">
        <v>54863</v>
      </c>
      <c r="C17515" s="1" t="s">
        <v>37115</v>
      </c>
      <c r="D17515" s="2">
        <v>170343</v>
      </c>
      <c r="E17515" s="1" t="s">
        <v>0</v>
      </c>
    </row>
    <row r="17516" spans="1:5" x14ac:dyDescent="0.25">
      <c r="A17516" s="1" t="s">
        <v>37116</v>
      </c>
      <c r="B17516" s="1" t="s">
        <v>10055</v>
      </c>
      <c r="C17516" s="1" t="s">
        <v>37117</v>
      </c>
      <c r="D17516" s="2">
        <v>170344</v>
      </c>
      <c r="E17516" s="1" t="s">
        <v>0</v>
      </c>
    </row>
    <row r="17517" spans="1:5" x14ac:dyDescent="0.25">
      <c r="A17517" s="2">
        <v>3503</v>
      </c>
      <c r="B17517" s="2">
        <v>3503</v>
      </c>
      <c r="C17517" s="1" t="s">
        <v>0</v>
      </c>
      <c r="D17517" s="2">
        <v>170345</v>
      </c>
      <c r="E17517" s="1" t="s">
        <v>0</v>
      </c>
    </row>
    <row r="17518" spans="1:5" x14ac:dyDescent="0.25">
      <c r="A17518" s="1" t="s">
        <v>3190</v>
      </c>
      <c r="B17518" s="1" t="s">
        <v>10056</v>
      </c>
      <c r="C17518" s="1" t="s">
        <v>37118</v>
      </c>
      <c r="D17518" s="2">
        <v>170346</v>
      </c>
      <c r="E17518" s="1" t="s">
        <v>0</v>
      </c>
    </row>
    <row r="17519" spans="1:5" x14ac:dyDescent="0.25">
      <c r="A17519" s="1" t="s">
        <v>37119</v>
      </c>
      <c r="B17519" s="1" t="s">
        <v>58807</v>
      </c>
      <c r="C17519" s="1" t="s">
        <v>37120</v>
      </c>
      <c r="D17519" s="2">
        <v>170347</v>
      </c>
      <c r="E17519" s="1" t="s">
        <v>0</v>
      </c>
    </row>
    <row r="17520" spans="1:5" ht="409.5" x14ac:dyDescent="0.25">
      <c r="A17520" s="4" t="s">
        <v>37121</v>
      </c>
      <c r="B17520" s="1" t="s">
        <v>58808</v>
      </c>
      <c r="C17520" s="1" t="s">
        <v>37122</v>
      </c>
      <c r="D17520" s="2">
        <v>170348</v>
      </c>
      <c r="E17520" s="1" t="s">
        <v>0</v>
      </c>
    </row>
    <row r="17521" spans="1:5" x14ac:dyDescent="0.25">
      <c r="A17521" s="1" t="s">
        <v>37123</v>
      </c>
      <c r="B17521" s="1" t="s">
        <v>10057</v>
      </c>
      <c r="C17521" s="1" t="s">
        <v>37124</v>
      </c>
      <c r="D17521" s="2">
        <v>170349</v>
      </c>
      <c r="E17521" s="1" t="s">
        <v>0</v>
      </c>
    </row>
    <row r="17522" spans="1:5" x14ac:dyDescent="0.25">
      <c r="A17522" s="2">
        <v>3504</v>
      </c>
      <c r="B17522" s="2">
        <v>3504</v>
      </c>
      <c r="C17522" s="1" t="s">
        <v>0</v>
      </c>
      <c r="D17522" s="2">
        <v>170350</v>
      </c>
      <c r="E17522" s="1" t="s">
        <v>0</v>
      </c>
    </row>
    <row r="17523" spans="1:5" x14ac:dyDescent="0.25">
      <c r="A17523" s="1" t="s">
        <v>10058</v>
      </c>
      <c r="B17523" s="1" t="s">
        <v>10059</v>
      </c>
      <c r="C17523" s="1" t="s">
        <v>37125</v>
      </c>
      <c r="D17523" s="2">
        <v>170351</v>
      </c>
      <c r="E17523" s="1" t="s">
        <v>0</v>
      </c>
    </row>
    <row r="17524" spans="1:5" x14ac:dyDescent="0.25">
      <c r="A17524" s="1" t="s">
        <v>37126</v>
      </c>
      <c r="B17524" s="1" t="s">
        <v>54864</v>
      </c>
      <c r="C17524" s="1" t="s">
        <v>37127</v>
      </c>
      <c r="D17524" s="2">
        <v>170352</v>
      </c>
      <c r="E17524" s="1" t="s">
        <v>0</v>
      </c>
    </row>
    <row r="17525" spans="1:5" ht="409.5" x14ac:dyDescent="0.25">
      <c r="A17525" s="4" t="s">
        <v>37128</v>
      </c>
      <c r="B17525" s="1" t="s">
        <v>54865</v>
      </c>
      <c r="C17525" s="1" t="s">
        <v>37129</v>
      </c>
      <c r="D17525" s="2">
        <v>170353</v>
      </c>
      <c r="E17525" s="1" t="s">
        <v>0</v>
      </c>
    </row>
    <row r="17526" spans="1:5" x14ac:dyDescent="0.25">
      <c r="A17526" s="1" t="s">
        <v>37130</v>
      </c>
      <c r="B17526" s="1" t="s">
        <v>10060</v>
      </c>
      <c r="C17526" s="1" t="s">
        <v>37131</v>
      </c>
      <c r="D17526" s="2">
        <v>170354</v>
      </c>
      <c r="E17526" s="1" t="s">
        <v>0</v>
      </c>
    </row>
    <row r="17527" spans="1:5" x14ac:dyDescent="0.25">
      <c r="A17527" s="2">
        <v>3505</v>
      </c>
      <c r="B17527" s="2">
        <v>3505</v>
      </c>
      <c r="C17527" s="1" t="s">
        <v>0</v>
      </c>
      <c r="D17527" s="2">
        <v>170355</v>
      </c>
      <c r="E17527" s="1" t="s">
        <v>0</v>
      </c>
    </row>
    <row r="17528" spans="1:5" x14ac:dyDescent="0.25">
      <c r="A17528" s="1" t="s">
        <v>3191</v>
      </c>
      <c r="B17528" s="1" t="s">
        <v>10061</v>
      </c>
      <c r="C17528" s="1" t="s">
        <v>37132</v>
      </c>
      <c r="D17528" s="2">
        <v>170356</v>
      </c>
      <c r="E17528" s="1" t="s">
        <v>0</v>
      </c>
    </row>
    <row r="17529" spans="1:5" x14ac:dyDescent="0.25">
      <c r="A17529" s="1" t="s">
        <v>37133</v>
      </c>
      <c r="B17529" s="1" t="s">
        <v>60514</v>
      </c>
      <c r="C17529" s="1" t="s">
        <v>37134</v>
      </c>
      <c r="D17529" s="2">
        <v>170357</v>
      </c>
      <c r="E17529" s="1" t="s">
        <v>0</v>
      </c>
    </row>
    <row r="17530" spans="1:5" ht="409.5" x14ac:dyDescent="0.25">
      <c r="A17530" s="4" t="s">
        <v>37135</v>
      </c>
      <c r="B17530" s="1" t="s">
        <v>60515</v>
      </c>
      <c r="C17530" s="1" t="s">
        <v>37136</v>
      </c>
      <c r="D17530" s="2">
        <v>170358</v>
      </c>
      <c r="E17530" s="1" t="s">
        <v>0</v>
      </c>
    </row>
    <row r="17531" spans="1:5" x14ac:dyDescent="0.25">
      <c r="A17531" s="1" t="s">
        <v>37137</v>
      </c>
      <c r="B17531" s="1" t="s">
        <v>10062</v>
      </c>
      <c r="C17531" s="1" t="s">
        <v>37138</v>
      </c>
      <c r="D17531" s="2">
        <v>170359</v>
      </c>
      <c r="E17531" s="1" t="s">
        <v>0</v>
      </c>
    </row>
    <row r="17532" spans="1:5" x14ac:dyDescent="0.25">
      <c r="A17532" s="2">
        <v>3506</v>
      </c>
      <c r="B17532" s="2">
        <v>3506</v>
      </c>
      <c r="C17532" s="1" t="s">
        <v>0</v>
      </c>
      <c r="D17532" s="2">
        <v>170360</v>
      </c>
      <c r="E17532" s="1" t="s">
        <v>0</v>
      </c>
    </row>
    <row r="17533" spans="1:5" x14ac:dyDescent="0.25">
      <c r="A17533" s="1" t="s">
        <v>3192</v>
      </c>
      <c r="B17533" s="1" t="s">
        <v>61691</v>
      </c>
      <c r="C17533" s="1" t="s">
        <v>37139</v>
      </c>
      <c r="D17533" s="2">
        <v>170361</v>
      </c>
      <c r="E17533" s="1" t="s">
        <v>0</v>
      </c>
    </row>
    <row r="17534" spans="1:5" x14ac:dyDescent="0.25">
      <c r="A17534" s="1" t="s">
        <v>37140</v>
      </c>
      <c r="B17534" s="1" t="s">
        <v>61692</v>
      </c>
      <c r="C17534" s="1" t="s">
        <v>37141</v>
      </c>
      <c r="D17534" s="2">
        <v>170362</v>
      </c>
      <c r="E17534" s="1" t="s">
        <v>0</v>
      </c>
    </row>
    <row r="17535" spans="1:5" ht="409.5" x14ac:dyDescent="0.25">
      <c r="A17535" s="4" t="s">
        <v>37142</v>
      </c>
      <c r="B17535" s="1" t="s">
        <v>62718</v>
      </c>
      <c r="C17535" s="1" t="s">
        <v>37143</v>
      </c>
      <c r="D17535" s="2">
        <v>170363</v>
      </c>
      <c r="E17535" s="1" t="s">
        <v>0</v>
      </c>
    </row>
    <row r="17536" spans="1:5" x14ac:dyDescent="0.25">
      <c r="A17536" s="1" t="s">
        <v>37144</v>
      </c>
      <c r="B17536" s="1" t="s">
        <v>61693</v>
      </c>
      <c r="C17536" s="1" t="s">
        <v>37145</v>
      </c>
      <c r="D17536" s="2">
        <v>170364</v>
      </c>
      <c r="E17536" s="1" t="s">
        <v>0</v>
      </c>
    </row>
    <row r="17537" spans="1:5" x14ac:dyDescent="0.25">
      <c r="A17537" s="2">
        <v>3507</v>
      </c>
      <c r="B17537" s="2">
        <v>3507</v>
      </c>
      <c r="C17537" s="1" t="s">
        <v>0</v>
      </c>
      <c r="D17537" s="2">
        <v>170365</v>
      </c>
      <c r="E17537" s="1" t="s">
        <v>0</v>
      </c>
    </row>
    <row r="17538" spans="1:5" x14ac:dyDescent="0.25">
      <c r="A17538" s="1" t="s">
        <v>3193</v>
      </c>
      <c r="B17538" s="1" t="s">
        <v>50895</v>
      </c>
      <c r="C17538" s="1" t="s">
        <v>37146</v>
      </c>
      <c r="D17538" s="2">
        <v>170366</v>
      </c>
      <c r="E17538" s="1" t="s">
        <v>0</v>
      </c>
    </row>
    <row r="17539" spans="1:5" x14ac:dyDescent="0.25">
      <c r="A17539" s="1" t="s">
        <v>37147</v>
      </c>
      <c r="B17539" s="1" t="s">
        <v>61243</v>
      </c>
      <c r="C17539" s="1" t="s">
        <v>37148</v>
      </c>
      <c r="D17539" s="2">
        <v>170367</v>
      </c>
      <c r="E17539" s="1" t="s">
        <v>0</v>
      </c>
    </row>
    <row r="17540" spans="1:5" ht="409.5" x14ac:dyDescent="0.25">
      <c r="A17540" s="4" t="s">
        <v>37149</v>
      </c>
      <c r="B17540" s="1" t="s">
        <v>63770</v>
      </c>
      <c r="C17540" s="1" t="s">
        <v>37150</v>
      </c>
      <c r="D17540" s="2">
        <v>170368</v>
      </c>
      <c r="E17540" s="1" t="s">
        <v>0</v>
      </c>
    </row>
    <row r="17541" spans="1:5" x14ac:dyDescent="0.25">
      <c r="A17541" s="1" t="s">
        <v>37151</v>
      </c>
      <c r="B17541" s="1" t="s">
        <v>50896</v>
      </c>
      <c r="C17541" s="1" t="s">
        <v>37152</v>
      </c>
      <c r="D17541" s="2">
        <v>170369</v>
      </c>
      <c r="E17541" s="1" t="s">
        <v>0</v>
      </c>
    </row>
    <row r="17542" spans="1:5" x14ac:dyDescent="0.25">
      <c r="A17542" s="2">
        <v>3508</v>
      </c>
      <c r="B17542" s="2">
        <v>3508</v>
      </c>
      <c r="C17542" s="1" t="s">
        <v>0</v>
      </c>
      <c r="D17542" s="2">
        <v>170370</v>
      </c>
      <c r="E17542" s="1" t="s">
        <v>0</v>
      </c>
    </row>
    <row r="17543" spans="1:5" x14ac:dyDescent="0.25">
      <c r="A17543" s="1" t="s">
        <v>3194</v>
      </c>
      <c r="B17543" s="1" t="s">
        <v>54866</v>
      </c>
      <c r="C17543" s="1" t="s">
        <v>37153</v>
      </c>
      <c r="D17543" s="2">
        <v>170371</v>
      </c>
      <c r="E17543" s="1" t="s">
        <v>0</v>
      </c>
    </row>
    <row r="17544" spans="1:5" x14ac:dyDescent="0.25">
      <c r="A17544" s="1" t="s">
        <v>37154</v>
      </c>
      <c r="B17544" s="1" t="s">
        <v>63771</v>
      </c>
      <c r="C17544" s="1" t="s">
        <v>37155</v>
      </c>
      <c r="D17544" s="2">
        <v>170372</v>
      </c>
      <c r="E17544" s="1" t="s">
        <v>0</v>
      </c>
    </row>
    <row r="17545" spans="1:5" ht="409.5" x14ac:dyDescent="0.25">
      <c r="A17545" s="4" t="s">
        <v>64254</v>
      </c>
      <c r="B17545" s="1" t="s">
        <v>63772</v>
      </c>
      <c r="C17545" s="1" t="s">
        <v>37156</v>
      </c>
      <c r="D17545" s="2">
        <v>170373</v>
      </c>
      <c r="E17545" s="1" t="s">
        <v>0</v>
      </c>
    </row>
    <row r="17546" spans="1:5" x14ac:dyDescent="0.25">
      <c r="A17546" s="1" t="s">
        <v>37157</v>
      </c>
      <c r="B17546" s="1" t="s">
        <v>10063</v>
      </c>
      <c r="C17546" s="1" t="s">
        <v>37158</v>
      </c>
      <c r="D17546" s="2">
        <v>170374</v>
      </c>
      <c r="E17546" s="1" t="s">
        <v>0</v>
      </c>
    </row>
    <row r="17547" spans="1:5" x14ac:dyDescent="0.25">
      <c r="A17547" s="2">
        <v>3509</v>
      </c>
      <c r="B17547" s="2">
        <v>3509</v>
      </c>
      <c r="C17547" s="1" t="s">
        <v>0</v>
      </c>
      <c r="D17547" s="2">
        <v>170375</v>
      </c>
      <c r="E17547" s="1" t="s">
        <v>0</v>
      </c>
    </row>
    <row r="17548" spans="1:5" x14ac:dyDescent="0.25">
      <c r="A17548" s="1" t="s">
        <v>3195</v>
      </c>
      <c r="B17548" s="1" t="s">
        <v>10064</v>
      </c>
      <c r="C17548" s="1" t="s">
        <v>37159</v>
      </c>
      <c r="D17548" s="2">
        <v>170376</v>
      </c>
      <c r="E17548" s="1" t="s">
        <v>0</v>
      </c>
    </row>
    <row r="17549" spans="1:5" x14ac:dyDescent="0.25">
      <c r="A17549" s="1" t="s">
        <v>37160</v>
      </c>
      <c r="B17549" s="1" t="s">
        <v>10065</v>
      </c>
      <c r="C17549" s="1" t="s">
        <v>37161</v>
      </c>
      <c r="D17549" s="2">
        <v>170377</v>
      </c>
      <c r="E17549" s="1" t="s">
        <v>0</v>
      </c>
    </row>
    <row r="17550" spans="1:5" ht="409.5" x14ac:dyDescent="0.25">
      <c r="A17550" s="4" t="s">
        <v>37162</v>
      </c>
      <c r="B17550" s="1" t="s">
        <v>54867</v>
      </c>
      <c r="C17550" s="1" t="s">
        <v>37163</v>
      </c>
      <c r="D17550" s="2">
        <v>170378</v>
      </c>
      <c r="E17550" s="1" t="s">
        <v>0</v>
      </c>
    </row>
    <row r="17551" spans="1:5" x14ac:dyDescent="0.25">
      <c r="A17551" s="1" t="s">
        <v>37164</v>
      </c>
      <c r="B17551" s="1" t="s">
        <v>54868</v>
      </c>
      <c r="C17551" s="1" t="s">
        <v>13435</v>
      </c>
      <c r="D17551" s="2">
        <v>170379</v>
      </c>
      <c r="E17551" s="1" t="s">
        <v>0</v>
      </c>
    </row>
    <row r="17552" spans="1:5" x14ac:dyDescent="0.25">
      <c r="A17552" s="2">
        <v>3510</v>
      </c>
      <c r="B17552" s="2">
        <v>3510</v>
      </c>
      <c r="C17552" s="1" t="s">
        <v>0</v>
      </c>
      <c r="D17552" s="2">
        <v>170380</v>
      </c>
      <c r="E17552" s="1" t="s">
        <v>0</v>
      </c>
    </row>
    <row r="17553" spans="1:5" x14ac:dyDescent="0.25">
      <c r="A17553" s="1" t="s">
        <v>3196</v>
      </c>
      <c r="B17553" s="1" t="s">
        <v>10066</v>
      </c>
      <c r="C17553" s="1" t="s">
        <v>37165</v>
      </c>
      <c r="D17553" s="2">
        <v>170381</v>
      </c>
      <c r="E17553" s="1" t="s">
        <v>0</v>
      </c>
    </row>
    <row r="17554" spans="1:5" x14ac:dyDescent="0.25">
      <c r="A17554" s="1" t="s">
        <v>37166</v>
      </c>
      <c r="B17554" s="1" t="s">
        <v>54869</v>
      </c>
      <c r="C17554" s="1" t="s">
        <v>37167</v>
      </c>
      <c r="D17554" s="2">
        <v>170382</v>
      </c>
      <c r="E17554" s="1" t="s">
        <v>0</v>
      </c>
    </row>
    <row r="17555" spans="1:5" ht="409.5" x14ac:dyDescent="0.25">
      <c r="A17555" s="4" t="s">
        <v>37168</v>
      </c>
      <c r="B17555" s="1" t="s">
        <v>54870</v>
      </c>
      <c r="C17555" s="1" t="s">
        <v>37169</v>
      </c>
      <c r="D17555" s="2">
        <v>170383</v>
      </c>
      <c r="E17555" s="1" t="s">
        <v>0</v>
      </c>
    </row>
    <row r="17556" spans="1:5" x14ac:dyDescent="0.25">
      <c r="A17556" s="1" t="s">
        <v>37170</v>
      </c>
      <c r="B17556" s="1" t="s">
        <v>54871</v>
      </c>
      <c r="C17556" s="1" t="s">
        <v>37171</v>
      </c>
      <c r="D17556" s="2">
        <v>170384</v>
      </c>
      <c r="E17556" s="1" t="s">
        <v>0</v>
      </c>
    </row>
    <row r="17557" spans="1:5" x14ac:dyDescent="0.25">
      <c r="A17557" s="2">
        <v>3511</v>
      </c>
      <c r="B17557" s="2">
        <v>3511</v>
      </c>
      <c r="C17557" s="1" t="s">
        <v>0</v>
      </c>
      <c r="D17557" s="2">
        <v>170385</v>
      </c>
      <c r="E17557" s="1" t="s">
        <v>0</v>
      </c>
    </row>
    <row r="17558" spans="1:5" x14ac:dyDescent="0.25">
      <c r="A17558" s="1" t="s">
        <v>3197</v>
      </c>
      <c r="B17558" s="1" t="s">
        <v>58936</v>
      </c>
      <c r="C17558" s="1" t="s">
        <v>37172</v>
      </c>
      <c r="D17558" s="2">
        <v>170386</v>
      </c>
      <c r="E17558" s="1" t="s">
        <v>0</v>
      </c>
    </row>
    <row r="17559" spans="1:5" x14ac:dyDescent="0.25">
      <c r="A17559" s="1" t="s">
        <v>37173</v>
      </c>
      <c r="B17559" s="1" t="s">
        <v>58937</v>
      </c>
      <c r="C17559" s="1" t="s">
        <v>37174</v>
      </c>
      <c r="D17559" s="2">
        <v>170387</v>
      </c>
      <c r="E17559" s="1" t="s">
        <v>0</v>
      </c>
    </row>
    <row r="17560" spans="1:5" ht="409.5" x14ac:dyDescent="0.25">
      <c r="A17560" s="4" t="s">
        <v>37175</v>
      </c>
      <c r="B17560" s="1" t="s">
        <v>58938</v>
      </c>
      <c r="C17560" s="1" t="s">
        <v>37176</v>
      </c>
      <c r="D17560" s="2">
        <v>170388</v>
      </c>
      <c r="E17560" s="1" t="s">
        <v>0</v>
      </c>
    </row>
    <row r="17561" spans="1:5" x14ac:dyDescent="0.25">
      <c r="A17561" s="1" t="s">
        <v>26657</v>
      </c>
      <c r="B17561" s="1" t="s">
        <v>57199</v>
      </c>
      <c r="C17561" s="1" t="s">
        <v>26658</v>
      </c>
      <c r="D17561" s="2">
        <v>170389</v>
      </c>
      <c r="E17561" s="1" t="s">
        <v>0</v>
      </c>
    </row>
    <row r="17562" spans="1:5" x14ac:dyDescent="0.25">
      <c r="A17562" s="2">
        <v>3512</v>
      </c>
      <c r="B17562" s="2">
        <v>3512</v>
      </c>
      <c r="C17562" s="1" t="s">
        <v>0</v>
      </c>
      <c r="D17562" s="2">
        <v>170390</v>
      </c>
      <c r="E17562" s="1" t="s">
        <v>0</v>
      </c>
    </row>
    <row r="17563" spans="1:5" x14ac:dyDescent="0.25">
      <c r="A17563" s="1" t="s">
        <v>3198</v>
      </c>
      <c r="B17563" s="1" t="s">
        <v>10067</v>
      </c>
      <c r="C17563" s="1" t="s">
        <v>37177</v>
      </c>
      <c r="D17563" s="2">
        <v>170391</v>
      </c>
      <c r="E17563" s="1" t="s">
        <v>0</v>
      </c>
    </row>
    <row r="17564" spans="1:5" x14ac:dyDescent="0.25">
      <c r="A17564" s="1" t="s">
        <v>37178</v>
      </c>
      <c r="B17564" s="1" t="s">
        <v>10068</v>
      </c>
      <c r="C17564" s="1" t="s">
        <v>37179</v>
      </c>
      <c r="D17564" s="2">
        <v>170392</v>
      </c>
      <c r="E17564" s="1" t="s">
        <v>0</v>
      </c>
    </row>
    <row r="17565" spans="1:5" ht="409.5" x14ac:dyDescent="0.25">
      <c r="A17565" s="4" t="s">
        <v>37180</v>
      </c>
      <c r="B17565" s="1" t="s">
        <v>54872</v>
      </c>
      <c r="C17565" s="1" t="s">
        <v>37181</v>
      </c>
      <c r="D17565" s="2">
        <v>170393</v>
      </c>
      <c r="E17565" s="1" t="s">
        <v>0</v>
      </c>
    </row>
    <row r="17566" spans="1:5" x14ac:dyDescent="0.25">
      <c r="A17566" s="1" t="s">
        <v>37182</v>
      </c>
      <c r="B17566" s="1" t="s">
        <v>54873</v>
      </c>
      <c r="C17566" s="1" t="s">
        <v>37183</v>
      </c>
      <c r="D17566" s="2">
        <v>170394</v>
      </c>
      <c r="E17566" s="1" t="s">
        <v>0</v>
      </c>
    </row>
    <row r="17567" spans="1:5" x14ac:dyDescent="0.25">
      <c r="A17567" s="2">
        <v>3513</v>
      </c>
      <c r="B17567" s="2">
        <v>3513</v>
      </c>
      <c r="C17567" s="1" t="s">
        <v>0</v>
      </c>
      <c r="D17567" s="2">
        <v>170395</v>
      </c>
      <c r="E17567" s="1" t="s">
        <v>0</v>
      </c>
    </row>
    <row r="17568" spans="1:5" x14ac:dyDescent="0.25">
      <c r="A17568" s="1" t="s">
        <v>3199</v>
      </c>
      <c r="B17568" s="1" t="s">
        <v>10069</v>
      </c>
      <c r="C17568" s="1" t="s">
        <v>37184</v>
      </c>
      <c r="D17568" s="2">
        <v>170396</v>
      </c>
      <c r="E17568" s="1" t="s">
        <v>0</v>
      </c>
    </row>
    <row r="17569" spans="1:5" x14ac:dyDescent="0.25">
      <c r="A17569" s="1" t="s">
        <v>37185</v>
      </c>
      <c r="B17569" s="1" t="s">
        <v>63449</v>
      </c>
      <c r="C17569" s="1" t="s">
        <v>37186</v>
      </c>
      <c r="D17569" s="2">
        <v>170397</v>
      </c>
      <c r="E17569" s="1" t="s">
        <v>0</v>
      </c>
    </row>
    <row r="17570" spans="1:5" ht="409.5" x14ac:dyDescent="0.25">
      <c r="A17570" s="4" t="s">
        <v>37187</v>
      </c>
      <c r="B17570" s="1" t="s">
        <v>63450</v>
      </c>
      <c r="C17570" s="1" t="s">
        <v>37188</v>
      </c>
      <c r="D17570" s="2">
        <v>170398</v>
      </c>
      <c r="E17570" s="1" t="s">
        <v>0</v>
      </c>
    </row>
    <row r="17571" spans="1:5" x14ac:dyDescent="0.25">
      <c r="A17571" s="1" t="s">
        <v>37189</v>
      </c>
      <c r="B17571" s="1" t="s">
        <v>10070</v>
      </c>
      <c r="C17571" s="1" t="s">
        <v>37190</v>
      </c>
      <c r="D17571" s="2">
        <v>170399</v>
      </c>
      <c r="E17571" s="1" t="s">
        <v>0</v>
      </c>
    </row>
    <row r="17572" spans="1:5" x14ac:dyDescent="0.25">
      <c r="A17572" s="2">
        <v>3514</v>
      </c>
      <c r="B17572" s="2">
        <v>3514</v>
      </c>
      <c r="C17572" s="1" t="s">
        <v>0</v>
      </c>
      <c r="D17572" s="2">
        <v>170400</v>
      </c>
      <c r="E17572" s="1" t="s">
        <v>0</v>
      </c>
    </row>
    <row r="17573" spans="1:5" x14ac:dyDescent="0.25">
      <c r="A17573" s="1" t="s">
        <v>13210</v>
      </c>
      <c r="B17573" s="1" t="s">
        <v>54874</v>
      </c>
      <c r="C17573" s="1" t="s">
        <v>37191</v>
      </c>
      <c r="D17573" s="2">
        <v>170401</v>
      </c>
      <c r="E17573" s="1" t="s">
        <v>0</v>
      </c>
    </row>
    <row r="17574" spans="1:5" x14ac:dyDescent="0.25">
      <c r="A17574" s="1" t="s">
        <v>37192</v>
      </c>
      <c r="B17574" s="1" t="s">
        <v>57930</v>
      </c>
      <c r="C17574" s="1" t="s">
        <v>37193</v>
      </c>
      <c r="D17574" s="2">
        <v>170402</v>
      </c>
      <c r="E17574" s="1" t="s">
        <v>0</v>
      </c>
    </row>
    <row r="17575" spans="1:5" ht="409.5" x14ac:dyDescent="0.25">
      <c r="A17575" s="4" t="s">
        <v>37194</v>
      </c>
      <c r="B17575" s="1" t="s">
        <v>61244</v>
      </c>
      <c r="C17575" s="1" t="s">
        <v>37195</v>
      </c>
      <c r="D17575" s="2">
        <v>170403</v>
      </c>
      <c r="E17575" s="1" t="s">
        <v>0</v>
      </c>
    </row>
    <row r="17576" spans="1:5" x14ac:dyDescent="0.25">
      <c r="A17576" s="1" t="s">
        <v>37196</v>
      </c>
      <c r="B17576" s="1" t="s">
        <v>61245</v>
      </c>
      <c r="C17576" s="1" t="s">
        <v>37197</v>
      </c>
      <c r="D17576" s="2">
        <v>170404</v>
      </c>
      <c r="E17576" s="1" t="s">
        <v>0</v>
      </c>
    </row>
    <row r="17577" spans="1:5" x14ac:dyDescent="0.25">
      <c r="A17577" s="2">
        <v>3515</v>
      </c>
      <c r="B17577" s="2">
        <v>3515</v>
      </c>
      <c r="C17577" s="1" t="s">
        <v>0</v>
      </c>
      <c r="D17577" s="2">
        <v>170405</v>
      </c>
      <c r="E17577" s="1" t="s">
        <v>0</v>
      </c>
    </row>
    <row r="17578" spans="1:5" x14ac:dyDescent="0.25">
      <c r="A17578" s="1" t="s">
        <v>13211</v>
      </c>
      <c r="B17578" s="1" t="s">
        <v>13212</v>
      </c>
      <c r="C17578" s="1" t="s">
        <v>37198</v>
      </c>
      <c r="D17578" s="2">
        <v>170406</v>
      </c>
      <c r="E17578" s="1" t="s">
        <v>0</v>
      </c>
    </row>
    <row r="17579" spans="1:5" x14ac:dyDescent="0.25">
      <c r="A17579" s="1" t="s">
        <v>37199</v>
      </c>
      <c r="B17579" s="1" t="s">
        <v>58809</v>
      </c>
      <c r="C17579" s="1" t="s">
        <v>37200</v>
      </c>
      <c r="D17579" s="2">
        <v>170407</v>
      </c>
      <c r="E17579" s="1" t="s">
        <v>0</v>
      </c>
    </row>
    <row r="17580" spans="1:5" ht="409.5" x14ac:dyDescent="0.25">
      <c r="A17580" s="4" t="s">
        <v>37201</v>
      </c>
      <c r="B17580" s="1" t="s">
        <v>58810</v>
      </c>
      <c r="C17580" s="1" t="s">
        <v>37202</v>
      </c>
      <c r="D17580" s="2">
        <v>170408</v>
      </c>
      <c r="E17580" s="1" t="s">
        <v>0</v>
      </c>
    </row>
    <row r="17581" spans="1:5" x14ac:dyDescent="0.25">
      <c r="A17581" s="1" t="s">
        <v>37203</v>
      </c>
      <c r="B17581" s="1" t="s">
        <v>54875</v>
      </c>
      <c r="C17581" s="1" t="s">
        <v>37204</v>
      </c>
      <c r="D17581" s="2">
        <v>170409</v>
      </c>
      <c r="E17581" s="1" t="s">
        <v>0</v>
      </c>
    </row>
    <row r="17582" spans="1:5" x14ac:dyDescent="0.25">
      <c r="A17582" s="2">
        <v>3516</v>
      </c>
      <c r="B17582" s="2">
        <v>3516</v>
      </c>
      <c r="C17582" s="1" t="s">
        <v>0</v>
      </c>
      <c r="D17582" s="2">
        <v>170410</v>
      </c>
      <c r="E17582" s="1" t="s">
        <v>0</v>
      </c>
    </row>
    <row r="17583" spans="1:5" x14ac:dyDescent="0.25">
      <c r="A17583" s="1" t="s">
        <v>3200</v>
      </c>
      <c r="B17583" s="1" t="s">
        <v>54876</v>
      </c>
      <c r="C17583" s="1" t="s">
        <v>37205</v>
      </c>
      <c r="D17583" s="2">
        <v>170411</v>
      </c>
      <c r="E17583" s="1" t="s">
        <v>0</v>
      </c>
    </row>
    <row r="17584" spans="1:5" x14ac:dyDescent="0.25">
      <c r="A17584" s="1" t="s">
        <v>37206</v>
      </c>
      <c r="B17584" s="1" t="s">
        <v>54877</v>
      </c>
      <c r="C17584" s="1" t="s">
        <v>37207</v>
      </c>
      <c r="D17584" s="2">
        <v>170412</v>
      </c>
      <c r="E17584" s="1" t="s">
        <v>0</v>
      </c>
    </row>
    <row r="17585" spans="1:5" ht="409.5" x14ac:dyDescent="0.25">
      <c r="A17585" s="4" t="s">
        <v>37208</v>
      </c>
      <c r="B17585" s="1" t="s">
        <v>58939</v>
      </c>
      <c r="C17585" s="1" t="s">
        <v>37209</v>
      </c>
      <c r="D17585" s="2">
        <v>170413</v>
      </c>
      <c r="E17585" s="1" t="s">
        <v>0</v>
      </c>
    </row>
    <row r="17586" spans="1:5" x14ac:dyDescent="0.25">
      <c r="A17586" s="1" t="s">
        <v>37210</v>
      </c>
      <c r="B17586" s="1" t="s">
        <v>54878</v>
      </c>
      <c r="C17586" s="1" t="s">
        <v>37211</v>
      </c>
      <c r="D17586" s="2">
        <v>170414</v>
      </c>
      <c r="E17586" s="1" t="s">
        <v>0</v>
      </c>
    </row>
    <row r="17587" spans="1:5" x14ac:dyDescent="0.25">
      <c r="A17587" s="2">
        <v>3517</v>
      </c>
      <c r="B17587" s="2">
        <v>3517</v>
      </c>
      <c r="C17587" s="1" t="s">
        <v>0</v>
      </c>
      <c r="D17587" s="2">
        <v>170415</v>
      </c>
      <c r="E17587" s="1" t="s">
        <v>0</v>
      </c>
    </row>
    <row r="17588" spans="1:5" x14ac:dyDescent="0.25">
      <c r="A17588" s="1" t="s">
        <v>3201</v>
      </c>
      <c r="B17588" s="1" t="s">
        <v>10071</v>
      </c>
      <c r="C17588" s="1" t="s">
        <v>37212</v>
      </c>
      <c r="D17588" s="2">
        <v>170416</v>
      </c>
      <c r="E17588" s="1" t="s">
        <v>0</v>
      </c>
    </row>
    <row r="17589" spans="1:5" x14ac:dyDescent="0.25">
      <c r="A17589" s="1" t="s">
        <v>37213</v>
      </c>
      <c r="B17589" s="1" t="s">
        <v>62719</v>
      </c>
      <c r="C17589" s="1" t="s">
        <v>37214</v>
      </c>
      <c r="D17589" s="2">
        <v>170417</v>
      </c>
      <c r="E17589" s="1" t="s">
        <v>0</v>
      </c>
    </row>
    <row r="17590" spans="1:5" ht="409.5" x14ac:dyDescent="0.25">
      <c r="A17590" s="4" t="s">
        <v>37215</v>
      </c>
      <c r="B17590" s="1" t="s">
        <v>62720</v>
      </c>
      <c r="C17590" s="1" t="s">
        <v>37216</v>
      </c>
      <c r="D17590" s="2">
        <v>170418</v>
      </c>
      <c r="E17590" s="1" t="s">
        <v>0</v>
      </c>
    </row>
    <row r="17591" spans="1:5" x14ac:dyDescent="0.25">
      <c r="A17591" s="1" t="s">
        <v>37217</v>
      </c>
      <c r="B17591" s="1" t="s">
        <v>10072</v>
      </c>
      <c r="C17591" s="1" t="s">
        <v>37218</v>
      </c>
      <c r="D17591" s="2">
        <v>170419</v>
      </c>
      <c r="E17591" s="1" t="s">
        <v>0</v>
      </c>
    </row>
    <row r="17592" spans="1:5" x14ac:dyDescent="0.25">
      <c r="A17592" s="2">
        <v>3518</v>
      </c>
      <c r="B17592" s="2">
        <v>3518</v>
      </c>
      <c r="C17592" s="1" t="s">
        <v>0</v>
      </c>
      <c r="D17592" s="2">
        <v>170420</v>
      </c>
      <c r="E17592" s="1" t="s">
        <v>0</v>
      </c>
    </row>
    <row r="17593" spans="1:5" x14ac:dyDescent="0.25">
      <c r="A17593" s="1" t="s">
        <v>3202</v>
      </c>
      <c r="B17593" s="1" t="s">
        <v>57931</v>
      </c>
      <c r="C17593" s="1" t="s">
        <v>37219</v>
      </c>
      <c r="D17593" s="2">
        <v>170421</v>
      </c>
      <c r="E17593" s="1" t="s">
        <v>0</v>
      </c>
    </row>
    <row r="17594" spans="1:5" x14ac:dyDescent="0.25">
      <c r="A17594" s="1" t="s">
        <v>37220</v>
      </c>
      <c r="B17594" s="1" t="s">
        <v>58093</v>
      </c>
      <c r="C17594" s="1" t="s">
        <v>37221</v>
      </c>
      <c r="D17594" s="2">
        <v>170422</v>
      </c>
      <c r="E17594" s="1" t="s">
        <v>0</v>
      </c>
    </row>
    <row r="17595" spans="1:5" ht="409.5" x14ac:dyDescent="0.25">
      <c r="A17595" s="4" t="s">
        <v>64255</v>
      </c>
      <c r="B17595" s="1" t="s">
        <v>58094</v>
      </c>
      <c r="C17595" s="1" t="s">
        <v>37222</v>
      </c>
      <c r="D17595" s="2">
        <v>170423</v>
      </c>
      <c r="E17595" s="1" t="s">
        <v>0</v>
      </c>
    </row>
    <row r="17596" spans="1:5" x14ac:dyDescent="0.25">
      <c r="A17596" s="1" t="s">
        <v>37223</v>
      </c>
      <c r="B17596" s="1" t="s">
        <v>10073</v>
      </c>
      <c r="C17596" s="1" t="s">
        <v>37224</v>
      </c>
      <c r="D17596" s="2">
        <v>170424</v>
      </c>
      <c r="E17596" s="1" t="s">
        <v>0</v>
      </c>
    </row>
    <row r="17597" spans="1:5" x14ac:dyDescent="0.25">
      <c r="A17597" s="2">
        <v>3519</v>
      </c>
      <c r="B17597" s="2">
        <v>3519</v>
      </c>
      <c r="C17597" s="1" t="s">
        <v>0</v>
      </c>
      <c r="D17597" s="2">
        <v>170425</v>
      </c>
      <c r="E17597" s="1" t="s">
        <v>0</v>
      </c>
    </row>
    <row r="17598" spans="1:5" x14ac:dyDescent="0.25">
      <c r="A17598" s="1" t="s">
        <v>3203</v>
      </c>
      <c r="B17598" s="1" t="s">
        <v>10074</v>
      </c>
      <c r="C17598" s="1" t="s">
        <v>37225</v>
      </c>
      <c r="D17598" s="2">
        <v>170426</v>
      </c>
      <c r="E17598" s="1" t="s">
        <v>0</v>
      </c>
    </row>
    <row r="17599" spans="1:5" x14ac:dyDescent="0.25">
      <c r="A17599" s="1" t="s">
        <v>37226</v>
      </c>
      <c r="B17599" s="1" t="s">
        <v>54879</v>
      </c>
      <c r="C17599" s="1" t="s">
        <v>37227</v>
      </c>
      <c r="D17599" s="2">
        <v>170427</v>
      </c>
      <c r="E17599" s="1" t="s">
        <v>0</v>
      </c>
    </row>
    <row r="17600" spans="1:5" ht="409.5" x14ac:dyDescent="0.25">
      <c r="A17600" s="4" t="s">
        <v>37228</v>
      </c>
      <c r="B17600" s="1" t="s">
        <v>61246</v>
      </c>
      <c r="C17600" s="1" t="s">
        <v>37229</v>
      </c>
      <c r="D17600" s="2">
        <v>170428</v>
      </c>
      <c r="E17600" s="1" t="s">
        <v>0</v>
      </c>
    </row>
    <row r="17601" spans="1:5" x14ac:dyDescent="0.25">
      <c r="A17601" s="1" t="s">
        <v>13413</v>
      </c>
      <c r="B17601" s="1" t="s">
        <v>60845</v>
      </c>
      <c r="C17601" s="1" t="s">
        <v>13414</v>
      </c>
      <c r="D17601" s="2">
        <v>170429</v>
      </c>
      <c r="E17601" s="1" t="s">
        <v>0</v>
      </c>
    </row>
    <row r="17602" spans="1:5" x14ac:dyDescent="0.25">
      <c r="A17602" s="2">
        <v>3520</v>
      </c>
      <c r="B17602" s="2">
        <v>3520</v>
      </c>
      <c r="C17602" s="1" t="s">
        <v>0</v>
      </c>
      <c r="D17602" s="2">
        <v>170430</v>
      </c>
      <c r="E17602" s="1" t="s">
        <v>0</v>
      </c>
    </row>
    <row r="17603" spans="1:5" x14ac:dyDescent="0.25">
      <c r="A17603" s="1" t="s">
        <v>3204</v>
      </c>
      <c r="B17603" s="1" t="s">
        <v>60134</v>
      </c>
      <c r="C17603" s="1" t="s">
        <v>37230</v>
      </c>
      <c r="D17603" s="2">
        <v>170431</v>
      </c>
      <c r="E17603" s="1" t="s">
        <v>0</v>
      </c>
    </row>
    <row r="17604" spans="1:5" x14ac:dyDescent="0.25">
      <c r="A17604" s="1" t="s">
        <v>37231</v>
      </c>
      <c r="B17604" s="1" t="s">
        <v>57932</v>
      </c>
      <c r="C17604" s="1" t="s">
        <v>37232</v>
      </c>
      <c r="D17604" s="2">
        <v>170432</v>
      </c>
      <c r="E17604" s="1" t="s">
        <v>0</v>
      </c>
    </row>
    <row r="17605" spans="1:5" ht="409.5" x14ac:dyDescent="0.25">
      <c r="A17605" s="4" t="s">
        <v>37233</v>
      </c>
      <c r="B17605" s="1" t="s">
        <v>60135</v>
      </c>
      <c r="C17605" s="1" t="s">
        <v>37234</v>
      </c>
      <c r="D17605" s="2">
        <v>170433</v>
      </c>
      <c r="E17605" s="1" t="s">
        <v>0</v>
      </c>
    </row>
    <row r="17606" spans="1:5" x14ac:dyDescent="0.25">
      <c r="A17606" s="1" t="s">
        <v>37235</v>
      </c>
      <c r="B17606" s="1" t="s">
        <v>10075</v>
      </c>
      <c r="C17606" s="1" t="s">
        <v>37236</v>
      </c>
      <c r="D17606" s="2">
        <v>170434</v>
      </c>
      <c r="E17606" s="1" t="s">
        <v>0</v>
      </c>
    </row>
    <row r="17607" spans="1:5" x14ac:dyDescent="0.25">
      <c r="A17607" s="2">
        <v>3521</v>
      </c>
      <c r="B17607" s="2">
        <v>3521</v>
      </c>
      <c r="C17607" s="1" t="s">
        <v>0</v>
      </c>
      <c r="D17607" s="2">
        <v>170435</v>
      </c>
      <c r="E17607" s="1" t="s">
        <v>0</v>
      </c>
    </row>
    <row r="17608" spans="1:5" x14ac:dyDescent="0.25">
      <c r="A17608" s="1" t="s">
        <v>3205</v>
      </c>
      <c r="B17608" s="1" t="s">
        <v>10076</v>
      </c>
      <c r="C17608" s="1" t="s">
        <v>37237</v>
      </c>
      <c r="D17608" s="2">
        <v>170436</v>
      </c>
      <c r="E17608" s="1" t="s">
        <v>0</v>
      </c>
    </row>
    <row r="17609" spans="1:5" x14ac:dyDescent="0.25">
      <c r="A17609" s="1" t="s">
        <v>37238</v>
      </c>
      <c r="B17609" s="1" t="s">
        <v>56819</v>
      </c>
      <c r="C17609" s="1" t="s">
        <v>37239</v>
      </c>
      <c r="D17609" s="2">
        <v>170437</v>
      </c>
      <c r="E17609" s="1" t="s">
        <v>0</v>
      </c>
    </row>
    <row r="17610" spans="1:5" ht="409.5" x14ac:dyDescent="0.25">
      <c r="A17610" s="4" t="s">
        <v>37240</v>
      </c>
      <c r="B17610" s="1" t="s">
        <v>56820</v>
      </c>
      <c r="C17610" s="1" t="s">
        <v>37241</v>
      </c>
      <c r="D17610" s="2">
        <v>170438</v>
      </c>
      <c r="E17610" s="1" t="s">
        <v>0</v>
      </c>
    </row>
    <row r="17611" spans="1:5" x14ac:dyDescent="0.25">
      <c r="A17611" s="1" t="s">
        <v>37242</v>
      </c>
      <c r="B17611" s="1" t="s">
        <v>10077</v>
      </c>
      <c r="C17611" s="1" t="s">
        <v>37243</v>
      </c>
      <c r="D17611" s="2">
        <v>170439</v>
      </c>
      <c r="E17611" s="1" t="s">
        <v>0</v>
      </c>
    </row>
    <row r="17612" spans="1:5" x14ac:dyDescent="0.25">
      <c r="A17612" s="2">
        <v>3522</v>
      </c>
      <c r="B17612" s="2">
        <v>3522</v>
      </c>
      <c r="C17612" s="1" t="s">
        <v>0</v>
      </c>
      <c r="D17612" s="2">
        <v>170440</v>
      </c>
      <c r="E17612" s="1" t="s">
        <v>0</v>
      </c>
    </row>
    <row r="17613" spans="1:5" x14ac:dyDescent="0.25">
      <c r="A17613" s="1" t="s">
        <v>64256</v>
      </c>
      <c r="B17613" s="1" t="s">
        <v>60136</v>
      </c>
      <c r="C17613" s="1" t="s">
        <v>37244</v>
      </c>
      <c r="D17613" s="2">
        <v>170441</v>
      </c>
      <c r="E17613" s="1" t="s">
        <v>0</v>
      </c>
    </row>
    <row r="17614" spans="1:5" x14ac:dyDescent="0.25">
      <c r="A17614" s="1" t="s">
        <v>37245</v>
      </c>
      <c r="B17614" s="1" t="s">
        <v>63773</v>
      </c>
      <c r="C17614" s="1" t="s">
        <v>37246</v>
      </c>
      <c r="D17614" s="2">
        <v>170442</v>
      </c>
      <c r="E17614" s="1" t="s">
        <v>0</v>
      </c>
    </row>
    <row r="17615" spans="1:5" ht="409.5" x14ac:dyDescent="0.25">
      <c r="A17615" s="4" t="s">
        <v>64257</v>
      </c>
      <c r="B17615" s="1" t="s">
        <v>63774</v>
      </c>
      <c r="C17615" s="1" t="s">
        <v>37247</v>
      </c>
      <c r="D17615" s="2">
        <v>170443</v>
      </c>
      <c r="E17615" s="1" t="s">
        <v>0</v>
      </c>
    </row>
    <row r="17616" spans="1:5" x14ac:dyDescent="0.25">
      <c r="A17616" s="1" t="s">
        <v>37248</v>
      </c>
      <c r="B17616" s="1" t="s">
        <v>54880</v>
      </c>
      <c r="C17616" s="1" t="s">
        <v>37249</v>
      </c>
      <c r="D17616" s="2">
        <v>170444</v>
      </c>
      <c r="E17616" s="1" t="s">
        <v>0</v>
      </c>
    </row>
    <row r="17617" spans="1:5" x14ac:dyDescent="0.25">
      <c r="A17617" s="2">
        <v>3523</v>
      </c>
      <c r="B17617" s="2">
        <v>3523</v>
      </c>
      <c r="C17617" s="1" t="s">
        <v>0</v>
      </c>
      <c r="D17617" s="2">
        <v>170445</v>
      </c>
      <c r="E17617" s="1" t="s">
        <v>0</v>
      </c>
    </row>
    <row r="17618" spans="1:5" x14ac:dyDescent="0.25">
      <c r="A17618" s="1" t="s">
        <v>3206</v>
      </c>
      <c r="B17618" s="1" t="s">
        <v>10078</v>
      </c>
      <c r="C17618" s="1" t="s">
        <v>37250</v>
      </c>
      <c r="D17618" s="2">
        <v>170446</v>
      </c>
      <c r="E17618" s="1" t="s">
        <v>0</v>
      </c>
    </row>
    <row r="17619" spans="1:5" x14ac:dyDescent="0.25">
      <c r="A17619" s="1" t="s">
        <v>37251</v>
      </c>
      <c r="B17619" s="1" t="s">
        <v>10079</v>
      </c>
      <c r="C17619" s="1" t="s">
        <v>37252</v>
      </c>
      <c r="D17619" s="2">
        <v>170447</v>
      </c>
      <c r="E17619" s="1" t="s">
        <v>0</v>
      </c>
    </row>
    <row r="17620" spans="1:5" ht="409.5" x14ac:dyDescent="0.25">
      <c r="A17620" s="4" t="s">
        <v>37253</v>
      </c>
      <c r="B17620" s="1" t="s">
        <v>59656</v>
      </c>
      <c r="C17620" s="1" t="s">
        <v>37254</v>
      </c>
      <c r="D17620" s="2">
        <v>170448</v>
      </c>
      <c r="E17620" s="1" t="s">
        <v>0</v>
      </c>
    </row>
    <row r="17621" spans="1:5" x14ac:dyDescent="0.25">
      <c r="A17621" s="1" t="s">
        <v>37255</v>
      </c>
      <c r="B17621" s="1" t="s">
        <v>54881</v>
      </c>
      <c r="C17621" s="1" t="s">
        <v>37256</v>
      </c>
      <c r="D17621" s="2">
        <v>170449</v>
      </c>
      <c r="E17621" s="1" t="s">
        <v>0</v>
      </c>
    </row>
    <row r="17622" spans="1:5" x14ac:dyDescent="0.25">
      <c r="A17622" s="2">
        <v>3524</v>
      </c>
      <c r="B17622" s="2">
        <v>3524</v>
      </c>
      <c r="C17622" s="1" t="s">
        <v>0</v>
      </c>
      <c r="D17622" s="2">
        <v>170450</v>
      </c>
      <c r="E17622" s="1" t="s">
        <v>0</v>
      </c>
    </row>
    <row r="17623" spans="1:5" x14ac:dyDescent="0.25">
      <c r="A17623" s="1" t="s">
        <v>13213</v>
      </c>
      <c r="B17623" s="1" t="s">
        <v>10080</v>
      </c>
      <c r="C17623" s="1" t="s">
        <v>37257</v>
      </c>
      <c r="D17623" s="2">
        <v>170451</v>
      </c>
      <c r="E17623" s="1" t="s">
        <v>0</v>
      </c>
    </row>
    <row r="17624" spans="1:5" x14ac:dyDescent="0.25">
      <c r="A17624" s="1" t="s">
        <v>37258</v>
      </c>
      <c r="B17624" s="1" t="s">
        <v>13214</v>
      </c>
      <c r="C17624" s="1" t="s">
        <v>37259</v>
      </c>
      <c r="D17624" s="2">
        <v>170452</v>
      </c>
      <c r="E17624" s="1" t="s">
        <v>0</v>
      </c>
    </row>
    <row r="17625" spans="1:5" ht="409.5" x14ac:dyDescent="0.25">
      <c r="A17625" s="4" t="s">
        <v>37260</v>
      </c>
      <c r="B17625" s="1" t="s">
        <v>56821</v>
      </c>
      <c r="C17625" s="1" t="s">
        <v>37261</v>
      </c>
      <c r="D17625" s="2">
        <v>170453</v>
      </c>
      <c r="E17625" s="1" t="s">
        <v>0</v>
      </c>
    </row>
    <row r="17626" spans="1:5" x14ac:dyDescent="0.25">
      <c r="A17626" s="1" t="s">
        <v>37262</v>
      </c>
      <c r="B17626" s="1" t="s">
        <v>54882</v>
      </c>
      <c r="C17626" s="1" t="s">
        <v>37263</v>
      </c>
      <c r="D17626" s="2">
        <v>170454</v>
      </c>
      <c r="E17626" s="1" t="s">
        <v>0</v>
      </c>
    </row>
    <row r="17627" spans="1:5" x14ac:dyDescent="0.25">
      <c r="A17627" s="2">
        <v>3525</v>
      </c>
      <c r="B17627" s="2">
        <v>3525</v>
      </c>
      <c r="C17627" s="1" t="s">
        <v>0</v>
      </c>
      <c r="D17627" s="2">
        <v>170455</v>
      </c>
      <c r="E17627" s="1" t="s">
        <v>0</v>
      </c>
    </row>
    <row r="17628" spans="1:5" x14ac:dyDescent="0.25">
      <c r="A17628" s="1" t="s">
        <v>3207</v>
      </c>
      <c r="B17628" s="1" t="s">
        <v>60137</v>
      </c>
      <c r="C17628" s="1" t="s">
        <v>37264</v>
      </c>
      <c r="D17628" s="2">
        <v>170456</v>
      </c>
      <c r="E17628" s="1" t="s">
        <v>0</v>
      </c>
    </row>
    <row r="17629" spans="1:5" x14ac:dyDescent="0.25">
      <c r="A17629" s="1" t="s">
        <v>37265</v>
      </c>
      <c r="B17629" s="1" t="s">
        <v>37266</v>
      </c>
      <c r="C17629" s="1" t="s">
        <v>37267</v>
      </c>
      <c r="D17629" s="2">
        <v>170457</v>
      </c>
      <c r="E17629" s="1" t="s">
        <v>0</v>
      </c>
    </row>
    <row r="17630" spans="1:5" ht="409.5" x14ac:dyDescent="0.25">
      <c r="A17630" s="4" t="s">
        <v>37268</v>
      </c>
      <c r="B17630" s="1" t="s">
        <v>61247</v>
      </c>
      <c r="C17630" s="1" t="s">
        <v>37269</v>
      </c>
      <c r="D17630" s="2">
        <v>170458</v>
      </c>
      <c r="E17630" s="1" t="s">
        <v>0</v>
      </c>
    </row>
    <row r="17631" spans="1:5" x14ac:dyDescent="0.25">
      <c r="A17631" s="1" t="s">
        <v>13413</v>
      </c>
      <c r="B17631" s="1" t="s">
        <v>60845</v>
      </c>
      <c r="C17631" s="1" t="s">
        <v>13414</v>
      </c>
      <c r="D17631" s="2">
        <v>170459</v>
      </c>
      <c r="E17631" s="1" t="s">
        <v>0</v>
      </c>
    </row>
    <row r="17632" spans="1:5" x14ac:dyDescent="0.25">
      <c r="A17632" s="2">
        <v>3526</v>
      </c>
      <c r="B17632" s="2">
        <v>3526</v>
      </c>
      <c r="C17632" s="1" t="s">
        <v>0</v>
      </c>
      <c r="D17632" s="2">
        <v>170460</v>
      </c>
      <c r="E17632" s="1" t="s">
        <v>0</v>
      </c>
    </row>
    <row r="17633" spans="1:5" x14ac:dyDescent="0.25">
      <c r="A17633" s="1" t="s">
        <v>3208</v>
      </c>
      <c r="B17633" s="1" t="s">
        <v>10081</v>
      </c>
      <c r="C17633" s="1" t="s">
        <v>37270</v>
      </c>
      <c r="D17633" s="2">
        <v>170461</v>
      </c>
      <c r="E17633" s="1" t="s">
        <v>0</v>
      </c>
    </row>
    <row r="17634" spans="1:5" x14ac:dyDescent="0.25">
      <c r="A17634" s="1" t="s">
        <v>37271</v>
      </c>
      <c r="B17634" s="1" t="s">
        <v>10082</v>
      </c>
      <c r="C17634" s="1" t="s">
        <v>37272</v>
      </c>
      <c r="D17634" s="2">
        <v>170462</v>
      </c>
      <c r="E17634" s="1" t="s">
        <v>0</v>
      </c>
    </row>
    <row r="17635" spans="1:5" ht="409.5" x14ac:dyDescent="0.25">
      <c r="A17635" s="4" t="s">
        <v>37273</v>
      </c>
      <c r="B17635" s="1" t="s">
        <v>10083</v>
      </c>
      <c r="C17635" s="1" t="s">
        <v>37274</v>
      </c>
      <c r="D17635" s="2">
        <v>170463</v>
      </c>
      <c r="E17635" s="1" t="s">
        <v>0</v>
      </c>
    </row>
    <row r="17636" spans="1:5" x14ac:dyDescent="0.25">
      <c r="A17636" s="1" t="s">
        <v>37275</v>
      </c>
      <c r="B17636" s="1" t="s">
        <v>54883</v>
      </c>
      <c r="C17636" s="1" t="s">
        <v>37276</v>
      </c>
      <c r="D17636" s="2">
        <v>170464</v>
      </c>
      <c r="E17636" s="1" t="s">
        <v>0</v>
      </c>
    </row>
    <row r="17637" spans="1:5" x14ac:dyDescent="0.25">
      <c r="A17637" s="2">
        <v>3527</v>
      </c>
      <c r="B17637" s="2">
        <v>3527</v>
      </c>
      <c r="C17637" s="1" t="s">
        <v>0</v>
      </c>
      <c r="D17637" s="2">
        <v>170465</v>
      </c>
      <c r="E17637" s="1" t="s">
        <v>0</v>
      </c>
    </row>
    <row r="17638" spans="1:5" x14ac:dyDescent="0.25">
      <c r="A17638" s="1" t="s">
        <v>3209</v>
      </c>
      <c r="B17638" s="1" t="s">
        <v>10084</v>
      </c>
      <c r="C17638" s="1" t="s">
        <v>37277</v>
      </c>
      <c r="D17638" s="2">
        <v>170466</v>
      </c>
      <c r="E17638" s="1" t="s">
        <v>0</v>
      </c>
    </row>
    <row r="17639" spans="1:5" x14ac:dyDescent="0.25">
      <c r="A17639" s="1" t="s">
        <v>37278</v>
      </c>
      <c r="B17639" s="1" t="s">
        <v>10085</v>
      </c>
      <c r="C17639" s="1" t="s">
        <v>37279</v>
      </c>
      <c r="D17639" s="2">
        <v>170467</v>
      </c>
      <c r="E17639" s="1" t="s">
        <v>0</v>
      </c>
    </row>
    <row r="17640" spans="1:5" ht="409.5" x14ac:dyDescent="0.25">
      <c r="A17640" s="4" t="s">
        <v>37280</v>
      </c>
      <c r="B17640" s="1" t="s">
        <v>54884</v>
      </c>
      <c r="C17640" s="1" t="s">
        <v>37281</v>
      </c>
      <c r="D17640" s="2">
        <v>170468</v>
      </c>
      <c r="E17640" s="1" t="s">
        <v>0</v>
      </c>
    </row>
    <row r="17641" spans="1:5" x14ac:dyDescent="0.25">
      <c r="A17641" s="1" t="s">
        <v>37282</v>
      </c>
      <c r="B17641" s="1" t="s">
        <v>54885</v>
      </c>
      <c r="C17641" s="1" t="s">
        <v>37283</v>
      </c>
      <c r="D17641" s="2">
        <v>170469</v>
      </c>
      <c r="E17641" s="1" t="s">
        <v>0</v>
      </c>
    </row>
    <row r="17642" spans="1:5" x14ac:dyDescent="0.25">
      <c r="A17642" s="2">
        <v>3528</v>
      </c>
      <c r="B17642" s="2">
        <v>3528</v>
      </c>
      <c r="C17642" s="1" t="s">
        <v>0</v>
      </c>
      <c r="D17642" s="2">
        <v>170470</v>
      </c>
      <c r="E17642" s="1" t="s">
        <v>0</v>
      </c>
    </row>
    <row r="17643" spans="1:5" x14ac:dyDescent="0.25">
      <c r="A17643" s="1" t="s">
        <v>3210</v>
      </c>
      <c r="B17643" s="1" t="s">
        <v>10086</v>
      </c>
      <c r="C17643" s="1" t="s">
        <v>37284</v>
      </c>
      <c r="D17643" s="2">
        <v>170471</v>
      </c>
      <c r="E17643" s="1" t="s">
        <v>0</v>
      </c>
    </row>
    <row r="17644" spans="1:5" x14ac:dyDescent="0.25">
      <c r="A17644" s="1" t="s">
        <v>37285</v>
      </c>
      <c r="B17644" s="1" t="s">
        <v>54886</v>
      </c>
      <c r="C17644" s="1" t="s">
        <v>37286</v>
      </c>
      <c r="D17644" s="2">
        <v>170472</v>
      </c>
      <c r="E17644" s="1" t="s">
        <v>0</v>
      </c>
    </row>
    <row r="17645" spans="1:5" ht="409.5" x14ac:dyDescent="0.25">
      <c r="A17645" s="4" t="s">
        <v>64258</v>
      </c>
      <c r="B17645" s="1" t="s">
        <v>54887</v>
      </c>
      <c r="C17645" s="1" t="s">
        <v>37287</v>
      </c>
      <c r="D17645" s="2">
        <v>170473</v>
      </c>
      <c r="E17645" s="1" t="s">
        <v>0</v>
      </c>
    </row>
    <row r="17646" spans="1:5" x14ac:dyDescent="0.25">
      <c r="A17646" s="1" t="s">
        <v>37288</v>
      </c>
      <c r="B17646" s="1" t="s">
        <v>10087</v>
      </c>
      <c r="C17646" s="1" t="s">
        <v>37289</v>
      </c>
      <c r="D17646" s="2">
        <v>170474</v>
      </c>
      <c r="E17646" s="1" t="s">
        <v>0</v>
      </c>
    </row>
    <row r="17647" spans="1:5" x14ac:dyDescent="0.25">
      <c r="A17647" s="2">
        <v>3529</v>
      </c>
      <c r="B17647" s="2">
        <v>3529</v>
      </c>
      <c r="C17647" s="1" t="s">
        <v>0</v>
      </c>
      <c r="D17647" s="2">
        <v>170475</v>
      </c>
      <c r="E17647" s="1" t="s">
        <v>0</v>
      </c>
    </row>
    <row r="17648" spans="1:5" x14ac:dyDescent="0.25">
      <c r="A17648" s="1" t="s">
        <v>37290</v>
      </c>
      <c r="B17648" s="1" t="s">
        <v>54888</v>
      </c>
      <c r="C17648" s="1" t="s">
        <v>37291</v>
      </c>
      <c r="D17648" s="2">
        <v>170476</v>
      </c>
      <c r="E17648" s="1" t="s">
        <v>0</v>
      </c>
    </row>
    <row r="17649" spans="1:5" x14ac:dyDescent="0.25">
      <c r="A17649" s="1" t="s">
        <v>37292</v>
      </c>
      <c r="B17649" s="1" t="s">
        <v>54889</v>
      </c>
      <c r="C17649" s="1" t="s">
        <v>37293</v>
      </c>
      <c r="D17649" s="2">
        <v>170477</v>
      </c>
      <c r="E17649" s="1" t="s">
        <v>0</v>
      </c>
    </row>
    <row r="17650" spans="1:5" ht="409.5" x14ac:dyDescent="0.25">
      <c r="A17650" s="4" t="s">
        <v>37294</v>
      </c>
      <c r="B17650" s="1" t="s">
        <v>54890</v>
      </c>
      <c r="C17650" s="1" t="s">
        <v>37295</v>
      </c>
      <c r="D17650" s="2">
        <v>170478</v>
      </c>
      <c r="E17650" s="1" t="s">
        <v>0</v>
      </c>
    </row>
    <row r="17651" spans="1:5" x14ac:dyDescent="0.25">
      <c r="A17651" s="1" t="s">
        <v>37296</v>
      </c>
      <c r="B17651" s="1" t="s">
        <v>10088</v>
      </c>
      <c r="C17651" s="1" t="s">
        <v>37297</v>
      </c>
      <c r="D17651" s="2">
        <v>170479</v>
      </c>
      <c r="E17651" s="1" t="s">
        <v>0</v>
      </c>
    </row>
    <row r="17652" spans="1:5" x14ac:dyDescent="0.25">
      <c r="A17652" s="2">
        <v>3530</v>
      </c>
      <c r="B17652" s="2">
        <v>3530</v>
      </c>
      <c r="C17652" s="1" t="s">
        <v>0</v>
      </c>
      <c r="D17652" s="2">
        <v>170480</v>
      </c>
      <c r="E17652" s="1" t="s">
        <v>0</v>
      </c>
    </row>
    <row r="17653" spans="1:5" x14ac:dyDescent="0.25">
      <c r="A17653" s="1" t="s">
        <v>3211</v>
      </c>
      <c r="B17653" s="1" t="s">
        <v>10089</v>
      </c>
      <c r="C17653" s="1" t="s">
        <v>37298</v>
      </c>
      <c r="D17653" s="2">
        <v>170481</v>
      </c>
      <c r="E17653" s="1" t="s">
        <v>0</v>
      </c>
    </row>
    <row r="17654" spans="1:5" x14ac:dyDescent="0.25">
      <c r="A17654" s="1" t="s">
        <v>37299</v>
      </c>
      <c r="B17654" s="1" t="s">
        <v>62721</v>
      </c>
      <c r="C17654" s="1" t="s">
        <v>37300</v>
      </c>
      <c r="D17654" s="2">
        <v>170482</v>
      </c>
      <c r="E17654" s="1" t="s">
        <v>0</v>
      </c>
    </row>
    <row r="17655" spans="1:5" ht="409.5" x14ac:dyDescent="0.25">
      <c r="A17655" s="4" t="s">
        <v>37301</v>
      </c>
      <c r="B17655" s="1" t="s">
        <v>62722</v>
      </c>
      <c r="C17655" s="1" t="s">
        <v>37302</v>
      </c>
      <c r="D17655" s="2">
        <v>170483</v>
      </c>
      <c r="E17655" s="1" t="s">
        <v>0</v>
      </c>
    </row>
    <row r="17656" spans="1:5" x14ac:dyDescent="0.25">
      <c r="A17656" s="1" t="s">
        <v>37303</v>
      </c>
      <c r="B17656" s="1" t="s">
        <v>54891</v>
      </c>
      <c r="C17656" s="1" t="s">
        <v>37304</v>
      </c>
      <c r="D17656" s="2">
        <v>170484</v>
      </c>
      <c r="E17656" s="1" t="s">
        <v>0</v>
      </c>
    </row>
    <row r="17657" spans="1:5" x14ac:dyDescent="0.25">
      <c r="A17657" s="2">
        <v>3531</v>
      </c>
      <c r="B17657" s="2">
        <v>3531</v>
      </c>
      <c r="C17657" s="1" t="s">
        <v>0</v>
      </c>
      <c r="D17657" s="2">
        <v>170485</v>
      </c>
      <c r="E17657" s="1" t="s">
        <v>0</v>
      </c>
    </row>
    <row r="17658" spans="1:5" x14ac:dyDescent="0.25">
      <c r="A17658" s="1" t="s">
        <v>10090</v>
      </c>
      <c r="B17658" s="1" t="s">
        <v>10091</v>
      </c>
      <c r="C17658" s="1" t="s">
        <v>37305</v>
      </c>
      <c r="D17658" s="2">
        <v>170486</v>
      </c>
      <c r="E17658" s="1" t="s">
        <v>0</v>
      </c>
    </row>
    <row r="17659" spans="1:5" x14ac:dyDescent="0.25">
      <c r="A17659" s="1" t="s">
        <v>37306</v>
      </c>
      <c r="B17659" s="1" t="s">
        <v>10092</v>
      </c>
      <c r="C17659" s="1" t="s">
        <v>37307</v>
      </c>
      <c r="D17659" s="2">
        <v>170487</v>
      </c>
      <c r="E17659" s="1" t="s">
        <v>0</v>
      </c>
    </row>
    <row r="17660" spans="1:5" ht="409.5" x14ac:dyDescent="0.25">
      <c r="A17660" s="4" t="s">
        <v>37308</v>
      </c>
      <c r="B17660" s="1" t="s">
        <v>60516</v>
      </c>
      <c r="C17660" s="1" t="s">
        <v>37309</v>
      </c>
      <c r="D17660" s="2">
        <v>170488</v>
      </c>
      <c r="E17660" s="1" t="s">
        <v>0</v>
      </c>
    </row>
    <row r="17661" spans="1:5" x14ac:dyDescent="0.25">
      <c r="A17661" s="1" t="s">
        <v>37310</v>
      </c>
      <c r="B17661" s="1" t="s">
        <v>54892</v>
      </c>
      <c r="C17661" s="1" t="s">
        <v>37311</v>
      </c>
      <c r="D17661" s="2">
        <v>170489</v>
      </c>
      <c r="E17661" s="1" t="s">
        <v>0</v>
      </c>
    </row>
    <row r="17662" spans="1:5" x14ac:dyDescent="0.25">
      <c r="A17662" s="2">
        <v>3532</v>
      </c>
      <c r="B17662" s="2">
        <v>3532</v>
      </c>
      <c r="C17662" s="1" t="s">
        <v>0</v>
      </c>
      <c r="D17662" s="2">
        <v>170490</v>
      </c>
      <c r="E17662" s="1" t="s">
        <v>0</v>
      </c>
    </row>
    <row r="17663" spans="1:5" x14ac:dyDescent="0.25">
      <c r="A17663" s="1" t="s">
        <v>3212</v>
      </c>
      <c r="B17663" s="1" t="s">
        <v>10093</v>
      </c>
      <c r="C17663" s="1" t="s">
        <v>37312</v>
      </c>
      <c r="D17663" s="2">
        <v>170491</v>
      </c>
      <c r="E17663" s="1" t="s">
        <v>0</v>
      </c>
    </row>
    <row r="17664" spans="1:5" x14ac:dyDescent="0.25">
      <c r="A17664" s="1" t="s">
        <v>37313</v>
      </c>
      <c r="B17664" s="1" t="s">
        <v>60768</v>
      </c>
      <c r="C17664" s="1" t="s">
        <v>37314</v>
      </c>
      <c r="D17664" s="2">
        <v>170492</v>
      </c>
      <c r="E17664" s="1" t="s">
        <v>0</v>
      </c>
    </row>
    <row r="17665" spans="1:5" ht="409.5" x14ac:dyDescent="0.25">
      <c r="A17665" s="4" t="s">
        <v>37315</v>
      </c>
      <c r="B17665" s="1" t="s">
        <v>60769</v>
      </c>
      <c r="C17665" s="1" t="s">
        <v>37316</v>
      </c>
      <c r="D17665" s="2">
        <v>170493</v>
      </c>
      <c r="E17665" s="1" t="s">
        <v>0</v>
      </c>
    </row>
    <row r="17666" spans="1:5" x14ac:dyDescent="0.25">
      <c r="A17666" s="1" t="s">
        <v>37317</v>
      </c>
      <c r="B17666" s="1" t="s">
        <v>10094</v>
      </c>
      <c r="C17666" s="1" t="s">
        <v>37318</v>
      </c>
      <c r="D17666" s="2">
        <v>170494</v>
      </c>
      <c r="E17666" s="1" t="s">
        <v>0</v>
      </c>
    </row>
    <row r="17667" spans="1:5" x14ac:dyDescent="0.25">
      <c r="A17667" s="2">
        <v>3533</v>
      </c>
      <c r="B17667" s="2">
        <v>3533</v>
      </c>
      <c r="C17667" s="1" t="s">
        <v>0</v>
      </c>
      <c r="D17667" s="2">
        <v>170495</v>
      </c>
      <c r="E17667" s="1" t="s">
        <v>0</v>
      </c>
    </row>
    <row r="17668" spans="1:5" x14ac:dyDescent="0.25">
      <c r="A17668" s="1" t="s">
        <v>3213</v>
      </c>
      <c r="B17668" s="1" t="s">
        <v>10095</v>
      </c>
      <c r="C17668" s="1" t="s">
        <v>37319</v>
      </c>
      <c r="D17668" s="2">
        <v>170496</v>
      </c>
      <c r="E17668" s="1" t="s">
        <v>0</v>
      </c>
    </row>
    <row r="17669" spans="1:5" x14ac:dyDescent="0.25">
      <c r="A17669" s="1" t="s">
        <v>37320</v>
      </c>
      <c r="B17669" s="1" t="s">
        <v>60770</v>
      </c>
      <c r="C17669" s="1" t="s">
        <v>37321</v>
      </c>
      <c r="D17669" s="2">
        <v>170497</v>
      </c>
      <c r="E17669" s="1" t="s">
        <v>0</v>
      </c>
    </row>
    <row r="17670" spans="1:5" ht="409.5" x14ac:dyDescent="0.25">
      <c r="A17670" s="4" t="s">
        <v>37322</v>
      </c>
      <c r="B17670" s="1" t="s">
        <v>60771</v>
      </c>
      <c r="C17670" s="1" t="s">
        <v>37323</v>
      </c>
      <c r="D17670" s="2">
        <v>170498</v>
      </c>
      <c r="E17670" s="1" t="s">
        <v>0</v>
      </c>
    </row>
    <row r="17671" spans="1:5" x14ac:dyDescent="0.25">
      <c r="A17671" s="1" t="s">
        <v>37324</v>
      </c>
      <c r="B17671" s="1" t="s">
        <v>54893</v>
      </c>
      <c r="C17671" s="1" t="s">
        <v>37325</v>
      </c>
      <c r="D17671" s="2">
        <v>170499</v>
      </c>
      <c r="E17671" s="1" t="s">
        <v>0</v>
      </c>
    </row>
    <row r="17672" spans="1:5" x14ac:dyDescent="0.25">
      <c r="A17672" s="2">
        <v>3534</v>
      </c>
      <c r="B17672" s="2">
        <v>3534</v>
      </c>
      <c r="C17672" s="1" t="s">
        <v>0</v>
      </c>
      <c r="D17672" s="2">
        <v>170500</v>
      </c>
      <c r="E17672" s="1" t="s">
        <v>0</v>
      </c>
    </row>
    <row r="17673" spans="1:5" x14ac:dyDescent="0.25">
      <c r="A17673" s="1" t="s">
        <v>10096</v>
      </c>
      <c r="B17673" s="1" t="s">
        <v>10097</v>
      </c>
      <c r="C17673" s="1" t="s">
        <v>37326</v>
      </c>
      <c r="D17673" s="2">
        <v>170501</v>
      </c>
      <c r="E17673" s="1" t="s">
        <v>0</v>
      </c>
    </row>
    <row r="17674" spans="1:5" x14ac:dyDescent="0.25">
      <c r="A17674" s="1" t="s">
        <v>37327</v>
      </c>
      <c r="B17674" s="1" t="s">
        <v>58483</v>
      </c>
      <c r="C17674" s="1" t="s">
        <v>37328</v>
      </c>
      <c r="D17674" s="2">
        <v>170502</v>
      </c>
      <c r="E17674" s="1" t="s">
        <v>0</v>
      </c>
    </row>
    <row r="17675" spans="1:5" ht="409.5" x14ac:dyDescent="0.25">
      <c r="A17675" s="4" t="s">
        <v>37329</v>
      </c>
      <c r="B17675" s="1" t="s">
        <v>58484</v>
      </c>
      <c r="C17675" s="1" t="s">
        <v>37330</v>
      </c>
      <c r="D17675" s="2">
        <v>170503</v>
      </c>
      <c r="E17675" s="1" t="s">
        <v>0</v>
      </c>
    </row>
    <row r="17676" spans="1:5" x14ac:dyDescent="0.25">
      <c r="A17676" s="1" t="s">
        <v>37331</v>
      </c>
      <c r="B17676" s="1" t="s">
        <v>58485</v>
      </c>
      <c r="C17676" s="1" t="s">
        <v>37332</v>
      </c>
      <c r="D17676" s="2">
        <v>170504</v>
      </c>
      <c r="E17676" s="1" t="s">
        <v>0</v>
      </c>
    </row>
    <row r="17677" spans="1:5" x14ac:dyDescent="0.25">
      <c r="A17677" s="2">
        <v>3535</v>
      </c>
      <c r="B17677" s="2">
        <v>3535</v>
      </c>
      <c r="C17677" s="1" t="s">
        <v>0</v>
      </c>
      <c r="D17677" s="2">
        <v>170505</v>
      </c>
      <c r="E17677" s="1" t="s">
        <v>0</v>
      </c>
    </row>
    <row r="17678" spans="1:5" x14ac:dyDescent="0.25">
      <c r="A17678" s="1" t="s">
        <v>3214</v>
      </c>
      <c r="B17678" s="1" t="s">
        <v>57582</v>
      </c>
      <c r="C17678" s="1" t="s">
        <v>37333</v>
      </c>
      <c r="D17678" s="2">
        <v>170506</v>
      </c>
      <c r="E17678" s="1" t="s">
        <v>0</v>
      </c>
    </row>
    <row r="17679" spans="1:5" x14ac:dyDescent="0.25">
      <c r="A17679" s="1" t="s">
        <v>37334</v>
      </c>
      <c r="B17679" s="1" t="s">
        <v>10098</v>
      </c>
      <c r="C17679" s="1" t="s">
        <v>37335</v>
      </c>
      <c r="D17679" s="2">
        <v>170507</v>
      </c>
      <c r="E17679" s="1" t="s">
        <v>0</v>
      </c>
    </row>
    <row r="17680" spans="1:5" ht="409.5" x14ac:dyDescent="0.25">
      <c r="A17680" s="4" t="s">
        <v>37336</v>
      </c>
      <c r="B17680" s="1" t="s">
        <v>63451</v>
      </c>
      <c r="C17680" s="1" t="s">
        <v>37337</v>
      </c>
      <c r="D17680" s="2">
        <v>170508</v>
      </c>
      <c r="E17680" s="1" t="s">
        <v>0</v>
      </c>
    </row>
    <row r="17681" spans="1:5" x14ac:dyDescent="0.25">
      <c r="A17681" s="1" t="s">
        <v>37338</v>
      </c>
      <c r="B17681" s="1" t="s">
        <v>57583</v>
      </c>
      <c r="C17681" s="1" t="s">
        <v>37339</v>
      </c>
      <c r="D17681" s="2">
        <v>170509</v>
      </c>
      <c r="E17681" s="1" t="s">
        <v>0</v>
      </c>
    </row>
    <row r="17682" spans="1:5" x14ac:dyDescent="0.25">
      <c r="A17682" s="2">
        <v>3536</v>
      </c>
      <c r="B17682" s="2">
        <v>3536</v>
      </c>
      <c r="C17682" s="1" t="s">
        <v>0</v>
      </c>
      <c r="D17682" s="2">
        <v>170510</v>
      </c>
      <c r="E17682" s="1" t="s">
        <v>0</v>
      </c>
    </row>
    <row r="17683" spans="1:5" x14ac:dyDescent="0.25">
      <c r="A17683" s="1" t="s">
        <v>3215</v>
      </c>
      <c r="B17683" s="1" t="s">
        <v>54894</v>
      </c>
      <c r="C17683" s="1" t="s">
        <v>37340</v>
      </c>
      <c r="D17683" s="2">
        <v>170511</v>
      </c>
      <c r="E17683" s="1" t="s">
        <v>0</v>
      </c>
    </row>
    <row r="17684" spans="1:5" x14ac:dyDescent="0.25">
      <c r="A17684" s="1" t="s">
        <v>37341</v>
      </c>
      <c r="B17684" s="1" t="s">
        <v>54895</v>
      </c>
      <c r="C17684" s="1" t="s">
        <v>37342</v>
      </c>
      <c r="D17684" s="2">
        <v>170512</v>
      </c>
      <c r="E17684" s="1" t="s">
        <v>0</v>
      </c>
    </row>
    <row r="17685" spans="1:5" ht="409.5" x14ac:dyDescent="0.25">
      <c r="A17685" s="4" t="s">
        <v>37343</v>
      </c>
      <c r="B17685" s="1" t="s">
        <v>57584</v>
      </c>
      <c r="C17685" s="1" t="s">
        <v>37344</v>
      </c>
      <c r="D17685" s="2">
        <v>170513</v>
      </c>
      <c r="E17685" s="1" t="s">
        <v>0</v>
      </c>
    </row>
    <row r="17686" spans="1:5" x14ac:dyDescent="0.25">
      <c r="A17686" s="1" t="s">
        <v>13413</v>
      </c>
      <c r="B17686" s="1" t="s">
        <v>60845</v>
      </c>
      <c r="C17686" s="1" t="s">
        <v>13414</v>
      </c>
      <c r="D17686" s="2">
        <v>170514</v>
      </c>
      <c r="E17686" s="1" t="s">
        <v>0</v>
      </c>
    </row>
    <row r="17687" spans="1:5" x14ac:dyDescent="0.25">
      <c r="A17687" s="2">
        <v>3537</v>
      </c>
      <c r="B17687" s="2">
        <v>3537</v>
      </c>
      <c r="C17687" s="1" t="s">
        <v>0</v>
      </c>
      <c r="D17687" s="2">
        <v>170515</v>
      </c>
      <c r="E17687" s="1" t="s">
        <v>0</v>
      </c>
    </row>
    <row r="17688" spans="1:5" x14ac:dyDescent="0.25">
      <c r="A17688" s="1" t="s">
        <v>3216</v>
      </c>
      <c r="B17688" s="1" t="s">
        <v>10099</v>
      </c>
      <c r="C17688" s="1" t="s">
        <v>37345</v>
      </c>
      <c r="D17688" s="2">
        <v>170516</v>
      </c>
      <c r="E17688" s="1" t="s">
        <v>0</v>
      </c>
    </row>
    <row r="17689" spans="1:5" x14ac:dyDescent="0.25">
      <c r="A17689" s="1" t="s">
        <v>37346</v>
      </c>
      <c r="B17689" s="1" t="s">
        <v>62723</v>
      </c>
      <c r="C17689" s="1" t="s">
        <v>37347</v>
      </c>
      <c r="D17689" s="2">
        <v>170517</v>
      </c>
      <c r="E17689" s="1" t="s">
        <v>0</v>
      </c>
    </row>
    <row r="17690" spans="1:5" ht="409.5" x14ac:dyDescent="0.25">
      <c r="A17690" s="4" t="s">
        <v>37348</v>
      </c>
      <c r="B17690" s="1" t="s">
        <v>62724</v>
      </c>
      <c r="C17690" s="1" t="s">
        <v>37349</v>
      </c>
      <c r="D17690" s="2">
        <v>170518</v>
      </c>
      <c r="E17690" s="1" t="s">
        <v>0</v>
      </c>
    </row>
    <row r="17691" spans="1:5" x14ac:dyDescent="0.25">
      <c r="A17691" s="1" t="s">
        <v>37350</v>
      </c>
      <c r="B17691" s="1" t="s">
        <v>54896</v>
      </c>
      <c r="C17691" s="1" t="s">
        <v>37351</v>
      </c>
      <c r="D17691" s="2">
        <v>170519</v>
      </c>
      <c r="E17691" s="1" t="s">
        <v>0</v>
      </c>
    </row>
    <row r="17692" spans="1:5" x14ac:dyDescent="0.25">
      <c r="A17692" s="2">
        <v>3538</v>
      </c>
      <c r="B17692" s="2">
        <v>3538</v>
      </c>
      <c r="C17692" s="1" t="s">
        <v>0</v>
      </c>
      <c r="D17692" s="2">
        <v>170520</v>
      </c>
      <c r="E17692" s="1" t="s">
        <v>0</v>
      </c>
    </row>
    <row r="17693" spans="1:5" x14ac:dyDescent="0.25">
      <c r="A17693" s="1" t="s">
        <v>3217</v>
      </c>
      <c r="B17693" s="1" t="s">
        <v>10100</v>
      </c>
      <c r="C17693" s="1" t="s">
        <v>37352</v>
      </c>
      <c r="D17693" s="2">
        <v>170521</v>
      </c>
      <c r="E17693" s="1" t="s">
        <v>0</v>
      </c>
    </row>
    <row r="17694" spans="1:5" x14ac:dyDescent="0.25">
      <c r="A17694" s="1" t="s">
        <v>37353</v>
      </c>
      <c r="B17694" s="1" t="s">
        <v>54897</v>
      </c>
      <c r="C17694" s="1" t="s">
        <v>37354</v>
      </c>
      <c r="D17694" s="2">
        <v>170522</v>
      </c>
      <c r="E17694" s="1" t="s">
        <v>0</v>
      </c>
    </row>
    <row r="17695" spans="1:5" ht="409.5" x14ac:dyDescent="0.25">
      <c r="A17695" s="4" t="s">
        <v>37355</v>
      </c>
      <c r="B17695" s="1" t="s">
        <v>54898</v>
      </c>
      <c r="C17695" s="1" t="s">
        <v>37356</v>
      </c>
      <c r="D17695" s="2">
        <v>170523</v>
      </c>
      <c r="E17695" s="1" t="s">
        <v>0</v>
      </c>
    </row>
    <row r="17696" spans="1:5" x14ac:dyDescent="0.25">
      <c r="A17696" s="1" t="s">
        <v>37357</v>
      </c>
      <c r="B17696" s="1" t="s">
        <v>10101</v>
      </c>
      <c r="C17696" s="1" t="s">
        <v>37358</v>
      </c>
      <c r="D17696" s="2">
        <v>170524</v>
      </c>
      <c r="E17696" s="1" t="s">
        <v>0</v>
      </c>
    </row>
    <row r="17697" spans="1:5" x14ac:dyDescent="0.25">
      <c r="A17697" s="2">
        <v>3539</v>
      </c>
      <c r="B17697" s="2">
        <v>3539</v>
      </c>
      <c r="C17697" s="1" t="s">
        <v>0</v>
      </c>
      <c r="D17697" s="2">
        <v>170525</v>
      </c>
      <c r="E17697" s="1" t="s">
        <v>0</v>
      </c>
    </row>
    <row r="17698" spans="1:5" x14ac:dyDescent="0.25">
      <c r="A17698" s="1" t="s">
        <v>10102</v>
      </c>
      <c r="B17698" s="1" t="s">
        <v>10103</v>
      </c>
      <c r="C17698" s="1" t="s">
        <v>37359</v>
      </c>
      <c r="D17698" s="2">
        <v>170526</v>
      </c>
      <c r="E17698" s="1" t="s">
        <v>0</v>
      </c>
    </row>
    <row r="17699" spans="1:5" x14ac:dyDescent="0.25">
      <c r="A17699" s="1" t="s">
        <v>37360</v>
      </c>
      <c r="B17699" s="1" t="s">
        <v>10104</v>
      </c>
      <c r="C17699" s="1" t="s">
        <v>37361</v>
      </c>
      <c r="D17699" s="2">
        <v>170527</v>
      </c>
      <c r="E17699" s="1" t="s">
        <v>0</v>
      </c>
    </row>
    <row r="17700" spans="1:5" ht="409.5" x14ac:dyDescent="0.25">
      <c r="A17700" s="4" t="s">
        <v>37362</v>
      </c>
      <c r="B17700" s="1" t="s">
        <v>57933</v>
      </c>
      <c r="C17700" s="1" t="s">
        <v>37363</v>
      </c>
      <c r="D17700" s="2">
        <v>170528</v>
      </c>
      <c r="E17700" s="1" t="s">
        <v>0</v>
      </c>
    </row>
    <row r="17701" spans="1:5" x14ac:dyDescent="0.25">
      <c r="A17701" s="1" t="s">
        <v>37364</v>
      </c>
      <c r="B17701" s="1" t="s">
        <v>10105</v>
      </c>
      <c r="C17701" s="1" t="s">
        <v>37365</v>
      </c>
      <c r="D17701" s="2">
        <v>170529</v>
      </c>
      <c r="E17701" s="1" t="s">
        <v>0</v>
      </c>
    </row>
    <row r="17702" spans="1:5" x14ac:dyDescent="0.25">
      <c r="A17702" s="2">
        <v>3540</v>
      </c>
      <c r="B17702" s="2">
        <v>3540</v>
      </c>
      <c r="C17702" s="1" t="s">
        <v>0</v>
      </c>
      <c r="D17702" s="2">
        <v>170530</v>
      </c>
      <c r="E17702" s="1" t="s">
        <v>0</v>
      </c>
    </row>
    <row r="17703" spans="1:5" x14ac:dyDescent="0.25">
      <c r="A17703" s="1" t="s">
        <v>3218</v>
      </c>
      <c r="B17703" s="1" t="s">
        <v>58486</v>
      </c>
      <c r="C17703" s="1" t="s">
        <v>37366</v>
      </c>
      <c r="D17703" s="2">
        <v>170531</v>
      </c>
      <c r="E17703" s="1" t="s">
        <v>0</v>
      </c>
    </row>
    <row r="17704" spans="1:5" x14ac:dyDescent="0.25">
      <c r="A17704" s="1" t="s">
        <v>37367</v>
      </c>
      <c r="B17704" s="1" t="s">
        <v>62725</v>
      </c>
      <c r="C17704" s="1" t="s">
        <v>37368</v>
      </c>
      <c r="D17704" s="2">
        <v>170532</v>
      </c>
      <c r="E17704" s="1" t="s">
        <v>0</v>
      </c>
    </row>
    <row r="17705" spans="1:5" ht="409.5" x14ac:dyDescent="0.25">
      <c r="A17705" s="4" t="s">
        <v>37369</v>
      </c>
      <c r="B17705" s="1" t="s">
        <v>62726</v>
      </c>
      <c r="C17705" s="1" t="s">
        <v>37370</v>
      </c>
      <c r="D17705" s="2">
        <v>170533</v>
      </c>
      <c r="E17705" s="1" t="s">
        <v>0</v>
      </c>
    </row>
    <row r="17706" spans="1:5" x14ac:dyDescent="0.25">
      <c r="A17706" s="1" t="s">
        <v>37371</v>
      </c>
      <c r="B17706" s="1" t="s">
        <v>54899</v>
      </c>
      <c r="C17706" s="1" t="s">
        <v>37372</v>
      </c>
      <c r="D17706" s="2">
        <v>170534</v>
      </c>
      <c r="E17706" s="1" t="s">
        <v>0</v>
      </c>
    </row>
    <row r="17707" spans="1:5" x14ac:dyDescent="0.25">
      <c r="A17707" s="2">
        <v>3541</v>
      </c>
      <c r="B17707" s="2">
        <v>3541</v>
      </c>
      <c r="C17707" s="1" t="s">
        <v>0</v>
      </c>
      <c r="D17707" s="2">
        <v>170535</v>
      </c>
      <c r="E17707" s="1" t="s">
        <v>0</v>
      </c>
    </row>
    <row r="17708" spans="1:5" x14ac:dyDescent="0.25">
      <c r="A17708" s="1" t="s">
        <v>3219</v>
      </c>
      <c r="B17708" s="1" t="s">
        <v>54900</v>
      </c>
      <c r="C17708" s="1" t="s">
        <v>37373</v>
      </c>
      <c r="D17708" s="2">
        <v>170536</v>
      </c>
      <c r="E17708" s="1" t="s">
        <v>0</v>
      </c>
    </row>
    <row r="17709" spans="1:5" x14ac:dyDescent="0.25">
      <c r="A17709" s="1" t="s">
        <v>37374</v>
      </c>
      <c r="B17709" s="1" t="s">
        <v>54901</v>
      </c>
      <c r="C17709" s="1" t="s">
        <v>37375</v>
      </c>
      <c r="D17709" s="2">
        <v>170537</v>
      </c>
      <c r="E17709" s="1" t="s">
        <v>0</v>
      </c>
    </row>
    <row r="17710" spans="1:5" ht="409.5" x14ac:dyDescent="0.25">
      <c r="A17710" s="4" t="s">
        <v>37376</v>
      </c>
      <c r="B17710" s="1" t="s">
        <v>57934</v>
      </c>
      <c r="C17710" s="1" t="s">
        <v>37377</v>
      </c>
      <c r="D17710" s="2">
        <v>170538</v>
      </c>
      <c r="E17710" s="1" t="s">
        <v>0</v>
      </c>
    </row>
    <row r="17711" spans="1:5" x14ac:dyDescent="0.25">
      <c r="A17711" s="1" t="s">
        <v>37378</v>
      </c>
      <c r="B17711" s="1" t="s">
        <v>54902</v>
      </c>
      <c r="C17711" s="1" t="s">
        <v>37379</v>
      </c>
      <c r="D17711" s="2">
        <v>170539</v>
      </c>
      <c r="E17711" s="1" t="s">
        <v>0</v>
      </c>
    </row>
    <row r="17712" spans="1:5" x14ac:dyDescent="0.25">
      <c r="A17712" s="2">
        <v>3542</v>
      </c>
      <c r="B17712" s="2">
        <v>3542</v>
      </c>
      <c r="C17712" s="1" t="s">
        <v>0</v>
      </c>
      <c r="D17712" s="2">
        <v>170540</v>
      </c>
      <c r="E17712" s="1" t="s">
        <v>0</v>
      </c>
    </row>
    <row r="17713" spans="1:5" x14ac:dyDescent="0.25">
      <c r="A17713" s="1" t="s">
        <v>3220</v>
      </c>
      <c r="B17713" s="1" t="s">
        <v>10106</v>
      </c>
      <c r="C17713" s="1" t="s">
        <v>37380</v>
      </c>
      <c r="D17713" s="2">
        <v>170541</v>
      </c>
      <c r="E17713" s="1" t="s">
        <v>0</v>
      </c>
    </row>
    <row r="17714" spans="1:5" x14ac:dyDescent="0.25">
      <c r="A17714" s="1" t="s">
        <v>37381</v>
      </c>
      <c r="B17714" s="1" t="s">
        <v>62727</v>
      </c>
      <c r="C17714" s="1" t="s">
        <v>37382</v>
      </c>
      <c r="D17714" s="2">
        <v>170542</v>
      </c>
      <c r="E17714" s="1" t="s">
        <v>0</v>
      </c>
    </row>
    <row r="17715" spans="1:5" ht="409.5" x14ac:dyDescent="0.25">
      <c r="A17715" s="4" t="s">
        <v>37383</v>
      </c>
      <c r="B17715" s="1" t="s">
        <v>62728</v>
      </c>
      <c r="C17715" s="1" t="s">
        <v>37384</v>
      </c>
      <c r="D17715" s="2">
        <v>170543</v>
      </c>
      <c r="E17715" s="1" t="s">
        <v>0</v>
      </c>
    </row>
    <row r="17716" spans="1:5" x14ac:dyDescent="0.25">
      <c r="A17716" s="1" t="s">
        <v>37385</v>
      </c>
      <c r="B17716" s="1" t="s">
        <v>61248</v>
      </c>
      <c r="C17716" s="1" t="s">
        <v>37386</v>
      </c>
      <c r="D17716" s="2">
        <v>170544</v>
      </c>
      <c r="E17716" s="1" t="s">
        <v>0</v>
      </c>
    </row>
    <row r="17717" spans="1:5" x14ac:dyDescent="0.25">
      <c r="A17717" s="2">
        <v>3543</v>
      </c>
      <c r="B17717" s="2">
        <v>3543</v>
      </c>
      <c r="C17717" s="1" t="s">
        <v>0</v>
      </c>
      <c r="D17717" s="2">
        <v>170545</v>
      </c>
      <c r="E17717" s="1" t="s">
        <v>0</v>
      </c>
    </row>
    <row r="17718" spans="1:5" x14ac:dyDescent="0.25">
      <c r="A17718" s="1" t="s">
        <v>3221</v>
      </c>
      <c r="B17718" s="1" t="s">
        <v>10107</v>
      </c>
      <c r="C17718" s="1" t="s">
        <v>37387</v>
      </c>
      <c r="D17718" s="2">
        <v>170546</v>
      </c>
      <c r="E17718" s="1" t="s">
        <v>0</v>
      </c>
    </row>
    <row r="17719" spans="1:5" x14ac:dyDescent="0.25">
      <c r="A17719" s="1" t="s">
        <v>37388</v>
      </c>
      <c r="B17719" s="1" t="s">
        <v>58095</v>
      </c>
      <c r="C17719" s="1" t="s">
        <v>37389</v>
      </c>
      <c r="D17719" s="2">
        <v>170547</v>
      </c>
      <c r="E17719" s="1" t="s">
        <v>0</v>
      </c>
    </row>
    <row r="17720" spans="1:5" ht="409.5" x14ac:dyDescent="0.25">
      <c r="A17720" s="4" t="s">
        <v>37390</v>
      </c>
      <c r="B17720" s="1" t="s">
        <v>58096</v>
      </c>
      <c r="C17720" s="1" t="s">
        <v>37391</v>
      </c>
      <c r="D17720" s="2">
        <v>170548</v>
      </c>
      <c r="E17720" s="1" t="s">
        <v>0</v>
      </c>
    </row>
    <row r="17721" spans="1:5" x14ac:dyDescent="0.25">
      <c r="A17721" s="1" t="s">
        <v>37392</v>
      </c>
      <c r="B17721" s="1" t="s">
        <v>58097</v>
      </c>
      <c r="C17721" s="1" t="s">
        <v>37393</v>
      </c>
      <c r="D17721" s="2">
        <v>170549</v>
      </c>
      <c r="E17721" s="1" t="s">
        <v>0</v>
      </c>
    </row>
    <row r="17722" spans="1:5" x14ac:dyDescent="0.25">
      <c r="A17722" s="2">
        <v>3544</v>
      </c>
      <c r="B17722" s="2">
        <v>3544</v>
      </c>
      <c r="C17722" s="1" t="s">
        <v>0</v>
      </c>
      <c r="D17722" s="2">
        <v>170550</v>
      </c>
      <c r="E17722" s="1" t="s">
        <v>0</v>
      </c>
    </row>
    <row r="17723" spans="1:5" x14ac:dyDescent="0.25">
      <c r="A17723" s="1" t="s">
        <v>3222</v>
      </c>
      <c r="B17723" s="1" t="s">
        <v>10108</v>
      </c>
      <c r="C17723" s="1" t="s">
        <v>37394</v>
      </c>
      <c r="D17723" s="2">
        <v>170551</v>
      </c>
      <c r="E17723" s="1" t="s">
        <v>0</v>
      </c>
    </row>
    <row r="17724" spans="1:5" x14ac:dyDescent="0.25">
      <c r="A17724" s="1" t="s">
        <v>37395</v>
      </c>
      <c r="B17724" s="1" t="s">
        <v>63775</v>
      </c>
      <c r="C17724" s="1" t="s">
        <v>37396</v>
      </c>
      <c r="D17724" s="2">
        <v>170552</v>
      </c>
      <c r="E17724" s="1" t="s">
        <v>0</v>
      </c>
    </row>
    <row r="17725" spans="1:5" ht="409.5" x14ac:dyDescent="0.25">
      <c r="A17725" s="4" t="s">
        <v>64259</v>
      </c>
      <c r="B17725" s="1" t="s">
        <v>63776</v>
      </c>
      <c r="C17725" s="1" t="s">
        <v>37397</v>
      </c>
      <c r="D17725" s="2">
        <v>170553</v>
      </c>
      <c r="E17725" s="1" t="s">
        <v>0</v>
      </c>
    </row>
    <row r="17726" spans="1:5" x14ac:dyDescent="0.25">
      <c r="A17726" s="1" t="s">
        <v>37398</v>
      </c>
      <c r="B17726" s="1" t="s">
        <v>61249</v>
      </c>
      <c r="C17726" s="1" t="s">
        <v>37399</v>
      </c>
      <c r="D17726" s="2">
        <v>170554</v>
      </c>
      <c r="E17726" s="1" t="s">
        <v>0</v>
      </c>
    </row>
    <row r="17727" spans="1:5" x14ac:dyDescent="0.25">
      <c r="A17727" s="2">
        <v>3545</v>
      </c>
      <c r="B17727" s="2">
        <v>3545</v>
      </c>
      <c r="C17727" s="1" t="s">
        <v>0</v>
      </c>
      <c r="D17727" s="2">
        <v>170555</v>
      </c>
      <c r="E17727" s="1" t="s">
        <v>0</v>
      </c>
    </row>
    <row r="17728" spans="1:5" x14ac:dyDescent="0.25">
      <c r="A17728" s="1" t="s">
        <v>3223</v>
      </c>
      <c r="B17728" s="1" t="s">
        <v>10109</v>
      </c>
      <c r="C17728" s="1" t="s">
        <v>37400</v>
      </c>
      <c r="D17728" s="2">
        <v>170556</v>
      </c>
      <c r="E17728" s="1" t="s">
        <v>0</v>
      </c>
    </row>
    <row r="17729" spans="1:5" x14ac:dyDescent="0.25">
      <c r="A17729" s="1" t="s">
        <v>37401</v>
      </c>
      <c r="B17729" s="1" t="s">
        <v>54903</v>
      </c>
      <c r="C17729" s="1" t="s">
        <v>37402</v>
      </c>
      <c r="D17729" s="2">
        <v>170557</v>
      </c>
      <c r="E17729" s="1" t="s">
        <v>0</v>
      </c>
    </row>
    <row r="17730" spans="1:5" ht="409.5" x14ac:dyDescent="0.25">
      <c r="A17730" s="4" t="s">
        <v>37403</v>
      </c>
      <c r="B17730" s="1" t="s">
        <v>59657</v>
      </c>
      <c r="C17730" s="1" t="s">
        <v>37404</v>
      </c>
      <c r="D17730" s="2">
        <v>170558</v>
      </c>
      <c r="E17730" s="1" t="s">
        <v>0</v>
      </c>
    </row>
    <row r="17731" spans="1:5" x14ac:dyDescent="0.25">
      <c r="A17731" s="1" t="s">
        <v>37405</v>
      </c>
      <c r="B17731" s="1" t="s">
        <v>10110</v>
      </c>
      <c r="C17731" s="1" t="s">
        <v>37406</v>
      </c>
      <c r="D17731" s="2">
        <v>170559</v>
      </c>
      <c r="E17731" s="1" t="s">
        <v>0</v>
      </c>
    </row>
    <row r="17732" spans="1:5" x14ac:dyDescent="0.25">
      <c r="A17732" s="2">
        <v>3546</v>
      </c>
      <c r="B17732" s="2">
        <v>3546</v>
      </c>
      <c r="C17732" s="1" t="s">
        <v>0</v>
      </c>
      <c r="D17732" s="2">
        <v>170560</v>
      </c>
      <c r="E17732" s="1" t="s">
        <v>0</v>
      </c>
    </row>
    <row r="17733" spans="1:5" x14ac:dyDescent="0.25">
      <c r="A17733" s="1" t="s">
        <v>3224</v>
      </c>
      <c r="B17733" s="1" t="s">
        <v>10111</v>
      </c>
      <c r="C17733" s="1" t="s">
        <v>37407</v>
      </c>
      <c r="D17733" s="2">
        <v>170561</v>
      </c>
      <c r="E17733" s="1" t="s">
        <v>0</v>
      </c>
    </row>
    <row r="17734" spans="1:5" x14ac:dyDescent="0.25">
      <c r="A17734" s="1" t="s">
        <v>37408</v>
      </c>
      <c r="B17734" s="1" t="s">
        <v>62729</v>
      </c>
      <c r="C17734" s="1" t="s">
        <v>37409</v>
      </c>
      <c r="D17734" s="2">
        <v>170562</v>
      </c>
      <c r="E17734" s="1" t="s">
        <v>0</v>
      </c>
    </row>
    <row r="17735" spans="1:5" ht="409.5" x14ac:dyDescent="0.25">
      <c r="A17735" s="4" t="s">
        <v>37410</v>
      </c>
      <c r="B17735" s="1" t="s">
        <v>62730</v>
      </c>
      <c r="C17735" s="1" t="s">
        <v>37411</v>
      </c>
      <c r="D17735" s="2">
        <v>170563</v>
      </c>
      <c r="E17735" s="1" t="s">
        <v>0</v>
      </c>
    </row>
    <row r="17736" spans="1:5" x14ac:dyDescent="0.25">
      <c r="A17736" s="1" t="s">
        <v>37412</v>
      </c>
      <c r="B17736" s="1" t="s">
        <v>54904</v>
      </c>
      <c r="C17736" s="1" t="s">
        <v>37413</v>
      </c>
      <c r="D17736" s="2">
        <v>170564</v>
      </c>
      <c r="E17736" s="1" t="s">
        <v>0</v>
      </c>
    </row>
    <row r="17737" spans="1:5" x14ac:dyDescent="0.25">
      <c r="A17737" s="2">
        <v>3547</v>
      </c>
      <c r="B17737" s="2">
        <v>3547</v>
      </c>
      <c r="C17737" s="1" t="s">
        <v>0</v>
      </c>
      <c r="D17737" s="2">
        <v>170565</v>
      </c>
      <c r="E17737" s="1" t="s">
        <v>0</v>
      </c>
    </row>
    <row r="17738" spans="1:5" x14ac:dyDescent="0.25">
      <c r="A17738" s="1" t="s">
        <v>3225</v>
      </c>
      <c r="B17738" s="1" t="s">
        <v>10112</v>
      </c>
      <c r="C17738" s="1" t="s">
        <v>37414</v>
      </c>
      <c r="D17738" s="2">
        <v>170566</v>
      </c>
      <c r="E17738" s="1" t="s">
        <v>0</v>
      </c>
    </row>
    <row r="17739" spans="1:5" x14ac:dyDescent="0.25">
      <c r="A17739" s="1" t="s">
        <v>37415</v>
      </c>
      <c r="B17739" s="1" t="s">
        <v>54905</v>
      </c>
      <c r="C17739" s="1" t="s">
        <v>37416</v>
      </c>
      <c r="D17739" s="2">
        <v>170567</v>
      </c>
      <c r="E17739" s="1" t="s">
        <v>0</v>
      </c>
    </row>
    <row r="17740" spans="1:5" ht="409.5" x14ac:dyDescent="0.25">
      <c r="A17740" s="4" t="s">
        <v>37417</v>
      </c>
      <c r="B17740" s="1" t="s">
        <v>61250</v>
      </c>
      <c r="C17740" s="1" t="s">
        <v>37418</v>
      </c>
      <c r="D17740" s="2">
        <v>170568</v>
      </c>
      <c r="E17740" s="1" t="s">
        <v>0</v>
      </c>
    </row>
    <row r="17741" spans="1:5" x14ac:dyDescent="0.25">
      <c r="A17741" s="1" t="s">
        <v>13413</v>
      </c>
      <c r="B17741" s="1" t="s">
        <v>60845</v>
      </c>
      <c r="C17741" s="1" t="s">
        <v>13414</v>
      </c>
      <c r="D17741" s="2">
        <v>170569</v>
      </c>
      <c r="E17741" s="1" t="s">
        <v>0</v>
      </c>
    </row>
    <row r="17742" spans="1:5" x14ac:dyDescent="0.25">
      <c r="A17742" s="2">
        <v>3548</v>
      </c>
      <c r="B17742" s="2">
        <v>3548</v>
      </c>
      <c r="C17742" s="1" t="s">
        <v>0</v>
      </c>
      <c r="D17742" s="2">
        <v>170570</v>
      </c>
      <c r="E17742" s="1" t="s">
        <v>0</v>
      </c>
    </row>
    <row r="17743" spans="1:5" x14ac:dyDescent="0.25">
      <c r="A17743" s="1" t="s">
        <v>3226</v>
      </c>
      <c r="B17743" s="1" t="s">
        <v>10113</v>
      </c>
      <c r="C17743" s="1" t="s">
        <v>37419</v>
      </c>
      <c r="D17743" s="2">
        <v>170571</v>
      </c>
      <c r="E17743" s="1" t="s">
        <v>0</v>
      </c>
    </row>
    <row r="17744" spans="1:5" x14ac:dyDescent="0.25">
      <c r="A17744" s="1" t="s">
        <v>37420</v>
      </c>
      <c r="B17744" s="1" t="s">
        <v>10114</v>
      </c>
      <c r="C17744" s="1" t="s">
        <v>37421</v>
      </c>
      <c r="D17744" s="2">
        <v>170572</v>
      </c>
      <c r="E17744" s="1" t="s">
        <v>0</v>
      </c>
    </row>
    <row r="17745" spans="1:5" ht="409.5" x14ac:dyDescent="0.25">
      <c r="A17745" s="4" t="s">
        <v>37422</v>
      </c>
      <c r="B17745" s="1" t="s">
        <v>59047</v>
      </c>
      <c r="C17745" s="1" t="s">
        <v>37423</v>
      </c>
      <c r="D17745" s="2">
        <v>170573</v>
      </c>
      <c r="E17745" s="1" t="s">
        <v>0</v>
      </c>
    </row>
    <row r="17746" spans="1:5" x14ac:dyDescent="0.25">
      <c r="A17746" s="1" t="s">
        <v>37424</v>
      </c>
      <c r="B17746" s="1" t="s">
        <v>10115</v>
      </c>
      <c r="C17746" s="1" t="s">
        <v>37425</v>
      </c>
      <c r="D17746" s="2">
        <v>170574</v>
      </c>
      <c r="E17746" s="1" t="s">
        <v>0</v>
      </c>
    </row>
    <row r="17747" spans="1:5" x14ac:dyDescent="0.25">
      <c r="A17747" s="2">
        <v>3549</v>
      </c>
      <c r="B17747" s="2">
        <v>3549</v>
      </c>
      <c r="C17747" s="1" t="s">
        <v>0</v>
      </c>
      <c r="D17747" s="2">
        <v>170575</v>
      </c>
      <c r="E17747" s="1" t="s">
        <v>0</v>
      </c>
    </row>
    <row r="17748" spans="1:5" x14ac:dyDescent="0.25">
      <c r="A17748" s="1" t="s">
        <v>3227</v>
      </c>
      <c r="B17748" s="1" t="s">
        <v>10116</v>
      </c>
      <c r="C17748" s="1" t="s">
        <v>37426</v>
      </c>
      <c r="D17748" s="2">
        <v>170576</v>
      </c>
      <c r="E17748" s="1" t="s">
        <v>0</v>
      </c>
    </row>
    <row r="17749" spans="1:5" x14ac:dyDescent="0.25">
      <c r="A17749" s="1" t="s">
        <v>37427</v>
      </c>
      <c r="B17749" s="1" t="s">
        <v>54906</v>
      </c>
      <c r="C17749" s="1" t="s">
        <v>37428</v>
      </c>
      <c r="D17749" s="2">
        <v>170577</v>
      </c>
      <c r="E17749" s="1" t="s">
        <v>0</v>
      </c>
    </row>
    <row r="17750" spans="1:5" ht="409.5" x14ac:dyDescent="0.25">
      <c r="A17750" s="4" t="s">
        <v>37429</v>
      </c>
      <c r="B17750" s="1" t="s">
        <v>62731</v>
      </c>
      <c r="C17750" s="1" t="s">
        <v>37430</v>
      </c>
      <c r="D17750" s="2">
        <v>170578</v>
      </c>
      <c r="E17750" s="1" t="s">
        <v>0</v>
      </c>
    </row>
    <row r="17751" spans="1:5" x14ac:dyDescent="0.25">
      <c r="A17751" s="1" t="s">
        <v>37431</v>
      </c>
      <c r="B17751" s="1" t="s">
        <v>10117</v>
      </c>
      <c r="C17751" s="1" t="s">
        <v>37432</v>
      </c>
      <c r="D17751" s="2">
        <v>170579</v>
      </c>
      <c r="E17751" s="1" t="s">
        <v>0</v>
      </c>
    </row>
    <row r="17752" spans="1:5" x14ac:dyDescent="0.25">
      <c r="A17752" s="2">
        <v>3550</v>
      </c>
      <c r="B17752" s="2">
        <v>3550</v>
      </c>
      <c r="C17752" s="1" t="s">
        <v>0</v>
      </c>
      <c r="D17752" s="2">
        <v>170580</v>
      </c>
      <c r="E17752" s="1" t="s">
        <v>0</v>
      </c>
    </row>
    <row r="17753" spans="1:5" x14ac:dyDescent="0.25">
      <c r="A17753" s="1" t="s">
        <v>3228</v>
      </c>
      <c r="B17753" s="1" t="s">
        <v>10118</v>
      </c>
      <c r="C17753" s="1" t="s">
        <v>37433</v>
      </c>
      <c r="D17753" s="2">
        <v>170581</v>
      </c>
      <c r="E17753" s="1" t="s">
        <v>0</v>
      </c>
    </row>
    <row r="17754" spans="1:5" x14ac:dyDescent="0.25">
      <c r="A17754" s="1" t="s">
        <v>37434</v>
      </c>
      <c r="B17754" s="1" t="s">
        <v>62732</v>
      </c>
      <c r="C17754" s="1" t="s">
        <v>37435</v>
      </c>
      <c r="D17754" s="2">
        <v>170582</v>
      </c>
      <c r="E17754" s="1" t="s">
        <v>0</v>
      </c>
    </row>
    <row r="17755" spans="1:5" ht="409.5" x14ac:dyDescent="0.25">
      <c r="A17755" s="4" t="s">
        <v>37436</v>
      </c>
      <c r="B17755" s="1" t="s">
        <v>62733</v>
      </c>
      <c r="C17755" s="1" t="s">
        <v>37437</v>
      </c>
      <c r="D17755" s="2">
        <v>170583</v>
      </c>
      <c r="E17755" s="1" t="s">
        <v>0</v>
      </c>
    </row>
    <row r="17756" spans="1:5" x14ac:dyDescent="0.25">
      <c r="A17756" s="1" t="s">
        <v>37438</v>
      </c>
      <c r="B17756" s="1" t="s">
        <v>10119</v>
      </c>
      <c r="C17756" s="1" t="s">
        <v>37439</v>
      </c>
      <c r="D17756" s="2">
        <v>170584</v>
      </c>
      <c r="E17756" s="1" t="s">
        <v>0</v>
      </c>
    </row>
    <row r="17757" spans="1:5" x14ac:dyDescent="0.25">
      <c r="A17757" s="2">
        <v>3551</v>
      </c>
      <c r="B17757" s="2">
        <v>3551</v>
      </c>
      <c r="C17757" s="1" t="s">
        <v>0</v>
      </c>
      <c r="D17757" s="2">
        <v>170585</v>
      </c>
      <c r="E17757" s="1" t="s">
        <v>0</v>
      </c>
    </row>
    <row r="17758" spans="1:5" x14ac:dyDescent="0.25">
      <c r="A17758" s="1" t="s">
        <v>13215</v>
      </c>
      <c r="B17758" s="1" t="s">
        <v>10120</v>
      </c>
      <c r="C17758" s="1" t="s">
        <v>37440</v>
      </c>
      <c r="D17758" s="2">
        <v>170586</v>
      </c>
      <c r="E17758" s="1" t="s">
        <v>0</v>
      </c>
    </row>
    <row r="17759" spans="1:5" x14ac:dyDescent="0.25">
      <c r="A17759" s="1" t="s">
        <v>37441</v>
      </c>
      <c r="B17759" s="1" t="s">
        <v>54907</v>
      </c>
      <c r="C17759" s="1" t="s">
        <v>37442</v>
      </c>
      <c r="D17759" s="2">
        <v>170587</v>
      </c>
      <c r="E17759" s="1" t="s">
        <v>0</v>
      </c>
    </row>
    <row r="17760" spans="1:5" ht="409.5" x14ac:dyDescent="0.25">
      <c r="A17760" s="4" t="s">
        <v>64260</v>
      </c>
      <c r="B17760" s="1" t="s">
        <v>54908</v>
      </c>
      <c r="C17760" s="1" t="s">
        <v>37443</v>
      </c>
      <c r="D17760" s="2">
        <v>170588</v>
      </c>
      <c r="E17760" s="1" t="s">
        <v>0</v>
      </c>
    </row>
    <row r="17761" spans="1:5" x14ac:dyDescent="0.25">
      <c r="A17761" s="1" t="s">
        <v>37444</v>
      </c>
      <c r="B17761" s="1" t="s">
        <v>54909</v>
      </c>
      <c r="C17761" s="1" t="s">
        <v>37445</v>
      </c>
      <c r="D17761" s="2">
        <v>170589</v>
      </c>
      <c r="E17761" s="1" t="s">
        <v>0</v>
      </c>
    </row>
    <row r="17762" spans="1:5" x14ac:dyDescent="0.25">
      <c r="A17762" s="2">
        <v>3552</v>
      </c>
      <c r="B17762" s="2">
        <v>3552</v>
      </c>
      <c r="C17762" s="1" t="s">
        <v>0</v>
      </c>
      <c r="D17762" s="2">
        <v>170590</v>
      </c>
      <c r="E17762" s="1" t="s">
        <v>0</v>
      </c>
    </row>
    <row r="17763" spans="1:5" x14ac:dyDescent="0.25">
      <c r="A17763" s="1" t="s">
        <v>3229</v>
      </c>
      <c r="B17763" s="1" t="s">
        <v>50897</v>
      </c>
      <c r="C17763" s="1" t="s">
        <v>10121</v>
      </c>
      <c r="D17763" s="2">
        <v>170591</v>
      </c>
      <c r="E17763" s="1" t="s">
        <v>0</v>
      </c>
    </row>
    <row r="17764" spans="1:5" x14ac:dyDescent="0.25">
      <c r="A17764" s="1" t="s">
        <v>37446</v>
      </c>
      <c r="B17764" s="1" t="s">
        <v>60138</v>
      </c>
      <c r="C17764" s="1" t="s">
        <v>37447</v>
      </c>
      <c r="D17764" s="2">
        <v>170592</v>
      </c>
      <c r="E17764" s="1" t="s">
        <v>0</v>
      </c>
    </row>
    <row r="17765" spans="1:5" ht="409.5" x14ac:dyDescent="0.25">
      <c r="A17765" s="4" t="s">
        <v>37448</v>
      </c>
      <c r="B17765" s="1" t="s">
        <v>60139</v>
      </c>
      <c r="C17765" s="1" t="s">
        <v>37449</v>
      </c>
      <c r="D17765" s="2">
        <v>170593</v>
      </c>
      <c r="E17765" s="1" t="s">
        <v>0</v>
      </c>
    </row>
    <row r="17766" spans="1:5" x14ac:dyDescent="0.25">
      <c r="A17766" s="1" t="s">
        <v>37450</v>
      </c>
      <c r="B17766" s="1" t="s">
        <v>60140</v>
      </c>
      <c r="C17766" s="1" t="s">
        <v>37451</v>
      </c>
      <c r="D17766" s="2">
        <v>170594</v>
      </c>
      <c r="E17766" s="1" t="s">
        <v>0</v>
      </c>
    </row>
    <row r="17767" spans="1:5" x14ac:dyDescent="0.25">
      <c r="A17767" s="2">
        <v>3553</v>
      </c>
      <c r="B17767" s="2">
        <v>3553</v>
      </c>
      <c r="C17767" s="1" t="s">
        <v>0</v>
      </c>
      <c r="D17767" s="2">
        <v>170595</v>
      </c>
      <c r="E17767" s="1" t="s">
        <v>0</v>
      </c>
    </row>
    <row r="17768" spans="1:5" x14ac:dyDescent="0.25">
      <c r="A17768" s="1" t="s">
        <v>3230</v>
      </c>
      <c r="B17768" s="1" t="s">
        <v>10122</v>
      </c>
      <c r="C17768" s="1" t="s">
        <v>37452</v>
      </c>
      <c r="D17768" s="2">
        <v>170596</v>
      </c>
      <c r="E17768" s="1" t="s">
        <v>0</v>
      </c>
    </row>
    <row r="17769" spans="1:5" x14ac:dyDescent="0.25">
      <c r="A17769" s="1" t="s">
        <v>37453</v>
      </c>
      <c r="B17769" s="1" t="s">
        <v>10123</v>
      </c>
      <c r="C17769" s="1" t="s">
        <v>37454</v>
      </c>
      <c r="D17769" s="2">
        <v>170597</v>
      </c>
      <c r="E17769" s="1" t="s">
        <v>0</v>
      </c>
    </row>
    <row r="17770" spans="1:5" ht="409.5" x14ac:dyDescent="0.25">
      <c r="A17770" s="4" t="s">
        <v>37455</v>
      </c>
      <c r="B17770" s="1" t="s">
        <v>60451</v>
      </c>
      <c r="C17770" s="1" t="s">
        <v>37456</v>
      </c>
      <c r="D17770" s="2">
        <v>170598</v>
      </c>
      <c r="E17770" s="1" t="s">
        <v>0</v>
      </c>
    </row>
    <row r="17771" spans="1:5" x14ac:dyDescent="0.25">
      <c r="A17771" s="1" t="s">
        <v>37457</v>
      </c>
      <c r="B17771" s="1" t="s">
        <v>10124</v>
      </c>
      <c r="C17771" s="1" t="s">
        <v>37458</v>
      </c>
      <c r="D17771" s="2">
        <v>170599</v>
      </c>
      <c r="E17771" s="1" t="s">
        <v>0</v>
      </c>
    </row>
    <row r="17772" spans="1:5" x14ac:dyDescent="0.25">
      <c r="A17772" s="2">
        <v>3554</v>
      </c>
      <c r="B17772" s="2">
        <v>3554</v>
      </c>
      <c r="C17772" s="1" t="s">
        <v>0</v>
      </c>
      <c r="D17772" s="2">
        <v>170600</v>
      </c>
      <c r="E17772" s="1" t="s">
        <v>0</v>
      </c>
    </row>
    <row r="17773" spans="1:5" x14ac:dyDescent="0.25">
      <c r="A17773" s="1" t="s">
        <v>3231</v>
      </c>
      <c r="B17773" s="1" t="s">
        <v>54910</v>
      </c>
      <c r="C17773" s="1" t="s">
        <v>37459</v>
      </c>
      <c r="D17773" s="2">
        <v>170601</v>
      </c>
      <c r="E17773" s="1" t="s">
        <v>0</v>
      </c>
    </row>
    <row r="17774" spans="1:5" x14ac:dyDescent="0.25">
      <c r="A17774" s="1" t="s">
        <v>37460</v>
      </c>
      <c r="B17774" s="1" t="s">
        <v>58811</v>
      </c>
      <c r="C17774" s="1" t="s">
        <v>37461</v>
      </c>
      <c r="D17774" s="2">
        <v>170602</v>
      </c>
      <c r="E17774" s="1" t="s">
        <v>0</v>
      </c>
    </row>
    <row r="17775" spans="1:5" ht="409.5" x14ac:dyDescent="0.25">
      <c r="A17775" s="4" t="s">
        <v>37462</v>
      </c>
      <c r="B17775" s="1" t="s">
        <v>63452</v>
      </c>
      <c r="C17775" s="1" t="s">
        <v>37463</v>
      </c>
      <c r="D17775" s="2">
        <v>170603</v>
      </c>
      <c r="E17775" s="1" t="s">
        <v>0</v>
      </c>
    </row>
    <row r="17776" spans="1:5" x14ac:dyDescent="0.25">
      <c r="A17776" s="1" t="s">
        <v>37464</v>
      </c>
      <c r="B17776" s="1" t="s">
        <v>54911</v>
      </c>
      <c r="C17776" s="1" t="s">
        <v>37465</v>
      </c>
      <c r="D17776" s="2">
        <v>170604</v>
      </c>
      <c r="E17776" s="1" t="s">
        <v>0</v>
      </c>
    </row>
    <row r="17777" spans="1:5" x14ac:dyDescent="0.25">
      <c r="A17777" s="2">
        <v>3555</v>
      </c>
      <c r="B17777" s="2">
        <v>3555</v>
      </c>
      <c r="C17777" s="1" t="s">
        <v>0</v>
      </c>
      <c r="D17777" s="2">
        <v>170605</v>
      </c>
      <c r="E17777" s="1" t="s">
        <v>0</v>
      </c>
    </row>
    <row r="17778" spans="1:5" x14ac:dyDescent="0.25">
      <c r="A17778" s="1" t="s">
        <v>3232</v>
      </c>
      <c r="B17778" s="1" t="s">
        <v>54912</v>
      </c>
      <c r="C17778" s="1" t="s">
        <v>37466</v>
      </c>
      <c r="D17778" s="2">
        <v>170606</v>
      </c>
      <c r="E17778" s="1" t="s">
        <v>0</v>
      </c>
    </row>
    <row r="17779" spans="1:5" x14ac:dyDescent="0.25">
      <c r="A17779" s="1" t="s">
        <v>37467</v>
      </c>
      <c r="B17779" s="1" t="s">
        <v>54913</v>
      </c>
      <c r="C17779" s="1" t="s">
        <v>37468</v>
      </c>
      <c r="D17779" s="2">
        <v>170607</v>
      </c>
      <c r="E17779" s="1" t="s">
        <v>0</v>
      </c>
    </row>
    <row r="17780" spans="1:5" ht="409.5" x14ac:dyDescent="0.25">
      <c r="A17780" s="4" t="s">
        <v>64261</v>
      </c>
      <c r="B17780" s="1" t="s">
        <v>63895</v>
      </c>
      <c r="C17780" s="1" t="s">
        <v>37469</v>
      </c>
      <c r="D17780" s="2">
        <v>170608</v>
      </c>
      <c r="E17780" s="1" t="s">
        <v>0</v>
      </c>
    </row>
    <row r="17781" spans="1:5" x14ac:dyDescent="0.25">
      <c r="A17781" s="1" t="s">
        <v>37470</v>
      </c>
      <c r="B17781" s="1" t="s">
        <v>10125</v>
      </c>
      <c r="C17781" s="1" t="s">
        <v>37471</v>
      </c>
      <c r="D17781" s="2">
        <v>170609</v>
      </c>
      <c r="E17781" s="1" t="s">
        <v>0</v>
      </c>
    </row>
    <row r="17782" spans="1:5" x14ac:dyDescent="0.25">
      <c r="A17782" s="2">
        <v>3556</v>
      </c>
      <c r="B17782" s="2">
        <v>3556</v>
      </c>
      <c r="C17782" s="1" t="s">
        <v>0</v>
      </c>
      <c r="D17782" s="2">
        <v>170610</v>
      </c>
      <c r="E17782" s="1" t="s">
        <v>0</v>
      </c>
    </row>
    <row r="17783" spans="1:5" x14ac:dyDescent="0.25">
      <c r="A17783" s="1" t="s">
        <v>3233</v>
      </c>
      <c r="B17783" s="1" t="s">
        <v>10126</v>
      </c>
      <c r="C17783" s="1" t="s">
        <v>37472</v>
      </c>
      <c r="D17783" s="2">
        <v>170611</v>
      </c>
      <c r="E17783" s="1" t="s">
        <v>0</v>
      </c>
    </row>
    <row r="17784" spans="1:5" x14ac:dyDescent="0.25">
      <c r="A17784" s="1" t="s">
        <v>37473</v>
      </c>
      <c r="B17784" s="1" t="s">
        <v>57935</v>
      </c>
      <c r="C17784" s="1" t="s">
        <v>37474</v>
      </c>
      <c r="D17784" s="2">
        <v>170612</v>
      </c>
      <c r="E17784" s="1" t="s">
        <v>0</v>
      </c>
    </row>
    <row r="17785" spans="1:5" x14ac:dyDescent="0.25">
      <c r="A17785" s="1" t="s">
        <v>37475</v>
      </c>
      <c r="B17785" s="1" t="s">
        <v>57936</v>
      </c>
      <c r="C17785" s="1" t="s">
        <v>37476</v>
      </c>
      <c r="D17785" s="2">
        <v>170613</v>
      </c>
      <c r="E17785" s="1" t="s">
        <v>0</v>
      </c>
    </row>
    <row r="17786" spans="1:5" x14ac:dyDescent="0.25">
      <c r="A17786" s="1" t="s">
        <v>37477</v>
      </c>
      <c r="B17786" s="1" t="s">
        <v>57287</v>
      </c>
      <c r="C17786" s="1" t="s">
        <v>37478</v>
      </c>
      <c r="D17786" s="2">
        <v>170614</v>
      </c>
      <c r="E17786" s="1" t="s">
        <v>0</v>
      </c>
    </row>
    <row r="17787" spans="1:5" x14ac:dyDescent="0.25">
      <c r="A17787" s="2">
        <v>3557</v>
      </c>
      <c r="B17787" s="2">
        <v>3557</v>
      </c>
      <c r="C17787" s="1" t="s">
        <v>0</v>
      </c>
      <c r="D17787" s="2">
        <v>170615</v>
      </c>
      <c r="E17787" s="1" t="s">
        <v>0</v>
      </c>
    </row>
    <row r="17788" spans="1:5" x14ac:dyDescent="0.25">
      <c r="A17788" s="1" t="s">
        <v>10127</v>
      </c>
      <c r="B17788" s="1" t="s">
        <v>54914</v>
      </c>
      <c r="C17788" s="1" t="s">
        <v>37479</v>
      </c>
      <c r="D17788" s="2">
        <v>170616</v>
      </c>
      <c r="E17788" s="1" t="s">
        <v>0</v>
      </c>
    </row>
    <row r="17789" spans="1:5" x14ac:dyDescent="0.25">
      <c r="A17789" s="1" t="s">
        <v>37480</v>
      </c>
      <c r="B17789" s="1" t="s">
        <v>54915</v>
      </c>
      <c r="C17789" s="1" t="s">
        <v>37481</v>
      </c>
      <c r="D17789" s="2">
        <v>170617</v>
      </c>
      <c r="E17789" s="1" t="s">
        <v>0</v>
      </c>
    </row>
    <row r="17790" spans="1:5" ht="409.5" x14ac:dyDescent="0.25">
      <c r="A17790" s="4" t="s">
        <v>37482</v>
      </c>
      <c r="B17790" s="1" t="s">
        <v>61251</v>
      </c>
      <c r="C17790" s="1" t="s">
        <v>37483</v>
      </c>
      <c r="D17790" s="2">
        <v>170618</v>
      </c>
      <c r="E17790" s="1" t="s">
        <v>0</v>
      </c>
    </row>
    <row r="17791" spans="1:5" x14ac:dyDescent="0.25">
      <c r="A17791" s="1" t="s">
        <v>37484</v>
      </c>
      <c r="B17791" s="1" t="s">
        <v>10128</v>
      </c>
      <c r="C17791" s="1" t="s">
        <v>37485</v>
      </c>
      <c r="D17791" s="2">
        <v>170619</v>
      </c>
      <c r="E17791" s="1" t="s">
        <v>0</v>
      </c>
    </row>
    <row r="17792" spans="1:5" x14ac:dyDescent="0.25">
      <c r="A17792" s="2">
        <v>3558</v>
      </c>
      <c r="B17792" s="2">
        <v>3558</v>
      </c>
      <c r="C17792" s="1" t="s">
        <v>0</v>
      </c>
      <c r="D17792" s="2">
        <v>170620</v>
      </c>
      <c r="E17792" s="1" t="s">
        <v>0</v>
      </c>
    </row>
    <row r="17793" spans="1:5" x14ac:dyDescent="0.25">
      <c r="A17793" s="1" t="s">
        <v>3234</v>
      </c>
      <c r="B17793" s="1" t="s">
        <v>10129</v>
      </c>
      <c r="C17793" s="1" t="s">
        <v>37486</v>
      </c>
      <c r="D17793" s="2">
        <v>170621</v>
      </c>
      <c r="E17793" s="1" t="s">
        <v>0</v>
      </c>
    </row>
    <row r="17794" spans="1:5" x14ac:dyDescent="0.25">
      <c r="A17794" s="1" t="s">
        <v>37487</v>
      </c>
      <c r="B17794" s="1" t="s">
        <v>57585</v>
      </c>
      <c r="C17794" s="1" t="s">
        <v>37488</v>
      </c>
      <c r="D17794" s="2">
        <v>170622</v>
      </c>
      <c r="E17794" s="1" t="s">
        <v>0</v>
      </c>
    </row>
    <row r="17795" spans="1:5" ht="409.5" x14ac:dyDescent="0.25">
      <c r="A17795" s="4" t="s">
        <v>37489</v>
      </c>
      <c r="B17795" s="1" t="s">
        <v>58487</v>
      </c>
      <c r="C17795" s="1" t="s">
        <v>37490</v>
      </c>
      <c r="D17795" s="2">
        <v>170623</v>
      </c>
      <c r="E17795" s="1" t="s">
        <v>0</v>
      </c>
    </row>
    <row r="17796" spans="1:5" x14ac:dyDescent="0.25">
      <c r="A17796" s="1" t="s">
        <v>37491</v>
      </c>
      <c r="B17796" s="1" t="s">
        <v>10130</v>
      </c>
      <c r="C17796" s="1" t="s">
        <v>37492</v>
      </c>
      <c r="D17796" s="2">
        <v>170624</v>
      </c>
      <c r="E17796" s="1" t="s">
        <v>0</v>
      </c>
    </row>
    <row r="17797" spans="1:5" x14ac:dyDescent="0.25">
      <c r="A17797" s="2">
        <v>3559</v>
      </c>
      <c r="B17797" s="2">
        <v>3559</v>
      </c>
      <c r="C17797" s="1" t="s">
        <v>0</v>
      </c>
      <c r="D17797" s="2">
        <v>170625</v>
      </c>
      <c r="E17797" s="1" t="s">
        <v>0</v>
      </c>
    </row>
    <row r="17798" spans="1:5" x14ac:dyDescent="0.25">
      <c r="A17798" s="1" t="s">
        <v>3235</v>
      </c>
      <c r="B17798" s="1" t="s">
        <v>60141</v>
      </c>
      <c r="C17798" s="1" t="s">
        <v>37493</v>
      </c>
      <c r="D17798" s="2">
        <v>170626</v>
      </c>
      <c r="E17798" s="1" t="s">
        <v>0</v>
      </c>
    </row>
    <row r="17799" spans="1:5" x14ac:dyDescent="0.25">
      <c r="A17799" s="1" t="s">
        <v>37494</v>
      </c>
      <c r="B17799" s="1" t="s">
        <v>60142</v>
      </c>
      <c r="C17799" s="1" t="s">
        <v>37495</v>
      </c>
      <c r="D17799" s="2">
        <v>170627</v>
      </c>
      <c r="E17799" s="1" t="s">
        <v>0</v>
      </c>
    </row>
    <row r="17800" spans="1:5" ht="409.5" x14ac:dyDescent="0.25">
      <c r="A17800" s="4" t="s">
        <v>37496</v>
      </c>
      <c r="B17800" s="1" t="s">
        <v>60143</v>
      </c>
      <c r="C17800" s="1" t="s">
        <v>37497</v>
      </c>
      <c r="D17800" s="2">
        <v>170628</v>
      </c>
      <c r="E17800" s="1" t="s">
        <v>0</v>
      </c>
    </row>
    <row r="17801" spans="1:5" x14ac:dyDescent="0.25">
      <c r="A17801" s="1" t="s">
        <v>37498</v>
      </c>
      <c r="B17801" s="1" t="s">
        <v>57288</v>
      </c>
      <c r="C17801" s="1" t="s">
        <v>37499</v>
      </c>
      <c r="D17801" s="2">
        <v>170629</v>
      </c>
      <c r="E17801" s="1" t="s">
        <v>0</v>
      </c>
    </row>
    <row r="17802" spans="1:5" x14ac:dyDescent="0.25">
      <c r="A17802" s="2">
        <v>3560</v>
      </c>
      <c r="B17802" s="2">
        <v>3560</v>
      </c>
      <c r="C17802" s="1" t="s">
        <v>0</v>
      </c>
      <c r="D17802" s="2">
        <v>170630</v>
      </c>
      <c r="E17802" s="1" t="s">
        <v>0</v>
      </c>
    </row>
    <row r="17803" spans="1:5" x14ac:dyDescent="0.25">
      <c r="A17803" s="1" t="s">
        <v>3236</v>
      </c>
      <c r="B17803" s="1" t="s">
        <v>10131</v>
      </c>
      <c r="C17803" s="1" t="s">
        <v>37500</v>
      </c>
      <c r="D17803" s="2">
        <v>170631</v>
      </c>
      <c r="E17803" s="1" t="s">
        <v>0</v>
      </c>
    </row>
    <row r="17804" spans="1:5" x14ac:dyDescent="0.25">
      <c r="A17804" s="1" t="s">
        <v>37501</v>
      </c>
      <c r="B17804" s="1" t="s">
        <v>54916</v>
      </c>
      <c r="C17804" s="1" t="s">
        <v>37502</v>
      </c>
      <c r="D17804" s="2">
        <v>170632</v>
      </c>
      <c r="E17804" s="1" t="s">
        <v>0</v>
      </c>
    </row>
    <row r="17805" spans="1:5" x14ac:dyDescent="0.25">
      <c r="A17805" s="1" t="s">
        <v>37503</v>
      </c>
      <c r="B17805" s="1" t="s">
        <v>54917</v>
      </c>
      <c r="C17805" s="1" t="s">
        <v>37504</v>
      </c>
      <c r="D17805" s="2">
        <v>170633</v>
      </c>
      <c r="E17805" s="1" t="s">
        <v>0</v>
      </c>
    </row>
    <row r="17806" spans="1:5" x14ac:dyDescent="0.25">
      <c r="A17806" s="1" t="s">
        <v>20657</v>
      </c>
      <c r="B17806" s="1" t="s">
        <v>60982</v>
      </c>
      <c r="C17806" s="1" t="s">
        <v>20658</v>
      </c>
      <c r="D17806" s="2">
        <v>170634</v>
      </c>
      <c r="E17806" s="1" t="s">
        <v>0</v>
      </c>
    </row>
    <row r="17807" spans="1:5" x14ac:dyDescent="0.25">
      <c r="A17807" s="2">
        <v>3561</v>
      </c>
      <c r="B17807" s="2">
        <v>3561</v>
      </c>
      <c r="C17807" s="1" t="s">
        <v>0</v>
      </c>
      <c r="D17807" s="2">
        <v>170635</v>
      </c>
      <c r="E17807" s="1" t="s">
        <v>0</v>
      </c>
    </row>
    <row r="17808" spans="1:5" x14ac:dyDescent="0.25">
      <c r="A17808" s="1" t="s">
        <v>3237</v>
      </c>
      <c r="B17808" s="1" t="s">
        <v>10132</v>
      </c>
      <c r="C17808" s="1" t="s">
        <v>37505</v>
      </c>
      <c r="D17808" s="2">
        <v>170636</v>
      </c>
      <c r="E17808" s="1" t="s">
        <v>0</v>
      </c>
    </row>
    <row r="17809" spans="1:5" x14ac:dyDescent="0.25">
      <c r="A17809" s="1" t="s">
        <v>37506</v>
      </c>
      <c r="B17809" s="1" t="s">
        <v>62734</v>
      </c>
      <c r="C17809" s="1" t="s">
        <v>37507</v>
      </c>
      <c r="D17809" s="2">
        <v>170637</v>
      </c>
      <c r="E17809" s="1" t="s">
        <v>0</v>
      </c>
    </row>
    <row r="17810" spans="1:5" ht="409.5" x14ac:dyDescent="0.25">
      <c r="A17810" s="4" t="s">
        <v>37508</v>
      </c>
      <c r="B17810" s="1" t="s">
        <v>62735</v>
      </c>
      <c r="C17810" s="1" t="s">
        <v>37509</v>
      </c>
      <c r="D17810" s="2">
        <v>170638</v>
      </c>
      <c r="E17810" s="1" t="s">
        <v>0</v>
      </c>
    </row>
    <row r="17811" spans="1:5" x14ac:dyDescent="0.25">
      <c r="A17811" s="1" t="s">
        <v>37510</v>
      </c>
      <c r="B17811" s="1" t="s">
        <v>10133</v>
      </c>
      <c r="C17811" s="1" t="s">
        <v>37511</v>
      </c>
      <c r="D17811" s="2">
        <v>170639</v>
      </c>
      <c r="E17811" s="1" t="s">
        <v>0</v>
      </c>
    </row>
    <row r="17812" spans="1:5" x14ac:dyDescent="0.25">
      <c r="A17812" s="2">
        <v>3562</v>
      </c>
      <c r="B17812" s="2">
        <v>3562</v>
      </c>
      <c r="C17812" s="1" t="s">
        <v>0</v>
      </c>
      <c r="D17812" s="2">
        <v>170640</v>
      </c>
      <c r="E17812" s="1" t="s">
        <v>0</v>
      </c>
    </row>
    <row r="17813" spans="1:5" x14ac:dyDescent="0.25">
      <c r="A17813" s="1" t="s">
        <v>3238</v>
      </c>
      <c r="B17813" s="1" t="s">
        <v>10134</v>
      </c>
      <c r="C17813" s="1" t="s">
        <v>10135</v>
      </c>
      <c r="D17813" s="2">
        <v>170641</v>
      </c>
      <c r="E17813" s="1" t="s">
        <v>0</v>
      </c>
    </row>
    <row r="17814" spans="1:5" x14ac:dyDescent="0.25">
      <c r="A17814" s="1" t="s">
        <v>64262</v>
      </c>
      <c r="B17814" s="1" t="s">
        <v>54918</v>
      </c>
      <c r="C17814" s="1" t="s">
        <v>37512</v>
      </c>
      <c r="D17814" s="2">
        <v>170642</v>
      </c>
      <c r="E17814" s="1" t="s">
        <v>0</v>
      </c>
    </row>
    <row r="17815" spans="1:5" ht="409.5" x14ac:dyDescent="0.25">
      <c r="A17815" s="4" t="s">
        <v>64263</v>
      </c>
      <c r="B17815" s="1" t="s">
        <v>54919</v>
      </c>
      <c r="C17815" s="1" t="s">
        <v>37513</v>
      </c>
      <c r="D17815" s="2">
        <v>170643</v>
      </c>
      <c r="E17815" s="1" t="s">
        <v>0</v>
      </c>
    </row>
    <row r="17816" spans="1:5" x14ac:dyDescent="0.25">
      <c r="A17816" s="1" t="s">
        <v>64264</v>
      </c>
      <c r="B17816" s="1" t="s">
        <v>10136</v>
      </c>
      <c r="C17816" s="1" t="s">
        <v>37514</v>
      </c>
      <c r="D17816" s="2">
        <v>170644</v>
      </c>
      <c r="E17816" s="1" t="s">
        <v>0</v>
      </c>
    </row>
    <row r="17817" spans="1:5" x14ac:dyDescent="0.25">
      <c r="A17817" s="2">
        <v>3563</v>
      </c>
      <c r="B17817" s="2">
        <v>3563</v>
      </c>
      <c r="C17817" s="1" t="s">
        <v>0</v>
      </c>
      <c r="D17817" s="2">
        <v>170645</v>
      </c>
      <c r="E17817" s="1" t="s">
        <v>0</v>
      </c>
    </row>
    <row r="17818" spans="1:5" x14ac:dyDescent="0.25">
      <c r="A17818" s="1" t="s">
        <v>3239</v>
      </c>
      <c r="B17818" s="1" t="s">
        <v>10137</v>
      </c>
      <c r="C17818" s="1" t="s">
        <v>37515</v>
      </c>
      <c r="D17818" s="2">
        <v>170646</v>
      </c>
      <c r="E17818" s="1" t="s">
        <v>0</v>
      </c>
    </row>
    <row r="17819" spans="1:5" x14ac:dyDescent="0.25">
      <c r="A17819" s="1" t="s">
        <v>37516</v>
      </c>
      <c r="B17819" s="1" t="s">
        <v>10138</v>
      </c>
      <c r="C17819" s="1" t="s">
        <v>37517</v>
      </c>
      <c r="D17819" s="2">
        <v>170647</v>
      </c>
      <c r="E17819" s="1" t="s">
        <v>0</v>
      </c>
    </row>
    <row r="17820" spans="1:5" ht="409.5" x14ac:dyDescent="0.25">
      <c r="A17820" s="4" t="s">
        <v>37518</v>
      </c>
      <c r="B17820" s="1" t="s">
        <v>54920</v>
      </c>
      <c r="C17820" s="1" t="s">
        <v>37519</v>
      </c>
      <c r="D17820" s="2">
        <v>170648</v>
      </c>
      <c r="E17820" s="1" t="s">
        <v>0</v>
      </c>
    </row>
    <row r="17821" spans="1:5" x14ac:dyDescent="0.25">
      <c r="A17821" s="1" t="s">
        <v>37520</v>
      </c>
      <c r="B17821" s="1" t="s">
        <v>63777</v>
      </c>
      <c r="C17821" s="1" t="s">
        <v>37521</v>
      </c>
      <c r="D17821" s="2">
        <v>170649</v>
      </c>
      <c r="E17821" s="1" t="s">
        <v>0</v>
      </c>
    </row>
    <row r="17822" spans="1:5" x14ac:dyDescent="0.25">
      <c r="A17822" s="2">
        <v>3564</v>
      </c>
      <c r="B17822" s="2">
        <v>3564</v>
      </c>
      <c r="C17822" s="1" t="s">
        <v>0</v>
      </c>
      <c r="D17822" s="2">
        <v>170650</v>
      </c>
      <c r="E17822" s="1" t="s">
        <v>0</v>
      </c>
    </row>
    <row r="17823" spans="1:5" x14ac:dyDescent="0.25">
      <c r="A17823" s="1" t="s">
        <v>3240</v>
      </c>
      <c r="B17823" s="1" t="s">
        <v>10139</v>
      </c>
      <c r="C17823" s="1" t="s">
        <v>37522</v>
      </c>
      <c r="D17823" s="2">
        <v>170651</v>
      </c>
      <c r="E17823" s="1" t="s">
        <v>0</v>
      </c>
    </row>
    <row r="17824" spans="1:5" x14ac:dyDescent="0.25">
      <c r="A17824" s="1" t="s">
        <v>37523</v>
      </c>
      <c r="B17824" s="1" t="s">
        <v>62736</v>
      </c>
      <c r="C17824" s="1" t="s">
        <v>37524</v>
      </c>
      <c r="D17824" s="2">
        <v>170652</v>
      </c>
      <c r="E17824" s="1" t="s">
        <v>0</v>
      </c>
    </row>
    <row r="17825" spans="1:5" ht="409.5" x14ac:dyDescent="0.25">
      <c r="A17825" s="4" t="s">
        <v>37525</v>
      </c>
      <c r="B17825" s="1" t="s">
        <v>62737</v>
      </c>
      <c r="C17825" s="1" t="s">
        <v>37526</v>
      </c>
      <c r="D17825" s="2">
        <v>170653</v>
      </c>
      <c r="E17825" s="1" t="s">
        <v>0</v>
      </c>
    </row>
    <row r="17826" spans="1:5" x14ac:dyDescent="0.25">
      <c r="A17826" s="1" t="s">
        <v>37527</v>
      </c>
      <c r="B17826" s="1" t="s">
        <v>62738</v>
      </c>
      <c r="C17826" s="1" t="s">
        <v>37528</v>
      </c>
      <c r="D17826" s="2">
        <v>170654</v>
      </c>
      <c r="E17826" s="1" t="s">
        <v>0</v>
      </c>
    </row>
    <row r="17827" spans="1:5" x14ac:dyDescent="0.25">
      <c r="A17827" s="2">
        <v>3565</v>
      </c>
      <c r="B17827" s="2">
        <v>3565</v>
      </c>
      <c r="C17827" s="1" t="s">
        <v>0</v>
      </c>
      <c r="D17827" s="2">
        <v>170655</v>
      </c>
      <c r="E17827" s="1" t="s">
        <v>0</v>
      </c>
    </row>
    <row r="17828" spans="1:5" x14ac:dyDescent="0.25">
      <c r="A17828" s="1" t="s">
        <v>3241</v>
      </c>
      <c r="B17828" s="1" t="s">
        <v>10140</v>
      </c>
      <c r="C17828" s="1" t="s">
        <v>37529</v>
      </c>
      <c r="D17828" s="2">
        <v>170656</v>
      </c>
      <c r="E17828" s="1" t="s">
        <v>0</v>
      </c>
    </row>
    <row r="17829" spans="1:5" x14ac:dyDescent="0.25">
      <c r="A17829" s="1" t="s">
        <v>37530</v>
      </c>
      <c r="B17829" s="1" t="s">
        <v>63778</v>
      </c>
      <c r="C17829" s="1" t="s">
        <v>37531</v>
      </c>
      <c r="D17829" s="2">
        <v>170657</v>
      </c>
      <c r="E17829" s="1" t="s">
        <v>0</v>
      </c>
    </row>
    <row r="17830" spans="1:5" ht="409.5" x14ac:dyDescent="0.25">
      <c r="A17830" s="4" t="s">
        <v>37532</v>
      </c>
      <c r="B17830" s="1" t="s">
        <v>63779</v>
      </c>
      <c r="C17830" s="1" t="s">
        <v>37533</v>
      </c>
      <c r="D17830" s="2">
        <v>170658</v>
      </c>
      <c r="E17830" s="1" t="s">
        <v>0</v>
      </c>
    </row>
    <row r="17831" spans="1:5" x14ac:dyDescent="0.25">
      <c r="A17831" s="1" t="s">
        <v>37534</v>
      </c>
      <c r="B17831" s="1" t="s">
        <v>54921</v>
      </c>
      <c r="C17831" s="1" t="s">
        <v>37535</v>
      </c>
      <c r="D17831" s="2">
        <v>170659</v>
      </c>
      <c r="E17831" s="1" t="s">
        <v>0</v>
      </c>
    </row>
    <row r="17832" spans="1:5" x14ac:dyDescent="0.25">
      <c r="A17832" s="2">
        <v>3566</v>
      </c>
      <c r="B17832" s="2">
        <v>3566</v>
      </c>
      <c r="C17832" s="1" t="s">
        <v>0</v>
      </c>
      <c r="D17832" s="2">
        <v>170660</v>
      </c>
      <c r="E17832" s="1" t="s">
        <v>0</v>
      </c>
    </row>
    <row r="17833" spans="1:5" x14ac:dyDescent="0.25">
      <c r="A17833" s="1" t="s">
        <v>3242</v>
      </c>
      <c r="B17833" s="1" t="s">
        <v>10141</v>
      </c>
      <c r="C17833" s="1" t="s">
        <v>37536</v>
      </c>
      <c r="D17833" s="2">
        <v>170661</v>
      </c>
      <c r="E17833" s="1" t="s">
        <v>0</v>
      </c>
    </row>
    <row r="17834" spans="1:5" x14ac:dyDescent="0.25">
      <c r="A17834" s="1" t="s">
        <v>37537</v>
      </c>
      <c r="B17834" s="1" t="s">
        <v>58488</v>
      </c>
      <c r="C17834" s="1" t="s">
        <v>37538</v>
      </c>
      <c r="D17834" s="2">
        <v>170662</v>
      </c>
      <c r="E17834" s="1" t="s">
        <v>0</v>
      </c>
    </row>
    <row r="17835" spans="1:5" ht="409.5" x14ac:dyDescent="0.25">
      <c r="A17835" s="4" t="s">
        <v>37539</v>
      </c>
      <c r="B17835" s="1" t="s">
        <v>58812</v>
      </c>
      <c r="C17835" s="1" t="s">
        <v>37540</v>
      </c>
      <c r="D17835" s="2">
        <v>170663</v>
      </c>
      <c r="E17835" s="1" t="s">
        <v>0</v>
      </c>
    </row>
    <row r="17836" spans="1:5" x14ac:dyDescent="0.25">
      <c r="A17836" s="1" t="s">
        <v>37541</v>
      </c>
      <c r="B17836" s="1" t="s">
        <v>10142</v>
      </c>
      <c r="C17836" s="1" t="s">
        <v>37542</v>
      </c>
      <c r="D17836" s="2">
        <v>170664</v>
      </c>
      <c r="E17836" s="1" t="s">
        <v>0</v>
      </c>
    </row>
    <row r="17837" spans="1:5" x14ac:dyDescent="0.25">
      <c r="A17837" s="2">
        <v>3567</v>
      </c>
      <c r="B17837" s="2">
        <v>3567</v>
      </c>
      <c r="C17837" s="1" t="s">
        <v>0</v>
      </c>
      <c r="D17837" s="2">
        <v>170665</v>
      </c>
      <c r="E17837" s="1" t="s">
        <v>0</v>
      </c>
    </row>
    <row r="17838" spans="1:5" x14ac:dyDescent="0.25">
      <c r="A17838" s="1" t="s">
        <v>3243</v>
      </c>
      <c r="B17838" s="1" t="s">
        <v>50898</v>
      </c>
      <c r="C17838" s="1" t="s">
        <v>37543</v>
      </c>
      <c r="D17838" s="2">
        <v>170666</v>
      </c>
      <c r="E17838" s="1" t="s">
        <v>0</v>
      </c>
    </row>
    <row r="17839" spans="1:5" x14ac:dyDescent="0.25">
      <c r="A17839" s="1" t="s">
        <v>37544</v>
      </c>
      <c r="B17839" s="1" t="s">
        <v>61252</v>
      </c>
      <c r="C17839" s="1" t="s">
        <v>37545</v>
      </c>
      <c r="D17839" s="2">
        <v>170667</v>
      </c>
      <c r="E17839" s="1" t="s">
        <v>0</v>
      </c>
    </row>
    <row r="17840" spans="1:5" ht="409.5" x14ac:dyDescent="0.25">
      <c r="A17840" s="4" t="s">
        <v>37546</v>
      </c>
      <c r="B17840" s="1" t="s">
        <v>61253</v>
      </c>
      <c r="C17840" s="1" t="s">
        <v>37547</v>
      </c>
      <c r="D17840" s="2">
        <v>170668</v>
      </c>
      <c r="E17840" s="1" t="s">
        <v>0</v>
      </c>
    </row>
    <row r="17841" spans="1:5" x14ac:dyDescent="0.25">
      <c r="A17841" s="1" t="s">
        <v>37548</v>
      </c>
      <c r="B17841" s="1" t="s">
        <v>54922</v>
      </c>
      <c r="C17841" s="1" t="s">
        <v>37549</v>
      </c>
      <c r="D17841" s="2">
        <v>170669</v>
      </c>
      <c r="E17841" s="1" t="s">
        <v>0</v>
      </c>
    </row>
    <row r="17842" spans="1:5" x14ac:dyDescent="0.25">
      <c r="A17842" s="2">
        <v>3568</v>
      </c>
      <c r="B17842" s="2">
        <v>3568</v>
      </c>
      <c r="C17842" s="1" t="s">
        <v>0</v>
      </c>
      <c r="D17842" s="2">
        <v>170670</v>
      </c>
      <c r="E17842" s="1" t="s">
        <v>0</v>
      </c>
    </row>
    <row r="17843" spans="1:5" x14ac:dyDescent="0.25">
      <c r="A17843" s="1" t="s">
        <v>13216</v>
      </c>
      <c r="B17843" s="1" t="s">
        <v>10143</v>
      </c>
      <c r="C17843" s="1" t="s">
        <v>37550</v>
      </c>
      <c r="D17843" s="2">
        <v>170671</v>
      </c>
      <c r="E17843" s="1" t="s">
        <v>0</v>
      </c>
    </row>
    <row r="17844" spans="1:5" x14ac:dyDescent="0.25">
      <c r="A17844" s="1" t="s">
        <v>37551</v>
      </c>
      <c r="B17844" s="1" t="s">
        <v>10144</v>
      </c>
      <c r="C17844" s="1" t="s">
        <v>37552</v>
      </c>
      <c r="D17844" s="2">
        <v>170672</v>
      </c>
      <c r="E17844" s="1" t="s">
        <v>0</v>
      </c>
    </row>
    <row r="17845" spans="1:5" ht="409.5" x14ac:dyDescent="0.25">
      <c r="A17845" s="4" t="s">
        <v>37553</v>
      </c>
      <c r="B17845" s="1" t="s">
        <v>60144</v>
      </c>
      <c r="C17845" s="1" t="s">
        <v>37554</v>
      </c>
      <c r="D17845" s="2">
        <v>170673</v>
      </c>
      <c r="E17845" s="1" t="s">
        <v>0</v>
      </c>
    </row>
    <row r="17846" spans="1:5" x14ac:dyDescent="0.25">
      <c r="A17846" s="1" t="s">
        <v>37555</v>
      </c>
      <c r="B17846" s="1" t="s">
        <v>54923</v>
      </c>
      <c r="C17846" s="1" t="s">
        <v>37556</v>
      </c>
      <c r="D17846" s="2">
        <v>170674</v>
      </c>
      <c r="E17846" s="1" t="s">
        <v>0</v>
      </c>
    </row>
    <row r="17847" spans="1:5" x14ac:dyDescent="0.25">
      <c r="A17847" s="2">
        <v>3569</v>
      </c>
      <c r="B17847" s="2">
        <v>3569</v>
      </c>
      <c r="C17847" s="1" t="s">
        <v>0</v>
      </c>
      <c r="D17847" s="2">
        <v>170675</v>
      </c>
      <c r="E17847" s="1" t="s">
        <v>0</v>
      </c>
    </row>
    <row r="17848" spans="1:5" x14ac:dyDescent="0.25">
      <c r="A17848" s="1" t="s">
        <v>3244</v>
      </c>
      <c r="B17848" s="1" t="s">
        <v>10145</v>
      </c>
      <c r="C17848" s="1" t="s">
        <v>37557</v>
      </c>
      <c r="D17848" s="2">
        <v>170676</v>
      </c>
      <c r="E17848" s="1" t="s">
        <v>0</v>
      </c>
    </row>
    <row r="17849" spans="1:5" x14ac:dyDescent="0.25">
      <c r="A17849" s="1" t="s">
        <v>37558</v>
      </c>
      <c r="B17849" s="1" t="s">
        <v>54924</v>
      </c>
      <c r="C17849" s="1" t="s">
        <v>37559</v>
      </c>
      <c r="D17849" s="2">
        <v>170677</v>
      </c>
      <c r="E17849" s="1" t="s">
        <v>0</v>
      </c>
    </row>
    <row r="17850" spans="1:5" ht="409.5" x14ac:dyDescent="0.25">
      <c r="A17850" s="4" t="s">
        <v>37560</v>
      </c>
      <c r="B17850" s="1" t="s">
        <v>54925</v>
      </c>
      <c r="C17850" s="1" t="s">
        <v>37561</v>
      </c>
      <c r="D17850" s="2">
        <v>170678</v>
      </c>
      <c r="E17850" s="1" t="s">
        <v>0</v>
      </c>
    </row>
    <row r="17851" spans="1:5" x14ac:dyDescent="0.25">
      <c r="A17851" s="1" t="s">
        <v>37562</v>
      </c>
      <c r="B17851" s="1" t="s">
        <v>10146</v>
      </c>
      <c r="C17851" s="1" t="s">
        <v>37563</v>
      </c>
      <c r="D17851" s="2">
        <v>170679</v>
      </c>
      <c r="E17851" s="1" t="s">
        <v>0</v>
      </c>
    </row>
    <row r="17852" spans="1:5" x14ac:dyDescent="0.25">
      <c r="A17852" s="2">
        <v>3570</v>
      </c>
      <c r="B17852" s="2">
        <v>3570</v>
      </c>
      <c r="C17852" s="1" t="s">
        <v>0</v>
      </c>
      <c r="D17852" s="2">
        <v>170680</v>
      </c>
      <c r="E17852" s="1" t="s">
        <v>0</v>
      </c>
    </row>
    <row r="17853" spans="1:5" x14ac:dyDescent="0.25">
      <c r="A17853" s="1" t="s">
        <v>3245</v>
      </c>
      <c r="B17853" s="1" t="s">
        <v>54926</v>
      </c>
      <c r="C17853" s="1" t="s">
        <v>37564</v>
      </c>
      <c r="D17853" s="2">
        <v>170681</v>
      </c>
      <c r="E17853" s="1" t="s">
        <v>0</v>
      </c>
    </row>
    <row r="17854" spans="1:5" x14ac:dyDescent="0.25">
      <c r="A17854" s="1" t="s">
        <v>37565</v>
      </c>
      <c r="B17854" s="1" t="s">
        <v>54927</v>
      </c>
      <c r="C17854" s="1" t="s">
        <v>37566</v>
      </c>
      <c r="D17854" s="2">
        <v>170682</v>
      </c>
      <c r="E17854" s="1" t="s">
        <v>0</v>
      </c>
    </row>
    <row r="17855" spans="1:5" ht="409.5" x14ac:dyDescent="0.25">
      <c r="A17855" s="4" t="s">
        <v>37567</v>
      </c>
      <c r="B17855" s="1" t="s">
        <v>54928</v>
      </c>
      <c r="C17855" s="1" t="s">
        <v>37568</v>
      </c>
      <c r="D17855" s="2">
        <v>170683</v>
      </c>
      <c r="E17855" s="1" t="s">
        <v>0</v>
      </c>
    </row>
    <row r="17856" spans="1:5" x14ac:dyDescent="0.25">
      <c r="A17856" s="1" t="s">
        <v>15303</v>
      </c>
      <c r="B17856" s="1" t="s">
        <v>60888</v>
      </c>
      <c r="C17856" s="1" t="s">
        <v>15304</v>
      </c>
      <c r="D17856" s="2">
        <v>170684</v>
      </c>
      <c r="E17856" s="1" t="s">
        <v>0</v>
      </c>
    </row>
    <row r="17857" spans="1:5" x14ac:dyDescent="0.25">
      <c r="A17857" s="2">
        <v>3571</v>
      </c>
      <c r="B17857" s="2">
        <v>3571</v>
      </c>
      <c r="C17857" s="1" t="s">
        <v>0</v>
      </c>
      <c r="D17857" s="2">
        <v>170685</v>
      </c>
      <c r="E17857" s="1" t="s">
        <v>0</v>
      </c>
    </row>
    <row r="17858" spans="1:5" x14ac:dyDescent="0.25">
      <c r="A17858" s="1" t="s">
        <v>3246</v>
      </c>
      <c r="B17858" s="1" t="s">
        <v>10147</v>
      </c>
      <c r="C17858" s="1" t="s">
        <v>37569</v>
      </c>
      <c r="D17858" s="2">
        <v>170686</v>
      </c>
      <c r="E17858" s="1" t="s">
        <v>0</v>
      </c>
    </row>
    <row r="17859" spans="1:5" x14ac:dyDescent="0.25">
      <c r="A17859" s="1" t="s">
        <v>37570</v>
      </c>
      <c r="B17859" s="1" t="s">
        <v>56822</v>
      </c>
      <c r="C17859" s="1" t="s">
        <v>37571</v>
      </c>
      <c r="D17859" s="2">
        <v>170687</v>
      </c>
      <c r="E17859" s="1" t="s">
        <v>0</v>
      </c>
    </row>
    <row r="17860" spans="1:5" ht="409.5" x14ac:dyDescent="0.25">
      <c r="A17860" s="4" t="s">
        <v>37572</v>
      </c>
      <c r="B17860" s="1" t="s">
        <v>60145</v>
      </c>
      <c r="C17860" s="1" t="s">
        <v>37573</v>
      </c>
      <c r="D17860" s="2">
        <v>170688</v>
      </c>
      <c r="E17860" s="1" t="s">
        <v>0</v>
      </c>
    </row>
    <row r="17861" spans="1:5" x14ac:dyDescent="0.25">
      <c r="A17861" s="1" t="s">
        <v>37574</v>
      </c>
      <c r="B17861" s="1" t="s">
        <v>54929</v>
      </c>
      <c r="C17861" s="1" t="s">
        <v>37575</v>
      </c>
      <c r="D17861" s="2">
        <v>170689</v>
      </c>
      <c r="E17861" s="1" t="s">
        <v>0</v>
      </c>
    </row>
    <row r="17862" spans="1:5" x14ac:dyDescent="0.25">
      <c r="A17862" s="2">
        <v>3572</v>
      </c>
      <c r="B17862" s="2">
        <v>3572</v>
      </c>
      <c r="C17862" s="1" t="s">
        <v>0</v>
      </c>
      <c r="D17862" s="2">
        <v>170690</v>
      </c>
      <c r="E17862" s="1" t="s">
        <v>0</v>
      </c>
    </row>
    <row r="17863" spans="1:5" x14ac:dyDescent="0.25">
      <c r="A17863" s="1" t="s">
        <v>37576</v>
      </c>
      <c r="B17863" s="1" t="s">
        <v>50899</v>
      </c>
      <c r="C17863" s="1" t="s">
        <v>37577</v>
      </c>
      <c r="D17863" s="2">
        <v>170691</v>
      </c>
      <c r="E17863" s="1" t="s">
        <v>0</v>
      </c>
    </row>
    <row r="17864" spans="1:5" x14ac:dyDescent="0.25">
      <c r="A17864" s="1" t="s">
        <v>37578</v>
      </c>
      <c r="B17864" s="1" t="s">
        <v>63780</v>
      </c>
      <c r="C17864" s="1" t="s">
        <v>37579</v>
      </c>
      <c r="D17864" s="2">
        <v>170692</v>
      </c>
      <c r="E17864" s="1" t="s">
        <v>0</v>
      </c>
    </row>
    <row r="17865" spans="1:5" ht="409.5" x14ac:dyDescent="0.25">
      <c r="A17865" s="4" t="s">
        <v>37580</v>
      </c>
      <c r="B17865" s="1" t="s">
        <v>63781</v>
      </c>
      <c r="C17865" s="1" t="s">
        <v>37581</v>
      </c>
      <c r="D17865" s="2">
        <v>170693</v>
      </c>
      <c r="E17865" s="1" t="s">
        <v>0</v>
      </c>
    </row>
    <row r="17866" spans="1:5" x14ac:dyDescent="0.25">
      <c r="A17866" s="1" t="s">
        <v>37582</v>
      </c>
      <c r="B17866" s="1" t="s">
        <v>57090</v>
      </c>
      <c r="C17866" s="1" t="s">
        <v>37583</v>
      </c>
      <c r="D17866" s="2">
        <v>170694</v>
      </c>
      <c r="E17866" s="1" t="s">
        <v>0</v>
      </c>
    </row>
    <row r="17867" spans="1:5" x14ac:dyDescent="0.25">
      <c r="A17867" s="2">
        <v>3573</v>
      </c>
      <c r="B17867" s="2">
        <v>3573</v>
      </c>
      <c r="C17867" s="1" t="s">
        <v>0</v>
      </c>
      <c r="D17867" s="2">
        <v>170695</v>
      </c>
      <c r="E17867" s="1" t="s">
        <v>0</v>
      </c>
    </row>
    <row r="17868" spans="1:5" x14ac:dyDescent="0.25">
      <c r="A17868" s="1" t="s">
        <v>3247</v>
      </c>
      <c r="B17868" s="1" t="s">
        <v>10148</v>
      </c>
      <c r="C17868" s="1" t="s">
        <v>37584</v>
      </c>
      <c r="D17868" s="2">
        <v>170696</v>
      </c>
      <c r="E17868" s="1" t="s">
        <v>0</v>
      </c>
    </row>
    <row r="17869" spans="1:5" x14ac:dyDescent="0.25">
      <c r="A17869" s="1" t="s">
        <v>37585</v>
      </c>
      <c r="B17869" s="1" t="s">
        <v>63782</v>
      </c>
      <c r="C17869" s="1" t="s">
        <v>37586</v>
      </c>
      <c r="D17869" s="2">
        <v>170697</v>
      </c>
      <c r="E17869" s="1" t="s">
        <v>0</v>
      </c>
    </row>
    <row r="17870" spans="1:5" ht="409.5" x14ac:dyDescent="0.25">
      <c r="A17870" s="4" t="s">
        <v>37587</v>
      </c>
      <c r="B17870" s="1" t="s">
        <v>63783</v>
      </c>
      <c r="C17870" s="1" t="s">
        <v>37588</v>
      </c>
      <c r="D17870" s="2">
        <v>170698</v>
      </c>
      <c r="E17870" s="1" t="s">
        <v>0</v>
      </c>
    </row>
    <row r="17871" spans="1:5" x14ac:dyDescent="0.25">
      <c r="A17871" s="1" t="s">
        <v>37589</v>
      </c>
      <c r="B17871" s="1" t="s">
        <v>50900</v>
      </c>
      <c r="C17871" s="1" t="s">
        <v>37590</v>
      </c>
      <c r="D17871" s="2">
        <v>170699</v>
      </c>
      <c r="E17871" s="1" t="s">
        <v>0</v>
      </c>
    </row>
    <row r="17872" spans="1:5" x14ac:dyDescent="0.25">
      <c r="A17872" s="2">
        <v>3574</v>
      </c>
      <c r="B17872" s="2">
        <v>3574</v>
      </c>
      <c r="C17872" s="1" t="s">
        <v>0</v>
      </c>
      <c r="D17872" s="2">
        <v>170700</v>
      </c>
      <c r="E17872" s="1" t="s">
        <v>0</v>
      </c>
    </row>
    <row r="17873" spans="1:5" x14ac:dyDescent="0.25">
      <c r="A17873" s="1" t="s">
        <v>3248</v>
      </c>
      <c r="B17873" s="1" t="s">
        <v>10149</v>
      </c>
      <c r="C17873" s="1" t="s">
        <v>37591</v>
      </c>
      <c r="D17873" s="2">
        <v>170701</v>
      </c>
      <c r="E17873" s="1" t="s">
        <v>0</v>
      </c>
    </row>
    <row r="17874" spans="1:5" x14ac:dyDescent="0.25">
      <c r="A17874" s="1" t="s">
        <v>37592</v>
      </c>
      <c r="B17874" s="1" t="s">
        <v>56823</v>
      </c>
      <c r="C17874" s="1" t="s">
        <v>37593</v>
      </c>
      <c r="D17874" s="2">
        <v>170702</v>
      </c>
      <c r="E17874" s="1" t="s">
        <v>0</v>
      </c>
    </row>
    <row r="17875" spans="1:5" ht="409.5" x14ac:dyDescent="0.25">
      <c r="A17875" s="4" t="s">
        <v>37594</v>
      </c>
      <c r="B17875" s="1" t="s">
        <v>56824</v>
      </c>
      <c r="C17875" s="1" t="s">
        <v>37595</v>
      </c>
      <c r="D17875" s="2">
        <v>170703</v>
      </c>
      <c r="E17875" s="1" t="s">
        <v>0</v>
      </c>
    </row>
    <row r="17876" spans="1:5" x14ac:dyDescent="0.25">
      <c r="A17876" s="1" t="s">
        <v>37596</v>
      </c>
      <c r="B17876" s="1" t="s">
        <v>60146</v>
      </c>
      <c r="C17876" s="1" t="s">
        <v>37597</v>
      </c>
      <c r="D17876" s="2">
        <v>170704</v>
      </c>
      <c r="E17876" s="1" t="s">
        <v>0</v>
      </c>
    </row>
    <row r="17877" spans="1:5" x14ac:dyDescent="0.25">
      <c r="A17877" s="2">
        <v>3575</v>
      </c>
      <c r="B17877" s="2">
        <v>3575</v>
      </c>
      <c r="C17877" s="1" t="s">
        <v>0</v>
      </c>
      <c r="D17877" s="2">
        <v>170705</v>
      </c>
      <c r="E17877" s="1" t="s">
        <v>0</v>
      </c>
    </row>
    <row r="17878" spans="1:5" x14ac:dyDescent="0.25">
      <c r="A17878" s="1" t="s">
        <v>3249</v>
      </c>
      <c r="B17878" s="1" t="s">
        <v>10150</v>
      </c>
      <c r="C17878" s="1" t="s">
        <v>37598</v>
      </c>
      <c r="D17878" s="2">
        <v>170706</v>
      </c>
      <c r="E17878" s="1" t="s">
        <v>0</v>
      </c>
    </row>
    <row r="17879" spans="1:5" x14ac:dyDescent="0.25">
      <c r="A17879" s="1" t="s">
        <v>37599</v>
      </c>
      <c r="B17879" s="1" t="s">
        <v>10151</v>
      </c>
      <c r="C17879" s="1" t="s">
        <v>37600</v>
      </c>
      <c r="D17879" s="2">
        <v>170707</v>
      </c>
      <c r="E17879" s="1" t="s">
        <v>0</v>
      </c>
    </row>
    <row r="17880" spans="1:5" ht="409.5" x14ac:dyDescent="0.25">
      <c r="A17880" s="4" t="s">
        <v>37601</v>
      </c>
      <c r="B17880" s="1" t="s">
        <v>54930</v>
      </c>
      <c r="C17880" s="1" t="s">
        <v>37602</v>
      </c>
      <c r="D17880" s="2">
        <v>170708</v>
      </c>
      <c r="E17880" s="1" t="s">
        <v>0</v>
      </c>
    </row>
    <row r="17881" spans="1:5" x14ac:dyDescent="0.25">
      <c r="A17881" s="1" t="s">
        <v>37603</v>
      </c>
      <c r="B17881" s="1" t="s">
        <v>10152</v>
      </c>
      <c r="C17881" s="1" t="s">
        <v>37604</v>
      </c>
      <c r="D17881" s="2">
        <v>170709</v>
      </c>
      <c r="E17881" s="1" t="s">
        <v>0</v>
      </c>
    </row>
    <row r="17882" spans="1:5" x14ac:dyDescent="0.25">
      <c r="A17882" s="2">
        <v>3576</v>
      </c>
      <c r="B17882" s="2">
        <v>3576</v>
      </c>
      <c r="C17882" s="1" t="s">
        <v>0</v>
      </c>
      <c r="D17882" s="2">
        <v>170710</v>
      </c>
      <c r="E17882" s="1" t="s">
        <v>0</v>
      </c>
    </row>
    <row r="17883" spans="1:5" x14ac:dyDescent="0.25">
      <c r="A17883" s="1" t="s">
        <v>3250</v>
      </c>
      <c r="B17883" s="1" t="s">
        <v>50901</v>
      </c>
      <c r="C17883" s="1" t="s">
        <v>37605</v>
      </c>
      <c r="D17883" s="2">
        <v>170711</v>
      </c>
      <c r="E17883" s="1" t="s">
        <v>0</v>
      </c>
    </row>
    <row r="17884" spans="1:5" x14ac:dyDescent="0.25">
      <c r="A17884" s="1" t="s">
        <v>37606</v>
      </c>
      <c r="B17884" s="1" t="s">
        <v>54931</v>
      </c>
      <c r="C17884" s="1" t="s">
        <v>37607</v>
      </c>
      <c r="D17884" s="2">
        <v>170712</v>
      </c>
      <c r="E17884" s="1" t="s">
        <v>0</v>
      </c>
    </row>
    <row r="17885" spans="1:5" ht="409.5" x14ac:dyDescent="0.25">
      <c r="A17885" s="4" t="s">
        <v>37608</v>
      </c>
      <c r="B17885" s="1" t="s">
        <v>59658</v>
      </c>
      <c r="C17885" s="1" t="s">
        <v>37609</v>
      </c>
      <c r="D17885" s="2">
        <v>170713</v>
      </c>
      <c r="E17885" s="1" t="s">
        <v>0</v>
      </c>
    </row>
    <row r="17886" spans="1:5" x14ac:dyDescent="0.25">
      <c r="A17886" s="1" t="s">
        <v>37610</v>
      </c>
      <c r="B17886" s="1" t="s">
        <v>50902</v>
      </c>
      <c r="C17886" s="1" t="s">
        <v>37611</v>
      </c>
      <c r="D17886" s="2">
        <v>170714</v>
      </c>
      <c r="E17886" s="1" t="s">
        <v>0</v>
      </c>
    </row>
    <row r="17887" spans="1:5" x14ac:dyDescent="0.25">
      <c r="A17887" s="2">
        <v>3577</v>
      </c>
      <c r="B17887" s="2">
        <v>3577</v>
      </c>
      <c r="C17887" s="1" t="s">
        <v>0</v>
      </c>
      <c r="D17887" s="2">
        <v>170715</v>
      </c>
      <c r="E17887" s="1" t="s">
        <v>0</v>
      </c>
    </row>
    <row r="17888" spans="1:5" x14ac:dyDescent="0.25">
      <c r="A17888" s="1" t="s">
        <v>3251</v>
      </c>
      <c r="B17888" s="1" t="s">
        <v>10153</v>
      </c>
      <c r="C17888" s="1" t="s">
        <v>37612</v>
      </c>
      <c r="D17888" s="2">
        <v>170716</v>
      </c>
      <c r="E17888" s="1" t="s">
        <v>0</v>
      </c>
    </row>
    <row r="17889" spans="1:5" x14ac:dyDescent="0.25">
      <c r="A17889" s="1" t="s">
        <v>37613</v>
      </c>
      <c r="B17889" s="1" t="s">
        <v>60147</v>
      </c>
      <c r="C17889" s="1" t="s">
        <v>37614</v>
      </c>
      <c r="D17889" s="2">
        <v>170717</v>
      </c>
      <c r="E17889" s="1" t="s">
        <v>0</v>
      </c>
    </row>
    <row r="17890" spans="1:5" ht="409.5" x14ac:dyDescent="0.25">
      <c r="A17890" s="4" t="s">
        <v>37615</v>
      </c>
      <c r="B17890" s="1" t="s">
        <v>60148</v>
      </c>
      <c r="C17890" s="1" t="s">
        <v>37616</v>
      </c>
      <c r="D17890" s="2">
        <v>170718</v>
      </c>
      <c r="E17890" s="1" t="s">
        <v>0</v>
      </c>
    </row>
    <row r="17891" spans="1:5" x14ac:dyDescent="0.25">
      <c r="A17891" s="1" t="s">
        <v>37617</v>
      </c>
      <c r="B17891" s="1" t="s">
        <v>10154</v>
      </c>
      <c r="C17891" s="1" t="s">
        <v>37618</v>
      </c>
      <c r="D17891" s="2">
        <v>170719</v>
      </c>
      <c r="E17891" s="1" t="s">
        <v>0</v>
      </c>
    </row>
    <row r="17892" spans="1:5" x14ac:dyDescent="0.25">
      <c r="A17892" s="2">
        <v>3578</v>
      </c>
      <c r="B17892" s="2">
        <v>3578</v>
      </c>
      <c r="C17892" s="1" t="s">
        <v>0</v>
      </c>
      <c r="D17892" s="2">
        <v>170720</v>
      </c>
      <c r="E17892" s="1" t="s">
        <v>0</v>
      </c>
    </row>
    <row r="17893" spans="1:5" x14ac:dyDescent="0.25">
      <c r="A17893" s="1" t="s">
        <v>3252</v>
      </c>
      <c r="B17893" s="1" t="s">
        <v>10155</v>
      </c>
      <c r="C17893" s="1" t="s">
        <v>37619</v>
      </c>
      <c r="D17893" s="2">
        <v>170721</v>
      </c>
      <c r="E17893" s="1" t="s">
        <v>0</v>
      </c>
    </row>
    <row r="17894" spans="1:5" x14ac:dyDescent="0.25">
      <c r="A17894" s="1" t="s">
        <v>37620</v>
      </c>
      <c r="B17894" s="1" t="s">
        <v>54932</v>
      </c>
      <c r="C17894" s="1" t="s">
        <v>37621</v>
      </c>
      <c r="D17894" s="2">
        <v>170722</v>
      </c>
      <c r="E17894" s="1" t="s">
        <v>0</v>
      </c>
    </row>
    <row r="17895" spans="1:5" ht="409.5" x14ac:dyDescent="0.25">
      <c r="A17895" s="4" t="s">
        <v>37622</v>
      </c>
      <c r="B17895" s="1" t="s">
        <v>54933</v>
      </c>
      <c r="C17895" s="1" t="s">
        <v>37623</v>
      </c>
      <c r="D17895" s="2">
        <v>170723</v>
      </c>
      <c r="E17895" s="1" t="s">
        <v>0</v>
      </c>
    </row>
    <row r="17896" spans="1:5" x14ac:dyDescent="0.25">
      <c r="A17896" s="1" t="s">
        <v>19132</v>
      </c>
      <c r="B17896" s="1" t="s">
        <v>60955</v>
      </c>
      <c r="C17896" s="1" t="s">
        <v>19133</v>
      </c>
      <c r="D17896" s="2">
        <v>170724</v>
      </c>
      <c r="E17896" s="1" t="s">
        <v>0</v>
      </c>
    </row>
    <row r="17897" spans="1:5" x14ac:dyDescent="0.25">
      <c r="A17897" s="2">
        <v>3579</v>
      </c>
      <c r="B17897" s="2">
        <v>3579</v>
      </c>
      <c r="C17897" s="1" t="s">
        <v>0</v>
      </c>
      <c r="D17897" s="2">
        <v>170725</v>
      </c>
      <c r="E17897" s="1" t="s">
        <v>0</v>
      </c>
    </row>
    <row r="17898" spans="1:5" x14ac:dyDescent="0.25">
      <c r="A17898" s="1" t="s">
        <v>3253</v>
      </c>
      <c r="B17898" s="1" t="s">
        <v>10156</v>
      </c>
      <c r="C17898" s="1" t="s">
        <v>37624</v>
      </c>
      <c r="D17898" s="2">
        <v>170726</v>
      </c>
      <c r="E17898" s="1" t="s">
        <v>0</v>
      </c>
    </row>
    <row r="17899" spans="1:5" x14ac:dyDescent="0.25">
      <c r="A17899" s="1" t="s">
        <v>37625</v>
      </c>
      <c r="B17899" s="1" t="s">
        <v>54934</v>
      </c>
      <c r="C17899" s="1" t="s">
        <v>37626</v>
      </c>
      <c r="D17899" s="2">
        <v>170727</v>
      </c>
      <c r="E17899" s="1" t="s">
        <v>0</v>
      </c>
    </row>
    <row r="17900" spans="1:5" ht="409.5" x14ac:dyDescent="0.25">
      <c r="A17900" s="4" t="s">
        <v>37627</v>
      </c>
      <c r="B17900" s="1" t="s">
        <v>54935</v>
      </c>
      <c r="C17900" s="1" t="s">
        <v>37628</v>
      </c>
      <c r="D17900" s="2">
        <v>170728</v>
      </c>
      <c r="E17900" s="1" t="s">
        <v>0</v>
      </c>
    </row>
    <row r="17901" spans="1:5" x14ac:dyDescent="0.25">
      <c r="A17901" s="1" t="s">
        <v>37629</v>
      </c>
      <c r="B17901" s="1" t="s">
        <v>10157</v>
      </c>
      <c r="C17901" s="1" t="s">
        <v>37630</v>
      </c>
      <c r="D17901" s="2">
        <v>170729</v>
      </c>
      <c r="E17901" s="1" t="s">
        <v>0</v>
      </c>
    </row>
    <row r="17902" spans="1:5" x14ac:dyDescent="0.25">
      <c r="A17902" s="2">
        <v>3580</v>
      </c>
      <c r="B17902" s="2">
        <v>3580</v>
      </c>
      <c r="C17902" s="1" t="s">
        <v>0</v>
      </c>
      <c r="D17902" s="2">
        <v>170730</v>
      </c>
      <c r="E17902" s="1" t="s">
        <v>0</v>
      </c>
    </row>
    <row r="17903" spans="1:5" x14ac:dyDescent="0.25">
      <c r="A17903" s="1" t="s">
        <v>3254</v>
      </c>
      <c r="B17903" s="1" t="s">
        <v>10158</v>
      </c>
      <c r="C17903" s="1" t="s">
        <v>37631</v>
      </c>
      <c r="D17903" s="2">
        <v>170731</v>
      </c>
      <c r="E17903" s="1" t="s">
        <v>0</v>
      </c>
    </row>
    <row r="17904" spans="1:5" x14ac:dyDescent="0.25">
      <c r="A17904" s="1" t="s">
        <v>37632</v>
      </c>
      <c r="B17904" s="1" t="s">
        <v>54936</v>
      </c>
      <c r="C17904" s="1" t="s">
        <v>37633</v>
      </c>
      <c r="D17904" s="2">
        <v>170732</v>
      </c>
      <c r="E17904" s="1" t="s">
        <v>0</v>
      </c>
    </row>
    <row r="17905" spans="1:5" ht="409.5" x14ac:dyDescent="0.25">
      <c r="A17905" s="4" t="s">
        <v>37634</v>
      </c>
      <c r="B17905" s="1" t="s">
        <v>54937</v>
      </c>
      <c r="C17905" s="1" t="s">
        <v>37635</v>
      </c>
      <c r="D17905" s="2">
        <v>170733</v>
      </c>
      <c r="E17905" s="1" t="s">
        <v>0</v>
      </c>
    </row>
    <row r="17906" spans="1:5" x14ac:dyDescent="0.25">
      <c r="A17906" s="1" t="s">
        <v>37636</v>
      </c>
      <c r="B17906" s="1" t="s">
        <v>54938</v>
      </c>
      <c r="C17906" s="1" t="s">
        <v>37637</v>
      </c>
      <c r="D17906" s="2">
        <v>170734</v>
      </c>
      <c r="E17906" s="1" t="s">
        <v>0</v>
      </c>
    </row>
    <row r="17907" spans="1:5" x14ac:dyDescent="0.25">
      <c r="A17907" s="2">
        <v>3581</v>
      </c>
      <c r="B17907" s="2">
        <v>3581</v>
      </c>
      <c r="C17907" s="1" t="s">
        <v>0</v>
      </c>
      <c r="D17907" s="2">
        <v>170735</v>
      </c>
      <c r="E17907" s="1" t="s">
        <v>0</v>
      </c>
    </row>
    <row r="17908" spans="1:5" x14ac:dyDescent="0.25">
      <c r="A17908" s="1" t="s">
        <v>3255</v>
      </c>
      <c r="B17908" s="1" t="s">
        <v>10159</v>
      </c>
      <c r="C17908" s="1" t="s">
        <v>37638</v>
      </c>
      <c r="D17908" s="2">
        <v>170736</v>
      </c>
      <c r="E17908" s="1" t="s">
        <v>0</v>
      </c>
    </row>
    <row r="17909" spans="1:5" x14ac:dyDescent="0.25">
      <c r="A17909" s="1" t="s">
        <v>37639</v>
      </c>
      <c r="B17909" s="1" t="s">
        <v>10160</v>
      </c>
      <c r="C17909" s="1" t="s">
        <v>37640</v>
      </c>
      <c r="D17909" s="2">
        <v>170737</v>
      </c>
      <c r="E17909" s="1" t="s">
        <v>0</v>
      </c>
    </row>
    <row r="17910" spans="1:5" ht="409.5" x14ac:dyDescent="0.25">
      <c r="A17910" s="4" t="s">
        <v>37641</v>
      </c>
      <c r="B17910" s="1" t="s">
        <v>10161</v>
      </c>
      <c r="C17910" s="1" t="s">
        <v>37642</v>
      </c>
      <c r="D17910" s="2">
        <v>170738</v>
      </c>
      <c r="E17910" s="1" t="s">
        <v>0</v>
      </c>
    </row>
    <row r="17911" spans="1:5" x14ac:dyDescent="0.25">
      <c r="A17911" s="1" t="s">
        <v>37643</v>
      </c>
      <c r="B17911" s="1" t="s">
        <v>54939</v>
      </c>
      <c r="C17911" s="1" t="s">
        <v>37644</v>
      </c>
      <c r="D17911" s="2">
        <v>170739</v>
      </c>
      <c r="E17911" s="1" t="s">
        <v>0</v>
      </c>
    </row>
    <row r="17912" spans="1:5" x14ac:dyDescent="0.25">
      <c r="A17912" s="2">
        <v>3582</v>
      </c>
      <c r="B17912" s="2">
        <v>3582</v>
      </c>
      <c r="C17912" s="1" t="s">
        <v>0</v>
      </c>
      <c r="D17912" s="2">
        <v>170740</v>
      </c>
      <c r="E17912" s="1" t="s">
        <v>0</v>
      </c>
    </row>
    <row r="17913" spans="1:5" x14ac:dyDescent="0.25">
      <c r="A17913" s="1" t="s">
        <v>3256</v>
      </c>
      <c r="B17913" s="1" t="s">
        <v>10162</v>
      </c>
      <c r="C17913" s="1" t="s">
        <v>37645</v>
      </c>
      <c r="D17913" s="2">
        <v>170741</v>
      </c>
      <c r="E17913" s="1" t="s">
        <v>0</v>
      </c>
    </row>
    <row r="17914" spans="1:5" x14ac:dyDescent="0.25">
      <c r="A17914" s="1" t="s">
        <v>37646</v>
      </c>
      <c r="B17914" s="1" t="s">
        <v>54940</v>
      </c>
      <c r="C17914" s="1" t="s">
        <v>37647</v>
      </c>
      <c r="D17914" s="2">
        <v>170742</v>
      </c>
      <c r="E17914" s="1" t="s">
        <v>0</v>
      </c>
    </row>
    <row r="17915" spans="1:5" ht="409.5" x14ac:dyDescent="0.25">
      <c r="A17915" s="4" t="s">
        <v>37648</v>
      </c>
      <c r="B17915" s="1" t="s">
        <v>54941</v>
      </c>
      <c r="C17915" s="1" t="s">
        <v>37649</v>
      </c>
      <c r="D17915" s="2">
        <v>170743</v>
      </c>
      <c r="E17915" s="1" t="s">
        <v>0</v>
      </c>
    </row>
    <row r="17916" spans="1:5" x14ac:dyDescent="0.25">
      <c r="A17916" s="1" t="s">
        <v>37650</v>
      </c>
      <c r="B17916" s="1" t="s">
        <v>10163</v>
      </c>
      <c r="C17916" s="1" t="s">
        <v>37651</v>
      </c>
      <c r="D17916" s="2">
        <v>170744</v>
      </c>
      <c r="E17916" s="1" t="s">
        <v>0</v>
      </c>
    </row>
    <row r="17917" spans="1:5" x14ac:dyDescent="0.25">
      <c r="A17917" s="2">
        <v>3583</v>
      </c>
      <c r="B17917" s="2">
        <v>3583</v>
      </c>
      <c r="C17917" s="1" t="s">
        <v>0</v>
      </c>
      <c r="D17917" s="2">
        <v>170745</v>
      </c>
      <c r="E17917" s="1" t="s">
        <v>0</v>
      </c>
    </row>
    <row r="17918" spans="1:5" x14ac:dyDescent="0.25">
      <c r="A17918" s="1" t="s">
        <v>3257</v>
      </c>
      <c r="B17918" s="1" t="s">
        <v>50903</v>
      </c>
      <c r="C17918" s="1" t="s">
        <v>37652</v>
      </c>
      <c r="D17918" s="2">
        <v>170746</v>
      </c>
      <c r="E17918" s="1" t="s">
        <v>0</v>
      </c>
    </row>
    <row r="17919" spans="1:5" x14ac:dyDescent="0.25">
      <c r="A17919" s="1" t="s">
        <v>37653</v>
      </c>
      <c r="B17919" s="1" t="s">
        <v>54942</v>
      </c>
      <c r="C17919" s="1" t="s">
        <v>37654</v>
      </c>
      <c r="D17919" s="2">
        <v>170747</v>
      </c>
      <c r="E17919" s="1" t="s">
        <v>0</v>
      </c>
    </row>
    <row r="17920" spans="1:5" ht="409.5" x14ac:dyDescent="0.25">
      <c r="A17920" s="4" t="s">
        <v>64265</v>
      </c>
      <c r="B17920" s="1" t="s">
        <v>54943</v>
      </c>
      <c r="C17920" s="1" t="s">
        <v>37655</v>
      </c>
      <c r="D17920" s="2">
        <v>170748</v>
      </c>
      <c r="E17920" s="1" t="s">
        <v>0</v>
      </c>
    </row>
    <row r="17921" spans="1:5" x14ac:dyDescent="0.25">
      <c r="A17921" s="1" t="s">
        <v>37656</v>
      </c>
      <c r="B17921" s="1" t="s">
        <v>54944</v>
      </c>
      <c r="C17921" s="1" t="s">
        <v>37657</v>
      </c>
      <c r="D17921" s="2">
        <v>170749</v>
      </c>
      <c r="E17921" s="1" t="s">
        <v>0</v>
      </c>
    </row>
    <row r="17922" spans="1:5" x14ac:dyDescent="0.25">
      <c r="A17922" s="2">
        <v>3584</v>
      </c>
      <c r="B17922" s="2">
        <v>3584</v>
      </c>
      <c r="C17922" s="1" t="s">
        <v>0</v>
      </c>
      <c r="D17922" s="2">
        <v>170750</v>
      </c>
      <c r="E17922" s="1" t="s">
        <v>0</v>
      </c>
    </row>
    <row r="17923" spans="1:5" x14ac:dyDescent="0.25">
      <c r="A17923" s="1" t="s">
        <v>10164</v>
      </c>
      <c r="B17923" s="1" t="s">
        <v>10165</v>
      </c>
      <c r="C17923" s="1" t="s">
        <v>37658</v>
      </c>
      <c r="D17923" s="2">
        <v>170751</v>
      </c>
      <c r="E17923" s="1" t="s">
        <v>0</v>
      </c>
    </row>
    <row r="17924" spans="1:5" x14ac:dyDescent="0.25">
      <c r="A17924" s="1" t="s">
        <v>37659</v>
      </c>
      <c r="B17924" s="1" t="s">
        <v>54945</v>
      </c>
      <c r="C17924" s="1" t="s">
        <v>37660</v>
      </c>
      <c r="D17924" s="2">
        <v>170752</v>
      </c>
      <c r="E17924" s="1" t="s">
        <v>0</v>
      </c>
    </row>
    <row r="17925" spans="1:5" ht="409.5" x14ac:dyDescent="0.25">
      <c r="A17925" s="4" t="s">
        <v>37661</v>
      </c>
      <c r="B17925" s="1" t="s">
        <v>54946</v>
      </c>
      <c r="C17925" s="1" t="s">
        <v>37662</v>
      </c>
      <c r="D17925" s="2">
        <v>170753</v>
      </c>
      <c r="E17925" s="1" t="s">
        <v>0</v>
      </c>
    </row>
    <row r="17926" spans="1:5" x14ac:dyDescent="0.25">
      <c r="A17926" s="1" t="s">
        <v>37663</v>
      </c>
      <c r="B17926" s="1" t="s">
        <v>54947</v>
      </c>
      <c r="C17926" s="1" t="s">
        <v>37664</v>
      </c>
      <c r="D17926" s="2">
        <v>170754</v>
      </c>
      <c r="E17926" s="1" t="s">
        <v>0</v>
      </c>
    </row>
    <row r="17927" spans="1:5" x14ac:dyDescent="0.25">
      <c r="A17927" s="2">
        <v>3585</v>
      </c>
      <c r="B17927" s="2">
        <v>3585</v>
      </c>
      <c r="C17927" s="1" t="s">
        <v>0</v>
      </c>
      <c r="D17927" s="2">
        <v>170755</v>
      </c>
      <c r="E17927" s="1" t="s">
        <v>0</v>
      </c>
    </row>
    <row r="17928" spans="1:5" x14ac:dyDescent="0.25">
      <c r="A17928" s="1" t="s">
        <v>3258</v>
      </c>
      <c r="B17928" s="1" t="s">
        <v>10166</v>
      </c>
      <c r="C17928" s="1" t="s">
        <v>37665</v>
      </c>
      <c r="D17928" s="2">
        <v>170756</v>
      </c>
      <c r="E17928" s="1" t="s">
        <v>0</v>
      </c>
    </row>
    <row r="17929" spans="1:5" x14ac:dyDescent="0.25">
      <c r="A17929" s="1" t="s">
        <v>37666</v>
      </c>
      <c r="B17929" s="1" t="s">
        <v>10167</v>
      </c>
      <c r="C17929" s="1" t="s">
        <v>37667</v>
      </c>
      <c r="D17929" s="2">
        <v>170757</v>
      </c>
      <c r="E17929" s="1" t="s">
        <v>0</v>
      </c>
    </row>
    <row r="17930" spans="1:5" ht="409.5" x14ac:dyDescent="0.25">
      <c r="A17930" s="4" t="s">
        <v>37668</v>
      </c>
      <c r="B17930" s="1" t="s">
        <v>54948</v>
      </c>
      <c r="C17930" s="1" t="s">
        <v>37669</v>
      </c>
      <c r="D17930" s="2">
        <v>170758</v>
      </c>
      <c r="E17930" s="1" t="s">
        <v>0</v>
      </c>
    </row>
    <row r="17931" spans="1:5" x14ac:dyDescent="0.25">
      <c r="A17931" s="1" t="s">
        <v>37670</v>
      </c>
      <c r="B17931" s="1" t="s">
        <v>10168</v>
      </c>
      <c r="C17931" s="1" t="s">
        <v>37671</v>
      </c>
      <c r="D17931" s="2">
        <v>170759</v>
      </c>
      <c r="E17931" s="1" t="s">
        <v>0</v>
      </c>
    </row>
    <row r="17932" spans="1:5" x14ac:dyDescent="0.25">
      <c r="A17932" s="2">
        <v>3586</v>
      </c>
      <c r="B17932" s="2">
        <v>3586</v>
      </c>
      <c r="C17932" s="1" t="s">
        <v>0</v>
      </c>
      <c r="D17932" s="2">
        <v>170760</v>
      </c>
      <c r="E17932" s="1" t="s">
        <v>0</v>
      </c>
    </row>
    <row r="17933" spans="1:5" x14ac:dyDescent="0.25">
      <c r="A17933" s="1" t="s">
        <v>3259</v>
      </c>
      <c r="B17933" s="1" t="s">
        <v>10169</v>
      </c>
      <c r="C17933" s="1" t="s">
        <v>37672</v>
      </c>
      <c r="D17933" s="2">
        <v>170761</v>
      </c>
      <c r="E17933" s="1" t="s">
        <v>0</v>
      </c>
    </row>
    <row r="17934" spans="1:5" x14ac:dyDescent="0.25">
      <c r="A17934" s="1" t="s">
        <v>37673</v>
      </c>
      <c r="B17934" s="1" t="s">
        <v>10170</v>
      </c>
      <c r="C17934" s="1" t="s">
        <v>37674</v>
      </c>
      <c r="D17934" s="2">
        <v>170762</v>
      </c>
      <c r="E17934" s="1" t="s">
        <v>0</v>
      </c>
    </row>
    <row r="17935" spans="1:5" ht="409.5" x14ac:dyDescent="0.25">
      <c r="A17935" s="4" t="s">
        <v>37675</v>
      </c>
      <c r="B17935" s="1" t="s">
        <v>50904</v>
      </c>
      <c r="C17935" s="1" t="s">
        <v>37676</v>
      </c>
      <c r="D17935" s="2">
        <v>170763</v>
      </c>
      <c r="E17935" s="1" t="s">
        <v>0</v>
      </c>
    </row>
    <row r="17936" spans="1:5" x14ac:dyDescent="0.25">
      <c r="A17936" s="1" t="s">
        <v>37677</v>
      </c>
      <c r="B17936" s="1" t="s">
        <v>54949</v>
      </c>
      <c r="C17936" s="1" t="s">
        <v>37678</v>
      </c>
      <c r="D17936" s="2">
        <v>170764</v>
      </c>
      <c r="E17936" s="1" t="s">
        <v>0</v>
      </c>
    </row>
    <row r="17937" spans="1:5" x14ac:dyDescent="0.25">
      <c r="A17937" s="2">
        <v>3587</v>
      </c>
      <c r="B17937" s="2">
        <v>3587</v>
      </c>
      <c r="C17937" s="1" t="s">
        <v>0</v>
      </c>
      <c r="D17937" s="2">
        <v>170765</v>
      </c>
      <c r="E17937" s="1" t="s">
        <v>0</v>
      </c>
    </row>
    <row r="17938" spans="1:5" x14ac:dyDescent="0.25">
      <c r="A17938" s="1" t="s">
        <v>3260</v>
      </c>
      <c r="B17938" s="1" t="s">
        <v>10171</v>
      </c>
      <c r="C17938" s="1" t="s">
        <v>37679</v>
      </c>
      <c r="D17938" s="2">
        <v>170766</v>
      </c>
      <c r="E17938" s="1" t="s">
        <v>0</v>
      </c>
    </row>
    <row r="17939" spans="1:5" x14ac:dyDescent="0.25">
      <c r="A17939" s="1" t="s">
        <v>37680</v>
      </c>
      <c r="B17939" s="1" t="s">
        <v>54950</v>
      </c>
      <c r="C17939" s="1" t="s">
        <v>37681</v>
      </c>
      <c r="D17939" s="2">
        <v>170767</v>
      </c>
      <c r="E17939" s="1" t="s">
        <v>0</v>
      </c>
    </row>
    <row r="17940" spans="1:5" ht="409.5" x14ac:dyDescent="0.25">
      <c r="A17940" s="4" t="s">
        <v>37682</v>
      </c>
      <c r="B17940" s="1" t="s">
        <v>54951</v>
      </c>
      <c r="C17940" s="1" t="s">
        <v>37683</v>
      </c>
      <c r="D17940" s="2">
        <v>170768</v>
      </c>
      <c r="E17940" s="1" t="s">
        <v>0</v>
      </c>
    </row>
    <row r="17941" spans="1:5" x14ac:dyDescent="0.25">
      <c r="A17941" s="1" t="s">
        <v>37684</v>
      </c>
      <c r="B17941" s="1" t="s">
        <v>10172</v>
      </c>
      <c r="C17941" s="1" t="s">
        <v>37685</v>
      </c>
      <c r="D17941" s="2">
        <v>170769</v>
      </c>
      <c r="E17941" s="1" t="s">
        <v>0</v>
      </c>
    </row>
    <row r="17942" spans="1:5" x14ac:dyDescent="0.25">
      <c r="A17942" s="2">
        <v>3588</v>
      </c>
      <c r="B17942" s="2">
        <v>3588</v>
      </c>
      <c r="C17942" s="1" t="s">
        <v>0</v>
      </c>
      <c r="D17942" s="2">
        <v>170770</v>
      </c>
      <c r="E17942" s="1" t="s">
        <v>0</v>
      </c>
    </row>
    <row r="17943" spans="1:5" x14ac:dyDescent="0.25">
      <c r="A17943" s="1" t="s">
        <v>3261</v>
      </c>
      <c r="B17943" s="1" t="s">
        <v>54952</v>
      </c>
      <c r="C17943" s="1" t="s">
        <v>37686</v>
      </c>
      <c r="D17943" s="2">
        <v>170771</v>
      </c>
      <c r="E17943" s="1" t="s">
        <v>0</v>
      </c>
    </row>
    <row r="17944" spans="1:5" x14ac:dyDescent="0.25">
      <c r="A17944" s="1" t="s">
        <v>37687</v>
      </c>
      <c r="B17944" s="1" t="s">
        <v>54953</v>
      </c>
      <c r="C17944" s="1" t="s">
        <v>37688</v>
      </c>
      <c r="D17944" s="2">
        <v>170772</v>
      </c>
      <c r="E17944" s="1" t="s">
        <v>0</v>
      </c>
    </row>
    <row r="17945" spans="1:5" ht="409.5" x14ac:dyDescent="0.25">
      <c r="A17945" s="4" t="s">
        <v>37689</v>
      </c>
      <c r="B17945" s="1" t="s">
        <v>54954</v>
      </c>
      <c r="C17945" s="1" t="s">
        <v>37690</v>
      </c>
      <c r="D17945" s="2">
        <v>170773</v>
      </c>
      <c r="E17945" s="1" t="s">
        <v>0</v>
      </c>
    </row>
    <row r="17946" spans="1:5" x14ac:dyDescent="0.25">
      <c r="A17946" s="1" t="s">
        <v>37691</v>
      </c>
      <c r="B17946" s="1" t="s">
        <v>10173</v>
      </c>
      <c r="C17946" s="1" t="s">
        <v>37692</v>
      </c>
      <c r="D17946" s="2">
        <v>170774</v>
      </c>
      <c r="E17946" s="1" t="s">
        <v>0</v>
      </c>
    </row>
    <row r="17947" spans="1:5" x14ac:dyDescent="0.25">
      <c r="A17947" s="2">
        <v>3589</v>
      </c>
      <c r="B17947" s="2">
        <v>3589</v>
      </c>
      <c r="C17947" s="1" t="s">
        <v>0</v>
      </c>
      <c r="D17947" s="2">
        <v>170775</v>
      </c>
      <c r="E17947" s="1" t="s">
        <v>0</v>
      </c>
    </row>
    <row r="17948" spans="1:5" x14ac:dyDescent="0.25">
      <c r="A17948" s="1" t="s">
        <v>3262</v>
      </c>
      <c r="B17948" s="1" t="s">
        <v>60149</v>
      </c>
      <c r="C17948" s="1" t="s">
        <v>37693</v>
      </c>
      <c r="D17948" s="2">
        <v>170776</v>
      </c>
      <c r="E17948" s="1" t="s">
        <v>0</v>
      </c>
    </row>
    <row r="17949" spans="1:5" x14ac:dyDescent="0.25">
      <c r="A17949" s="1" t="s">
        <v>37694</v>
      </c>
      <c r="B17949" s="1" t="s">
        <v>60772</v>
      </c>
      <c r="C17949" s="1" t="s">
        <v>37695</v>
      </c>
      <c r="D17949" s="2">
        <v>170777</v>
      </c>
      <c r="E17949" s="1" t="s">
        <v>0</v>
      </c>
    </row>
    <row r="17950" spans="1:5" ht="409.5" x14ac:dyDescent="0.25">
      <c r="A17950" s="4" t="s">
        <v>37696</v>
      </c>
      <c r="B17950" s="1" t="s">
        <v>60773</v>
      </c>
      <c r="C17950" s="1" t="s">
        <v>37697</v>
      </c>
      <c r="D17950" s="2">
        <v>170778</v>
      </c>
      <c r="E17950" s="1" t="s">
        <v>0</v>
      </c>
    </row>
    <row r="17951" spans="1:5" x14ac:dyDescent="0.25">
      <c r="A17951" s="1" t="s">
        <v>37698</v>
      </c>
      <c r="B17951" s="1" t="s">
        <v>54955</v>
      </c>
      <c r="C17951" s="1" t="s">
        <v>37699</v>
      </c>
      <c r="D17951" s="2">
        <v>170779</v>
      </c>
      <c r="E17951" s="1" t="s">
        <v>0</v>
      </c>
    </row>
    <row r="17952" spans="1:5" x14ac:dyDescent="0.25">
      <c r="A17952" s="2">
        <v>3590</v>
      </c>
      <c r="B17952" s="2">
        <v>3590</v>
      </c>
      <c r="C17952" s="1" t="s">
        <v>0</v>
      </c>
      <c r="D17952" s="2">
        <v>170780</v>
      </c>
      <c r="E17952" s="1" t="s">
        <v>0</v>
      </c>
    </row>
    <row r="17953" spans="1:5" x14ac:dyDescent="0.25">
      <c r="A17953" s="1" t="s">
        <v>3263</v>
      </c>
      <c r="B17953" s="1" t="s">
        <v>10174</v>
      </c>
      <c r="C17953" s="1" t="s">
        <v>37700</v>
      </c>
      <c r="D17953" s="2">
        <v>170781</v>
      </c>
      <c r="E17953" s="1" t="s">
        <v>0</v>
      </c>
    </row>
    <row r="17954" spans="1:5" x14ac:dyDescent="0.25">
      <c r="A17954" s="1" t="s">
        <v>37701</v>
      </c>
      <c r="B17954" s="1" t="s">
        <v>61694</v>
      </c>
      <c r="C17954" s="1" t="s">
        <v>37702</v>
      </c>
      <c r="D17954" s="2">
        <v>170782</v>
      </c>
      <c r="E17954" s="1" t="s">
        <v>0</v>
      </c>
    </row>
    <row r="17955" spans="1:5" ht="409.5" x14ac:dyDescent="0.25">
      <c r="A17955" s="4" t="s">
        <v>37703</v>
      </c>
      <c r="B17955" s="1" t="s">
        <v>61695</v>
      </c>
      <c r="C17955" s="1" t="s">
        <v>37704</v>
      </c>
      <c r="D17955" s="2">
        <v>170783</v>
      </c>
      <c r="E17955" s="1" t="s">
        <v>0</v>
      </c>
    </row>
    <row r="17956" spans="1:5" x14ac:dyDescent="0.25">
      <c r="A17956" s="1" t="s">
        <v>37705</v>
      </c>
      <c r="B17956" s="1" t="s">
        <v>61696</v>
      </c>
      <c r="C17956" s="1" t="s">
        <v>37706</v>
      </c>
      <c r="D17956" s="2">
        <v>170784</v>
      </c>
      <c r="E17956" s="1" t="s">
        <v>0</v>
      </c>
    </row>
    <row r="17957" spans="1:5" x14ac:dyDescent="0.25">
      <c r="A17957" s="2">
        <v>3591</v>
      </c>
      <c r="B17957" s="2">
        <v>3591</v>
      </c>
      <c r="C17957" s="1" t="s">
        <v>0</v>
      </c>
      <c r="D17957" s="2">
        <v>170785</v>
      </c>
      <c r="E17957" s="1" t="s">
        <v>0</v>
      </c>
    </row>
    <row r="17958" spans="1:5" x14ac:dyDescent="0.25">
      <c r="A17958" s="1" t="s">
        <v>10175</v>
      </c>
      <c r="B17958" s="1" t="s">
        <v>10176</v>
      </c>
      <c r="C17958" s="1" t="s">
        <v>37707</v>
      </c>
      <c r="D17958" s="2">
        <v>170786</v>
      </c>
      <c r="E17958" s="1" t="s">
        <v>0</v>
      </c>
    </row>
    <row r="17959" spans="1:5" x14ac:dyDescent="0.25">
      <c r="A17959" s="1" t="s">
        <v>37708</v>
      </c>
      <c r="B17959" s="1" t="s">
        <v>54956</v>
      </c>
      <c r="C17959" s="1" t="s">
        <v>37709</v>
      </c>
      <c r="D17959" s="2">
        <v>170787</v>
      </c>
      <c r="E17959" s="1" t="s">
        <v>0</v>
      </c>
    </row>
    <row r="17960" spans="1:5" ht="409.5" x14ac:dyDescent="0.25">
      <c r="A17960" s="4" t="s">
        <v>37710</v>
      </c>
      <c r="B17960" s="1" t="s">
        <v>54957</v>
      </c>
      <c r="C17960" s="1" t="s">
        <v>37711</v>
      </c>
      <c r="D17960" s="2">
        <v>170788</v>
      </c>
      <c r="E17960" s="1" t="s">
        <v>0</v>
      </c>
    </row>
    <row r="17961" spans="1:5" x14ac:dyDescent="0.25">
      <c r="A17961" s="1" t="s">
        <v>37712</v>
      </c>
      <c r="B17961" s="1" t="s">
        <v>10177</v>
      </c>
      <c r="C17961" s="1" t="s">
        <v>37713</v>
      </c>
      <c r="D17961" s="2">
        <v>170789</v>
      </c>
      <c r="E17961" s="1" t="s">
        <v>0</v>
      </c>
    </row>
    <row r="17962" spans="1:5" x14ac:dyDescent="0.25">
      <c r="A17962" s="2">
        <v>3592</v>
      </c>
      <c r="B17962" s="2">
        <v>3592</v>
      </c>
      <c r="C17962" s="1" t="s">
        <v>0</v>
      </c>
      <c r="D17962" s="2">
        <v>170790</v>
      </c>
      <c r="E17962" s="1" t="s">
        <v>0</v>
      </c>
    </row>
    <row r="17963" spans="1:5" x14ac:dyDescent="0.25">
      <c r="A17963" s="1" t="s">
        <v>10178</v>
      </c>
      <c r="B17963" s="1" t="s">
        <v>10179</v>
      </c>
      <c r="C17963" s="1" t="s">
        <v>37714</v>
      </c>
      <c r="D17963" s="2">
        <v>170791</v>
      </c>
      <c r="E17963" s="1" t="s">
        <v>0</v>
      </c>
    </row>
    <row r="17964" spans="1:5" x14ac:dyDescent="0.25">
      <c r="A17964" s="1" t="s">
        <v>37715</v>
      </c>
      <c r="B17964" s="1" t="s">
        <v>63784</v>
      </c>
      <c r="C17964" s="1" t="s">
        <v>37716</v>
      </c>
      <c r="D17964" s="2">
        <v>170792</v>
      </c>
      <c r="E17964" s="1" t="s">
        <v>0</v>
      </c>
    </row>
    <row r="17965" spans="1:5" ht="409.5" x14ac:dyDescent="0.25">
      <c r="A17965" s="4" t="s">
        <v>64266</v>
      </c>
      <c r="B17965" s="1" t="s">
        <v>63785</v>
      </c>
      <c r="C17965" s="1" t="s">
        <v>37717</v>
      </c>
      <c r="D17965" s="2">
        <v>170793</v>
      </c>
      <c r="E17965" s="1" t="s">
        <v>0</v>
      </c>
    </row>
    <row r="17966" spans="1:5" x14ac:dyDescent="0.25">
      <c r="A17966" s="1" t="s">
        <v>37718</v>
      </c>
      <c r="B17966" s="1" t="s">
        <v>10180</v>
      </c>
      <c r="C17966" s="1" t="s">
        <v>37719</v>
      </c>
      <c r="D17966" s="2">
        <v>170794</v>
      </c>
      <c r="E17966" s="1" t="s">
        <v>0</v>
      </c>
    </row>
    <row r="17967" spans="1:5" x14ac:dyDescent="0.25">
      <c r="A17967" s="2">
        <v>3593</v>
      </c>
      <c r="B17967" s="2">
        <v>3593</v>
      </c>
      <c r="C17967" s="1" t="s">
        <v>0</v>
      </c>
      <c r="D17967" s="2">
        <v>170795</v>
      </c>
      <c r="E17967" s="1" t="s">
        <v>0</v>
      </c>
    </row>
    <row r="17968" spans="1:5" x14ac:dyDescent="0.25">
      <c r="A17968" s="1" t="s">
        <v>3264</v>
      </c>
      <c r="B17968" s="1" t="s">
        <v>10181</v>
      </c>
      <c r="C17968" s="1" t="s">
        <v>37720</v>
      </c>
      <c r="D17968" s="2">
        <v>170796</v>
      </c>
      <c r="E17968" s="1" t="s">
        <v>0</v>
      </c>
    </row>
    <row r="17969" spans="1:5" x14ac:dyDescent="0.25">
      <c r="A17969" s="1" t="s">
        <v>37721</v>
      </c>
      <c r="B17969" s="1" t="s">
        <v>62739</v>
      </c>
      <c r="C17969" s="1" t="s">
        <v>37722</v>
      </c>
      <c r="D17969" s="2">
        <v>170797</v>
      </c>
      <c r="E17969" s="1" t="s">
        <v>0</v>
      </c>
    </row>
    <row r="17970" spans="1:5" ht="409.5" x14ac:dyDescent="0.25">
      <c r="A17970" s="4" t="s">
        <v>37723</v>
      </c>
      <c r="B17970" s="1" t="s">
        <v>62740</v>
      </c>
      <c r="C17970" s="1" t="s">
        <v>37724</v>
      </c>
      <c r="D17970" s="2">
        <v>170798</v>
      </c>
      <c r="E17970" s="1" t="s">
        <v>0</v>
      </c>
    </row>
    <row r="17971" spans="1:5" x14ac:dyDescent="0.25">
      <c r="A17971" s="1" t="s">
        <v>37725</v>
      </c>
      <c r="B17971" s="1" t="s">
        <v>10182</v>
      </c>
      <c r="C17971" s="1" t="s">
        <v>37726</v>
      </c>
      <c r="D17971" s="2">
        <v>170799</v>
      </c>
      <c r="E17971" s="1" t="s">
        <v>0</v>
      </c>
    </row>
    <row r="17972" spans="1:5" x14ac:dyDescent="0.25">
      <c r="A17972" s="2">
        <v>3594</v>
      </c>
      <c r="B17972" s="2">
        <v>3594</v>
      </c>
      <c r="C17972" s="1" t="s">
        <v>0</v>
      </c>
      <c r="D17972" s="2">
        <v>170800</v>
      </c>
      <c r="E17972" s="1" t="s">
        <v>0</v>
      </c>
    </row>
    <row r="17973" spans="1:5" x14ac:dyDescent="0.25">
      <c r="A17973" s="1" t="s">
        <v>3265</v>
      </c>
      <c r="B17973" s="1" t="s">
        <v>10183</v>
      </c>
      <c r="C17973" s="1" t="s">
        <v>37727</v>
      </c>
      <c r="D17973" s="2">
        <v>170801</v>
      </c>
      <c r="E17973" s="1" t="s">
        <v>0</v>
      </c>
    </row>
    <row r="17974" spans="1:5" x14ac:dyDescent="0.25">
      <c r="A17974" s="1" t="s">
        <v>37728</v>
      </c>
      <c r="B17974" s="1" t="s">
        <v>58813</v>
      </c>
      <c r="C17974" s="1" t="s">
        <v>37729</v>
      </c>
      <c r="D17974" s="2">
        <v>170802</v>
      </c>
      <c r="E17974" s="1" t="s">
        <v>0</v>
      </c>
    </row>
    <row r="17975" spans="1:5" ht="409.5" x14ac:dyDescent="0.25">
      <c r="A17975" s="4" t="s">
        <v>37730</v>
      </c>
      <c r="B17975" s="1" t="s">
        <v>58814</v>
      </c>
      <c r="C17975" s="1" t="s">
        <v>37731</v>
      </c>
      <c r="D17975" s="2">
        <v>170803</v>
      </c>
      <c r="E17975" s="1" t="s">
        <v>0</v>
      </c>
    </row>
    <row r="17976" spans="1:5" x14ac:dyDescent="0.25">
      <c r="A17976" s="1" t="s">
        <v>37732</v>
      </c>
      <c r="B17976" s="1" t="s">
        <v>54958</v>
      </c>
      <c r="C17976" s="1" t="s">
        <v>37733</v>
      </c>
      <c r="D17976" s="2">
        <v>170804</v>
      </c>
      <c r="E17976" s="1" t="s">
        <v>0</v>
      </c>
    </row>
    <row r="17977" spans="1:5" x14ac:dyDescent="0.25">
      <c r="A17977" s="2">
        <v>3595</v>
      </c>
      <c r="B17977" s="2">
        <v>3595</v>
      </c>
      <c r="C17977" s="1" t="s">
        <v>0</v>
      </c>
      <c r="D17977" s="2">
        <v>170805</v>
      </c>
      <c r="E17977" s="1" t="s">
        <v>0</v>
      </c>
    </row>
    <row r="17978" spans="1:5" x14ac:dyDescent="0.25">
      <c r="A17978" s="1" t="s">
        <v>3266</v>
      </c>
      <c r="B17978" s="1" t="s">
        <v>10184</v>
      </c>
      <c r="C17978" s="1" t="s">
        <v>37734</v>
      </c>
      <c r="D17978" s="2">
        <v>170806</v>
      </c>
      <c r="E17978" s="1" t="s">
        <v>0</v>
      </c>
    </row>
    <row r="17979" spans="1:5" x14ac:dyDescent="0.25">
      <c r="A17979" s="1" t="s">
        <v>37735</v>
      </c>
      <c r="B17979" s="1" t="s">
        <v>10185</v>
      </c>
      <c r="C17979" s="1" t="s">
        <v>37736</v>
      </c>
      <c r="D17979" s="2">
        <v>170807</v>
      </c>
      <c r="E17979" s="1" t="s">
        <v>0</v>
      </c>
    </row>
    <row r="17980" spans="1:5" ht="409.5" x14ac:dyDescent="0.25">
      <c r="A17980" s="4" t="s">
        <v>37737</v>
      </c>
      <c r="B17980" s="1" t="s">
        <v>54959</v>
      </c>
      <c r="C17980" s="1" t="s">
        <v>37738</v>
      </c>
      <c r="D17980" s="2">
        <v>170808</v>
      </c>
      <c r="E17980" s="1" t="s">
        <v>0</v>
      </c>
    </row>
    <row r="17981" spans="1:5" x14ac:dyDescent="0.25">
      <c r="A17981" s="1" t="s">
        <v>37739</v>
      </c>
      <c r="B17981" s="1" t="s">
        <v>50905</v>
      </c>
      <c r="C17981" s="1" t="s">
        <v>37740</v>
      </c>
      <c r="D17981" s="2">
        <v>170809</v>
      </c>
      <c r="E17981" s="1" t="s">
        <v>0</v>
      </c>
    </row>
    <row r="17982" spans="1:5" x14ac:dyDescent="0.25">
      <c r="A17982" s="2">
        <v>3596</v>
      </c>
      <c r="B17982" s="2">
        <v>3596</v>
      </c>
      <c r="C17982" s="1" t="s">
        <v>0</v>
      </c>
      <c r="D17982" s="2">
        <v>170810</v>
      </c>
      <c r="E17982" s="1" t="s">
        <v>0</v>
      </c>
    </row>
    <row r="17983" spans="1:5" x14ac:dyDescent="0.25">
      <c r="A17983" s="1" t="s">
        <v>10186</v>
      </c>
      <c r="B17983" s="1" t="s">
        <v>60150</v>
      </c>
      <c r="C17983" s="1" t="s">
        <v>37741</v>
      </c>
      <c r="D17983" s="2">
        <v>170811</v>
      </c>
      <c r="E17983" s="1" t="s">
        <v>0</v>
      </c>
    </row>
    <row r="17984" spans="1:5" x14ac:dyDescent="0.25">
      <c r="A17984" s="1" t="s">
        <v>37742</v>
      </c>
      <c r="B17984" s="1" t="s">
        <v>58489</v>
      </c>
      <c r="C17984" s="1" t="s">
        <v>37743</v>
      </c>
      <c r="D17984" s="2">
        <v>170812</v>
      </c>
      <c r="E17984" s="1" t="s">
        <v>0</v>
      </c>
    </row>
    <row r="17985" spans="1:5" ht="409.5" x14ac:dyDescent="0.25">
      <c r="A17985" s="4" t="s">
        <v>37744</v>
      </c>
      <c r="B17985" s="1" t="s">
        <v>58490</v>
      </c>
      <c r="C17985" s="1" t="s">
        <v>37745</v>
      </c>
      <c r="D17985" s="2">
        <v>170813</v>
      </c>
      <c r="E17985" s="1" t="s">
        <v>0</v>
      </c>
    </row>
    <row r="17986" spans="1:5" x14ac:dyDescent="0.25">
      <c r="A17986" s="1" t="s">
        <v>37746</v>
      </c>
      <c r="B17986" s="1" t="s">
        <v>54960</v>
      </c>
      <c r="C17986" s="1" t="s">
        <v>37747</v>
      </c>
      <c r="D17986" s="2">
        <v>170814</v>
      </c>
      <c r="E17986" s="1" t="s">
        <v>0</v>
      </c>
    </row>
    <row r="17987" spans="1:5" x14ac:dyDescent="0.25">
      <c r="A17987" s="2">
        <v>3597</v>
      </c>
      <c r="B17987" s="2">
        <v>3597</v>
      </c>
      <c r="C17987" s="1" t="s">
        <v>0</v>
      </c>
      <c r="D17987" s="2">
        <v>170815</v>
      </c>
      <c r="E17987" s="1" t="s">
        <v>0</v>
      </c>
    </row>
    <row r="17988" spans="1:5" x14ac:dyDescent="0.25">
      <c r="A17988" s="1" t="s">
        <v>3267</v>
      </c>
      <c r="B17988" s="1" t="s">
        <v>10187</v>
      </c>
      <c r="C17988" s="1" t="s">
        <v>37748</v>
      </c>
      <c r="D17988" s="2">
        <v>170816</v>
      </c>
      <c r="E17988" s="1" t="s">
        <v>0</v>
      </c>
    </row>
    <row r="17989" spans="1:5" x14ac:dyDescent="0.25">
      <c r="A17989" s="1" t="s">
        <v>37749</v>
      </c>
      <c r="B17989" s="1" t="s">
        <v>54961</v>
      </c>
      <c r="C17989" s="1" t="s">
        <v>37750</v>
      </c>
      <c r="D17989" s="2">
        <v>170817</v>
      </c>
      <c r="E17989" s="1" t="s">
        <v>0</v>
      </c>
    </row>
    <row r="17990" spans="1:5" ht="409.5" x14ac:dyDescent="0.25">
      <c r="A17990" s="4" t="s">
        <v>37751</v>
      </c>
      <c r="B17990" s="1" t="s">
        <v>63453</v>
      </c>
      <c r="C17990" s="1" t="s">
        <v>37752</v>
      </c>
      <c r="D17990" s="2">
        <v>170818</v>
      </c>
      <c r="E17990" s="1" t="s">
        <v>0</v>
      </c>
    </row>
    <row r="17991" spans="1:5" x14ac:dyDescent="0.25">
      <c r="A17991" s="1" t="s">
        <v>37753</v>
      </c>
      <c r="B17991" s="1" t="s">
        <v>10188</v>
      </c>
      <c r="C17991" s="1" t="s">
        <v>37754</v>
      </c>
      <c r="D17991" s="2">
        <v>170819</v>
      </c>
      <c r="E17991" s="1" t="s">
        <v>0</v>
      </c>
    </row>
    <row r="17992" spans="1:5" x14ac:dyDescent="0.25">
      <c r="A17992" s="2">
        <v>3598</v>
      </c>
      <c r="B17992" s="2">
        <v>3598</v>
      </c>
      <c r="C17992" s="1" t="s">
        <v>0</v>
      </c>
      <c r="D17992" s="2">
        <v>170820</v>
      </c>
      <c r="E17992" s="1" t="s">
        <v>0</v>
      </c>
    </row>
    <row r="17993" spans="1:5" x14ac:dyDescent="0.25">
      <c r="A17993" s="1" t="s">
        <v>3268</v>
      </c>
      <c r="B17993" s="1" t="s">
        <v>10189</v>
      </c>
      <c r="C17993" s="1" t="s">
        <v>37755</v>
      </c>
      <c r="D17993" s="2">
        <v>170821</v>
      </c>
      <c r="E17993" s="1" t="s">
        <v>0</v>
      </c>
    </row>
    <row r="17994" spans="1:5" x14ac:dyDescent="0.25">
      <c r="A17994" s="1" t="s">
        <v>37756</v>
      </c>
      <c r="B17994" s="1" t="s">
        <v>54962</v>
      </c>
      <c r="C17994" s="1" t="s">
        <v>37757</v>
      </c>
      <c r="D17994" s="2">
        <v>170822</v>
      </c>
      <c r="E17994" s="1" t="s">
        <v>0</v>
      </c>
    </row>
    <row r="17995" spans="1:5" ht="409.5" x14ac:dyDescent="0.25">
      <c r="A17995" s="4" t="s">
        <v>37758</v>
      </c>
      <c r="B17995" s="1" t="s">
        <v>57937</v>
      </c>
      <c r="C17995" s="1" t="s">
        <v>37759</v>
      </c>
      <c r="D17995" s="2">
        <v>170823</v>
      </c>
      <c r="E17995" s="1" t="s">
        <v>0</v>
      </c>
    </row>
    <row r="17996" spans="1:5" x14ac:dyDescent="0.25">
      <c r="A17996" s="1" t="s">
        <v>37760</v>
      </c>
      <c r="B17996" s="1" t="s">
        <v>57289</v>
      </c>
      <c r="C17996" s="1" t="s">
        <v>37761</v>
      </c>
      <c r="D17996" s="2">
        <v>170824</v>
      </c>
      <c r="E17996" s="1" t="s">
        <v>0</v>
      </c>
    </row>
    <row r="17997" spans="1:5" x14ac:dyDescent="0.25">
      <c r="A17997" s="2">
        <v>3599</v>
      </c>
      <c r="B17997" s="2">
        <v>3599</v>
      </c>
      <c r="C17997" s="1" t="s">
        <v>0</v>
      </c>
      <c r="D17997" s="2">
        <v>170825</v>
      </c>
      <c r="E17997" s="1" t="s">
        <v>0</v>
      </c>
    </row>
    <row r="17998" spans="1:5" x14ac:dyDescent="0.25">
      <c r="A17998" s="1" t="s">
        <v>3269</v>
      </c>
      <c r="B17998" s="1" t="s">
        <v>10190</v>
      </c>
      <c r="C17998" s="1" t="s">
        <v>37762</v>
      </c>
      <c r="D17998" s="2">
        <v>170826</v>
      </c>
      <c r="E17998" s="1" t="s">
        <v>0</v>
      </c>
    </row>
    <row r="17999" spans="1:5" x14ac:dyDescent="0.25">
      <c r="A17999" s="1" t="s">
        <v>37763</v>
      </c>
      <c r="B17999" s="1" t="s">
        <v>54963</v>
      </c>
      <c r="C17999" s="1" t="s">
        <v>37764</v>
      </c>
      <c r="D17999" s="2">
        <v>170827</v>
      </c>
      <c r="E17999" s="1" t="s">
        <v>0</v>
      </c>
    </row>
    <row r="18000" spans="1:5" ht="409.5" x14ac:dyDescent="0.25">
      <c r="A18000" s="4" t="s">
        <v>37765</v>
      </c>
      <c r="B18000" s="1" t="s">
        <v>54964</v>
      </c>
      <c r="C18000" s="1" t="s">
        <v>37766</v>
      </c>
      <c r="D18000" s="2">
        <v>170828</v>
      </c>
      <c r="E18000" s="1" t="s">
        <v>0</v>
      </c>
    </row>
    <row r="18001" spans="1:5" x14ac:dyDescent="0.25">
      <c r="A18001" s="1" t="s">
        <v>37767</v>
      </c>
      <c r="B18001" s="1" t="s">
        <v>54965</v>
      </c>
      <c r="C18001" s="1" t="s">
        <v>37768</v>
      </c>
      <c r="D18001" s="2">
        <v>170829</v>
      </c>
      <c r="E18001" s="1" t="s">
        <v>0</v>
      </c>
    </row>
    <row r="18002" spans="1:5" x14ac:dyDescent="0.25">
      <c r="A18002" s="2">
        <v>3600</v>
      </c>
      <c r="B18002" s="2">
        <v>3600</v>
      </c>
      <c r="C18002" s="1" t="s">
        <v>0</v>
      </c>
      <c r="D18002" s="2">
        <v>170830</v>
      </c>
      <c r="E18002" s="1" t="s">
        <v>0</v>
      </c>
    </row>
    <row r="18003" spans="1:5" x14ac:dyDescent="0.25">
      <c r="A18003" s="1" t="s">
        <v>3270</v>
      </c>
      <c r="B18003" s="1" t="s">
        <v>10191</v>
      </c>
      <c r="C18003" s="1" t="s">
        <v>37769</v>
      </c>
      <c r="D18003" s="2">
        <v>170831</v>
      </c>
      <c r="E18003" s="1" t="s">
        <v>0</v>
      </c>
    </row>
    <row r="18004" spans="1:5" x14ac:dyDescent="0.25">
      <c r="A18004" s="1" t="s">
        <v>37770</v>
      </c>
      <c r="B18004" s="1" t="s">
        <v>54966</v>
      </c>
      <c r="C18004" s="1" t="s">
        <v>37771</v>
      </c>
      <c r="D18004" s="2">
        <v>170832</v>
      </c>
      <c r="E18004" s="1" t="s">
        <v>0</v>
      </c>
    </row>
    <row r="18005" spans="1:5" ht="409.5" x14ac:dyDescent="0.25">
      <c r="A18005" s="4" t="s">
        <v>37772</v>
      </c>
      <c r="B18005" s="1" t="s">
        <v>60151</v>
      </c>
      <c r="C18005" s="1" t="s">
        <v>37773</v>
      </c>
      <c r="D18005" s="2">
        <v>170833</v>
      </c>
      <c r="E18005" s="1" t="s">
        <v>0</v>
      </c>
    </row>
    <row r="18006" spans="1:5" x14ac:dyDescent="0.25">
      <c r="A18006" s="1" t="s">
        <v>37774</v>
      </c>
      <c r="B18006" s="1" t="s">
        <v>10192</v>
      </c>
      <c r="C18006" s="1" t="s">
        <v>37775</v>
      </c>
      <c r="D18006" s="2">
        <v>170834</v>
      </c>
      <c r="E18006" s="1" t="s">
        <v>0</v>
      </c>
    </row>
    <row r="18007" spans="1:5" x14ac:dyDescent="0.25">
      <c r="A18007" s="2">
        <v>3601</v>
      </c>
      <c r="B18007" s="2">
        <v>3601</v>
      </c>
      <c r="C18007" s="1" t="s">
        <v>0</v>
      </c>
      <c r="D18007" s="2">
        <v>170835</v>
      </c>
      <c r="E18007" s="1" t="s">
        <v>0</v>
      </c>
    </row>
    <row r="18008" spans="1:5" x14ac:dyDescent="0.25">
      <c r="A18008" s="1" t="s">
        <v>3271</v>
      </c>
      <c r="B18008" s="1" t="s">
        <v>50906</v>
      </c>
      <c r="C18008" s="1" t="s">
        <v>37776</v>
      </c>
      <c r="D18008" s="2">
        <v>170836</v>
      </c>
      <c r="E18008" s="1" t="s">
        <v>0</v>
      </c>
    </row>
    <row r="18009" spans="1:5" x14ac:dyDescent="0.25">
      <c r="A18009" s="1" t="s">
        <v>37777</v>
      </c>
      <c r="B18009" s="1" t="s">
        <v>61254</v>
      </c>
      <c r="C18009" s="1" t="s">
        <v>37778</v>
      </c>
      <c r="D18009" s="2">
        <v>170837</v>
      </c>
      <c r="E18009" s="1" t="s">
        <v>0</v>
      </c>
    </row>
    <row r="18010" spans="1:5" ht="409.5" x14ac:dyDescent="0.25">
      <c r="A18010" s="4" t="s">
        <v>37779</v>
      </c>
      <c r="B18010" s="1" t="s">
        <v>61255</v>
      </c>
      <c r="C18010" s="1" t="s">
        <v>37780</v>
      </c>
      <c r="D18010" s="2">
        <v>170838</v>
      </c>
      <c r="E18010" s="1" t="s">
        <v>0</v>
      </c>
    </row>
    <row r="18011" spans="1:5" x14ac:dyDescent="0.25">
      <c r="A18011" s="1" t="s">
        <v>37781</v>
      </c>
      <c r="B18011" s="1" t="s">
        <v>54967</v>
      </c>
      <c r="C18011" s="1" t="s">
        <v>37782</v>
      </c>
      <c r="D18011" s="2">
        <v>170839</v>
      </c>
      <c r="E18011" s="1" t="s">
        <v>0</v>
      </c>
    </row>
    <row r="18012" spans="1:5" x14ac:dyDescent="0.25">
      <c r="A18012" s="2">
        <v>3602</v>
      </c>
      <c r="B18012" s="2">
        <v>3602</v>
      </c>
      <c r="C18012" s="1" t="s">
        <v>0</v>
      </c>
      <c r="D18012" s="2">
        <v>170840</v>
      </c>
      <c r="E18012" s="1" t="s">
        <v>0</v>
      </c>
    </row>
    <row r="18013" spans="1:5" x14ac:dyDescent="0.25">
      <c r="A18013" s="1" t="s">
        <v>3272</v>
      </c>
      <c r="B18013" s="1" t="s">
        <v>10193</v>
      </c>
      <c r="C18013" s="1" t="s">
        <v>37783</v>
      </c>
      <c r="D18013" s="2">
        <v>170841</v>
      </c>
      <c r="E18013" s="1" t="s">
        <v>0</v>
      </c>
    </row>
    <row r="18014" spans="1:5" x14ac:dyDescent="0.25">
      <c r="A18014" s="1" t="s">
        <v>37784</v>
      </c>
      <c r="B18014" s="1" t="s">
        <v>54968</v>
      </c>
      <c r="C18014" s="1" t="s">
        <v>37785</v>
      </c>
      <c r="D18014" s="2">
        <v>170842</v>
      </c>
      <c r="E18014" s="1" t="s">
        <v>0</v>
      </c>
    </row>
    <row r="18015" spans="1:5" ht="409.5" x14ac:dyDescent="0.25">
      <c r="A18015" s="4" t="s">
        <v>37786</v>
      </c>
      <c r="B18015" s="1" t="s">
        <v>56825</v>
      </c>
      <c r="C18015" s="1" t="s">
        <v>37787</v>
      </c>
      <c r="D18015" s="2">
        <v>170843</v>
      </c>
      <c r="E18015" s="1" t="s">
        <v>0</v>
      </c>
    </row>
    <row r="18016" spans="1:5" x14ac:dyDescent="0.25">
      <c r="A18016" s="1" t="s">
        <v>37788</v>
      </c>
      <c r="B18016" s="1" t="s">
        <v>10194</v>
      </c>
      <c r="C18016" s="1" t="s">
        <v>37789</v>
      </c>
      <c r="D18016" s="2">
        <v>170844</v>
      </c>
      <c r="E18016" s="1" t="s">
        <v>0</v>
      </c>
    </row>
    <row r="18017" spans="1:5" x14ac:dyDescent="0.25">
      <c r="A18017" s="2">
        <v>3603</v>
      </c>
      <c r="B18017" s="2">
        <v>3603</v>
      </c>
      <c r="C18017" s="1" t="s">
        <v>0</v>
      </c>
      <c r="D18017" s="2">
        <v>170845</v>
      </c>
      <c r="E18017" s="1" t="s">
        <v>0</v>
      </c>
    </row>
    <row r="18018" spans="1:5" x14ac:dyDescent="0.25">
      <c r="A18018" s="1" t="s">
        <v>13217</v>
      </c>
      <c r="B18018" s="1" t="s">
        <v>10195</v>
      </c>
      <c r="C18018" s="1" t="s">
        <v>37790</v>
      </c>
      <c r="D18018" s="2">
        <v>170846</v>
      </c>
      <c r="E18018" s="1" t="s">
        <v>0</v>
      </c>
    </row>
    <row r="18019" spans="1:5" x14ac:dyDescent="0.25">
      <c r="A18019" s="1" t="s">
        <v>37791</v>
      </c>
      <c r="B18019" s="1" t="s">
        <v>54969</v>
      </c>
      <c r="C18019" s="1" t="s">
        <v>37792</v>
      </c>
      <c r="D18019" s="2">
        <v>170847</v>
      </c>
      <c r="E18019" s="1" t="s">
        <v>0</v>
      </c>
    </row>
    <row r="18020" spans="1:5" ht="409.5" x14ac:dyDescent="0.25">
      <c r="A18020" s="4" t="s">
        <v>37793</v>
      </c>
      <c r="B18020" s="1" t="s">
        <v>54970</v>
      </c>
      <c r="C18020" s="1" t="s">
        <v>37794</v>
      </c>
      <c r="D18020" s="2">
        <v>170848</v>
      </c>
      <c r="E18020" s="1" t="s">
        <v>0</v>
      </c>
    </row>
    <row r="18021" spans="1:5" x14ac:dyDescent="0.25">
      <c r="A18021" s="1" t="s">
        <v>37795</v>
      </c>
      <c r="B18021" s="1" t="s">
        <v>10196</v>
      </c>
      <c r="C18021" s="1" t="s">
        <v>37796</v>
      </c>
      <c r="D18021" s="2">
        <v>170849</v>
      </c>
      <c r="E18021" s="1" t="s">
        <v>0</v>
      </c>
    </row>
    <row r="18022" spans="1:5" x14ac:dyDescent="0.25">
      <c r="A18022" s="2">
        <v>3604</v>
      </c>
      <c r="B18022" s="2">
        <v>3604</v>
      </c>
      <c r="C18022" s="1" t="s">
        <v>0</v>
      </c>
      <c r="D18022" s="2">
        <v>170850</v>
      </c>
      <c r="E18022" s="1" t="s">
        <v>0</v>
      </c>
    </row>
    <row r="18023" spans="1:5" x14ac:dyDescent="0.25">
      <c r="A18023" s="1" t="s">
        <v>3273</v>
      </c>
      <c r="B18023" s="1" t="s">
        <v>54971</v>
      </c>
      <c r="C18023" s="1" t="s">
        <v>37797</v>
      </c>
      <c r="D18023" s="2">
        <v>170851</v>
      </c>
      <c r="E18023" s="1" t="s">
        <v>0</v>
      </c>
    </row>
    <row r="18024" spans="1:5" x14ac:dyDescent="0.25">
      <c r="A18024" s="1" t="s">
        <v>37798</v>
      </c>
      <c r="B18024" s="1" t="s">
        <v>62741</v>
      </c>
      <c r="C18024" s="1" t="s">
        <v>37799</v>
      </c>
      <c r="D18024" s="2">
        <v>170852</v>
      </c>
      <c r="E18024" s="1" t="s">
        <v>0</v>
      </c>
    </row>
    <row r="18025" spans="1:5" ht="409.5" x14ac:dyDescent="0.25">
      <c r="A18025" s="4" t="s">
        <v>37800</v>
      </c>
      <c r="B18025" s="1" t="s">
        <v>62742</v>
      </c>
      <c r="C18025" s="1" t="s">
        <v>37801</v>
      </c>
      <c r="D18025" s="2">
        <v>170853</v>
      </c>
      <c r="E18025" s="1" t="s">
        <v>0</v>
      </c>
    </row>
    <row r="18026" spans="1:5" x14ac:dyDescent="0.25">
      <c r="A18026" s="1" t="s">
        <v>37802</v>
      </c>
      <c r="B18026" s="1" t="s">
        <v>54972</v>
      </c>
      <c r="C18026" s="1" t="s">
        <v>37803</v>
      </c>
      <c r="D18026" s="2">
        <v>170854</v>
      </c>
      <c r="E18026" s="1" t="s">
        <v>0</v>
      </c>
    </row>
    <row r="18027" spans="1:5" x14ac:dyDescent="0.25">
      <c r="A18027" s="2">
        <v>3605</v>
      </c>
      <c r="B18027" s="2">
        <v>3605</v>
      </c>
      <c r="C18027" s="1" t="s">
        <v>0</v>
      </c>
      <c r="D18027" s="2">
        <v>170855</v>
      </c>
      <c r="E18027" s="1" t="s">
        <v>0</v>
      </c>
    </row>
    <row r="18028" spans="1:5" x14ac:dyDescent="0.25">
      <c r="A18028" s="1" t="s">
        <v>3274</v>
      </c>
      <c r="B18028" s="1" t="s">
        <v>54973</v>
      </c>
      <c r="C18028" s="1" t="s">
        <v>37804</v>
      </c>
      <c r="D18028" s="2">
        <v>170856</v>
      </c>
      <c r="E18028" s="1" t="s">
        <v>0</v>
      </c>
    </row>
    <row r="18029" spans="1:5" x14ac:dyDescent="0.25">
      <c r="A18029" s="1" t="s">
        <v>37805</v>
      </c>
      <c r="B18029" s="1" t="s">
        <v>57586</v>
      </c>
      <c r="C18029" s="1" t="s">
        <v>37806</v>
      </c>
      <c r="D18029" s="2">
        <v>170857</v>
      </c>
      <c r="E18029" s="1" t="s">
        <v>0</v>
      </c>
    </row>
    <row r="18030" spans="1:5" ht="409.5" x14ac:dyDescent="0.25">
      <c r="A18030" s="4" t="s">
        <v>37807</v>
      </c>
      <c r="B18030" s="1" t="s">
        <v>58491</v>
      </c>
      <c r="C18030" s="1" t="s">
        <v>37808</v>
      </c>
      <c r="D18030" s="2">
        <v>170858</v>
      </c>
      <c r="E18030" s="1" t="s">
        <v>0</v>
      </c>
    </row>
    <row r="18031" spans="1:5" x14ac:dyDescent="0.25">
      <c r="A18031" s="1" t="s">
        <v>37809</v>
      </c>
      <c r="B18031" s="1" t="s">
        <v>58492</v>
      </c>
      <c r="C18031" s="1" t="s">
        <v>37810</v>
      </c>
      <c r="D18031" s="2">
        <v>170859</v>
      </c>
      <c r="E18031" s="1" t="s">
        <v>0</v>
      </c>
    </row>
    <row r="18032" spans="1:5" x14ac:dyDescent="0.25">
      <c r="A18032" s="2">
        <v>3606</v>
      </c>
      <c r="B18032" s="2">
        <v>3606</v>
      </c>
      <c r="C18032" s="1" t="s">
        <v>0</v>
      </c>
      <c r="D18032" s="2">
        <v>170860</v>
      </c>
      <c r="E18032" s="1" t="s">
        <v>0</v>
      </c>
    </row>
    <row r="18033" spans="1:5" x14ac:dyDescent="0.25">
      <c r="A18033" s="1" t="s">
        <v>3275</v>
      </c>
      <c r="B18033" s="1" t="s">
        <v>10197</v>
      </c>
      <c r="C18033" s="1" t="s">
        <v>37811</v>
      </c>
      <c r="D18033" s="2">
        <v>170861</v>
      </c>
      <c r="E18033" s="1" t="s">
        <v>0</v>
      </c>
    </row>
    <row r="18034" spans="1:5" x14ac:dyDescent="0.25">
      <c r="A18034" s="1" t="s">
        <v>37812</v>
      </c>
      <c r="B18034" s="1" t="s">
        <v>56826</v>
      </c>
      <c r="C18034" s="1" t="s">
        <v>37813</v>
      </c>
      <c r="D18034" s="2">
        <v>170862</v>
      </c>
      <c r="E18034" s="1" t="s">
        <v>0</v>
      </c>
    </row>
    <row r="18035" spans="1:5" ht="409.5" x14ac:dyDescent="0.25">
      <c r="A18035" s="4" t="s">
        <v>37814</v>
      </c>
      <c r="B18035" s="1" t="s">
        <v>61256</v>
      </c>
      <c r="C18035" s="1" t="s">
        <v>37815</v>
      </c>
      <c r="D18035" s="2">
        <v>170863</v>
      </c>
      <c r="E18035" s="1" t="s">
        <v>0</v>
      </c>
    </row>
    <row r="18036" spans="1:5" x14ac:dyDescent="0.25">
      <c r="A18036" s="1" t="s">
        <v>37816</v>
      </c>
      <c r="B18036" s="1" t="s">
        <v>10198</v>
      </c>
      <c r="C18036" s="1" t="s">
        <v>37817</v>
      </c>
      <c r="D18036" s="2">
        <v>170864</v>
      </c>
      <c r="E18036" s="1" t="s">
        <v>0</v>
      </c>
    </row>
    <row r="18037" spans="1:5" x14ac:dyDescent="0.25">
      <c r="A18037" s="2">
        <v>3607</v>
      </c>
      <c r="B18037" s="2">
        <v>3607</v>
      </c>
      <c r="C18037" s="1" t="s">
        <v>0</v>
      </c>
      <c r="D18037" s="2">
        <v>170865</v>
      </c>
      <c r="E18037" s="1" t="s">
        <v>0</v>
      </c>
    </row>
    <row r="18038" spans="1:5" x14ac:dyDescent="0.25">
      <c r="A18038" s="1" t="s">
        <v>3276</v>
      </c>
      <c r="B18038" s="1" t="s">
        <v>10199</v>
      </c>
      <c r="C18038" s="1" t="s">
        <v>37818</v>
      </c>
      <c r="D18038" s="2">
        <v>170866</v>
      </c>
      <c r="E18038" s="1" t="s">
        <v>0</v>
      </c>
    </row>
    <row r="18039" spans="1:5" x14ac:dyDescent="0.25">
      <c r="A18039" s="1" t="s">
        <v>37819</v>
      </c>
      <c r="B18039" s="1" t="s">
        <v>54974</v>
      </c>
      <c r="C18039" s="1" t="s">
        <v>37820</v>
      </c>
      <c r="D18039" s="2">
        <v>170867</v>
      </c>
      <c r="E18039" s="1" t="s">
        <v>0</v>
      </c>
    </row>
    <row r="18040" spans="1:5" ht="409.5" x14ac:dyDescent="0.25">
      <c r="A18040" s="4" t="s">
        <v>37821</v>
      </c>
      <c r="B18040" s="1" t="s">
        <v>54975</v>
      </c>
      <c r="C18040" s="1" t="s">
        <v>37822</v>
      </c>
      <c r="D18040" s="2">
        <v>170868</v>
      </c>
      <c r="E18040" s="1" t="s">
        <v>0</v>
      </c>
    </row>
    <row r="18041" spans="1:5" x14ac:dyDescent="0.25">
      <c r="A18041" s="1" t="s">
        <v>37823</v>
      </c>
      <c r="B18041" s="1" t="s">
        <v>10200</v>
      </c>
      <c r="C18041" s="1" t="s">
        <v>37824</v>
      </c>
      <c r="D18041" s="2">
        <v>170869</v>
      </c>
      <c r="E18041" s="1" t="s">
        <v>0</v>
      </c>
    </row>
    <row r="18042" spans="1:5" x14ac:dyDescent="0.25">
      <c r="A18042" s="2">
        <v>3608</v>
      </c>
      <c r="B18042" s="2">
        <v>3608</v>
      </c>
      <c r="C18042" s="1" t="s">
        <v>0</v>
      </c>
      <c r="D18042" s="2">
        <v>170870</v>
      </c>
      <c r="E18042" s="1" t="s">
        <v>0</v>
      </c>
    </row>
    <row r="18043" spans="1:5" x14ac:dyDescent="0.25">
      <c r="A18043" s="1" t="s">
        <v>10201</v>
      </c>
      <c r="B18043" s="1" t="s">
        <v>59048</v>
      </c>
      <c r="C18043" s="1" t="s">
        <v>37825</v>
      </c>
      <c r="D18043" s="2">
        <v>170871</v>
      </c>
      <c r="E18043" s="1" t="s">
        <v>0</v>
      </c>
    </row>
    <row r="18044" spans="1:5" x14ac:dyDescent="0.25">
      <c r="A18044" s="1" t="s">
        <v>37826</v>
      </c>
      <c r="B18044" s="1" t="s">
        <v>59049</v>
      </c>
      <c r="C18044" s="1" t="s">
        <v>37827</v>
      </c>
      <c r="D18044" s="2">
        <v>170872</v>
      </c>
      <c r="E18044" s="1" t="s">
        <v>0</v>
      </c>
    </row>
    <row r="18045" spans="1:5" ht="409.5" x14ac:dyDescent="0.25">
      <c r="A18045" s="4" t="s">
        <v>37828</v>
      </c>
      <c r="B18045" s="1" t="s">
        <v>59050</v>
      </c>
      <c r="C18045" s="1" t="s">
        <v>37829</v>
      </c>
      <c r="D18045" s="2">
        <v>170873</v>
      </c>
      <c r="E18045" s="1" t="s">
        <v>0</v>
      </c>
    </row>
    <row r="18046" spans="1:5" x14ac:dyDescent="0.25">
      <c r="A18046" s="1" t="s">
        <v>37830</v>
      </c>
      <c r="B18046" s="1" t="s">
        <v>54976</v>
      </c>
      <c r="C18046" s="1" t="s">
        <v>37831</v>
      </c>
      <c r="D18046" s="2">
        <v>170874</v>
      </c>
      <c r="E18046" s="1" t="s">
        <v>0</v>
      </c>
    </row>
    <row r="18047" spans="1:5" x14ac:dyDescent="0.25">
      <c r="A18047" s="2">
        <v>3609</v>
      </c>
      <c r="B18047" s="2">
        <v>3609</v>
      </c>
      <c r="C18047" s="1" t="s">
        <v>0</v>
      </c>
      <c r="D18047" s="2">
        <v>170875</v>
      </c>
      <c r="E18047" s="1" t="s">
        <v>0</v>
      </c>
    </row>
    <row r="18048" spans="1:5" x14ac:dyDescent="0.25">
      <c r="A18048" s="1" t="s">
        <v>3277</v>
      </c>
      <c r="B18048" s="1" t="s">
        <v>10202</v>
      </c>
      <c r="C18048" s="1" t="s">
        <v>37832</v>
      </c>
      <c r="D18048" s="2">
        <v>170876</v>
      </c>
      <c r="E18048" s="1" t="s">
        <v>0</v>
      </c>
    </row>
    <row r="18049" spans="1:5" x14ac:dyDescent="0.25">
      <c r="A18049" s="1" t="s">
        <v>64267</v>
      </c>
      <c r="B18049" s="1" t="s">
        <v>57938</v>
      </c>
      <c r="C18049" s="1" t="s">
        <v>37833</v>
      </c>
      <c r="D18049" s="2">
        <v>170877</v>
      </c>
      <c r="E18049" s="1" t="s">
        <v>0</v>
      </c>
    </row>
    <row r="18050" spans="1:5" ht="409.5" x14ac:dyDescent="0.25">
      <c r="A18050" s="4" t="s">
        <v>64268</v>
      </c>
      <c r="B18050" s="1" t="s">
        <v>58493</v>
      </c>
      <c r="C18050" s="1" t="s">
        <v>37834</v>
      </c>
      <c r="D18050" s="2">
        <v>170878</v>
      </c>
      <c r="E18050" s="1" t="s">
        <v>0</v>
      </c>
    </row>
    <row r="18051" spans="1:5" x14ac:dyDescent="0.25">
      <c r="A18051" s="1" t="s">
        <v>64269</v>
      </c>
      <c r="B18051" s="1" t="s">
        <v>54977</v>
      </c>
      <c r="C18051" s="1" t="s">
        <v>37835</v>
      </c>
      <c r="D18051" s="2">
        <v>170879</v>
      </c>
      <c r="E18051" s="1" t="s">
        <v>0</v>
      </c>
    </row>
    <row r="18052" spans="1:5" x14ac:dyDescent="0.25">
      <c r="A18052" s="2">
        <v>3610</v>
      </c>
      <c r="B18052" s="2">
        <v>3610</v>
      </c>
      <c r="C18052" s="1" t="s">
        <v>0</v>
      </c>
      <c r="D18052" s="2">
        <v>170880</v>
      </c>
      <c r="E18052" s="1" t="s">
        <v>0</v>
      </c>
    </row>
    <row r="18053" spans="1:5" x14ac:dyDescent="0.25">
      <c r="A18053" s="1" t="s">
        <v>10203</v>
      </c>
      <c r="B18053" s="1" t="s">
        <v>50907</v>
      </c>
      <c r="C18053" s="1" t="s">
        <v>37836</v>
      </c>
      <c r="D18053" s="2">
        <v>170881</v>
      </c>
      <c r="E18053" s="1" t="s">
        <v>0</v>
      </c>
    </row>
    <row r="18054" spans="1:5" x14ac:dyDescent="0.25">
      <c r="A18054" s="1" t="s">
        <v>37837</v>
      </c>
      <c r="B18054" s="1" t="s">
        <v>54978</v>
      </c>
      <c r="C18054" s="1" t="s">
        <v>37838</v>
      </c>
      <c r="D18054" s="2">
        <v>170882</v>
      </c>
      <c r="E18054" s="1" t="s">
        <v>0</v>
      </c>
    </row>
    <row r="18055" spans="1:5" ht="409.5" x14ac:dyDescent="0.25">
      <c r="A18055" s="4" t="s">
        <v>37839</v>
      </c>
      <c r="B18055" s="1" t="s">
        <v>54979</v>
      </c>
      <c r="C18055" s="1" t="s">
        <v>37840</v>
      </c>
      <c r="D18055" s="2">
        <v>170883</v>
      </c>
      <c r="E18055" s="1" t="s">
        <v>0</v>
      </c>
    </row>
    <row r="18056" spans="1:5" x14ac:dyDescent="0.25">
      <c r="A18056" s="1" t="s">
        <v>37841</v>
      </c>
      <c r="B18056" s="1" t="s">
        <v>54980</v>
      </c>
      <c r="C18056" s="1" t="s">
        <v>37842</v>
      </c>
      <c r="D18056" s="2">
        <v>170884</v>
      </c>
      <c r="E18056" s="1" t="s">
        <v>0</v>
      </c>
    </row>
    <row r="18057" spans="1:5" x14ac:dyDescent="0.25">
      <c r="A18057" s="2">
        <v>3611</v>
      </c>
      <c r="B18057" s="2">
        <v>3611</v>
      </c>
      <c r="C18057" s="1" t="s">
        <v>0</v>
      </c>
      <c r="D18057" s="2">
        <v>170885</v>
      </c>
      <c r="E18057" s="1" t="s">
        <v>0</v>
      </c>
    </row>
    <row r="18058" spans="1:5" x14ac:dyDescent="0.25">
      <c r="A18058" s="1" t="s">
        <v>3278</v>
      </c>
      <c r="B18058" s="1" t="s">
        <v>59051</v>
      </c>
      <c r="C18058" s="1" t="s">
        <v>37843</v>
      </c>
      <c r="D18058" s="2">
        <v>170886</v>
      </c>
      <c r="E18058" s="1" t="s">
        <v>0</v>
      </c>
    </row>
    <row r="18059" spans="1:5" x14ac:dyDescent="0.25">
      <c r="A18059" s="1" t="s">
        <v>37844</v>
      </c>
      <c r="B18059" s="1" t="s">
        <v>59052</v>
      </c>
      <c r="C18059" s="1" t="s">
        <v>37845</v>
      </c>
      <c r="D18059" s="2">
        <v>170887</v>
      </c>
      <c r="E18059" s="1" t="s">
        <v>0</v>
      </c>
    </row>
    <row r="18060" spans="1:5" ht="409.5" x14ac:dyDescent="0.25">
      <c r="A18060" s="4" t="s">
        <v>37846</v>
      </c>
      <c r="B18060" s="1" t="s">
        <v>59053</v>
      </c>
      <c r="C18060" s="1" t="s">
        <v>37847</v>
      </c>
      <c r="D18060" s="2">
        <v>170888</v>
      </c>
      <c r="E18060" s="1" t="s">
        <v>0</v>
      </c>
    </row>
    <row r="18061" spans="1:5" x14ac:dyDescent="0.25">
      <c r="A18061" s="1" t="s">
        <v>37848</v>
      </c>
      <c r="B18061" s="1" t="s">
        <v>59054</v>
      </c>
      <c r="C18061" s="1" t="s">
        <v>37849</v>
      </c>
      <c r="D18061" s="2">
        <v>170889</v>
      </c>
      <c r="E18061" s="1" t="s">
        <v>0</v>
      </c>
    </row>
    <row r="18062" spans="1:5" x14ac:dyDescent="0.25">
      <c r="A18062" s="2">
        <v>3612</v>
      </c>
      <c r="B18062" s="2">
        <v>3612</v>
      </c>
      <c r="C18062" s="1" t="s">
        <v>0</v>
      </c>
      <c r="D18062" s="2">
        <v>170890</v>
      </c>
      <c r="E18062" s="1" t="s">
        <v>0</v>
      </c>
    </row>
    <row r="18063" spans="1:5" x14ac:dyDescent="0.25">
      <c r="A18063" s="1" t="s">
        <v>3279</v>
      </c>
      <c r="B18063" s="1" t="s">
        <v>10204</v>
      </c>
      <c r="C18063" s="1" t="s">
        <v>37850</v>
      </c>
      <c r="D18063" s="2">
        <v>170891</v>
      </c>
      <c r="E18063" s="1" t="s">
        <v>0</v>
      </c>
    </row>
    <row r="18064" spans="1:5" x14ac:dyDescent="0.25">
      <c r="A18064" s="1" t="s">
        <v>37851</v>
      </c>
      <c r="B18064" s="1" t="s">
        <v>62743</v>
      </c>
      <c r="C18064" s="1" t="s">
        <v>37852</v>
      </c>
      <c r="D18064" s="2">
        <v>170892</v>
      </c>
      <c r="E18064" s="1" t="s">
        <v>0</v>
      </c>
    </row>
    <row r="18065" spans="1:5" ht="409.5" x14ac:dyDescent="0.25">
      <c r="A18065" s="4" t="s">
        <v>37853</v>
      </c>
      <c r="B18065" s="1" t="s">
        <v>62744</v>
      </c>
      <c r="C18065" s="1" t="s">
        <v>37854</v>
      </c>
      <c r="D18065" s="2">
        <v>170893</v>
      </c>
      <c r="E18065" s="1" t="s">
        <v>0</v>
      </c>
    </row>
    <row r="18066" spans="1:5" x14ac:dyDescent="0.25">
      <c r="A18066" s="1" t="s">
        <v>37855</v>
      </c>
      <c r="B18066" s="1" t="s">
        <v>61257</v>
      </c>
      <c r="C18066" s="1" t="s">
        <v>37856</v>
      </c>
      <c r="D18066" s="2">
        <v>170894</v>
      </c>
      <c r="E18066" s="1" t="s">
        <v>0</v>
      </c>
    </row>
    <row r="18067" spans="1:5" x14ac:dyDescent="0.25">
      <c r="A18067" s="2">
        <v>3613</v>
      </c>
      <c r="B18067" s="2">
        <v>3613</v>
      </c>
      <c r="C18067" s="1" t="s">
        <v>0</v>
      </c>
      <c r="D18067" s="2">
        <v>170895</v>
      </c>
      <c r="E18067" s="1" t="s">
        <v>0</v>
      </c>
    </row>
    <row r="18068" spans="1:5" x14ac:dyDescent="0.25">
      <c r="A18068" s="1" t="s">
        <v>3280</v>
      </c>
      <c r="B18068" s="1" t="s">
        <v>54981</v>
      </c>
      <c r="C18068" s="1" t="s">
        <v>37857</v>
      </c>
      <c r="D18068" s="2">
        <v>170896</v>
      </c>
      <c r="E18068" s="1" t="s">
        <v>0</v>
      </c>
    </row>
    <row r="18069" spans="1:5" x14ac:dyDescent="0.25">
      <c r="A18069" s="1" t="s">
        <v>37858</v>
      </c>
      <c r="B18069" s="1" t="s">
        <v>57587</v>
      </c>
      <c r="C18069" s="1" t="s">
        <v>37859</v>
      </c>
      <c r="D18069" s="2">
        <v>170897</v>
      </c>
      <c r="E18069" s="1" t="s">
        <v>0</v>
      </c>
    </row>
    <row r="18070" spans="1:5" ht="409.5" x14ac:dyDescent="0.25">
      <c r="A18070" s="4" t="s">
        <v>37860</v>
      </c>
      <c r="B18070" s="1" t="s">
        <v>60638</v>
      </c>
      <c r="C18070" s="1" t="s">
        <v>37861</v>
      </c>
      <c r="D18070" s="2">
        <v>170898</v>
      </c>
      <c r="E18070" s="1" t="s">
        <v>0</v>
      </c>
    </row>
    <row r="18071" spans="1:5" x14ac:dyDescent="0.25">
      <c r="A18071" s="1" t="s">
        <v>37862</v>
      </c>
      <c r="B18071" s="1" t="s">
        <v>57588</v>
      </c>
      <c r="C18071" s="1" t="s">
        <v>37863</v>
      </c>
      <c r="D18071" s="2">
        <v>170899</v>
      </c>
      <c r="E18071" s="1" t="s">
        <v>0</v>
      </c>
    </row>
    <row r="18072" spans="1:5" x14ac:dyDescent="0.25">
      <c r="A18072" s="2">
        <v>3614</v>
      </c>
      <c r="B18072" s="2">
        <v>3614</v>
      </c>
      <c r="C18072" s="1" t="s">
        <v>0</v>
      </c>
      <c r="D18072" s="2">
        <v>170900</v>
      </c>
      <c r="E18072" s="1" t="s">
        <v>0</v>
      </c>
    </row>
    <row r="18073" spans="1:5" x14ac:dyDescent="0.25">
      <c r="A18073" s="1" t="s">
        <v>3281</v>
      </c>
      <c r="B18073" s="1" t="s">
        <v>54982</v>
      </c>
      <c r="C18073" s="1" t="s">
        <v>37864</v>
      </c>
      <c r="D18073" s="2">
        <v>170901</v>
      </c>
      <c r="E18073" s="1" t="s">
        <v>0</v>
      </c>
    </row>
    <row r="18074" spans="1:5" x14ac:dyDescent="0.25">
      <c r="A18074" s="1" t="s">
        <v>64270</v>
      </c>
      <c r="B18074" s="1" t="s">
        <v>54983</v>
      </c>
      <c r="C18074" s="1" t="s">
        <v>37865</v>
      </c>
      <c r="D18074" s="2">
        <v>170902</v>
      </c>
      <c r="E18074" s="1" t="s">
        <v>0</v>
      </c>
    </row>
    <row r="18075" spans="1:5" ht="409.5" x14ac:dyDescent="0.25">
      <c r="A18075" s="4" t="s">
        <v>64271</v>
      </c>
      <c r="B18075" s="1" t="s">
        <v>54984</v>
      </c>
      <c r="C18075" s="1" t="s">
        <v>37866</v>
      </c>
      <c r="D18075" s="2">
        <v>170903</v>
      </c>
      <c r="E18075" s="1" t="s">
        <v>0</v>
      </c>
    </row>
    <row r="18076" spans="1:5" x14ac:dyDescent="0.25">
      <c r="A18076" s="1" t="s">
        <v>15303</v>
      </c>
      <c r="B18076" s="1" t="s">
        <v>60888</v>
      </c>
      <c r="C18076" s="1" t="s">
        <v>15304</v>
      </c>
      <c r="D18076" s="2">
        <v>170904</v>
      </c>
      <c r="E18076" s="1" t="s">
        <v>0</v>
      </c>
    </row>
    <row r="18077" spans="1:5" x14ac:dyDescent="0.25">
      <c r="A18077" s="2">
        <v>3615</v>
      </c>
      <c r="B18077" s="2">
        <v>3615</v>
      </c>
      <c r="C18077" s="1" t="s">
        <v>0</v>
      </c>
      <c r="D18077" s="2">
        <v>170905</v>
      </c>
      <c r="E18077" s="1" t="s">
        <v>0</v>
      </c>
    </row>
    <row r="18078" spans="1:5" x14ac:dyDescent="0.25">
      <c r="A18078" s="1" t="s">
        <v>3282</v>
      </c>
      <c r="B18078" s="1" t="s">
        <v>54985</v>
      </c>
      <c r="C18078" s="1" t="s">
        <v>37867</v>
      </c>
      <c r="D18078" s="2">
        <v>170906</v>
      </c>
      <c r="E18078" s="1" t="s">
        <v>0</v>
      </c>
    </row>
    <row r="18079" spans="1:5" x14ac:dyDescent="0.25">
      <c r="A18079" s="1" t="s">
        <v>64272</v>
      </c>
      <c r="B18079" s="1" t="s">
        <v>54986</v>
      </c>
      <c r="C18079" s="1" t="s">
        <v>37868</v>
      </c>
      <c r="D18079" s="2">
        <v>170907</v>
      </c>
      <c r="E18079" s="1" t="s">
        <v>0</v>
      </c>
    </row>
    <row r="18080" spans="1:5" ht="409.5" x14ac:dyDescent="0.25">
      <c r="A18080" s="4" t="s">
        <v>64273</v>
      </c>
      <c r="B18080" s="1" t="s">
        <v>54987</v>
      </c>
      <c r="C18080" s="1" t="s">
        <v>37869</v>
      </c>
      <c r="D18080" s="2">
        <v>170908</v>
      </c>
      <c r="E18080" s="1" t="s">
        <v>0</v>
      </c>
    </row>
    <row r="18081" spans="1:5" x14ac:dyDescent="0.25">
      <c r="A18081" s="1" t="s">
        <v>37870</v>
      </c>
      <c r="B18081" s="1" t="s">
        <v>10205</v>
      </c>
      <c r="C18081" s="1" t="s">
        <v>37871</v>
      </c>
      <c r="D18081" s="2">
        <v>170909</v>
      </c>
      <c r="E18081" s="1" t="s">
        <v>0</v>
      </c>
    </row>
    <row r="18082" spans="1:5" x14ac:dyDescent="0.25">
      <c r="A18082" s="2">
        <v>3616</v>
      </c>
      <c r="B18082" s="2">
        <v>3616</v>
      </c>
      <c r="C18082" s="1" t="s">
        <v>0</v>
      </c>
      <c r="D18082" s="2">
        <v>170910</v>
      </c>
      <c r="E18082" s="1" t="s">
        <v>0</v>
      </c>
    </row>
    <row r="18083" spans="1:5" x14ac:dyDescent="0.25">
      <c r="A18083" s="1" t="s">
        <v>3283</v>
      </c>
      <c r="B18083" s="1" t="s">
        <v>63454</v>
      </c>
      <c r="C18083" s="1" t="s">
        <v>37872</v>
      </c>
      <c r="D18083" s="2">
        <v>170911</v>
      </c>
      <c r="E18083" s="1" t="s">
        <v>0</v>
      </c>
    </row>
    <row r="18084" spans="1:5" x14ac:dyDescent="0.25">
      <c r="A18084" s="1" t="s">
        <v>37873</v>
      </c>
      <c r="B18084" s="1" t="s">
        <v>63455</v>
      </c>
      <c r="C18084" s="1" t="s">
        <v>37874</v>
      </c>
      <c r="D18084" s="2">
        <v>170912</v>
      </c>
      <c r="E18084" s="1" t="s">
        <v>0</v>
      </c>
    </row>
    <row r="18085" spans="1:5" ht="409.5" x14ac:dyDescent="0.25">
      <c r="A18085" s="4" t="s">
        <v>64274</v>
      </c>
      <c r="B18085" s="1" t="s">
        <v>63456</v>
      </c>
      <c r="C18085" s="1" t="s">
        <v>37875</v>
      </c>
      <c r="D18085" s="2">
        <v>170913</v>
      </c>
      <c r="E18085" s="1" t="s">
        <v>0</v>
      </c>
    </row>
    <row r="18086" spans="1:5" x14ac:dyDescent="0.25">
      <c r="A18086" s="1" t="s">
        <v>37876</v>
      </c>
      <c r="B18086" s="1" t="s">
        <v>10206</v>
      </c>
      <c r="C18086" s="1" t="s">
        <v>37877</v>
      </c>
      <c r="D18086" s="2">
        <v>170914</v>
      </c>
      <c r="E18086" s="1" t="s">
        <v>0</v>
      </c>
    </row>
    <row r="18087" spans="1:5" x14ac:dyDescent="0.25">
      <c r="A18087" s="2">
        <v>3617</v>
      </c>
      <c r="B18087" s="2">
        <v>3617</v>
      </c>
      <c r="C18087" s="1" t="s">
        <v>0</v>
      </c>
      <c r="D18087" s="2">
        <v>170915</v>
      </c>
      <c r="E18087" s="1" t="s">
        <v>0</v>
      </c>
    </row>
    <row r="18088" spans="1:5" x14ac:dyDescent="0.25">
      <c r="A18088" s="1" t="s">
        <v>3284</v>
      </c>
      <c r="B18088" s="1" t="s">
        <v>10207</v>
      </c>
      <c r="C18088" s="1" t="s">
        <v>37878</v>
      </c>
      <c r="D18088" s="2">
        <v>170916</v>
      </c>
      <c r="E18088" s="1" t="s">
        <v>0</v>
      </c>
    </row>
    <row r="18089" spans="1:5" x14ac:dyDescent="0.25">
      <c r="A18089" s="1" t="s">
        <v>37879</v>
      </c>
      <c r="B18089" s="1" t="s">
        <v>10208</v>
      </c>
      <c r="C18089" s="1" t="s">
        <v>37880</v>
      </c>
      <c r="D18089" s="2">
        <v>170917</v>
      </c>
      <c r="E18089" s="1" t="s">
        <v>0</v>
      </c>
    </row>
    <row r="18090" spans="1:5" ht="409.5" x14ac:dyDescent="0.25">
      <c r="A18090" s="4" t="s">
        <v>37881</v>
      </c>
      <c r="B18090" s="1" t="s">
        <v>10209</v>
      </c>
      <c r="C18090" s="1" t="s">
        <v>37882</v>
      </c>
      <c r="D18090" s="2">
        <v>170918</v>
      </c>
      <c r="E18090" s="1" t="s">
        <v>0</v>
      </c>
    </row>
    <row r="18091" spans="1:5" x14ac:dyDescent="0.25">
      <c r="A18091" s="1" t="s">
        <v>37883</v>
      </c>
      <c r="B18091" s="1" t="s">
        <v>54988</v>
      </c>
      <c r="C18091" s="1" t="s">
        <v>37884</v>
      </c>
      <c r="D18091" s="2">
        <v>170919</v>
      </c>
      <c r="E18091" s="1" t="s">
        <v>0</v>
      </c>
    </row>
    <row r="18092" spans="1:5" x14ac:dyDescent="0.25">
      <c r="A18092" s="2">
        <v>3618</v>
      </c>
      <c r="B18092" s="2">
        <v>3618</v>
      </c>
      <c r="C18092" s="1" t="s">
        <v>0</v>
      </c>
      <c r="D18092" s="2">
        <v>170920</v>
      </c>
      <c r="E18092" s="1" t="s">
        <v>0</v>
      </c>
    </row>
    <row r="18093" spans="1:5" x14ac:dyDescent="0.25">
      <c r="A18093" s="1" t="s">
        <v>3285</v>
      </c>
      <c r="B18093" s="1" t="s">
        <v>10210</v>
      </c>
      <c r="C18093" s="1" t="s">
        <v>37885</v>
      </c>
      <c r="D18093" s="2">
        <v>170921</v>
      </c>
      <c r="E18093" s="1" t="s">
        <v>0</v>
      </c>
    </row>
    <row r="18094" spans="1:5" x14ac:dyDescent="0.25">
      <c r="A18094" s="1" t="s">
        <v>37886</v>
      </c>
      <c r="B18094" s="1" t="s">
        <v>50908</v>
      </c>
      <c r="C18094" s="1" t="s">
        <v>37887</v>
      </c>
      <c r="D18094" s="2">
        <v>170922</v>
      </c>
      <c r="E18094" s="1" t="s">
        <v>0</v>
      </c>
    </row>
    <row r="18095" spans="1:5" ht="409.5" x14ac:dyDescent="0.25">
      <c r="A18095" s="4" t="s">
        <v>37888</v>
      </c>
      <c r="B18095" s="1" t="s">
        <v>63457</v>
      </c>
      <c r="C18095" s="1" t="s">
        <v>37889</v>
      </c>
      <c r="D18095" s="2">
        <v>170923</v>
      </c>
      <c r="E18095" s="1" t="s">
        <v>0</v>
      </c>
    </row>
    <row r="18096" spans="1:5" x14ac:dyDescent="0.25">
      <c r="A18096" s="1" t="s">
        <v>13588</v>
      </c>
      <c r="B18096" s="1" t="s">
        <v>60850</v>
      </c>
      <c r="C18096" s="1" t="s">
        <v>13589</v>
      </c>
      <c r="D18096" s="2">
        <v>170924</v>
      </c>
      <c r="E18096" s="1" t="s">
        <v>0</v>
      </c>
    </row>
    <row r="18097" spans="1:5" x14ac:dyDescent="0.25">
      <c r="A18097" s="2">
        <v>3619</v>
      </c>
      <c r="B18097" s="2">
        <v>3619</v>
      </c>
      <c r="C18097" s="1" t="s">
        <v>0</v>
      </c>
      <c r="D18097" s="2">
        <v>170925</v>
      </c>
      <c r="E18097" s="1" t="s">
        <v>0</v>
      </c>
    </row>
    <row r="18098" spans="1:5" x14ac:dyDescent="0.25">
      <c r="A18098" s="1" t="s">
        <v>3286</v>
      </c>
      <c r="B18098" s="1" t="s">
        <v>10211</v>
      </c>
      <c r="C18098" s="1" t="s">
        <v>37890</v>
      </c>
      <c r="D18098" s="2">
        <v>170926</v>
      </c>
      <c r="E18098" s="1" t="s">
        <v>0</v>
      </c>
    </row>
    <row r="18099" spans="1:5" x14ac:dyDescent="0.25">
      <c r="A18099" s="1" t="s">
        <v>37891</v>
      </c>
      <c r="B18099" s="1" t="s">
        <v>10212</v>
      </c>
      <c r="C18099" s="1" t="s">
        <v>37892</v>
      </c>
      <c r="D18099" s="2">
        <v>170927</v>
      </c>
      <c r="E18099" s="1" t="s">
        <v>0</v>
      </c>
    </row>
    <row r="18100" spans="1:5" ht="409.5" x14ac:dyDescent="0.25">
      <c r="A18100" s="4" t="s">
        <v>37893</v>
      </c>
      <c r="B18100" s="1" t="s">
        <v>57589</v>
      </c>
      <c r="C18100" s="1" t="s">
        <v>37894</v>
      </c>
      <c r="D18100" s="2">
        <v>170928</v>
      </c>
      <c r="E18100" s="1" t="s">
        <v>0</v>
      </c>
    </row>
    <row r="18101" spans="1:5" x14ac:dyDescent="0.25">
      <c r="A18101" s="1" t="s">
        <v>37895</v>
      </c>
      <c r="B18101" s="1" t="s">
        <v>10213</v>
      </c>
      <c r="C18101" s="1" t="s">
        <v>37896</v>
      </c>
      <c r="D18101" s="2">
        <v>170929</v>
      </c>
      <c r="E18101" s="1" t="s">
        <v>0</v>
      </c>
    </row>
    <row r="18102" spans="1:5" x14ac:dyDescent="0.25">
      <c r="A18102" s="2">
        <v>3620</v>
      </c>
      <c r="B18102" s="2">
        <v>3620</v>
      </c>
      <c r="C18102" s="1" t="s">
        <v>0</v>
      </c>
      <c r="D18102" s="2">
        <v>170930</v>
      </c>
      <c r="E18102" s="1" t="s">
        <v>0</v>
      </c>
    </row>
    <row r="18103" spans="1:5" x14ac:dyDescent="0.25">
      <c r="A18103" s="1" t="s">
        <v>3287</v>
      </c>
      <c r="B18103" s="1" t="s">
        <v>10214</v>
      </c>
      <c r="C18103" s="1" t="s">
        <v>37897</v>
      </c>
      <c r="D18103" s="2">
        <v>170931</v>
      </c>
      <c r="E18103" s="1" t="s">
        <v>0</v>
      </c>
    </row>
    <row r="18104" spans="1:5" x14ac:dyDescent="0.25">
      <c r="A18104" s="1" t="s">
        <v>37898</v>
      </c>
      <c r="B18104" s="1" t="s">
        <v>61697</v>
      </c>
      <c r="C18104" s="1" t="s">
        <v>37899</v>
      </c>
      <c r="D18104" s="2">
        <v>170932</v>
      </c>
      <c r="E18104" s="1" t="s">
        <v>0</v>
      </c>
    </row>
    <row r="18105" spans="1:5" ht="409.5" x14ac:dyDescent="0.25">
      <c r="A18105" s="4" t="s">
        <v>37900</v>
      </c>
      <c r="B18105" s="1" t="s">
        <v>61698</v>
      </c>
      <c r="C18105" s="1" t="s">
        <v>37901</v>
      </c>
      <c r="D18105" s="2">
        <v>170933</v>
      </c>
      <c r="E18105" s="1" t="s">
        <v>0</v>
      </c>
    </row>
    <row r="18106" spans="1:5" x14ac:dyDescent="0.25">
      <c r="A18106" s="1" t="s">
        <v>37902</v>
      </c>
      <c r="B18106" s="1" t="s">
        <v>10215</v>
      </c>
      <c r="C18106" s="1" t="s">
        <v>37903</v>
      </c>
      <c r="D18106" s="2">
        <v>170934</v>
      </c>
      <c r="E18106" s="1" t="s">
        <v>0</v>
      </c>
    </row>
    <row r="18107" spans="1:5" x14ac:dyDescent="0.25">
      <c r="A18107" s="2">
        <v>3621</v>
      </c>
      <c r="B18107" s="2">
        <v>3621</v>
      </c>
      <c r="C18107" s="1" t="s">
        <v>0</v>
      </c>
      <c r="D18107" s="2">
        <v>170935</v>
      </c>
      <c r="E18107" s="1" t="s">
        <v>0</v>
      </c>
    </row>
    <row r="18108" spans="1:5" x14ac:dyDescent="0.25">
      <c r="A18108" s="1" t="s">
        <v>3288</v>
      </c>
      <c r="B18108" s="1" t="s">
        <v>58494</v>
      </c>
      <c r="C18108" s="1" t="s">
        <v>37904</v>
      </c>
      <c r="D18108" s="2">
        <v>170936</v>
      </c>
      <c r="E18108" s="1" t="s">
        <v>0</v>
      </c>
    </row>
    <row r="18109" spans="1:5" x14ac:dyDescent="0.25">
      <c r="A18109" s="1" t="s">
        <v>37905</v>
      </c>
      <c r="B18109" s="1" t="s">
        <v>62745</v>
      </c>
      <c r="C18109" s="1" t="s">
        <v>37906</v>
      </c>
      <c r="D18109" s="2">
        <v>170937</v>
      </c>
      <c r="E18109" s="1" t="s">
        <v>0</v>
      </c>
    </row>
    <row r="18110" spans="1:5" ht="409.5" x14ac:dyDescent="0.25">
      <c r="A18110" s="4" t="s">
        <v>37907</v>
      </c>
      <c r="B18110" s="1" t="s">
        <v>62746</v>
      </c>
      <c r="C18110" s="1" t="s">
        <v>37908</v>
      </c>
      <c r="D18110" s="2">
        <v>170938</v>
      </c>
      <c r="E18110" s="1" t="s">
        <v>0</v>
      </c>
    </row>
    <row r="18111" spans="1:5" x14ac:dyDescent="0.25">
      <c r="A18111" s="1" t="s">
        <v>37909</v>
      </c>
      <c r="B18111" s="1" t="s">
        <v>61258</v>
      </c>
      <c r="C18111" s="1" t="s">
        <v>37910</v>
      </c>
      <c r="D18111" s="2">
        <v>170939</v>
      </c>
      <c r="E18111" s="1" t="s">
        <v>0</v>
      </c>
    </row>
    <row r="18112" spans="1:5" x14ac:dyDescent="0.25">
      <c r="A18112" s="2">
        <v>3622</v>
      </c>
      <c r="B18112" s="2">
        <v>3622</v>
      </c>
      <c r="C18112" s="1" t="s">
        <v>0</v>
      </c>
      <c r="D18112" s="2">
        <v>170940</v>
      </c>
      <c r="E18112" s="1" t="s">
        <v>0</v>
      </c>
    </row>
    <row r="18113" spans="1:5" x14ac:dyDescent="0.25">
      <c r="A18113" s="1" t="s">
        <v>3289</v>
      </c>
      <c r="B18113" s="1" t="s">
        <v>10216</v>
      </c>
      <c r="C18113" s="1" t="s">
        <v>37911</v>
      </c>
      <c r="D18113" s="2">
        <v>170941</v>
      </c>
      <c r="E18113" s="1" t="s">
        <v>0</v>
      </c>
    </row>
    <row r="18114" spans="1:5" x14ac:dyDescent="0.25">
      <c r="A18114" s="1" t="s">
        <v>37912</v>
      </c>
      <c r="B18114" s="1" t="s">
        <v>54989</v>
      </c>
      <c r="C18114" s="1" t="s">
        <v>37913</v>
      </c>
      <c r="D18114" s="2">
        <v>170942</v>
      </c>
      <c r="E18114" s="1" t="s">
        <v>0</v>
      </c>
    </row>
    <row r="18115" spans="1:5" ht="409.5" x14ac:dyDescent="0.25">
      <c r="A18115" s="4" t="s">
        <v>37914</v>
      </c>
      <c r="B18115" s="1" t="s">
        <v>54990</v>
      </c>
      <c r="C18115" s="1" t="s">
        <v>37915</v>
      </c>
      <c r="D18115" s="2">
        <v>170943</v>
      </c>
      <c r="E18115" s="1" t="s">
        <v>0</v>
      </c>
    </row>
    <row r="18116" spans="1:5" x14ac:dyDescent="0.25">
      <c r="A18116" s="1" t="s">
        <v>37916</v>
      </c>
      <c r="B18116" s="1" t="s">
        <v>61259</v>
      </c>
      <c r="C18116" s="1" t="s">
        <v>37917</v>
      </c>
      <c r="D18116" s="2">
        <v>170944</v>
      </c>
      <c r="E18116" s="1" t="s">
        <v>0</v>
      </c>
    </row>
    <row r="18117" spans="1:5" x14ac:dyDescent="0.25">
      <c r="A18117" s="2">
        <v>3623</v>
      </c>
      <c r="B18117" s="2">
        <v>3623</v>
      </c>
      <c r="C18117" s="1" t="s">
        <v>0</v>
      </c>
      <c r="D18117" s="2">
        <v>170945</v>
      </c>
      <c r="E18117" s="1" t="s">
        <v>0</v>
      </c>
    </row>
    <row r="18118" spans="1:5" x14ac:dyDescent="0.25">
      <c r="A18118" s="1" t="s">
        <v>3290</v>
      </c>
      <c r="B18118" s="1" t="s">
        <v>10217</v>
      </c>
      <c r="C18118" s="1" t="s">
        <v>37918</v>
      </c>
      <c r="D18118" s="2">
        <v>170946</v>
      </c>
      <c r="E18118" s="1" t="s">
        <v>0</v>
      </c>
    </row>
    <row r="18119" spans="1:5" x14ac:dyDescent="0.25">
      <c r="A18119" s="1" t="s">
        <v>37919</v>
      </c>
      <c r="B18119" s="1" t="s">
        <v>13218</v>
      </c>
      <c r="C18119" s="1" t="s">
        <v>37920</v>
      </c>
      <c r="D18119" s="2">
        <v>170947</v>
      </c>
      <c r="E18119" s="1" t="s">
        <v>0</v>
      </c>
    </row>
    <row r="18120" spans="1:5" ht="409.5" x14ac:dyDescent="0.25">
      <c r="A18120" s="4" t="s">
        <v>37921</v>
      </c>
      <c r="B18120" s="1" t="s">
        <v>13219</v>
      </c>
      <c r="C18120" s="1" t="s">
        <v>37922</v>
      </c>
      <c r="D18120" s="2">
        <v>170948</v>
      </c>
      <c r="E18120" s="1" t="s">
        <v>0</v>
      </c>
    </row>
    <row r="18121" spans="1:5" x14ac:dyDescent="0.25">
      <c r="A18121" s="1" t="s">
        <v>37923</v>
      </c>
      <c r="B18121" s="1" t="s">
        <v>54991</v>
      </c>
      <c r="C18121" s="1" t="s">
        <v>37924</v>
      </c>
      <c r="D18121" s="2">
        <v>170949</v>
      </c>
      <c r="E18121" s="1" t="s">
        <v>0</v>
      </c>
    </row>
    <row r="18122" spans="1:5" x14ac:dyDescent="0.25">
      <c r="A18122" s="2">
        <v>3624</v>
      </c>
      <c r="B18122" s="2">
        <v>3624</v>
      </c>
      <c r="C18122" s="1" t="s">
        <v>0</v>
      </c>
      <c r="D18122" s="2">
        <v>170950</v>
      </c>
      <c r="E18122" s="1" t="s">
        <v>0</v>
      </c>
    </row>
    <row r="18123" spans="1:5" x14ac:dyDescent="0.25">
      <c r="A18123" s="1" t="s">
        <v>13220</v>
      </c>
      <c r="B18123" s="1" t="s">
        <v>13221</v>
      </c>
      <c r="C18123" s="1" t="s">
        <v>37925</v>
      </c>
      <c r="D18123" s="2">
        <v>170951</v>
      </c>
      <c r="E18123" s="1" t="s">
        <v>0</v>
      </c>
    </row>
    <row r="18124" spans="1:5" x14ac:dyDescent="0.25">
      <c r="A18124" s="1" t="s">
        <v>37926</v>
      </c>
      <c r="B18124" s="1" t="s">
        <v>54992</v>
      </c>
      <c r="C18124" s="1" t="s">
        <v>37927</v>
      </c>
      <c r="D18124" s="2">
        <v>170952</v>
      </c>
      <c r="E18124" s="1" t="s">
        <v>0</v>
      </c>
    </row>
    <row r="18125" spans="1:5" ht="409.5" x14ac:dyDescent="0.25">
      <c r="A18125" s="4" t="s">
        <v>37928</v>
      </c>
      <c r="B18125" s="1" t="s">
        <v>54993</v>
      </c>
      <c r="C18125" s="1" t="s">
        <v>37929</v>
      </c>
      <c r="D18125" s="2">
        <v>170953</v>
      </c>
      <c r="E18125" s="1" t="s">
        <v>0</v>
      </c>
    </row>
    <row r="18126" spans="1:5" x14ac:dyDescent="0.25">
      <c r="A18126" s="1" t="s">
        <v>37930</v>
      </c>
      <c r="B18126" s="1" t="s">
        <v>54994</v>
      </c>
      <c r="C18126" s="1" t="s">
        <v>37931</v>
      </c>
      <c r="D18126" s="2">
        <v>170954</v>
      </c>
      <c r="E18126" s="1" t="s">
        <v>0</v>
      </c>
    </row>
    <row r="18127" spans="1:5" x14ac:dyDescent="0.25">
      <c r="A18127" s="2">
        <v>3625</v>
      </c>
      <c r="B18127" s="2">
        <v>3625</v>
      </c>
      <c r="C18127" s="1" t="s">
        <v>0</v>
      </c>
      <c r="D18127" s="2">
        <v>170955</v>
      </c>
      <c r="E18127" s="1" t="s">
        <v>0</v>
      </c>
    </row>
    <row r="18128" spans="1:5" x14ac:dyDescent="0.25">
      <c r="A18128" s="1" t="s">
        <v>3291</v>
      </c>
      <c r="B18128" s="1" t="s">
        <v>10218</v>
      </c>
      <c r="C18128" s="1" t="s">
        <v>37932</v>
      </c>
      <c r="D18128" s="2">
        <v>170956</v>
      </c>
      <c r="E18128" s="1" t="s">
        <v>0</v>
      </c>
    </row>
    <row r="18129" spans="1:5" x14ac:dyDescent="0.25">
      <c r="A18129" s="1" t="s">
        <v>37933</v>
      </c>
      <c r="B18129" s="1" t="s">
        <v>54995</v>
      </c>
      <c r="C18129" s="1" t="s">
        <v>37934</v>
      </c>
      <c r="D18129" s="2">
        <v>170957</v>
      </c>
      <c r="E18129" s="1" t="s">
        <v>0</v>
      </c>
    </row>
    <row r="18130" spans="1:5" ht="409.5" x14ac:dyDescent="0.25">
      <c r="A18130" s="4" t="s">
        <v>37935</v>
      </c>
      <c r="B18130" s="1" t="s">
        <v>58495</v>
      </c>
      <c r="C18130" s="1" t="s">
        <v>37936</v>
      </c>
      <c r="D18130" s="2">
        <v>170958</v>
      </c>
      <c r="E18130" s="1" t="s">
        <v>0</v>
      </c>
    </row>
    <row r="18131" spans="1:5" x14ac:dyDescent="0.25">
      <c r="A18131" s="1" t="s">
        <v>37937</v>
      </c>
      <c r="B18131" s="1" t="s">
        <v>10219</v>
      </c>
      <c r="C18131" s="1" t="s">
        <v>37938</v>
      </c>
      <c r="D18131" s="2">
        <v>170959</v>
      </c>
      <c r="E18131" s="1" t="s">
        <v>0</v>
      </c>
    </row>
    <row r="18132" spans="1:5" x14ac:dyDescent="0.25">
      <c r="A18132" s="2">
        <v>3626</v>
      </c>
      <c r="B18132" s="2">
        <v>3626</v>
      </c>
      <c r="C18132" s="1" t="s">
        <v>0</v>
      </c>
      <c r="D18132" s="2">
        <v>170960</v>
      </c>
      <c r="E18132" s="1" t="s">
        <v>0</v>
      </c>
    </row>
    <row r="18133" spans="1:5" x14ac:dyDescent="0.25">
      <c r="A18133" s="1" t="s">
        <v>3292</v>
      </c>
      <c r="B18133" s="1" t="s">
        <v>10220</v>
      </c>
      <c r="C18133" s="1" t="s">
        <v>37939</v>
      </c>
      <c r="D18133" s="2">
        <v>170961</v>
      </c>
      <c r="E18133" s="1" t="s">
        <v>0</v>
      </c>
    </row>
    <row r="18134" spans="1:5" x14ac:dyDescent="0.25">
      <c r="A18134" s="1" t="s">
        <v>37940</v>
      </c>
      <c r="B18134" s="1" t="s">
        <v>37941</v>
      </c>
      <c r="C18134" s="1" t="s">
        <v>37942</v>
      </c>
      <c r="D18134" s="2">
        <v>170962</v>
      </c>
      <c r="E18134" s="1" t="s">
        <v>0</v>
      </c>
    </row>
    <row r="18135" spans="1:5" ht="409.5" x14ac:dyDescent="0.25">
      <c r="A18135" s="4" t="s">
        <v>37943</v>
      </c>
      <c r="B18135" s="1" t="s">
        <v>56963</v>
      </c>
      <c r="C18135" s="1" t="s">
        <v>37944</v>
      </c>
      <c r="D18135" s="2">
        <v>170963</v>
      </c>
      <c r="E18135" s="1" t="s">
        <v>0</v>
      </c>
    </row>
    <row r="18136" spans="1:5" x14ac:dyDescent="0.25">
      <c r="A18136" s="1" t="s">
        <v>37945</v>
      </c>
      <c r="B18136" s="1" t="s">
        <v>54996</v>
      </c>
      <c r="C18136" s="1" t="s">
        <v>37946</v>
      </c>
      <c r="D18136" s="2">
        <v>170964</v>
      </c>
      <c r="E18136" s="1" t="s">
        <v>0</v>
      </c>
    </row>
    <row r="18137" spans="1:5" x14ac:dyDescent="0.25">
      <c r="A18137" s="2">
        <v>3627</v>
      </c>
      <c r="B18137" s="2">
        <v>3627</v>
      </c>
      <c r="C18137" s="1" t="s">
        <v>0</v>
      </c>
      <c r="D18137" s="2">
        <v>170965</v>
      </c>
      <c r="E18137" s="1" t="s">
        <v>0</v>
      </c>
    </row>
    <row r="18138" spans="1:5" x14ac:dyDescent="0.25">
      <c r="A18138" s="1" t="s">
        <v>3293</v>
      </c>
      <c r="B18138" s="1" t="s">
        <v>10221</v>
      </c>
      <c r="C18138" s="1" t="s">
        <v>37947</v>
      </c>
      <c r="D18138" s="2">
        <v>170966</v>
      </c>
      <c r="E18138" s="1" t="s">
        <v>0</v>
      </c>
    </row>
    <row r="18139" spans="1:5" x14ac:dyDescent="0.25">
      <c r="A18139" s="1" t="s">
        <v>37948</v>
      </c>
      <c r="B18139" s="1" t="s">
        <v>10222</v>
      </c>
      <c r="C18139" s="1" t="s">
        <v>37949</v>
      </c>
      <c r="D18139" s="2">
        <v>170967</v>
      </c>
      <c r="E18139" s="1" t="s">
        <v>0</v>
      </c>
    </row>
    <row r="18140" spans="1:5" ht="409.5" x14ac:dyDescent="0.25">
      <c r="A18140" s="4" t="s">
        <v>37950</v>
      </c>
      <c r="B18140" s="1" t="s">
        <v>13222</v>
      </c>
      <c r="C18140" s="1" t="s">
        <v>37951</v>
      </c>
      <c r="D18140" s="2">
        <v>170968</v>
      </c>
      <c r="E18140" s="1" t="s">
        <v>0</v>
      </c>
    </row>
    <row r="18141" spans="1:5" x14ac:dyDescent="0.25">
      <c r="A18141" s="1" t="s">
        <v>37952</v>
      </c>
      <c r="B18141" s="1" t="s">
        <v>54997</v>
      </c>
      <c r="C18141" s="1" t="s">
        <v>37953</v>
      </c>
      <c r="D18141" s="2">
        <v>170969</v>
      </c>
      <c r="E18141" s="1" t="s">
        <v>0</v>
      </c>
    </row>
    <row r="18142" spans="1:5" x14ac:dyDescent="0.25">
      <c r="A18142" s="2">
        <v>3628</v>
      </c>
      <c r="B18142" s="2">
        <v>3628</v>
      </c>
      <c r="C18142" s="1" t="s">
        <v>0</v>
      </c>
      <c r="D18142" s="2">
        <v>170970</v>
      </c>
      <c r="E18142" s="1" t="s">
        <v>0</v>
      </c>
    </row>
    <row r="18143" spans="1:5" x14ac:dyDescent="0.25">
      <c r="A18143" s="1" t="s">
        <v>3294</v>
      </c>
      <c r="B18143" s="1" t="s">
        <v>10223</v>
      </c>
      <c r="C18143" s="1" t="s">
        <v>37954</v>
      </c>
      <c r="D18143" s="2">
        <v>170971</v>
      </c>
      <c r="E18143" s="1" t="s">
        <v>0</v>
      </c>
    </row>
    <row r="18144" spans="1:5" x14ac:dyDescent="0.25">
      <c r="A18144" s="1" t="s">
        <v>37955</v>
      </c>
      <c r="B18144" s="1" t="s">
        <v>62747</v>
      </c>
      <c r="C18144" s="1" t="s">
        <v>37956</v>
      </c>
      <c r="D18144" s="2">
        <v>170972</v>
      </c>
      <c r="E18144" s="1" t="s">
        <v>0</v>
      </c>
    </row>
    <row r="18145" spans="1:5" ht="409.5" x14ac:dyDescent="0.25">
      <c r="A18145" s="4" t="s">
        <v>37957</v>
      </c>
      <c r="B18145" s="1" t="s">
        <v>62748</v>
      </c>
      <c r="C18145" s="1" t="s">
        <v>37958</v>
      </c>
      <c r="D18145" s="2">
        <v>170973</v>
      </c>
      <c r="E18145" s="1" t="s">
        <v>0</v>
      </c>
    </row>
    <row r="18146" spans="1:5" x14ac:dyDescent="0.25">
      <c r="A18146" s="1" t="s">
        <v>37959</v>
      </c>
      <c r="B18146" s="1" t="s">
        <v>54998</v>
      </c>
      <c r="C18146" s="1" t="s">
        <v>37960</v>
      </c>
      <c r="D18146" s="2">
        <v>170974</v>
      </c>
      <c r="E18146" s="1" t="s">
        <v>0</v>
      </c>
    </row>
    <row r="18147" spans="1:5" x14ac:dyDescent="0.25">
      <c r="A18147" s="2">
        <v>3629</v>
      </c>
      <c r="B18147" s="2">
        <v>3629</v>
      </c>
      <c r="C18147" s="1" t="s">
        <v>0</v>
      </c>
      <c r="D18147" s="2">
        <v>170975</v>
      </c>
      <c r="E18147" s="1" t="s">
        <v>0</v>
      </c>
    </row>
    <row r="18148" spans="1:5" x14ac:dyDescent="0.25">
      <c r="A18148" s="1" t="s">
        <v>3295</v>
      </c>
      <c r="B18148" s="1" t="s">
        <v>10224</v>
      </c>
      <c r="C18148" s="1" t="s">
        <v>37961</v>
      </c>
      <c r="D18148" s="2">
        <v>170976</v>
      </c>
      <c r="E18148" s="1" t="s">
        <v>0</v>
      </c>
    </row>
    <row r="18149" spans="1:5" x14ac:dyDescent="0.25">
      <c r="A18149" s="1" t="s">
        <v>37962</v>
      </c>
      <c r="B18149" s="1" t="s">
        <v>60152</v>
      </c>
      <c r="C18149" s="1" t="s">
        <v>37963</v>
      </c>
      <c r="D18149" s="2">
        <v>170977</v>
      </c>
      <c r="E18149" s="1" t="s">
        <v>0</v>
      </c>
    </row>
    <row r="18150" spans="1:5" ht="409.5" x14ac:dyDescent="0.25">
      <c r="A18150" s="4" t="s">
        <v>37964</v>
      </c>
      <c r="B18150" s="1" t="s">
        <v>60153</v>
      </c>
      <c r="C18150" s="1" t="s">
        <v>37965</v>
      </c>
      <c r="D18150" s="2">
        <v>170978</v>
      </c>
      <c r="E18150" s="1" t="s">
        <v>0</v>
      </c>
    </row>
    <row r="18151" spans="1:5" x14ac:dyDescent="0.25">
      <c r="A18151" s="1" t="s">
        <v>37966</v>
      </c>
      <c r="B18151" s="1" t="s">
        <v>10225</v>
      </c>
      <c r="C18151" s="1" t="s">
        <v>37967</v>
      </c>
      <c r="D18151" s="2">
        <v>170979</v>
      </c>
      <c r="E18151" s="1" t="s">
        <v>0</v>
      </c>
    </row>
    <row r="18152" spans="1:5" x14ac:dyDescent="0.25">
      <c r="A18152" s="2">
        <v>3630</v>
      </c>
      <c r="B18152" s="2">
        <v>3630</v>
      </c>
      <c r="C18152" s="1" t="s">
        <v>0</v>
      </c>
      <c r="D18152" s="2">
        <v>170980</v>
      </c>
      <c r="E18152" s="1" t="s">
        <v>0</v>
      </c>
    </row>
    <row r="18153" spans="1:5" x14ac:dyDescent="0.25">
      <c r="A18153" s="1" t="s">
        <v>3296</v>
      </c>
      <c r="B18153" s="1" t="s">
        <v>10226</v>
      </c>
      <c r="C18153" s="1" t="s">
        <v>37968</v>
      </c>
      <c r="D18153" s="2">
        <v>170981</v>
      </c>
      <c r="E18153" s="1" t="s">
        <v>0</v>
      </c>
    </row>
    <row r="18154" spans="1:5" x14ac:dyDescent="0.25">
      <c r="A18154" s="1" t="s">
        <v>37969</v>
      </c>
      <c r="B18154" s="1" t="s">
        <v>10227</v>
      </c>
      <c r="C18154" s="1" t="s">
        <v>37970</v>
      </c>
      <c r="D18154" s="2">
        <v>170982</v>
      </c>
      <c r="E18154" s="1" t="s">
        <v>0</v>
      </c>
    </row>
    <row r="18155" spans="1:5" ht="409.5" x14ac:dyDescent="0.25">
      <c r="A18155" s="4" t="s">
        <v>37971</v>
      </c>
      <c r="B18155" s="1" t="s">
        <v>50909</v>
      </c>
      <c r="C18155" s="1" t="s">
        <v>37972</v>
      </c>
      <c r="D18155" s="2">
        <v>170983</v>
      </c>
      <c r="E18155" s="1" t="s">
        <v>0</v>
      </c>
    </row>
    <row r="18156" spans="1:5" x14ac:dyDescent="0.25">
      <c r="A18156" s="1" t="s">
        <v>37973</v>
      </c>
      <c r="B18156" s="1" t="s">
        <v>57290</v>
      </c>
      <c r="C18156" s="1" t="s">
        <v>37974</v>
      </c>
      <c r="D18156" s="2">
        <v>170984</v>
      </c>
      <c r="E18156" s="1" t="s">
        <v>0</v>
      </c>
    </row>
    <row r="18157" spans="1:5" x14ac:dyDescent="0.25">
      <c r="A18157" s="2">
        <v>3631</v>
      </c>
      <c r="B18157" s="2">
        <v>3631</v>
      </c>
      <c r="C18157" s="1" t="s">
        <v>0</v>
      </c>
      <c r="D18157" s="2">
        <v>170985</v>
      </c>
      <c r="E18157" s="1" t="s">
        <v>0</v>
      </c>
    </row>
    <row r="18158" spans="1:5" x14ac:dyDescent="0.25">
      <c r="A18158" s="1" t="s">
        <v>3297</v>
      </c>
      <c r="B18158" s="1" t="s">
        <v>10228</v>
      </c>
      <c r="C18158" s="1" t="s">
        <v>37975</v>
      </c>
      <c r="D18158" s="2">
        <v>170986</v>
      </c>
      <c r="E18158" s="1" t="s">
        <v>0</v>
      </c>
    </row>
    <row r="18159" spans="1:5" x14ac:dyDescent="0.25">
      <c r="A18159" s="1" t="s">
        <v>37976</v>
      </c>
      <c r="B18159" s="1" t="s">
        <v>54999</v>
      </c>
      <c r="C18159" s="1" t="s">
        <v>37977</v>
      </c>
      <c r="D18159" s="2">
        <v>170987</v>
      </c>
      <c r="E18159" s="1" t="s">
        <v>0</v>
      </c>
    </row>
    <row r="18160" spans="1:5" ht="409.5" x14ac:dyDescent="0.25">
      <c r="A18160" s="4" t="s">
        <v>37978</v>
      </c>
      <c r="B18160" s="1" t="s">
        <v>55000</v>
      </c>
      <c r="C18160" s="1" t="s">
        <v>37979</v>
      </c>
      <c r="D18160" s="2">
        <v>170988</v>
      </c>
      <c r="E18160" s="1" t="s">
        <v>0</v>
      </c>
    </row>
    <row r="18161" spans="1:5" x14ac:dyDescent="0.25">
      <c r="A18161" s="1" t="s">
        <v>37980</v>
      </c>
      <c r="B18161" s="1" t="s">
        <v>55001</v>
      </c>
      <c r="C18161" s="1" t="s">
        <v>37981</v>
      </c>
      <c r="D18161" s="2">
        <v>170989</v>
      </c>
      <c r="E18161" s="1" t="s">
        <v>0</v>
      </c>
    </row>
    <row r="18162" spans="1:5" x14ac:dyDescent="0.25">
      <c r="A18162" s="2">
        <v>3632</v>
      </c>
      <c r="B18162" s="2">
        <v>3632</v>
      </c>
      <c r="C18162" s="1" t="s">
        <v>0</v>
      </c>
      <c r="D18162" s="2">
        <v>170990</v>
      </c>
      <c r="E18162" s="1" t="s">
        <v>0</v>
      </c>
    </row>
    <row r="18163" spans="1:5" x14ac:dyDescent="0.25">
      <c r="A18163" s="1" t="s">
        <v>3298</v>
      </c>
      <c r="B18163" s="1" t="s">
        <v>50910</v>
      </c>
      <c r="C18163" s="1" t="s">
        <v>37982</v>
      </c>
      <c r="D18163" s="2">
        <v>170991</v>
      </c>
      <c r="E18163" s="1" t="s">
        <v>0</v>
      </c>
    </row>
    <row r="18164" spans="1:5" x14ac:dyDescent="0.25">
      <c r="A18164" s="1" t="s">
        <v>37983</v>
      </c>
      <c r="B18164" s="1" t="s">
        <v>63458</v>
      </c>
      <c r="C18164" s="1" t="s">
        <v>37984</v>
      </c>
      <c r="D18164" s="2">
        <v>170992</v>
      </c>
      <c r="E18164" s="1" t="s">
        <v>0</v>
      </c>
    </row>
    <row r="18165" spans="1:5" ht="409.5" x14ac:dyDescent="0.25">
      <c r="A18165" s="4" t="s">
        <v>37985</v>
      </c>
      <c r="B18165" s="1" t="s">
        <v>63459</v>
      </c>
      <c r="C18165" s="1" t="s">
        <v>37986</v>
      </c>
      <c r="D18165" s="2">
        <v>170993</v>
      </c>
      <c r="E18165" s="1" t="s">
        <v>0</v>
      </c>
    </row>
    <row r="18166" spans="1:5" x14ac:dyDescent="0.25">
      <c r="A18166" s="1" t="s">
        <v>37987</v>
      </c>
      <c r="B18166" s="1" t="s">
        <v>50911</v>
      </c>
      <c r="C18166" s="1" t="s">
        <v>37988</v>
      </c>
      <c r="D18166" s="2">
        <v>170994</v>
      </c>
      <c r="E18166" s="1" t="s">
        <v>0</v>
      </c>
    </row>
    <row r="18167" spans="1:5" x14ac:dyDescent="0.25">
      <c r="A18167" s="2">
        <v>3633</v>
      </c>
      <c r="B18167" s="2">
        <v>3633</v>
      </c>
      <c r="C18167" s="1" t="s">
        <v>0</v>
      </c>
      <c r="D18167" s="2">
        <v>170995</v>
      </c>
      <c r="E18167" s="1" t="s">
        <v>0</v>
      </c>
    </row>
    <row r="18168" spans="1:5" x14ac:dyDescent="0.25">
      <c r="A18168" s="1" t="s">
        <v>3299</v>
      </c>
      <c r="B18168" s="1" t="s">
        <v>10229</v>
      </c>
      <c r="C18168" s="1" t="s">
        <v>37989</v>
      </c>
      <c r="D18168" s="2">
        <v>170996</v>
      </c>
      <c r="E18168" s="1" t="s">
        <v>0</v>
      </c>
    </row>
    <row r="18169" spans="1:5" x14ac:dyDescent="0.25">
      <c r="A18169" s="1" t="s">
        <v>37990</v>
      </c>
      <c r="B18169" s="1" t="s">
        <v>55002</v>
      </c>
      <c r="C18169" s="1" t="s">
        <v>37991</v>
      </c>
      <c r="D18169" s="2">
        <v>170997</v>
      </c>
      <c r="E18169" s="1" t="s">
        <v>0</v>
      </c>
    </row>
    <row r="18170" spans="1:5" ht="409.5" x14ac:dyDescent="0.25">
      <c r="A18170" s="4" t="s">
        <v>37992</v>
      </c>
      <c r="B18170" s="1" t="s">
        <v>56827</v>
      </c>
      <c r="C18170" s="1" t="s">
        <v>37993</v>
      </c>
      <c r="D18170" s="2">
        <v>170998</v>
      </c>
      <c r="E18170" s="1" t="s">
        <v>0</v>
      </c>
    </row>
    <row r="18171" spans="1:5" x14ac:dyDescent="0.25">
      <c r="A18171" s="1" t="s">
        <v>37994</v>
      </c>
      <c r="B18171" s="1" t="s">
        <v>10230</v>
      </c>
      <c r="C18171" s="1" t="s">
        <v>37995</v>
      </c>
      <c r="D18171" s="2">
        <v>170999</v>
      </c>
      <c r="E18171" s="1" t="s">
        <v>0</v>
      </c>
    </row>
    <row r="18172" spans="1:5" x14ac:dyDescent="0.25">
      <c r="A18172" s="2">
        <v>3634</v>
      </c>
      <c r="B18172" s="2">
        <v>3634</v>
      </c>
      <c r="C18172" s="1" t="s">
        <v>0</v>
      </c>
      <c r="D18172" s="2">
        <v>171000</v>
      </c>
      <c r="E18172" s="1" t="s">
        <v>0</v>
      </c>
    </row>
    <row r="18173" spans="1:5" x14ac:dyDescent="0.25">
      <c r="A18173" s="1" t="s">
        <v>3300</v>
      </c>
      <c r="B18173" s="1" t="s">
        <v>55003</v>
      </c>
      <c r="C18173" s="1" t="s">
        <v>37996</v>
      </c>
      <c r="D18173" s="2">
        <v>171001</v>
      </c>
      <c r="E18173" s="1" t="s">
        <v>0</v>
      </c>
    </row>
    <row r="18174" spans="1:5" x14ac:dyDescent="0.25">
      <c r="A18174" s="1" t="s">
        <v>37997</v>
      </c>
      <c r="B18174" s="1" t="s">
        <v>55004</v>
      </c>
      <c r="C18174" s="1" t="s">
        <v>37998</v>
      </c>
      <c r="D18174" s="2">
        <v>171002</v>
      </c>
      <c r="E18174" s="1" t="s">
        <v>0</v>
      </c>
    </row>
    <row r="18175" spans="1:5" x14ac:dyDescent="0.25">
      <c r="A18175" s="1" t="s">
        <v>37999</v>
      </c>
      <c r="B18175" s="1" t="s">
        <v>55005</v>
      </c>
      <c r="C18175" s="1" t="s">
        <v>38000</v>
      </c>
      <c r="D18175" s="2">
        <v>171003</v>
      </c>
      <c r="E18175" s="1" t="s">
        <v>0</v>
      </c>
    </row>
    <row r="18176" spans="1:5" x14ac:dyDescent="0.25">
      <c r="A18176" s="1" t="s">
        <v>38001</v>
      </c>
      <c r="B18176" s="1" t="s">
        <v>55006</v>
      </c>
      <c r="C18176" s="1" t="s">
        <v>38002</v>
      </c>
      <c r="D18176" s="2">
        <v>171004</v>
      </c>
      <c r="E18176" s="1" t="s">
        <v>0</v>
      </c>
    </row>
    <row r="18177" spans="1:5" x14ac:dyDescent="0.25">
      <c r="A18177" s="2">
        <v>3635</v>
      </c>
      <c r="B18177" s="2">
        <v>3635</v>
      </c>
      <c r="C18177" s="1" t="s">
        <v>0</v>
      </c>
      <c r="D18177" s="2">
        <v>171005</v>
      </c>
      <c r="E18177" s="1" t="s">
        <v>0</v>
      </c>
    </row>
    <row r="18178" spans="1:5" x14ac:dyDescent="0.25">
      <c r="A18178" s="1" t="s">
        <v>3301</v>
      </c>
      <c r="B18178" s="1" t="s">
        <v>10231</v>
      </c>
      <c r="C18178" s="1" t="s">
        <v>38003</v>
      </c>
      <c r="D18178" s="2">
        <v>171006</v>
      </c>
      <c r="E18178" s="1" t="s">
        <v>0</v>
      </c>
    </row>
    <row r="18179" spans="1:5" x14ac:dyDescent="0.25">
      <c r="A18179" s="1" t="s">
        <v>38004</v>
      </c>
      <c r="B18179" s="1" t="s">
        <v>10232</v>
      </c>
      <c r="C18179" s="1" t="s">
        <v>38005</v>
      </c>
      <c r="D18179" s="2">
        <v>171007</v>
      </c>
      <c r="E18179" s="1" t="s">
        <v>0</v>
      </c>
    </row>
    <row r="18180" spans="1:5" ht="409.5" x14ac:dyDescent="0.25">
      <c r="A18180" s="4" t="s">
        <v>38006</v>
      </c>
      <c r="B18180" s="1" t="s">
        <v>55007</v>
      </c>
      <c r="C18180" s="1" t="s">
        <v>38007</v>
      </c>
      <c r="D18180" s="2">
        <v>171008</v>
      </c>
      <c r="E18180" s="1" t="s">
        <v>0</v>
      </c>
    </row>
    <row r="18181" spans="1:5" x14ac:dyDescent="0.25">
      <c r="A18181" s="1" t="s">
        <v>38008</v>
      </c>
      <c r="B18181" s="1" t="s">
        <v>55008</v>
      </c>
      <c r="C18181" s="1" t="s">
        <v>38009</v>
      </c>
      <c r="D18181" s="2">
        <v>171009</v>
      </c>
      <c r="E18181" s="1" t="s">
        <v>0</v>
      </c>
    </row>
    <row r="18182" spans="1:5" x14ac:dyDescent="0.25">
      <c r="A18182" s="2">
        <v>3636</v>
      </c>
      <c r="B18182" s="2">
        <v>3636</v>
      </c>
      <c r="C18182" s="1" t="s">
        <v>0</v>
      </c>
      <c r="D18182" s="2">
        <v>171010</v>
      </c>
      <c r="E18182" s="1" t="s">
        <v>0</v>
      </c>
    </row>
    <row r="18183" spans="1:5" x14ac:dyDescent="0.25">
      <c r="A18183" s="1" t="s">
        <v>10233</v>
      </c>
      <c r="B18183" s="1" t="s">
        <v>10234</v>
      </c>
      <c r="C18183" s="1" t="s">
        <v>38010</v>
      </c>
      <c r="D18183" s="2">
        <v>171011</v>
      </c>
      <c r="E18183" s="1" t="s">
        <v>0</v>
      </c>
    </row>
    <row r="18184" spans="1:5" x14ac:dyDescent="0.25">
      <c r="A18184" s="1" t="s">
        <v>38011</v>
      </c>
      <c r="B18184" s="1" t="s">
        <v>10235</v>
      </c>
      <c r="C18184" s="1" t="s">
        <v>38012</v>
      </c>
      <c r="D18184" s="2">
        <v>171012</v>
      </c>
      <c r="E18184" s="1" t="s">
        <v>0</v>
      </c>
    </row>
    <row r="18185" spans="1:5" ht="409.5" x14ac:dyDescent="0.25">
      <c r="A18185" s="4" t="s">
        <v>38013</v>
      </c>
      <c r="B18185" s="1" t="s">
        <v>59659</v>
      </c>
      <c r="C18185" s="1" t="s">
        <v>38014</v>
      </c>
      <c r="D18185" s="2">
        <v>171013</v>
      </c>
      <c r="E18185" s="1" t="s">
        <v>0</v>
      </c>
    </row>
    <row r="18186" spans="1:5" x14ac:dyDescent="0.25">
      <c r="A18186" s="1" t="s">
        <v>38015</v>
      </c>
      <c r="B18186" s="1" t="s">
        <v>55009</v>
      </c>
      <c r="C18186" s="1" t="s">
        <v>38016</v>
      </c>
      <c r="D18186" s="2">
        <v>171014</v>
      </c>
      <c r="E18186" s="1" t="s">
        <v>0</v>
      </c>
    </row>
    <row r="18187" spans="1:5" x14ac:dyDescent="0.25">
      <c r="A18187" s="2">
        <v>3637</v>
      </c>
      <c r="B18187" s="2">
        <v>3637</v>
      </c>
      <c r="C18187" s="1" t="s">
        <v>0</v>
      </c>
      <c r="D18187" s="2">
        <v>171015</v>
      </c>
      <c r="E18187" s="1" t="s">
        <v>0</v>
      </c>
    </row>
    <row r="18188" spans="1:5" x14ac:dyDescent="0.25">
      <c r="A18188" s="1" t="s">
        <v>3302</v>
      </c>
      <c r="B18188" s="1" t="s">
        <v>58098</v>
      </c>
      <c r="C18188" s="1" t="s">
        <v>38017</v>
      </c>
      <c r="D18188" s="2">
        <v>171016</v>
      </c>
      <c r="E18188" s="1" t="s">
        <v>0</v>
      </c>
    </row>
    <row r="18189" spans="1:5" x14ac:dyDescent="0.25">
      <c r="A18189" s="1" t="s">
        <v>38018</v>
      </c>
      <c r="B18189" s="1" t="s">
        <v>58099</v>
      </c>
      <c r="C18189" s="1" t="s">
        <v>38019</v>
      </c>
      <c r="D18189" s="2">
        <v>171017</v>
      </c>
      <c r="E18189" s="1" t="s">
        <v>0</v>
      </c>
    </row>
    <row r="18190" spans="1:5" ht="409.5" x14ac:dyDescent="0.25">
      <c r="A18190" s="4" t="s">
        <v>38020</v>
      </c>
      <c r="B18190" s="1" t="s">
        <v>58100</v>
      </c>
      <c r="C18190" s="1" t="s">
        <v>38021</v>
      </c>
      <c r="D18190" s="2">
        <v>171018</v>
      </c>
      <c r="E18190" s="1" t="s">
        <v>0</v>
      </c>
    </row>
    <row r="18191" spans="1:5" x14ac:dyDescent="0.25">
      <c r="A18191" s="1" t="s">
        <v>38022</v>
      </c>
      <c r="B18191" s="1" t="s">
        <v>58101</v>
      </c>
      <c r="C18191" s="1" t="s">
        <v>38023</v>
      </c>
      <c r="D18191" s="2">
        <v>171019</v>
      </c>
      <c r="E18191" s="1" t="s">
        <v>0</v>
      </c>
    </row>
    <row r="18192" spans="1:5" x14ac:dyDescent="0.25">
      <c r="A18192" s="2">
        <v>3638</v>
      </c>
      <c r="B18192" s="2">
        <v>3638</v>
      </c>
      <c r="C18192" s="1" t="s">
        <v>0</v>
      </c>
      <c r="D18192" s="2">
        <v>171020</v>
      </c>
      <c r="E18192" s="1" t="s">
        <v>0</v>
      </c>
    </row>
    <row r="18193" spans="1:5" x14ac:dyDescent="0.25">
      <c r="A18193" s="1" t="s">
        <v>3303</v>
      </c>
      <c r="B18193" s="1" t="s">
        <v>10236</v>
      </c>
      <c r="C18193" s="1" t="s">
        <v>38024</v>
      </c>
      <c r="D18193" s="2">
        <v>171021</v>
      </c>
      <c r="E18193" s="1" t="s">
        <v>0</v>
      </c>
    </row>
    <row r="18194" spans="1:5" x14ac:dyDescent="0.25">
      <c r="A18194" s="1" t="s">
        <v>38025</v>
      </c>
      <c r="B18194" s="1" t="s">
        <v>55010</v>
      </c>
      <c r="C18194" s="1" t="s">
        <v>38026</v>
      </c>
      <c r="D18194" s="2">
        <v>171022</v>
      </c>
      <c r="E18194" s="1" t="s">
        <v>0</v>
      </c>
    </row>
    <row r="18195" spans="1:5" ht="409.5" x14ac:dyDescent="0.25">
      <c r="A18195" s="4" t="s">
        <v>38027</v>
      </c>
      <c r="B18195" s="1" t="s">
        <v>55011</v>
      </c>
      <c r="C18195" s="1" t="s">
        <v>38028</v>
      </c>
      <c r="D18195" s="2">
        <v>171023</v>
      </c>
      <c r="E18195" s="1" t="s">
        <v>0</v>
      </c>
    </row>
    <row r="18196" spans="1:5" x14ac:dyDescent="0.25">
      <c r="A18196" s="1" t="s">
        <v>38029</v>
      </c>
      <c r="B18196" s="1" t="s">
        <v>55012</v>
      </c>
      <c r="C18196" s="1" t="s">
        <v>38030</v>
      </c>
      <c r="D18196" s="2">
        <v>171024</v>
      </c>
      <c r="E18196" s="1" t="s">
        <v>0</v>
      </c>
    </row>
    <row r="18197" spans="1:5" x14ac:dyDescent="0.25">
      <c r="A18197" s="2">
        <v>3639</v>
      </c>
      <c r="B18197" s="2">
        <v>3639</v>
      </c>
      <c r="C18197" s="1" t="s">
        <v>0</v>
      </c>
      <c r="D18197" s="2">
        <v>171025</v>
      </c>
      <c r="E18197" s="1" t="s">
        <v>0</v>
      </c>
    </row>
    <row r="18198" spans="1:5" x14ac:dyDescent="0.25">
      <c r="A18198" s="1" t="s">
        <v>3304</v>
      </c>
      <c r="B18198" s="1" t="s">
        <v>10237</v>
      </c>
      <c r="C18198" s="1" t="s">
        <v>38031</v>
      </c>
      <c r="D18198" s="2">
        <v>171026</v>
      </c>
      <c r="E18198" s="1" t="s">
        <v>0</v>
      </c>
    </row>
    <row r="18199" spans="1:5" x14ac:dyDescent="0.25">
      <c r="A18199" s="1" t="s">
        <v>38032</v>
      </c>
      <c r="B18199" s="1" t="s">
        <v>62749</v>
      </c>
      <c r="C18199" s="1" t="s">
        <v>38033</v>
      </c>
      <c r="D18199" s="2">
        <v>171027</v>
      </c>
      <c r="E18199" s="1" t="s">
        <v>0</v>
      </c>
    </row>
    <row r="18200" spans="1:5" ht="409.5" x14ac:dyDescent="0.25">
      <c r="A18200" s="4" t="s">
        <v>38034</v>
      </c>
      <c r="B18200" s="1" t="s">
        <v>62750</v>
      </c>
      <c r="C18200" s="1" t="s">
        <v>38035</v>
      </c>
      <c r="D18200" s="2">
        <v>171028</v>
      </c>
      <c r="E18200" s="1" t="s">
        <v>0</v>
      </c>
    </row>
    <row r="18201" spans="1:5" x14ac:dyDescent="0.25">
      <c r="A18201" s="1" t="s">
        <v>38036</v>
      </c>
      <c r="B18201" s="1" t="s">
        <v>55013</v>
      </c>
      <c r="C18201" s="1" t="s">
        <v>38037</v>
      </c>
      <c r="D18201" s="2">
        <v>171029</v>
      </c>
      <c r="E18201" s="1" t="s">
        <v>0</v>
      </c>
    </row>
    <row r="18202" spans="1:5" x14ac:dyDescent="0.25">
      <c r="A18202" s="2">
        <v>3640</v>
      </c>
      <c r="B18202" s="2">
        <v>3640</v>
      </c>
      <c r="C18202" s="1" t="s">
        <v>0</v>
      </c>
      <c r="D18202" s="2">
        <v>171030</v>
      </c>
      <c r="E18202" s="1" t="s">
        <v>0</v>
      </c>
    </row>
    <row r="18203" spans="1:5" x14ac:dyDescent="0.25">
      <c r="A18203" s="1" t="s">
        <v>3305</v>
      </c>
      <c r="B18203" s="1" t="s">
        <v>10238</v>
      </c>
      <c r="C18203" s="1" t="s">
        <v>38038</v>
      </c>
      <c r="D18203" s="2">
        <v>171031</v>
      </c>
      <c r="E18203" s="1" t="s">
        <v>0</v>
      </c>
    </row>
    <row r="18204" spans="1:5" x14ac:dyDescent="0.25">
      <c r="A18204" s="1" t="s">
        <v>38039</v>
      </c>
      <c r="B18204" s="1" t="s">
        <v>55014</v>
      </c>
      <c r="C18204" s="1" t="s">
        <v>38040</v>
      </c>
      <c r="D18204" s="2">
        <v>171032</v>
      </c>
      <c r="E18204" s="1" t="s">
        <v>0</v>
      </c>
    </row>
    <row r="18205" spans="1:5" ht="409.5" x14ac:dyDescent="0.25">
      <c r="A18205" s="4" t="s">
        <v>38041</v>
      </c>
      <c r="B18205" s="1" t="s">
        <v>55015</v>
      </c>
      <c r="C18205" s="1" t="s">
        <v>38042</v>
      </c>
      <c r="D18205" s="2">
        <v>171033</v>
      </c>
      <c r="E18205" s="1" t="s">
        <v>0</v>
      </c>
    </row>
    <row r="18206" spans="1:5" x14ac:dyDescent="0.25">
      <c r="A18206" s="1" t="s">
        <v>38043</v>
      </c>
      <c r="B18206" s="1" t="s">
        <v>55016</v>
      </c>
      <c r="C18206" s="1" t="s">
        <v>38044</v>
      </c>
      <c r="D18206" s="2">
        <v>171034</v>
      </c>
      <c r="E18206" s="1" t="s">
        <v>0</v>
      </c>
    </row>
    <row r="18207" spans="1:5" x14ac:dyDescent="0.25">
      <c r="A18207" s="2">
        <v>3641</v>
      </c>
      <c r="B18207" s="2">
        <v>3641</v>
      </c>
      <c r="C18207" s="1" t="s">
        <v>0</v>
      </c>
      <c r="D18207" s="2">
        <v>171035</v>
      </c>
      <c r="E18207" s="1" t="s">
        <v>0</v>
      </c>
    </row>
    <row r="18208" spans="1:5" x14ac:dyDescent="0.25">
      <c r="A18208" s="1" t="s">
        <v>3306</v>
      </c>
      <c r="B18208" s="1" t="s">
        <v>10239</v>
      </c>
      <c r="C18208" s="1" t="s">
        <v>38045</v>
      </c>
      <c r="D18208" s="2">
        <v>171036</v>
      </c>
      <c r="E18208" s="1" t="s">
        <v>0</v>
      </c>
    </row>
    <row r="18209" spans="1:5" x14ac:dyDescent="0.25">
      <c r="A18209" s="1" t="s">
        <v>38046</v>
      </c>
      <c r="B18209" s="1" t="s">
        <v>10240</v>
      </c>
      <c r="C18209" s="1" t="s">
        <v>38047</v>
      </c>
      <c r="D18209" s="2">
        <v>171037</v>
      </c>
      <c r="E18209" s="1" t="s">
        <v>0</v>
      </c>
    </row>
    <row r="18210" spans="1:5" ht="409.5" x14ac:dyDescent="0.25">
      <c r="A18210" s="4" t="s">
        <v>38048</v>
      </c>
      <c r="B18210" s="1" t="s">
        <v>59660</v>
      </c>
      <c r="C18210" s="1" t="s">
        <v>38049</v>
      </c>
      <c r="D18210" s="2">
        <v>171038</v>
      </c>
      <c r="E18210" s="1" t="s">
        <v>0</v>
      </c>
    </row>
    <row r="18211" spans="1:5" x14ac:dyDescent="0.25">
      <c r="A18211" s="1" t="s">
        <v>38050</v>
      </c>
      <c r="B18211" s="1" t="s">
        <v>10241</v>
      </c>
      <c r="C18211" s="1" t="s">
        <v>38051</v>
      </c>
      <c r="D18211" s="2">
        <v>171039</v>
      </c>
      <c r="E18211" s="1" t="s">
        <v>0</v>
      </c>
    </row>
    <row r="18212" spans="1:5" x14ac:dyDescent="0.25">
      <c r="A18212" s="2">
        <v>3642</v>
      </c>
      <c r="B18212" s="2">
        <v>3642</v>
      </c>
      <c r="C18212" s="1" t="s">
        <v>0</v>
      </c>
      <c r="D18212" s="2">
        <v>171040</v>
      </c>
      <c r="E18212" s="1" t="s">
        <v>0</v>
      </c>
    </row>
    <row r="18213" spans="1:5" x14ac:dyDescent="0.25">
      <c r="A18213" s="1" t="s">
        <v>3307</v>
      </c>
      <c r="B18213" s="1" t="s">
        <v>10242</v>
      </c>
      <c r="C18213" s="1" t="s">
        <v>38052</v>
      </c>
      <c r="D18213" s="2">
        <v>171041</v>
      </c>
      <c r="E18213" s="1" t="s">
        <v>0</v>
      </c>
    </row>
    <row r="18214" spans="1:5" x14ac:dyDescent="0.25">
      <c r="A18214" s="1" t="s">
        <v>38053</v>
      </c>
      <c r="B18214" s="1" t="s">
        <v>10243</v>
      </c>
      <c r="C18214" s="1" t="s">
        <v>38054</v>
      </c>
      <c r="D18214" s="2">
        <v>171042</v>
      </c>
      <c r="E18214" s="1" t="s">
        <v>0</v>
      </c>
    </row>
    <row r="18215" spans="1:5" ht="409.5" x14ac:dyDescent="0.25">
      <c r="A18215" s="4" t="s">
        <v>38055</v>
      </c>
      <c r="B18215" s="1" t="s">
        <v>55017</v>
      </c>
      <c r="C18215" s="1" t="s">
        <v>38056</v>
      </c>
      <c r="D18215" s="2">
        <v>171043</v>
      </c>
      <c r="E18215" s="1" t="s">
        <v>0</v>
      </c>
    </row>
    <row r="18216" spans="1:5" x14ac:dyDescent="0.25">
      <c r="A18216" s="1" t="s">
        <v>3308</v>
      </c>
      <c r="B18216" s="1" t="s">
        <v>3309</v>
      </c>
      <c r="C18216" s="1" t="s">
        <v>38057</v>
      </c>
      <c r="D18216" s="2">
        <v>171044</v>
      </c>
      <c r="E18216" s="1" t="s">
        <v>0</v>
      </c>
    </row>
    <row r="18217" spans="1:5" x14ac:dyDescent="0.25">
      <c r="A18217" s="2">
        <v>3643</v>
      </c>
      <c r="B18217" s="2">
        <v>3643</v>
      </c>
      <c r="C18217" s="1" t="s">
        <v>0</v>
      </c>
      <c r="D18217" s="2">
        <v>171045</v>
      </c>
      <c r="E18217" s="1" t="s">
        <v>0</v>
      </c>
    </row>
    <row r="18218" spans="1:5" x14ac:dyDescent="0.25">
      <c r="A18218" s="1" t="s">
        <v>3310</v>
      </c>
      <c r="B18218" s="1" t="s">
        <v>10244</v>
      </c>
      <c r="C18218" s="1" t="s">
        <v>38058</v>
      </c>
      <c r="D18218" s="2">
        <v>171046</v>
      </c>
      <c r="E18218" s="1" t="s">
        <v>0</v>
      </c>
    </row>
    <row r="18219" spans="1:5" x14ac:dyDescent="0.25">
      <c r="A18219" s="1" t="s">
        <v>38059</v>
      </c>
      <c r="B18219" s="1" t="s">
        <v>62751</v>
      </c>
      <c r="C18219" s="1" t="s">
        <v>38060</v>
      </c>
      <c r="D18219" s="2">
        <v>171047</v>
      </c>
      <c r="E18219" s="1" t="s">
        <v>0</v>
      </c>
    </row>
    <row r="18220" spans="1:5" ht="409.5" x14ac:dyDescent="0.25">
      <c r="A18220" s="4" t="s">
        <v>38061</v>
      </c>
      <c r="B18220" s="1" t="s">
        <v>62752</v>
      </c>
      <c r="C18220" s="1" t="s">
        <v>38062</v>
      </c>
      <c r="D18220" s="2">
        <v>171048</v>
      </c>
      <c r="E18220" s="1" t="s">
        <v>0</v>
      </c>
    </row>
    <row r="18221" spans="1:5" x14ac:dyDescent="0.25">
      <c r="A18221" s="1" t="s">
        <v>38063</v>
      </c>
      <c r="B18221" s="1" t="s">
        <v>58496</v>
      </c>
      <c r="C18221" s="1" t="s">
        <v>38064</v>
      </c>
      <c r="D18221" s="2">
        <v>171049</v>
      </c>
      <c r="E18221" s="1" t="s">
        <v>0</v>
      </c>
    </row>
    <row r="18222" spans="1:5" x14ac:dyDescent="0.25">
      <c r="A18222" s="2">
        <v>3644</v>
      </c>
      <c r="B18222" s="2">
        <v>3644</v>
      </c>
      <c r="C18222" s="1" t="s">
        <v>0</v>
      </c>
      <c r="D18222" s="2">
        <v>171050</v>
      </c>
      <c r="E18222" s="1" t="s">
        <v>0</v>
      </c>
    </row>
    <row r="18223" spans="1:5" x14ac:dyDescent="0.25">
      <c r="A18223" s="1" t="s">
        <v>3311</v>
      </c>
      <c r="B18223" s="1" t="s">
        <v>10245</v>
      </c>
      <c r="C18223" s="1" t="s">
        <v>38065</v>
      </c>
      <c r="D18223" s="2">
        <v>171051</v>
      </c>
      <c r="E18223" s="1" t="s">
        <v>0</v>
      </c>
    </row>
    <row r="18224" spans="1:5" x14ac:dyDescent="0.25">
      <c r="A18224" s="1" t="s">
        <v>38066</v>
      </c>
      <c r="B18224" s="1" t="s">
        <v>10246</v>
      </c>
      <c r="C18224" s="1" t="s">
        <v>38067</v>
      </c>
      <c r="D18224" s="2">
        <v>171052</v>
      </c>
      <c r="E18224" s="1" t="s">
        <v>0</v>
      </c>
    </row>
    <row r="18225" spans="1:5" ht="409.5" x14ac:dyDescent="0.25">
      <c r="A18225" s="4" t="s">
        <v>61855</v>
      </c>
      <c r="B18225" s="1" t="s">
        <v>58497</v>
      </c>
      <c r="C18225" s="1" t="s">
        <v>38068</v>
      </c>
      <c r="D18225" s="2">
        <v>171053</v>
      </c>
      <c r="E18225" s="1" t="s">
        <v>0</v>
      </c>
    </row>
    <row r="18226" spans="1:5" x14ac:dyDescent="0.25">
      <c r="A18226" s="1" t="s">
        <v>38069</v>
      </c>
      <c r="B18226" s="1" t="s">
        <v>55018</v>
      </c>
      <c r="C18226" s="1" t="s">
        <v>38070</v>
      </c>
      <c r="D18226" s="2">
        <v>171054</v>
      </c>
      <c r="E18226" s="1" t="s">
        <v>0</v>
      </c>
    </row>
    <row r="18227" spans="1:5" x14ac:dyDescent="0.25">
      <c r="A18227" s="2">
        <v>3645</v>
      </c>
      <c r="B18227" s="2">
        <v>3645</v>
      </c>
      <c r="C18227" s="1" t="s">
        <v>0</v>
      </c>
      <c r="D18227" s="2">
        <v>171055</v>
      </c>
      <c r="E18227" s="1" t="s">
        <v>0</v>
      </c>
    </row>
    <row r="18228" spans="1:5" x14ac:dyDescent="0.25">
      <c r="A18228" s="1" t="s">
        <v>3312</v>
      </c>
      <c r="B18228" s="1" t="s">
        <v>10247</v>
      </c>
      <c r="C18228" s="1" t="s">
        <v>38071</v>
      </c>
      <c r="D18228" s="2">
        <v>171056</v>
      </c>
      <c r="E18228" s="1" t="s">
        <v>0</v>
      </c>
    </row>
    <row r="18229" spans="1:5" x14ac:dyDescent="0.25">
      <c r="A18229" s="1" t="s">
        <v>38072</v>
      </c>
      <c r="B18229" s="1" t="s">
        <v>61699</v>
      </c>
      <c r="C18229" s="1" t="s">
        <v>38073</v>
      </c>
      <c r="D18229" s="2">
        <v>171057</v>
      </c>
      <c r="E18229" s="1" t="s">
        <v>0</v>
      </c>
    </row>
    <row r="18230" spans="1:5" ht="409.5" x14ac:dyDescent="0.25">
      <c r="A18230" s="4" t="s">
        <v>38074</v>
      </c>
      <c r="B18230" s="1" t="s">
        <v>61700</v>
      </c>
      <c r="C18230" s="1" t="s">
        <v>38075</v>
      </c>
      <c r="D18230" s="2">
        <v>171058</v>
      </c>
      <c r="E18230" s="1" t="s">
        <v>0</v>
      </c>
    </row>
    <row r="18231" spans="1:5" x14ac:dyDescent="0.25">
      <c r="A18231" s="1" t="s">
        <v>38076</v>
      </c>
      <c r="B18231" s="1" t="s">
        <v>61701</v>
      </c>
      <c r="C18231" s="1" t="s">
        <v>38077</v>
      </c>
      <c r="D18231" s="2">
        <v>171059</v>
      </c>
      <c r="E18231" s="1" t="s">
        <v>0</v>
      </c>
    </row>
    <row r="18232" spans="1:5" x14ac:dyDescent="0.25">
      <c r="A18232" s="2">
        <v>3646</v>
      </c>
      <c r="B18232" s="2">
        <v>3646</v>
      </c>
      <c r="C18232" s="1" t="s">
        <v>0</v>
      </c>
      <c r="D18232" s="2">
        <v>171060</v>
      </c>
      <c r="E18232" s="1" t="s">
        <v>0</v>
      </c>
    </row>
    <row r="18233" spans="1:5" x14ac:dyDescent="0.25">
      <c r="A18233" s="1" t="s">
        <v>3313</v>
      </c>
      <c r="B18233" s="1" t="s">
        <v>10248</v>
      </c>
      <c r="C18233" s="1" t="s">
        <v>38078</v>
      </c>
      <c r="D18233" s="2">
        <v>171061</v>
      </c>
      <c r="E18233" s="1" t="s">
        <v>0</v>
      </c>
    </row>
    <row r="18234" spans="1:5" x14ac:dyDescent="0.25">
      <c r="A18234" s="1" t="s">
        <v>38079</v>
      </c>
      <c r="B18234" s="1" t="s">
        <v>10249</v>
      </c>
      <c r="C18234" s="1" t="s">
        <v>38080</v>
      </c>
      <c r="D18234" s="2">
        <v>171062</v>
      </c>
      <c r="E18234" s="1" t="s">
        <v>0</v>
      </c>
    </row>
    <row r="18235" spans="1:5" ht="409.5" x14ac:dyDescent="0.25">
      <c r="A18235" s="4" t="s">
        <v>38081</v>
      </c>
      <c r="B18235" s="1" t="s">
        <v>10250</v>
      </c>
      <c r="C18235" s="1" t="s">
        <v>38082</v>
      </c>
      <c r="D18235" s="2">
        <v>171063</v>
      </c>
      <c r="E18235" s="1" t="s">
        <v>0</v>
      </c>
    </row>
    <row r="18236" spans="1:5" x14ac:dyDescent="0.25">
      <c r="A18236" s="1" t="s">
        <v>38083</v>
      </c>
      <c r="B18236" s="1" t="s">
        <v>55019</v>
      </c>
      <c r="C18236" s="1" t="s">
        <v>38084</v>
      </c>
      <c r="D18236" s="2">
        <v>171064</v>
      </c>
      <c r="E18236" s="1" t="s">
        <v>0</v>
      </c>
    </row>
    <row r="18237" spans="1:5" x14ac:dyDescent="0.25">
      <c r="A18237" s="2">
        <v>3647</v>
      </c>
      <c r="B18237" s="2">
        <v>3647</v>
      </c>
      <c r="C18237" s="1" t="s">
        <v>0</v>
      </c>
      <c r="D18237" s="2">
        <v>171065</v>
      </c>
      <c r="E18237" s="1" t="s">
        <v>0</v>
      </c>
    </row>
    <row r="18238" spans="1:5" x14ac:dyDescent="0.25">
      <c r="A18238" s="1" t="s">
        <v>3314</v>
      </c>
      <c r="B18238" s="1" t="s">
        <v>10251</v>
      </c>
      <c r="C18238" s="1" t="s">
        <v>38085</v>
      </c>
      <c r="D18238" s="2">
        <v>171066</v>
      </c>
      <c r="E18238" s="1" t="s">
        <v>0</v>
      </c>
    </row>
    <row r="18239" spans="1:5" x14ac:dyDescent="0.25">
      <c r="A18239" s="1" t="s">
        <v>38086</v>
      </c>
      <c r="B18239" s="1" t="s">
        <v>62753</v>
      </c>
      <c r="C18239" s="1" t="s">
        <v>38087</v>
      </c>
      <c r="D18239" s="2">
        <v>171067</v>
      </c>
      <c r="E18239" s="1" t="s">
        <v>0</v>
      </c>
    </row>
    <row r="18240" spans="1:5" ht="409.5" x14ac:dyDescent="0.25">
      <c r="A18240" s="4" t="s">
        <v>38088</v>
      </c>
      <c r="B18240" s="1" t="s">
        <v>62754</v>
      </c>
      <c r="C18240" s="1" t="s">
        <v>38089</v>
      </c>
      <c r="D18240" s="2">
        <v>171068</v>
      </c>
      <c r="E18240" s="1" t="s">
        <v>0</v>
      </c>
    </row>
    <row r="18241" spans="1:5" x14ac:dyDescent="0.25">
      <c r="A18241" s="1" t="s">
        <v>38090</v>
      </c>
      <c r="B18241" s="1" t="s">
        <v>10252</v>
      </c>
      <c r="C18241" s="1" t="s">
        <v>38091</v>
      </c>
      <c r="D18241" s="2">
        <v>171069</v>
      </c>
      <c r="E18241" s="1" t="s">
        <v>0</v>
      </c>
    </row>
    <row r="18242" spans="1:5" x14ac:dyDescent="0.25">
      <c r="A18242" s="2">
        <v>3648</v>
      </c>
      <c r="B18242" s="2">
        <v>3648</v>
      </c>
      <c r="C18242" s="1" t="s">
        <v>0</v>
      </c>
      <c r="D18242" s="2">
        <v>171070</v>
      </c>
      <c r="E18242" s="1" t="s">
        <v>0</v>
      </c>
    </row>
    <row r="18243" spans="1:5" x14ac:dyDescent="0.25">
      <c r="A18243" s="1" t="s">
        <v>3315</v>
      </c>
      <c r="B18243" s="1" t="s">
        <v>10253</v>
      </c>
      <c r="C18243" s="1" t="s">
        <v>38092</v>
      </c>
      <c r="D18243" s="2">
        <v>171071</v>
      </c>
      <c r="E18243" s="1" t="s">
        <v>0</v>
      </c>
    </row>
    <row r="18244" spans="1:5" x14ac:dyDescent="0.25">
      <c r="A18244" s="1" t="s">
        <v>38093</v>
      </c>
      <c r="B18244" s="1" t="s">
        <v>60154</v>
      </c>
      <c r="C18244" s="1" t="s">
        <v>38094</v>
      </c>
      <c r="D18244" s="2">
        <v>171072</v>
      </c>
      <c r="E18244" s="1" t="s">
        <v>0</v>
      </c>
    </row>
    <row r="18245" spans="1:5" ht="409.5" x14ac:dyDescent="0.25">
      <c r="A18245" s="4" t="s">
        <v>38095</v>
      </c>
      <c r="B18245" s="1" t="s">
        <v>62755</v>
      </c>
      <c r="C18245" s="1" t="s">
        <v>38096</v>
      </c>
      <c r="D18245" s="2">
        <v>171073</v>
      </c>
      <c r="E18245" s="1" t="s">
        <v>0</v>
      </c>
    </row>
    <row r="18246" spans="1:5" x14ac:dyDescent="0.25">
      <c r="A18246" s="1" t="s">
        <v>38097</v>
      </c>
      <c r="B18246" s="1" t="s">
        <v>10254</v>
      </c>
      <c r="C18246" s="1" t="s">
        <v>38098</v>
      </c>
      <c r="D18246" s="2">
        <v>171074</v>
      </c>
      <c r="E18246" s="1" t="s">
        <v>0</v>
      </c>
    </row>
    <row r="18247" spans="1:5" x14ac:dyDescent="0.25">
      <c r="A18247" s="2">
        <v>3649</v>
      </c>
      <c r="B18247" s="2">
        <v>3649</v>
      </c>
      <c r="C18247" s="1" t="s">
        <v>0</v>
      </c>
      <c r="D18247" s="2">
        <v>171075</v>
      </c>
      <c r="E18247" s="1" t="s">
        <v>0</v>
      </c>
    </row>
    <row r="18248" spans="1:5" x14ac:dyDescent="0.25">
      <c r="A18248" s="1" t="s">
        <v>3316</v>
      </c>
      <c r="B18248" s="1" t="s">
        <v>10255</v>
      </c>
      <c r="C18248" s="1" t="s">
        <v>38099</v>
      </c>
      <c r="D18248" s="2">
        <v>171076</v>
      </c>
      <c r="E18248" s="1" t="s">
        <v>0</v>
      </c>
    </row>
    <row r="18249" spans="1:5" x14ac:dyDescent="0.25">
      <c r="A18249" s="1" t="s">
        <v>38100</v>
      </c>
      <c r="B18249" s="1" t="s">
        <v>60155</v>
      </c>
      <c r="C18249" s="1" t="s">
        <v>38101</v>
      </c>
      <c r="D18249" s="2">
        <v>171077</v>
      </c>
      <c r="E18249" s="1" t="s">
        <v>0</v>
      </c>
    </row>
    <row r="18250" spans="1:5" ht="409.5" x14ac:dyDescent="0.25">
      <c r="A18250" s="4" t="s">
        <v>38102</v>
      </c>
      <c r="B18250" s="1" t="s">
        <v>60156</v>
      </c>
      <c r="C18250" s="1" t="s">
        <v>38103</v>
      </c>
      <c r="D18250" s="2">
        <v>171078</v>
      </c>
      <c r="E18250" s="1" t="s">
        <v>0</v>
      </c>
    </row>
    <row r="18251" spans="1:5" x14ac:dyDescent="0.25">
      <c r="A18251" s="1" t="s">
        <v>38104</v>
      </c>
      <c r="B18251" s="1" t="s">
        <v>61260</v>
      </c>
      <c r="C18251" s="1" t="s">
        <v>38105</v>
      </c>
      <c r="D18251" s="2">
        <v>171079</v>
      </c>
      <c r="E18251" s="1" t="s">
        <v>0</v>
      </c>
    </row>
    <row r="18252" spans="1:5" x14ac:dyDescent="0.25">
      <c r="A18252" s="2">
        <v>3650</v>
      </c>
      <c r="B18252" s="2">
        <v>3650</v>
      </c>
      <c r="C18252" s="1" t="s">
        <v>0</v>
      </c>
      <c r="D18252" s="2">
        <v>171080</v>
      </c>
      <c r="E18252" s="1" t="s">
        <v>0</v>
      </c>
    </row>
    <row r="18253" spans="1:5" x14ac:dyDescent="0.25">
      <c r="A18253" s="1" t="s">
        <v>3317</v>
      </c>
      <c r="B18253" s="1" t="s">
        <v>55020</v>
      </c>
      <c r="C18253" s="1" t="s">
        <v>38106</v>
      </c>
      <c r="D18253" s="2">
        <v>171081</v>
      </c>
      <c r="E18253" s="1" t="s">
        <v>0</v>
      </c>
    </row>
    <row r="18254" spans="1:5" x14ac:dyDescent="0.25">
      <c r="A18254" s="1" t="s">
        <v>38107</v>
      </c>
      <c r="B18254" s="1" t="s">
        <v>55021</v>
      </c>
      <c r="C18254" s="1" t="s">
        <v>38108</v>
      </c>
      <c r="D18254" s="2">
        <v>171082</v>
      </c>
      <c r="E18254" s="1" t="s">
        <v>0</v>
      </c>
    </row>
    <row r="18255" spans="1:5" ht="409.5" x14ac:dyDescent="0.25">
      <c r="A18255" s="4" t="s">
        <v>38109</v>
      </c>
      <c r="B18255" s="1" t="s">
        <v>55022</v>
      </c>
      <c r="C18255" s="1" t="s">
        <v>38110</v>
      </c>
      <c r="D18255" s="2">
        <v>171083</v>
      </c>
      <c r="E18255" s="1" t="s">
        <v>0</v>
      </c>
    </row>
    <row r="18256" spans="1:5" x14ac:dyDescent="0.25">
      <c r="A18256" s="1" t="s">
        <v>38111</v>
      </c>
      <c r="B18256" s="1" t="s">
        <v>55023</v>
      </c>
      <c r="C18256" s="1" t="s">
        <v>38112</v>
      </c>
      <c r="D18256" s="2">
        <v>171084</v>
      </c>
      <c r="E18256" s="1" t="s">
        <v>0</v>
      </c>
    </row>
    <row r="18257" spans="1:5" x14ac:dyDescent="0.25">
      <c r="A18257" s="2">
        <v>3651</v>
      </c>
      <c r="B18257" s="2">
        <v>3651</v>
      </c>
      <c r="C18257" s="1" t="s">
        <v>0</v>
      </c>
      <c r="D18257" s="2">
        <v>171085</v>
      </c>
      <c r="E18257" s="1" t="s">
        <v>0</v>
      </c>
    </row>
    <row r="18258" spans="1:5" x14ac:dyDescent="0.25">
      <c r="A18258" s="1" t="s">
        <v>3318</v>
      </c>
      <c r="B18258" s="1" t="s">
        <v>10256</v>
      </c>
      <c r="C18258" s="1" t="s">
        <v>38113</v>
      </c>
      <c r="D18258" s="2">
        <v>171086</v>
      </c>
      <c r="E18258" s="1" t="s">
        <v>0</v>
      </c>
    </row>
    <row r="18259" spans="1:5" x14ac:dyDescent="0.25">
      <c r="A18259" s="1" t="s">
        <v>38114</v>
      </c>
      <c r="B18259" s="1" t="s">
        <v>10257</v>
      </c>
      <c r="C18259" s="1" t="s">
        <v>38115</v>
      </c>
      <c r="D18259" s="2">
        <v>171087</v>
      </c>
      <c r="E18259" s="1" t="s">
        <v>0</v>
      </c>
    </row>
    <row r="18260" spans="1:5" ht="409.5" x14ac:dyDescent="0.25">
      <c r="A18260" s="4" t="s">
        <v>38116</v>
      </c>
      <c r="B18260" s="1" t="s">
        <v>10258</v>
      </c>
      <c r="C18260" s="1" t="s">
        <v>38117</v>
      </c>
      <c r="D18260" s="2">
        <v>171088</v>
      </c>
      <c r="E18260" s="1" t="s">
        <v>0</v>
      </c>
    </row>
    <row r="18261" spans="1:5" x14ac:dyDescent="0.25">
      <c r="A18261" s="1" t="s">
        <v>38118</v>
      </c>
      <c r="B18261" s="1" t="s">
        <v>55024</v>
      </c>
      <c r="C18261" s="1" t="s">
        <v>38119</v>
      </c>
      <c r="D18261" s="2">
        <v>171089</v>
      </c>
      <c r="E18261" s="1" t="s">
        <v>0</v>
      </c>
    </row>
    <row r="18262" spans="1:5" x14ac:dyDescent="0.25">
      <c r="A18262" s="2">
        <v>3652</v>
      </c>
      <c r="B18262" s="2">
        <v>3652</v>
      </c>
      <c r="C18262" s="1" t="s">
        <v>0</v>
      </c>
      <c r="D18262" s="2">
        <v>171090</v>
      </c>
      <c r="E18262" s="1" t="s">
        <v>0</v>
      </c>
    </row>
    <row r="18263" spans="1:5" x14ac:dyDescent="0.25">
      <c r="A18263" s="1" t="s">
        <v>3319</v>
      </c>
      <c r="B18263" s="1" t="s">
        <v>10259</v>
      </c>
      <c r="C18263" s="1" t="s">
        <v>38120</v>
      </c>
      <c r="D18263" s="2">
        <v>171091</v>
      </c>
      <c r="E18263" s="1" t="s">
        <v>0</v>
      </c>
    </row>
    <row r="18264" spans="1:5" x14ac:dyDescent="0.25">
      <c r="A18264" s="1" t="s">
        <v>38121</v>
      </c>
      <c r="B18264" s="1" t="s">
        <v>58498</v>
      </c>
      <c r="C18264" s="1" t="s">
        <v>38122</v>
      </c>
      <c r="D18264" s="2">
        <v>171092</v>
      </c>
      <c r="E18264" s="1" t="s">
        <v>0</v>
      </c>
    </row>
    <row r="18265" spans="1:5" ht="409.5" x14ac:dyDescent="0.25">
      <c r="A18265" s="4" t="s">
        <v>38123</v>
      </c>
      <c r="B18265" s="1" t="s">
        <v>58815</v>
      </c>
      <c r="C18265" s="1" t="s">
        <v>38124</v>
      </c>
      <c r="D18265" s="2">
        <v>171093</v>
      </c>
      <c r="E18265" s="1" t="s">
        <v>0</v>
      </c>
    </row>
    <row r="18266" spans="1:5" x14ac:dyDescent="0.25">
      <c r="A18266" s="1" t="s">
        <v>38125</v>
      </c>
      <c r="B18266" s="1" t="s">
        <v>10260</v>
      </c>
      <c r="C18266" s="1" t="s">
        <v>38126</v>
      </c>
      <c r="D18266" s="2">
        <v>171094</v>
      </c>
      <c r="E18266" s="1" t="s">
        <v>0</v>
      </c>
    </row>
    <row r="18267" spans="1:5" x14ac:dyDescent="0.25">
      <c r="A18267" s="2">
        <v>3653</v>
      </c>
      <c r="B18267" s="2">
        <v>3653</v>
      </c>
      <c r="C18267" s="1" t="s">
        <v>0</v>
      </c>
      <c r="D18267" s="2">
        <v>171095</v>
      </c>
      <c r="E18267" s="1" t="s">
        <v>0</v>
      </c>
    </row>
    <row r="18268" spans="1:5" x14ac:dyDescent="0.25">
      <c r="A18268" s="1" t="s">
        <v>3320</v>
      </c>
      <c r="B18268" s="1" t="s">
        <v>55025</v>
      </c>
      <c r="C18268" s="1" t="s">
        <v>38127</v>
      </c>
      <c r="D18268" s="2">
        <v>171096</v>
      </c>
      <c r="E18268" s="1" t="s">
        <v>0</v>
      </c>
    </row>
    <row r="18269" spans="1:5" x14ac:dyDescent="0.25">
      <c r="A18269" s="1" t="s">
        <v>38128</v>
      </c>
      <c r="B18269" s="1" t="s">
        <v>57291</v>
      </c>
      <c r="C18269" s="1" t="s">
        <v>38129</v>
      </c>
      <c r="D18269" s="2">
        <v>171097</v>
      </c>
      <c r="E18269" s="1" t="s">
        <v>0</v>
      </c>
    </row>
    <row r="18270" spans="1:5" ht="409.5" x14ac:dyDescent="0.25">
      <c r="A18270" s="4" t="s">
        <v>38130</v>
      </c>
      <c r="B18270" s="1" t="s">
        <v>57292</v>
      </c>
      <c r="C18270" s="1" t="s">
        <v>38131</v>
      </c>
      <c r="D18270" s="2">
        <v>171098</v>
      </c>
      <c r="E18270" s="1" t="s">
        <v>0</v>
      </c>
    </row>
    <row r="18271" spans="1:5" x14ac:dyDescent="0.25">
      <c r="A18271" s="1" t="s">
        <v>38132</v>
      </c>
      <c r="B18271" s="1" t="s">
        <v>57293</v>
      </c>
      <c r="C18271" s="1" t="s">
        <v>38133</v>
      </c>
      <c r="D18271" s="2">
        <v>171099</v>
      </c>
      <c r="E18271" s="1" t="s">
        <v>0</v>
      </c>
    </row>
    <row r="18272" spans="1:5" x14ac:dyDescent="0.25">
      <c r="A18272" s="2">
        <v>3654</v>
      </c>
      <c r="B18272" s="2">
        <v>3654</v>
      </c>
      <c r="C18272" s="1" t="s">
        <v>0</v>
      </c>
      <c r="D18272" s="2">
        <v>171100</v>
      </c>
      <c r="E18272" s="1" t="s">
        <v>0</v>
      </c>
    </row>
    <row r="18273" spans="1:5" x14ac:dyDescent="0.25">
      <c r="A18273" s="1" t="s">
        <v>3321</v>
      </c>
      <c r="B18273" s="1" t="s">
        <v>10261</v>
      </c>
      <c r="C18273" s="1" t="s">
        <v>38134</v>
      </c>
      <c r="D18273" s="2">
        <v>171101</v>
      </c>
      <c r="E18273" s="1" t="s">
        <v>0</v>
      </c>
    </row>
    <row r="18274" spans="1:5" x14ac:dyDescent="0.25">
      <c r="A18274" s="1" t="s">
        <v>38135</v>
      </c>
      <c r="B18274" s="1" t="s">
        <v>62756</v>
      </c>
      <c r="C18274" s="1" t="s">
        <v>38136</v>
      </c>
      <c r="D18274" s="2">
        <v>171102</v>
      </c>
      <c r="E18274" s="1" t="s">
        <v>0</v>
      </c>
    </row>
    <row r="18275" spans="1:5" ht="409.5" x14ac:dyDescent="0.25">
      <c r="A18275" s="4" t="s">
        <v>38137</v>
      </c>
      <c r="B18275" s="1" t="s">
        <v>62757</v>
      </c>
      <c r="C18275" s="1" t="s">
        <v>38138</v>
      </c>
      <c r="D18275" s="2">
        <v>171103</v>
      </c>
      <c r="E18275" s="1" t="s">
        <v>0</v>
      </c>
    </row>
    <row r="18276" spans="1:5" x14ac:dyDescent="0.25">
      <c r="A18276" s="1" t="s">
        <v>38139</v>
      </c>
      <c r="B18276" s="1" t="s">
        <v>60157</v>
      </c>
      <c r="C18276" s="1" t="s">
        <v>38140</v>
      </c>
      <c r="D18276" s="2">
        <v>171104</v>
      </c>
      <c r="E18276" s="1" t="s">
        <v>0</v>
      </c>
    </row>
    <row r="18277" spans="1:5" x14ac:dyDescent="0.25">
      <c r="A18277" s="2">
        <v>3655</v>
      </c>
      <c r="B18277" s="2">
        <v>3655</v>
      </c>
      <c r="C18277" s="1" t="s">
        <v>0</v>
      </c>
      <c r="D18277" s="2">
        <v>171105</v>
      </c>
      <c r="E18277" s="1" t="s">
        <v>0</v>
      </c>
    </row>
    <row r="18278" spans="1:5" x14ac:dyDescent="0.25">
      <c r="A18278" s="1" t="s">
        <v>3322</v>
      </c>
      <c r="B18278" s="1" t="s">
        <v>57939</v>
      </c>
      <c r="C18278" s="1" t="s">
        <v>38141</v>
      </c>
      <c r="D18278" s="2">
        <v>171106</v>
      </c>
      <c r="E18278" s="1" t="s">
        <v>0</v>
      </c>
    </row>
    <row r="18279" spans="1:5" x14ac:dyDescent="0.25">
      <c r="A18279" s="1" t="s">
        <v>38142</v>
      </c>
      <c r="B18279" s="1" t="s">
        <v>57940</v>
      </c>
      <c r="C18279" s="1" t="s">
        <v>38143</v>
      </c>
      <c r="D18279" s="2">
        <v>171107</v>
      </c>
      <c r="E18279" s="1" t="s">
        <v>0</v>
      </c>
    </row>
    <row r="18280" spans="1:5" ht="409.5" x14ac:dyDescent="0.25">
      <c r="A18280" s="4" t="s">
        <v>38144</v>
      </c>
      <c r="B18280" s="1" t="s">
        <v>58499</v>
      </c>
      <c r="C18280" s="1" t="s">
        <v>38145</v>
      </c>
      <c r="D18280" s="2">
        <v>171108</v>
      </c>
      <c r="E18280" s="1" t="s">
        <v>0</v>
      </c>
    </row>
    <row r="18281" spans="1:5" x14ac:dyDescent="0.25">
      <c r="A18281" s="1" t="s">
        <v>38146</v>
      </c>
      <c r="B18281" s="1" t="s">
        <v>57941</v>
      </c>
      <c r="C18281" s="1" t="s">
        <v>38147</v>
      </c>
      <c r="D18281" s="2">
        <v>171109</v>
      </c>
      <c r="E18281" s="1" t="s">
        <v>0</v>
      </c>
    </row>
    <row r="18282" spans="1:5" x14ac:dyDescent="0.25">
      <c r="A18282" s="2">
        <v>3656</v>
      </c>
      <c r="B18282" s="2">
        <v>3656</v>
      </c>
      <c r="C18282" s="1" t="s">
        <v>0</v>
      </c>
      <c r="D18282" s="2">
        <v>171110</v>
      </c>
      <c r="E18282" s="1" t="s">
        <v>0</v>
      </c>
    </row>
    <row r="18283" spans="1:5" x14ac:dyDescent="0.25">
      <c r="A18283" s="1" t="s">
        <v>3323</v>
      </c>
      <c r="B18283" s="1" t="s">
        <v>10262</v>
      </c>
      <c r="C18283" s="1" t="s">
        <v>38148</v>
      </c>
      <c r="D18283" s="2">
        <v>171111</v>
      </c>
      <c r="E18283" s="1" t="s">
        <v>0</v>
      </c>
    </row>
    <row r="18284" spans="1:5" x14ac:dyDescent="0.25">
      <c r="A18284" s="1" t="s">
        <v>38149</v>
      </c>
      <c r="B18284" s="1" t="s">
        <v>60158</v>
      </c>
      <c r="C18284" s="1" t="s">
        <v>38150</v>
      </c>
      <c r="D18284" s="2">
        <v>171112</v>
      </c>
      <c r="E18284" s="1" t="s">
        <v>0</v>
      </c>
    </row>
    <row r="18285" spans="1:5" ht="409.5" x14ac:dyDescent="0.25">
      <c r="A18285" s="4" t="s">
        <v>38151</v>
      </c>
      <c r="B18285" s="1" t="s">
        <v>61516</v>
      </c>
      <c r="C18285" s="1" t="s">
        <v>38152</v>
      </c>
      <c r="D18285" s="2">
        <v>171113</v>
      </c>
      <c r="E18285" s="1" t="s">
        <v>0</v>
      </c>
    </row>
    <row r="18286" spans="1:5" x14ac:dyDescent="0.25">
      <c r="A18286" s="1" t="s">
        <v>38153</v>
      </c>
      <c r="B18286" s="1" t="s">
        <v>55026</v>
      </c>
      <c r="C18286" s="1" t="s">
        <v>38154</v>
      </c>
      <c r="D18286" s="2">
        <v>171114</v>
      </c>
      <c r="E18286" s="1" t="s">
        <v>0</v>
      </c>
    </row>
    <row r="18287" spans="1:5" x14ac:dyDescent="0.25">
      <c r="A18287" s="2">
        <v>3657</v>
      </c>
      <c r="B18287" s="2">
        <v>3657</v>
      </c>
      <c r="C18287" s="1" t="s">
        <v>0</v>
      </c>
      <c r="D18287" s="2">
        <v>171115</v>
      </c>
      <c r="E18287" s="1" t="s">
        <v>0</v>
      </c>
    </row>
    <row r="18288" spans="1:5" x14ac:dyDescent="0.25">
      <c r="A18288" s="1" t="s">
        <v>3324</v>
      </c>
      <c r="B18288" s="1" t="s">
        <v>10263</v>
      </c>
      <c r="C18288" s="1" t="s">
        <v>38155</v>
      </c>
      <c r="D18288" s="2">
        <v>171116</v>
      </c>
      <c r="E18288" s="1" t="s">
        <v>0</v>
      </c>
    </row>
    <row r="18289" spans="1:5" x14ac:dyDescent="0.25">
      <c r="A18289" s="1" t="s">
        <v>38156</v>
      </c>
      <c r="B18289" s="1" t="s">
        <v>13223</v>
      </c>
      <c r="C18289" s="1" t="s">
        <v>38157</v>
      </c>
      <c r="D18289" s="2">
        <v>171117</v>
      </c>
      <c r="E18289" s="1" t="s">
        <v>0</v>
      </c>
    </row>
    <row r="18290" spans="1:5" ht="409.5" x14ac:dyDescent="0.25">
      <c r="A18290" s="4" t="s">
        <v>38158</v>
      </c>
      <c r="B18290" s="1" t="s">
        <v>13224</v>
      </c>
      <c r="C18290" s="1" t="s">
        <v>38159</v>
      </c>
      <c r="D18290" s="2">
        <v>171118</v>
      </c>
      <c r="E18290" s="1" t="s">
        <v>0</v>
      </c>
    </row>
    <row r="18291" spans="1:5" x14ac:dyDescent="0.25">
      <c r="A18291" s="1" t="s">
        <v>38160</v>
      </c>
      <c r="B18291" s="1" t="s">
        <v>10264</v>
      </c>
      <c r="C18291" s="1" t="s">
        <v>38161</v>
      </c>
      <c r="D18291" s="2">
        <v>171119</v>
      </c>
      <c r="E18291" s="1" t="s">
        <v>0</v>
      </c>
    </row>
    <row r="18292" spans="1:5" x14ac:dyDescent="0.25">
      <c r="A18292" s="2">
        <v>3658</v>
      </c>
      <c r="B18292" s="2">
        <v>3658</v>
      </c>
      <c r="C18292" s="1" t="s">
        <v>0</v>
      </c>
      <c r="D18292" s="2">
        <v>171120</v>
      </c>
      <c r="E18292" s="1" t="s">
        <v>0</v>
      </c>
    </row>
    <row r="18293" spans="1:5" x14ac:dyDescent="0.25">
      <c r="A18293" s="1" t="s">
        <v>3325</v>
      </c>
      <c r="B18293" s="1" t="s">
        <v>10265</v>
      </c>
      <c r="C18293" s="1" t="s">
        <v>38162</v>
      </c>
      <c r="D18293" s="2">
        <v>171121</v>
      </c>
      <c r="E18293" s="1" t="s">
        <v>0</v>
      </c>
    </row>
    <row r="18294" spans="1:5" x14ac:dyDescent="0.25">
      <c r="A18294" s="1" t="s">
        <v>38163</v>
      </c>
      <c r="B18294" s="1" t="s">
        <v>10266</v>
      </c>
      <c r="C18294" s="1" t="s">
        <v>38164</v>
      </c>
      <c r="D18294" s="2">
        <v>171122</v>
      </c>
      <c r="E18294" s="1" t="s">
        <v>0</v>
      </c>
    </row>
    <row r="18295" spans="1:5" ht="409.5" x14ac:dyDescent="0.25">
      <c r="A18295" s="4" t="s">
        <v>64275</v>
      </c>
      <c r="B18295" s="1" t="s">
        <v>60639</v>
      </c>
      <c r="C18295" s="1" t="s">
        <v>38165</v>
      </c>
      <c r="D18295" s="2">
        <v>171123</v>
      </c>
      <c r="E18295" s="1" t="s">
        <v>0</v>
      </c>
    </row>
    <row r="18296" spans="1:5" x14ac:dyDescent="0.25">
      <c r="A18296" s="1" t="s">
        <v>38166</v>
      </c>
      <c r="B18296" s="1" t="s">
        <v>55027</v>
      </c>
      <c r="C18296" s="1" t="s">
        <v>38167</v>
      </c>
      <c r="D18296" s="2">
        <v>171124</v>
      </c>
      <c r="E18296" s="1" t="s">
        <v>0</v>
      </c>
    </row>
    <row r="18297" spans="1:5" x14ac:dyDescent="0.25">
      <c r="A18297" s="2">
        <v>3659</v>
      </c>
      <c r="B18297" s="2">
        <v>3659</v>
      </c>
      <c r="C18297" s="1" t="s">
        <v>0</v>
      </c>
      <c r="D18297" s="2">
        <v>171125</v>
      </c>
      <c r="E18297" s="1" t="s">
        <v>0</v>
      </c>
    </row>
    <row r="18298" spans="1:5" x14ac:dyDescent="0.25">
      <c r="A18298" s="1" t="s">
        <v>3326</v>
      </c>
      <c r="B18298" s="1" t="s">
        <v>50912</v>
      </c>
      <c r="C18298" s="1" t="s">
        <v>38168</v>
      </c>
      <c r="D18298" s="2">
        <v>171126</v>
      </c>
      <c r="E18298" s="1" t="s">
        <v>0</v>
      </c>
    </row>
    <row r="18299" spans="1:5" x14ac:dyDescent="0.25">
      <c r="A18299" s="1" t="s">
        <v>38169</v>
      </c>
      <c r="B18299" s="1" t="s">
        <v>55028</v>
      </c>
      <c r="C18299" s="1" t="s">
        <v>38170</v>
      </c>
      <c r="D18299" s="2">
        <v>171127</v>
      </c>
      <c r="E18299" s="1" t="s">
        <v>0</v>
      </c>
    </row>
    <row r="18300" spans="1:5" ht="409.5" x14ac:dyDescent="0.25">
      <c r="A18300" s="4" t="s">
        <v>38171</v>
      </c>
      <c r="B18300" s="1" t="s">
        <v>55029</v>
      </c>
      <c r="C18300" s="1" t="s">
        <v>38172</v>
      </c>
      <c r="D18300" s="2">
        <v>171128</v>
      </c>
      <c r="E18300" s="1" t="s">
        <v>0</v>
      </c>
    </row>
    <row r="18301" spans="1:5" x14ac:dyDescent="0.25">
      <c r="A18301" s="1" t="s">
        <v>38173</v>
      </c>
      <c r="B18301" s="1" t="s">
        <v>61261</v>
      </c>
      <c r="C18301" s="1" t="s">
        <v>38174</v>
      </c>
      <c r="D18301" s="2">
        <v>171129</v>
      </c>
      <c r="E18301" s="1" t="s">
        <v>0</v>
      </c>
    </row>
    <row r="18302" spans="1:5" x14ac:dyDescent="0.25">
      <c r="A18302" s="2">
        <v>3660</v>
      </c>
      <c r="B18302" s="2">
        <v>3660</v>
      </c>
      <c r="C18302" s="1" t="s">
        <v>0</v>
      </c>
      <c r="D18302" s="2">
        <v>171130</v>
      </c>
      <c r="E18302" s="1" t="s">
        <v>0</v>
      </c>
    </row>
    <row r="18303" spans="1:5" x14ac:dyDescent="0.25">
      <c r="A18303" s="1" t="s">
        <v>3327</v>
      </c>
      <c r="B18303" s="1" t="s">
        <v>60159</v>
      </c>
      <c r="C18303" s="1" t="s">
        <v>38175</v>
      </c>
      <c r="D18303" s="2">
        <v>171131</v>
      </c>
      <c r="E18303" s="1" t="s">
        <v>0</v>
      </c>
    </row>
    <row r="18304" spans="1:5" x14ac:dyDescent="0.25">
      <c r="A18304" s="1" t="s">
        <v>38176</v>
      </c>
      <c r="B18304" s="1" t="s">
        <v>61262</v>
      </c>
      <c r="C18304" s="1" t="s">
        <v>38177</v>
      </c>
      <c r="D18304" s="2">
        <v>171132</v>
      </c>
      <c r="E18304" s="1" t="s">
        <v>0</v>
      </c>
    </row>
    <row r="18305" spans="1:5" ht="409.5" x14ac:dyDescent="0.25">
      <c r="A18305" s="4" t="s">
        <v>38178</v>
      </c>
      <c r="B18305" s="1" t="s">
        <v>63786</v>
      </c>
      <c r="C18305" s="1" t="s">
        <v>38179</v>
      </c>
      <c r="D18305" s="2">
        <v>171133</v>
      </c>
      <c r="E18305" s="1" t="s">
        <v>0</v>
      </c>
    </row>
    <row r="18306" spans="1:5" x14ac:dyDescent="0.25">
      <c r="A18306" s="1" t="s">
        <v>13413</v>
      </c>
      <c r="B18306" s="1" t="s">
        <v>60845</v>
      </c>
      <c r="C18306" s="1" t="s">
        <v>13414</v>
      </c>
      <c r="D18306" s="2">
        <v>171134</v>
      </c>
      <c r="E18306" s="1" t="s">
        <v>0</v>
      </c>
    </row>
    <row r="18307" spans="1:5" x14ac:dyDescent="0.25">
      <c r="A18307" s="2">
        <v>3661</v>
      </c>
      <c r="B18307" s="2">
        <v>3661</v>
      </c>
      <c r="C18307" s="1" t="s">
        <v>0</v>
      </c>
      <c r="D18307" s="2">
        <v>171135</v>
      </c>
      <c r="E18307" s="1" t="s">
        <v>0</v>
      </c>
    </row>
    <row r="18308" spans="1:5" x14ac:dyDescent="0.25">
      <c r="A18308" s="1" t="s">
        <v>3328</v>
      </c>
      <c r="B18308" s="1" t="s">
        <v>10267</v>
      </c>
      <c r="C18308" s="1" t="s">
        <v>38180</v>
      </c>
      <c r="D18308" s="2">
        <v>171136</v>
      </c>
      <c r="E18308" s="1" t="s">
        <v>0</v>
      </c>
    </row>
    <row r="18309" spans="1:5" x14ac:dyDescent="0.25">
      <c r="A18309" s="1" t="s">
        <v>38181</v>
      </c>
      <c r="B18309" s="1" t="s">
        <v>10268</v>
      </c>
      <c r="C18309" s="1" t="s">
        <v>38182</v>
      </c>
      <c r="D18309" s="2">
        <v>171137</v>
      </c>
      <c r="E18309" s="1" t="s">
        <v>0</v>
      </c>
    </row>
    <row r="18310" spans="1:5" ht="409.5" x14ac:dyDescent="0.25">
      <c r="A18310" s="4" t="s">
        <v>38183</v>
      </c>
      <c r="B18310" s="1" t="s">
        <v>55030</v>
      </c>
      <c r="C18310" s="1" t="s">
        <v>38184</v>
      </c>
      <c r="D18310" s="2">
        <v>171138</v>
      </c>
      <c r="E18310" s="1" t="s">
        <v>0</v>
      </c>
    </row>
    <row r="18311" spans="1:5" x14ac:dyDescent="0.25">
      <c r="A18311" s="1" t="s">
        <v>38185</v>
      </c>
      <c r="B18311" s="1" t="s">
        <v>10269</v>
      </c>
      <c r="C18311" s="1" t="s">
        <v>38186</v>
      </c>
      <c r="D18311" s="2">
        <v>171139</v>
      </c>
      <c r="E18311" s="1" t="s">
        <v>0</v>
      </c>
    </row>
    <row r="18312" spans="1:5" x14ac:dyDescent="0.25">
      <c r="A18312" s="2">
        <v>3662</v>
      </c>
      <c r="B18312" s="2">
        <v>3662</v>
      </c>
      <c r="C18312" s="1" t="s">
        <v>0</v>
      </c>
      <c r="D18312" s="2">
        <v>171140</v>
      </c>
      <c r="E18312" s="1" t="s">
        <v>0</v>
      </c>
    </row>
    <row r="18313" spans="1:5" x14ac:dyDescent="0.25">
      <c r="A18313" s="1" t="s">
        <v>10270</v>
      </c>
      <c r="B18313" s="1" t="s">
        <v>10271</v>
      </c>
      <c r="C18313" s="1" t="s">
        <v>38187</v>
      </c>
      <c r="D18313" s="2">
        <v>171141</v>
      </c>
      <c r="E18313" s="1" t="s">
        <v>0</v>
      </c>
    </row>
    <row r="18314" spans="1:5" x14ac:dyDescent="0.25">
      <c r="A18314" s="1" t="s">
        <v>38188</v>
      </c>
      <c r="B18314" s="1" t="s">
        <v>10272</v>
      </c>
      <c r="C18314" s="1" t="s">
        <v>38189</v>
      </c>
      <c r="D18314" s="2">
        <v>171142</v>
      </c>
      <c r="E18314" s="1" t="s">
        <v>0</v>
      </c>
    </row>
    <row r="18315" spans="1:5" ht="409.5" x14ac:dyDescent="0.25">
      <c r="A18315" s="4" t="s">
        <v>38190</v>
      </c>
      <c r="B18315" s="1" t="s">
        <v>55031</v>
      </c>
      <c r="C18315" s="1" t="s">
        <v>38191</v>
      </c>
      <c r="D18315" s="2">
        <v>171143</v>
      </c>
      <c r="E18315" s="1" t="s">
        <v>0</v>
      </c>
    </row>
    <row r="18316" spans="1:5" x14ac:dyDescent="0.25">
      <c r="A18316" s="1" t="s">
        <v>38192</v>
      </c>
      <c r="B18316" s="1" t="s">
        <v>10273</v>
      </c>
      <c r="C18316" s="1" t="s">
        <v>38193</v>
      </c>
      <c r="D18316" s="2">
        <v>171144</v>
      </c>
      <c r="E18316" s="1" t="s">
        <v>0</v>
      </c>
    </row>
    <row r="18317" spans="1:5" x14ac:dyDescent="0.25">
      <c r="A18317" s="2">
        <v>3663</v>
      </c>
      <c r="B18317" s="2">
        <v>3663</v>
      </c>
      <c r="C18317" s="1" t="s">
        <v>0</v>
      </c>
      <c r="D18317" s="2">
        <v>171145</v>
      </c>
      <c r="E18317" s="1" t="s">
        <v>0</v>
      </c>
    </row>
    <row r="18318" spans="1:5" x14ac:dyDescent="0.25">
      <c r="A18318" s="1" t="s">
        <v>3329</v>
      </c>
      <c r="B18318" s="1" t="s">
        <v>10274</v>
      </c>
      <c r="C18318" s="1" t="s">
        <v>38194</v>
      </c>
      <c r="D18318" s="2">
        <v>171146</v>
      </c>
      <c r="E18318" s="1" t="s">
        <v>0</v>
      </c>
    </row>
    <row r="18319" spans="1:5" x14ac:dyDescent="0.25">
      <c r="A18319" s="1" t="s">
        <v>38195</v>
      </c>
      <c r="B18319" s="1" t="s">
        <v>10275</v>
      </c>
      <c r="C18319" s="1" t="s">
        <v>38196</v>
      </c>
      <c r="D18319" s="2">
        <v>171147</v>
      </c>
      <c r="E18319" s="1" t="s">
        <v>0</v>
      </c>
    </row>
    <row r="18320" spans="1:5" ht="409.5" x14ac:dyDescent="0.25">
      <c r="A18320" s="4" t="s">
        <v>38197</v>
      </c>
      <c r="B18320" s="1" t="s">
        <v>55032</v>
      </c>
      <c r="C18320" s="1" t="s">
        <v>38198</v>
      </c>
      <c r="D18320" s="2">
        <v>171148</v>
      </c>
      <c r="E18320" s="1" t="s">
        <v>0</v>
      </c>
    </row>
    <row r="18321" spans="1:5" x14ac:dyDescent="0.25">
      <c r="A18321" s="1" t="s">
        <v>38199</v>
      </c>
      <c r="B18321" s="1" t="s">
        <v>55033</v>
      </c>
      <c r="C18321" s="1" t="s">
        <v>38200</v>
      </c>
      <c r="D18321" s="2">
        <v>171149</v>
      </c>
      <c r="E18321" s="1" t="s">
        <v>0</v>
      </c>
    </row>
    <row r="18322" spans="1:5" x14ac:dyDescent="0.25">
      <c r="A18322" s="2">
        <v>3664</v>
      </c>
      <c r="B18322" s="2">
        <v>3664</v>
      </c>
      <c r="C18322" s="1" t="s">
        <v>0</v>
      </c>
      <c r="D18322" s="2">
        <v>171150</v>
      </c>
      <c r="E18322" s="1" t="s">
        <v>0</v>
      </c>
    </row>
    <row r="18323" spans="1:5" x14ac:dyDescent="0.25">
      <c r="A18323" s="1" t="s">
        <v>3330</v>
      </c>
      <c r="B18323" s="1" t="s">
        <v>10276</v>
      </c>
      <c r="C18323" s="1" t="s">
        <v>38201</v>
      </c>
      <c r="D18323" s="2">
        <v>171151</v>
      </c>
      <c r="E18323" s="1" t="s">
        <v>0</v>
      </c>
    </row>
    <row r="18324" spans="1:5" x14ac:dyDescent="0.25">
      <c r="A18324" s="1" t="s">
        <v>38202</v>
      </c>
      <c r="B18324" s="1" t="s">
        <v>55034</v>
      </c>
      <c r="C18324" s="1" t="s">
        <v>38203</v>
      </c>
      <c r="D18324" s="2">
        <v>171152</v>
      </c>
      <c r="E18324" s="1" t="s">
        <v>0</v>
      </c>
    </row>
    <row r="18325" spans="1:5" ht="409.5" x14ac:dyDescent="0.25">
      <c r="A18325" s="4" t="s">
        <v>38204</v>
      </c>
      <c r="B18325" s="1" t="s">
        <v>55035</v>
      </c>
      <c r="C18325" s="1" t="s">
        <v>38205</v>
      </c>
      <c r="D18325" s="2">
        <v>171153</v>
      </c>
      <c r="E18325" s="1" t="s">
        <v>0</v>
      </c>
    </row>
    <row r="18326" spans="1:5" x14ac:dyDescent="0.25">
      <c r="A18326" s="1" t="s">
        <v>38206</v>
      </c>
      <c r="B18326" s="1" t="s">
        <v>55036</v>
      </c>
      <c r="C18326" s="1" t="s">
        <v>38207</v>
      </c>
      <c r="D18326" s="2">
        <v>171154</v>
      </c>
      <c r="E18326" s="1" t="s">
        <v>0</v>
      </c>
    </row>
    <row r="18327" spans="1:5" x14ac:dyDescent="0.25">
      <c r="A18327" s="2">
        <v>3665</v>
      </c>
      <c r="B18327" s="2">
        <v>3665</v>
      </c>
      <c r="C18327" s="1" t="s">
        <v>0</v>
      </c>
      <c r="D18327" s="2">
        <v>171155</v>
      </c>
      <c r="E18327" s="1" t="s">
        <v>0</v>
      </c>
    </row>
    <row r="18328" spans="1:5" x14ac:dyDescent="0.25">
      <c r="A18328" s="1" t="s">
        <v>3331</v>
      </c>
      <c r="B18328" s="1" t="s">
        <v>10277</v>
      </c>
      <c r="C18328" s="1" t="s">
        <v>38208</v>
      </c>
      <c r="D18328" s="2">
        <v>171156</v>
      </c>
      <c r="E18328" s="1" t="s">
        <v>0</v>
      </c>
    </row>
    <row r="18329" spans="1:5" x14ac:dyDescent="0.25">
      <c r="A18329" s="1" t="s">
        <v>38209</v>
      </c>
      <c r="B18329" s="1" t="s">
        <v>55037</v>
      </c>
      <c r="C18329" s="1" t="s">
        <v>38210</v>
      </c>
      <c r="D18329" s="2">
        <v>171157</v>
      </c>
      <c r="E18329" s="1" t="s">
        <v>0</v>
      </c>
    </row>
    <row r="18330" spans="1:5" ht="409.5" x14ac:dyDescent="0.25">
      <c r="A18330" s="4" t="s">
        <v>38211</v>
      </c>
      <c r="B18330" s="1" t="s">
        <v>55038</v>
      </c>
      <c r="C18330" s="1" t="s">
        <v>38212</v>
      </c>
      <c r="D18330" s="2">
        <v>171158</v>
      </c>
      <c r="E18330" s="1" t="s">
        <v>0</v>
      </c>
    </row>
    <row r="18331" spans="1:5" x14ac:dyDescent="0.25">
      <c r="A18331" s="1" t="s">
        <v>38213</v>
      </c>
      <c r="B18331" s="1" t="s">
        <v>10278</v>
      </c>
      <c r="C18331" s="1" t="s">
        <v>38214</v>
      </c>
      <c r="D18331" s="2">
        <v>171159</v>
      </c>
      <c r="E18331" s="1" t="s">
        <v>0</v>
      </c>
    </row>
    <row r="18332" spans="1:5" x14ac:dyDescent="0.25">
      <c r="A18332" s="2">
        <v>3666</v>
      </c>
      <c r="B18332" s="2">
        <v>3666</v>
      </c>
      <c r="C18332" s="1" t="s">
        <v>0</v>
      </c>
      <c r="D18332" s="2">
        <v>171160</v>
      </c>
      <c r="E18332" s="1" t="s">
        <v>0</v>
      </c>
    </row>
    <row r="18333" spans="1:5" x14ac:dyDescent="0.25">
      <c r="A18333" s="1" t="s">
        <v>3332</v>
      </c>
      <c r="B18333" s="1" t="s">
        <v>10279</v>
      </c>
      <c r="C18333" s="1" t="s">
        <v>38215</v>
      </c>
      <c r="D18333" s="2">
        <v>171161</v>
      </c>
      <c r="E18333" s="1" t="s">
        <v>0</v>
      </c>
    </row>
    <row r="18334" spans="1:5" x14ac:dyDescent="0.25">
      <c r="A18334" s="1" t="s">
        <v>38216</v>
      </c>
      <c r="B18334" s="1" t="s">
        <v>56828</v>
      </c>
      <c r="C18334" s="1" t="s">
        <v>38217</v>
      </c>
      <c r="D18334" s="2">
        <v>171162</v>
      </c>
      <c r="E18334" s="1" t="s">
        <v>0</v>
      </c>
    </row>
    <row r="18335" spans="1:5" ht="409.5" x14ac:dyDescent="0.25">
      <c r="A18335" s="4" t="s">
        <v>38218</v>
      </c>
      <c r="B18335" s="1" t="s">
        <v>59661</v>
      </c>
      <c r="C18335" s="1" t="s">
        <v>38219</v>
      </c>
      <c r="D18335" s="2">
        <v>171163</v>
      </c>
      <c r="E18335" s="1" t="s">
        <v>0</v>
      </c>
    </row>
    <row r="18336" spans="1:5" x14ac:dyDescent="0.25">
      <c r="A18336" s="1" t="s">
        <v>38220</v>
      </c>
      <c r="B18336" s="1" t="s">
        <v>55039</v>
      </c>
      <c r="C18336" s="1" t="s">
        <v>38221</v>
      </c>
      <c r="D18336" s="2">
        <v>171164</v>
      </c>
      <c r="E18336" s="1" t="s">
        <v>0</v>
      </c>
    </row>
    <row r="18337" spans="1:5" x14ac:dyDescent="0.25">
      <c r="A18337" s="2">
        <v>3667</v>
      </c>
      <c r="B18337" s="2">
        <v>3667</v>
      </c>
      <c r="C18337" s="1" t="s">
        <v>0</v>
      </c>
      <c r="D18337" s="2">
        <v>171165</v>
      </c>
      <c r="E18337" s="1" t="s">
        <v>0</v>
      </c>
    </row>
    <row r="18338" spans="1:5" x14ac:dyDescent="0.25">
      <c r="A18338" s="1" t="s">
        <v>3333</v>
      </c>
      <c r="B18338" s="1" t="s">
        <v>10280</v>
      </c>
      <c r="C18338" s="1" t="s">
        <v>38222</v>
      </c>
      <c r="D18338" s="2">
        <v>171166</v>
      </c>
      <c r="E18338" s="1" t="s">
        <v>0</v>
      </c>
    </row>
    <row r="18339" spans="1:5" x14ac:dyDescent="0.25">
      <c r="A18339" s="1" t="s">
        <v>38223</v>
      </c>
      <c r="B18339" s="1" t="s">
        <v>50913</v>
      </c>
      <c r="C18339" s="1" t="s">
        <v>38224</v>
      </c>
      <c r="D18339" s="2">
        <v>171167</v>
      </c>
      <c r="E18339" s="1" t="s">
        <v>0</v>
      </c>
    </row>
    <row r="18340" spans="1:5" ht="409.5" x14ac:dyDescent="0.25">
      <c r="A18340" s="4" t="s">
        <v>38225</v>
      </c>
      <c r="B18340" s="1" t="s">
        <v>55040</v>
      </c>
      <c r="C18340" s="1" t="s">
        <v>38226</v>
      </c>
      <c r="D18340" s="2">
        <v>171168</v>
      </c>
      <c r="E18340" s="1" t="s">
        <v>0</v>
      </c>
    </row>
    <row r="18341" spans="1:5" x14ac:dyDescent="0.25">
      <c r="A18341" s="1" t="s">
        <v>38227</v>
      </c>
      <c r="B18341" s="1" t="s">
        <v>10281</v>
      </c>
      <c r="C18341" s="1" t="s">
        <v>38228</v>
      </c>
      <c r="D18341" s="2">
        <v>171169</v>
      </c>
      <c r="E18341" s="1" t="s">
        <v>0</v>
      </c>
    </row>
    <row r="18342" spans="1:5" x14ac:dyDescent="0.25">
      <c r="A18342" s="2">
        <v>3668</v>
      </c>
      <c r="B18342" s="2">
        <v>3668</v>
      </c>
      <c r="C18342" s="1" t="s">
        <v>0</v>
      </c>
      <c r="D18342" s="2">
        <v>171170</v>
      </c>
      <c r="E18342" s="1" t="s">
        <v>0</v>
      </c>
    </row>
    <row r="18343" spans="1:5" x14ac:dyDescent="0.25">
      <c r="A18343" s="1" t="s">
        <v>3334</v>
      </c>
      <c r="B18343" s="1" t="s">
        <v>10282</v>
      </c>
      <c r="C18343" s="1" t="s">
        <v>38229</v>
      </c>
      <c r="D18343" s="2">
        <v>171171</v>
      </c>
      <c r="E18343" s="1" t="s">
        <v>0</v>
      </c>
    </row>
    <row r="18344" spans="1:5" x14ac:dyDescent="0.25">
      <c r="A18344" s="1" t="s">
        <v>38230</v>
      </c>
      <c r="B18344" s="1" t="s">
        <v>60160</v>
      </c>
      <c r="C18344" s="1" t="s">
        <v>38231</v>
      </c>
      <c r="D18344" s="2">
        <v>171172</v>
      </c>
      <c r="E18344" s="1" t="s">
        <v>0</v>
      </c>
    </row>
    <row r="18345" spans="1:5" ht="409.5" x14ac:dyDescent="0.25">
      <c r="A18345" s="4" t="s">
        <v>38232</v>
      </c>
      <c r="B18345" s="1" t="s">
        <v>60161</v>
      </c>
      <c r="C18345" s="1" t="s">
        <v>38233</v>
      </c>
      <c r="D18345" s="2">
        <v>171173</v>
      </c>
      <c r="E18345" s="1" t="s">
        <v>0</v>
      </c>
    </row>
    <row r="18346" spans="1:5" x14ac:dyDescent="0.25">
      <c r="A18346" s="1" t="s">
        <v>38234</v>
      </c>
      <c r="B18346" s="1" t="s">
        <v>10283</v>
      </c>
      <c r="C18346" s="1" t="s">
        <v>38235</v>
      </c>
      <c r="D18346" s="2">
        <v>171174</v>
      </c>
      <c r="E18346" s="1" t="s">
        <v>0</v>
      </c>
    </row>
    <row r="18347" spans="1:5" x14ac:dyDescent="0.25">
      <c r="A18347" s="2">
        <v>3669</v>
      </c>
      <c r="B18347" s="2">
        <v>3669</v>
      </c>
      <c r="C18347" s="1" t="s">
        <v>0</v>
      </c>
      <c r="D18347" s="2">
        <v>171175</v>
      </c>
      <c r="E18347" s="1" t="s">
        <v>0</v>
      </c>
    </row>
    <row r="18348" spans="1:5" x14ac:dyDescent="0.25">
      <c r="A18348" s="1" t="s">
        <v>3335</v>
      </c>
      <c r="B18348" s="1" t="s">
        <v>55041</v>
      </c>
      <c r="C18348" s="1" t="s">
        <v>38236</v>
      </c>
      <c r="D18348" s="2">
        <v>171176</v>
      </c>
      <c r="E18348" s="1" t="s">
        <v>0</v>
      </c>
    </row>
    <row r="18349" spans="1:5" x14ac:dyDescent="0.25">
      <c r="A18349" s="1" t="s">
        <v>64276</v>
      </c>
      <c r="B18349" s="1" t="s">
        <v>10284</v>
      </c>
      <c r="C18349" s="1" t="s">
        <v>38237</v>
      </c>
      <c r="D18349" s="2">
        <v>171177</v>
      </c>
      <c r="E18349" s="1" t="s">
        <v>0</v>
      </c>
    </row>
    <row r="18350" spans="1:5" ht="409.5" x14ac:dyDescent="0.25">
      <c r="A18350" s="4" t="s">
        <v>64277</v>
      </c>
      <c r="B18350" s="1" t="s">
        <v>38238</v>
      </c>
      <c r="C18350" s="1" t="s">
        <v>38239</v>
      </c>
      <c r="D18350" s="2">
        <v>171178</v>
      </c>
      <c r="E18350" s="1" t="s">
        <v>0</v>
      </c>
    </row>
    <row r="18351" spans="1:5" x14ac:dyDescent="0.25">
      <c r="A18351" s="1" t="s">
        <v>38240</v>
      </c>
      <c r="B18351" s="1" t="s">
        <v>10285</v>
      </c>
      <c r="C18351" s="1" t="s">
        <v>38241</v>
      </c>
      <c r="D18351" s="2">
        <v>171179</v>
      </c>
      <c r="E18351" s="1" t="s">
        <v>0</v>
      </c>
    </row>
    <row r="18352" spans="1:5" x14ac:dyDescent="0.25">
      <c r="A18352" s="2">
        <v>3670</v>
      </c>
      <c r="B18352" s="2">
        <v>3670</v>
      </c>
      <c r="C18352" s="1" t="s">
        <v>0</v>
      </c>
      <c r="D18352" s="2">
        <v>171180</v>
      </c>
      <c r="E18352" s="1" t="s">
        <v>0</v>
      </c>
    </row>
    <row r="18353" spans="1:5" x14ac:dyDescent="0.25">
      <c r="A18353" s="1" t="s">
        <v>3336</v>
      </c>
      <c r="B18353" s="1" t="s">
        <v>10286</v>
      </c>
      <c r="C18353" s="1" t="s">
        <v>38242</v>
      </c>
      <c r="D18353" s="2">
        <v>171181</v>
      </c>
      <c r="E18353" s="1" t="s">
        <v>0</v>
      </c>
    </row>
    <row r="18354" spans="1:5" x14ac:dyDescent="0.25">
      <c r="A18354" s="1" t="s">
        <v>38243</v>
      </c>
      <c r="B18354" s="1" t="s">
        <v>10287</v>
      </c>
      <c r="C18354" s="1" t="s">
        <v>38244</v>
      </c>
      <c r="D18354" s="2">
        <v>171182</v>
      </c>
      <c r="E18354" s="1" t="s">
        <v>0</v>
      </c>
    </row>
    <row r="18355" spans="1:5" ht="409.5" x14ac:dyDescent="0.25">
      <c r="A18355" s="4" t="s">
        <v>38245</v>
      </c>
      <c r="B18355" s="1" t="s">
        <v>63460</v>
      </c>
      <c r="C18355" s="1" t="s">
        <v>38246</v>
      </c>
      <c r="D18355" s="2">
        <v>171183</v>
      </c>
      <c r="E18355" s="1" t="s">
        <v>0</v>
      </c>
    </row>
    <row r="18356" spans="1:5" x14ac:dyDescent="0.25">
      <c r="A18356" s="1" t="s">
        <v>28111</v>
      </c>
      <c r="B18356" s="1" t="s">
        <v>57209</v>
      </c>
      <c r="C18356" s="1" t="s">
        <v>28112</v>
      </c>
      <c r="D18356" s="2">
        <v>171184</v>
      </c>
      <c r="E18356" s="1" t="s">
        <v>0</v>
      </c>
    </row>
    <row r="18357" spans="1:5" x14ac:dyDescent="0.25">
      <c r="A18357" s="2">
        <v>3671</v>
      </c>
      <c r="B18357" s="2">
        <v>3671</v>
      </c>
      <c r="C18357" s="1" t="s">
        <v>0</v>
      </c>
      <c r="D18357" s="2">
        <v>171185</v>
      </c>
      <c r="E18357" s="1" t="s">
        <v>0</v>
      </c>
    </row>
    <row r="18358" spans="1:5" x14ac:dyDescent="0.25">
      <c r="A18358" s="1" t="s">
        <v>3337</v>
      </c>
      <c r="B18358" s="1" t="s">
        <v>10288</v>
      </c>
      <c r="C18358" s="1" t="s">
        <v>38247</v>
      </c>
      <c r="D18358" s="2">
        <v>171186</v>
      </c>
      <c r="E18358" s="1" t="s">
        <v>0</v>
      </c>
    </row>
    <row r="18359" spans="1:5" x14ac:dyDescent="0.25">
      <c r="A18359" s="1" t="s">
        <v>38248</v>
      </c>
      <c r="B18359" s="1" t="s">
        <v>55042</v>
      </c>
      <c r="C18359" s="1" t="s">
        <v>38249</v>
      </c>
      <c r="D18359" s="2">
        <v>171187</v>
      </c>
      <c r="E18359" s="1" t="s">
        <v>0</v>
      </c>
    </row>
    <row r="18360" spans="1:5" ht="409.5" x14ac:dyDescent="0.25">
      <c r="A18360" s="4" t="s">
        <v>64278</v>
      </c>
      <c r="B18360" s="1" t="s">
        <v>55043</v>
      </c>
      <c r="C18360" s="1" t="s">
        <v>38250</v>
      </c>
      <c r="D18360" s="2">
        <v>171188</v>
      </c>
      <c r="E18360" s="1" t="s">
        <v>0</v>
      </c>
    </row>
    <row r="18361" spans="1:5" x14ac:dyDescent="0.25">
      <c r="A18361" s="1" t="s">
        <v>38251</v>
      </c>
      <c r="B18361" s="1" t="s">
        <v>55044</v>
      </c>
      <c r="C18361" s="1" t="s">
        <v>38252</v>
      </c>
      <c r="D18361" s="2">
        <v>171189</v>
      </c>
      <c r="E18361" s="1" t="s">
        <v>0</v>
      </c>
    </row>
    <row r="18362" spans="1:5" x14ac:dyDescent="0.25">
      <c r="A18362" s="2">
        <v>3672</v>
      </c>
      <c r="B18362" s="2">
        <v>3672</v>
      </c>
      <c r="C18362" s="1" t="s">
        <v>0</v>
      </c>
      <c r="D18362" s="2">
        <v>171190</v>
      </c>
      <c r="E18362" s="1" t="s">
        <v>0</v>
      </c>
    </row>
    <row r="18363" spans="1:5" x14ac:dyDescent="0.25">
      <c r="A18363" s="1" t="s">
        <v>3338</v>
      </c>
      <c r="B18363" s="1" t="s">
        <v>50914</v>
      </c>
      <c r="C18363" s="1" t="s">
        <v>38253</v>
      </c>
      <c r="D18363" s="2">
        <v>171191</v>
      </c>
      <c r="E18363" s="1" t="s">
        <v>0</v>
      </c>
    </row>
    <row r="18364" spans="1:5" x14ac:dyDescent="0.25">
      <c r="A18364" s="1" t="s">
        <v>38254</v>
      </c>
      <c r="B18364" s="1" t="s">
        <v>61263</v>
      </c>
      <c r="C18364" s="1" t="s">
        <v>38255</v>
      </c>
      <c r="D18364" s="2">
        <v>171192</v>
      </c>
      <c r="E18364" s="1" t="s">
        <v>0</v>
      </c>
    </row>
    <row r="18365" spans="1:5" ht="409.5" x14ac:dyDescent="0.25">
      <c r="A18365" s="4" t="s">
        <v>38256</v>
      </c>
      <c r="B18365" s="1" t="s">
        <v>61264</v>
      </c>
      <c r="C18365" s="1" t="s">
        <v>38257</v>
      </c>
      <c r="D18365" s="2">
        <v>171193</v>
      </c>
      <c r="E18365" s="1" t="s">
        <v>0</v>
      </c>
    </row>
    <row r="18366" spans="1:5" x14ac:dyDescent="0.25">
      <c r="A18366" s="1" t="s">
        <v>38258</v>
      </c>
      <c r="B18366" s="1" t="s">
        <v>10289</v>
      </c>
      <c r="C18366" s="1" t="s">
        <v>38259</v>
      </c>
      <c r="D18366" s="2">
        <v>171194</v>
      </c>
      <c r="E18366" s="1" t="s">
        <v>0</v>
      </c>
    </row>
    <row r="18367" spans="1:5" x14ac:dyDescent="0.25">
      <c r="A18367" s="2">
        <v>3673</v>
      </c>
      <c r="B18367" s="2">
        <v>3673</v>
      </c>
      <c r="C18367" s="1" t="s">
        <v>0</v>
      </c>
      <c r="D18367" s="2">
        <v>171195</v>
      </c>
      <c r="E18367" s="1" t="s">
        <v>0</v>
      </c>
    </row>
    <row r="18368" spans="1:5" x14ac:dyDescent="0.25">
      <c r="A18368" s="1" t="s">
        <v>3339</v>
      </c>
      <c r="B18368" s="1" t="s">
        <v>50915</v>
      </c>
      <c r="C18368" s="1" t="s">
        <v>38260</v>
      </c>
      <c r="D18368" s="2">
        <v>171196</v>
      </c>
      <c r="E18368" s="1" t="s">
        <v>0</v>
      </c>
    </row>
    <row r="18369" spans="1:5" x14ac:dyDescent="0.25">
      <c r="A18369" s="1" t="s">
        <v>38261</v>
      </c>
      <c r="B18369" s="1" t="s">
        <v>63787</v>
      </c>
      <c r="C18369" s="1" t="s">
        <v>38262</v>
      </c>
      <c r="D18369" s="2">
        <v>171197</v>
      </c>
      <c r="E18369" s="1" t="s">
        <v>0</v>
      </c>
    </row>
    <row r="18370" spans="1:5" ht="409.5" x14ac:dyDescent="0.25">
      <c r="A18370" s="4" t="s">
        <v>38263</v>
      </c>
      <c r="B18370" s="1" t="s">
        <v>63788</v>
      </c>
      <c r="C18370" s="1" t="s">
        <v>38264</v>
      </c>
      <c r="D18370" s="2">
        <v>171198</v>
      </c>
      <c r="E18370" s="1" t="s">
        <v>0</v>
      </c>
    </row>
    <row r="18371" spans="1:5" x14ac:dyDescent="0.25">
      <c r="A18371" s="1" t="s">
        <v>38265</v>
      </c>
      <c r="B18371" s="1" t="s">
        <v>57294</v>
      </c>
      <c r="C18371" s="1" t="s">
        <v>38266</v>
      </c>
      <c r="D18371" s="2">
        <v>171199</v>
      </c>
      <c r="E18371" s="1" t="s">
        <v>0</v>
      </c>
    </row>
    <row r="18372" spans="1:5" x14ac:dyDescent="0.25">
      <c r="A18372" s="2">
        <v>3674</v>
      </c>
      <c r="B18372" s="2">
        <v>3674</v>
      </c>
      <c r="C18372" s="1" t="s">
        <v>0</v>
      </c>
      <c r="D18372" s="2">
        <v>171200</v>
      </c>
      <c r="E18372" s="1" t="s">
        <v>0</v>
      </c>
    </row>
    <row r="18373" spans="1:5" x14ac:dyDescent="0.25">
      <c r="A18373" s="1" t="s">
        <v>3340</v>
      </c>
      <c r="B18373" s="1" t="s">
        <v>60162</v>
      </c>
      <c r="C18373" s="1" t="s">
        <v>38267</v>
      </c>
      <c r="D18373" s="2">
        <v>171201</v>
      </c>
      <c r="E18373" s="1" t="s">
        <v>0</v>
      </c>
    </row>
    <row r="18374" spans="1:5" x14ac:dyDescent="0.25">
      <c r="A18374" s="1" t="s">
        <v>38268</v>
      </c>
      <c r="B18374" s="1" t="s">
        <v>10290</v>
      </c>
      <c r="C18374" s="1" t="s">
        <v>38269</v>
      </c>
      <c r="D18374" s="2">
        <v>171202</v>
      </c>
      <c r="E18374" s="1" t="s">
        <v>0</v>
      </c>
    </row>
    <row r="18375" spans="1:5" ht="409.5" x14ac:dyDescent="0.25">
      <c r="A18375" s="4" t="s">
        <v>38270</v>
      </c>
      <c r="B18375" s="1" t="s">
        <v>10291</v>
      </c>
      <c r="C18375" s="1" t="s">
        <v>38271</v>
      </c>
      <c r="D18375" s="2">
        <v>171203</v>
      </c>
      <c r="E18375" s="1" t="s">
        <v>0</v>
      </c>
    </row>
    <row r="18376" spans="1:5" x14ac:dyDescent="0.25">
      <c r="A18376" s="1" t="s">
        <v>38272</v>
      </c>
      <c r="B18376" s="1" t="s">
        <v>10292</v>
      </c>
      <c r="C18376" s="1" t="s">
        <v>38273</v>
      </c>
      <c r="D18376" s="2">
        <v>171204</v>
      </c>
      <c r="E18376" s="1" t="s">
        <v>0</v>
      </c>
    </row>
    <row r="18377" spans="1:5" x14ac:dyDescent="0.25">
      <c r="A18377" s="2">
        <v>3675</v>
      </c>
      <c r="B18377" s="2">
        <v>3675</v>
      </c>
      <c r="C18377" s="1" t="s">
        <v>0</v>
      </c>
      <c r="D18377" s="2">
        <v>171205</v>
      </c>
      <c r="E18377" s="1" t="s">
        <v>0</v>
      </c>
    </row>
    <row r="18378" spans="1:5" x14ac:dyDescent="0.25">
      <c r="A18378" s="1" t="s">
        <v>3341</v>
      </c>
      <c r="B18378" s="1" t="s">
        <v>10293</v>
      </c>
      <c r="C18378" s="1" t="s">
        <v>38274</v>
      </c>
      <c r="D18378" s="2">
        <v>171206</v>
      </c>
      <c r="E18378" s="1" t="s">
        <v>0</v>
      </c>
    </row>
    <row r="18379" spans="1:5" x14ac:dyDescent="0.25">
      <c r="A18379" s="1" t="s">
        <v>38275</v>
      </c>
      <c r="B18379" s="1" t="s">
        <v>50916</v>
      </c>
      <c r="C18379" s="1" t="s">
        <v>38276</v>
      </c>
      <c r="D18379" s="2">
        <v>171207</v>
      </c>
      <c r="E18379" s="1" t="s">
        <v>0</v>
      </c>
    </row>
    <row r="18380" spans="1:5" ht="409.5" x14ac:dyDescent="0.25">
      <c r="A18380" s="4" t="s">
        <v>38277</v>
      </c>
      <c r="B18380" s="1" t="s">
        <v>50917</v>
      </c>
      <c r="C18380" s="1" t="s">
        <v>38278</v>
      </c>
      <c r="D18380" s="2">
        <v>171208</v>
      </c>
      <c r="E18380" s="1" t="s">
        <v>0</v>
      </c>
    </row>
    <row r="18381" spans="1:5" x14ac:dyDescent="0.25">
      <c r="A18381" s="1" t="s">
        <v>38279</v>
      </c>
      <c r="B18381" s="1" t="s">
        <v>55045</v>
      </c>
      <c r="C18381" s="1" t="s">
        <v>38280</v>
      </c>
      <c r="D18381" s="2">
        <v>171209</v>
      </c>
      <c r="E18381" s="1" t="s">
        <v>0</v>
      </c>
    </row>
    <row r="18382" spans="1:5" x14ac:dyDescent="0.25">
      <c r="A18382" s="2">
        <v>3676</v>
      </c>
      <c r="B18382" s="2">
        <v>3676</v>
      </c>
      <c r="C18382" s="1" t="s">
        <v>0</v>
      </c>
      <c r="D18382" s="2">
        <v>171210</v>
      </c>
      <c r="E18382" s="1" t="s">
        <v>0</v>
      </c>
    </row>
    <row r="18383" spans="1:5" x14ac:dyDescent="0.25">
      <c r="A18383" s="1" t="s">
        <v>13225</v>
      </c>
      <c r="B18383" s="1" t="s">
        <v>10294</v>
      </c>
      <c r="C18383" s="1" t="s">
        <v>38281</v>
      </c>
      <c r="D18383" s="2">
        <v>171211</v>
      </c>
      <c r="E18383" s="1" t="s">
        <v>0</v>
      </c>
    </row>
    <row r="18384" spans="1:5" x14ac:dyDescent="0.25">
      <c r="A18384" s="1" t="s">
        <v>38282</v>
      </c>
      <c r="B18384" s="1" t="s">
        <v>55046</v>
      </c>
      <c r="C18384" s="1" t="s">
        <v>38283</v>
      </c>
      <c r="D18384" s="2">
        <v>171212</v>
      </c>
      <c r="E18384" s="1" t="s">
        <v>0</v>
      </c>
    </row>
    <row r="18385" spans="1:5" ht="409.5" x14ac:dyDescent="0.25">
      <c r="A18385" s="4" t="s">
        <v>38284</v>
      </c>
      <c r="B18385" s="1" t="s">
        <v>55047</v>
      </c>
      <c r="C18385" s="1" t="s">
        <v>38285</v>
      </c>
      <c r="D18385" s="2">
        <v>171213</v>
      </c>
      <c r="E18385" s="1" t="s">
        <v>0</v>
      </c>
    </row>
    <row r="18386" spans="1:5" x14ac:dyDescent="0.25">
      <c r="A18386" s="1" t="s">
        <v>38286</v>
      </c>
      <c r="B18386" s="1" t="s">
        <v>57295</v>
      </c>
      <c r="C18386" s="1" t="s">
        <v>38287</v>
      </c>
      <c r="D18386" s="2">
        <v>171214</v>
      </c>
      <c r="E18386" s="1" t="s">
        <v>0</v>
      </c>
    </row>
    <row r="18387" spans="1:5" x14ac:dyDescent="0.25">
      <c r="A18387" s="2">
        <v>3677</v>
      </c>
      <c r="B18387" s="2">
        <v>3677</v>
      </c>
      <c r="C18387" s="1" t="s">
        <v>0</v>
      </c>
      <c r="D18387" s="2">
        <v>171215</v>
      </c>
      <c r="E18387" s="1" t="s">
        <v>0</v>
      </c>
    </row>
    <row r="18388" spans="1:5" x14ac:dyDescent="0.25">
      <c r="A18388" s="1" t="s">
        <v>3342</v>
      </c>
      <c r="B18388" s="1" t="s">
        <v>10295</v>
      </c>
      <c r="C18388" s="1" t="s">
        <v>38288</v>
      </c>
      <c r="D18388" s="2">
        <v>171216</v>
      </c>
      <c r="E18388" s="1" t="s">
        <v>0</v>
      </c>
    </row>
    <row r="18389" spans="1:5" x14ac:dyDescent="0.25">
      <c r="A18389" s="1" t="s">
        <v>38289</v>
      </c>
      <c r="B18389" s="1" t="s">
        <v>50918</v>
      </c>
      <c r="C18389" s="1" t="s">
        <v>38290</v>
      </c>
      <c r="D18389" s="2">
        <v>171217</v>
      </c>
      <c r="E18389" s="1" t="s">
        <v>0</v>
      </c>
    </row>
    <row r="18390" spans="1:5" ht="409.5" x14ac:dyDescent="0.25">
      <c r="A18390" s="4" t="s">
        <v>38291</v>
      </c>
      <c r="B18390" s="1" t="s">
        <v>50919</v>
      </c>
      <c r="C18390" s="1" t="s">
        <v>38292</v>
      </c>
      <c r="D18390" s="2">
        <v>171218</v>
      </c>
      <c r="E18390" s="1" t="s">
        <v>0</v>
      </c>
    </row>
    <row r="18391" spans="1:5" x14ac:dyDescent="0.25">
      <c r="A18391" s="1" t="s">
        <v>38293</v>
      </c>
      <c r="B18391" s="1" t="s">
        <v>61265</v>
      </c>
      <c r="C18391" s="1" t="s">
        <v>38294</v>
      </c>
      <c r="D18391" s="2">
        <v>171219</v>
      </c>
      <c r="E18391" s="1" t="s">
        <v>0</v>
      </c>
    </row>
    <row r="18392" spans="1:5" x14ac:dyDescent="0.25">
      <c r="A18392" s="2">
        <v>3678</v>
      </c>
      <c r="B18392" s="2">
        <v>3678</v>
      </c>
      <c r="C18392" s="1" t="s">
        <v>0</v>
      </c>
      <c r="D18392" s="2">
        <v>171220</v>
      </c>
      <c r="E18392" s="1" t="s">
        <v>0</v>
      </c>
    </row>
    <row r="18393" spans="1:5" x14ac:dyDescent="0.25">
      <c r="A18393" s="1" t="s">
        <v>3343</v>
      </c>
      <c r="B18393" s="1" t="s">
        <v>10296</v>
      </c>
      <c r="C18393" s="1" t="s">
        <v>38295</v>
      </c>
      <c r="D18393" s="2">
        <v>171221</v>
      </c>
      <c r="E18393" s="1" t="s">
        <v>0</v>
      </c>
    </row>
    <row r="18394" spans="1:5" x14ac:dyDescent="0.25">
      <c r="A18394" s="1" t="s">
        <v>38296</v>
      </c>
      <c r="B18394" s="1" t="s">
        <v>55048</v>
      </c>
      <c r="C18394" s="1" t="s">
        <v>38297</v>
      </c>
      <c r="D18394" s="2">
        <v>171222</v>
      </c>
      <c r="E18394" s="1" t="s">
        <v>0</v>
      </c>
    </row>
    <row r="18395" spans="1:5" ht="409.5" x14ac:dyDescent="0.25">
      <c r="A18395" s="4" t="s">
        <v>38298</v>
      </c>
      <c r="B18395" s="1" t="s">
        <v>55049</v>
      </c>
      <c r="C18395" s="1" t="s">
        <v>38299</v>
      </c>
      <c r="D18395" s="2">
        <v>171223</v>
      </c>
      <c r="E18395" s="1" t="s">
        <v>0</v>
      </c>
    </row>
    <row r="18396" spans="1:5" x14ac:dyDescent="0.25">
      <c r="A18396" s="1" t="s">
        <v>38300</v>
      </c>
      <c r="B18396" s="1" t="s">
        <v>55050</v>
      </c>
      <c r="C18396" s="1" t="s">
        <v>38301</v>
      </c>
      <c r="D18396" s="2">
        <v>171224</v>
      </c>
      <c r="E18396" s="1" t="s">
        <v>0</v>
      </c>
    </row>
    <row r="18397" spans="1:5" x14ac:dyDescent="0.25">
      <c r="A18397" s="2">
        <v>3679</v>
      </c>
      <c r="B18397" s="2">
        <v>3679</v>
      </c>
      <c r="C18397" s="1" t="s">
        <v>0</v>
      </c>
      <c r="D18397" s="2">
        <v>171225</v>
      </c>
      <c r="E18397" s="1" t="s">
        <v>0</v>
      </c>
    </row>
    <row r="18398" spans="1:5" x14ac:dyDescent="0.25">
      <c r="A18398" s="1" t="s">
        <v>13226</v>
      </c>
      <c r="B18398" s="1" t="s">
        <v>10297</v>
      </c>
      <c r="C18398" s="1" t="s">
        <v>38302</v>
      </c>
      <c r="D18398" s="2">
        <v>171226</v>
      </c>
      <c r="E18398" s="1" t="s">
        <v>0</v>
      </c>
    </row>
    <row r="18399" spans="1:5" x14ac:dyDescent="0.25">
      <c r="A18399" s="1" t="s">
        <v>38303</v>
      </c>
      <c r="B18399" s="1" t="s">
        <v>62758</v>
      </c>
      <c r="C18399" s="1" t="s">
        <v>38304</v>
      </c>
      <c r="D18399" s="2">
        <v>171227</v>
      </c>
      <c r="E18399" s="1" t="s">
        <v>0</v>
      </c>
    </row>
    <row r="18400" spans="1:5" ht="409.5" x14ac:dyDescent="0.25">
      <c r="A18400" s="4" t="s">
        <v>61856</v>
      </c>
      <c r="B18400" s="1" t="s">
        <v>62759</v>
      </c>
      <c r="C18400" s="1" t="s">
        <v>38305</v>
      </c>
      <c r="D18400" s="2">
        <v>171228</v>
      </c>
      <c r="E18400" s="1" t="s">
        <v>0</v>
      </c>
    </row>
    <row r="18401" spans="1:5" x14ac:dyDescent="0.25">
      <c r="A18401" s="1" t="s">
        <v>38306</v>
      </c>
      <c r="B18401" s="1" t="s">
        <v>55051</v>
      </c>
      <c r="C18401" s="1" t="s">
        <v>38307</v>
      </c>
      <c r="D18401" s="2">
        <v>171229</v>
      </c>
      <c r="E18401" s="1" t="s">
        <v>0</v>
      </c>
    </row>
    <row r="18402" spans="1:5" x14ac:dyDescent="0.25">
      <c r="A18402" s="2">
        <v>3680</v>
      </c>
      <c r="B18402" s="2">
        <v>3680</v>
      </c>
      <c r="C18402" s="1" t="s">
        <v>0</v>
      </c>
      <c r="D18402" s="2">
        <v>171230</v>
      </c>
      <c r="E18402" s="1" t="s">
        <v>0</v>
      </c>
    </row>
    <row r="18403" spans="1:5" x14ac:dyDescent="0.25">
      <c r="A18403" s="1" t="s">
        <v>3344</v>
      </c>
      <c r="B18403" s="1" t="s">
        <v>10298</v>
      </c>
      <c r="C18403" s="1" t="s">
        <v>38308</v>
      </c>
      <c r="D18403" s="2">
        <v>171231</v>
      </c>
      <c r="E18403" s="1" t="s">
        <v>0</v>
      </c>
    </row>
    <row r="18404" spans="1:5" x14ac:dyDescent="0.25">
      <c r="A18404" s="1" t="s">
        <v>38309</v>
      </c>
      <c r="B18404" s="1" t="s">
        <v>55052</v>
      </c>
      <c r="C18404" s="1" t="s">
        <v>38310</v>
      </c>
      <c r="D18404" s="2">
        <v>171232</v>
      </c>
      <c r="E18404" s="1" t="s">
        <v>0</v>
      </c>
    </row>
    <row r="18405" spans="1:5" ht="409.5" x14ac:dyDescent="0.25">
      <c r="A18405" s="4" t="s">
        <v>38311</v>
      </c>
      <c r="B18405" s="1" t="s">
        <v>57942</v>
      </c>
      <c r="C18405" s="1" t="s">
        <v>38312</v>
      </c>
      <c r="D18405" s="2">
        <v>171233</v>
      </c>
      <c r="E18405" s="1" t="s">
        <v>0</v>
      </c>
    </row>
    <row r="18406" spans="1:5" x14ac:dyDescent="0.25">
      <c r="A18406" s="1" t="s">
        <v>18619</v>
      </c>
      <c r="B18406" s="1" t="s">
        <v>60942</v>
      </c>
      <c r="C18406" s="1" t="s">
        <v>18620</v>
      </c>
      <c r="D18406" s="2">
        <v>171234</v>
      </c>
      <c r="E18406" s="1" t="s">
        <v>0</v>
      </c>
    </row>
    <row r="18407" spans="1:5" x14ac:dyDescent="0.25">
      <c r="A18407" s="2">
        <v>3681</v>
      </c>
      <c r="B18407" s="2">
        <v>3681</v>
      </c>
      <c r="C18407" s="1" t="s">
        <v>0</v>
      </c>
      <c r="D18407" s="2">
        <v>171235</v>
      </c>
      <c r="E18407" s="1" t="s">
        <v>0</v>
      </c>
    </row>
    <row r="18408" spans="1:5" x14ac:dyDescent="0.25">
      <c r="A18408" s="1" t="s">
        <v>3345</v>
      </c>
      <c r="B18408" s="1" t="s">
        <v>10299</v>
      </c>
      <c r="C18408" s="1" t="s">
        <v>38313</v>
      </c>
      <c r="D18408" s="2">
        <v>171236</v>
      </c>
      <c r="E18408" s="1" t="s">
        <v>0</v>
      </c>
    </row>
    <row r="18409" spans="1:5" x14ac:dyDescent="0.25">
      <c r="A18409" s="1" t="s">
        <v>38314</v>
      </c>
      <c r="B18409" s="1" t="s">
        <v>57590</v>
      </c>
      <c r="C18409" s="1" t="s">
        <v>38315</v>
      </c>
      <c r="D18409" s="2">
        <v>171237</v>
      </c>
      <c r="E18409" s="1" t="s">
        <v>0</v>
      </c>
    </row>
    <row r="18410" spans="1:5" ht="409.5" x14ac:dyDescent="0.25">
      <c r="A18410" s="4" t="s">
        <v>38316</v>
      </c>
      <c r="B18410" s="1" t="s">
        <v>60163</v>
      </c>
      <c r="C18410" s="1" t="s">
        <v>38317</v>
      </c>
      <c r="D18410" s="2">
        <v>171238</v>
      </c>
      <c r="E18410" s="1" t="s">
        <v>0</v>
      </c>
    </row>
    <row r="18411" spans="1:5" x14ac:dyDescent="0.25">
      <c r="A18411" s="1" t="s">
        <v>38318</v>
      </c>
      <c r="B18411" s="1" t="s">
        <v>55053</v>
      </c>
      <c r="C18411" s="1" t="s">
        <v>38319</v>
      </c>
      <c r="D18411" s="2">
        <v>171239</v>
      </c>
      <c r="E18411" s="1" t="s">
        <v>0</v>
      </c>
    </row>
    <row r="18412" spans="1:5" x14ac:dyDescent="0.25">
      <c r="A18412" s="2">
        <v>3682</v>
      </c>
      <c r="B18412" s="2">
        <v>3682</v>
      </c>
      <c r="C18412" s="1" t="s">
        <v>0</v>
      </c>
      <c r="D18412" s="2">
        <v>171240</v>
      </c>
      <c r="E18412" s="1" t="s">
        <v>0</v>
      </c>
    </row>
    <row r="18413" spans="1:5" x14ac:dyDescent="0.25">
      <c r="A18413" s="1" t="s">
        <v>13227</v>
      </c>
      <c r="B18413" s="1" t="s">
        <v>13228</v>
      </c>
      <c r="C18413" s="1" t="s">
        <v>38320</v>
      </c>
      <c r="D18413" s="2">
        <v>171241</v>
      </c>
      <c r="E18413" s="1" t="s">
        <v>0</v>
      </c>
    </row>
    <row r="18414" spans="1:5" x14ac:dyDescent="0.25">
      <c r="A18414" s="1" t="s">
        <v>38321</v>
      </c>
      <c r="B18414" s="1" t="s">
        <v>13229</v>
      </c>
      <c r="C18414" s="1" t="s">
        <v>38322</v>
      </c>
      <c r="D18414" s="2">
        <v>171242</v>
      </c>
      <c r="E18414" s="1" t="s">
        <v>0</v>
      </c>
    </row>
    <row r="18415" spans="1:5" ht="409.5" x14ac:dyDescent="0.25">
      <c r="A18415" s="4" t="s">
        <v>38323</v>
      </c>
      <c r="B18415" s="1" t="s">
        <v>55054</v>
      </c>
      <c r="C18415" s="1" t="s">
        <v>38324</v>
      </c>
      <c r="D18415" s="2">
        <v>171243</v>
      </c>
      <c r="E18415" s="1" t="s">
        <v>0</v>
      </c>
    </row>
    <row r="18416" spans="1:5" x14ac:dyDescent="0.25">
      <c r="A18416" s="1" t="s">
        <v>38325</v>
      </c>
      <c r="B18416" s="1" t="s">
        <v>10300</v>
      </c>
      <c r="C18416" s="1" t="s">
        <v>38326</v>
      </c>
      <c r="D18416" s="2">
        <v>171244</v>
      </c>
      <c r="E18416" s="1" t="s">
        <v>0</v>
      </c>
    </row>
    <row r="18417" spans="1:5" x14ac:dyDescent="0.25">
      <c r="A18417" s="2">
        <v>3683</v>
      </c>
      <c r="B18417" s="2">
        <v>3683</v>
      </c>
      <c r="C18417" s="1" t="s">
        <v>0</v>
      </c>
      <c r="D18417" s="2">
        <v>171245</v>
      </c>
      <c r="E18417" s="1" t="s">
        <v>0</v>
      </c>
    </row>
    <row r="18418" spans="1:5" x14ac:dyDescent="0.25">
      <c r="A18418" s="1" t="s">
        <v>3346</v>
      </c>
      <c r="B18418" s="1" t="s">
        <v>50920</v>
      </c>
      <c r="C18418" s="1" t="s">
        <v>38327</v>
      </c>
      <c r="D18418" s="2">
        <v>171246</v>
      </c>
      <c r="E18418" s="1" t="s">
        <v>0</v>
      </c>
    </row>
    <row r="18419" spans="1:5" x14ac:dyDescent="0.25">
      <c r="A18419" s="1" t="s">
        <v>38328</v>
      </c>
      <c r="B18419" s="1" t="s">
        <v>60840</v>
      </c>
      <c r="C18419" s="1" t="s">
        <v>38329</v>
      </c>
      <c r="D18419" s="2">
        <v>171247</v>
      </c>
      <c r="E18419" s="1" t="s">
        <v>0</v>
      </c>
    </row>
    <row r="18420" spans="1:5" ht="409.5" x14ac:dyDescent="0.25">
      <c r="A18420" s="4" t="s">
        <v>38330</v>
      </c>
      <c r="B18420" s="1" t="s">
        <v>60841</v>
      </c>
      <c r="C18420" s="1" t="s">
        <v>38331</v>
      </c>
      <c r="D18420" s="2">
        <v>171248</v>
      </c>
      <c r="E18420" s="1" t="s">
        <v>0</v>
      </c>
    </row>
    <row r="18421" spans="1:5" x14ac:dyDescent="0.25">
      <c r="A18421" s="1" t="s">
        <v>38332</v>
      </c>
      <c r="B18421" s="1" t="s">
        <v>55055</v>
      </c>
      <c r="C18421" s="1" t="s">
        <v>38333</v>
      </c>
      <c r="D18421" s="2">
        <v>171249</v>
      </c>
      <c r="E18421" s="1" t="s">
        <v>0</v>
      </c>
    </row>
    <row r="18422" spans="1:5" x14ac:dyDescent="0.25">
      <c r="A18422" s="2">
        <v>3684</v>
      </c>
      <c r="B18422" s="2">
        <v>3684</v>
      </c>
      <c r="C18422" s="1" t="s">
        <v>0</v>
      </c>
      <c r="D18422" s="2">
        <v>171250</v>
      </c>
      <c r="E18422" s="1" t="s">
        <v>0</v>
      </c>
    </row>
    <row r="18423" spans="1:5" x14ac:dyDescent="0.25">
      <c r="A18423" s="1" t="s">
        <v>3347</v>
      </c>
      <c r="B18423" s="1" t="s">
        <v>10301</v>
      </c>
      <c r="C18423" s="1" t="s">
        <v>38334</v>
      </c>
      <c r="D18423" s="2">
        <v>171251</v>
      </c>
      <c r="E18423" s="1" t="s">
        <v>0</v>
      </c>
    </row>
    <row r="18424" spans="1:5" x14ac:dyDescent="0.25">
      <c r="A18424" s="1" t="s">
        <v>38335</v>
      </c>
      <c r="B18424" s="1" t="s">
        <v>10302</v>
      </c>
      <c r="C18424" s="1" t="s">
        <v>38336</v>
      </c>
      <c r="D18424" s="2">
        <v>171252</v>
      </c>
      <c r="E18424" s="1" t="s">
        <v>0</v>
      </c>
    </row>
    <row r="18425" spans="1:5" ht="409.5" x14ac:dyDescent="0.25">
      <c r="A18425" s="4" t="s">
        <v>38337</v>
      </c>
      <c r="B18425" s="1" t="s">
        <v>38338</v>
      </c>
      <c r="C18425" s="1" t="s">
        <v>38339</v>
      </c>
      <c r="D18425" s="2">
        <v>171253</v>
      </c>
      <c r="E18425" s="1" t="s">
        <v>0</v>
      </c>
    </row>
    <row r="18426" spans="1:5" x14ac:dyDescent="0.25">
      <c r="A18426" s="1" t="s">
        <v>38340</v>
      </c>
      <c r="B18426" s="1" t="s">
        <v>10303</v>
      </c>
      <c r="C18426" s="1" t="s">
        <v>38341</v>
      </c>
      <c r="D18426" s="2">
        <v>171254</v>
      </c>
      <c r="E18426" s="1" t="s">
        <v>0</v>
      </c>
    </row>
    <row r="18427" spans="1:5" x14ac:dyDescent="0.25">
      <c r="A18427" s="2">
        <v>3685</v>
      </c>
      <c r="B18427" s="2">
        <v>3685</v>
      </c>
      <c r="C18427" s="1" t="s">
        <v>0</v>
      </c>
      <c r="D18427" s="2">
        <v>171255</v>
      </c>
      <c r="E18427" s="1" t="s">
        <v>0</v>
      </c>
    </row>
    <row r="18428" spans="1:5" x14ac:dyDescent="0.25">
      <c r="A18428" s="1" t="s">
        <v>3348</v>
      </c>
      <c r="B18428" s="1" t="s">
        <v>55056</v>
      </c>
      <c r="C18428" s="1" t="s">
        <v>38342</v>
      </c>
      <c r="D18428" s="2">
        <v>171256</v>
      </c>
      <c r="E18428" s="1" t="s">
        <v>0</v>
      </c>
    </row>
    <row r="18429" spans="1:5" x14ac:dyDescent="0.25">
      <c r="A18429" s="1" t="s">
        <v>38343</v>
      </c>
      <c r="B18429" s="1" t="s">
        <v>55057</v>
      </c>
      <c r="C18429" s="1" t="s">
        <v>38344</v>
      </c>
      <c r="D18429" s="2">
        <v>171257</v>
      </c>
      <c r="E18429" s="1" t="s">
        <v>0</v>
      </c>
    </row>
    <row r="18430" spans="1:5" ht="409.5" x14ac:dyDescent="0.25">
      <c r="A18430" s="4" t="s">
        <v>38345</v>
      </c>
      <c r="B18430" s="1" t="s">
        <v>55058</v>
      </c>
      <c r="C18430" s="1" t="s">
        <v>38346</v>
      </c>
      <c r="D18430" s="2">
        <v>171258</v>
      </c>
      <c r="E18430" s="1" t="s">
        <v>0</v>
      </c>
    </row>
    <row r="18431" spans="1:5" x14ac:dyDescent="0.25">
      <c r="A18431" s="1" t="s">
        <v>38347</v>
      </c>
      <c r="B18431" s="1" t="s">
        <v>55059</v>
      </c>
      <c r="C18431" s="1" t="s">
        <v>38348</v>
      </c>
      <c r="D18431" s="2">
        <v>171259</v>
      </c>
      <c r="E18431" s="1" t="s">
        <v>0</v>
      </c>
    </row>
    <row r="18432" spans="1:5" x14ac:dyDescent="0.25">
      <c r="A18432" s="2">
        <v>3686</v>
      </c>
      <c r="B18432" s="2">
        <v>3686</v>
      </c>
      <c r="C18432" s="1" t="s">
        <v>0</v>
      </c>
      <c r="D18432" s="2">
        <v>171260</v>
      </c>
      <c r="E18432" s="1" t="s">
        <v>0</v>
      </c>
    </row>
    <row r="18433" spans="1:5" x14ac:dyDescent="0.25">
      <c r="A18433" s="1" t="s">
        <v>3349</v>
      </c>
      <c r="B18433" s="1" t="s">
        <v>10304</v>
      </c>
      <c r="C18433" s="1" t="s">
        <v>38349</v>
      </c>
      <c r="D18433" s="2">
        <v>171261</v>
      </c>
      <c r="E18433" s="1" t="s">
        <v>0</v>
      </c>
    </row>
    <row r="18434" spans="1:5" x14ac:dyDescent="0.25">
      <c r="A18434" s="1" t="s">
        <v>38350</v>
      </c>
      <c r="B18434" s="1" t="s">
        <v>10305</v>
      </c>
      <c r="C18434" s="1" t="s">
        <v>38351</v>
      </c>
      <c r="D18434" s="2">
        <v>171262</v>
      </c>
      <c r="E18434" s="1" t="s">
        <v>0</v>
      </c>
    </row>
    <row r="18435" spans="1:5" x14ac:dyDescent="0.25">
      <c r="A18435" s="1" t="s">
        <v>38352</v>
      </c>
      <c r="B18435" s="1" t="s">
        <v>10306</v>
      </c>
      <c r="C18435" s="1" t="s">
        <v>38353</v>
      </c>
      <c r="D18435" s="2">
        <v>171263</v>
      </c>
      <c r="E18435" s="1" t="s">
        <v>0</v>
      </c>
    </row>
    <row r="18436" spans="1:5" x14ac:dyDescent="0.25">
      <c r="A18436" s="1" t="s">
        <v>38354</v>
      </c>
      <c r="B18436" s="1" t="s">
        <v>10307</v>
      </c>
      <c r="C18436" s="1" t="s">
        <v>38355</v>
      </c>
      <c r="D18436" s="2">
        <v>171264</v>
      </c>
      <c r="E18436" s="1" t="s">
        <v>0</v>
      </c>
    </row>
    <row r="18437" spans="1:5" x14ac:dyDescent="0.25">
      <c r="A18437" s="2">
        <v>3687</v>
      </c>
      <c r="B18437" s="2">
        <v>3687</v>
      </c>
      <c r="C18437" s="1" t="s">
        <v>0</v>
      </c>
      <c r="D18437" s="2">
        <v>171265</v>
      </c>
      <c r="E18437" s="1" t="s">
        <v>0</v>
      </c>
    </row>
    <row r="18438" spans="1:5" x14ac:dyDescent="0.25">
      <c r="A18438" s="1" t="s">
        <v>3350</v>
      </c>
      <c r="B18438" s="1" t="s">
        <v>10308</v>
      </c>
      <c r="C18438" s="1" t="s">
        <v>38356</v>
      </c>
      <c r="D18438" s="2">
        <v>171266</v>
      </c>
      <c r="E18438" s="1" t="s">
        <v>0</v>
      </c>
    </row>
    <row r="18439" spans="1:5" x14ac:dyDescent="0.25">
      <c r="A18439" s="1" t="s">
        <v>38357</v>
      </c>
      <c r="B18439" s="1" t="s">
        <v>55060</v>
      </c>
      <c r="C18439" s="1" t="s">
        <v>38358</v>
      </c>
      <c r="D18439" s="2">
        <v>171267</v>
      </c>
      <c r="E18439" s="1" t="s">
        <v>0</v>
      </c>
    </row>
    <row r="18440" spans="1:5" ht="409.5" x14ac:dyDescent="0.25">
      <c r="A18440" s="4" t="s">
        <v>38359</v>
      </c>
      <c r="B18440" s="1" t="s">
        <v>55061</v>
      </c>
      <c r="C18440" s="1" t="s">
        <v>38360</v>
      </c>
      <c r="D18440" s="2">
        <v>171268</v>
      </c>
      <c r="E18440" s="1" t="s">
        <v>0</v>
      </c>
    </row>
    <row r="18441" spans="1:5" x14ac:dyDescent="0.25">
      <c r="A18441" s="1" t="s">
        <v>38361</v>
      </c>
      <c r="B18441" s="1" t="s">
        <v>55062</v>
      </c>
      <c r="C18441" s="1" t="s">
        <v>38362</v>
      </c>
      <c r="D18441" s="2">
        <v>171269</v>
      </c>
      <c r="E18441" s="1" t="s">
        <v>0</v>
      </c>
    </row>
    <row r="18442" spans="1:5" x14ac:dyDescent="0.25">
      <c r="A18442" s="2">
        <v>3688</v>
      </c>
      <c r="B18442" s="2">
        <v>3688</v>
      </c>
      <c r="C18442" s="1" t="s">
        <v>0</v>
      </c>
      <c r="D18442" s="2">
        <v>171270</v>
      </c>
      <c r="E18442" s="1" t="s">
        <v>0</v>
      </c>
    </row>
    <row r="18443" spans="1:5" x14ac:dyDescent="0.25">
      <c r="A18443" s="1" t="s">
        <v>3351</v>
      </c>
      <c r="B18443" s="1" t="s">
        <v>55063</v>
      </c>
      <c r="C18443" s="1" t="s">
        <v>38363</v>
      </c>
      <c r="D18443" s="2">
        <v>171271</v>
      </c>
      <c r="E18443" s="1" t="s">
        <v>0</v>
      </c>
    </row>
    <row r="18444" spans="1:5" x14ac:dyDescent="0.25">
      <c r="A18444" s="1" t="s">
        <v>38364</v>
      </c>
      <c r="B18444" s="1" t="s">
        <v>55064</v>
      </c>
      <c r="C18444" s="1" t="s">
        <v>38365</v>
      </c>
      <c r="D18444" s="2">
        <v>171272</v>
      </c>
      <c r="E18444" s="1" t="s">
        <v>0</v>
      </c>
    </row>
    <row r="18445" spans="1:5" ht="409.5" x14ac:dyDescent="0.25">
      <c r="A18445" s="4" t="s">
        <v>38366</v>
      </c>
      <c r="B18445" s="1" t="s">
        <v>60640</v>
      </c>
      <c r="C18445" s="1" t="s">
        <v>38367</v>
      </c>
      <c r="D18445" s="2">
        <v>171273</v>
      </c>
      <c r="E18445" s="1" t="s">
        <v>0</v>
      </c>
    </row>
    <row r="18446" spans="1:5" x14ac:dyDescent="0.25">
      <c r="A18446" s="1" t="s">
        <v>15303</v>
      </c>
      <c r="B18446" s="1" t="s">
        <v>60888</v>
      </c>
      <c r="C18446" s="1" t="s">
        <v>15304</v>
      </c>
      <c r="D18446" s="2">
        <v>171274</v>
      </c>
      <c r="E18446" s="1" t="s">
        <v>0</v>
      </c>
    </row>
    <row r="18447" spans="1:5" x14ac:dyDescent="0.25">
      <c r="A18447" s="2">
        <v>3689</v>
      </c>
      <c r="B18447" s="2">
        <v>3689</v>
      </c>
      <c r="C18447" s="1" t="s">
        <v>0</v>
      </c>
      <c r="D18447" s="2">
        <v>171275</v>
      </c>
      <c r="E18447" s="1" t="s">
        <v>0</v>
      </c>
    </row>
    <row r="18448" spans="1:5" x14ac:dyDescent="0.25">
      <c r="A18448" s="1" t="s">
        <v>3352</v>
      </c>
      <c r="B18448" s="1" t="s">
        <v>60164</v>
      </c>
      <c r="C18448" s="1" t="s">
        <v>38368</v>
      </c>
      <c r="D18448" s="2">
        <v>171276</v>
      </c>
      <c r="E18448" s="1" t="s">
        <v>0</v>
      </c>
    </row>
    <row r="18449" spans="1:5" x14ac:dyDescent="0.25">
      <c r="A18449" s="1" t="s">
        <v>38369</v>
      </c>
      <c r="B18449" s="1" t="s">
        <v>10309</v>
      </c>
      <c r="C18449" s="1" t="s">
        <v>38370</v>
      </c>
      <c r="D18449" s="2">
        <v>171277</v>
      </c>
      <c r="E18449" s="1" t="s">
        <v>0</v>
      </c>
    </row>
    <row r="18450" spans="1:5" ht="409.5" x14ac:dyDescent="0.25">
      <c r="A18450" s="4" t="s">
        <v>38371</v>
      </c>
      <c r="B18450" s="1" t="s">
        <v>55065</v>
      </c>
      <c r="C18450" s="1" t="s">
        <v>38372</v>
      </c>
      <c r="D18450" s="2">
        <v>171278</v>
      </c>
      <c r="E18450" s="1" t="s">
        <v>0</v>
      </c>
    </row>
    <row r="18451" spans="1:5" x14ac:dyDescent="0.25">
      <c r="A18451" s="1" t="s">
        <v>38373</v>
      </c>
      <c r="B18451" s="1" t="s">
        <v>50921</v>
      </c>
      <c r="C18451" s="1" t="s">
        <v>38374</v>
      </c>
      <c r="D18451" s="2">
        <v>171279</v>
      </c>
      <c r="E18451" s="1" t="s">
        <v>0</v>
      </c>
    </row>
    <row r="18452" spans="1:5" x14ac:dyDescent="0.25">
      <c r="A18452" s="2">
        <v>3690</v>
      </c>
      <c r="B18452" s="2">
        <v>3690</v>
      </c>
      <c r="C18452" s="1" t="s">
        <v>0</v>
      </c>
      <c r="D18452" s="2">
        <v>171280</v>
      </c>
      <c r="E18452" s="1" t="s">
        <v>0</v>
      </c>
    </row>
    <row r="18453" spans="1:5" x14ac:dyDescent="0.25">
      <c r="A18453" s="1" t="s">
        <v>3353</v>
      </c>
      <c r="B18453" s="1" t="s">
        <v>10310</v>
      </c>
      <c r="C18453" s="1" t="s">
        <v>38375</v>
      </c>
      <c r="D18453" s="2">
        <v>171281</v>
      </c>
      <c r="E18453" s="1" t="s">
        <v>0</v>
      </c>
    </row>
    <row r="18454" spans="1:5" x14ac:dyDescent="0.25">
      <c r="A18454" s="1" t="s">
        <v>38376</v>
      </c>
      <c r="B18454" s="1" t="s">
        <v>55066</v>
      </c>
      <c r="C18454" s="1" t="s">
        <v>38377</v>
      </c>
      <c r="D18454" s="2">
        <v>171282</v>
      </c>
      <c r="E18454" s="1" t="s">
        <v>0</v>
      </c>
    </row>
    <row r="18455" spans="1:5" ht="409.5" x14ac:dyDescent="0.25">
      <c r="A18455" s="4" t="s">
        <v>38378</v>
      </c>
      <c r="B18455" s="1" t="s">
        <v>55067</v>
      </c>
      <c r="C18455" s="1" t="s">
        <v>38379</v>
      </c>
      <c r="D18455" s="2">
        <v>171283</v>
      </c>
      <c r="E18455" s="1" t="s">
        <v>0</v>
      </c>
    </row>
    <row r="18456" spans="1:5" x14ac:dyDescent="0.25">
      <c r="A18456" s="1" t="s">
        <v>38380</v>
      </c>
      <c r="B18456" s="1" t="s">
        <v>10311</v>
      </c>
      <c r="C18456" s="1" t="s">
        <v>38381</v>
      </c>
      <c r="D18456" s="2">
        <v>171284</v>
      </c>
      <c r="E18456" s="1" t="s">
        <v>0</v>
      </c>
    </row>
    <row r="18457" spans="1:5" x14ac:dyDescent="0.25">
      <c r="A18457" s="2">
        <v>3691</v>
      </c>
      <c r="B18457" s="2">
        <v>3691</v>
      </c>
      <c r="C18457" s="1" t="s">
        <v>0</v>
      </c>
      <c r="D18457" s="2">
        <v>171285</v>
      </c>
      <c r="E18457" s="1" t="s">
        <v>0</v>
      </c>
    </row>
    <row r="18458" spans="1:5" x14ac:dyDescent="0.25">
      <c r="A18458" s="1" t="s">
        <v>3354</v>
      </c>
      <c r="B18458" s="1" t="s">
        <v>10312</v>
      </c>
      <c r="C18458" s="1" t="s">
        <v>38382</v>
      </c>
      <c r="D18458" s="2">
        <v>171286</v>
      </c>
      <c r="E18458" s="1" t="s">
        <v>0</v>
      </c>
    </row>
    <row r="18459" spans="1:5" x14ac:dyDescent="0.25">
      <c r="A18459" s="1" t="s">
        <v>38383</v>
      </c>
      <c r="B18459" s="1" t="s">
        <v>62760</v>
      </c>
      <c r="C18459" s="1" t="s">
        <v>38384</v>
      </c>
      <c r="D18459" s="2">
        <v>171287</v>
      </c>
      <c r="E18459" s="1" t="s">
        <v>0</v>
      </c>
    </row>
    <row r="18460" spans="1:5" ht="409.5" x14ac:dyDescent="0.25">
      <c r="A18460" s="4" t="s">
        <v>38385</v>
      </c>
      <c r="B18460" s="1" t="s">
        <v>62761</v>
      </c>
      <c r="C18460" s="1" t="s">
        <v>38386</v>
      </c>
      <c r="D18460" s="2">
        <v>171288</v>
      </c>
      <c r="E18460" s="1" t="s">
        <v>0</v>
      </c>
    </row>
    <row r="18461" spans="1:5" x14ac:dyDescent="0.25">
      <c r="A18461" s="1" t="s">
        <v>38387</v>
      </c>
      <c r="B18461" s="1" t="s">
        <v>55068</v>
      </c>
      <c r="C18461" s="1" t="s">
        <v>38388</v>
      </c>
      <c r="D18461" s="2">
        <v>171289</v>
      </c>
      <c r="E18461" s="1" t="s">
        <v>0</v>
      </c>
    </row>
    <row r="18462" spans="1:5" x14ac:dyDescent="0.25">
      <c r="A18462" s="2">
        <v>3692</v>
      </c>
      <c r="B18462" s="2">
        <v>3692</v>
      </c>
      <c r="C18462" s="1" t="s">
        <v>0</v>
      </c>
      <c r="D18462" s="2">
        <v>171290</v>
      </c>
      <c r="E18462" s="1" t="s">
        <v>0</v>
      </c>
    </row>
    <row r="18463" spans="1:5" x14ac:dyDescent="0.25">
      <c r="A18463" s="1" t="s">
        <v>3355</v>
      </c>
      <c r="B18463" s="1" t="s">
        <v>10313</v>
      </c>
      <c r="C18463" s="1" t="s">
        <v>38389</v>
      </c>
      <c r="D18463" s="2">
        <v>171291</v>
      </c>
      <c r="E18463" s="1" t="s">
        <v>0</v>
      </c>
    </row>
    <row r="18464" spans="1:5" x14ac:dyDescent="0.25">
      <c r="A18464" s="1" t="s">
        <v>38390</v>
      </c>
      <c r="B18464" s="1" t="s">
        <v>55069</v>
      </c>
      <c r="C18464" s="1" t="s">
        <v>38391</v>
      </c>
      <c r="D18464" s="2">
        <v>171292</v>
      </c>
      <c r="E18464" s="1" t="s">
        <v>0</v>
      </c>
    </row>
    <row r="18465" spans="1:5" ht="409.5" x14ac:dyDescent="0.25">
      <c r="A18465" s="4" t="s">
        <v>38392</v>
      </c>
      <c r="B18465" s="1" t="s">
        <v>55070</v>
      </c>
      <c r="C18465" s="1" t="s">
        <v>38393</v>
      </c>
      <c r="D18465" s="2">
        <v>171293</v>
      </c>
      <c r="E18465" s="1" t="s">
        <v>0</v>
      </c>
    </row>
    <row r="18466" spans="1:5" x14ac:dyDescent="0.25">
      <c r="A18466" s="1" t="s">
        <v>38394</v>
      </c>
      <c r="B18466" s="1" t="s">
        <v>10314</v>
      </c>
      <c r="C18466" s="1" t="s">
        <v>38395</v>
      </c>
      <c r="D18466" s="2">
        <v>171294</v>
      </c>
      <c r="E18466" s="1" t="s">
        <v>0</v>
      </c>
    </row>
    <row r="18467" spans="1:5" x14ac:dyDescent="0.25">
      <c r="A18467" s="2">
        <v>3693</v>
      </c>
      <c r="B18467" s="2">
        <v>3693</v>
      </c>
      <c r="C18467" s="1" t="s">
        <v>0</v>
      </c>
      <c r="D18467" s="2">
        <v>171295</v>
      </c>
      <c r="E18467" s="1" t="s">
        <v>0</v>
      </c>
    </row>
    <row r="18468" spans="1:5" x14ac:dyDescent="0.25">
      <c r="A18468" s="1" t="s">
        <v>3356</v>
      </c>
      <c r="B18468" s="1" t="s">
        <v>10315</v>
      </c>
      <c r="C18468" s="1" t="s">
        <v>38396</v>
      </c>
      <c r="D18468" s="2">
        <v>171296</v>
      </c>
      <c r="E18468" s="1" t="s">
        <v>0</v>
      </c>
    </row>
    <row r="18469" spans="1:5" x14ac:dyDescent="0.25">
      <c r="A18469" s="1" t="s">
        <v>38397</v>
      </c>
      <c r="B18469" s="1" t="s">
        <v>55071</v>
      </c>
      <c r="C18469" s="1" t="s">
        <v>38398</v>
      </c>
      <c r="D18469" s="2">
        <v>171297</v>
      </c>
      <c r="E18469" s="1" t="s">
        <v>0</v>
      </c>
    </row>
    <row r="18470" spans="1:5" ht="409.5" x14ac:dyDescent="0.25">
      <c r="A18470" s="4" t="s">
        <v>38399</v>
      </c>
      <c r="B18470" s="1" t="s">
        <v>58500</v>
      </c>
      <c r="C18470" s="1" t="s">
        <v>38400</v>
      </c>
      <c r="D18470" s="2">
        <v>171298</v>
      </c>
      <c r="E18470" s="1" t="s">
        <v>0</v>
      </c>
    </row>
    <row r="18471" spans="1:5" x14ac:dyDescent="0.25">
      <c r="A18471" s="1" t="s">
        <v>38401</v>
      </c>
      <c r="B18471" s="1" t="s">
        <v>55072</v>
      </c>
      <c r="C18471" s="1" t="s">
        <v>38402</v>
      </c>
      <c r="D18471" s="2">
        <v>171299</v>
      </c>
      <c r="E18471" s="1" t="s">
        <v>0</v>
      </c>
    </row>
    <row r="18472" spans="1:5" x14ac:dyDescent="0.25">
      <c r="A18472" s="2">
        <v>3694</v>
      </c>
      <c r="B18472" s="2">
        <v>3694</v>
      </c>
      <c r="C18472" s="1" t="s">
        <v>0</v>
      </c>
      <c r="D18472" s="2">
        <v>171300</v>
      </c>
      <c r="E18472" s="1" t="s">
        <v>0</v>
      </c>
    </row>
    <row r="18473" spans="1:5" x14ac:dyDescent="0.25">
      <c r="A18473" s="1" t="s">
        <v>3357</v>
      </c>
      <c r="B18473" s="1" t="s">
        <v>50922</v>
      </c>
      <c r="C18473" s="1" t="s">
        <v>38403</v>
      </c>
      <c r="D18473" s="2">
        <v>171301</v>
      </c>
      <c r="E18473" s="1" t="s">
        <v>0</v>
      </c>
    </row>
    <row r="18474" spans="1:5" x14ac:dyDescent="0.25">
      <c r="A18474" s="1" t="s">
        <v>38404</v>
      </c>
      <c r="B18474" s="1" t="s">
        <v>55073</v>
      </c>
      <c r="C18474" s="1" t="s">
        <v>38405</v>
      </c>
      <c r="D18474" s="2">
        <v>171302</v>
      </c>
      <c r="E18474" s="1" t="s">
        <v>0</v>
      </c>
    </row>
    <row r="18475" spans="1:5" ht="409.5" x14ac:dyDescent="0.25">
      <c r="A18475" s="4" t="s">
        <v>38406</v>
      </c>
      <c r="B18475" s="1" t="s">
        <v>55074</v>
      </c>
      <c r="C18475" s="1" t="s">
        <v>38407</v>
      </c>
      <c r="D18475" s="2">
        <v>171303</v>
      </c>
      <c r="E18475" s="1" t="s">
        <v>0</v>
      </c>
    </row>
    <row r="18476" spans="1:5" x14ac:dyDescent="0.25">
      <c r="A18476" s="1" t="s">
        <v>38408</v>
      </c>
      <c r="B18476" s="1" t="s">
        <v>10316</v>
      </c>
      <c r="C18476" s="1" t="s">
        <v>38409</v>
      </c>
      <c r="D18476" s="2">
        <v>171304</v>
      </c>
      <c r="E18476" s="1" t="s">
        <v>0</v>
      </c>
    </row>
    <row r="18477" spans="1:5" x14ac:dyDescent="0.25">
      <c r="A18477" s="2">
        <v>3695</v>
      </c>
      <c r="B18477" s="2">
        <v>3695</v>
      </c>
      <c r="C18477" s="1" t="s">
        <v>0</v>
      </c>
      <c r="D18477" s="2">
        <v>171305</v>
      </c>
      <c r="E18477" s="1" t="s">
        <v>0</v>
      </c>
    </row>
    <row r="18478" spans="1:5" x14ac:dyDescent="0.25">
      <c r="A18478" s="1" t="s">
        <v>3358</v>
      </c>
      <c r="B18478" s="1" t="s">
        <v>50923</v>
      </c>
      <c r="C18478" s="1" t="s">
        <v>38410</v>
      </c>
      <c r="D18478" s="2">
        <v>171306</v>
      </c>
      <c r="E18478" s="1" t="s">
        <v>0</v>
      </c>
    </row>
    <row r="18479" spans="1:5" x14ac:dyDescent="0.25">
      <c r="A18479" s="1" t="s">
        <v>38411</v>
      </c>
      <c r="B18479" s="1" t="s">
        <v>55075</v>
      </c>
      <c r="C18479" s="1" t="s">
        <v>38412</v>
      </c>
      <c r="D18479" s="2">
        <v>171307</v>
      </c>
      <c r="E18479" s="1" t="s">
        <v>0</v>
      </c>
    </row>
    <row r="18480" spans="1:5" ht="409.5" x14ac:dyDescent="0.25">
      <c r="A18480" s="4" t="s">
        <v>38413</v>
      </c>
      <c r="B18480" s="1" t="s">
        <v>55076</v>
      </c>
      <c r="C18480" s="1" t="s">
        <v>38414</v>
      </c>
      <c r="D18480" s="2">
        <v>171308</v>
      </c>
      <c r="E18480" s="1" t="s">
        <v>0</v>
      </c>
    </row>
    <row r="18481" spans="1:5" x14ac:dyDescent="0.25">
      <c r="A18481" s="1" t="s">
        <v>38415</v>
      </c>
      <c r="B18481" s="1" t="s">
        <v>10317</v>
      </c>
      <c r="C18481" s="1" t="s">
        <v>38416</v>
      </c>
      <c r="D18481" s="2">
        <v>171309</v>
      </c>
      <c r="E18481" s="1" t="s">
        <v>0</v>
      </c>
    </row>
    <row r="18482" spans="1:5" x14ac:dyDescent="0.25">
      <c r="A18482" s="2">
        <v>3696</v>
      </c>
      <c r="B18482" s="2">
        <v>3696</v>
      </c>
      <c r="C18482" s="1" t="s">
        <v>0</v>
      </c>
      <c r="D18482" s="2">
        <v>171310</v>
      </c>
      <c r="E18482" s="1" t="s">
        <v>0</v>
      </c>
    </row>
    <row r="18483" spans="1:5" x14ac:dyDescent="0.25">
      <c r="A18483" s="1" t="s">
        <v>3359</v>
      </c>
      <c r="B18483" s="1" t="s">
        <v>10318</v>
      </c>
      <c r="C18483" s="1" t="s">
        <v>38417</v>
      </c>
      <c r="D18483" s="2">
        <v>171311</v>
      </c>
      <c r="E18483" s="1" t="s">
        <v>0</v>
      </c>
    </row>
    <row r="18484" spans="1:5" x14ac:dyDescent="0.25">
      <c r="A18484" s="1" t="s">
        <v>38418</v>
      </c>
      <c r="B18484" s="1" t="s">
        <v>55077</v>
      </c>
      <c r="C18484" s="1" t="s">
        <v>38419</v>
      </c>
      <c r="D18484" s="2">
        <v>171312</v>
      </c>
      <c r="E18484" s="1" t="s">
        <v>0</v>
      </c>
    </row>
    <row r="18485" spans="1:5" ht="409.5" x14ac:dyDescent="0.25">
      <c r="A18485" s="4" t="s">
        <v>38420</v>
      </c>
      <c r="B18485" s="1" t="s">
        <v>57943</v>
      </c>
      <c r="C18485" s="1" t="s">
        <v>38421</v>
      </c>
      <c r="D18485" s="2">
        <v>171313</v>
      </c>
      <c r="E18485" s="1" t="s">
        <v>0</v>
      </c>
    </row>
    <row r="18486" spans="1:5" x14ac:dyDescent="0.25">
      <c r="A18486" s="1" t="s">
        <v>38422</v>
      </c>
      <c r="B18486" s="1" t="s">
        <v>55078</v>
      </c>
      <c r="C18486" s="1" t="s">
        <v>38423</v>
      </c>
      <c r="D18486" s="2">
        <v>171314</v>
      </c>
      <c r="E18486" s="1" t="s">
        <v>0</v>
      </c>
    </row>
    <row r="18487" spans="1:5" x14ac:dyDescent="0.25">
      <c r="A18487" s="2">
        <v>3697</v>
      </c>
      <c r="B18487" s="2">
        <v>3697</v>
      </c>
      <c r="C18487" s="1" t="s">
        <v>0</v>
      </c>
      <c r="D18487" s="2">
        <v>171315</v>
      </c>
      <c r="E18487" s="1" t="s">
        <v>0</v>
      </c>
    </row>
    <row r="18488" spans="1:5" x14ac:dyDescent="0.25">
      <c r="A18488" s="1" t="s">
        <v>3360</v>
      </c>
      <c r="B18488" s="1" t="s">
        <v>10319</v>
      </c>
      <c r="C18488" s="1" t="s">
        <v>38424</v>
      </c>
      <c r="D18488" s="2">
        <v>171316</v>
      </c>
      <c r="E18488" s="1" t="s">
        <v>0</v>
      </c>
    </row>
    <row r="18489" spans="1:5" x14ac:dyDescent="0.25">
      <c r="A18489" s="1" t="s">
        <v>38425</v>
      </c>
      <c r="B18489" s="1" t="s">
        <v>55079</v>
      </c>
      <c r="C18489" s="1" t="s">
        <v>38426</v>
      </c>
      <c r="D18489" s="2">
        <v>171317</v>
      </c>
      <c r="E18489" s="1" t="s">
        <v>0</v>
      </c>
    </row>
    <row r="18490" spans="1:5" ht="409.5" x14ac:dyDescent="0.25">
      <c r="A18490" s="4" t="s">
        <v>38427</v>
      </c>
      <c r="B18490" s="1" t="s">
        <v>60452</v>
      </c>
      <c r="C18490" s="1" t="s">
        <v>38428</v>
      </c>
      <c r="D18490" s="2">
        <v>171318</v>
      </c>
      <c r="E18490" s="1" t="s">
        <v>0</v>
      </c>
    </row>
    <row r="18491" spans="1:5" x14ac:dyDescent="0.25">
      <c r="A18491" s="1" t="s">
        <v>38429</v>
      </c>
      <c r="B18491" s="1" t="s">
        <v>55080</v>
      </c>
      <c r="C18491" s="1" t="s">
        <v>38430</v>
      </c>
      <c r="D18491" s="2">
        <v>171319</v>
      </c>
      <c r="E18491" s="1" t="s">
        <v>0</v>
      </c>
    </row>
    <row r="18492" spans="1:5" x14ac:dyDescent="0.25">
      <c r="A18492" s="2">
        <v>3698</v>
      </c>
      <c r="B18492" s="2">
        <v>3698</v>
      </c>
      <c r="C18492" s="1" t="s">
        <v>0</v>
      </c>
      <c r="D18492" s="2">
        <v>171320</v>
      </c>
      <c r="E18492" s="1" t="s">
        <v>0</v>
      </c>
    </row>
    <row r="18493" spans="1:5" x14ac:dyDescent="0.25">
      <c r="A18493" s="1" t="s">
        <v>3361</v>
      </c>
      <c r="B18493" s="1" t="s">
        <v>60165</v>
      </c>
      <c r="C18493" s="1" t="s">
        <v>38431</v>
      </c>
      <c r="D18493" s="2">
        <v>171321</v>
      </c>
      <c r="E18493" s="1" t="s">
        <v>0</v>
      </c>
    </row>
    <row r="18494" spans="1:5" x14ac:dyDescent="0.25">
      <c r="A18494" s="1" t="s">
        <v>38432</v>
      </c>
      <c r="B18494" s="1" t="s">
        <v>10320</v>
      </c>
      <c r="C18494" s="1" t="s">
        <v>38433</v>
      </c>
      <c r="D18494" s="2">
        <v>171322</v>
      </c>
      <c r="E18494" s="1" t="s">
        <v>0</v>
      </c>
    </row>
    <row r="18495" spans="1:5" ht="409.5" x14ac:dyDescent="0.25">
      <c r="A18495" s="4" t="s">
        <v>38434</v>
      </c>
      <c r="B18495" s="1" t="s">
        <v>10321</v>
      </c>
      <c r="C18495" s="1" t="s">
        <v>38435</v>
      </c>
      <c r="D18495" s="2">
        <v>171323</v>
      </c>
      <c r="E18495" s="1" t="s">
        <v>0</v>
      </c>
    </row>
    <row r="18496" spans="1:5" x14ac:dyDescent="0.25">
      <c r="A18496" s="1" t="s">
        <v>38436</v>
      </c>
      <c r="B18496" s="1" t="s">
        <v>55081</v>
      </c>
      <c r="C18496" s="1" t="s">
        <v>38437</v>
      </c>
      <c r="D18496" s="2">
        <v>171324</v>
      </c>
      <c r="E18496" s="1" t="s">
        <v>0</v>
      </c>
    </row>
    <row r="18497" spans="1:5" x14ac:dyDescent="0.25">
      <c r="A18497" s="2">
        <v>3699</v>
      </c>
      <c r="B18497" s="2">
        <v>3699</v>
      </c>
      <c r="C18497" s="1" t="s">
        <v>0</v>
      </c>
      <c r="D18497" s="2">
        <v>171325</v>
      </c>
      <c r="E18497" s="1" t="s">
        <v>0</v>
      </c>
    </row>
    <row r="18498" spans="1:5" x14ac:dyDescent="0.25">
      <c r="A18498" s="1" t="s">
        <v>3362</v>
      </c>
      <c r="B18498" s="1" t="s">
        <v>10322</v>
      </c>
      <c r="C18498" s="1" t="s">
        <v>38438</v>
      </c>
      <c r="D18498" s="2">
        <v>171326</v>
      </c>
      <c r="E18498" s="1" t="s">
        <v>0</v>
      </c>
    </row>
    <row r="18499" spans="1:5" x14ac:dyDescent="0.25">
      <c r="A18499" s="1" t="s">
        <v>38439</v>
      </c>
      <c r="B18499" s="1" t="s">
        <v>10323</v>
      </c>
      <c r="C18499" s="1" t="s">
        <v>38440</v>
      </c>
      <c r="D18499" s="2">
        <v>171327</v>
      </c>
      <c r="E18499" s="1" t="s">
        <v>0</v>
      </c>
    </row>
    <row r="18500" spans="1:5" ht="409.5" x14ac:dyDescent="0.25">
      <c r="A18500" s="4" t="s">
        <v>38441</v>
      </c>
      <c r="B18500" s="1" t="s">
        <v>57591</v>
      </c>
      <c r="C18500" s="1" t="s">
        <v>38442</v>
      </c>
      <c r="D18500" s="2">
        <v>171328</v>
      </c>
      <c r="E18500" s="1" t="s">
        <v>0</v>
      </c>
    </row>
    <row r="18501" spans="1:5" x14ac:dyDescent="0.25">
      <c r="A18501" s="1" t="s">
        <v>38443</v>
      </c>
      <c r="B18501" s="1" t="s">
        <v>55082</v>
      </c>
      <c r="C18501" s="1" t="s">
        <v>38444</v>
      </c>
      <c r="D18501" s="2">
        <v>171329</v>
      </c>
      <c r="E18501" s="1" t="s">
        <v>0</v>
      </c>
    </row>
    <row r="18502" spans="1:5" x14ac:dyDescent="0.25">
      <c r="A18502" s="2">
        <v>3700</v>
      </c>
      <c r="B18502" s="2">
        <v>3700</v>
      </c>
      <c r="C18502" s="1" t="s">
        <v>0</v>
      </c>
      <c r="D18502" s="2">
        <v>171330</v>
      </c>
      <c r="E18502" s="1" t="s">
        <v>0</v>
      </c>
    </row>
    <row r="18503" spans="1:5" x14ac:dyDescent="0.25">
      <c r="A18503" s="1" t="s">
        <v>3363</v>
      </c>
      <c r="B18503" s="1" t="s">
        <v>10324</v>
      </c>
      <c r="C18503" s="1" t="s">
        <v>38445</v>
      </c>
      <c r="D18503" s="2">
        <v>171331</v>
      </c>
      <c r="E18503" s="1" t="s">
        <v>0</v>
      </c>
    </row>
    <row r="18504" spans="1:5" x14ac:dyDescent="0.25">
      <c r="A18504" s="1" t="s">
        <v>38446</v>
      </c>
      <c r="B18504" s="1" t="s">
        <v>55083</v>
      </c>
      <c r="C18504" s="1" t="s">
        <v>38447</v>
      </c>
      <c r="D18504" s="2">
        <v>171332</v>
      </c>
      <c r="E18504" s="1" t="s">
        <v>0</v>
      </c>
    </row>
    <row r="18505" spans="1:5" ht="409.5" x14ac:dyDescent="0.25">
      <c r="A18505" s="4" t="s">
        <v>38448</v>
      </c>
      <c r="B18505" s="1" t="s">
        <v>55084</v>
      </c>
      <c r="C18505" s="1" t="s">
        <v>38449</v>
      </c>
      <c r="D18505" s="2">
        <v>171333</v>
      </c>
      <c r="E18505" s="1" t="s">
        <v>0</v>
      </c>
    </row>
    <row r="18506" spans="1:5" x14ac:dyDescent="0.25">
      <c r="A18506" s="1" t="s">
        <v>38450</v>
      </c>
      <c r="B18506" s="1" t="s">
        <v>57296</v>
      </c>
      <c r="C18506" s="1" t="s">
        <v>38451</v>
      </c>
      <c r="D18506" s="2">
        <v>171334</v>
      </c>
      <c r="E18506" s="1" t="s">
        <v>0</v>
      </c>
    </row>
    <row r="18507" spans="1:5" x14ac:dyDescent="0.25">
      <c r="A18507" s="2">
        <v>3701</v>
      </c>
      <c r="B18507" s="2">
        <v>3701</v>
      </c>
      <c r="C18507" s="1" t="s">
        <v>0</v>
      </c>
      <c r="D18507" s="2">
        <v>171335</v>
      </c>
      <c r="E18507" s="1" t="s">
        <v>0</v>
      </c>
    </row>
    <row r="18508" spans="1:5" x14ac:dyDescent="0.25">
      <c r="A18508" s="1" t="s">
        <v>3364</v>
      </c>
      <c r="B18508" s="1" t="s">
        <v>55085</v>
      </c>
      <c r="C18508" s="1" t="s">
        <v>38452</v>
      </c>
      <c r="D18508" s="2">
        <v>171336</v>
      </c>
      <c r="E18508" s="1" t="s">
        <v>0</v>
      </c>
    </row>
    <row r="18509" spans="1:5" x14ac:dyDescent="0.25">
      <c r="A18509" s="1" t="s">
        <v>38453</v>
      </c>
      <c r="B18509" s="1" t="s">
        <v>55086</v>
      </c>
      <c r="C18509" s="1" t="s">
        <v>38454</v>
      </c>
      <c r="D18509" s="2">
        <v>171337</v>
      </c>
      <c r="E18509" s="1" t="s">
        <v>0</v>
      </c>
    </row>
    <row r="18510" spans="1:5" ht="409.5" x14ac:dyDescent="0.25">
      <c r="A18510" s="4" t="s">
        <v>38455</v>
      </c>
      <c r="B18510" s="1" t="s">
        <v>55087</v>
      </c>
      <c r="C18510" s="1" t="s">
        <v>38456</v>
      </c>
      <c r="D18510" s="2">
        <v>171338</v>
      </c>
      <c r="E18510" s="1" t="s">
        <v>0</v>
      </c>
    </row>
    <row r="18511" spans="1:5" x14ac:dyDescent="0.25">
      <c r="A18511" s="1" t="s">
        <v>38457</v>
      </c>
      <c r="B18511" s="1" t="s">
        <v>55088</v>
      </c>
      <c r="C18511" s="1" t="s">
        <v>38458</v>
      </c>
      <c r="D18511" s="2">
        <v>171339</v>
      </c>
      <c r="E18511" s="1" t="s">
        <v>0</v>
      </c>
    </row>
    <row r="18512" spans="1:5" x14ac:dyDescent="0.25">
      <c r="A18512" s="2">
        <v>3702</v>
      </c>
      <c r="B18512" s="2">
        <v>3702</v>
      </c>
      <c r="C18512" s="1" t="s">
        <v>0</v>
      </c>
      <c r="D18512" s="2">
        <v>171340</v>
      </c>
      <c r="E18512" s="1" t="s">
        <v>0</v>
      </c>
    </row>
    <row r="18513" spans="1:5" x14ac:dyDescent="0.25">
      <c r="A18513" s="1" t="s">
        <v>3365</v>
      </c>
      <c r="B18513" s="1" t="s">
        <v>10325</v>
      </c>
      <c r="C18513" s="1" t="s">
        <v>38459</v>
      </c>
      <c r="D18513" s="2">
        <v>171341</v>
      </c>
      <c r="E18513" s="1" t="s">
        <v>0</v>
      </c>
    </row>
    <row r="18514" spans="1:5" x14ac:dyDescent="0.25">
      <c r="A18514" s="1" t="s">
        <v>38460</v>
      </c>
      <c r="B18514" s="1" t="s">
        <v>60166</v>
      </c>
      <c r="C18514" s="1" t="s">
        <v>38461</v>
      </c>
      <c r="D18514" s="2">
        <v>171342</v>
      </c>
      <c r="E18514" s="1" t="s">
        <v>0</v>
      </c>
    </row>
    <row r="18515" spans="1:5" ht="409.5" x14ac:dyDescent="0.25">
      <c r="A18515" s="4" t="s">
        <v>38462</v>
      </c>
      <c r="B18515" s="1" t="s">
        <v>60167</v>
      </c>
      <c r="C18515" s="1" t="s">
        <v>38463</v>
      </c>
      <c r="D18515" s="2">
        <v>171343</v>
      </c>
      <c r="E18515" s="1" t="s">
        <v>0</v>
      </c>
    </row>
    <row r="18516" spans="1:5" x14ac:dyDescent="0.25">
      <c r="A18516" s="1" t="s">
        <v>38464</v>
      </c>
      <c r="B18516" s="1" t="s">
        <v>10326</v>
      </c>
      <c r="C18516" s="1" t="s">
        <v>38465</v>
      </c>
      <c r="D18516" s="2">
        <v>171344</v>
      </c>
      <c r="E18516" s="1" t="s">
        <v>0</v>
      </c>
    </row>
    <row r="18517" spans="1:5" x14ac:dyDescent="0.25">
      <c r="A18517" s="2">
        <v>3703</v>
      </c>
      <c r="B18517" s="2">
        <v>3703</v>
      </c>
      <c r="C18517" s="1" t="s">
        <v>0</v>
      </c>
      <c r="D18517" s="2">
        <v>171345</v>
      </c>
      <c r="E18517" s="1" t="s">
        <v>0</v>
      </c>
    </row>
    <row r="18518" spans="1:5" x14ac:dyDescent="0.25">
      <c r="A18518" s="1" t="s">
        <v>3366</v>
      </c>
      <c r="B18518" s="1" t="s">
        <v>10327</v>
      </c>
      <c r="C18518" s="1" t="s">
        <v>10328</v>
      </c>
      <c r="D18518" s="2">
        <v>171346</v>
      </c>
      <c r="E18518" s="1" t="s">
        <v>0</v>
      </c>
    </row>
    <row r="18519" spans="1:5" x14ac:dyDescent="0.25">
      <c r="A18519" s="1" t="s">
        <v>38466</v>
      </c>
      <c r="B18519" s="1" t="s">
        <v>55089</v>
      </c>
      <c r="C18519" s="1" t="s">
        <v>38467</v>
      </c>
      <c r="D18519" s="2">
        <v>171347</v>
      </c>
      <c r="E18519" s="1" t="s">
        <v>0</v>
      </c>
    </row>
    <row r="18520" spans="1:5" ht="409.5" x14ac:dyDescent="0.25">
      <c r="A18520" s="4" t="s">
        <v>38468</v>
      </c>
      <c r="B18520" s="1" t="s">
        <v>55090</v>
      </c>
      <c r="C18520" s="1" t="s">
        <v>38469</v>
      </c>
      <c r="D18520" s="2">
        <v>171348</v>
      </c>
      <c r="E18520" s="1" t="s">
        <v>0</v>
      </c>
    </row>
    <row r="18521" spans="1:5" x14ac:dyDescent="0.25">
      <c r="A18521" s="1" t="s">
        <v>38470</v>
      </c>
      <c r="B18521" s="1" t="s">
        <v>57297</v>
      </c>
      <c r="C18521" s="1" t="s">
        <v>38471</v>
      </c>
      <c r="D18521" s="2">
        <v>171349</v>
      </c>
      <c r="E18521" s="1" t="s">
        <v>0</v>
      </c>
    </row>
    <row r="18522" spans="1:5" x14ac:dyDescent="0.25">
      <c r="A18522" s="2">
        <v>3704</v>
      </c>
      <c r="B18522" s="2">
        <v>3704</v>
      </c>
      <c r="C18522" s="1" t="s">
        <v>0</v>
      </c>
      <c r="D18522" s="2">
        <v>171350</v>
      </c>
      <c r="E18522" s="1" t="s">
        <v>0</v>
      </c>
    </row>
    <row r="18523" spans="1:5" x14ac:dyDescent="0.25">
      <c r="A18523" s="1" t="s">
        <v>3367</v>
      </c>
      <c r="B18523" s="1" t="s">
        <v>50924</v>
      </c>
      <c r="C18523" s="1" t="s">
        <v>38472</v>
      </c>
      <c r="D18523" s="2">
        <v>171351</v>
      </c>
      <c r="E18523" s="1" t="s">
        <v>0</v>
      </c>
    </row>
    <row r="18524" spans="1:5" x14ac:dyDescent="0.25">
      <c r="A18524" s="1" t="s">
        <v>38473</v>
      </c>
      <c r="B18524" s="1" t="s">
        <v>50925</v>
      </c>
      <c r="C18524" s="1" t="s">
        <v>38474</v>
      </c>
      <c r="D18524" s="2">
        <v>171352</v>
      </c>
      <c r="E18524" s="1" t="s">
        <v>0</v>
      </c>
    </row>
    <row r="18525" spans="1:5" ht="409.5" x14ac:dyDescent="0.25">
      <c r="A18525" s="4" t="s">
        <v>64279</v>
      </c>
      <c r="B18525" s="1" t="s">
        <v>55091</v>
      </c>
      <c r="C18525" s="1" t="s">
        <v>38475</v>
      </c>
      <c r="D18525" s="2">
        <v>171353</v>
      </c>
      <c r="E18525" s="1" t="s">
        <v>0</v>
      </c>
    </row>
    <row r="18526" spans="1:5" x14ac:dyDescent="0.25">
      <c r="A18526" s="1" t="s">
        <v>38476</v>
      </c>
      <c r="B18526" s="1" t="s">
        <v>55092</v>
      </c>
      <c r="C18526" s="1" t="s">
        <v>38477</v>
      </c>
      <c r="D18526" s="2">
        <v>171354</v>
      </c>
      <c r="E18526" s="1" t="s">
        <v>0</v>
      </c>
    </row>
    <row r="18527" spans="1:5" x14ac:dyDescent="0.25">
      <c r="A18527" s="2">
        <v>3705</v>
      </c>
      <c r="B18527" s="2">
        <v>3705</v>
      </c>
      <c r="C18527" s="1" t="s">
        <v>0</v>
      </c>
      <c r="D18527" s="2">
        <v>171355</v>
      </c>
      <c r="E18527" s="1" t="s">
        <v>0</v>
      </c>
    </row>
    <row r="18528" spans="1:5" x14ac:dyDescent="0.25">
      <c r="A18528" s="1" t="s">
        <v>3368</v>
      </c>
      <c r="B18528" s="1" t="s">
        <v>10329</v>
      </c>
      <c r="C18528" s="1" t="s">
        <v>38478</v>
      </c>
      <c r="D18528" s="2">
        <v>171356</v>
      </c>
      <c r="E18528" s="1" t="s">
        <v>0</v>
      </c>
    </row>
    <row r="18529" spans="1:5" x14ac:dyDescent="0.25">
      <c r="A18529" s="1" t="s">
        <v>38479</v>
      </c>
      <c r="B18529" s="1" t="s">
        <v>10330</v>
      </c>
      <c r="C18529" s="1" t="s">
        <v>38480</v>
      </c>
      <c r="D18529" s="2">
        <v>171357</v>
      </c>
      <c r="E18529" s="1" t="s">
        <v>0</v>
      </c>
    </row>
    <row r="18530" spans="1:5" ht="409.5" x14ac:dyDescent="0.25">
      <c r="A18530" s="4" t="s">
        <v>38481</v>
      </c>
      <c r="B18530" s="1" t="s">
        <v>62762</v>
      </c>
      <c r="C18530" s="1" t="s">
        <v>38482</v>
      </c>
      <c r="D18530" s="2">
        <v>171358</v>
      </c>
      <c r="E18530" s="1" t="s">
        <v>0</v>
      </c>
    </row>
    <row r="18531" spans="1:5" x14ac:dyDescent="0.25">
      <c r="A18531" s="1" t="s">
        <v>38483</v>
      </c>
      <c r="B18531" s="1" t="s">
        <v>55093</v>
      </c>
      <c r="C18531" s="1" t="s">
        <v>38484</v>
      </c>
      <c r="D18531" s="2">
        <v>171359</v>
      </c>
      <c r="E18531" s="1" t="s">
        <v>0</v>
      </c>
    </row>
    <row r="18532" spans="1:5" x14ac:dyDescent="0.25">
      <c r="A18532" s="2">
        <v>3706</v>
      </c>
      <c r="B18532" s="2">
        <v>3706</v>
      </c>
      <c r="C18532" s="1" t="s">
        <v>0</v>
      </c>
      <c r="D18532" s="2">
        <v>171360</v>
      </c>
      <c r="E18532" s="1" t="s">
        <v>0</v>
      </c>
    </row>
    <row r="18533" spans="1:5" x14ac:dyDescent="0.25">
      <c r="A18533" s="1" t="s">
        <v>3369</v>
      </c>
      <c r="B18533" s="1" t="s">
        <v>10331</v>
      </c>
      <c r="C18533" s="1" t="s">
        <v>38485</v>
      </c>
      <c r="D18533" s="2">
        <v>171361</v>
      </c>
      <c r="E18533" s="1" t="s">
        <v>0</v>
      </c>
    </row>
    <row r="18534" spans="1:5" x14ac:dyDescent="0.25">
      <c r="A18534" s="1" t="s">
        <v>38486</v>
      </c>
      <c r="B18534" s="1" t="s">
        <v>10332</v>
      </c>
      <c r="C18534" s="1" t="s">
        <v>38487</v>
      </c>
      <c r="D18534" s="2">
        <v>171362</v>
      </c>
      <c r="E18534" s="1" t="s">
        <v>0</v>
      </c>
    </row>
    <row r="18535" spans="1:5" ht="409.5" x14ac:dyDescent="0.25">
      <c r="A18535" s="4" t="s">
        <v>38488</v>
      </c>
      <c r="B18535" s="1" t="s">
        <v>62763</v>
      </c>
      <c r="C18535" s="1" t="s">
        <v>38489</v>
      </c>
      <c r="D18535" s="2">
        <v>171363</v>
      </c>
      <c r="E18535" s="1" t="s">
        <v>0</v>
      </c>
    </row>
    <row r="18536" spans="1:5" x14ac:dyDescent="0.25">
      <c r="A18536" s="1" t="s">
        <v>38490</v>
      </c>
      <c r="B18536" s="1" t="s">
        <v>55094</v>
      </c>
      <c r="C18536" s="1" t="s">
        <v>38491</v>
      </c>
      <c r="D18536" s="2">
        <v>171364</v>
      </c>
      <c r="E18536" s="1" t="s">
        <v>0</v>
      </c>
    </row>
    <row r="18537" spans="1:5" x14ac:dyDescent="0.25">
      <c r="A18537" s="2">
        <v>3707</v>
      </c>
      <c r="B18537" s="2">
        <v>3707</v>
      </c>
      <c r="C18537" s="1" t="s">
        <v>0</v>
      </c>
      <c r="D18537" s="2">
        <v>171365</v>
      </c>
      <c r="E18537" s="1" t="s">
        <v>0</v>
      </c>
    </row>
    <row r="18538" spans="1:5" x14ac:dyDescent="0.25">
      <c r="A18538" s="1" t="s">
        <v>3370</v>
      </c>
      <c r="B18538" s="1" t="s">
        <v>10333</v>
      </c>
      <c r="C18538" s="1" t="s">
        <v>38492</v>
      </c>
      <c r="D18538" s="2">
        <v>171366</v>
      </c>
      <c r="E18538" s="1" t="s">
        <v>0</v>
      </c>
    </row>
    <row r="18539" spans="1:5" x14ac:dyDescent="0.25">
      <c r="A18539" s="1" t="s">
        <v>38493</v>
      </c>
      <c r="B18539" s="1" t="s">
        <v>38494</v>
      </c>
      <c r="C18539" s="1" t="s">
        <v>38495</v>
      </c>
      <c r="D18539" s="2">
        <v>171367</v>
      </c>
      <c r="E18539" s="1" t="s">
        <v>0</v>
      </c>
    </row>
    <row r="18540" spans="1:5" ht="409.5" x14ac:dyDescent="0.25">
      <c r="A18540" s="4" t="s">
        <v>38496</v>
      </c>
      <c r="B18540" s="1" t="s">
        <v>38497</v>
      </c>
      <c r="C18540" s="1" t="s">
        <v>38498</v>
      </c>
      <c r="D18540" s="2">
        <v>171368</v>
      </c>
      <c r="E18540" s="1" t="s">
        <v>0</v>
      </c>
    </row>
    <row r="18541" spans="1:5" x14ac:dyDescent="0.25">
      <c r="A18541" s="1" t="s">
        <v>38499</v>
      </c>
      <c r="B18541" s="1" t="s">
        <v>53657</v>
      </c>
      <c r="C18541" s="1" t="s">
        <v>29355</v>
      </c>
      <c r="D18541" s="2">
        <v>171369</v>
      </c>
      <c r="E18541" s="1" t="s">
        <v>0</v>
      </c>
    </row>
    <row r="18542" spans="1:5" x14ac:dyDescent="0.25">
      <c r="A18542" s="2">
        <v>3708</v>
      </c>
      <c r="B18542" s="2">
        <v>3708</v>
      </c>
      <c r="C18542" s="1" t="s">
        <v>0</v>
      </c>
      <c r="D18542" s="2">
        <v>171370</v>
      </c>
      <c r="E18542" s="1" t="s">
        <v>0</v>
      </c>
    </row>
    <row r="18543" spans="1:5" x14ac:dyDescent="0.25">
      <c r="A18543" s="1" t="s">
        <v>3371</v>
      </c>
      <c r="B18543" s="1" t="s">
        <v>10334</v>
      </c>
      <c r="C18543" s="1" t="s">
        <v>38500</v>
      </c>
      <c r="D18543" s="2">
        <v>171371</v>
      </c>
      <c r="E18543" s="1" t="s">
        <v>0</v>
      </c>
    </row>
    <row r="18544" spans="1:5" x14ac:dyDescent="0.25">
      <c r="A18544" s="1" t="s">
        <v>38501</v>
      </c>
      <c r="B18544" s="1" t="s">
        <v>60641</v>
      </c>
      <c r="C18544" s="1" t="s">
        <v>38502</v>
      </c>
      <c r="D18544" s="2">
        <v>171372</v>
      </c>
      <c r="E18544" s="1" t="s">
        <v>0</v>
      </c>
    </row>
    <row r="18545" spans="1:5" ht="409.5" x14ac:dyDescent="0.25">
      <c r="A18545" s="4" t="s">
        <v>38503</v>
      </c>
      <c r="B18545" s="1" t="s">
        <v>62764</v>
      </c>
      <c r="C18545" s="1" t="s">
        <v>38504</v>
      </c>
      <c r="D18545" s="2">
        <v>171373</v>
      </c>
      <c r="E18545" s="1" t="s">
        <v>0</v>
      </c>
    </row>
    <row r="18546" spans="1:5" x14ac:dyDescent="0.25">
      <c r="A18546" s="1" t="s">
        <v>38505</v>
      </c>
      <c r="B18546" s="1" t="s">
        <v>55095</v>
      </c>
      <c r="C18546" s="1" t="s">
        <v>38506</v>
      </c>
      <c r="D18546" s="2">
        <v>171374</v>
      </c>
      <c r="E18546" s="1" t="s">
        <v>0</v>
      </c>
    </row>
    <row r="18547" spans="1:5" x14ac:dyDescent="0.25">
      <c r="A18547" s="2">
        <v>3709</v>
      </c>
      <c r="B18547" s="2">
        <v>3709</v>
      </c>
      <c r="C18547" s="1" t="s">
        <v>0</v>
      </c>
      <c r="D18547" s="2">
        <v>171375</v>
      </c>
      <c r="E18547" s="1" t="s">
        <v>0</v>
      </c>
    </row>
    <row r="18548" spans="1:5" x14ac:dyDescent="0.25">
      <c r="A18548" s="1" t="s">
        <v>3372</v>
      </c>
      <c r="B18548" s="1" t="s">
        <v>10335</v>
      </c>
      <c r="C18548" s="1" t="s">
        <v>38507</v>
      </c>
      <c r="D18548" s="2">
        <v>171376</v>
      </c>
      <c r="E18548" s="1" t="s">
        <v>0</v>
      </c>
    </row>
    <row r="18549" spans="1:5" x14ac:dyDescent="0.25">
      <c r="A18549" s="1" t="s">
        <v>38508</v>
      </c>
      <c r="B18549" s="1" t="s">
        <v>60168</v>
      </c>
      <c r="C18549" s="1" t="s">
        <v>38509</v>
      </c>
      <c r="D18549" s="2">
        <v>171377</v>
      </c>
      <c r="E18549" s="1" t="s">
        <v>0</v>
      </c>
    </row>
    <row r="18550" spans="1:5" ht="409.5" x14ac:dyDescent="0.25">
      <c r="A18550" s="4" t="s">
        <v>38510</v>
      </c>
      <c r="B18550" s="1" t="s">
        <v>62765</v>
      </c>
      <c r="C18550" s="1" t="s">
        <v>38511</v>
      </c>
      <c r="D18550" s="2">
        <v>171378</v>
      </c>
      <c r="E18550" s="1" t="s">
        <v>0</v>
      </c>
    </row>
    <row r="18551" spans="1:5" x14ac:dyDescent="0.25">
      <c r="A18551" s="1" t="s">
        <v>38512</v>
      </c>
      <c r="B18551" s="1" t="s">
        <v>55096</v>
      </c>
      <c r="C18551" s="1" t="s">
        <v>38513</v>
      </c>
      <c r="D18551" s="2">
        <v>171379</v>
      </c>
      <c r="E18551" s="1" t="s">
        <v>0</v>
      </c>
    </row>
    <row r="18552" spans="1:5" x14ac:dyDescent="0.25">
      <c r="A18552" s="2">
        <v>3710</v>
      </c>
      <c r="B18552" s="2">
        <v>3710</v>
      </c>
      <c r="C18552" s="1" t="s">
        <v>0</v>
      </c>
      <c r="D18552" s="2">
        <v>171380</v>
      </c>
      <c r="E18552" s="1" t="s">
        <v>0</v>
      </c>
    </row>
    <row r="18553" spans="1:5" x14ac:dyDescent="0.25">
      <c r="A18553" s="1" t="s">
        <v>3373</v>
      </c>
      <c r="B18553" s="1" t="s">
        <v>10336</v>
      </c>
      <c r="C18553" s="1" t="s">
        <v>38514</v>
      </c>
      <c r="D18553" s="2">
        <v>171381</v>
      </c>
      <c r="E18553" s="1" t="s">
        <v>0</v>
      </c>
    </row>
    <row r="18554" spans="1:5" x14ac:dyDescent="0.25">
      <c r="A18554" s="1" t="s">
        <v>38515</v>
      </c>
      <c r="B18554" s="1" t="s">
        <v>57298</v>
      </c>
      <c r="C18554" s="1" t="s">
        <v>38516</v>
      </c>
      <c r="D18554" s="2">
        <v>171382</v>
      </c>
      <c r="E18554" s="1" t="s">
        <v>0</v>
      </c>
    </row>
    <row r="18555" spans="1:5" ht="409.5" x14ac:dyDescent="0.25">
      <c r="A18555" s="4" t="s">
        <v>38517</v>
      </c>
      <c r="B18555" s="1" t="s">
        <v>57299</v>
      </c>
      <c r="C18555" s="1" t="s">
        <v>38518</v>
      </c>
      <c r="D18555" s="2">
        <v>171383</v>
      </c>
      <c r="E18555" s="1" t="s">
        <v>0</v>
      </c>
    </row>
    <row r="18556" spans="1:5" x14ac:dyDescent="0.25">
      <c r="A18556" s="1" t="s">
        <v>38519</v>
      </c>
      <c r="B18556" s="1" t="s">
        <v>57300</v>
      </c>
      <c r="C18556" s="1" t="s">
        <v>38520</v>
      </c>
      <c r="D18556" s="2">
        <v>171384</v>
      </c>
      <c r="E18556" s="1" t="s">
        <v>0</v>
      </c>
    </row>
    <row r="18557" spans="1:5" x14ac:dyDescent="0.25">
      <c r="A18557" s="2">
        <v>3711</v>
      </c>
      <c r="B18557" s="2">
        <v>3711</v>
      </c>
      <c r="C18557" s="1" t="s">
        <v>0</v>
      </c>
      <c r="D18557" s="2">
        <v>171385</v>
      </c>
      <c r="E18557" s="1" t="s">
        <v>0</v>
      </c>
    </row>
    <row r="18558" spans="1:5" x14ac:dyDescent="0.25">
      <c r="A18558" s="1" t="s">
        <v>3374</v>
      </c>
      <c r="B18558" s="1" t="s">
        <v>10337</v>
      </c>
      <c r="C18558" s="1" t="s">
        <v>38521</v>
      </c>
      <c r="D18558" s="2">
        <v>171386</v>
      </c>
      <c r="E18558" s="1" t="s">
        <v>0</v>
      </c>
    </row>
    <row r="18559" spans="1:5" x14ac:dyDescent="0.25">
      <c r="A18559" s="1" t="s">
        <v>38522</v>
      </c>
      <c r="B18559" s="1" t="s">
        <v>10338</v>
      </c>
      <c r="C18559" s="1" t="s">
        <v>38523</v>
      </c>
      <c r="D18559" s="2">
        <v>171387</v>
      </c>
      <c r="E18559" s="1" t="s">
        <v>0</v>
      </c>
    </row>
    <row r="18560" spans="1:5" ht="409.5" x14ac:dyDescent="0.25">
      <c r="A18560" s="4" t="s">
        <v>38524</v>
      </c>
      <c r="B18560" s="1" t="s">
        <v>10339</v>
      </c>
      <c r="C18560" s="1" t="s">
        <v>38525</v>
      </c>
      <c r="D18560" s="2">
        <v>171388</v>
      </c>
      <c r="E18560" s="1" t="s">
        <v>0</v>
      </c>
    </row>
    <row r="18561" spans="1:5" x14ac:dyDescent="0.25">
      <c r="A18561" s="1" t="s">
        <v>38526</v>
      </c>
      <c r="B18561" s="1" t="s">
        <v>55097</v>
      </c>
      <c r="C18561" s="1" t="s">
        <v>38527</v>
      </c>
      <c r="D18561" s="2">
        <v>171389</v>
      </c>
      <c r="E18561" s="1" t="s">
        <v>0</v>
      </c>
    </row>
    <row r="18562" spans="1:5" x14ac:dyDescent="0.25">
      <c r="A18562" s="2">
        <v>3712</v>
      </c>
      <c r="B18562" s="2">
        <v>3712</v>
      </c>
      <c r="C18562" s="1" t="s">
        <v>0</v>
      </c>
      <c r="D18562" s="2">
        <v>171390</v>
      </c>
      <c r="E18562" s="1" t="s">
        <v>0</v>
      </c>
    </row>
    <row r="18563" spans="1:5" x14ac:dyDescent="0.25">
      <c r="A18563" s="1" t="s">
        <v>3375</v>
      </c>
      <c r="B18563" s="1" t="s">
        <v>55098</v>
      </c>
      <c r="C18563" s="1" t="s">
        <v>38528</v>
      </c>
      <c r="D18563" s="2">
        <v>171391</v>
      </c>
      <c r="E18563" s="1" t="s">
        <v>0</v>
      </c>
    </row>
    <row r="18564" spans="1:5" x14ac:dyDescent="0.25">
      <c r="A18564" s="1" t="s">
        <v>64280</v>
      </c>
      <c r="B18564" s="1" t="s">
        <v>55099</v>
      </c>
      <c r="C18564" s="1" t="s">
        <v>38529</v>
      </c>
      <c r="D18564" s="2">
        <v>171392</v>
      </c>
      <c r="E18564" s="1" t="s">
        <v>0</v>
      </c>
    </row>
    <row r="18565" spans="1:5" ht="409.5" x14ac:dyDescent="0.25">
      <c r="A18565" s="4" t="s">
        <v>64281</v>
      </c>
      <c r="B18565" s="1" t="s">
        <v>55100</v>
      </c>
      <c r="C18565" s="1" t="s">
        <v>38530</v>
      </c>
      <c r="D18565" s="2">
        <v>171393</v>
      </c>
      <c r="E18565" s="1" t="s">
        <v>0</v>
      </c>
    </row>
    <row r="18566" spans="1:5" x14ac:dyDescent="0.25">
      <c r="A18566" s="1" t="s">
        <v>14572</v>
      </c>
      <c r="B18566" s="1" t="s">
        <v>60869</v>
      </c>
      <c r="C18566" s="1" t="s">
        <v>14573</v>
      </c>
      <c r="D18566" s="2">
        <v>171394</v>
      </c>
      <c r="E18566" s="1" t="s">
        <v>0</v>
      </c>
    </row>
    <row r="18567" spans="1:5" x14ac:dyDescent="0.25">
      <c r="A18567" s="2">
        <v>3713</v>
      </c>
      <c r="B18567" s="2">
        <v>3713</v>
      </c>
      <c r="C18567" s="1" t="s">
        <v>0</v>
      </c>
      <c r="D18567" s="2">
        <v>171395</v>
      </c>
      <c r="E18567" s="1" t="s">
        <v>0</v>
      </c>
    </row>
    <row r="18568" spans="1:5" x14ac:dyDescent="0.25">
      <c r="A18568" s="1" t="s">
        <v>3376</v>
      </c>
      <c r="B18568" s="1" t="s">
        <v>10340</v>
      </c>
      <c r="C18568" s="1" t="s">
        <v>38531</v>
      </c>
      <c r="D18568" s="2">
        <v>171396</v>
      </c>
      <c r="E18568" s="1" t="s">
        <v>0</v>
      </c>
    </row>
    <row r="18569" spans="1:5" x14ac:dyDescent="0.25">
      <c r="A18569" s="1" t="s">
        <v>38532</v>
      </c>
      <c r="B18569" s="1" t="s">
        <v>10341</v>
      </c>
      <c r="C18569" s="1" t="s">
        <v>38533</v>
      </c>
      <c r="D18569" s="2">
        <v>171397</v>
      </c>
      <c r="E18569" s="1" t="s">
        <v>0</v>
      </c>
    </row>
    <row r="18570" spans="1:5" ht="409.5" x14ac:dyDescent="0.25">
      <c r="A18570" s="4" t="s">
        <v>38534</v>
      </c>
      <c r="B18570" s="1" t="s">
        <v>56829</v>
      </c>
      <c r="C18570" s="1" t="s">
        <v>38535</v>
      </c>
      <c r="D18570" s="2">
        <v>171398</v>
      </c>
      <c r="E18570" s="1" t="s">
        <v>0</v>
      </c>
    </row>
    <row r="18571" spans="1:5" x14ac:dyDescent="0.25">
      <c r="A18571" s="1" t="s">
        <v>38536</v>
      </c>
      <c r="B18571" s="1" t="s">
        <v>55101</v>
      </c>
      <c r="C18571" s="1" t="s">
        <v>38537</v>
      </c>
      <c r="D18571" s="2">
        <v>171399</v>
      </c>
      <c r="E18571" s="1" t="s">
        <v>0</v>
      </c>
    </row>
    <row r="18572" spans="1:5" x14ac:dyDescent="0.25">
      <c r="A18572" s="2">
        <v>3714</v>
      </c>
      <c r="B18572" s="2">
        <v>3714</v>
      </c>
      <c r="C18572" s="1" t="s">
        <v>0</v>
      </c>
      <c r="D18572" s="2">
        <v>171400</v>
      </c>
      <c r="E18572" s="1" t="s">
        <v>0</v>
      </c>
    </row>
    <row r="18573" spans="1:5" x14ac:dyDescent="0.25">
      <c r="A18573" s="1" t="s">
        <v>3377</v>
      </c>
      <c r="B18573" s="1" t="s">
        <v>10342</v>
      </c>
      <c r="C18573" s="1" t="s">
        <v>38538</v>
      </c>
      <c r="D18573" s="2">
        <v>171401</v>
      </c>
      <c r="E18573" s="1" t="s">
        <v>0</v>
      </c>
    </row>
    <row r="18574" spans="1:5" x14ac:dyDescent="0.25">
      <c r="A18574" s="1" t="s">
        <v>38539</v>
      </c>
      <c r="B18574" s="1" t="s">
        <v>55102</v>
      </c>
      <c r="C18574" s="1" t="s">
        <v>38540</v>
      </c>
      <c r="D18574" s="2">
        <v>171402</v>
      </c>
      <c r="E18574" s="1" t="s">
        <v>0</v>
      </c>
    </row>
    <row r="18575" spans="1:5" ht="409.5" x14ac:dyDescent="0.25">
      <c r="A18575" s="4" t="s">
        <v>38541</v>
      </c>
      <c r="B18575" s="1" t="s">
        <v>55103</v>
      </c>
      <c r="C18575" s="1" t="s">
        <v>38542</v>
      </c>
      <c r="D18575" s="2">
        <v>171403</v>
      </c>
      <c r="E18575" s="1" t="s">
        <v>0</v>
      </c>
    </row>
    <row r="18576" spans="1:5" x14ac:dyDescent="0.25">
      <c r="A18576" s="1" t="s">
        <v>38543</v>
      </c>
      <c r="B18576" s="1" t="s">
        <v>55104</v>
      </c>
      <c r="C18576" s="1" t="s">
        <v>38544</v>
      </c>
      <c r="D18576" s="2">
        <v>171404</v>
      </c>
      <c r="E18576" s="1" t="s">
        <v>0</v>
      </c>
    </row>
    <row r="18577" spans="1:5" x14ac:dyDescent="0.25">
      <c r="A18577" s="2">
        <v>3715</v>
      </c>
      <c r="B18577" s="2">
        <v>3715</v>
      </c>
      <c r="C18577" s="1" t="s">
        <v>0</v>
      </c>
      <c r="D18577" s="2">
        <v>171405</v>
      </c>
      <c r="E18577" s="1" t="s">
        <v>0</v>
      </c>
    </row>
    <row r="18578" spans="1:5" x14ac:dyDescent="0.25">
      <c r="A18578" s="1" t="s">
        <v>3378</v>
      </c>
      <c r="B18578" s="1" t="s">
        <v>10343</v>
      </c>
      <c r="C18578" s="1" t="s">
        <v>38545</v>
      </c>
      <c r="D18578" s="2">
        <v>171406</v>
      </c>
      <c r="E18578" s="1" t="s">
        <v>0</v>
      </c>
    </row>
    <row r="18579" spans="1:5" x14ac:dyDescent="0.25">
      <c r="A18579" s="1" t="s">
        <v>38546</v>
      </c>
      <c r="B18579" s="1" t="s">
        <v>10344</v>
      </c>
      <c r="C18579" s="1" t="s">
        <v>38547</v>
      </c>
      <c r="D18579" s="2">
        <v>171407</v>
      </c>
      <c r="E18579" s="1" t="s">
        <v>0</v>
      </c>
    </row>
    <row r="18580" spans="1:5" ht="409.5" x14ac:dyDescent="0.25">
      <c r="A18580" s="4" t="s">
        <v>38548</v>
      </c>
      <c r="B18580" s="1" t="s">
        <v>63461</v>
      </c>
      <c r="C18580" s="1" t="s">
        <v>38549</v>
      </c>
      <c r="D18580" s="2">
        <v>171408</v>
      </c>
      <c r="E18580" s="1" t="s">
        <v>0</v>
      </c>
    </row>
    <row r="18581" spans="1:5" x14ac:dyDescent="0.25">
      <c r="A18581" s="1" t="s">
        <v>38550</v>
      </c>
      <c r="B18581" s="1" t="s">
        <v>10345</v>
      </c>
      <c r="C18581" s="1" t="s">
        <v>38551</v>
      </c>
      <c r="D18581" s="2">
        <v>171409</v>
      </c>
      <c r="E18581" s="1" t="s">
        <v>0</v>
      </c>
    </row>
    <row r="18582" spans="1:5" x14ac:dyDescent="0.25">
      <c r="A18582" s="2">
        <v>3716</v>
      </c>
      <c r="B18582" s="2">
        <v>3716</v>
      </c>
      <c r="C18582" s="1" t="s">
        <v>0</v>
      </c>
      <c r="D18582" s="2">
        <v>171410</v>
      </c>
      <c r="E18582" s="1" t="s">
        <v>0</v>
      </c>
    </row>
    <row r="18583" spans="1:5" x14ac:dyDescent="0.25">
      <c r="A18583" s="1" t="s">
        <v>3379</v>
      </c>
      <c r="B18583" s="1" t="s">
        <v>10346</v>
      </c>
      <c r="C18583" s="1" t="s">
        <v>38552</v>
      </c>
      <c r="D18583" s="2">
        <v>171411</v>
      </c>
      <c r="E18583" s="1" t="s">
        <v>0</v>
      </c>
    </row>
    <row r="18584" spans="1:5" x14ac:dyDescent="0.25">
      <c r="A18584" s="1" t="s">
        <v>38553</v>
      </c>
      <c r="B18584" s="1" t="s">
        <v>55105</v>
      </c>
      <c r="C18584" s="1" t="s">
        <v>38554</v>
      </c>
      <c r="D18584" s="2">
        <v>171412</v>
      </c>
      <c r="E18584" s="1" t="s">
        <v>0</v>
      </c>
    </row>
    <row r="18585" spans="1:5" ht="409.5" x14ac:dyDescent="0.25">
      <c r="A18585" s="4" t="s">
        <v>38555</v>
      </c>
      <c r="B18585" s="1" t="s">
        <v>57944</v>
      </c>
      <c r="C18585" s="1" t="s">
        <v>38556</v>
      </c>
      <c r="D18585" s="2">
        <v>171413</v>
      </c>
      <c r="E18585" s="1" t="s">
        <v>0</v>
      </c>
    </row>
    <row r="18586" spans="1:5" x14ac:dyDescent="0.25">
      <c r="A18586" s="1" t="s">
        <v>38557</v>
      </c>
      <c r="B18586" s="1" t="s">
        <v>55106</v>
      </c>
      <c r="C18586" s="1" t="s">
        <v>38558</v>
      </c>
      <c r="D18586" s="2">
        <v>171414</v>
      </c>
      <c r="E18586" s="1" t="s">
        <v>0</v>
      </c>
    </row>
    <row r="18587" spans="1:5" x14ac:dyDescent="0.25">
      <c r="A18587" s="2">
        <v>3717</v>
      </c>
      <c r="B18587" s="2">
        <v>3717</v>
      </c>
      <c r="C18587" s="1" t="s">
        <v>0</v>
      </c>
      <c r="D18587" s="2">
        <v>171415</v>
      </c>
      <c r="E18587" s="1" t="s">
        <v>0</v>
      </c>
    </row>
    <row r="18588" spans="1:5" x14ac:dyDescent="0.25">
      <c r="A18588" s="1" t="s">
        <v>3380</v>
      </c>
      <c r="B18588" s="1" t="s">
        <v>10347</v>
      </c>
      <c r="C18588" s="1" t="s">
        <v>38559</v>
      </c>
      <c r="D18588" s="2">
        <v>171416</v>
      </c>
      <c r="E18588" s="1" t="s">
        <v>0</v>
      </c>
    </row>
    <row r="18589" spans="1:5" x14ac:dyDescent="0.25">
      <c r="A18589" s="1" t="s">
        <v>38560</v>
      </c>
      <c r="B18589" s="1" t="s">
        <v>10348</v>
      </c>
      <c r="C18589" s="1" t="s">
        <v>38561</v>
      </c>
      <c r="D18589" s="2">
        <v>171417</v>
      </c>
      <c r="E18589" s="1" t="s">
        <v>0</v>
      </c>
    </row>
    <row r="18590" spans="1:5" ht="409.5" x14ac:dyDescent="0.25">
      <c r="A18590" s="4" t="s">
        <v>38562</v>
      </c>
      <c r="B18590" s="1" t="s">
        <v>10349</v>
      </c>
      <c r="C18590" s="1" t="s">
        <v>38563</v>
      </c>
      <c r="D18590" s="2">
        <v>171418</v>
      </c>
      <c r="E18590" s="1" t="s">
        <v>0</v>
      </c>
    </row>
    <row r="18591" spans="1:5" x14ac:dyDescent="0.25">
      <c r="A18591" s="1" t="s">
        <v>38564</v>
      </c>
      <c r="B18591" s="1" t="s">
        <v>55107</v>
      </c>
      <c r="C18591" s="1" t="s">
        <v>38565</v>
      </c>
      <c r="D18591" s="2">
        <v>171419</v>
      </c>
      <c r="E18591" s="1" t="s">
        <v>0</v>
      </c>
    </row>
    <row r="18592" spans="1:5" x14ac:dyDescent="0.25">
      <c r="A18592" s="2">
        <v>3718</v>
      </c>
      <c r="B18592" s="2">
        <v>3718</v>
      </c>
      <c r="C18592" s="1" t="s">
        <v>0</v>
      </c>
      <c r="D18592" s="2">
        <v>171420</v>
      </c>
      <c r="E18592" s="1" t="s">
        <v>0</v>
      </c>
    </row>
    <row r="18593" spans="1:5" x14ac:dyDescent="0.25">
      <c r="A18593" s="1" t="s">
        <v>3381</v>
      </c>
      <c r="B18593" s="1" t="s">
        <v>10350</v>
      </c>
      <c r="C18593" s="1" t="s">
        <v>38566</v>
      </c>
      <c r="D18593" s="2">
        <v>171421</v>
      </c>
      <c r="E18593" s="1" t="s">
        <v>0</v>
      </c>
    </row>
    <row r="18594" spans="1:5" x14ac:dyDescent="0.25">
      <c r="A18594" s="1" t="s">
        <v>38567</v>
      </c>
      <c r="B18594" s="1" t="s">
        <v>60169</v>
      </c>
      <c r="C18594" s="1" t="s">
        <v>38568</v>
      </c>
      <c r="D18594" s="2">
        <v>171422</v>
      </c>
      <c r="E18594" s="1" t="s">
        <v>0</v>
      </c>
    </row>
    <row r="18595" spans="1:5" ht="409.5" x14ac:dyDescent="0.25">
      <c r="A18595" s="4" t="s">
        <v>38569</v>
      </c>
      <c r="B18595" s="1" t="s">
        <v>60170</v>
      </c>
      <c r="C18595" s="1" t="s">
        <v>38570</v>
      </c>
      <c r="D18595" s="2">
        <v>171423</v>
      </c>
      <c r="E18595" s="1" t="s">
        <v>0</v>
      </c>
    </row>
    <row r="18596" spans="1:5" x14ac:dyDescent="0.25">
      <c r="A18596" s="1" t="s">
        <v>38571</v>
      </c>
      <c r="B18596" s="1" t="s">
        <v>57301</v>
      </c>
      <c r="C18596" s="1" t="s">
        <v>38572</v>
      </c>
      <c r="D18596" s="2">
        <v>171424</v>
      </c>
      <c r="E18596" s="1" t="s">
        <v>0</v>
      </c>
    </row>
    <row r="18597" spans="1:5" x14ac:dyDescent="0.25">
      <c r="A18597" s="2">
        <v>3719</v>
      </c>
      <c r="B18597" s="2">
        <v>3719</v>
      </c>
      <c r="C18597" s="1" t="s">
        <v>0</v>
      </c>
      <c r="D18597" s="2">
        <v>171425</v>
      </c>
      <c r="E18597" s="1" t="s">
        <v>0</v>
      </c>
    </row>
    <row r="18598" spans="1:5" x14ac:dyDescent="0.25">
      <c r="A18598" s="1" t="s">
        <v>3382</v>
      </c>
      <c r="B18598" s="1" t="s">
        <v>10351</v>
      </c>
      <c r="C18598" s="1" t="s">
        <v>38573</v>
      </c>
      <c r="D18598" s="2">
        <v>171426</v>
      </c>
      <c r="E18598" s="1" t="s">
        <v>0</v>
      </c>
    </row>
    <row r="18599" spans="1:5" x14ac:dyDescent="0.25">
      <c r="A18599" s="1" t="s">
        <v>38574</v>
      </c>
      <c r="B18599" s="1" t="s">
        <v>10352</v>
      </c>
      <c r="C18599" s="1" t="s">
        <v>38575</v>
      </c>
      <c r="D18599" s="2">
        <v>171427</v>
      </c>
      <c r="E18599" s="1" t="s">
        <v>0</v>
      </c>
    </row>
    <row r="18600" spans="1:5" ht="409.5" x14ac:dyDescent="0.25">
      <c r="A18600" s="4" t="s">
        <v>64282</v>
      </c>
      <c r="B18600" s="1" t="s">
        <v>63462</v>
      </c>
      <c r="C18600" s="1" t="s">
        <v>38576</v>
      </c>
      <c r="D18600" s="2">
        <v>171428</v>
      </c>
      <c r="E18600" s="1" t="s">
        <v>0</v>
      </c>
    </row>
    <row r="18601" spans="1:5" x14ac:dyDescent="0.25">
      <c r="A18601" s="1" t="s">
        <v>38577</v>
      </c>
      <c r="B18601" s="1" t="s">
        <v>10353</v>
      </c>
      <c r="C18601" s="1" t="s">
        <v>38578</v>
      </c>
      <c r="D18601" s="2">
        <v>171429</v>
      </c>
      <c r="E18601" s="1" t="s">
        <v>0</v>
      </c>
    </row>
    <row r="18602" spans="1:5" x14ac:dyDescent="0.25">
      <c r="A18602" s="2">
        <v>3720</v>
      </c>
      <c r="B18602" s="2">
        <v>3720</v>
      </c>
      <c r="C18602" s="1" t="s">
        <v>0</v>
      </c>
      <c r="D18602" s="2">
        <v>171430</v>
      </c>
      <c r="E18602" s="1" t="s">
        <v>0</v>
      </c>
    </row>
    <row r="18603" spans="1:5" x14ac:dyDescent="0.25">
      <c r="A18603" s="1" t="s">
        <v>3383</v>
      </c>
      <c r="B18603" s="1" t="s">
        <v>10354</v>
      </c>
      <c r="C18603" s="1" t="s">
        <v>38579</v>
      </c>
      <c r="D18603" s="2">
        <v>171431</v>
      </c>
      <c r="E18603" s="1" t="s">
        <v>0</v>
      </c>
    </row>
    <row r="18604" spans="1:5" x14ac:dyDescent="0.25">
      <c r="A18604" s="1" t="s">
        <v>38580</v>
      </c>
      <c r="B18604" s="1" t="s">
        <v>55108</v>
      </c>
      <c r="C18604" s="1" t="s">
        <v>38581</v>
      </c>
      <c r="D18604" s="2">
        <v>171432</v>
      </c>
      <c r="E18604" s="1" t="s">
        <v>0</v>
      </c>
    </row>
    <row r="18605" spans="1:5" ht="409.5" x14ac:dyDescent="0.25">
      <c r="A18605" s="4" t="s">
        <v>38582</v>
      </c>
      <c r="B18605" s="1" t="s">
        <v>55109</v>
      </c>
      <c r="C18605" s="1" t="s">
        <v>38583</v>
      </c>
      <c r="D18605" s="2">
        <v>171433</v>
      </c>
      <c r="E18605" s="1" t="s">
        <v>0</v>
      </c>
    </row>
    <row r="18606" spans="1:5" x14ac:dyDescent="0.25">
      <c r="A18606" s="1" t="s">
        <v>38584</v>
      </c>
      <c r="B18606" s="1" t="s">
        <v>3384</v>
      </c>
      <c r="C18606" s="1" t="s">
        <v>38585</v>
      </c>
      <c r="D18606" s="2">
        <v>171434</v>
      </c>
      <c r="E18606" s="1" t="s">
        <v>0</v>
      </c>
    </row>
    <row r="18607" spans="1:5" x14ac:dyDescent="0.25">
      <c r="A18607" s="2">
        <v>3721</v>
      </c>
      <c r="B18607" s="2">
        <v>3721</v>
      </c>
      <c r="C18607" s="1" t="s">
        <v>0</v>
      </c>
      <c r="D18607" s="2">
        <v>171435</v>
      </c>
      <c r="E18607" s="1" t="s">
        <v>0</v>
      </c>
    </row>
    <row r="18608" spans="1:5" x14ac:dyDescent="0.25">
      <c r="A18608" s="1" t="s">
        <v>3385</v>
      </c>
      <c r="B18608" s="1" t="s">
        <v>10355</v>
      </c>
      <c r="C18608" s="1" t="s">
        <v>38586</v>
      </c>
      <c r="D18608" s="2">
        <v>171436</v>
      </c>
      <c r="E18608" s="1" t="s">
        <v>0</v>
      </c>
    </row>
    <row r="18609" spans="1:5" x14ac:dyDescent="0.25">
      <c r="A18609" s="1" t="s">
        <v>38587</v>
      </c>
      <c r="B18609" s="1" t="s">
        <v>55110</v>
      </c>
      <c r="C18609" s="1" t="s">
        <v>38588</v>
      </c>
      <c r="D18609" s="2">
        <v>171437</v>
      </c>
      <c r="E18609" s="1" t="s">
        <v>0</v>
      </c>
    </row>
    <row r="18610" spans="1:5" ht="409.5" x14ac:dyDescent="0.25">
      <c r="A18610" s="4" t="s">
        <v>38589</v>
      </c>
      <c r="B18610" s="1" t="s">
        <v>63463</v>
      </c>
      <c r="C18610" s="1" t="s">
        <v>38590</v>
      </c>
      <c r="D18610" s="2">
        <v>171438</v>
      </c>
      <c r="E18610" s="1" t="s">
        <v>0</v>
      </c>
    </row>
    <row r="18611" spans="1:5" x14ac:dyDescent="0.25">
      <c r="A18611" s="1" t="s">
        <v>38591</v>
      </c>
      <c r="B18611" s="1" t="s">
        <v>10356</v>
      </c>
      <c r="C18611" s="1" t="s">
        <v>38592</v>
      </c>
      <c r="D18611" s="2">
        <v>171439</v>
      </c>
      <c r="E18611" s="1" t="s">
        <v>0</v>
      </c>
    </row>
    <row r="18612" spans="1:5" x14ac:dyDescent="0.25">
      <c r="A18612" s="2">
        <v>3722</v>
      </c>
      <c r="B18612" s="2">
        <v>3722</v>
      </c>
      <c r="C18612" s="1" t="s">
        <v>0</v>
      </c>
      <c r="D18612" s="2">
        <v>171440</v>
      </c>
      <c r="E18612" s="1" t="s">
        <v>0</v>
      </c>
    </row>
    <row r="18613" spans="1:5" x14ac:dyDescent="0.25">
      <c r="A18613" s="1" t="s">
        <v>10357</v>
      </c>
      <c r="B18613" s="1" t="s">
        <v>10358</v>
      </c>
      <c r="C18613" s="1" t="s">
        <v>38593</v>
      </c>
      <c r="D18613" s="2">
        <v>171441</v>
      </c>
      <c r="E18613" s="1" t="s">
        <v>0</v>
      </c>
    </row>
    <row r="18614" spans="1:5" x14ac:dyDescent="0.25">
      <c r="A18614" s="1" t="s">
        <v>38594</v>
      </c>
      <c r="B18614" s="1" t="s">
        <v>57945</v>
      </c>
      <c r="C18614" s="1" t="s">
        <v>38595</v>
      </c>
      <c r="D18614" s="2">
        <v>171442</v>
      </c>
      <c r="E18614" s="1" t="s">
        <v>0</v>
      </c>
    </row>
    <row r="18615" spans="1:5" ht="409.5" x14ac:dyDescent="0.25">
      <c r="A18615" s="4" t="s">
        <v>38596</v>
      </c>
      <c r="B18615" s="1" t="s">
        <v>60171</v>
      </c>
      <c r="C18615" s="1" t="s">
        <v>38597</v>
      </c>
      <c r="D18615" s="2">
        <v>171443</v>
      </c>
      <c r="E18615" s="1" t="s">
        <v>0</v>
      </c>
    </row>
    <row r="18616" spans="1:5" x14ac:dyDescent="0.25">
      <c r="A18616" s="1" t="s">
        <v>38598</v>
      </c>
      <c r="B18616" s="1" t="s">
        <v>55111</v>
      </c>
      <c r="C18616" s="1" t="s">
        <v>38599</v>
      </c>
      <c r="D18616" s="2">
        <v>171444</v>
      </c>
      <c r="E18616" s="1" t="s">
        <v>0</v>
      </c>
    </row>
    <row r="18617" spans="1:5" x14ac:dyDescent="0.25">
      <c r="A18617" s="2">
        <v>3723</v>
      </c>
      <c r="B18617" s="2">
        <v>3723</v>
      </c>
      <c r="C18617" s="1" t="s">
        <v>0</v>
      </c>
      <c r="D18617" s="2">
        <v>171445</v>
      </c>
      <c r="E18617" s="1" t="s">
        <v>0</v>
      </c>
    </row>
    <row r="18618" spans="1:5" x14ac:dyDescent="0.25">
      <c r="A18618" s="1" t="s">
        <v>3386</v>
      </c>
      <c r="B18618" s="1" t="s">
        <v>10359</v>
      </c>
      <c r="C18618" s="1" t="s">
        <v>38600</v>
      </c>
      <c r="D18618" s="2">
        <v>171446</v>
      </c>
      <c r="E18618" s="1" t="s">
        <v>0</v>
      </c>
    </row>
    <row r="18619" spans="1:5" x14ac:dyDescent="0.25">
      <c r="A18619" s="1" t="s">
        <v>38601</v>
      </c>
      <c r="B18619" s="1" t="s">
        <v>55112</v>
      </c>
      <c r="C18619" s="1" t="s">
        <v>38602</v>
      </c>
      <c r="D18619" s="2">
        <v>171447</v>
      </c>
      <c r="E18619" s="1" t="s">
        <v>0</v>
      </c>
    </row>
    <row r="18620" spans="1:5" ht="409.5" x14ac:dyDescent="0.25">
      <c r="A18620" s="4" t="s">
        <v>38603</v>
      </c>
      <c r="B18620" s="1" t="s">
        <v>55113</v>
      </c>
      <c r="C18620" s="1" t="s">
        <v>38604</v>
      </c>
      <c r="D18620" s="2">
        <v>171448</v>
      </c>
      <c r="E18620" s="1" t="s">
        <v>0</v>
      </c>
    </row>
    <row r="18621" spans="1:5" x14ac:dyDescent="0.25">
      <c r="A18621" s="1" t="s">
        <v>38605</v>
      </c>
      <c r="B18621" s="1" t="s">
        <v>61266</v>
      </c>
      <c r="C18621" s="1" t="s">
        <v>38606</v>
      </c>
      <c r="D18621" s="2">
        <v>171449</v>
      </c>
      <c r="E18621" s="1" t="s">
        <v>0</v>
      </c>
    </row>
    <row r="18622" spans="1:5" x14ac:dyDescent="0.25">
      <c r="A18622" s="2">
        <v>3724</v>
      </c>
      <c r="B18622" s="2">
        <v>3724</v>
      </c>
      <c r="C18622" s="1" t="s">
        <v>0</v>
      </c>
      <c r="D18622" s="2">
        <v>171450</v>
      </c>
      <c r="E18622" s="1" t="s">
        <v>0</v>
      </c>
    </row>
    <row r="18623" spans="1:5" x14ac:dyDescent="0.25">
      <c r="A18623" s="1" t="s">
        <v>3387</v>
      </c>
      <c r="B18623" s="1" t="s">
        <v>10360</v>
      </c>
      <c r="C18623" s="1" t="s">
        <v>38607</v>
      </c>
      <c r="D18623" s="2">
        <v>171451</v>
      </c>
      <c r="E18623" s="1" t="s">
        <v>0</v>
      </c>
    </row>
    <row r="18624" spans="1:5" x14ac:dyDescent="0.25">
      <c r="A18624" s="1" t="s">
        <v>38608</v>
      </c>
      <c r="B18624" s="1" t="s">
        <v>55114</v>
      </c>
      <c r="C18624" s="1" t="s">
        <v>38609</v>
      </c>
      <c r="D18624" s="2">
        <v>171452</v>
      </c>
      <c r="E18624" s="1" t="s">
        <v>0</v>
      </c>
    </row>
    <row r="18625" spans="1:5" ht="409.5" x14ac:dyDescent="0.25">
      <c r="A18625" s="4" t="s">
        <v>38610</v>
      </c>
      <c r="B18625" s="1" t="s">
        <v>58501</v>
      </c>
      <c r="C18625" s="1" t="s">
        <v>38611</v>
      </c>
      <c r="D18625" s="2">
        <v>171453</v>
      </c>
      <c r="E18625" s="1" t="s">
        <v>0</v>
      </c>
    </row>
    <row r="18626" spans="1:5" x14ac:dyDescent="0.25">
      <c r="A18626" s="1" t="s">
        <v>29743</v>
      </c>
      <c r="B18626" s="1" t="s">
        <v>61120</v>
      </c>
      <c r="C18626" s="1" t="s">
        <v>29744</v>
      </c>
      <c r="D18626" s="2">
        <v>171454</v>
      </c>
      <c r="E18626" s="1" t="s">
        <v>0</v>
      </c>
    </row>
    <row r="18627" spans="1:5" x14ac:dyDescent="0.25">
      <c r="A18627" s="2">
        <v>3725</v>
      </c>
      <c r="B18627" s="2">
        <v>3725</v>
      </c>
      <c r="C18627" s="1" t="s">
        <v>0</v>
      </c>
      <c r="D18627" s="2">
        <v>171455</v>
      </c>
      <c r="E18627" s="1" t="s">
        <v>0</v>
      </c>
    </row>
    <row r="18628" spans="1:5" x14ac:dyDescent="0.25">
      <c r="A18628" s="1" t="s">
        <v>3388</v>
      </c>
      <c r="B18628" s="1" t="s">
        <v>10361</v>
      </c>
      <c r="C18628" s="1" t="s">
        <v>38612</v>
      </c>
      <c r="D18628" s="2">
        <v>171456</v>
      </c>
      <c r="E18628" s="1" t="s">
        <v>0</v>
      </c>
    </row>
    <row r="18629" spans="1:5" x14ac:dyDescent="0.25">
      <c r="A18629" s="1" t="s">
        <v>38613</v>
      </c>
      <c r="B18629" s="1" t="s">
        <v>60172</v>
      </c>
      <c r="C18629" s="1" t="s">
        <v>38614</v>
      </c>
      <c r="D18629" s="2">
        <v>171457</v>
      </c>
      <c r="E18629" s="1" t="s">
        <v>0</v>
      </c>
    </row>
    <row r="18630" spans="1:5" ht="409.5" x14ac:dyDescent="0.25">
      <c r="A18630" s="4" t="s">
        <v>38615</v>
      </c>
      <c r="B18630" s="1" t="s">
        <v>60173</v>
      </c>
      <c r="C18630" s="1" t="s">
        <v>38616</v>
      </c>
      <c r="D18630" s="2">
        <v>171458</v>
      </c>
      <c r="E18630" s="1" t="s">
        <v>0</v>
      </c>
    </row>
    <row r="18631" spans="1:5" x14ac:dyDescent="0.25">
      <c r="A18631" s="1" t="s">
        <v>38617</v>
      </c>
      <c r="B18631" s="1" t="s">
        <v>60174</v>
      </c>
      <c r="C18631" s="1" t="s">
        <v>38618</v>
      </c>
      <c r="D18631" s="2">
        <v>171459</v>
      </c>
      <c r="E18631" s="1" t="s">
        <v>0</v>
      </c>
    </row>
    <row r="18632" spans="1:5" x14ac:dyDescent="0.25">
      <c r="A18632" s="2">
        <v>3726</v>
      </c>
      <c r="B18632" s="2">
        <v>3726</v>
      </c>
      <c r="C18632" s="1" t="s">
        <v>0</v>
      </c>
      <c r="D18632" s="2">
        <v>171460</v>
      </c>
      <c r="E18632" s="1" t="s">
        <v>0</v>
      </c>
    </row>
    <row r="18633" spans="1:5" x14ac:dyDescent="0.25">
      <c r="A18633" s="1" t="s">
        <v>3389</v>
      </c>
      <c r="B18633" s="1" t="s">
        <v>10362</v>
      </c>
      <c r="C18633" s="1" t="s">
        <v>38619</v>
      </c>
      <c r="D18633" s="2">
        <v>171461</v>
      </c>
      <c r="E18633" s="1" t="s">
        <v>0</v>
      </c>
    </row>
    <row r="18634" spans="1:5" x14ac:dyDescent="0.25">
      <c r="A18634" s="1" t="s">
        <v>38620</v>
      </c>
      <c r="B18634" s="1" t="s">
        <v>63789</v>
      </c>
      <c r="C18634" s="1" t="s">
        <v>38621</v>
      </c>
      <c r="D18634" s="2">
        <v>171462</v>
      </c>
      <c r="E18634" s="1" t="s">
        <v>0</v>
      </c>
    </row>
    <row r="18635" spans="1:5" ht="409.5" x14ac:dyDescent="0.25">
      <c r="A18635" s="4" t="s">
        <v>38622</v>
      </c>
      <c r="B18635" s="1" t="s">
        <v>63790</v>
      </c>
      <c r="C18635" s="1" t="s">
        <v>38623</v>
      </c>
      <c r="D18635" s="2">
        <v>171463</v>
      </c>
      <c r="E18635" s="1" t="s">
        <v>0</v>
      </c>
    </row>
    <row r="18636" spans="1:5" x14ac:dyDescent="0.25">
      <c r="A18636" s="1" t="s">
        <v>16086</v>
      </c>
      <c r="B18636" s="1" t="s">
        <v>60897</v>
      </c>
      <c r="C18636" s="1" t="s">
        <v>16087</v>
      </c>
      <c r="D18636" s="2">
        <v>171464</v>
      </c>
      <c r="E18636" s="1" t="s">
        <v>0</v>
      </c>
    </row>
    <row r="18637" spans="1:5" x14ac:dyDescent="0.25">
      <c r="A18637" s="2">
        <v>3727</v>
      </c>
      <c r="B18637" s="2">
        <v>3727</v>
      </c>
      <c r="C18637" s="1" t="s">
        <v>0</v>
      </c>
      <c r="D18637" s="2">
        <v>171465</v>
      </c>
      <c r="E18637" s="1" t="s">
        <v>0</v>
      </c>
    </row>
    <row r="18638" spans="1:5" x14ac:dyDescent="0.25">
      <c r="A18638" s="1" t="s">
        <v>3390</v>
      </c>
      <c r="B18638" s="1" t="s">
        <v>10363</v>
      </c>
      <c r="C18638" s="1" t="s">
        <v>38624</v>
      </c>
      <c r="D18638" s="2">
        <v>171466</v>
      </c>
      <c r="E18638" s="1" t="s">
        <v>0</v>
      </c>
    </row>
    <row r="18639" spans="1:5" x14ac:dyDescent="0.25">
      <c r="A18639" s="1" t="s">
        <v>38625</v>
      </c>
      <c r="B18639" s="1" t="s">
        <v>62766</v>
      </c>
      <c r="C18639" s="1" t="s">
        <v>38626</v>
      </c>
      <c r="D18639" s="2">
        <v>171467</v>
      </c>
      <c r="E18639" s="1" t="s">
        <v>0</v>
      </c>
    </row>
    <row r="18640" spans="1:5" ht="409.5" x14ac:dyDescent="0.25">
      <c r="A18640" s="4" t="s">
        <v>38627</v>
      </c>
      <c r="B18640" s="1" t="s">
        <v>62767</v>
      </c>
      <c r="C18640" s="1" t="s">
        <v>38628</v>
      </c>
      <c r="D18640" s="2">
        <v>171468</v>
      </c>
      <c r="E18640" s="1" t="s">
        <v>0</v>
      </c>
    </row>
    <row r="18641" spans="1:5" x14ac:dyDescent="0.25">
      <c r="A18641" s="1" t="s">
        <v>15303</v>
      </c>
      <c r="B18641" s="1" t="s">
        <v>60888</v>
      </c>
      <c r="C18641" s="1" t="s">
        <v>15304</v>
      </c>
      <c r="D18641" s="2">
        <v>171469</v>
      </c>
      <c r="E18641" s="1" t="s">
        <v>0</v>
      </c>
    </row>
    <row r="18642" spans="1:5" x14ac:dyDescent="0.25">
      <c r="A18642" s="2">
        <v>3728</v>
      </c>
      <c r="B18642" s="2">
        <v>3728</v>
      </c>
      <c r="C18642" s="1" t="s">
        <v>0</v>
      </c>
      <c r="D18642" s="2">
        <v>171470</v>
      </c>
      <c r="E18642" s="1" t="s">
        <v>0</v>
      </c>
    </row>
    <row r="18643" spans="1:5" x14ac:dyDescent="0.25">
      <c r="A18643" s="1" t="s">
        <v>3391</v>
      </c>
      <c r="B18643" s="1" t="s">
        <v>10364</v>
      </c>
      <c r="C18643" s="1" t="s">
        <v>38629</v>
      </c>
      <c r="D18643" s="2">
        <v>171471</v>
      </c>
      <c r="E18643" s="1" t="s">
        <v>0</v>
      </c>
    </row>
    <row r="18644" spans="1:5" x14ac:dyDescent="0.25">
      <c r="A18644" s="1" t="s">
        <v>38630</v>
      </c>
      <c r="B18644" s="1" t="s">
        <v>57302</v>
      </c>
      <c r="C18644" s="1" t="s">
        <v>38631</v>
      </c>
      <c r="D18644" s="2">
        <v>171472</v>
      </c>
      <c r="E18644" s="1" t="s">
        <v>0</v>
      </c>
    </row>
    <row r="18645" spans="1:5" ht="409.5" x14ac:dyDescent="0.25">
      <c r="A18645" s="4" t="s">
        <v>38632</v>
      </c>
      <c r="B18645" s="1" t="s">
        <v>57946</v>
      </c>
      <c r="C18645" s="1" t="s">
        <v>38633</v>
      </c>
      <c r="D18645" s="2">
        <v>171473</v>
      </c>
      <c r="E18645" s="1" t="s">
        <v>0</v>
      </c>
    </row>
    <row r="18646" spans="1:5" x14ac:dyDescent="0.25">
      <c r="A18646" s="1" t="s">
        <v>38634</v>
      </c>
      <c r="B18646" s="1" t="s">
        <v>10365</v>
      </c>
      <c r="C18646" s="1" t="s">
        <v>38635</v>
      </c>
      <c r="D18646" s="2">
        <v>171474</v>
      </c>
      <c r="E18646" s="1" t="s">
        <v>0</v>
      </c>
    </row>
    <row r="18647" spans="1:5" x14ac:dyDescent="0.25">
      <c r="A18647" s="2">
        <v>3729</v>
      </c>
      <c r="B18647" s="2">
        <v>3729</v>
      </c>
      <c r="C18647" s="1" t="s">
        <v>0</v>
      </c>
      <c r="D18647" s="2">
        <v>171475</v>
      </c>
      <c r="E18647" s="1" t="s">
        <v>0</v>
      </c>
    </row>
    <row r="18648" spans="1:5" x14ac:dyDescent="0.25">
      <c r="A18648" s="1" t="s">
        <v>3392</v>
      </c>
      <c r="B18648" s="1" t="s">
        <v>10366</v>
      </c>
      <c r="C18648" s="1" t="s">
        <v>38636</v>
      </c>
      <c r="D18648" s="2">
        <v>171476</v>
      </c>
      <c r="E18648" s="1" t="s">
        <v>0</v>
      </c>
    </row>
    <row r="18649" spans="1:5" x14ac:dyDescent="0.25">
      <c r="A18649" s="1" t="s">
        <v>38637</v>
      </c>
      <c r="B18649" s="1" t="s">
        <v>10367</v>
      </c>
      <c r="C18649" s="1" t="s">
        <v>38638</v>
      </c>
      <c r="D18649" s="2">
        <v>171477</v>
      </c>
      <c r="E18649" s="1" t="s">
        <v>0</v>
      </c>
    </row>
    <row r="18650" spans="1:5" ht="409.5" x14ac:dyDescent="0.25">
      <c r="A18650" s="4" t="s">
        <v>38639</v>
      </c>
      <c r="B18650" s="1" t="s">
        <v>63464</v>
      </c>
      <c r="C18650" s="1" t="s">
        <v>38640</v>
      </c>
      <c r="D18650" s="2">
        <v>171478</v>
      </c>
      <c r="E18650" s="1" t="s">
        <v>0</v>
      </c>
    </row>
    <row r="18651" spans="1:5" x14ac:dyDescent="0.25">
      <c r="A18651" s="1" t="s">
        <v>38641</v>
      </c>
      <c r="B18651" s="1" t="s">
        <v>55115</v>
      </c>
      <c r="C18651" s="1" t="s">
        <v>38642</v>
      </c>
      <c r="D18651" s="2">
        <v>171479</v>
      </c>
      <c r="E18651" s="1" t="s">
        <v>0</v>
      </c>
    </row>
    <row r="18652" spans="1:5" x14ac:dyDescent="0.25">
      <c r="A18652" s="2">
        <v>3730</v>
      </c>
      <c r="B18652" s="2">
        <v>3730</v>
      </c>
      <c r="C18652" s="1" t="s">
        <v>0</v>
      </c>
      <c r="D18652" s="2">
        <v>171480</v>
      </c>
      <c r="E18652" s="1" t="s">
        <v>0</v>
      </c>
    </row>
    <row r="18653" spans="1:5" x14ac:dyDescent="0.25">
      <c r="A18653" s="1" t="s">
        <v>3393</v>
      </c>
      <c r="B18653" s="1" t="s">
        <v>10368</v>
      </c>
      <c r="C18653" s="1" t="s">
        <v>38643</v>
      </c>
      <c r="D18653" s="2">
        <v>171481</v>
      </c>
      <c r="E18653" s="1" t="s">
        <v>0</v>
      </c>
    </row>
    <row r="18654" spans="1:5" x14ac:dyDescent="0.25">
      <c r="A18654" s="1" t="s">
        <v>38644</v>
      </c>
      <c r="B18654" s="1" t="s">
        <v>56830</v>
      </c>
      <c r="C18654" s="1" t="s">
        <v>38645</v>
      </c>
      <c r="D18654" s="2">
        <v>171482</v>
      </c>
      <c r="E18654" s="1" t="s">
        <v>0</v>
      </c>
    </row>
    <row r="18655" spans="1:5" ht="409.5" x14ac:dyDescent="0.25">
      <c r="A18655" s="4" t="s">
        <v>38646</v>
      </c>
      <c r="B18655" s="1" t="s">
        <v>56831</v>
      </c>
      <c r="C18655" s="1" t="s">
        <v>38647</v>
      </c>
      <c r="D18655" s="2">
        <v>171483</v>
      </c>
      <c r="E18655" s="1" t="s">
        <v>0</v>
      </c>
    </row>
    <row r="18656" spans="1:5" x14ac:dyDescent="0.25">
      <c r="A18656" s="1" t="s">
        <v>38648</v>
      </c>
      <c r="B18656" s="1" t="s">
        <v>10369</v>
      </c>
      <c r="C18656" s="1" t="s">
        <v>38649</v>
      </c>
      <c r="D18656" s="2">
        <v>171484</v>
      </c>
      <c r="E18656" s="1" t="s">
        <v>0</v>
      </c>
    </row>
    <row r="18657" spans="1:5" x14ac:dyDescent="0.25">
      <c r="A18657" s="2">
        <v>3731</v>
      </c>
      <c r="B18657" s="2">
        <v>3731</v>
      </c>
      <c r="C18657" s="1" t="s">
        <v>0</v>
      </c>
      <c r="D18657" s="2">
        <v>171485</v>
      </c>
      <c r="E18657" s="1" t="s">
        <v>0</v>
      </c>
    </row>
    <row r="18658" spans="1:5" x14ac:dyDescent="0.25">
      <c r="A18658" s="1" t="s">
        <v>3394</v>
      </c>
      <c r="B18658" s="1" t="s">
        <v>10370</v>
      </c>
      <c r="C18658" s="1" t="s">
        <v>38650</v>
      </c>
      <c r="D18658" s="2">
        <v>171486</v>
      </c>
      <c r="E18658" s="1" t="s">
        <v>0</v>
      </c>
    </row>
    <row r="18659" spans="1:5" x14ac:dyDescent="0.25">
      <c r="A18659" s="1" t="s">
        <v>38651</v>
      </c>
      <c r="B18659" s="1" t="s">
        <v>62768</v>
      </c>
      <c r="C18659" s="1" t="s">
        <v>38652</v>
      </c>
      <c r="D18659" s="2">
        <v>171487</v>
      </c>
      <c r="E18659" s="1" t="s">
        <v>0</v>
      </c>
    </row>
    <row r="18660" spans="1:5" ht="409.5" x14ac:dyDescent="0.25">
      <c r="A18660" s="4" t="s">
        <v>38653</v>
      </c>
      <c r="B18660" s="1" t="s">
        <v>62769</v>
      </c>
      <c r="C18660" s="1" t="s">
        <v>38654</v>
      </c>
      <c r="D18660" s="2">
        <v>171488</v>
      </c>
      <c r="E18660" s="1" t="s">
        <v>0</v>
      </c>
    </row>
    <row r="18661" spans="1:5" x14ac:dyDescent="0.25">
      <c r="A18661" s="1" t="s">
        <v>38655</v>
      </c>
      <c r="B18661" s="1" t="s">
        <v>55116</v>
      </c>
      <c r="C18661" s="1" t="s">
        <v>38656</v>
      </c>
      <c r="D18661" s="2">
        <v>171489</v>
      </c>
      <c r="E18661" s="1" t="s">
        <v>0</v>
      </c>
    </row>
    <row r="18662" spans="1:5" x14ac:dyDescent="0.25">
      <c r="A18662" s="2">
        <v>3732</v>
      </c>
      <c r="B18662" s="2">
        <v>3732</v>
      </c>
      <c r="C18662" s="1" t="s">
        <v>0</v>
      </c>
      <c r="D18662" s="2">
        <v>171490</v>
      </c>
      <c r="E18662" s="1" t="s">
        <v>0</v>
      </c>
    </row>
    <row r="18663" spans="1:5" x14ac:dyDescent="0.25">
      <c r="A18663" s="1" t="s">
        <v>3395</v>
      </c>
      <c r="B18663" s="1" t="s">
        <v>10371</v>
      </c>
      <c r="C18663" s="1" t="s">
        <v>38657</v>
      </c>
      <c r="D18663" s="2">
        <v>171491</v>
      </c>
      <c r="E18663" s="1" t="s">
        <v>0</v>
      </c>
    </row>
    <row r="18664" spans="1:5" x14ac:dyDescent="0.25">
      <c r="A18664" s="1" t="s">
        <v>38658</v>
      </c>
      <c r="B18664" s="1" t="s">
        <v>10372</v>
      </c>
      <c r="C18664" s="1" t="s">
        <v>38659</v>
      </c>
      <c r="D18664" s="2">
        <v>171492</v>
      </c>
      <c r="E18664" s="1" t="s">
        <v>0</v>
      </c>
    </row>
    <row r="18665" spans="1:5" ht="409.5" x14ac:dyDescent="0.25">
      <c r="A18665" s="4" t="s">
        <v>38660</v>
      </c>
      <c r="B18665" s="1" t="s">
        <v>58502</v>
      </c>
      <c r="C18665" s="1" t="s">
        <v>38661</v>
      </c>
      <c r="D18665" s="2">
        <v>171493</v>
      </c>
      <c r="E18665" s="1" t="s">
        <v>0</v>
      </c>
    </row>
    <row r="18666" spans="1:5" x14ac:dyDescent="0.25">
      <c r="A18666" s="1" t="s">
        <v>38662</v>
      </c>
      <c r="B18666" s="1" t="s">
        <v>55117</v>
      </c>
      <c r="C18666" s="1" t="s">
        <v>38663</v>
      </c>
      <c r="D18666" s="2">
        <v>171494</v>
      </c>
      <c r="E18666" s="1" t="s">
        <v>0</v>
      </c>
    </row>
    <row r="18667" spans="1:5" x14ac:dyDescent="0.25">
      <c r="A18667" s="2">
        <v>3733</v>
      </c>
      <c r="B18667" s="2">
        <v>3733</v>
      </c>
      <c r="C18667" s="1" t="s">
        <v>0</v>
      </c>
      <c r="D18667" s="2">
        <v>171495</v>
      </c>
      <c r="E18667" s="1" t="s">
        <v>0</v>
      </c>
    </row>
    <row r="18668" spans="1:5" x14ac:dyDescent="0.25">
      <c r="A18668" s="1" t="s">
        <v>3396</v>
      </c>
      <c r="B18668" s="1" t="s">
        <v>10373</v>
      </c>
      <c r="C18668" s="1" t="s">
        <v>38664</v>
      </c>
      <c r="D18668" s="2">
        <v>171496</v>
      </c>
      <c r="E18668" s="1" t="s">
        <v>0</v>
      </c>
    </row>
    <row r="18669" spans="1:5" x14ac:dyDescent="0.25">
      <c r="A18669" s="1" t="s">
        <v>38665</v>
      </c>
      <c r="B18669" s="1" t="s">
        <v>55118</v>
      </c>
      <c r="C18669" s="1" t="s">
        <v>38666</v>
      </c>
      <c r="D18669" s="2">
        <v>171497</v>
      </c>
      <c r="E18669" s="1" t="s">
        <v>0</v>
      </c>
    </row>
    <row r="18670" spans="1:5" ht="409.5" x14ac:dyDescent="0.25">
      <c r="A18670" s="4" t="s">
        <v>38667</v>
      </c>
      <c r="B18670" s="1" t="s">
        <v>59662</v>
      </c>
      <c r="C18670" s="1" t="s">
        <v>38668</v>
      </c>
      <c r="D18670" s="2">
        <v>171498</v>
      </c>
      <c r="E18670" s="1" t="s">
        <v>0</v>
      </c>
    </row>
    <row r="18671" spans="1:5" x14ac:dyDescent="0.25">
      <c r="A18671" s="1" t="s">
        <v>38669</v>
      </c>
      <c r="B18671" s="1" t="s">
        <v>55119</v>
      </c>
      <c r="C18671" s="1" t="s">
        <v>38670</v>
      </c>
      <c r="D18671" s="2">
        <v>171499</v>
      </c>
      <c r="E18671" s="1" t="s">
        <v>0</v>
      </c>
    </row>
    <row r="18672" spans="1:5" x14ac:dyDescent="0.25">
      <c r="A18672" s="2">
        <v>3734</v>
      </c>
      <c r="B18672" s="2">
        <v>3734</v>
      </c>
      <c r="C18672" s="1" t="s">
        <v>0</v>
      </c>
      <c r="D18672" s="2">
        <v>171500</v>
      </c>
      <c r="E18672" s="1" t="s">
        <v>0</v>
      </c>
    </row>
    <row r="18673" spans="1:5" x14ac:dyDescent="0.25">
      <c r="A18673" s="1" t="s">
        <v>3397</v>
      </c>
      <c r="B18673" s="1" t="s">
        <v>10374</v>
      </c>
      <c r="C18673" s="1" t="s">
        <v>38671</v>
      </c>
      <c r="D18673" s="2">
        <v>171501</v>
      </c>
      <c r="E18673" s="1" t="s">
        <v>0</v>
      </c>
    </row>
    <row r="18674" spans="1:5" x14ac:dyDescent="0.25">
      <c r="A18674" s="1" t="s">
        <v>38672</v>
      </c>
      <c r="B18674" s="1" t="s">
        <v>58503</v>
      </c>
      <c r="C18674" s="1" t="s">
        <v>38673</v>
      </c>
      <c r="D18674" s="2">
        <v>171502</v>
      </c>
      <c r="E18674" s="1" t="s">
        <v>0</v>
      </c>
    </row>
    <row r="18675" spans="1:5" ht="409.5" x14ac:dyDescent="0.25">
      <c r="A18675" s="4" t="s">
        <v>38674</v>
      </c>
      <c r="B18675" s="1" t="s">
        <v>58504</v>
      </c>
      <c r="C18675" s="1" t="s">
        <v>38675</v>
      </c>
      <c r="D18675" s="2">
        <v>171503</v>
      </c>
      <c r="E18675" s="1" t="s">
        <v>0</v>
      </c>
    </row>
    <row r="18676" spans="1:5" x14ac:dyDescent="0.25">
      <c r="A18676" s="1" t="s">
        <v>38676</v>
      </c>
      <c r="B18676" s="1" t="s">
        <v>55120</v>
      </c>
      <c r="C18676" s="1" t="s">
        <v>38677</v>
      </c>
      <c r="D18676" s="2">
        <v>171504</v>
      </c>
      <c r="E18676" s="1" t="s">
        <v>0</v>
      </c>
    </row>
    <row r="18677" spans="1:5" x14ac:dyDescent="0.25">
      <c r="A18677" s="2">
        <v>3735</v>
      </c>
      <c r="B18677" s="2">
        <v>3735</v>
      </c>
      <c r="C18677" s="1" t="s">
        <v>0</v>
      </c>
      <c r="D18677" s="2">
        <v>171505</v>
      </c>
      <c r="E18677" s="1" t="s">
        <v>0</v>
      </c>
    </row>
    <row r="18678" spans="1:5" x14ac:dyDescent="0.25">
      <c r="A18678" s="1" t="s">
        <v>3398</v>
      </c>
      <c r="B18678" s="1" t="s">
        <v>10375</v>
      </c>
      <c r="C18678" s="1" t="s">
        <v>38678</v>
      </c>
      <c r="D18678" s="2">
        <v>171506</v>
      </c>
      <c r="E18678" s="1" t="s">
        <v>0</v>
      </c>
    </row>
    <row r="18679" spans="1:5" x14ac:dyDescent="0.25">
      <c r="A18679" s="1" t="s">
        <v>38679</v>
      </c>
      <c r="B18679" s="1" t="s">
        <v>62770</v>
      </c>
      <c r="C18679" s="1" t="s">
        <v>38680</v>
      </c>
      <c r="D18679" s="2">
        <v>171507</v>
      </c>
      <c r="E18679" s="1" t="s">
        <v>0</v>
      </c>
    </row>
    <row r="18680" spans="1:5" ht="409.5" x14ac:dyDescent="0.25">
      <c r="A18680" s="4" t="s">
        <v>38681</v>
      </c>
      <c r="B18680" s="1" t="s">
        <v>62771</v>
      </c>
      <c r="C18680" s="1" t="s">
        <v>38682</v>
      </c>
      <c r="D18680" s="2">
        <v>171508</v>
      </c>
      <c r="E18680" s="1" t="s">
        <v>0</v>
      </c>
    </row>
    <row r="18681" spans="1:5" x14ac:dyDescent="0.25">
      <c r="A18681" s="1" t="s">
        <v>38683</v>
      </c>
      <c r="B18681" s="1" t="s">
        <v>10376</v>
      </c>
      <c r="C18681" s="1" t="s">
        <v>38684</v>
      </c>
      <c r="D18681" s="2">
        <v>171509</v>
      </c>
      <c r="E18681" s="1" t="s">
        <v>0</v>
      </c>
    </row>
    <row r="18682" spans="1:5" x14ac:dyDescent="0.25">
      <c r="A18682" s="2">
        <v>3736</v>
      </c>
      <c r="B18682" s="2">
        <v>3736</v>
      </c>
      <c r="C18682" s="1" t="s">
        <v>0</v>
      </c>
      <c r="D18682" s="2">
        <v>171510</v>
      </c>
      <c r="E18682" s="1" t="s">
        <v>0</v>
      </c>
    </row>
    <row r="18683" spans="1:5" x14ac:dyDescent="0.25">
      <c r="A18683" s="1" t="s">
        <v>3399</v>
      </c>
      <c r="B18683" s="1" t="s">
        <v>58505</v>
      </c>
      <c r="C18683" s="1" t="s">
        <v>38685</v>
      </c>
      <c r="D18683" s="2">
        <v>171511</v>
      </c>
      <c r="E18683" s="1" t="s">
        <v>0</v>
      </c>
    </row>
    <row r="18684" spans="1:5" x14ac:dyDescent="0.25">
      <c r="A18684" s="1" t="s">
        <v>38686</v>
      </c>
      <c r="B18684" s="1" t="s">
        <v>58506</v>
      </c>
      <c r="C18684" s="1" t="s">
        <v>38687</v>
      </c>
      <c r="D18684" s="2">
        <v>171512</v>
      </c>
      <c r="E18684" s="1" t="s">
        <v>0</v>
      </c>
    </row>
    <row r="18685" spans="1:5" ht="409.5" x14ac:dyDescent="0.25">
      <c r="A18685" s="4" t="s">
        <v>38688</v>
      </c>
      <c r="B18685" s="1" t="s">
        <v>58507</v>
      </c>
      <c r="C18685" s="1" t="s">
        <v>38689</v>
      </c>
      <c r="D18685" s="2">
        <v>171513</v>
      </c>
      <c r="E18685" s="1" t="s">
        <v>0</v>
      </c>
    </row>
    <row r="18686" spans="1:5" x14ac:dyDescent="0.25">
      <c r="A18686" s="1" t="s">
        <v>38690</v>
      </c>
      <c r="B18686" s="1" t="s">
        <v>58508</v>
      </c>
      <c r="C18686" s="1" t="s">
        <v>38691</v>
      </c>
      <c r="D18686" s="2">
        <v>171514</v>
      </c>
      <c r="E18686" s="1" t="s">
        <v>0</v>
      </c>
    </row>
    <row r="18687" spans="1:5" x14ac:dyDescent="0.25">
      <c r="A18687" s="2">
        <v>3737</v>
      </c>
      <c r="B18687" s="2">
        <v>3737</v>
      </c>
      <c r="C18687" s="1" t="s">
        <v>0</v>
      </c>
      <c r="D18687" s="2">
        <v>171515</v>
      </c>
      <c r="E18687" s="1" t="s">
        <v>0</v>
      </c>
    </row>
    <row r="18688" spans="1:5" x14ac:dyDescent="0.25">
      <c r="A18688" s="1" t="s">
        <v>3400</v>
      </c>
      <c r="B18688" s="1" t="s">
        <v>10377</v>
      </c>
      <c r="C18688" s="1" t="s">
        <v>38692</v>
      </c>
      <c r="D18688" s="2">
        <v>171516</v>
      </c>
      <c r="E18688" s="1" t="s">
        <v>0</v>
      </c>
    </row>
    <row r="18689" spans="1:5" x14ac:dyDescent="0.25">
      <c r="A18689" s="1" t="s">
        <v>38693</v>
      </c>
      <c r="B18689" s="1" t="s">
        <v>55121</v>
      </c>
      <c r="C18689" s="1" t="s">
        <v>38694</v>
      </c>
      <c r="D18689" s="2">
        <v>171517</v>
      </c>
      <c r="E18689" s="1" t="s">
        <v>0</v>
      </c>
    </row>
    <row r="18690" spans="1:5" ht="409.5" x14ac:dyDescent="0.25">
      <c r="A18690" s="4" t="s">
        <v>38695</v>
      </c>
      <c r="B18690" s="1" t="s">
        <v>56832</v>
      </c>
      <c r="C18690" s="1" t="s">
        <v>38696</v>
      </c>
      <c r="D18690" s="2">
        <v>171518</v>
      </c>
      <c r="E18690" s="1" t="s">
        <v>0</v>
      </c>
    </row>
    <row r="18691" spans="1:5" x14ac:dyDescent="0.25">
      <c r="A18691" s="1" t="s">
        <v>38697</v>
      </c>
      <c r="B18691" s="1" t="s">
        <v>10378</v>
      </c>
      <c r="C18691" s="1" t="s">
        <v>38698</v>
      </c>
      <c r="D18691" s="2">
        <v>171519</v>
      </c>
      <c r="E18691" s="1" t="s">
        <v>0</v>
      </c>
    </row>
    <row r="18692" spans="1:5" x14ac:dyDescent="0.25">
      <c r="A18692" s="2">
        <v>3738</v>
      </c>
      <c r="B18692" s="2">
        <v>3738</v>
      </c>
      <c r="C18692" s="1" t="s">
        <v>0</v>
      </c>
      <c r="D18692" s="2">
        <v>171520</v>
      </c>
      <c r="E18692" s="1" t="s">
        <v>0</v>
      </c>
    </row>
    <row r="18693" spans="1:5" x14ac:dyDescent="0.25">
      <c r="A18693" s="1" t="s">
        <v>3401</v>
      </c>
      <c r="B18693" s="1" t="s">
        <v>10379</v>
      </c>
      <c r="C18693" s="1" t="s">
        <v>38699</v>
      </c>
      <c r="D18693" s="2">
        <v>171521</v>
      </c>
      <c r="E18693" s="1" t="s">
        <v>0</v>
      </c>
    </row>
    <row r="18694" spans="1:5" x14ac:dyDescent="0.25">
      <c r="A18694" s="1" t="s">
        <v>38700</v>
      </c>
      <c r="B18694" s="1" t="s">
        <v>55122</v>
      </c>
      <c r="C18694" s="1" t="s">
        <v>38701</v>
      </c>
      <c r="D18694" s="2">
        <v>171522</v>
      </c>
      <c r="E18694" s="1" t="s">
        <v>0</v>
      </c>
    </row>
    <row r="18695" spans="1:5" ht="409.5" x14ac:dyDescent="0.25">
      <c r="A18695" s="4" t="s">
        <v>38702</v>
      </c>
      <c r="B18695" s="1" t="s">
        <v>63465</v>
      </c>
      <c r="C18695" s="1" t="s">
        <v>38703</v>
      </c>
      <c r="D18695" s="2">
        <v>171523</v>
      </c>
      <c r="E18695" s="1" t="s">
        <v>0</v>
      </c>
    </row>
    <row r="18696" spans="1:5" x14ac:dyDescent="0.25">
      <c r="A18696" s="1" t="s">
        <v>13413</v>
      </c>
      <c r="B18696" s="1" t="s">
        <v>60845</v>
      </c>
      <c r="C18696" s="1" t="s">
        <v>13414</v>
      </c>
      <c r="D18696" s="2">
        <v>171524</v>
      </c>
      <c r="E18696" s="1" t="s">
        <v>0</v>
      </c>
    </row>
    <row r="18697" spans="1:5" x14ac:dyDescent="0.25">
      <c r="A18697" s="2">
        <v>3739</v>
      </c>
      <c r="B18697" s="2">
        <v>3739</v>
      </c>
      <c r="C18697" s="1" t="s">
        <v>0</v>
      </c>
      <c r="D18697" s="2">
        <v>171525</v>
      </c>
      <c r="E18697" s="1" t="s">
        <v>0</v>
      </c>
    </row>
    <row r="18698" spans="1:5" x14ac:dyDescent="0.25">
      <c r="A18698" s="1" t="s">
        <v>3402</v>
      </c>
      <c r="B18698" s="1" t="s">
        <v>10380</v>
      </c>
      <c r="C18698" s="1" t="s">
        <v>38704</v>
      </c>
      <c r="D18698" s="2">
        <v>171526</v>
      </c>
      <c r="E18698" s="1" t="s">
        <v>0</v>
      </c>
    </row>
    <row r="18699" spans="1:5" x14ac:dyDescent="0.25">
      <c r="A18699" s="1" t="s">
        <v>38705</v>
      </c>
      <c r="B18699" s="1" t="s">
        <v>55123</v>
      </c>
      <c r="C18699" s="1" t="s">
        <v>38706</v>
      </c>
      <c r="D18699" s="2">
        <v>171527</v>
      </c>
      <c r="E18699" s="1" t="s">
        <v>0</v>
      </c>
    </row>
    <row r="18700" spans="1:5" ht="409.5" x14ac:dyDescent="0.25">
      <c r="A18700" s="4" t="s">
        <v>38707</v>
      </c>
      <c r="B18700" s="1" t="s">
        <v>55124</v>
      </c>
      <c r="C18700" s="1" t="s">
        <v>38708</v>
      </c>
      <c r="D18700" s="2">
        <v>171528</v>
      </c>
      <c r="E18700" s="1" t="s">
        <v>0</v>
      </c>
    </row>
    <row r="18701" spans="1:5" x14ac:dyDescent="0.25">
      <c r="A18701" s="1" t="s">
        <v>38709</v>
      </c>
      <c r="B18701" s="1" t="s">
        <v>55125</v>
      </c>
      <c r="C18701" s="1" t="s">
        <v>38710</v>
      </c>
      <c r="D18701" s="2">
        <v>171529</v>
      </c>
      <c r="E18701" s="1" t="s">
        <v>0</v>
      </c>
    </row>
    <row r="18702" spans="1:5" x14ac:dyDescent="0.25">
      <c r="A18702" s="2">
        <v>3740</v>
      </c>
      <c r="B18702" s="2">
        <v>3740</v>
      </c>
      <c r="C18702" s="1" t="s">
        <v>0</v>
      </c>
      <c r="D18702" s="2">
        <v>171530</v>
      </c>
      <c r="E18702" s="1" t="s">
        <v>0</v>
      </c>
    </row>
    <row r="18703" spans="1:5" x14ac:dyDescent="0.25">
      <c r="A18703" s="1" t="s">
        <v>3403</v>
      </c>
      <c r="B18703" s="1" t="s">
        <v>10381</v>
      </c>
      <c r="C18703" s="1" t="s">
        <v>38711</v>
      </c>
      <c r="D18703" s="2">
        <v>171531</v>
      </c>
      <c r="E18703" s="1" t="s">
        <v>0</v>
      </c>
    </row>
    <row r="18704" spans="1:5" x14ac:dyDescent="0.25">
      <c r="A18704" s="1" t="s">
        <v>38712</v>
      </c>
      <c r="B18704" s="1" t="s">
        <v>63791</v>
      </c>
      <c r="C18704" s="1" t="s">
        <v>38713</v>
      </c>
      <c r="D18704" s="2">
        <v>171532</v>
      </c>
      <c r="E18704" s="1" t="s">
        <v>0</v>
      </c>
    </row>
    <row r="18705" spans="1:5" ht="409.5" x14ac:dyDescent="0.25">
      <c r="A18705" s="4" t="s">
        <v>38714</v>
      </c>
      <c r="B18705" s="1" t="s">
        <v>63792</v>
      </c>
      <c r="C18705" s="1" t="s">
        <v>38715</v>
      </c>
      <c r="D18705" s="2">
        <v>171533</v>
      </c>
      <c r="E18705" s="1" t="s">
        <v>0</v>
      </c>
    </row>
    <row r="18706" spans="1:5" x14ac:dyDescent="0.25">
      <c r="A18706" s="1" t="s">
        <v>27429</v>
      </c>
      <c r="B18706" s="1" t="s">
        <v>61089</v>
      </c>
      <c r="C18706" s="1" t="s">
        <v>27430</v>
      </c>
      <c r="D18706" s="2">
        <v>171534</v>
      </c>
      <c r="E18706" s="1" t="s">
        <v>0</v>
      </c>
    </row>
    <row r="18707" spans="1:5" x14ac:dyDescent="0.25">
      <c r="A18707" s="2">
        <v>3741</v>
      </c>
      <c r="B18707" s="2">
        <v>3741</v>
      </c>
      <c r="C18707" s="1" t="s">
        <v>0</v>
      </c>
      <c r="D18707" s="2">
        <v>171535</v>
      </c>
      <c r="E18707" s="1" t="s">
        <v>0</v>
      </c>
    </row>
    <row r="18708" spans="1:5" x14ac:dyDescent="0.25">
      <c r="A18708" s="1" t="s">
        <v>3404</v>
      </c>
      <c r="B18708" s="1" t="s">
        <v>10382</v>
      </c>
      <c r="C18708" s="1" t="s">
        <v>38716</v>
      </c>
      <c r="D18708" s="2">
        <v>171536</v>
      </c>
      <c r="E18708" s="1" t="s">
        <v>0</v>
      </c>
    </row>
    <row r="18709" spans="1:5" x14ac:dyDescent="0.25">
      <c r="A18709" s="1" t="s">
        <v>38717</v>
      </c>
      <c r="B18709" s="1" t="s">
        <v>10383</v>
      </c>
      <c r="C18709" s="1" t="s">
        <v>38718</v>
      </c>
      <c r="D18709" s="2">
        <v>171537</v>
      </c>
      <c r="E18709" s="1" t="s">
        <v>0</v>
      </c>
    </row>
    <row r="18710" spans="1:5" ht="409.5" x14ac:dyDescent="0.25">
      <c r="A18710" s="4" t="s">
        <v>38719</v>
      </c>
      <c r="B18710" s="1" t="s">
        <v>10384</v>
      </c>
      <c r="C18710" s="1" t="s">
        <v>38720</v>
      </c>
      <c r="D18710" s="2">
        <v>171538</v>
      </c>
      <c r="E18710" s="1" t="s">
        <v>0</v>
      </c>
    </row>
    <row r="18711" spans="1:5" x14ac:dyDescent="0.25">
      <c r="A18711" s="1" t="s">
        <v>38721</v>
      </c>
      <c r="B18711" s="1" t="s">
        <v>55126</v>
      </c>
      <c r="C18711" s="1" t="s">
        <v>38722</v>
      </c>
      <c r="D18711" s="2">
        <v>171539</v>
      </c>
      <c r="E18711" s="1" t="s">
        <v>0</v>
      </c>
    </row>
    <row r="18712" spans="1:5" x14ac:dyDescent="0.25">
      <c r="A18712" s="2">
        <v>3742</v>
      </c>
      <c r="B18712" s="2">
        <v>3742</v>
      </c>
      <c r="C18712" s="1" t="s">
        <v>0</v>
      </c>
      <c r="D18712" s="2">
        <v>171540</v>
      </c>
      <c r="E18712" s="1" t="s">
        <v>0</v>
      </c>
    </row>
    <row r="18713" spans="1:5" x14ac:dyDescent="0.25">
      <c r="A18713" s="1" t="s">
        <v>3405</v>
      </c>
      <c r="B18713" s="1" t="s">
        <v>10385</v>
      </c>
      <c r="C18713" s="1" t="s">
        <v>38723</v>
      </c>
      <c r="D18713" s="2">
        <v>171541</v>
      </c>
      <c r="E18713" s="1" t="s">
        <v>0</v>
      </c>
    </row>
    <row r="18714" spans="1:5" x14ac:dyDescent="0.25">
      <c r="A18714" s="1" t="s">
        <v>38724</v>
      </c>
      <c r="B18714" s="1" t="s">
        <v>62772</v>
      </c>
      <c r="C18714" s="1" t="s">
        <v>38725</v>
      </c>
      <c r="D18714" s="2">
        <v>171542</v>
      </c>
      <c r="E18714" s="1" t="s">
        <v>0</v>
      </c>
    </row>
    <row r="18715" spans="1:5" ht="409.5" x14ac:dyDescent="0.25">
      <c r="A18715" s="4" t="s">
        <v>38726</v>
      </c>
      <c r="B18715" s="1" t="s">
        <v>62773</v>
      </c>
      <c r="C18715" s="1" t="s">
        <v>38727</v>
      </c>
      <c r="D18715" s="2">
        <v>171543</v>
      </c>
      <c r="E18715" s="1" t="s">
        <v>0</v>
      </c>
    </row>
    <row r="18716" spans="1:5" x14ac:dyDescent="0.25">
      <c r="A18716" s="1" t="s">
        <v>38728</v>
      </c>
      <c r="B18716" s="1" t="s">
        <v>10386</v>
      </c>
      <c r="C18716" s="1" t="s">
        <v>38729</v>
      </c>
      <c r="D18716" s="2">
        <v>171544</v>
      </c>
      <c r="E18716" s="1" t="s">
        <v>0</v>
      </c>
    </row>
    <row r="18717" spans="1:5" x14ac:dyDescent="0.25">
      <c r="A18717" s="2">
        <v>3743</v>
      </c>
      <c r="B18717" s="2">
        <v>3743</v>
      </c>
      <c r="C18717" s="1" t="s">
        <v>0</v>
      </c>
      <c r="D18717" s="2">
        <v>171545</v>
      </c>
      <c r="E18717" s="1" t="s">
        <v>0</v>
      </c>
    </row>
    <row r="18718" spans="1:5" x14ac:dyDescent="0.25">
      <c r="A18718" s="1" t="s">
        <v>3406</v>
      </c>
      <c r="B18718" s="1" t="s">
        <v>55127</v>
      </c>
      <c r="C18718" s="1" t="s">
        <v>38730</v>
      </c>
      <c r="D18718" s="2">
        <v>171546</v>
      </c>
      <c r="E18718" s="1" t="s">
        <v>0</v>
      </c>
    </row>
    <row r="18719" spans="1:5" x14ac:dyDescent="0.25">
      <c r="A18719" s="1" t="s">
        <v>38731</v>
      </c>
      <c r="B18719" s="1" t="s">
        <v>55128</v>
      </c>
      <c r="C18719" s="1" t="s">
        <v>38732</v>
      </c>
      <c r="D18719" s="2">
        <v>171547</v>
      </c>
      <c r="E18719" s="1" t="s">
        <v>0</v>
      </c>
    </row>
    <row r="18720" spans="1:5" ht="409.5" x14ac:dyDescent="0.25">
      <c r="A18720" s="4" t="s">
        <v>38733</v>
      </c>
      <c r="B18720" s="1" t="s">
        <v>55129</v>
      </c>
      <c r="C18720" s="1" t="s">
        <v>38734</v>
      </c>
      <c r="D18720" s="2">
        <v>171548</v>
      </c>
      <c r="E18720" s="1" t="s">
        <v>0</v>
      </c>
    </row>
    <row r="18721" spans="1:5" x14ac:dyDescent="0.25">
      <c r="A18721" s="1" t="s">
        <v>38735</v>
      </c>
      <c r="B18721" s="1" t="s">
        <v>55130</v>
      </c>
      <c r="C18721" s="1" t="s">
        <v>38736</v>
      </c>
      <c r="D18721" s="2">
        <v>171549</v>
      </c>
      <c r="E18721" s="1" t="s">
        <v>0</v>
      </c>
    </row>
    <row r="18722" spans="1:5" x14ac:dyDescent="0.25">
      <c r="A18722" s="2">
        <v>3744</v>
      </c>
      <c r="B18722" s="2">
        <v>3744</v>
      </c>
      <c r="C18722" s="1" t="s">
        <v>0</v>
      </c>
      <c r="D18722" s="2">
        <v>171550</v>
      </c>
      <c r="E18722" s="1" t="s">
        <v>0</v>
      </c>
    </row>
    <row r="18723" spans="1:5" x14ac:dyDescent="0.25">
      <c r="A18723" s="1" t="s">
        <v>13230</v>
      </c>
      <c r="B18723" s="1" t="s">
        <v>13231</v>
      </c>
      <c r="C18723" s="1" t="s">
        <v>38737</v>
      </c>
      <c r="D18723" s="2">
        <v>171551</v>
      </c>
      <c r="E18723" s="1" t="s">
        <v>0</v>
      </c>
    </row>
    <row r="18724" spans="1:5" x14ac:dyDescent="0.25">
      <c r="A18724" s="1" t="s">
        <v>38738</v>
      </c>
      <c r="B18724" s="1" t="s">
        <v>55131</v>
      </c>
      <c r="C18724" s="1" t="s">
        <v>38739</v>
      </c>
      <c r="D18724" s="2">
        <v>171552</v>
      </c>
      <c r="E18724" s="1" t="s">
        <v>0</v>
      </c>
    </row>
    <row r="18725" spans="1:5" ht="409.5" x14ac:dyDescent="0.25">
      <c r="A18725" s="4" t="s">
        <v>38740</v>
      </c>
      <c r="B18725" s="1" t="s">
        <v>55132</v>
      </c>
      <c r="C18725" s="1" t="s">
        <v>38741</v>
      </c>
      <c r="D18725" s="2">
        <v>171553</v>
      </c>
      <c r="E18725" s="1" t="s">
        <v>0</v>
      </c>
    </row>
    <row r="18726" spans="1:5" x14ac:dyDescent="0.25">
      <c r="A18726" s="1" t="s">
        <v>38742</v>
      </c>
      <c r="B18726" s="1" t="s">
        <v>10387</v>
      </c>
      <c r="C18726" s="1" t="s">
        <v>38743</v>
      </c>
      <c r="D18726" s="2">
        <v>171554</v>
      </c>
      <c r="E18726" s="1" t="s">
        <v>0</v>
      </c>
    </row>
    <row r="18727" spans="1:5" x14ac:dyDescent="0.25">
      <c r="A18727" s="2">
        <v>3745</v>
      </c>
      <c r="B18727" s="2">
        <v>3745</v>
      </c>
      <c r="C18727" s="1" t="s">
        <v>0</v>
      </c>
      <c r="D18727" s="2">
        <v>171555</v>
      </c>
      <c r="E18727" s="1" t="s">
        <v>0</v>
      </c>
    </row>
    <row r="18728" spans="1:5" x14ac:dyDescent="0.25">
      <c r="A18728" s="1" t="s">
        <v>10388</v>
      </c>
      <c r="B18728" s="1" t="s">
        <v>10389</v>
      </c>
      <c r="C18728" s="1" t="s">
        <v>38744</v>
      </c>
      <c r="D18728" s="2">
        <v>171556</v>
      </c>
      <c r="E18728" s="1" t="s">
        <v>0</v>
      </c>
    </row>
    <row r="18729" spans="1:5" x14ac:dyDescent="0.25">
      <c r="A18729" s="1" t="s">
        <v>38745</v>
      </c>
      <c r="B18729" s="1" t="s">
        <v>63793</v>
      </c>
      <c r="C18729" s="1" t="s">
        <v>38746</v>
      </c>
      <c r="D18729" s="2">
        <v>171557</v>
      </c>
      <c r="E18729" s="1" t="s">
        <v>0</v>
      </c>
    </row>
    <row r="18730" spans="1:5" ht="409.5" x14ac:dyDescent="0.25">
      <c r="A18730" s="4" t="s">
        <v>38747</v>
      </c>
      <c r="B18730" s="1" t="s">
        <v>63794</v>
      </c>
      <c r="C18730" s="1" t="s">
        <v>38748</v>
      </c>
      <c r="D18730" s="2">
        <v>171558</v>
      </c>
      <c r="E18730" s="1" t="s">
        <v>0</v>
      </c>
    </row>
    <row r="18731" spans="1:5" x14ac:dyDescent="0.25">
      <c r="A18731" s="1" t="s">
        <v>38749</v>
      </c>
      <c r="B18731" s="1" t="s">
        <v>55133</v>
      </c>
      <c r="C18731" s="1" t="s">
        <v>38750</v>
      </c>
      <c r="D18731" s="2">
        <v>171559</v>
      </c>
      <c r="E18731" s="1" t="s">
        <v>0</v>
      </c>
    </row>
    <row r="18732" spans="1:5" x14ac:dyDescent="0.25">
      <c r="A18732" s="2">
        <v>3746</v>
      </c>
      <c r="B18732" s="2">
        <v>3746</v>
      </c>
      <c r="C18732" s="1" t="s">
        <v>0</v>
      </c>
      <c r="D18732" s="2">
        <v>171560</v>
      </c>
      <c r="E18732" s="1" t="s">
        <v>0</v>
      </c>
    </row>
    <row r="18733" spans="1:5" x14ac:dyDescent="0.25">
      <c r="A18733" s="1" t="s">
        <v>3407</v>
      </c>
      <c r="B18733" s="1" t="s">
        <v>10390</v>
      </c>
      <c r="C18733" s="1" t="s">
        <v>38751</v>
      </c>
      <c r="D18733" s="2">
        <v>171561</v>
      </c>
      <c r="E18733" s="1" t="s">
        <v>0</v>
      </c>
    </row>
    <row r="18734" spans="1:5" x14ac:dyDescent="0.25">
      <c r="A18734" s="1" t="s">
        <v>38752</v>
      </c>
      <c r="B18734" s="1" t="s">
        <v>55134</v>
      </c>
      <c r="C18734" s="1" t="s">
        <v>38753</v>
      </c>
      <c r="D18734" s="2">
        <v>171562</v>
      </c>
      <c r="E18734" s="1" t="s">
        <v>0</v>
      </c>
    </row>
    <row r="18735" spans="1:5" ht="409.5" x14ac:dyDescent="0.25">
      <c r="A18735" s="4" t="s">
        <v>38754</v>
      </c>
      <c r="B18735" s="1" t="s">
        <v>55135</v>
      </c>
      <c r="C18735" s="1" t="s">
        <v>38755</v>
      </c>
      <c r="D18735" s="2">
        <v>171563</v>
      </c>
      <c r="E18735" s="1" t="s">
        <v>0</v>
      </c>
    </row>
    <row r="18736" spans="1:5" x14ac:dyDescent="0.25">
      <c r="A18736" s="1" t="s">
        <v>38756</v>
      </c>
      <c r="B18736" s="1" t="s">
        <v>10391</v>
      </c>
      <c r="C18736" s="1" t="s">
        <v>38757</v>
      </c>
      <c r="D18736" s="2">
        <v>171564</v>
      </c>
      <c r="E18736" s="1" t="s">
        <v>0</v>
      </c>
    </row>
    <row r="18737" spans="1:5" x14ac:dyDescent="0.25">
      <c r="A18737" s="2">
        <v>3747</v>
      </c>
      <c r="B18737" s="2">
        <v>3747</v>
      </c>
      <c r="C18737" s="1" t="s">
        <v>0</v>
      </c>
      <c r="D18737" s="2">
        <v>171565</v>
      </c>
      <c r="E18737" s="1" t="s">
        <v>0</v>
      </c>
    </row>
    <row r="18738" spans="1:5" x14ac:dyDescent="0.25">
      <c r="A18738" s="1" t="s">
        <v>38758</v>
      </c>
      <c r="B18738" s="1" t="s">
        <v>10392</v>
      </c>
      <c r="C18738" s="1" t="s">
        <v>38759</v>
      </c>
      <c r="D18738" s="2">
        <v>171566</v>
      </c>
      <c r="E18738" s="1" t="s">
        <v>0</v>
      </c>
    </row>
    <row r="18739" spans="1:5" x14ac:dyDescent="0.25">
      <c r="A18739" s="1" t="s">
        <v>38760</v>
      </c>
      <c r="B18739" s="1" t="s">
        <v>13232</v>
      </c>
      <c r="C18739" s="1" t="s">
        <v>38761</v>
      </c>
      <c r="D18739" s="2">
        <v>171567</v>
      </c>
      <c r="E18739" s="1" t="s">
        <v>0</v>
      </c>
    </row>
    <row r="18740" spans="1:5" ht="409.5" x14ac:dyDescent="0.25">
      <c r="A18740" s="4" t="s">
        <v>38762</v>
      </c>
      <c r="B18740" s="1" t="s">
        <v>55136</v>
      </c>
      <c r="C18740" s="1" t="s">
        <v>38763</v>
      </c>
      <c r="D18740" s="2">
        <v>171568</v>
      </c>
      <c r="E18740" s="1" t="s">
        <v>0</v>
      </c>
    </row>
    <row r="18741" spans="1:5" x14ac:dyDescent="0.25">
      <c r="A18741" s="1" t="s">
        <v>38764</v>
      </c>
      <c r="B18741" s="1" t="s">
        <v>10393</v>
      </c>
      <c r="C18741" s="1" t="s">
        <v>38765</v>
      </c>
      <c r="D18741" s="2">
        <v>171569</v>
      </c>
      <c r="E18741" s="1" t="s">
        <v>0</v>
      </c>
    </row>
    <row r="18742" spans="1:5" x14ac:dyDescent="0.25">
      <c r="A18742" s="2">
        <v>3748</v>
      </c>
      <c r="B18742" s="2">
        <v>3748</v>
      </c>
      <c r="C18742" s="1" t="s">
        <v>0</v>
      </c>
      <c r="D18742" s="2">
        <v>171570</v>
      </c>
      <c r="E18742" s="1" t="s">
        <v>0</v>
      </c>
    </row>
    <row r="18743" spans="1:5" x14ac:dyDescent="0.25">
      <c r="A18743" s="1" t="s">
        <v>3408</v>
      </c>
      <c r="B18743" s="1" t="s">
        <v>10394</v>
      </c>
      <c r="C18743" s="1" t="s">
        <v>38766</v>
      </c>
      <c r="D18743" s="2">
        <v>171571</v>
      </c>
      <c r="E18743" s="1" t="s">
        <v>0</v>
      </c>
    </row>
    <row r="18744" spans="1:5" x14ac:dyDescent="0.25">
      <c r="A18744" s="1" t="s">
        <v>38767</v>
      </c>
      <c r="B18744" s="1" t="s">
        <v>10395</v>
      </c>
      <c r="C18744" s="1" t="s">
        <v>38768</v>
      </c>
      <c r="D18744" s="2">
        <v>171572</v>
      </c>
      <c r="E18744" s="1" t="s">
        <v>0</v>
      </c>
    </row>
    <row r="18745" spans="1:5" ht="409.5" x14ac:dyDescent="0.25">
      <c r="A18745" s="4" t="s">
        <v>38769</v>
      </c>
      <c r="B18745" s="1" t="s">
        <v>10396</v>
      </c>
      <c r="C18745" s="1" t="s">
        <v>38770</v>
      </c>
      <c r="D18745" s="2">
        <v>171573</v>
      </c>
      <c r="E18745" s="1" t="s">
        <v>0</v>
      </c>
    </row>
    <row r="18746" spans="1:5" x14ac:dyDescent="0.25">
      <c r="A18746" s="1" t="s">
        <v>38771</v>
      </c>
      <c r="B18746" s="1" t="s">
        <v>55137</v>
      </c>
      <c r="C18746" s="1" t="s">
        <v>38772</v>
      </c>
      <c r="D18746" s="2">
        <v>171574</v>
      </c>
      <c r="E18746" s="1" t="s">
        <v>0</v>
      </c>
    </row>
    <row r="18747" spans="1:5" x14ac:dyDescent="0.25">
      <c r="A18747" s="2">
        <v>3749</v>
      </c>
      <c r="B18747" s="2">
        <v>3749</v>
      </c>
      <c r="C18747" s="1" t="s">
        <v>0</v>
      </c>
      <c r="D18747" s="2">
        <v>171575</v>
      </c>
      <c r="E18747" s="1" t="s">
        <v>0</v>
      </c>
    </row>
    <row r="18748" spans="1:5" x14ac:dyDescent="0.25">
      <c r="A18748" s="1" t="s">
        <v>3409</v>
      </c>
      <c r="B18748" s="1" t="s">
        <v>10397</v>
      </c>
      <c r="C18748" s="1" t="s">
        <v>38773</v>
      </c>
      <c r="D18748" s="2">
        <v>171576</v>
      </c>
      <c r="E18748" s="1" t="s">
        <v>0</v>
      </c>
    </row>
    <row r="18749" spans="1:5" x14ac:dyDescent="0.25">
      <c r="A18749" s="1" t="s">
        <v>38774</v>
      </c>
      <c r="B18749" s="1" t="s">
        <v>62774</v>
      </c>
      <c r="C18749" s="1" t="s">
        <v>38775</v>
      </c>
      <c r="D18749" s="2">
        <v>171577</v>
      </c>
      <c r="E18749" s="1" t="s">
        <v>0</v>
      </c>
    </row>
    <row r="18750" spans="1:5" ht="409.5" x14ac:dyDescent="0.25">
      <c r="A18750" s="4" t="s">
        <v>38776</v>
      </c>
      <c r="B18750" s="1" t="s">
        <v>62775</v>
      </c>
      <c r="C18750" s="1" t="s">
        <v>38777</v>
      </c>
      <c r="D18750" s="2">
        <v>171578</v>
      </c>
      <c r="E18750" s="1" t="s">
        <v>0</v>
      </c>
    </row>
    <row r="18751" spans="1:5" x14ac:dyDescent="0.25">
      <c r="A18751" s="1" t="s">
        <v>38778</v>
      </c>
      <c r="B18751" s="1" t="s">
        <v>55138</v>
      </c>
      <c r="C18751" s="1" t="s">
        <v>38779</v>
      </c>
      <c r="D18751" s="2">
        <v>171579</v>
      </c>
      <c r="E18751" s="1" t="s">
        <v>0</v>
      </c>
    </row>
    <row r="18752" spans="1:5" x14ac:dyDescent="0.25">
      <c r="A18752" s="2">
        <v>3750</v>
      </c>
      <c r="B18752" s="2">
        <v>3750</v>
      </c>
      <c r="C18752" s="1" t="s">
        <v>0</v>
      </c>
      <c r="D18752" s="2">
        <v>171580</v>
      </c>
      <c r="E18752" s="1" t="s">
        <v>0</v>
      </c>
    </row>
    <row r="18753" spans="1:5" x14ac:dyDescent="0.25">
      <c r="A18753" s="1" t="s">
        <v>3410</v>
      </c>
      <c r="B18753" s="1" t="s">
        <v>10398</v>
      </c>
      <c r="C18753" s="1" t="s">
        <v>38780</v>
      </c>
      <c r="D18753" s="2">
        <v>171581</v>
      </c>
      <c r="E18753" s="1" t="s">
        <v>0</v>
      </c>
    </row>
    <row r="18754" spans="1:5" x14ac:dyDescent="0.25">
      <c r="A18754" s="1" t="s">
        <v>38781</v>
      </c>
      <c r="B18754" s="1" t="s">
        <v>56833</v>
      </c>
      <c r="C18754" s="1" t="s">
        <v>38782</v>
      </c>
      <c r="D18754" s="2">
        <v>171582</v>
      </c>
      <c r="E18754" s="1" t="s">
        <v>0</v>
      </c>
    </row>
    <row r="18755" spans="1:5" ht="409.5" x14ac:dyDescent="0.25">
      <c r="A18755" s="4" t="s">
        <v>38783</v>
      </c>
      <c r="B18755" s="1" t="s">
        <v>56834</v>
      </c>
      <c r="C18755" s="1" t="s">
        <v>38784</v>
      </c>
      <c r="D18755" s="2">
        <v>171583</v>
      </c>
      <c r="E18755" s="1" t="s">
        <v>0</v>
      </c>
    </row>
    <row r="18756" spans="1:5" x14ac:dyDescent="0.25">
      <c r="A18756" s="1" t="s">
        <v>38785</v>
      </c>
      <c r="B18756" s="1" t="s">
        <v>10399</v>
      </c>
      <c r="C18756" s="1" t="s">
        <v>38786</v>
      </c>
      <c r="D18756" s="2">
        <v>171584</v>
      </c>
      <c r="E18756" s="1" t="s">
        <v>0</v>
      </c>
    </row>
    <row r="18757" spans="1:5" x14ac:dyDescent="0.25">
      <c r="A18757" s="2">
        <v>3751</v>
      </c>
      <c r="B18757" s="2">
        <v>3751</v>
      </c>
      <c r="C18757" s="1" t="s">
        <v>0</v>
      </c>
      <c r="D18757" s="2">
        <v>171585</v>
      </c>
      <c r="E18757" s="1" t="s">
        <v>0</v>
      </c>
    </row>
    <row r="18758" spans="1:5" x14ac:dyDescent="0.25">
      <c r="A18758" s="1" t="s">
        <v>3411</v>
      </c>
      <c r="B18758" s="1" t="s">
        <v>10400</v>
      </c>
      <c r="C18758" s="1" t="s">
        <v>38787</v>
      </c>
      <c r="D18758" s="2">
        <v>171586</v>
      </c>
      <c r="E18758" s="1" t="s">
        <v>0</v>
      </c>
    </row>
    <row r="18759" spans="1:5" x14ac:dyDescent="0.25">
      <c r="A18759" s="1" t="s">
        <v>38788</v>
      </c>
      <c r="B18759" s="1" t="s">
        <v>58816</v>
      </c>
      <c r="C18759" s="1" t="s">
        <v>38789</v>
      </c>
      <c r="D18759" s="2">
        <v>171587</v>
      </c>
      <c r="E18759" s="1" t="s">
        <v>0</v>
      </c>
    </row>
    <row r="18760" spans="1:5" ht="409.5" x14ac:dyDescent="0.25">
      <c r="A18760" s="4" t="s">
        <v>38790</v>
      </c>
      <c r="B18760" s="1" t="s">
        <v>60175</v>
      </c>
      <c r="C18760" s="1" t="s">
        <v>38791</v>
      </c>
      <c r="D18760" s="2">
        <v>171588</v>
      </c>
      <c r="E18760" s="1" t="s">
        <v>0</v>
      </c>
    </row>
    <row r="18761" spans="1:5" x14ac:dyDescent="0.25">
      <c r="A18761" s="1" t="s">
        <v>38792</v>
      </c>
      <c r="B18761" s="1" t="s">
        <v>60176</v>
      </c>
      <c r="C18761" s="1" t="s">
        <v>38793</v>
      </c>
      <c r="D18761" s="2">
        <v>171589</v>
      </c>
      <c r="E18761" s="1" t="s">
        <v>0</v>
      </c>
    </row>
    <row r="18762" spans="1:5" x14ac:dyDescent="0.25">
      <c r="A18762" s="2">
        <v>3752</v>
      </c>
      <c r="B18762" s="2">
        <v>3752</v>
      </c>
      <c r="C18762" s="1" t="s">
        <v>0</v>
      </c>
      <c r="D18762" s="2">
        <v>171590</v>
      </c>
      <c r="E18762" s="1" t="s">
        <v>0</v>
      </c>
    </row>
    <row r="18763" spans="1:5" x14ac:dyDescent="0.25">
      <c r="A18763" s="1" t="s">
        <v>3412</v>
      </c>
      <c r="B18763" s="1" t="s">
        <v>10401</v>
      </c>
      <c r="C18763" s="1" t="s">
        <v>38794</v>
      </c>
      <c r="D18763" s="2">
        <v>171591</v>
      </c>
      <c r="E18763" s="1" t="s">
        <v>0</v>
      </c>
    </row>
    <row r="18764" spans="1:5" x14ac:dyDescent="0.25">
      <c r="A18764" s="1" t="s">
        <v>38795</v>
      </c>
      <c r="B18764" s="1" t="s">
        <v>10402</v>
      </c>
      <c r="C18764" s="1" t="s">
        <v>38796</v>
      </c>
      <c r="D18764" s="2">
        <v>171592</v>
      </c>
      <c r="E18764" s="1" t="s">
        <v>0</v>
      </c>
    </row>
    <row r="18765" spans="1:5" ht="409.5" x14ac:dyDescent="0.25">
      <c r="A18765" s="4" t="s">
        <v>38797</v>
      </c>
      <c r="B18765" s="1" t="s">
        <v>55139</v>
      </c>
      <c r="C18765" s="1" t="s">
        <v>38798</v>
      </c>
      <c r="D18765" s="2">
        <v>171593</v>
      </c>
      <c r="E18765" s="1" t="s">
        <v>0</v>
      </c>
    </row>
    <row r="18766" spans="1:5" x14ac:dyDescent="0.25">
      <c r="A18766" s="1" t="s">
        <v>13413</v>
      </c>
      <c r="B18766" s="1" t="s">
        <v>60845</v>
      </c>
      <c r="C18766" s="1" t="s">
        <v>13414</v>
      </c>
      <c r="D18766" s="2">
        <v>171594</v>
      </c>
      <c r="E18766" s="1" t="s">
        <v>0</v>
      </c>
    </row>
    <row r="18767" spans="1:5" x14ac:dyDescent="0.25">
      <c r="A18767" s="2">
        <v>3753</v>
      </c>
      <c r="B18767" s="2">
        <v>3753</v>
      </c>
      <c r="C18767" s="1" t="s">
        <v>0</v>
      </c>
      <c r="D18767" s="2">
        <v>171595</v>
      </c>
      <c r="E18767" s="1" t="s">
        <v>0</v>
      </c>
    </row>
    <row r="18768" spans="1:5" x14ac:dyDescent="0.25">
      <c r="A18768" s="1" t="s">
        <v>3413</v>
      </c>
      <c r="B18768" s="1" t="s">
        <v>10403</v>
      </c>
      <c r="C18768" s="1" t="s">
        <v>38799</v>
      </c>
      <c r="D18768" s="2">
        <v>171596</v>
      </c>
      <c r="E18768" s="1" t="s">
        <v>0</v>
      </c>
    </row>
    <row r="18769" spans="1:5" x14ac:dyDescent="0.25">
      <c r="A18769" s="1" t="s">
        <v>38800</v>
      </c>
      <c r="B18769" s="1" t="s">
        <v>10404</v>
      </c>
      <c r="C18769" s="1" t="s">
        <v>38801</v>
      </c>
      <c r="D18769" s="2">
        <v>171597</v>
      </c>
      <c r="E18769" s="1" t="s">
        <v>0</v>
      </c>
    </row>
    <row r="18770" spans="1:5" ht="409.5" x14ac:dyDescent="0.25">
      <c r="A18770" s="4" t="s">
        <v>38802</v>
      </c>
      <c r="B18770" s="1" t="s">
        <v>60177</v>
      </c>
      <c r="C18770" s="1" t="s">
        <v>38803</v>
      </c>
      <c r="D18770" s="2">
        <v>171598</v>
      </c>
      <c r="E18770" s="1" t="s">
        <v>0</v>
      </c>
    </row>
    <row r="18771" spans="1:5" x14ac:dyDescent="0.25">
      <c r="A18771" s="1" t="s">
        <v>38804</v>
      </c>
      <c r="B18771" s="1" t="s">
        <v>10405</v>
      </c>
      <c r="C18771" s="1" t="s">
        <v>38805</v>
      </c>
      <c r="D18771" s="2">
        <v>171599</v>
      </c>
      <c r="E18771" s="1" t="s">
        <v>0</v>
      </c>
    </row>
    <row r="18772" spans="1:5" x14ac:dyDescent="0.25">
      <c r="A18772" s="2">
        <v>3754</v>
      </c>
      <c r="B18772" s="2">
        <v>3754</v>
      </c>
      <c r="C18772" s="1" t="s">
        <v>0</v>
      </c>
      <c r="D18772" s="2">
        <v>171600</v>
      </c>
      <c r="E18772" s="1" t="s">
        <v>0</v>
      </c>
    </row>
    <row r="18773" spans="1:5" x14ac:dyDescent="0.25">
      <c r="A18773" s="1" t="s">
        <v>3414</v>
      </c>
      <c r="B18773" s="1" t="s">
        <v>55140</v>
      </c>
      <c r="C18773" s="1" t="s">
        <v>38806</v>
      </c>
      <c r="D18773" s="2">
        <v>171601</v>
      </c>
      <c r="E18773" s="1" t="s">
        <v>0</v>
      </c>
    </row>
    <row r="18774" spans="1:5" x14ac:dyDescent="0.25">
      <c r="A18774" s="1" t="s">
        <v>38807</v>
      </c>
      <c r="B18774" s="1" t="s">
        <v>58102</v>
      </c>
      <c r="C18774" s="1" t="s">
        <v>38808</v>
      </c>
      <c r="D18774" s="2">
        <v>171602</v>
      </c>
      <c r="E18774" s="1" t="s">
        <v>0</v>
      </c>
    </row>
    <row r="18775" spans="1:5" ht="409.5" x14ac:dyDescent="0.25">
      <c r="A18775" s="4" t="s">
        <v>64283</v>
      </c>
      <c r="B18775" s="1" t="s">
        <v>58103</v>
      </c>
      <c r="C18775" s="1" t="s">
        <v>38809</v>
      </c>
      <c r="D18775" s="2">
        <v>171603</v>
      </c>
      <c r="E18775" s="1" t="s">
        <v>0</v>
      </c>
    </row>
    <row r="18776" spans="1:5" x14ac:dyDescent="0.25">
      <c r="A18776" s="1" t="s">
        <v>38810</v>
      </c>
      <c r="B18776" s="1" t="s">
        <v>56835</v>
      </c>
      <c r="C18776" s="1" t="s">
        <v>38811</v>
      </c>
      <c r="D18776" s="2">
        <v>171604</v>
      </c>
      <c r="E18776" s="1" t="s">
        <v>0</v>
      </c>
    </row>
    <row r="18777" spans="1:5" x14ac:dyDescent="0.25">
      <c r="A18777" s="2">
        <v>3755</v>
      </c>
      <c r="B18777" s="2">
        <v>3755</v>
      </c>
      <c r="C18777" s="1" t="s">
        <v>0</v>
      </c>
      <c r="D18777" s="2">
        <v>171605</v>
      </c>
      <c r="E18777" s="1" t="s">
        <v>0</v>
      </c>
    </row>
    <row r="18778" spans="1:5" x14ac:dyDescent="0.25">
      <c r="A18778" s="1" t="s">
        <v>3415</v>
      </c>
      <c r="B18778" s="1" t="s">
        <v>10406</v>
      </c>
      <c r="C18778" s="1" t="s">
        <v>38812</v>
      </c>
      <c r="D18778" s="2">
        <v>171606</v>
      </c>
      <c r="E18778" s="1" t="s">
        <v>0</v>
      </c>
    </row>
    <row r="18779" spans="1:5" x14ac:dyDescent="0.25">
      <c r="A18779" s="1" t="s">
        <v>38813</v>
      </c>
      <c r="B18779" s="1" t="s">
        <v>55141</v>
      </c>
      <c r="C18779" s="1" t="s">
        <v>38814</v>
      </c>
      <c r="D18779" s="2">
        <v>171607</v>
      </c>
      <c r="E18779" s="1" t="s">
        <v>0</v>
      </c>
    </row>
    <row r="18780" spans="1:5" ht="409.5" x14ac:dyDescent="0.25">
      <c r="A18780" s="4" t="s">
        <v>38815</v>
      </c>
      <c r="B18780" s="1" t="s">
        <v>63795</v>
      </c>
      <c r="C18780" s="1" t="s">
        <v>38816</v>
      </c>
      <c r="D18780" s="2">
        <v>171608</v>
      </c>
      <c r="E18780" s="1" t="s">
        <v>0</v>
      </c>
    </row>
    <row r="18781" spans="1:5" x14ac:dyDescent="0.25">
      <c r="A18781" s="1" t="s">
        <v>38817</v>
      </c>
      <c r="B18781" s="1" t="s">
        <v>10407</v>
      </c>
      <c r="C18781" s="1" t="s">
        <v>38818</v>
      </c>
      <c r="D18781" s="2">
        <v>171609</v>
      </c>
      <c r="E18781" s="1" t="s">
        <v>0</v>
      </c>
    </row>
    <row r="18782" spans="1:5" x14ac:dyDescent="0.25">
      <c r="A18782" s="2">
        <v>3756</v>
      </c>
      <c r="B18782" s="2">
        <v>3756</v>
      </c>
      <c r="C18782" s="1" t="s">
        <v>0</v>
      </c>
      <c r="D18782" s="2">
        <v>171610</v>
      </c>
      <c r="E18782" s="1" t="s">
        <v>0</v>
      </c>
    </row>
    <row r="18783" spans="1:5" x14ac:dyDescent="0.25">
      <c r="A18783" s="1" t="s">
        <v>3416</v>
      </c>
      <c r="B18783" s="1" t="s">
        <v>10408</v>
      </c>
      <c r="C18783" s="1" t="s">
        <v>38819</v>
      </c>
      <c r="D18783" s="2">
        <v>171611</v>
      </c>
      <c r="E18783" s="1" t="s">
        <v>0</v>
      </c>
    </row>
    <row r="18784" spans="1:5" x14ac:dyDescent="0.25">
      <c r="A18784" s="1" t="s">
        <v>38820</v>
      </c>
      <c r="B18784" s="1" t="s">
        <v>55142</v>
      </c>
      <c r="C18784" s="1" t="s">
        <v>38821</v>
      </c>
      <c r="D18784" s="2">
        <v>171612</v>
      </c>
      <c r="E18784" s="1" t="s">
        <v>0</v>
      </c>
    </row>
    <row r="18785" spans="1:5" ht="409.5" x14ac:dyDescent="0.25">
      <c r="A18785" s="4" t="s">
        <v>38822</v>
      </c>
      <c r="B18785" s="1" t="s">
        <v>55143</v>
      </c>
      <c r="C18785" s="1" t="s">
        <v>38823</v>
      </c>
      <c r="D18785" s="2">
        <v>171613</v>
      </c>
      <c r="E18785" s="1" t="s">
        <v>0</v>
      </c>
    </row>
    <row r="18786" spans="1:5" x14ac:dyDescent="0.25">
      <c r="A18786" s="1" t="s">
        <v>38824</v>
      </c>
      <c r="B18786" s="1" t="s">
        <v>57303</v>
      </c>
      <c r="C18786" s="1" t="s">
        <v>38825</v>
      </c>
      <c r="D18786" s="2">
        <v>171614</v>
      </c>
      <c r="E18786" s="1" t="s">
        <v>0</v>
      </c>
    </row>
    <row r="18787" spans="1:5" x14ac:dyDescent="0.25">
      <c r="A18787" s="2">
        <v>3757</v>
      </c>
      <c r="B18787" s="2">
        <v>3757</v>
      </c>
      <c r="C18787" s="1" t="s">
        <v>0</v>
      </c>
      <c r="D18787" s="2">
        <v>171615</v>
      </c>
      <c r="E18787" s="1" t="s">
        <v>0</v>
      </c>
    </row>
    <row r="18788" spans="1:5" x14ac:dyDescent="0.25">
      <c r="A18788" s="1" t="s">
        <v>3417</v>
      </c>
      <c r="B18788" s="1" t="s">
        <v>10409</v>
      </c>
      <c r="C18788" s="1" t="s">
        <v>38826</v>
      </c>
      <c r="D18788" s="2">
        <v>171616</v>
      </c>
      <c r="E18788" s="1" t="s">
        <v>0</v>
      </c>
    </row>
    <row r="18789" spans="1:5" x14ac:dyDescent="0.25">
      <c r="A18789" s="1" t="s">
        <v>38827</v>
      </c>
      <c r="B18789" s="1" t="s">
        <v>57947</v>
      </c>
      <c r="C18789" s="1" t="s">
        <v>38828</v>
      </c>
      <c r="D18789" s="2">
        <v>171617</v>
      </c>
      <c r="E18789" s="1" t="s">
        <v>0</v>
      </c>
    </row>
    <row r="18790" spans="1:5" ht="409.5" x14ac:dyDescent="0.25">
      <c r="A18790" s="4" t="s">
        <v>38829</v>
      </c>
      <c r="B18790" s="1" t="s">
        <v>57948</v>
      </c>
      <c r="C18790" s="1" t="s">
        <v>38830</v>
      </c>
      <c r="D18790" s="2">
        <v>171618</v>
      </c>
      <c r="E18790" s="1" t="s">
        <v>0</v>
      </c>
    </row>
    <row r="18791" spans="1:5" x14ac:dyDescent="0.25">
      <c r="A18791" s="1" t="s">
        <v>38831</v>
      </c>
      <c r="B18791" s="1" t="s">
        <v>61267</v>
      </c>
      <c r="C18791" s="1" t="s">
        <v>38832</v>
      </c>
      <c r="D18791" s="2">
        <v>171619</v>
      </c>
      <c r="E18791" s="1" t="s">
        <v>0</v>
      </c>
    </row>
    <row r="18792" spans="1:5" x14ac:dyDescent="0.25">
      <c r="A18792" s="2">
        <v>3758</v>
      </c>
      <c r="B18792" s="2">
        <v>3758</v>
      </c>
      <c r="C18792" s="1" t="s">
        <v>0</v>
      </c>
      <c r="D18792" s="2">
        <v>171620</v>
      </c>
      <c r="E18792" s="1" t="s">
        <v>0</v>
      </c>
    </row>
    <row r="18793" spans="1:5" x14ac:dyDescent="0.25">
      <c r="A18793" s="1" t="s">
        <v>3418</v>
      </c>
      <c r="B18793" s="1" t="s">
        <v>10410</v>
      </c>
      <c r="C18793" s="1" t="s">
        <v>38833</v>
      </c>
      <c r="D18793" s="2">
        <v>171621</v>
      </c>
      <c r="E18793" s="1" t="s">
        <v>0</v>
      </c>
    </row>
    <row r="18794" spans="1:5" x14ac:dyDescent="0.25">
      <c r="A18794" s="1" t="s">
        <v>38834</v>
      </c>
      <c r="B18794" s="1" t="s">
        <v>55144</v>
      </c>
      <c r="C18794" s="1" t="s">
        <v>38835</v>
      </c>
      <c r="D18794" s="2">
        <v>171622</v>
      </c>
      <c r="E18794" s="1" t="s">
        <v>0</v>
      </c>
    </row>
    <row r="18795" spans="1:5" ht="409.5" x14ac:dyDescent="0.25">
      <c r="A18795" s="4" t="s">
        <v>38836</v>
      </c>
      <c r="B18795" s="1" t="s">
        <v>57048</v>
      </c>
      <c r="C18795" s="1" t="s">
        <v>38837</v>
      </c>
      <c r="D18795" s="2">
        <v>171623</v>
      </c>
      <c r="E18795" s="1" t="s">
        <v>0</v>
      </c>
    </row>
    <row r="18796" spans="1:5" x14ac:dyDescent="0.25">
      <c r="A18796" s="1" t="s">
        <v>38838</v>
      </c>
      <c r="B18796" s="1" t="s">
        <v>10411</v>
      </c>
      <c r="C18796" s="1" t="s">
        <v>38839</v>
      </c>
      <c r="D18796" s="2">
        <v>171624</v>
      </c>
      <c r="E18796" s="1" t="s">
        <v>0</v>
      </c>
    </row>
    <row r="18797" spans="1:5" x14ac:dyDescent="0.25">
      <c r="A18797" s="2">
        <v>3759</v>
      </c>
      <c r="B18797" s="2">
        <v>3759</v>
      </c>
      <c r="C18797" s="1" t="s">
        <v>0</v>
      </c>
      <c r="D18797" s="2">
        <v>171625</v>
      </c>
      <c r="E18797" s="1" t="s">
        <v>0</v>
      </c>
    </row>
    <row r="18798" spans="1:5" x14ac:dyDescent="0.25">
      <c r="A18798" s="1" t="s">
        <v>3419</v>
      </c>
      <c r="B18798" s="1" t="s">
        <v>10412</v>
      </c>
      <c r="C18798" s="1" t="s">
        <v>38840</v>
      </c>
      <c r="D18798" s="2">
        <v>171626</v>
      </c>
      <c r="E18798" s="1" t="s">
        <v>0</v>
      </c>
    </row>
    <row r="18799" spans="1:5" x14ac:dyDescent="0.25">
      <c r="A18799" s="1" t="s">
        <v>38841</v>
      </c>
      <c r="B18799" s="1" t="s">
        <v>55145</v>
      </c>
      <c r="C18799" s="1" t="s">
        <v>38842</v>
      </c>
      <c r="D18799" s="2">
        <v>171627</v>
      </c>
      <c r="E18799" s="1" t="s">
        <v>0</v>
      </c>
    </row>
    <row r="18800" spans="1:5" ht="409.5" x14ac:dyDescent="0.25">
      <c r="A18800" s="4" t="s">
        <v>38843</v>
      </c>
      <c r="B18800" s="1" t="s">
        <v>60178</v>
      </c>
      <c r="C18800" s="1" t="s">
        <v>38844</v>
      </c>
      <c r="D18800" s="2">
        <v>171628</v>
      </c>
      <c r="E18800" s="1" t="s">
        <v>0</v>
      </c>
    </row>
    <row r="18801" spans="1:5" x14ac:dyDescent="0.25">
      <c r="A18801" s="1" t="s">
        <v>38845</v>
      </c>
      <c r="B18801" s="1" t="s">
        <v>55146</v>
      </c>
      <c r="C18801" s="1" t="s">
        <v>38846</v>
      </c>
      <c r="D18801" s="2">
        <v>171629</v>
      </c>
      <c r="E18801" s="1" t="s">
        <v>0</v>
      </c>
    </row>
    <row r="18802" spans="1:5" x14ac:dyDescent="0.25">
      <c r="A18802" s="2">
        <v>3760</v>
      </c>
      <c r="B18802" s="2">
        <v>3760</v>
      </c>
      <c r="C18802" s="1" t="s">
        <v>0</v>
      </c>
      <c r="D18802" s="2">
        <v>171630</v>
      </c>
      <c r="E18802" s="1" t="s">
        <v>0</v>
      </c>
    </row>
    <row r="18803" spans="1:5" x14ac:dyDescent="0.25">
      <c r="A18803" s="1" t="s">
        <v>3420</v>
      </c>
      <c r="B18803" s="1" t="s">
        <v>55147</v>
      </c>
      <c r="C18803" s="1" t="s">
        <v>38847</v>
      </c>
      <c r="D18803" s="2">
        <v>171631</v>
      </c>
      <c r="E18803" s="1" t="s">
        <v>0</v>
      </c>
    </row>
    <row r="18804" spans="1:5" x14ac:dyDescent="0.25">
      <c r="A18804" s="1" t="s">
        <v>38848</v>
      </c>
      <c r="B18804" s="1" t="s">
        <v>55148</v>
      </c>
      <c r="C18804" s="1" t="s">
        <v>38849</v>
      </c>
      <c r="D18804" s="2">
        <v>171632</v>
      </c>
      <c r="E18804" s="1" t="s">
        <v>0</v>
      </c>
    </row>
    <row r="18805" spans="1:5" ht="409.5" x14ac:dyDescent="0.25">
      <c r="A18805" s="4" t="s">
        <v>38850</v>
      </c>
      <c r="B18805" s="1" t="s">
        <v>55149</v>
      </c>
      <c r="C18805" s="1" t="s">
        <v>38851</v>
      </c>
      <c r="D18805" s="2">
        <v>171633</v>
      </c>
      <c r="E18805" s="1" t="s">
        <v>0</v>
      </c>
    </row>
    <row r="18806" spans="1:5" x14ac:dyDescent="0.25">
      <c r="A18806" s="1" t="s">
        <v>38852</v>
      </c>
      <c r="B18806" s="1" t="s">
        <v>55150</v>
      </c>
      <c r="C18806" s="1" t="s">
        <v>38853</v>
      </c>
      <c r="D18806" s="2">
        <v>171634</v>
      </c>
      <c r="E18806" s="1" t="s">
        <v>0</v>
      </c>
    </row>
    <row r="18807" spans="1:5" x14ac:dyDescent="0.25">
      <c r="A18807" s="2">
        <v>3761</v>
      </c>
      <c r="B18807" s="2">
        <v>3761</v>
      </c>
      <c r="C18807" s="1" t="s">
        <v>0</v>
      </c>
      <c r="D18807" s="2">
        <v>171635</v>
      </c>
      <c r="E18807" s="1" t="s">
        <v>0</v>
      </c>
    </row>
    <row r="18808" spans="1:5" x14ac:dyDescent="0.25">
      <c r="A18808" s="1" t="s">
        <v>64284</v>
      </c>
      <c r="B18808" s="1" t="s">
        <v>10413</v>
      </c>
      <c r="C18808" s="1" t="s">
        <v>38854</v>
      </c>
      <c r="D18808" s="2">
        <v>171636</v>
      </c>
      <c r="E18808" s="1" t="s">
        <v>0</v>
      </c>
    </row>
    <row r="18809" spans="1:5" x14ac:dyDescent="0.25">
      <c r="A18809" s="1" t="s">
        <v>38855</v>
      </c>
      <c r="B18809" s="1" t="s">
        <v>62776</v>
      </c>
      <c r="C18809" s="1" t="s">
        <v>38856</v>
      </c>
      <c r="D18809" s="2">
        <v>171637</v>
      </c>
      <c r="E18809" s="1" t="s">
        <v>0</v>
      </c>
    </row>
    <row r="18810" spans="1:5" ht="409.5" x14ac:dyDescent="0.25">
      <c r="A18810" s="4" t="s">
        <v>64285</v>
      </c>
      <c r="B18810" s="1" t="s">
        <v>64286</v>
      </c>
      <c r="C18810" s="1" t="s">
        <v>38857</v>
      </c>
      <c r="D18810" s="2">
        <v>171638</v>
      </c>
      <c r="E18810" s="1" t="s">
        <v>0</v>
      </c>
    </row>
    <row r="18811" spans="1:5" x14ac:dyDescent="0.25">
      <c r="A18811" s="1" t="s">
        <v>64287</v>
      </c>
      <c r="B18811" s="1" t="s">
        <v>10414</v>
      </c>
      <c r="C18811" s="1" t="s">
        <v>38858</v>
      </c>
      <c r="D18811" s="2">
        <v>171639</v>
      </c>
      <c r="E18811" s="1" t="s">
        <v>0</v>
      </c>
    </row>
    <row r="18812" spans="1:5" x14ac:dyDescent="0.25">
      <c r="A18812" s="2">
        <v>3762</v>
      </c>
      <c r="B18812" s="2">
        <v>3762</v>
      </c>
      <c r="C18812" s="1" t="s">
        <v>0</v>
      </c>
      <c r="D18812" s="2">
        <v>171640</v>
      </c>
      <c r="E18812" s="1" t="s">
        <v>0</v>
      </c>
    </row>
    <row r="18813" spans="1:5" x14ac:dyDescent="0.25">
      <c r="A18813" s="1" t="s">
        <v>38859</v>
      </c>
      <c r="B18813" s="1" t="s">
        <v>10415</v>
      </c>
      <c r="C18813" s="1" t="s">
        <v>38860</v>
      </c>
      <c r="D18813" s="2">
        <v>171641</v>
      </c>
      <c r="E18813" s="1" t="s">
        <v>0</v>
      </c>
    </row>
    <row r="18814" spans="1:5" x14ac:dyDescent="0.25">
      <c r="A18814" s="1" t="s">
        <v>38861</v>
      </c>
      <c r="B18814" s="1" t="s">
        <v>61268</v>
      </c>
      <c r="C18814" s="1" t="s">
        <v>38862</v>
      </c>
      <c r="D18814" s="2">
        <v>171642</v>
      </c>
      <c r="E18814" s="1" t="s">
        <v>0</v>
      </c>
    </row>
    <row r="18815" spans="1:5" ht="409.5" x14ac:dyDescent="0.25">
      <c r="A18815" s="4" t="s">
        <v>38863</v>
      </c>
      <c r="B18815" s="1" t="s">
        <v>61269</v>
      </c>
      <c r="C18815" s="1" t="s">
        <v>38864</v>
      </c>
      <c r="D18815" s="2">
        <v>171643</v>
      </c>
      <c r="E18815" s="1" t="s">
        <v>0</v>
      </c>
    </row>
    <row r="18816" spans="1:5" x14ac:dyDescent="0.25">
      <c r="A18816" s="1" t="s">
        <v>38865</v>
      </c>
      <c r="B18816" s="1" t="s">
        <v>55151</v>
      </c>
      <c r="C18816" s="1" t="s">
        <v>38866</v>
      </c>
      <c r="D18816" s="2">
        <v>171644</v>
      </c>
      <c r="E18816" s="1" t="s">
        <v>0</v>
      </c>
    </row>
    <row r="18817" spans="1:5" x14ac:dyDescent="0.25">
      <c r="A18817" s="2">
        <v>3763</v>
      </c>
      <c r="B18817" s="2">
        <v>3763</v>
      </c>
      <c r="C18817" s="1" t="s">
        <v>0</v>
      </c>
      <c r="D18817" s="2">
        <v>171645</v>
      </c>
      <c r="E18817" s="1" t="s">
        <v>0</v>
      </c>
    </row>
    <row r="18818" spans="1:5" x14ac:dyDescent="0.25">
      <c r="A18818" s="1" t="s">
        <v>3421</v>
      </c>
      <c r="B18818" s="1" t="s">
        <v>10416</v>
      </c>
      <c r="C18818" s="1" t="s">
        <v>38867</v>
      </c>
      <c r="D18818" s="2">
        <v>171646</v>
      </c>
      <c r="E18818" s="1" t="s">
        <v>0</v>
      </c>
    </row>
    <row r="18819" spans="1:5" x14ac:dyDescent="0.25">
      <c r="A18819" s="1" t="s">
        <v>38868</v>
      </c>
      <c r="B18819" s="1" t="s">
        <v>56836</v>
      </c>
      <c r="C18819" s="1" t="s">
        <v>38869</v>
      </c>
      <c r="D18819" s="2">
        <v>171647</v>
      </c>
      <c r="E18819" s="1" t="s">
        <v>0</v>
      </c>
    </row>
    <row r="18820" spans="1:5" ht="409.5" x14ac:dyDescent="0.25">
      <c r="A18820" s="4" t="s">
        <v>38870</v>
      </c>
      <c r="B18820" s="1" t="s">
        <v>56837</v>
      </c>
      <c r="C18820" s="1" t="s">
        <v>38871</v>
      </c>
      <c r="D18820" s="2">
        <v>171648</v>
      </c>
      <c r="E18820" s="1" t="s">
        <v>0</v>
      </c>
    </row>
    <row r="18821" spans="1:5" x14ac:dyDescent="0.25">
      <c r="A18821" s="1" t="s">
        <v>38872</v>
      </c>
      <c r="B18821" s="1" t="s">
        <v>10417</v>
      </c>
      <c r="C18821" s="1" t="s">
        <v>38873</v>
      </c>
      <c r="D18821" s="2">
        <v>171649</v>
      </c>
      <c r="E18821" s="1" t="s">
        <v>0</v>
      </c>
    </row>
    <row r="18822" spans="1:5" x14ac:dyDescent="0.25">
      <c r="A18822" s="2">
        <v>3764</v>
      </c>
      <c r="B18822" s="2">
        <v>3764</v>
      </c>
      <c r="C18822" s="1" t="s">
        <v>0</v>
      </c>
      <c r="D18822" s="2">
        <v>171650</v>
      </c>
      <c r="E18822" s="1" t="s">
        <v>0</v>
      </c>
    </row>
    <row r="18823" spans="1:5" x14ac:dyDescent="0.25">
      <c r="A18823" s="1" t="s">
        <v>3422</v>
      </c>
      <c r="B18823" s="1" t="s">
        <v>10418</v>
      </c>
      <c r="C18823" s="1" t="s">
        <v>38874</v>
      </c>
      <c r="D18823" s="2">
        <v>171651</v>
      </c>
      <c r="E18823" s="1" t="s">
        <v>0</v>
      </c>
    </row>
    <row r="18824" spans="1:5" x14ac:dyDescent="0.25">
      <c r="A18824" s="1" t="s">
        <v>38875</v>
      </c>
      <c r="B18824" s="1" t="s">
        <v>60453</v>
      </c>
      <c r="C18824" s="1" t="s">
        <v>38876</v>
      </c>
      <c r="D18824" s="2">
        <v>171652</v>
      </c>
      <c r="E18824" s="1" t="s">
        <v>0</v>
      </c>
    </row>
    <row r="18825" spans="1:5" ht="409.5" x14ac:dyDescent="0.25">
      <c r="A18825" s="4" t="s">
        <v>38877</v>
      </c>
      <c r="B18825" s="1" t="s">
        <v>60454</v>
      </c>
      <c r="C18825" s="1" t="s">
        <v>38878</v>
      </c>
      <c r="D18825" s="2">
        <v>171653</v>
      </c>
      <c r="E18825" s="1" t="s">
        <v>0</v>
      </c>
    </row>
    <row r="18826" spans="1:5" x14ac:dyDescent="0.25">
      <c r="A18826" s="1" t="s">
        <v>38879</v>
      </c>
      <c r="B18826" s="1" t="s">
        <v>55152</v>
      </c>
      <c r="C18826" s="1" t="s">
        <v>38880</v>
      </c>
      <c r="D18826" s="2">
        <v>171654</v>
      </c>
      <c r="E18826" s="1" t="s">
        <v>0</v>
      </c>
    </row>
    <row r="18827" spans="1:5" x14ac:dyDescent="0.25">
      <c r="A18827" s="2">
        <v>3765</v>
      </c>
      <c r="B18827" s="2">
        <v>3765</v>
      </c>
      <c r="C18827" s="1" t="s">
        <v>0</v>
      </c>
      <c r="D18827" s="2">
        <v>171655</v>
      </c>
      <c r="E18827" s="1" t="s">
        <v>0</v>
      </c>
    </row>
    <row r="18828" spans="1:5" x14ac:dyDescent="0.25">
      <c r="A18828" s="1" t="s">
        <v>3423</v>
      </c>
      <c r="B18828" s="1" t="s">
        <v>60179</v>
      </c>
      <c r="C18828" s="1" t="s">
        <v>38881</v>
      </c>
      <c r="D18828" s="2">
        <v>171656</v>
      </c>
      <c r="E18828" s="1" t="s">
        <v>0</v>
      </c>
    </row>
    <row r="18829" spans="1:5" x14ac:dyDescent="0.25">
      <c r="A18829" s="1" t="s">
        <v>38882</v>
      </c>
      <c r="B18829" s="1" t="s">
        <v>58817</v>
      </c>
      <c r="C18829" s="1" t="s">
        <v>38883</v>
      </c>
      <c r="D18829" s="2">
        <v>171657</v>
      </c>
      <c r="E18829" s="1" t="s">
        <v>0</v>
      </c>
    </row>
    <row r="18830" spans="1:5" ht="409.5" x14ac:dyDescent="0.25">
      <c r="A18830" s="4" t="s">
        <v>38884</v>
      </c>
      <c r="B18830" s="1" t="s">
        <v>60180</v>
      </c>
      <c r="C18830" s="1" t="s">
        <v>38885</v>
      </c>
      <c r="D18830" s="2">
        <v>171658</v>
      </c>
      <c r="E18830" s="1" t="s">
        <v>0</v>
      </c>
    </row>
    <row r="18831" spans="1:5" x14ac:dyDescent="0.25">
      <c r="A18831" s="1" t="s">
        <v>38886</v>
      </c>
      <c r="B18831" s="1" t="s">
        <v>58818</v>
      </c>
      <c r="C18831" s="1" t="s">
        <v>38887</v>
      </c>
      <c r="D18831" s="2">
        <v>171659</v>
      </c>
      <c r="E18831" s="1" t="s">
        <v>0</v>
      </c>
    </row>
    <row r="18832" spans="1:5" x14ac:dyDescent="0.25">
      <c r="A18832" s="2">
        <v>3766</v>
      </c>
      <c r="B18832" s="2">
        <v>3766</v>
      </c>
      <c r="C18832" s="1" t="s">
        <v>0</v>
      </c>
      <c r="D18832" s="2">
        <v>171660</v>
      </c>
      <c r="E18832" s="1" t="s">
        <v>0</v>
      </c>
    </row>
    <row r="18833" spans="1:5" x14ac:dyDescent="0.25">
      <c r="A18833" s="1" t="s">
        <v>13233</v>
      </c>
      <c r="B18833" s="1" t="s">
        <v>10419</v>
      </c>
      <c r="C18833" s="1" t="s">
        <v>38888</v>
      </c>
      <c r="D18833" s="2">
        <v>171661</v>
      </c>
      <c r="E18833" s="1" t="s">
        <v>0</v>
      </c>
    </row>
    <row r="18834" spans="1:5" x14ac:dyDescent="0.25">
      <c r="A18834" s="1" t="s">
        <v>38889</v>
      </c>
      <c r="B18834" s="1" t="s">
        <v>55153</v>
      </c>
      <c r="C18834" s="1" t="s">
        <v>38890</v>
      </c>
      <c r="D18834" s="2">
        <v>171662</v>
      </c>
      <c r="E18834" s="1" t="s">
        <v>0</v>
      </c>
    </row>
    <row r="18835" spans="1:5" ht="409.5" x14ac:dyDescent="0.25">
      <c r="A18835" s="4" t="s">
        <v>38891</v>
      </c>
      <c r="B18835" s="1" t="s">
        <v>55154</v>
      </c>
      <c r="C18835" s="1" t="s">
        <v>38892</v>
      </c>
      <c r="D18835" s="2">
        <v>171663</v>
      </c>
      <c r="E18835" s="1" t="s">
        <v>0</v>
      </c>
    </row>
    <row r="18836" spans="1:5" x14ac:dyDescent="0.25">
      <c r="A18836" s="1" t="s">
        <v>38893</v>
      </c>
      <c r="B18836" s="1" t="s">
        <v>55155</v>
      </c>
      <c r="C18836" s="1" t="s">
        <v>38894</v>
      </c>
      <c r="D18836" s="2">
        <v>171664</v>
      </c>
      <c r="E18836" s="1" t="s">
        <v>0</v>
      </c>
    </row>
    <row r="18837" spans="1:5" x14ac:dyDescent="0.25">
      <c r="A18837" s="2">
        <v>3767</v>
      </c>
      <c r="B18837" s="2">
        <v>3767</v>
      </c>
      <c r="C18837" s="1" t="s">
        <v>0</v>
      </c>
      <c r="D18837" s="2">
        <v>171665</v>
      </c>
      <c r="E18837" s="1" t="s">
        <v>0</v>
      </c>
    </row>
    <row r="18838" spans="1:5" x14ac:dyDescent="0.25">
      <c r="A18838" s="1" t="s">
        <v>3424</v>
      </c>
      <c r="B18838" s="1" t="s">
        <v>10420</v>
      </c>
      <c r="C18838" s="1" t="s">
        <v>38895</v>
      </c>
      <c r="D18838" s="2">
        <v>171666</v>
      </c>
      <c r="E18838" s="1" t="s">
        <v>0</v>
      </c>
    </row>
    <row r="18839" spans="1:5" x14ac:dyDescent="0.25">
      <c r="A18839" s="1" t="s">
        <v>38896</v>
      </c>
      <c r="B18839" s="1" t="s">
        <v>55156</v>
      </c>
      <c r="C18839" s="1" t="s">
        <v>38897</v>
      </c>
      <c r="D18839" s="2">
        <v>171667</v>
      </c>
      <c r="E18839" s="1" t="s">
        <v>0</v>
      </c>
    </row>
    <row r="18840" spans="1:5" ht="409.5" x14ac:dyDescent="0.25">
      <c r="A18840" s="4" t="s">
        <v>38898</v>
      </c>
      <c r="B18840" s="1" t="s">
        <v>55157</v>
      </c>
      <c r="C18840" s="1" t="s">
        <v>38899</v>
      </c>
      <c r="D18840" s="2">
        <v>171668</v>
      </c>
      <c r="E18840" s="1" t="s">
        <v>0</v>
      </c>
    </row>
    <row r="18841" spans="1:5" x14ac:dyDescent="0.25">
      <c r="A18841" s="1" t="s">
        <v>38900</v>
      </c>
      <c r="B18841" s="1" t="s">
        <v>55158</v>
      </c>
      <c r="C18841" s="1" t="s">
        <v>38901</v>
      </c>
      <c r="D18841" s="2">
        <v>171669</v>
      </c>
      <c r="E18841" s="1" t="s">
        <v>0</v>
      </c>
    </row>
    <row r="18842" spans="1:5" x14ac:dyDescent="0.25">
      <c r="A18842" s="2">
        <v>3768</v>
      </c>
      <c r="B18842" s="2">
        <v>3768</v>
      </c>
      <c r="C18842" s="1" t="s">
        <v>0</v>
      </c>
      <c r="D18842" s="2">
        <v>171670</v>
      </c>
      <c r="E18842" s="1" t="s">
        <v>0</v>
      </c>
    </row>
    <row r="18843" spans="1:5" x14ac:dyDescent="0.25">
      <c r="A18843" s="1" t="s">
        <v>3425</v>
      </c>
      <c r="B18843" s="1" t="s">
        <v>10421</v>
      </c>
      <c r="C18843" s="1" t="s">
        <v>38902</v>
      </c>
      <c r="D18843" s="2">
        <v>171671</v>
      </c>
      <c r="E18843" s="1" t="s">
        <v>0</v>
      </c>
    </row>
    <row r="18844" spans="1:5" x14ac:dyDescent="0.25">
      <c r="A18844" s="1" t="s">
        <v>38903</v>
      </c>
      <c r="B18844" s="1" t="s">
        <v>55159</v>
      </c>
      <c r="C18844" s="1" t="s">
        <v>38904</v>
      </c>
      <c r="D18844" s="2">
        <v>171672</v>
      </c>
      <c r="E18844" s="1" t="s">
        <v>0</v>
      </c>
    </row>
    <row r="18845" spans="1:5" ht="409.5" x14ac:dyDescent="0.25">
      <c r="A18845" s="4" t="s">
        <v>38905</v>
      </c>
      <c r="B18845" s="1" t="s">
        <v>58509</v>
      </c>
      <c r="C18845" s="1" t="s">
        <v>38906</v>
      </c>
      <c r="D18845" s="2">
        <v>171673</v>
      </c>
      <c r="E18845" s="1" t="s">
        <v>0</v>
      </c>
    </row>
    <row r="18846" spans="1:5" x14ac:dyDescent="0.25">
      <c r="A18846" s="1" t="s">
        <v>38907</v>
      </c>
      <c r="B18846" s="1" t="s">
        <v>55160</v>
      </c>
      <c r="C18846" s="1" t="s">
        <v>38908</v>
      </c>
      <c r="D18846" s="2">
        <v>171674</v>
      </c>
      <c r="E18846" s="1" t="s">
        <v>0</v>
      </c>
    </row>
    <row r="18847" spans="1:5" x14ac:dyDescent="0.25">
      <c r="A18847" s="2">
        <v>3769</v>
      </c>
      <c r="B18847" s="2">
        <v>3769</v>
      </c>
      <c r="C18847" s="1" t="s">
        <v>0</v>
      </c>
      <c r="D18847" s="2">
        <v>171675</v>
      </c>
      <c r="E18847" s="1" t="s">
        <v>0</v>
      </c>
    </row>
    <row r="18848" spans="1:5" x14ac:dyDescent="0.25">
      <c r="A18848" s="1" t="s">
        <v>3426</v>
      </c>
      <c r="B18848" s="1" t="s">
        <v>10422</v>
      </c>
      <c r="C18848" s="1" t="s">
        <v>38909</v>
      </c>
      <c r="D18848" s="2">
        <v>171676</v>
      </c>
      <c r="E18848" s="1" t="s">
        <v>0</v>
      </c>
    </row>
    <row r="18849" spans="1:5" x14ac:dyDescent="0.25">
      <c r="A18849" s="1" t="s">
        <v>38910</v>
      </c>
      <c r="B18849" s="1" t="s">
        <v>55161</v>
      </c>
      <c r="C18849" s="1" t="s">
        <v>38911</v>
      </c>
      <c r="D18849" s="2">
        <v>171677</v>
      </c>
      <c r="E18849" s="1" t="s">
        <v>0</v>
      </c>
    </row>
    <row r="18850" spans="1:5" ht="409.5" x14ac:dyDescent="0.25">
      <c r="A18850" s="4" t="s">
        <v>38912</v>
      </c>
      <c r="B18850" s="1" t="s">
        <v>55162</v>
      </c>
      <c r="C18850" s="1" t="s">
        <v>38913</v>
      </c>
      <c r="D18850" s="2">
        <v>171678</v>
      </c>
      <c r="E18850" s="1" t="s">
        <v>0</v>
      </c>
    </row>
    <row r="18851" spans="1:5" x14ac:dyDescent="0.25">
      <c r="A18851" s="1" t="s">
        <v>38914</v>
      </c>
      <c r="B18851" s="1" t="s">
        <v>55163</v>
      </c>
      <c r="C18851" s="1" t="s">
        <v>38915</v>
      </c>
      <c r="D18851" s="2">
        <v>171679</v>
      </c>
      <c r="E18851" s="1" t="s">
        <v>0</v>
      </c>
    </row>
    <row r="18852" spans="1:5" x14ac:dyDescent="0.25">
      <c r="A18852" s="2">
        <v>3770</v>
      </c>
      <c r="B18852" s="2">
        <v>3770</v>
      </c>
      <c r="C18852" s="1" t="s">
        <v>0</v>
      </c>
      <c r="D18852" s="2">
        <v>171680</v>
      </c>
      <c r="E18852" s="1" t="s">
        <v>0</v>
      </c>
    </row>
    <row r="18853" spans="1:5" x14ac:dyDescent="0.25">
      <c r="A18853" s="1" t="s">
        <v>3427</v>
      </c>
      <c r="B18853" s="1" t="s">
        <v>50926</v>
      </c>
      <c r="C18853" s="1" t="s">
        <v>38916</v>
      </c>
      <c r="D18853" s="2">
        <v>171681</v>
      </c>
      <c r="E18853" s="1" t="s">
        <v>0</v>
      </c>
    </row>
    <row r="18854" spans="1:5" x14ac:dyDescent="0.25">
      <c r="A18854" s="1" t="s">
        <v>38917</v>
      </c>
      <c r="B18854" s="1" t="s">
        <v>63796</v>
      </c>
      <c r="C18854" s="1" t="s">
        <v>38918</v>
      </c>
      <c r="D18854" s="2">
        <v>171682</v>
      </c>
      <c r="E18854" s="1" t="s">
        <v>0</v>
      </c>
    </row>
    <row r="18855" spans="1:5" ht="409.5" x14ac:dyDescent="0.25">
      <c r="A18855" s="4" t="s">
        <v>64288</v>
      </c>
      <c r="B18855" s="1" t="s">
        <v>63797</v>
      </c>
      <c r="C18855" s="1" t="s">
        <v>38919</v>
      </c>
      <c r="D18855" s="2">
        <v>171683</v>
      </c>
      <c r="E18855" s="1" t="s">
        <v>0</v>
      </c>
    </row>
    <row r="18856" spans="1:5" x14ac:dyDescent="0.25">
      <c r="A18856" s="1" t="s">
        <v>38920</v>
      </c>
      <c r="B18856" s="1" t="s">
        <v>10423</v>
      </c>
      <c r="C18856" s="1" t="s">
        <v>38921</v>
      </c>
      <c r="D18856" s="2">
        <v>171684</v>
      </c>
      <c r="E18856" s="1" t="s">
        <v>0</v>
      </c>
    </row>
    <row r="18857" spans="1:5" x14ac:dyDescent="0.25">
      <c r="A18857" s="2">
        <v>3771</v>
      </c>
      <c r="B18857" s="2">
        <v>3771</v>
      </c>
      <c r="C18857" s="1" t="s">
        <v>0</v>
      </c>
      <c r="D18857" s="2">
        <v>171685</v>
      </c>
      <c r="E18857" s="1" t="s">
        <v>0</v>
      </c>
    </row>
    <row r="18858" spans="1:5" x14ac:dyDescent="0.25">
      <c r="A18858" s="1" t="s">
        <v>3428</v>
      </c>
      <c r="B18858" s="1" t="s">
        <v>10424</v>
      </c>
      <c r="C18858" s="1" t="s">
        <v>38922</v>
      </c>
      <c r="D18858" s="2">
        <v>171686</v>
      </c>
      <c r="E18858" s="1" t="s">
        <v>0</v>
      </c>
    </row>
    <row r="18859" spans="1:5" x14ac:dyDescent="0.25">
      <c r="A18859" s="1" t="s">
        <v>38923</v>
      </c>
      <c r="B18859" s="1" t="s">
        <v>61270</v>
      </c>
      <c r="C18859" s="1" t="s">
        <v>38924</v>
      </c>
      <c r="D18859" s="2">
        <v>171687</v>
      </c>
      <c r="E18859" s="1" t="s">
        <v>0</v>
      </c>
    </row>
    <row r="18860" spans="1:5" ht="409.5" x14ac:dyDescent="0.25">
      <c r="A18860" s="4" t="s">
        <v>38925</v>
      </c>
      <c r="B18860" s="1" t="s">
        <v>61271</v>
      </c>
      <c r="C18860" s="1" t="s">
        <v>38926</v>
      </c>
      <c r="D18860" s="2">
        <v>171688</v>
      </c>
      <c r="E18860" s="1" t="s">
        <v>0</v>
      </c>
    </row>
    <row r="18861" spans="1:5" x14ac:dyDescent="0.25">
      <c r="A18861" s="1" t="s">
        <v>38927</v>
      </c>
      <c r="B18861" s="1" t="s">
        <v>10425</v>
      </c>
      <c r="C18861" s="1" t="s">
        <v>38928</v>
      </c>
      <c r="D18861" s="2">
        <v>171689</v>
      </c>
      <c r="E18861" s="1" t="s">
        <v>0</v>
      </c>
    </row>
    <row r="18862" spans="1:5" x14ac:dyDescent="0.25">
      <c r="A18862" s="2">
        <v>3772</v>
      </c>
      <c r="B18862" s="2">
        <v>3772</v>
      </c>
      <c r="C18862" s="1" t="s">
        <v>0</v>
      </c>
      <c r="D18862" s="2">
        <v>171690</v>
      </c>
      <c r="E18862" s="1" t="s">
        <v>0</v>
      </c>
    </row>
    <row r="18863" spans="1:5" x14ac:dyDescent="0.25">
      <c r="A18863" s="1" t="s">
        <v>3429</v>
      </c>
      <c r="B18863" s="1" t="s">
        <v>10426</v>
      </c>
      <c r="C18863" s="1" t="s">
        <v>38929</v>
      </c>
      <c r="D18863" s="2">
        <v>171691</v>
      </c>
      <c r="E18863" s="1" t="s">
        <v>0</v>
      </c>
    </row>
    <row r="18864" spans="1:5" x14ac:dyDescent="0.25">
      <c r="A18864" s="1" t="s">
        <v>38930</v>
      </c>
      <c r="B18864" s="1" t="s">
        <v>10427</v>
      </c>
      <c r="C18864" s="1" t="s">
        <v>38931</v>
      </c>
      <c r="D18864" s="2">
        <v>171692</v>
      </c>
      <c r="E18864" s="1" t="s">
        <v>0</v>
      </c>
    </row>
    <row r="18865" spans="1:5" ht="409.5" x14ac:dyDescent="0.25">
      <c r="A18865" s="4" t="s">
        <v>38932</v>
      </c>
      <c r="B18865" s="1" t="s">
        <v>55164</v>
      </c>
      <c r="C18865" s="1" t="s">
        <v>38933</v>
      </c>
      <c r="D18865" s="2">
        <v>171693</v>
      </c>
      <c r="E18865" s="1" t="s">
        <v>0</v>
      </c>
    </row>
    <row r="18866" spans="1:5" x14ac:dyDescent="0.25">
      <c r="A18866" s="1" t="s">
        <v>38934</v>
      </c>
      <c r="B18866" s="1" t="s">
        <v>10428</v>
      </c>
      <c r="C18866" s="1" t="s">
        <v>38935</v>
      </c>
      <c r="D18866" s="2">
        <v>171694</v>
      </c>
      <c r="E18866" s="1" t="s">
        <v>0</v>
      </c>
    </row>
    <row r="18867" spans="1:5" x14ac:dyDescent="0.25">
      <c r="A18867" s="2">
        <v>3773</v>
      </c>
      <c r="B18867" s="2">
        <v>3773</v>
      </c>
      <c r="C18867" s="1" t="s">
        <v>0</v>
      </c>
      <c r="D18867" s="2">
        <v>171695</v>
      </c>
      <c r="E18867" s="1" t="s">
        <v>0</v>
      </c>
    </row>
    <row r="18868" spans="1:5" x14ac:dyDescent="0.25">
      <c r="A18868" s="1" t="s">
        <v>3430</v>
      </c>
      <c r="B18868" s="1" t="s">
        <v>10429</v>
      </c>
      <c r="C18868" s="1" t="s">
        <v>38936</v>
      </c>
      <c r="D18868" s="2">
        <v>171696</v>
      </c>
      <c r="E18868" s="1" t="s">
        <v>0</v>
      </c>
    </row>
    <row r="18869" spans="1:5" x14ac:dyDescent="0.25">
      <c r="A18869" s="1" t="s">
        <v>38937</v>
      </c>
      <c r="B18869" s="1" t="s">
        <v>50927</v>
      </c>
      <c r="C18869" s="1" t="s">
        <v>38938</v>
      </c>
      <c r="D18869" s="2">
        <v>171697</v>
      </c>
      <c r="E18869" s="1" t="s">
        <v>0</v>
      </c>
    </row>
    <row r="18870" spans="1:5" ht="409.5" x14ac:dyDescent="0.25">
      <c r="A18870" s="4" t="s">
        <v>38939</v>
      </c>
      <c r="B18870" s="1" t="s">
        <v>55165</v>
      </c>
      <c r="C18870" s="1" t="s">
        <v>38940</v>
      </c>
      <c r="D18870" s="2">
        <v>171698</v>
      </c>
      <c r="E18870" s="1" t="s">
        <v>0</v>
      </c>
    </row>
    <row r="18871" spans="1:5" x14ac:dyDescent="0.25">
      <c r="A18871" s="1" t="s">
        <v>17330</v>
      </c>
      <c r="B18871" s="1" t="s">
        <v>60917</v>
      </c>
      <c r="C18871" s="1" t="s">
        <v>17331</v>
      </c>
      <c r="D18871" s="2">
        <v>171699</v>
      </c>
      <c r="E18871" s="1" t="s">
        <v>0</v>
      </c>
    </row>
    <row r="18872" spans="1:5" x14ac:dyDescent="0.25">
      <c r="A18872" s="2">
        <v>3774</v>
      </c>
      <c r="B18872" s="2">
        <v>3774</v>
      </c>
      <c r="C18872" s="1" t="s">
        <v>0</v>
      </c>
      <c r="D18872" s="2">
        <v>171700</v>
      </c>
      <c r="E18872" s="1" t="s">
        <v>0</v>
      </c>
    </row>
    <row r="18873" spans="1:5" x14ac:dyDescent="0.25">
      <c r="A18873" s="1" t="s">
        <v>3431</v>
      </c>
      <c r="B18873" s="1" t="s">
        <v>10430</v>
      </c>
      <c r="C18873" s="1" t="s">
        <v>38941</v>
      </c>
      <c r="D18873" s="2">
        <v>171701</v>
      </c>
      <c r="E18873" s="1" t="s">
        <v>0</v>
      </c>
    </row>
    <row r="18874" spans="1:5" x14ac:dyDescent="0.25">
      <c r="A18874" s="1" t="s">
        <v>38942</v>
      </c>
      <c r="B18874" s="1" t="s">
        <v>55166</v>
      </c>
      <c r="C18874" s="1" t="s">
        <v>38943</v>
      </c>
      <c r="D18874" s="2">
        <v>171702</v>
      </c>
      <c r="E18874" s="1" t="s">
        <v>0</v>
      </c>
    </row>
    <row r="18875" spans="1:5" ht="409.5" x14ac:dyDescent="0.25">
      <c r="A18875" s="4" t="s">
        <v>38944</v>
      </c>
      <c r="B18875" s="1" t="s">
        <v>55167</v>
      </c>
      <c r="C18875" s="1" t="s">
        <v>38945</v>
      </c>
      <c r="D18875" s="2">
        <v>171703</v>
      </c>
      <c r="E18875" s="1" t="s">
        <v>0</v>
      </c>
    </row>
    <row r="18876" spans="1:5" x14ac:dyDescent="0.25">
      <c r="A18876" s="1" t="s">
        <v>38946</v>
      </c>
      <c r="B18876" s="1" t="s">
        <v>10431</v>
      </c>
      <c r="C18876" s="1" t="s">
        <v>38947</v>
      </c>
      <c r="D18876" s="2">
        <v>171704</v>
      </c>
      <c r="E18876" s="1" t="s">
        <v>0</v>
      </c>
    </row>
    <row r="18877" spans="1:5" x14ac:dyDescent="0.25">
      <c r="A18877" s="2">
        <v>3775</v>
      </c>
      <c r="B18877" s="2">
        <v>3775</v>
      </c>
      <c r="C18877" s="1" t="s">
        <v>0</v>
      </c>
      <c r="D18877" s="2">
        <v>171705</v>
      </c>
      <c r="E18877" s="1" t="s">
        <v>0</v>
      </c>
    </row>
    <row r="18878" spans="1:5" x14ac:dyDescent="0.25">
      <c r="A18878" s="1" t="s">
        <v>10432</v>
      </c>
      <c r="B18878" s="1" t="s">
        <v>10433</v>
      </c>
      <c r="C18878" s="1" t="s">
        <v>38948</v>
      </c>
      <c r="D18878" s="2">
        <v>171706</v>
      </c>
      <c r="E18878" s="1" t="s">
        <v>0</v>
      </c>
    </row>
    <row r="18879" spans="1:5" x14ac:dyDescent="0.25">
      <c r="A18879" s="1" t="s">
        <v>38949</v>
      </c>
      <c r="B18879" s="1" t="s">
        <v>55168</v>
      </c>
      <c r="C18879" s="1" t="s">
        <v>38950</v>
      </c>
      <c r="D18879" s="2">
        <v>171707</v>
      </c>
      <c r="E18879" s="1" t="s">
        <v>0</v>
      </c>
    </row>
    <row r="18880" spans="1:5" ht="409.5" x14ac:dyDescent="0.25">
      <c r="A18880" s="4" t="s">
        <v>38951</v>
      </c>
      <c r="B18880" s="1" t="s">
        <v>58819</v>
      </c>
      <c r="C18880" s="1" t="s">
        <v>38952</v>
      </c>
      <c r="D18880" s="2">
        <v>171708</v>
      </c>
      <c r="E18880" s="1" t="s">
        <v>0</v>
      </c>
    </row>
    <row r="18881" spans="1:5" x14ac:dyDescent="0.25">
      <c r="A18881" s="1" t="s">
        <v>38953</v>
      </c>
      <c r="B18881" s="1" t="s">
        <v>10434</v>
      </c>
      <c r="C18881" s="1" t="s">
        <v>38954</v>
      </c>
      <c r="D18881" s="2">
        <v>171709</v>
      </c>
      <c r="E18881" s="1" t="s">
        <v>0</v>
      </c>
    </row>
    <row r="18882" spans="1:5" x14ac:dyDescent="0.25">
      <c r="A18882" s="2">
        <v>3776</v>
      </c>
      <c r="B18882" s="2">
        <v>3776</v>
      </c>
      <c r="C18882" s="1" t="s">
        <v>0</v>
      </c>
      <c r="D18882" s="2">
        <v>171710</v>
      </c>
      <c r="E18882" s="1" t="s">
        <v>0</v>
      </c>
    </row>
    <row r="18883" spans="1:5" x14ac:dyDescent="0.25">
      <c r="A18883" s="1" t="s">
        <v>3432</v>
      </c>
      <c r="B18883" s="1" t="s">
        <v>55169</v>
      </c>
      <c r="C18883" s="1" t="s">
        <v>38955</v>
      </c>
      <c r="D18883" s="2">
        <v>171711</v>
      </c>
      <c r="E18883" s="1" t="s">
        <v>0</v>
      </c>
    </row>
    <row r="18884" spans="1:5" x14ac:dyDescent="0.25">
      <c r="A18884" s="1" t="s">
        <v>38956</v>
      </c>
      <c r="B18884" s="1" t="s">
        <v>55170</v>
      </c>
      <c r="C18884" s="1" t="s">
        <v>38957</v>
      </c>
      <c r="D18884" s="2">
        <v>171712</v>
      </c>
      <c r="E18884" s="1" t="s">
        <v>0</v>
      </c>
    </row>
    <row r="18885" spans="1:5" x14ac:dyDescent="0.25">
      <c r="A18885" s="1" t="s">
        <v>38958</v>
      </c>
      <c r="B18885" s="1" t="s">
        <v>55171</v>
      </c>
      <c r="C18885" s="1" t="s">
        <v>38959</v>
      </c>
      <c r="D18885" s="2">
        <v>171713</v>
      </c>
      <c r="E18885" s="1" t="s">
        <v>0</v>
      </c>
    </row>
    <row r="18886" spans="1:5" x14ac:dyDescent="0.25">
      <c r="A18886" s="1" t="s">
        <v>38960</v>
      </c>
      <c r="B18886" s="1" t="s">
        <v>61272</v>
      </c>
      <c r="C18886" s="1" t="s">
        <v>38961</v>
      </c>
      <c r="D18886" s="2">
        <v>171714</v>
      </c>
      <c r="E18886" s="1" t="s">
        <v>0</v>
      </c>
    </row>
    <row r="18887" spans="1:5" x14ac:dyDescent="0.25">
      <c r="A18887" s="2">
        <v>3777</v>
      </c>
      <c r="B18887" s="2">
        <v>3777</v>
      </c>
      <c r="C18887" s="1" t="s">
        <v>0</v>
      </c>
      <c r="D18887" s="2">
        <v>171715</v>
      </c>
      <c r="E18887" s="1" t="s">
        <v>0</v>
      </c>
    </row>
    <row r="18888" spans="1:5" x14ac:dyDescent="0.25">
      <c r="A18888" s="1" t="s">
        <v>38962</v>
      </c>
      <c r="B18888" s="1" t="s">
        <v>10435</v>
      </c>
      <c r="C18888" s="1" t="s">
        <v>38963</v>
      </c>
      <c r="D18888" s="2">
        <v>171716</v>
      </c>
      <c r="E18888" s="1" t="s">
        <v>0</v>
      </c>
    </row>
    <row r="18889" spans="1:5" x14ac:dyDescent="0.25">
      <c r="A18889" s="1" t="s">
        <v>38964</v>
      </c>
      <c r="B18889" s="1" t="s">
        <v>59055</v>
      </c>
      <c r="C18889" s="1" t="s">
        <v>38965</v>
      </c>
      <c r="D18889" s="2">
        <v>171717</v>
      </c>
      <c r="E18889" s="1" t="s">
        <v>0</v>
      </c>
    </row>
    <row r="18890" spans="1:5" ht="409.5" x14ac:dyDescent="0.25">
      <c r="A18890" s="4" t="s">
        <v>38966</v>
      </c>
      <c r="B18890" s="1" t="s">
        <v>59056</v>
      </c>
      <c r="C18890" s="1" t="s">
        <v>38967</v>
      </c>
      <c r="D18890" s="2">
        <v>171718</v>
      </c>
      <c r="E18890" s="1" t="s">
        <v>0</v>
      </c>
    </row>
    <row r="18891" spans="1:5" x14ac:dyDescent="0.25">
      <c r="A18891" s="1" t="s">
        <v>38968</v>
      </c>
      <c r="B18891" s="1" t="s">
        <v>10436</v>
      </c>
      <c r="C18891" s="1" t="s">
        <v>38969</v>
      </c>
      <c r="D18891" s="2">
        <v>171719</v>
      </c>
      <c r="E18891" s="1" t="s">
        <v>0</v>
      </c>
    </row>
    <row r="18892" spans="1:5" x14ac:dyDescent="0.25">
      <c r="A18892" s="2">
        <v>3778</v>
      </c>
      <c r="B18892" s="2">
        <v>3778</v>
      </c>
      <c r="C18892" s="1" t="s">
        <v>0</v>
      </c>
      <c r="D18892" s="2">
        <v>171720</v>
      </c>
      <c r="E18892" s="1" t="s">
        <v>0</v>
      </c>
    </row>
    <row r="18893" spans="1:5" x14ac:dyDescent="0.25">
      <c r="A18893" s="1" t="s">
        <v>3433</v>
      </c>
      <c r="B18893" s="1" t="s">
        <v>50928</v>
      </c>
      <c r="C18893" s="1" t="s">
        <v>38970</v>
      </c>
      <c r="D18893" s="2">
        <v>171721</v>
      </c>
      <c r="E18893" s="1" t="s">
        <v>0</v>
      </c>
    </row>
    <row r="18894" spans="1:5" x14ac:dyDescent="0.25">
      <c r="A18894" s="1" t="s">
        <v>38971</v>
      </c>
      <c r="B18894" s="1" t="s">
        <v>55172</v>
      </c>
      <c r="C18894" s="1" t="s">
        <v>38972</v>
      </c>
      <c r="D18894" s="2">
        <v>171722</v>
      </c>
      <c r="E18894" s="1" t="s">
        <v>0</v>
      </c>
    </row>
    <row r="18895" spans="1:5" ht="409.5" x14ac:dyDescent="0.25">
      <c r="A18895" s="4" t="s">
        <v>38973</v>
      </c>
      <c r="B18895" s="1" t="s">
        <v>55173</v>
      </c>
      <c r="C18895" s="1" t="s">
        <v>38974</v>
      </c>
      <c r="D18895" s="2">
        <v>171723</v>
      </c>
      <c r="E18895" s="1" t="s">
        <v>0</v>
      </c>
    </row>
    <row r="18896" spans="1:5" x14ac:dyDescent="0.25">
      <c r="A18896" s="1" t="s">
        <v>38975</v>
      </c>
      <c r="B18896" s="1" t="s">
        <v>50929</v>
      </c>
      <c r="C18896" s="1" t="s">
        <v>38976</v>
      </c>
      <c r="D18896" s="2">
        <v>171724</v>
      </c>
      <c r="E18896" s="1" t="s">
        <v>0</v>
      </c>
    </row>
    <row r="18897" spans="1:5" x14ac:dyDescent="0.25">
      <c r="A18897" s="2">
        <v>3779</v>
      </c>
      <c r="B18897" s="2">
        <v>3779</v>
      </c>
      <c r="C18897" s="1" t="s">
        <v>0</v>
      </c>
      <c r="D18897" s="2">
        <v>171725</v>
      </c>
      <c r="E18897" s="1" t="s">
        <v>0</v>
      </c>
    </row>
    <row r="18898" spans="1:5" x14ac:dyDescent="0.25">
      <c r="A18898" s="1" t="s">
        <v>3434</v>
      </c>
      <c r="B18898" s="1" t="s">
        <v>10437</v>
      </c>
      <c r="C18898" s="1" t="s">
        <v>38977</v>
      </c>
      <c r="D18898" s="2">
        <v>171726</v>
      </c>
      <c r="E18898" s="1" t="s">
        <v>0</v>
      </c>
    </row>
    <row r="18899" spans="1:5" x14ac:dyDescent="0.25">
      <c r="A18899" s="1" t="s">
        <v>38978</v>
      </c>
      <c r="B18899" s="1" t="s">
        <v>63896</v>
      </c>
      <c r="C18899" s="1" t="s">
        <v>38979</v>
      </c>
      <c r="D18899" s="2">
        <v>171727</v>
      </c>
      <c r="E18899" s="1" t="s">
        <v>0</v>
      </c>
    </row>
    <row r="18900" spans="1:5" ht="409.5" x14ac:dyDescent="0.25">
      <c r="A18900" s="4" t="s">
        <v>38980</v>
      </c>
      <c r="B18900" s="1" t="s">
        <v>63897</v>
      </c>
      <c r="C18900" s="1" t="s">
        <v>38981</v>
      </c>
      <c r="D18900" s="2">
        <v>171728</v>
      </c>
      <c r="E18900" s="1" t="s">
        <v>0</v>
      </c>
    </row>
    <row r="18901" spans="1:5" x14ac:dyDescent="0.25">
      <c r="A18901" s="1" t="s">
        <v>38982</v>
      </c>
      <c r="B18901" s="1" t="s">
        <v>10438</v>
      </c>
      <c r="C18901" s="1" t="s">
        <v>38983</v>
      </c>
      <c r="D18901" s="2">
        <v>171729</v>
      </c>
      <c r="E18901" s="1" t="s">
        <v>0</v>
      </c>
    </row>
    <row r="18902" spans="1:5" x14ac:dyDescent="0.25">
      <c r="A18902" s="2">
        <v>3780</v>
      </c>
      <c r="B18902" s="2">
        <v>3780</v>
      </c>
      <c r="C18902" s="1" t="s">
        <v>0</v>
      </c>
      <c r="D18902" s="2">
        <v>171730</v>
      </c>
      <c r="E18902" s="1" t="s">
        <v>0</v>
      </c>
    </row>
    <row r="18903" spans="1:5" x14ac:dyDescent="0.25">
      <c r="A18903" s="1" t="s">
        <v>3435</v>
      </c>
      <c r="B18903" s="1" t="s">
        <v>10439</v>
      </c>
      <c r="C18903" s="1" t="s">
        <v>38984</v>
      </c>
      <c r="D18903" s="2">
        <v>171731</v>
      </c>
      <c r="E18903" s="1" t="s">
        <v>0</v>
      </c>
    </row>
    <row r="18904" spans="1:5" x14ac:dyDescent="0.25">
      <c r="A18904" s="1" t="s">
        <v>38985</v>
      </c>
      <c r="B18904" s="1" t="s">
        <v>55174</v>
      </c>
      <c r="C18904" s="1" t="s">
        <v>38986</v>
      </c>
      <c r="D18904" s="2">
        <v>171732</v>
      </c>
      <c r="E18904" s="1" t="s">
        <v>0</v>
      </c>
    </row>
    <row r="18905" spans="1:5" ht="409.5" x14ac:dyDescent="0.25">
      <c r="A18905" s="4" t="s">
        <v>38987</v>
      </c>
      <c r="B18905" s="1" t="s">
        <v>55175</v>
      </c>
      <c r="C18905" s="1" t="s">
        <v>38988</v>
      </c>
      <c r="D18905" s="2">
        <v>171733</v>
      </c>
      <c r="E18905" s="1" t="s">
        <v>0</v>
      </c>
    </row>
    <row r="18906" spans="1:5" x14ac:dyDescent="0.25">
      <c r="A18906" s="1" t="s">
        <v>38989</v>
      </c>
      <c r="B18906" s="1" t="s">
        <v>55176</v>
      </c>
      <c r="C18906" s="1" t="s">
        <v>38990</v>
      </c>
      <c r="D18906" s="2">
        <v>171734</v>
      </c>
      <c r="E18906" s="1" t="s">
        <v>0</v>
      </c>
    </row>
    <row r="18907" spans="1:5" x14ac:dyDescent="0.25">
      <c r="A18907" s="2">
        <v>3781</v>
      </c>
      <c r="B18907" s="2">
        <v>3781</v>
      </c>
      <c r="C18907" s="1" t="s">
        <v>0</v>
      </c>
      <c r="D18907" s="2">
        <v>171735</v>
      </c>
      <c r="E18907" s="1" t="s">
        <v>0</v>
      </c>
    </row>
    <row r="18908" spans="1:5" x14ac:dyDescent="0.25">
      <c r="A18908" s="1" t="s">
        <v>3436</v>
      </c>
      <c r="B18908" s="1" t="s">
        <v>10440</v>
      </c>
      <c r="C18908" s="1" t="s">
        <v>38991</v>
      </c>
      <c r="D18908" s="2">
        <v>171736</v>
      </c>
      <c r="E18908" s="1" t="s">
        <v>0</v>
      </c>
    </row>
    <row r="18909" spans="1:5" x14ac:dyDescent="0.25">
      <c r="A18909" s="1" t="s">
        <v>64289</v>
      </c>
      <c r="B18909" s="1" t="s">
        <v>13234</v>
      </c>
      <c r="C18909" s="1" t="s">
        <v>38992</v>
      </c>
      <c r="D18909" s="2">
        <v>171737</v>
      </c>
      <c r="E18909" s="1" t="s">
        <v>0</v>
      </c>
    </row>
    <row r="18910" spans="1:5" ht="409.5" x14ac:dyDescent="0.25">
      <c r="A18910" s="4" t="s">
        <v>64290</v>
      </c>
      <c r="B18910" s="1" t="s">
        <v>63466</v>
      </c>
      <c r="C18910" s="1" t="s">
        <v>38993</v>
      </c>
      <c r="D18910" s="2">
        <v>171738</v>
      </c>
      <c r="E18910" s="1" t="s">
        <v>0</v>
      </c>
    </row>
    <row r="18911" spans="1:5" x14ac:dyDescent="0.25">
      <c r="A18911" s="1" t="s">
        <v>38994</v>
      </c>
      <c r="B18911" s="1" t="s">
        <v>10441</v>
      </c>
      <c r="C18911" s="1" t="s">
        <v>38995</v>
      </c>
      <c r="D18911" s="2">
        <v>171739</v>
      </c>
      <c r="E18911" s="1" t="s">
        <v>0</v>
      </c>
    </row>
    <row r="18912" spans="1:5" x14ac:dyDescent="0.25">
      <c r="A18912" s="2">
        <v>3782</v>
      </c>
      <c r="B18912" s="2">
        <v>3782</v>
      </c>
      <c r="C18912" s="1" t="s">
        <v>0</v>
      </c>
      <c r="D18912" s="2">
        <v>171740</v>
      </c>
      <c r="E18912" s="1" t="s">
        <v>0</v>
      </c>
    </row>
    <row r="18913" spans="1:5" x14ac:dyDescent="0.25">
      <c r="A18913" s="1" t="s">
        <v>10442</v>
      </c>
      <c r="B18913" s="1" t="s">
        <v>50930</v>
      </c>
      <c r="C18913" s="1" t="s">
        <v>38996</v>
      </c>
      <c r="D18913" s="2">
        <v>171741</v>
      </c>
      <c r="E18913" s="1" t="s">
        <v>0</v>
      </c>
    </row>
    <row r="18914" spans="1:5" x14ac:dyDescent="0.25">
      <c r="A18914" s="1" t="s">
        <v>38997</v>
      </c>
      <c r="B18914" s="1" t="s">
        <v>55177</v>
      </c>
      <c r="C18914" s="1" t="s">
        <v>38998</v>
      </c>
      <c r="D18914" s="2">
        <v>171742</v>
      </c>
      <c r="E18914" s="1" t="s">
        <v>0</v>
      </c>
    </row>
    <row r="18915" spans="1:5" ht="409.5" x14ac:dyDescent="0.25">
      <c r="A18915" s="4" t="s">
        <v>38999</v>
      </c>
      <c r="B18915" s="1" t="s">
        <v>55178</v>
      </c>
      <c r="C18915" s="1" t="s">
        <v>39000</v>
      </c>
      <c r="D18915" s="2">
        <v>171743</v>
      </c>
      <c r="E18915" s="1" t="s">
        <v>0</v>
      </c>
    </row>
    <row r="18916" spans="1:5" x14ac:dyDescent="0.25">
      <c r="A18916" s="1" t="s">
        <v>39001</v>
      </c>
      <c r="B18916" s="1" t="s">
        <v>50931</v>
      </c>
      <c r="C18916" s="1" t="s">
        <v>39002</v>
      </c>
      <c r="D18916" s="2">
        <v>171744</v>
      </c>
      <c r="E18916" s="1" t="s">
        <v>0</v>
      </c>
    </row>
    <row r="18917" spans="1:5" x14ac:dyDescent="0.25">
      <c r="A18917" s="2">
        <v>3783</v>
      </c>
      <c r="B18917" s="2">
        <v>3783</v>
      </c>
      <c r="C18917" s="1" t="s">
        <v>0</v>
      </c>
      <c r="D18917" s="2">
        <v>171745</v>
      </c>
      <c r="E18917" s="1" t="s">
        <v>0</v>
      </c>
    </row>
    <row r="18918" spans="1:5" x14ac:dyDescent="0.25">
      <c r="A18918" s="1" t="s">
        <v>3437</v>
      </c>
      <c r="B18918" s="1" t="s">
        <v>10443</v>
      </c>
      <c r="C18918" s="1" t="s">
        <v>39003</v>
      </c>
      <c r="D18918" s="2">
        <v>171746</v>
      </c>
      <c r="E18918" s="1" t="s">
        <v>0</v>
      </c>
    </row>
    <row r="18919" spans="1:5" x14ac:dyDescent="0.25">
      <c r="A18919" s="1" t="s">
        <v>39004</v>
      </c>
      <c r="B18919" s="1" t="s">
        <v>10444</v>
      </c>
      <c r="C18919" s="1" t="s">
        <v>39005</v>
      </c>
      <c r="D18919" s="2">
        <v>171747</v>
      </c>
      <c r="E18919" s="1" t="s">
        <v>0</v>
      </c>
    </row>
    <row r="18920" spans="1:5" ht="409.5" x14ac:dyDescent="0.25">
      <c r="A18920" s="4" t="s">
        <v>39006</v>
      </c>
      <c r="B18920" s="1" t="s">
        <v>10445</v>
      </c>
      <c r="C18920" s="1" t="s">
        <v>39007</v>
      </c>
      <c r="D18920" s="2">
        <v>171748</v>
      </c>
      <c r="E18920" s="1" t="s">
        <v>0</v>
      </c>
    </row>
    <row r="18921" spans="1:5" x14ac:dyDescent="0.25">
      <c r="A18921" s="1" t="s">
        <v>39008</v>
      </c>
      <c r="B18921" s="1" t="s">
        <v>10446</v>
      </c>
      <c r="C18921" s="1" t="s">
        <v>39009</v>
      </c>
      <c r="D18921" s="2">
        <v>171749</v>
      </c>
      <c r="E18921" s="1" t="s">
        <v>0</v>
      </c>
    </row>
    <row r="18922" spans="1:5" x14ac:dyDescent="0.25">
      <c r="A18922" s="2">
        <v>3784</v>
      </c>
      <c r="B18922" s="2">
        <v>3784</v>
      </c>
      <c r="C18922" s="1" t="s">
        <v>0</v>
      </c>
      <c r="D18922" s="2">
        <v>171750</v>
      </c>
      <c r="E18922" s="1" t="s">
        <v>0</v>
      </c>
    </row>
    <row r="18923" spans="1:5" x14ac:dyDescent="0.25">
      <c r="A18923" s="1" t="s">
        <v>3438</v>
      </c>
      <c r="B18923" s="1" t="s">
        <v>10447</v>
      </c>
      <c r="C18923" s="1" t="s">
        <v>39010</v>
      </c>
      <c r="D18923" s="2">
        <v>171751</v>
      </c>
      <c r="E18923" s="1" t="s">
        <v>0</v>
      </c>
    </row>
    <row r="18924" spans="1:5" x14ac:dyDescent="0.25">
      <c r="A18924" s="1" t="s">
        <v>39011</v>
      </c>
      <c r="B18924" s="1" t="s">
        <v>55179</v>
      </c>
      <c r="C18924" s="1" t="s">
        <v>39012</v>
      </c>
      <c r="D18924" s="2">
        <v>171752</v>
      </c>
      <c r="E18924" s="1" t="s">
        <v>0</v>
      </c>
    </row>
    <row r="18925" spans="1:5" ht="409.5" x14ac:dyDescent="0.25">
      <c r="A18925" s="4" t="s">
        <v>39013</v>
      </c>
      <c r="B18925" s="1" t="s">
        <v>58510</v>
      </c>
      <c r="C18925" s="1" t="s">
        <v>39014</v>
      </c>
      <c r="D18925" s="2">
        <v>171753</v>
      </c>
      <c r="E18925" s="1" t="s">
        <v>0</v>
      </c>
    </row>
    <row r="18926" spans="1:5" x14ac:dyDescent="0.25">
      <c r="A18926" s="1" t="s">
        <v>39015</v>
      </c>
      <c r="B18926" s="1" t="s">
        <v>55180</v>
      </c>
      <c r="C18926" s="1" t="s">
        <v>39016</v>
      </c>
      <c r="D18926" s="2">
        <v>171754</v>
      </c>
      <c r="E18926" s="1" t="s">
        <v>0</v>
      </c>
    </row>
    <row r="18927" spans="1:5" x14ac:dyDescent="0.25">
      <c r="A18927" s="2">
        <v>3785</v>
      </c>
      <c r="B18927" s="2">
        <v>3785</v>
      </c>
      <c r="C18927" s="1" t="s">
        <v>0</v>
      </c>
      <c r="D18927" s="2">
        <v>171755</v>
      </c>
      <c r="E18927" s="1" t="s">
        <v>0</v>
      </c>
    </row>
    <row r="18928" spans="1:5" x14ac:dyDescent="0.25">
      <c r="A18928" s="1" t="s">
        <v>3439</v>
      </c>
      <c r="B18928" s="1" t="s">
        <v>10448</v>
      </c>
      <c r="C18928" s="1" t="s">
        <v>39017</v>
      </c>
      <c r="D18928" s="2">
        <v>171756</v>
      </c>
      <c r="E18928" s="1" t="s">
        <v>0</v>
      </c>
    </row>
    <row r="18929" spans="1:5" x14ac:dyDescent="0.25">
      <c r="A18929" s="1" t="s">
        <v>61857</v>
      </c>
      <c r="B18929" s="1" t="s">
        <v>10449</v>
      </c>
      <c r="C18929" s="1" t="s">
        <v>39018</v>
      </c>
      <c r="D18929" s="2">
        <v>171757</v>
      </c>
      <c r="E18929" s="1" t="s">
        <v>0</v>
      </c>
    </row>
    <row r="18930" spans="1:5" ht="409.5" x14ac:dyDescent="0.25">
      <c r="A18930" s="4" t="s">
        <v>61858</v>
      </c>
      <c r="B18930" s="1" t="s">
        <v>56964</v>
      </c>
      <c r="C18930" s="1" t="s">
        <v>39019</v>
      </c>
      <c r="D18930" s="2">
        <v>171758</v>
      </c>
      <c r="E18930" s="1" t="s">
        <v>0</v>
      </c>
    </row>
    <row r="18931" spans="1:5" x14ac:dyDescent="0.25">
      <c r="A18931" s="1" t="s">
        <v>39020</v>
      </c>
      <c r="B18931" s="1" t="s">
        <v>57304</v>
      </c>
      <c r="C18931" s="1" t="s">
        <v>39021</v>
      </c>
      <c r="D18931" s="2">
        <v>171759</v>
      </c>
      <c r="E18931" s="1" t="s">
        <v>0</v>
      </c>
    </row>
    <row r="18932" spans="1:5" x14ac:dyDescent="0.25">
      <c r="A18932" s="2">
        <v>3786</v>
      </c>
      <c r="B18932" s="2">
        <v>3786</v>
      </c>
      <c r="C18932" s="1" t="s">
        <v>0</v>
      </c>
      <c r="D18932" s="2">
        <v>171760</v>
      </c>
      <c r="E18932" s="1" t="s">
        <v>0</v>
      </c>
    </row>
    <row r="18933" spans="1:5" x14ac:dyDescent="0.25">
      <c r="A18933" s="1" t="s">
        <v>3440</v>
      </c>
      <c r="B18933" s="1" t="s">
        <v>10450</v>
      </c>
      <c r="C18933" s="1" t="s">
        <v>39022</v>
      </c>
      <c r="D18933" s="2">
        <v>171761</v>
      </c>
      <c r="E18933" s="1" t="s">
        <v>0</v>
      </c>
    </row>
    <row r="18934" spans="1:5" x14ac:dyDescent="0.25">
      <c r="A18934" s="1" t="s">
        <v>39023</v>
      </c>
      <c r="B18934" s="1" t="s">
        <v>10451</v>
      </c>
      <c r="C18934" s="1" t="s">
        <v>39024</v>
      </c>
      <c r="D18934" s="2">
        <v>171762</v>
      </c>
      <c r="E18934" s="1" t="s">
        <v>0</v>
      </c>
    </row>
    <row r="18935" spans="1:5" ht="409.5" x14ac:dyDescent="0.25">
      <c r="A18935" s="4" t="s">
        <v>39025</v>
      </c>
      <c r="B18935" s="1" t="s">
        <v>10452</v>
      </c>
      <c r="C18935" s="1" t="s">
        <v>39026</v>
      </c>
      <c r="D18935" s="2">
        <v>171763</v>
      </c>
      <c r="E18935" s="1" t="s">
        <v>0</v>
      </c>
    </row>
    <row r="18936" spans="1:5" x14ac:dyDescent="0.25">
      <c r="A18936" s="1" t="s">
        <v>39027</v>
      </c>
      <c r="B18936" s="1" t="s">
        <v>55181</v>
      </c>
      <c r="C18936" s="1" t="s">
        <v>39028</v>
      </c>
      <c r="D18936" s="2">
        <v>171764</v>
      </c>
      <c r="E18936" s="1" t="s">
        <v>0</v>
      </c>
    </row>
    <row r="18937" spans="1:5" x14ac:dyDescent="0.25">
      <c r="A18937" s="2">
        <v>3787</v>
      </c>
      <c r="B18937" s="2">
        <v>3787</v>
      </c>
      <c r="C18937" s="1" t="s">
        <v>0</v>
      </c>
      <c r="D18937" s="2">
        <v>171765</v>
      </c>
      <c r="E18937" s="1" t="s">
        <v>0</v>
      </c>
    </row>
    <row r="18938" spans="1:5" x14ac:dyDescent="0.25">
      <c r="A18938" s="1" t="s">
        <v>10453</v>
      </c>
      <c r="B18938" s="1" t="s">
        <v>10454</v>
      </c>
      <c r="C18938" s="1" t="s">
        <v>39029</v>
      </c>
      <c r="D18938" s="2">
        <v>171766</v>
      </c>
      <c r="E18938" s="1" t="s">
        <v>0</v>
      </c>
    </row>
    <row r="18939" spans="1:5" x14ac:dyDescent="0.25">
      <c r="A18939" s="1" t="s">
        <v>39030</v>
      </c>
      <c r="B18939" s="1" t="s">
        <v>10455</v>
      </c>
      <c r="C18939" s="1" t="s">
        <v>39031</v>
      </c>
      <c r="D18939" s="2">
        <v>171767</v>
      </c>
      <c r="E18939" s="1" t="s">
        <v>0</v>
      </c>
    </row>
    <row r="18940" spans="1:5" ht="409.5" x14ac:dyDescent="0.25">
      <c r="A18940" s="4" t="s">
        <v>39032</v>
      </c>
      <c r="B18940" s="1" t="s">
        <v>57592</v>
      </c>
      <c r="C18940" s="1" t="s">
        <v>39033</v>
      </c>
      <c r="D18940" s="2">
        <v>171768</v>
      </c>
      <c r="E18940" s="1" t="s">
        <v>0</v>
      </c>
    </row>
    <row r="18941" spans="1:5" x14ac:dyDescent="0.25">
      <c r="A18941" s="1" t="s">
        <v>39034</v>
      </c>
      <c r="B18941" s="1" t="s">
        <v>55182</v>
      </c>
      <c r="C18941" s="1" t="s">
        <v>39035</v>
      </c>
      <c r="D18941" s="2">
        <v>171769</v>
      </c>
      <c r="E18941" s="1" t="s">
        <v>0</v>
      </c>
    </row>
    <row r="18942" spans="1:5" x14ac:dyDescent="0.25">
      <c r="A18942" s="2">
        <v>3788</v>
      </c>
      <c r="B18942" s="2">
        <v>3788</v>
      </c>
      <c r="C18942" s="1" t="s">
        <v>0</v>
      </c>
      <c r="D18942" s="2">
        <v>171770</v>
      </c>
      <c r="E18942" s="1" t="s">
        <v>0</v>
      </c>
    </row>
    <row r="18943" spans="1:5" x14ac:dyDescent="0.25">
      <c r="A18943" s="1" t="s">
        <v>10456</v>
      </c>
      <c r="B18943" s="1" t="s">
        <v>10457</v>
      </c>
      <c r="C18943" s="1" t="s">
        <v>39036</v>
      </c>
      <c r="D18943" s="2">
        <v>171771</v>
      </c>
      <c r="E18943" s="1" t="s">
        <v>0</v>
      </c>
    </row>
    <row r="18944" spans="1:5" x14ac:dyDescent="0.25">
      <c r="A18944" s="1" t="s">
        <v>39037</v>
      </c>
      <c r="B18944" s="1" t="s">
        <v>55183</v>
      </c>
      <c r="C18944" s="1" t="s">
        <v>39038</v>
      </c>
      <c r="D18944" s="2">
        <v>171772</v>
      </c>
      <c r="E18944" s="1" t="s">
        <v>0</v>
      </c>
    </row>
    <row r="18945" spans="1:5" ht="409.5" x14ac:dyDescent="0.25">
      <c r="A18945" s="4" t="s">
        <v>39039</v>
      </c>
      <c r="B18945" s="1" t="s">
        <v>55184</v>
      </c>
      <c r="C18945" s="1" t="s">
        <v>39040</v>
      </c>
      <c r="D18945" s="2">
        <v>171773</v>
      </c>
      <c r="E18945" s="1" t="s">
        <v>0</v>
      </c>
    </row>
    <row r="18946" spans="1:5" x14ac:dyDescent="0.25">
      <c r="A18946" s="1" t="s">
        <v>39041</v>
      </c>
      <c r="B18946" s="1" t="s">
        <v>55185</v>
      </c>
      <c r="C18946" s="1" t="s">
        <v>39042</v>
      </c>
      <c r="D18946" s="2">
        <v>171774</v>
      </c>
      <c r="E18946" s="1" t="s">
        <v>0</v>
      </c>
    </row>
    <row r="18947" spans="1:5" x14ac:dyDescent="0.25">
      <c r="A18947" s="2">
        <v>3789</v>
      </c>
      <c r="B18947" s="2">
        <v>3789</v>
      </c>
      <c r="C18947" s="1" t="s">
        <v>0</v>
      </c>
      <c r="D18947" s="2">
        <v>171775</v>
      </c>
      <c r="E18947" s="1" t="s">
        <v>0</v>
      </c>
    </row>
    <row r="18948" spans="1:5" x14ac:dyDescent="0.25">
      <c r="A18948" s="1" t="s">
        <v>3441</v>
      </c>
      <c r="B18948" s="1" t="s">
        <v>10458</v>
      </c>
      <c r="C18948" s="1" t="s">
        <v>39043</v>
      </c>
      <c r="D18948" s="2">
        <v>171776</v>
      </c>
      <c r="E18948" s="1" t="s">
        <v>0</v>
      </c>
    </row>
    <row r="18949" spans="1:5" x14ac:dyDescent="0.25">
      <c r="A18949" s="1" t="s">
        <v>39044</v>
      </c>
      <c r="B18949" s="1" t="s">
        <v>63467</v>
      </c>
      <c r="C18949" s="1" t="s">
        <v>39045</v>
      </c>
      <c r="D18949" s="2">
        <v>171777</v>
      </c>
      <c r="E18949" s="1" t="s">
        <v>0</v>
      </c>
    </row>
    <row r="18950" spans="1:5" ht="409.5" x14ac:dyDescent="0.25">
      <c r="A18950" s="4" t="s">
        <v>39046</v>
      </c>
      <c r="B18950" s="1" t="s">
        <v>63468</v>
      </c>
      <c r="C18950" s="1" t="s">
        <v>39047</v>
      </c>
      <c r="D18950" s="2">
        <v>171778</v>
      </c>
      <c r="E18950" s="1" t="s">
        <v>0</v>
      </c>
    </row>
    <row r="18951" spans="1:5" x14ac:dyDescent="0.25">
      <c r="A18951" s="1" t="s">
        <v>39048</v>
      </c>
      <c r="B18951" s="1" t="s">
        <v>10459</v>
      </c>
      <c r="C18951" s="1" t="s">
        <v>39049</v>
      </c>
      <c r="D18951" s="2">
        <v>171779</v>
      </c>
      <c r="E18951" s="1" t="s">
        <v>0</v>
      </c>
    </row>
    <row r="18952" spans="1:5" x14ac:dyDescent="0.25">
      <c r="A18952" s="2">
        <v>3790</v>
      </c>
      <c r="B18952" s="2">
        <v>3790</v>
      </c>
      <c r="C18952" s="1" t="s">
        <v>0</v>
      </c>
      <c r="D18952" s="2">
        <v>171780</v>
      </c>
      <c r="E18952" s="1" t="s">
        <v>0</v>
      </c>
    </row>
    <row r="18953" spans="1:5" x14ac:dyDescent="0.25">
      <c r="A18953" s="1" t="s">
        <v>3442</v>
      </c>
      <c r="B18953" s="1" t="s">
        <v>10460</v>
      </c>
      <c r="C18953" s="1" t="s">
        <v>39050</v>
      </c>
      <c r="D18953" s="2">
        <v>171781</v>
      </c>
      <c r="E18953" s="1" t="s">
        <v>0</v>
      </c>
    </row>
    <row r="18954" spans="1:5" x14ac:dyDescent="0.25">
      <c r="A18954" s="1" t="s">
        <v>39051</v>
      </c>
      <c r="B18954" s="1" t="s">
        <v>55186</v>
      </c>
      <c r="C18954" s="1" t="s">
        <v>39052</v>
      </c>
      <c r="D18954" s="2">
        <v>171782</v>
      </c>
      <c r="E18954" s="1" t="s">
        <v>0</v>
      </c>
    </row>
    <row r="18955" spans="1:5" ht="409.5" x14ac:dyDescent="0.25">
      <c r="A18955" s="4" t="s">
        <v>64291</v>
      </c>
      <c r="B18955" s="1" t="s">
        <v>55187</v>
      </c>
      <c r="C18955" s="1" t="s">
        <v>39053</v>
      </c>
      <c r="D18955" s="2">
        <v>171783</v>
      </c>
      <c r="E18955" s="1" t="s">
        <v>0</v>
      </c>
    </row>
    <row r="18956" spans="1:5" x14ac:dyDescent="0.25">
      <c r="A18956" s="1" t="s">
        <v>39054</v>
      </c>
      <c r="B18956" s="1" t="s">
        <v>55188</v>
      </c>
      <c r="C18956" s="1" t="s">
        <v>39055</v>
      </c>
      <c r="D18956" s="2">
        <v>171784</v>
      </c>
      <c r="E18956" s="1" t="s">
        <v>0</v>
      </c>
    </row>
    <row r="18957" spans="1:5" x14ac:dyDescent="0.25">
      <c r="A18957" s="2">
        <v>3791</v>
      </c>
      <c r="B18957" s="2">
        <v>3791</v>
      </c>
      <c r="C18957" s="1" t="s">
        <v>0</v>
      </c>
      <c r="D18957" s="2">
        <v>171785</v>
      </c>
      <c r="E18957" s="1" t="s">
        <v>0</v>
      </c>
    </row>
    <row r="18958" spans="1:5" x14ac:dyDescent="0.25">
      <c r="A18958" s="1" t="s">
        <v>3443</v>
      </c>
      <c r="B18958" s="1" t="s">
        <v>10461</v>
      </c>
      <c r="C18958" s="1" t="s">
        <v>39056</v>
      </c>
      <c r="D18958" s="2">
        <v>171786</v>
      </c>
      <c r="E18958" s="1" t="s">
        <v>0</v>
      </c>
    </row>
    <row r="18959" spans="1:5" x14ac:dyDescent="0.25">
      <c r="A18959" s="1" t="s">
        <v>39057</v>
      </c>
      <c r="B18959" s="1" t="s">
        <v>61273</v>
      </c>
      <c r="C18959" s="1" t="s">
        <v>39058</v>
      </c>
      <c r="D18959" s="2">
        <v>171787</v>
      </c>
      <c r="E18959" s="1" t="s">
        <v>0</v>
      </c>
    </row>
    <row r="18960" spans="1:5" ht="409.5" x14ac:dyDescent="0.25">
      <c r="A18960" s="4" t="s">
        <v>39059</v>
      </c>
      <c r="B18960" s="1" t="s">
        <v>61274</v>
      </c>
      <c r="C18960" s="1" t="s">
        <v>39060</v>
      </c>
      <c r="D18960" s="2">
        <v>171788</v>
      </c>
      <c r="E18960" s="1" t="s">
        <v>0</v>
      </c>
    </row>
    <row r="18961" spans="1:5" x14ac:dyDescent="0.25">
      <c r="A18961" s="1" t="s">
        <v>39061</v>
      </c>
      <c r="B18961" s="1" t="s">
        <v>10462</v>
      </c>
      <c r="C18961" s="1" t="s">
        <v>39062</v>
      </c>
      <c r="D18961" s="2">
        <v>171789</v>
      </c>
      <c r="E18961" s="1" t="s">
        <v>0</v>
      </c>
    </row>
    <row r="18962" spans="1:5" x14ac:dyDescent="0.25">
      <c r="A18962" s="2">
        <v>3792</v>
      </c>
      <c r="B18962" s="2">
        <v>3792</v>
      </c>
      <c r="C18962" s="1" t="s">
        <v>0</v>
      </c>
      <c r="D18962" s="2">
        <v>171790</v>
      </c>
      <c r="E18962" s="1" t="s">
        <v>0</v>
      </c>
    </row>
    <row r="18963" spans="1:5" x14ac:dyDescent="0.25">
      <c r="A18963" s="1" t="s">
        <v>3444</v>
      </c>
      <c r="B18963" s="1" t="s">
        <v>10463</v>
      </c>
      <c r="C18963" s="1" t="s">
        <v>39063</v>
      </c>
      <c r="D18963" s="2">
        <v>171791</v>
      </c>
      <c r="E18963" s="1" t="s">
        <v>0</v>
      </c>
    </row>
    <row r="18964" spans="1:5" x14ac:dyDescent="0.25">
      <c r="A18964" s="1" t="s">
        <v>39064</v>
      </c>
      <c r="B18964" s="1" t="s">
        <v>55189</v>
      </c>
      <c r="C18964" s="1" t="s">
        <v>39065</v>
      </c>
      <c r="D18964" s="2">
        <v>171792</v>
      </c>
      <c r="E18964" s="1" t="s">
        <v>0</v>
      </c>
    </row>
    <row r="18965" spans="1:5" ht="409.5" x14ac:dyDescent="0.25">
      <c r="A18965" s="4" t="s">
        <v>39066</v>
      </c>
      <c r="B18965" s="1" t="s">
        <v>55190</v>
      </c>
      <c r="C18965" s="1" t="s">
        <v>39067</v>
      </c>
      <c r="D18965" s="2">
        <v>171793</v>
      </c>
      <c r="E18965" s="1" t="s">
        <v>0</v>
      </c>
    </row>
    <row r="18966" spans="1:5" x14ac:dyDescent="0.25">
      <c r="A18966" s="1" t="s">
        <v>39068</v>
      </c>
      <c r="B18966" s="1" t="s">
        <v>10464</v>
      </c>
      <c r="C18966" s="1" t="s">
        <v>39069</v>
      </c>
      <c r="D18966" s="2">
        <v>171794</v>
      </c>
      <c r="E18966" s="1" t="s">
        <v>0</v>
      </c>
    </row>
    <row r="18967" spans="1:5" x14ac:dyDescent="0.25">
      <c r="A18967" s="2">
        <v>3793</v>
      </c>
      <c r="B18967" s="2">
        <v>3793</v>
      </c>
      <c r="C18967" s="1" t="s">
        <v>0</v>
      </c>
      <c r="D18967" s="2">
        <v>171795</v>
      </c>
      <c r="E18967" s="1" t="s">
        <v>0</v>
      </c>
    </row>
    <row r="18968" spans="1:5" x14ac:dyDescent="0.25">
      <c r="A18968" s="1" t="s">
        <v>3445</v>
      </c>
      <c r="B18968" s="1" t="s">
        <v>50932</v>
      </c>
      <c r="C18968" s="1" t="s">
        <v>39070</v>
      </c>
      <c r="D18968" s="2">
        <v>171796</v>
      </c>
      <c r="E18968" s="1" t="s">
        <v>0</v>
      </c>
    </row>
    <row r="18969" spans="1:5" x14ac:dyDescent="0.25">
      <c r="A18969" s="1" t="s">
        <v>39071</v>
      </c>
      <c r="B18969" s="1" t="s">
        <v>50933</v>
      </c>
      <c r="C18969" s="1" t="s">
        <v>39072</v>
      </c>
      <c r="D18969" s="2">
        <v>171797</v>
      </c>
      <c r="E18969" s="1" t="s">
        <v>0</v>
      </c>
    </row>
    <row r="18970" spans="1:5" ht="409.5" x14ac:dyDescent="0.25">
      <c r="A18970" s="4" t="s">
        <v>39073</v>
      </c>
      <c r="B18970" s="1" t="s">
        <v>57091</v>
      </c>
      <c r="C18970" s="1" t="s">
        <v>39074</v>
      </c>
      <c r="D18970" s="2">
        <v>171798</v>
      </c>
      <c r="E18970" s="1" t="s">
        <v>0</v>
      </c>
    </row>
    <row r="18971" spans="1:5" x14ac:dyDescent="0.25">
      <c r="A18971" s="1" t="s">
        <v>39075</v>
      </c>
      <c r="B18971" s="1" t="s">
        <v>50934</v>
      </c>
      <c r="C18971" s="1" t="s">
        <v>39076</v>
      </c>
      <c r="D18971" s="2">
        <v>171799</v>
      </c>
      <c r="E18971" s="1" t="s">
        <v>0</v>
      </c>
    </row>
    <row r="18972" spans="1:5" x14ac:dyDescent="0.25">
      <c r="A18972" s="2">
        <v>3794</v>
      </c>
      <c r="B18972" s="2">
        <v>3794</v>
      </c>
      <c r="C18972" s="1" t="s">
        <v>0</v>
      </c>
      <c r="D18972" s="2">
        <v>171800</v>
      </c>
      <c r="E18972" s="1" t="s">
        <v>0</v>
      </c>
    </row>
    <row r="18973" spans="1:5" x14ac:dyDescent="0.25">
      <c r="A18973" s="1" t="s">
        <v>10465</v>
      </c>
      <c r="B18973" s="1" t="s">
        <v>10466</v>
      </c>
      <c r="C18973" s="1" t="s">
        <v>39077</v>
      </c>
      <c r="D18973" s="2">
        <v>171801</v>
      </c>
      <c r="E18973" s="1" t="s">
        <v>0</v>
      </c>
    </row>
    <row r="18974" spans="1:5" x14ac:dyDescent="0.25">
      <c r="A18974" s="1" t="s">
        <v>39078</v>
      </c>
      <c r="B18974" s="1" t="s">
        <v>10467</v>
      </c>
      <c r="C18974" s="1" t="s">
        <v>39079</v>
      </c>
      <c r="D18974" s="2">
        <v>171802</v>
      </c>
      <c r="E18974" s="1" t="s">
        <v>0</v>
      </c>
    </row>
    <row r="18975" spans="1:5" ht="409.5" x14ac:dyDescent="0.25">
      <c r="A18975" s="4" t="s">
        <v>39080</v>
      </c>
      <c r="B18975" s="1" t="s">
        <v>10468</v>
      </c>
      <c r="C18975" s="1" t="s">
        <v>39081</v>
      </c>
      <c r="D18975" s="2">
        <v>171803</v>
      </c>
      <c r="E18975" s="1" t="s">
        <v>0</v>
      </c>
    </row>
    <row r="18976" spans="1:5" x14ac:dyDescent="0.25">
      <c r="A18976" s="1" t="s">
        <v>39082</v>
      </c>
      <c r="B18976" s="1" t="s">
        <v>55191</v>
      </c>
      <c r="C18976" s="1" t="s">
        <v>39083</v>
      </c>
      <c r="D18976" s="2">
        <v>171804</v>
      </c>
      <c r="E18976" s="1" t="s">
        <v>0</v>
      </c>
    </row>
    <row r="18977" spans="1:5" x14ac:dyDescent="0.25">
      <c r="A18977" s="2">
        <v>3795</v>
      </c>
      <c r="B18977" s="2">
        <v>3795</v>
      </c>
      <c r="C18977" s="1" t="s">
        <v>0</v>
      </c>
      <c r="D18977" s="2">
        <v>171805</v>
      </c>
      <c r="E18977" s="1" t="s">
        <v>0</v>
      </c>
    </row>
    <row r="18978" spans="1:5" x14ac:dyDescent="0.25">
      <c r="A18978" s="1" t="s">
        <v>3446</v>
      </c>
      <c r="B18978" s="1" t="s">
        <v>10469</v>
      </c>
      <c r="C18978" s="1" t="s">
        <v>39084</v>
      </c>
      <c r="D18978" s="2">
        <v>171806</v>
      </c>
      <c r="E18978" s="1" t="s">
        <v>0</v>
      </c>
    </row>
    <row r="18979" spans="1:5" x14ac:dyDescent="0.25">
      <c r="A18979" s="1" t="s">
        <v>39085</v>
      </c>
      <c r="B18979" s="1" t="s">
        <v>10470</v>
      </c>
      <c r="C18979" s="1" t="s">
        <v>39086</v>
      </c>
      <c r="D18979" s="2">
        <v>171807</v>
      </c>
      <c r="E18979" s="1" t="s">
        <v>0</v>
      </c>
    </row>
    <row r="18980" spans="1:5" ht="409.5" x14ac:dyDescent="0.25">
      <c r="A18980" s="4" t="s">
        <v>39087</v>
      </c>
      <c r="B18980" s="1" t="s">
        <v>61275</v>
      </c>
      <c r="C18980" s="1" t="s">
        <v>39088</v>
      </c>
      <c r="D18980" s="2">
        <v>171808</v>
      </c>
      <c r="E18980" s="1" t="s">
        <v>0</v>
      </c>
    </row>
    <row r="18981" spans="1:5" x14ac:dyDescent="0.25">
      <c r="A18981" s="1" t="s">
        <v>39089</v>
      </c>
      <c r="B18981" s="1" t="s">
        <v>10471</v>
      </c>
      <c r="C18981" s="1" t="s">
        <v>39090</v>
      </c>
      <c r="D18981" s="2">
        <v>171809</v>
      </c>
      <c r="E18981" s="1" t="s">
        <v>0</v>
      </c>
    </row>
    <row r="18982" spans="1:5" x14ac:dyDescent="0.25">
      <c r="A18982" s="2">
        <v>3796</v>
      </c>
      <c r="B18982" s="2">
        <v>3796</v>
      </c>
      <c r="C18982" s="1" t="s">
        <v>0</v>
      </c>
      <c r="D18982" s="2">
        <v>171810</v>
      </c>
      <c r="E18982" s="1" t="s">
        <v>0</v>
      </c>
    </row>
    <row r="18983" spans="1:5" x14ac:dyDescent="0.25">
      <c r="A18983" s="1" t="s">
        <v>3447</v>
      </c>
      <c r="B18983" s="1" t="s">
        <v>55192</v>
      </c>
      <c r="C18983" s="1" t="s">
        <v>39091</v>
      </c>
      <c r="D18983" s="2">
        <v>171811</v>
      </c>
      <c r="E18983" s="1" t="s">
        <v>0</v>
      </c>
    </row>
    <row r="18984" spans="1:5" x14ac:dyDescent="0.25">
      <c r="A18984" s="1" t="s">
        <v>39092</v>
      </c>
      <c r="B18984" s="1" t="s">
        <v>10472</v>
      </c>
      <c r="C18984" s="1" t="s">
        <v>39093</v>
      </c>
      <c r="D18984" s="2">
        <v>171812</v>
      </c>
      <c r="E18984" s="1" t="s">
        <v>0</v>
      </c>
    </row>
    <row r="18985" spans="1:5" ht="409.5" x14ac:dyDescent="0.25">
      <c r="A18985" s="4" t="s">
        <v>39094</v>
      </c>
      <c r="B18985" s="1" t="s">
        <v>13235</v>
      </c>
      <c r="C18985" s="1" t="s">
        <v>39095</v>
      </c>
      <c r="D18985" s="2">
        <v>171813</v>
      </c>
      <c r="E18985" s="1" t="s">
        <v>0</v>
      </c>
    </row>
    <row r="18986" spans="1:5" x14ac:dyDescent="0.25">
      <c r="A18986" s="1" t="s">
        <v>39096</v>
      </c>
      <c r="B18986" s="1" t="s">
        <v>55193</v>
      </c>
      <c r="C18986" s="1" t="s">
        <v>39097</v>
      </c>
      <c r="D18986" s="2">
        <v>171814</v>
      </c>
      <c r="E18986" s="1" t="s">
        <v>0</v>
      </c>
    </row>
    <row r="18987" spans="1:5" x14ac:dyDescent="0.25">
      <c r="A18987" s="2">
        <v>3797</v>
      </c>
      <c r="B18987" s="2">
        <v>3797</v>
      </c>
      <c r="C18987" s="1" t="s">
        <v>0</v>
      </c>
      <c r="D18987" s="2">
        <v>171815</v>
      </c>
      <c r="E18987" s="1" t="s">
        <v>0</v>
      </c>
    </row>
    <row r="18988" spans="1:5" x14ac:dyDescent="0.25">
      <c r="A18988" s="1" t="s">
        <v>3448</v>
      </c>
      <c r="B18988" s="1" t="s">
        <v>10473</v>
      </c>
      <c r="C18988" s="1" t="s">
        <v>39098</v>
      </c>
      <c r="D18988" s="2">
        <v>171816</v>
      </c>
      <c r="E18988" s="1" t="s">
        <v>0</v>
      </c>
    </row>
    <row r="18989" spans="1:5" x14ac:dyDescent="0.25">
      <c r="A18989" s="1" t="s">
        <v>39099</v>
      </c>
      <c r="B18989" s="1" t="s">
        <v>50935</v>
      </c>
      <c r="C18989" s="1" t="s">
        <v>39100</v>
      </c>
      <c r="D18989" s="2">
        <v>171817</v>
      </c>
      <c r="E18989" s="1" t="s">
        <v>0</v>
      </c>
    </row>
    <row r="18990" spans="1:5" ht="409.5" x14ac:dyDescent="0.25">
      <c r="A18990" s="4" t="s">
        <v>39101</v>
      </c>
      <c r="B18990" s="1" t="s">
        <v>63898</v>
      </c>
      <c r="C18990" s="1" t="s">
        <v>39102</v>
      </c>
      <c r="D18990" s="2">
        <v>171818</v>
      </c>
      <c r="E18990" s="1" t="s">
        <v>0</v>
      </c>
    </row>
    <row r="18991" spans="1:5" x14ac:dyDescent="0.25">
      <c r="A18991" s="1" t="s">
        <v>39103</v>
      </c>
      <c r="B18991" s="1" t="s">
        <v>10474</v>
      </c>
      <c r="C18991" s="1" t="s">
        <v>39104</v>
      </c>
      <c r="D18991" s="2">
        <v>171819</v>
      </c>
      <c r="E18991" s="1" t="s">
        <v>0</v>
      </c>
    </row>
    <row r="18992" spans="1:5" x14ac:dyDescent="0.25">
      <c r="A18992" s="2">
        <v>3798</v>
      </c>
      <c r="B18992" s="2">
        <v>3798</v>
      </c>
      <c r="C18992" s="1" t="s">
        <v>0</v>
      </c>
      <c r="D18992" s="2">
        <v>171820</v>
      </c>
      <c r="E18992" s="1" t="s">
        <v>0</v>
      </c>
    </row>
    <row r="18993" spans="1:5" x14ac:dyDescent="0.25">
      <c r="A18993" s="1" t="s">
        <v>3449</v>
      </c>
      <c r="B18993" s="1" t="s">
        <v>10475</v>
      </c>
      <c r="C18993" s="1" t="s">
        <v>39105</v>
      </c>
      <c r="D18993" s="2">
        <v>171821</v>
      </c>
      <c r="E18993" s="1" t="s">
        <v>0</v>
      </c>
    </row>
    <row r="18994" spans="1:5" x14ac:dyDescent="0.25">
      <c r="A18994" s="1" t="s">
        <v>39106</v>
      </c>
      <c r="B18994" s="1" t="s">
        <v>10476</v>
      </c>
      <c r="C18994" s="1" t="s">
        <v>39107</v>
      </c>
      <c r="D18994" s="2">
        <v>171822</v>
      </c>
      <c r="E18994" s="1" t="s">
        <v>0</v>
      </c>
    </row>
    <row r="18995" spans="1:5" ht="409.5" x14ac:dyDescent="0.25">
      <c r="A18995" s="4" t="s">
        <v>39108</v>
      </c>
      <c r="B18995" s="1" t="s">
        <v>10477</v>
      </c>
      <c r="C18995" s="1" t="s">
        <v>39109</v>
      </c>
      <c r="D18995" s="2">
        <v>171823</v>
      </c>
      <c r="E18995" s="1" t="s">
        <v>0</v>
      </c>
    </row>
    <row r="18996" spans="1:5" x14ac:dyDescent="0.25">
      <c r="A18996" s="1" t="s">
        <v>39110</v>
      </c>
      <c r="B18996" s="1" t="s">
        <v>55194</v>
      </c>
      <c r="C18996" s="1" t="s">
        <v>39111</v>
      </c>
      <c r="D18996" s="2">
        <v>171824</v>
      </c>
      <c r="E18996" s="1" t="s">
        <v>0</v>
      </c>
    </row>
    <row r="18997" spans="1:5" x14ac:dyDescent="0.25">
      <c r="A18997" s="2">
        <v>3799</v>
      </c>
      <c r="B18997" s="2">
        <v>3799</v>
      </c>
      <c r="C18997" s="1" t="s">
        <v>0</v>
      </c>
      <c r="D18997" s="2">
        <v>171825</v>
      </c>
      <c r="E18997" s="1" t="s">
        <v>0</v>
      </c>
    </row>
    <row r="18998" spans="1:5" x14ac:dyDescent="0.25">
      <c r="A18998" s="1" t="s">
        <v>3450</v>
      </c>
      <c r="B18998" s="1" t="s">
        <v>10478</v>
      </c>
      <c r="C18998" s="1" t="s">
        <v>39112</v>
      </c>
      <c r="D18998" s="2">
        <v>171826</v>
      </c>
      <c r="E18998" s="1" t="s">
        <v>0</v>
      </c>
    </row>
    <row r="18999" spans="1:5" x14ac:dyDescent="0.25">
      <c r="A18999" s="1" t="s">
        <v>39113</v>
      </c>
      <c r="B18999" s="1" t="s">
        <v>10479</v>
      </c>
      <c r="C18999" s="1" t="s">
        <v>39114</v>
      </c>
      <c r="D18999" s="2">
        <v>171827</v>
      </c>
      <c r="E18999" s="1" t="s">
        <v>0</v>
      </c>
    </row>
    <row r="19000" spans="1:5" ht="409.5" x14ac:dyDescent="0.25">
      <c r="A19000" s="4" t="s">
        <v>39115</v>
      </c>
      <c r="B19000" s="1" t="s">
        <v>13236</v>
      </c>
      <c r="C19000" s="1" t="s">
        <v>39116</v>
      </c>
      <c r="D19000" s="2">
        <v>171828</v>
      </c>
      <c r="E19000" s="1" t="s">
        <v>0</v>
      </c>
    </row>
    <row r="19001" spans="1:5" x14ac:dyDescent="0.25">
      <c r="A19001" s="1" t="s">
        <v>39117</v>
      </c>
      <c r="B19001" s="1" t="s">
        <v>55195</v>
      </c>
      <c r="C19001" s="1" t="s">
        <v>39118</v>
      </c>
      <c r="D19001" s="2">
        <v>171829</v>
      </c>
      <c r="E19001" s="1" t="s">
        <v>0</v>
      </c>
    </row>
    <row r="19002" spans="1:5" x14ac:dyDescent="0.25">
      <c r="A19002" s="2">
        <v>3800</v>
      </c>
      <c r="B19002" s="2">
        <v>3800</v>
      </c>
      <c r="C19002" s="1" t="s">
        <v>0</v>
      </c>
      <c r="D19002" s="2">
        <v>171830</v>
      </c>
      <c r="E19002" s="1" t="s">
        <v>0</v>
      </c>
    </row>
    <row r="19003" spans="1:5" x14ac:dyDescent="0.25">
      <c r="A19003" s="1" t="s">
        <v>3451</v>
      </c>
      <c r="B19003" s="1" t="s">
        <v>10480</v>
      </c>
      <c r="C19003" s="1" t="s">
        <v>39119</v>
      </c>
      <c r="D19003" s="2">
        <v>171831</v>
      </c>
      <c r="E19003" s="1" t="s">
        <v>0</v>
      </c>
    </row>
    <row r="19004" spans="1:5" x14ac:dyDescent="0.25">
      <c r="A19004" s="1" t="s">
        <v>39120</v>
      </c>
      <c r="B19004" s="1" t="s">
        <v>62777</v>
      </c>
      <c r="C19004" s="1" t="s">
        <v>39121</v>
      </c>
      <c r="D19004" s="2">
        <v>171832</v>
      </c>
      <c r="E19004" s="1" t="s">
        <v>0</v>
      </c>
    </row>
    <row r="19005" spans="1:5" ht="409.5" x14ac:dyDescent="0.25">
      <c r="A19005" s="4" t="s">
        <v>39122</v>
      </c>
      <c r="B19005" s="1" t="s">
        <v>62778</v>
      </c>
      <c r="C19005" s="1" t="s">
        <v>39123</v>
      </c>
      <c r="D19005" s="2">
        <v>171833</v>
      </c>
      <c r="E19005" s="1" t="s">
        <v>0</v>
      </c>
    </row>
    <row r="19006" spans="1:5" x14ac:dyDescent="0.25">
      <c r="A19006" s="1" t="s">
        <v>39124</v>
      </c>
      <c r="B19006" s="1" t="s">
        <v>10481</v>
      </c>
      <c r="C19006" s="1" t="s">
        <v>39125</v>
      </c>
      <c r="D19006" s="2">
        <v>171834</v>
      </c>
      <c r="E19006" s="1" t="s">
        <v>0</v>
      </c>
    </row>
    <row r="19007" spans="1:5" x14ac:dyDescent="0.25">
      <c r="A19007" s="2">
        <v>3801</v>
      </c>
      <c r="B19007" s="2">
        <v>3801</v>
      </c>
      <c r="C19007" s="1" t="s">
        <v>0</v>
      </c>
      <c r="D19007" s="2">
        <v>171835</v>
      </c>
      <c r="E19007" s="1" t="s">
        <v>0</v>
      </c>
    </row>
    <row r="19008" spans="1:5" x14ac:dyDescent="0.25">
      <c r="A19008" s="1" t="s">
        <v>3452</v>
      </c>
      <c r="B19008" s="1" t="s">
        <v>10482</v>
      </c>
      <c r="C19008" s="1" t="s">
        <v>39126</v>
      </c>
      <c r="D19008" s="2">
        <v>171836</v>
      </c>
      <c r="E19008" s="1" t="s">
        <v>0</v>
      </c>
    </row>
    <row r="19009" spans="1:5" x14ac:dyDescent="0.25">
      <c r="A19009" s="1" t="s">
        <v>39127</v>
      </c>
      <c r="B19009" s="1" t="s">
        <v>60774</v>
      </c>
      <c r="C19009" s="1" t="s">
        <v>39128</v>
      </c>
      <c r="D19009" s="2">
        <v>171837</v>
      </c>
      <c r="E19009" s="1" t="s">
        <v>0</v>
      </c>
    </row>
    <row r="19010" spans="1:5" ht="409.5" x14ac:dyDescent="0.25">
      <c r="A19010" s="4" t="s">
        <v>39129</v>
      </c>
      <c r="B19010" s="1" t="s">
        <v>62779</v>
      </c>
      <c r="C19010" s="1" t="s">
        <v>39130</v>
      </c>
      <c r="D19010" s="2">
        <v>171838</v>
      </c>
      <c r="E19010" s="1" t="s">
        <v>0</v>
      </c>
    </row>
    <row r="19011" spans="1:5" x14ac:dyDescent="0.25">
      <c r="A19011" s="1" t="s">
        <v>39131</v>
      </c>
      <c r="B19011" s="1" t="s">
        <v>10483</v>
      </c>
      <c r="C19011" s="1" t="s">
        <v>39132</v>
      </c>
      <c r="D19011" s="2">
        <v>171839</v>
      </c>
      <c r="E19011" s="1" t="s">
        <v>0</v>
      </c>
    </row>
    <row r="19012" spans="1:5" x14ac:dyDescent="0.25">
      <c r="A19012" s="2">
        <v>3802</v>
      </c>
      <c r="B19012" s="2">
        <v>3802</v>
      </c>
      <c r="C19012" s="1" t="s">
        <v>0</v>
      </c>
      <c r="D19012" s="2">
        <v>171840</v>
      </c>
      <c r="E19012" s="1" t="s">
        <v>0</v>
      </c>
    </row>
    <row r="19013" spans="1:5" x14ac:dyDescent="0.25">
      <c r="A19013" s="1" t="s">
        <v>3453</v>
      </c>
      <c r="B19013" s="1" t="s">
        <v>55196</v>
      </c>
      <c r="C19013" s="1" t="s">
        <v>39133</v>
      </c>
      <c r="D19013" s="2">
        <v>171841</v>
      </c>
      <c r="E19013" s="1" t="s">
        <v>0</v>
      </c>
    </row>
    <row r="19014" spans="1:5" x14ac:dyDescent="0.25">
      <c r="A19014" s="1" t="s">
        <v>39134</v>
      </c>
      <c r="B19014" s="1" t="s">
        <v>55197</v>
      </c>
      <c r="C19014" s="1" t="s">
        <v>39135</v>
      </c>
      <c r="D19014" s="2">
        <v>171842</v>
      </c>
      <c r="E19014" s="1" t="s">
        <v>0</v>
      </c>
    </row>
    <row r="19015" spans="1:5" ht="409.5" x14ac:dyDescent="0.25">
      <c r="A19015" s="4" t="s">
        <v>39136</v>
      </c>
      <c r="B19015" s="1" t="s">
        <v>55198</v>
      </c>
      <c r="C19015" s="1" t="s">
        <v>39137</v>
      </c>
      <c r="D19015" s="2">
        <v>171843</v>
      </c>
      <c r="E19015" s="1" t="s">
        <v>0</v>
      </c>
    </row>
    <row r="19016" spans="1:5" x14ac:dyDescent="0.25">
      <c r="A19016" s="1" t="s">
        <v>39138</v>
      </c>
      <c r="B19016" s="1" t="s">
        <v>55199</v>
      </c>
      <c r="C19016" s="1" t="s">
        <v>39139</v>
      </c>
      <c r="D19016" s="2">
        <v>171844</v>
      </c>
      <c r="E19016" s="1" t="s">
        <v>0</v>
      </c>
    </row>
    <row r="19017" spans="1:5" x14ac:dyDescent="0.25">
      <c r="A19017" s="2">
        <v>3803</v>
      </c>
      <c r="B19017" s="2">
        <v>3803</v>
      </c>
      <c r="C19017" s="1" t="s">
        <v>0</v>
      </c>
      <c r="D19017" s="2">
        <v>171845</v>
      </c>
      <c r="E19017" s="1" t="s">
        <v>0</v>
      </c>
    </row>
    <row r="19018" spans="1:5" x14ac:dyDescent="0.25">
      <c r="A19018" s="1" t="s">
        <v>3454</v>
      </c>
      <c r="B19018" s="1" t="s">
        <v>10484</v>
      </c>
      <c r="C19018" s="1" t="s">
        <v>39140</v>
      </c>
      <c r="D19018" s="2">
        <v>171846</v>
      </c>
      <c r="E19018" s="1" t="s">
        <v>0</v>
      </c>
    </row>
    <row r="19019" spans="1:5" x14ac:dyDescent="0.25">
      <c r="A19019" s="1" t="s">
        <v>39141</v>
      </c>
      <c r="B19019" s="1" t="s">
        <v>57949</v>
      </c>
      <c r="C19019" s="1" t="s">
        <v>39142</v>
      </c>
      <c r="D19019" s="2">
        <v>171847</v>
      </c>
      <c r="E19019" s="1" t="s">
        <v>0</v>
      </c>
    </row>
    <row r="19020" spans="1:5" ht="409.5" x14ac:dyDescent="0.25">
      <c r="A19020" s="4" t="s">
        <v>39143</v>
      </c>
      <c r="B19020" s="1" t="s">
        <v>57950</v>
      </c>
      <c r="C19020" s="1" t="s">
        <v>39144</v>
      </c>
      <c r="D19020" s="2">
        <v>171848</v>
      </c>
      <c r="E19020" s="1" t="s">
        <v>0</v>
      </c>
    </row>
    <row r="19021" spans="1:5" x14ac:dyDescent="0.25">
      <c r="A19021" s="1" t="s">
        <v>14855</v>
      </c>
      <c r="B19021" s="1" t="s">
        <v>60879</v>
      </c>
      <c r="C19021" s="1" t="s">
        <v>14856</v>
      </c>
      <c r="D19021" s="2">
        <v>171849</v>
      </c>
      <c r="E19021" s="1" t="s">
        <v>0</v>
      </c>
    </row>
    <row r="19022" spans="1:5" x14ac:dyDescent="0.25">
      <c r="A19022" s="2">
        <v>3804</v>
      </c>
      <c r="B19022" s="2">
        <v>3804</v>
      </c>
      <c r="C19022" s="1" t="s">
        <v>0</v>
      </c>
      <c r="D19022" s="2">
        <v>171850</v>
      </c>
      <c r="E19022" s="1" t="s">
        <v>0</v>
      </c>
    </row>
    <row r="19023" spans="1:5" x14ac:dyDescent="0.25">
      <c r="A19023" s="1" t="s">
        <v>3455</v>
      </c>
      <c r="B19023" s="1" t="s">
        <v>10485</v>
      </c>
      <c r="C19023" s="1" t="s">
        <v>39145</v>
      </c>
      <c r="D19023" s="2">
        <v>171851</v>
      </c>
      <c r="E19023" s="1" t="s">
        <v>0</v>
      </c>
    </row>
    <row r="19024" spans="1:5" x14ac:dyDescent="0.25">
      <c r="A19024" s="1" t="s">
        <v>39146</v>
      </c>
      <c r="B19024" s="1" t="s">
        <v>55200</v>
      </c>
      <c r="C19024" s="1" t="s">
        <v>39147</v>
      </c>
      <c r="D19024" s="2">
        <v>171852</v>
      </c>
      <c r="E19024" s="1" t="s">
        <v>0</v>
      </c>
    </row>
    <row r="19025" spans="1:5" ht="409.5" x14ac:dyDescent="0.25">
      <c r="A19025" s="4" t="s">
        <v>39148</v>
      </c>
      <c r="B19025" s="1" t="s">
        <v>55201</v>
      </c>
      <c r="C19025" s="1" t="s">
        <v>39149</v>
      </c>
      <c r="D19025" s="2">
        <v>171853</v>
      </c>
      <c r="E19025" s="1" t="s">
        <v>0</v>
      </c>
    </row>
    <row r="19026" spans="1:5" x14ac:dyDescent="0.25">
      <c r="A19026" s="1" t="s">
        <v>39150</v>
      </c>
      <c r="B19026" s="1" t="s">
        <v>10486</v>
      </c>
      <c r="C19026" s="1" t="s">
        <v>39151</v>
      </c>
      <c r="D19026" s="2">
        <v>171854</v>
      </c>
      <c r="E19026" s="1" t="s">
        <v>0</v>
      </c>
    </row>
    <row r="19027" spans="1:5" x14ac:dyDescent="0.25">
      <c r="A19027" s="2">
        <v>3805</v>
      </c>
      <c r="B19027" s="2">
        <v>3805</v>
      </c>
      <c r="C19027" s="1" t="s">
        <v>0</v>
      </c>
      <c r="D19027" s="2">
        <v>171855</v>
      </c>
      <c r="E19027" s="1" t="s">
        <v>0</v>
      </c>
    </row>
    <row r="19028" spans="1:5" x14ac:dyDescent="0.25">
      <c r="A19028" s="1" t="s">
        <v>3456</v>
      </c>
      <c r="B19028" s="1" t="s">
        <v>10487</v>
      </c>
      <c r="C19028" s="1" t="s">
        <v>39152</v>
      </c>
      <c r="D19028" s="2">
        <v>171856</v>
      </c>
      <c r="E19028" s="1" t="s">
        <v>0</v>
      </c>
    </row>
    <row r="19029" spans="1:5" x14ac:dyDescent="0.25">
      <c r="A19029" s="1" t="s">
        <v>39153</v>
      </c>
      <c r="B19029" s="1" t="s">
        <v>55202</v>
      </c>
      <c r="C19029" s="1" t="s">
        <v>39154</v>
      </c>
      <c r="D19029" s="2">
        <v>171857</v>
      </c>
      <c r="E19029" s="1" t="s">
        <v>0</v>
      </c>
    </row>
    <row r="19030" spans="1:5" ht="409.5" x14ac:dyDescent="0.25">
      <c r="A19030" s="4" t="s">
        <v>39155</v>
      </c>
      <c r="B19030" s="1" t="s">
        <v>55203</v>
      </c>
      <c r="C19030" s="1" t="s">
        <v>39156</v>
      </c>
      <c r="D19030" s="2">
        <v>171858</v>
      </c>
      <c r="E19030" s="1" t="s">
        <v>0</v>
      </c>
    </row>
    <row r="19031" spans="1:5" x14ac:dyDescent="0.25">
      <c r="A19031" s="1" t="s">
        <v>13413</v>
      </c>
      <c r="B19031" s="1" t="s">
        <v>60845</v>
      </c>
      <c r="C19031" s="1" t="s">
        <v>13414</v>
      </c>
      <c r="D19031" s="2">
        <v>171859</v>
      </c>
      <c r="E19031" s="1" t="s">
        <v>0</v>
      </c>
    </row>
    <row r="19032" spans="1:5" x14ac:dyDescent="0.25">
      <c r="A19032" s="2">
        <v>3806</v>
      </c>
      <c r="B19032" s="2">
        <v>3806</v>
      </c>
      <c r="C19032" s="1" t="s">
        <v>0</v>
      </c>
      <c r="D19032" s="2">
        <v>171860</v>
      </c>
      <c r="E19032" s="1" t="s">
        <v>0</v>
      </c>
    </row>
    <row r="19033" spans="1:5" x14ac:dyDescent="0.25">
      <c r="A19033" s="1" t="s">
        <v>3457</v>
      </c>
      <c r="B19033" s="1" t="s">
        <v>10488</v>
      </c>
      <c r="C19033" s="1" t="s">
        <v>39157</v>
      </c>
      <c r="D19033" s="2">
        <v>171861</v>
      </c>
      <c r="E19033" s="1" t="s">
        <v>0</v>
      </c>
    </row>
    <row r="19034" spans="1:5" x14ac:dyDescent="0.25">
      <c r="A19034" s="1" t="s">
        <v>39158</v>
      </c>
      <c r="B19034" s="1" t="s">
        <v>57951</v>
      </c>
      <c r="C19034" s="1" t="s">
        <v>39159</v>
      </c>
      <c r="D19034" s="2">
        <v>171862</v>
      </c>
      <c r="E19034" s="1" t="s">
        <v>0</v>
      </c>
    </row>
    <row r="19035" spans="1:5" ht="409.5" x14ac:dyDescent="0.25">
      <c r="A19035" s="4" t="s">
        <v>39160</v>
      </c>
      <c r="B19035" s="1" t="s">
        <v>57952</v>
      </c>
      <c r="C19035" s="1" t="s">
        <v>39161</v>
      </c>
      <c r="D19035" s="2">
        <v>171863</v>
      </c>
      <c r="E19035" s="1" t="s">
        <v>0</v>
      </c>
    </row>
    <row r="19036" spans="1:5" x14ac:dyDescent="0.25">
      <c r="A19036" s="1" t="s">
        <v>39162</v>
      </c>
      <c r="B19036" s="1" t="s">
        <v>55204</v>
      </c>
      <c r="C19036" s="1" t="s">
        <v>39163</v>
      </c>
      <c r="D19036" s="2">
        <v>171864</v>
      </c>
      <c r="E19036" s="1" t="s">
        <v>0</v>
      </c>
    </row>
    <row r="19037" spans="1:5" x14ac:dyDescent="0.25">
      <c r="A19037" s="2">
        <v>3807</v>
      </c>
      <c r="B19037" s="2">
        <v>3807</v>
      </c>
      <c r="C19037" s="1" t="s">
        <v>0</v>
      </c>
      <c r="D19037" s="2">
        <v>171865</v>
      </c>
      <c r="E19037" s="1" t="s">
        <v>0</v>
      </c>
    </row>
    <row r="19038" spans="1:5" x14ac:dyDescent="0.25">
      <c r="A19038" s="1" t="s">
        <v>3458</v>
      </c>
      <c r="B19038" s="1" t="s">
        <v>55205</v>
      </c>
      <c r="C19038" s="1" t="s">
        <v>39164</v>
      </c>
      <c r="D19038" s="2">
        <v>171866</v>
      </c>
      <c r="E19038" s="1" t="s">
        <v>0</v>
      </c>
    </row>
    <row r="19039" spans="1:5" x14ac:dyDescent="0.25">
      <c r="A19039" s="1" t="s">
        <v>39165</v>
      </c>
      <c r="B19039" s="1" t="s">
        <v>55206</v>
      </c>
      <c r="C19039" s="1" t="s">
        <v>39166</v>
      </c>
      <c r="D19039" s="2">
        <v>171867</v>
      </c>
      <c r="E19039" s="1" t="s">
        <v>0</v>
      </c>
    </row>
    <row r="19040" spans="1:5" ht="409.5" x14ac:dyDescent="0.25">
      <c r="A19040" s="4" t="s">
        <v>39167</v>
      </c>
      <c r="B19040" s="1" t="s">
        <v>62780</v>
      </c>
      <c r="C19040" s="1" t="s">
        <v>39168</v>
      </c>
      <c r="D19040" s="2">
        <v>171868</v>
      </c>
      <c r="E19040" s="1" t="s">
        <v>0</v>
      </c>
    </row>
    <row r="19041" spans="1:5" x14ac:dyDescent="0.25">
      <c r="A19041" s="1" t="s">
        <v>19132</v>
      </c>
      <c r="B19041" s="1" t="s">
        <v>60955</v>
      </c>
      <c r="C19041" s="1" t="s">
        <v>19133</v>
      </c>
      <c r="D19041" s="2">
        <v>171869</v>
      </c>
      <c r="E19041" s="1" t="s">
        <v>0</v>
      </c>
    </row>
    <row r="19042" spans="1:5" x14ac:dyDescent="0.25">
      <c r="A19042" s="2">
        <v>3808</v>
      </c>
      <c r="B19042" s="2">
        <v>3808</v>
      </c>
      <c r="C19042" s="1" t="s">
        <v>0</v>
      </c>
      <c r="D19042" s="2">
        <v>171870</v>
      </c>
      <c r="E19042" s="1" t="s">
        <v>0</v>
      </c>
    </row>
    <row r="19043" spans="1:5" x14ac:dyDescent="0.25">
      <c r="A19043" s="1" t="s">
        <v>3459</v>
      </c>
      <c r="B19043" s="1" t="s">
        <v>10489</v>
      </c>
      <c r="C19043" s="1" t="s">
        <v>39169</v>
      </c>
      <c r="D19043" s="2">
        <v>171871</v>
      </c>
      <c r="E19043" s="1" t="s">
        <v>0</v>
      </c>
    </row>
    <row r="19044" spans="1:5" x14ac:dyDescent="0.25">
      <c r="A19044" s="1" t="s">
        <v>39170</v>
      </c>
      <c r="B19044" s="1" t="s">
        <v>55207</v>
      </c>
      <c r="C19044" s="1" t="s">
        <v>39171</v>
      </c>
      <c r="D19044" s="2">
        <v>171872</v>
      </c>
      <c r="E19044" s="1" t="s">
        <v>0</v>
      </c>
    </row>
    <row r="19045" spans="1:5" ht="409.5" x14ac:dyDescent="0.25">
      <c r="A19045" s="4" t="s">
        <v>64292</v>
      </c>
      <c r="B19045" s="1" t="s">
        <v>55208</v>
      </c>
      <c r="C19045" s="1" t="s">
        <v>39172</v>
      </c>
      <c r="D19045" s="2">
        <v>171873</v>
      </c>
      <c r="E19045" s="1" t="s">
        <v>0</v>
      </c>
    </row>
    <row r="19046" spans="1:5" x14ac:dyDescent="0.25">
      <c r="A19046" s="1" t="s">
        <v>39173</v>
      </c>
      <c r="B19046" s="1" t="s">
        <v>10490</v>
      </c>
      <c r="C19046" s="1" t="s">
        <v>39174</v>
      </c>
      <c r="D19046" s="2">
        <v>171874</v>
      </c>
      <c r="E19046" s="1" t="s">
        <v>0</v>
      </c>
    </row>
    <row r="19047" spans="1:5" x14ac:dyDescent="0.25">
      <c r="A19047" s="2">
        <v>3809</v>
      </c>
      <c r="B19047" s="2">
        <v>3809</v>
      </c>
      <c r="C19047" s="1" t="s">
        <v>0</v>
      </c>
      <c r="D19047" s="2">
        <v>171875</v>
      </c>
      <c r="E19047" s="1" t="s">
        <v>0</v>
      </c>
    </row>
    <row r="19048" spans="1:5" x14ac:dyDescent="0.25">
      <c r="A19048" s="1" t="s">
        <v>3460</v>
      </c>
      <c r="B19048" s="1" t="s">
        <v>10491</v>
      </c>
      <c r="C19048" s="1" t="s">
        <v>39175</v>
      </c>
      <c r="D19048" s="2">
        <v>171876</v>
      </c>
      <c r="E19048" s="1" t="s">
        <v>0</v>
      </c>
    </row>
    <row r="19049" spans="1:5" x14ac:dyDescent="0.25">
      <c r="A19049" s="1" t="s">
        <v>39176</v>
      </c>
      <c r="B19049" s="1" t="s">
        <v>55209</v>
      </c>
      <c r="C19049" s="1" t="s">
        <v>39177</v>
      </c>
      <c r="D19049" s="2">
        <v>171877</v>
      </c>
      <c r="E19049" s="1" t="s">
        <v>0</v>
      </c>
    </row>
    <row r="19050" spans="1:5" ht="409.5" x14ac:dyDescent="0.25">
      <c r="A19050" s="4" t="s">
        <v>39178</v>
      </c>
      <c r="B19050" s="1" t="s">
        <v>61276</v>
      </c>
      <c r="C19050" s="1" t="s">
        <v>39179</v>
      </c>
      <c r="D19050" s="2">
        <v>171878</v>
      </c>
      <c r="E19050" s="1" t="s">
        <v>0</v>
      </c>
    </row>
    <row r="19051" spans="1:5" x14ac:dyDescent="0.25">
      <c r="A19051" s="1" t="s">
        <v>39180</v>
      </c>
      <c r="B19051" s="1" t="s">
        <v>57305</v>
      </c>
      <c r="C19051" s="1" t="s">
        <v>39181</v>
      </c>
      <c r="D19051" s="2">
        <v>171879</v>
      </c>
      <c r="E19051" s="1" t="s">
        <v>0</v>
      </c>
    </row>
    <row r="19052" spans="1:5" x14ac:dyDescent="0.25">
      <c r="A19052" s="2">
        <v>3810</v>
      </c>
      <c r="B19052" s="2">
        <v>3810</v>
      </c>
      <c r="C19052" s="1" t="s">
        <v>0</v>
      </c>
      <c r="D19052" s="2">
        <v>171880</v>
      </c>
      <c r="E19052" s="1" t="s">
        <v>0</v>
      </c>
    </row>
    <row r="19053" spans="1:5" x14ac:dyDescent="0.25">
      <c r="A19053" s="1" t="s">
        <v>3461</v>
      </c>
      <c r="B19053" s="1" t="s">
        <v>10492</v>
      </c>
      <c r="C19053" s="1" t="s">
        <v>39182</v>
      </c>
      <c r="D19053" s="2">
        <v>171881</v>
      </c>
      <c r="E19053" s="1" t="s">
        <v>0</v>
      </c>
    </row>
    <row r="19054" spans="1:5" x14ac:dyDescent="0.25">
      <c r="A19054" s="1" t="s">
        <v>39183</v>
      </c>
      <c r="B19054" s="1" t="s">
        <v>10493</v>
      </c>
      <c r="C19054" s="1" t="s">
        <v>39184</v>
      </c>
      <c r="D19054" s="2">
        <v>171882</v>
      </c>
      <c r="E19054" s="1" t="s">
        <v>0</v>
      </c>
    </row>
    <row r="19055" spans="1:5" ht="409.5" x14ac:dyDescent="0.25">
      <c r="A19055" s="4" t="s">
        <v>39185</v>
      </c>
      <c r="B19055" s="1" t="s">
        <v>13237</v>
      </c>
      <c r="C19055" s="1" t="s">
        <v>39186</v>
      </c>
      <c r="D19055" s="2">
        <v>171883</v>
      </c>
      <c r="E19055" s="1" t="s">
        <v>0</v>
      </c>
    </row>
    <row r="19056" spans="1:5" x14ac:dyDescent="0.25">
      <c r="A19056" s="1" t="s">
        <v>14572</v>
      </c>
      <c r="B19056" s="1" t="s">
        <v>60869</v>
      </c>
      <c r="C19056" s="1" t="s">
        <v>14573</v>
      </c>
      <c r="D19056" s="2">
        <v>171884</v>
      </c>
      <c r="E19056" s="1" t="s">
        <v>0</v>
      </c>
    </row>
    <row r="19057" spans="1:5" x14ac:dyDescent="0.25">
      <c r="A19057" s="2">
        <v>3811</v>
      </c>
      <c r="B19057" s="2">
        <v>3811</v>
      </c>
      <c r="C19057" s="1" t="s">
        <v>0</v>
      </c>
      <c r="D19057" s="2">
        <v>171885</v>
      </c>
      <c r="E19057" s="1" t="s">
        <v>0</v>
      </c>
    </row>
    <row r="19058" spans="1:5" x14ac:dyDescent="0.25">
      <c r="A19058" s="1" t="s">
        <v>3462</v>
      </c>
      <c r="B19058" s="1" t="s">
        <v>10494</v>
      </c>
      <c r="C19058" s="1" t="s">
        <v>39187</v>
      </c>
      <c r="D19058" s="2">
        <v>171886</v>
      </c>
      <c r="E19058" s="1" t="s">
        <v>0</v>
      </c>
    </row>
    <row r="19059" spans="1:5" x14ac:dyDescent="0.25">
      <c r="A19059" s="1" t="s">
        <v>64293</v>
      </c>
      <c r="B19059" s="1" t="s">
        <v>63798</v>
      </c>
      <c r="C19059" s="1" t="s">
        <v>39188</v>
      </c>
      <c r="D19059" s="2">
        <v>171887</v>
      </c>
      <c r="E19059" s="1" t="s">
        <v>0</v>
      </c>
    </row>
    <row r="19060" spans="1:5" ht="409.5" x14ac:dyDescent="0.25">
      <c r="A19060" s="4" t="s">
        <v>64294</v>
      </c>
      <c r="B19060" s="1" t="s">
        <v>63799</v>
      </c>
      <c r="C19060" s="1" t="s">
        <v>39189</v>
      </c>
      <c r="D19060" s="2">
        <v>171888</v>
      </c>
      <c r="E19060" s="1" t="s">
        <v>0</v>
      </c>
    </row>
    <row r="19061" spans="1:5" x14ac:dyDescent="0.25">
      <c r="A19061" s="1" t="s">
        <v>39190</v>
      </c>
      <c r="B19061" s="1" t="s">
        <v>61277</v>
      </c>
      <c r="C19061" s="1" t="s">
        <v>39191</v>
      </c>
      <c r="D19061" s="2">
        <v>171889</v>
      </c>
      <c r="E19061" s="1" t="s">
        <v>0</v>
      </c>
    </row>
    <row r="19062" spans="1:5" x14ac:dyDescent="0.25">
      <c r="A19062" s="2">
        <v>3812</v>
      </c>
      <c r="B19062" s="2">
        <v>3812</v>
      </c>
      <c r="C19062" s="1" t="s">
        <v>0</v>
      </c>
      <c r="D19062" s="2">
        <v>171890</v>
      </c>
      <c r="E19062" s="1" t="s">
        <v>0</v>
      </c>
    </row>
    <row r="19063" spans="1:5" x14ac:dyDescent="0.25">
      <c r="A19063" s="1" t="s">
        <v>3463</v>
      </c>
      <c r="B19063" s="1" t="s">
        <v>10495</v>
      </c>
      <c r="C19063" s="1" t="s">
        <v>39192</v>
      </c>
      <c r="D19063" s="2">
        <v>171891</v>
      </c>
      <c r="E19063" s="1" t="s">
        <v>0</v>
      </c>
    </row>
    <row r="19064" spans="1:5" x14ac:dyDescent="0.25">
      <c r="A19064" s="1" t="s">
        <v>39193</v>
      </c>
      <c r="B19064" s="1" t="s">
        <v>10496</v>
      </c>
      <c r="C19064" s="1" t="s">
        <v>39194</v>
      </c>
      <c r="D19064" s="2">
        <v>171892</v>
      </c>
      <c r="E19064" s="1" t="s">
        <v>0</v>
      </c>
    </row>
    <row r="19065" spans="1:5" ht="409.5" x14ac:dyDescent="0.25">
      <c r="A19065" s="4" t="s">
        <v>39195</v>
      </c>
      <c r="B19065" s="1" t="s">
        <v>55210</v>
      </c>
      <c r="C19065" s="1" t="s">
        <v>39196</v>
      </c>
      <c r="D19065" s="2">
        <v>171893</v>
      </c>
      <c r="E19065" s="1" t="s">
        <v>0</v>
      </c>
    </row>
    <row r="19066" spans="1:5" x14ac:dyDescent="0.25">
      <c r="A19066" s="1" t="s">
        <v>39197</v>
      </c>
      <c r="B19066" s="1" t="s">
        <v>10497</v>
      </c>
      <c r="C19066" s="1" t="s">
        <v>39198</v>
      </c>
      <c r="D19066" s="2">
        <v>171894</v>
      </c>
      <c r="E19066" s="1" t="s">
        <v>0</v>
      </c>
    </row>
    <row r="19067" spans="1:5" x14ac:dyDescent="0.25">
      <c r="A19067" s="2">
        <v>3813</v>
      </c>
      <c r="B19067" s="2">
        <v>3813</v>
      </c>
      <c r="C19067" s="1" t="s">
        <v>0</v>
      </c>
      <c r="D19067" s="2">
        <v>171895</v>
      </c>
      <c r="E19067" s="1" t="s">
        <v>0</v>
      </c>
    </row>
    <row r="19068" spans="1:5" x14ac:dyDescent="0.25">
      <c r="A19068" s="1" t="s">
        <v>3464</v>
      </c>
      <c r="B19068" s="1" t="s">
        <v>10498</v>
      </c>
      <c r="C19068" s="1" t="s">
        <v>39199</v>
      </c>
      <c r="D19068" s="2">
        <v>171896</v>
      </c>
      <c r="E19068" s="1" t="s">
        <v>0</v>
      </c>
    </row>
    <row r="19069" spans="1:5" x14ac:dyDescent="0.25">
      <c r="A19069" s="1" t="s">
        <v>39200</v>
      </c>
      <c r="B19069" s="1" t="s">
        <v>10499</v>
      </c>
      <c r="C19069" s="1" t="s">
        <v>39201</v>
      </c>
      <c r="D19069" s="2">
        <v>171897</v>
      </c>
      <c r="E19069" s="1" t="s">
        <v>0</v>
      </c>
    </row>
    <row r="19070" spans="1:5" ht="409.5" x14ac:dyDescent="0.25">
      <c r="A19070" s="4" t="s">
        <v>39202</v>
      </c>
      <c r="B19070" s="1" t="s">
        <v>60181</v>
      </c>
      <c r="C19070" s="1" t="s">
        <v>39203</v>
      </c>
      <c r="D19070" s="2">
        <v>171898</v>
      </c>
      <c r="E19070" s="1" t="s">
        <v>0</v>
      </c>
    </row>
    <row r="19071" spans="1:5" x14ac:dyDescent="0.25">
      <c r="A19071" s="1" t="s">
        <v>39204</v>
      </c>
      <c r="B19071" s="1" t="s">
        <v>55211</v>
      </c>
      <c r="C19071" s="1" t="s">
        <v>14918</v>
      </c>
      <c r="D19071" s="2">
        <v>171899</v>
      </c>
      <c r="E19071" s="1" t="s">
        <v>0</v>
      </c>
    </row>
    <row r="19072" spans="1:5" x14ac:dyDescent="0.25">
      <c r="A19072" s="2">
        <v>3814</v>
      </c>
      <c r="B19072" s="2">
        <v>3814</v>
      </c>
      <c r="C19072" s="1" t="s">
        <v>0</v>
      </c>
      <c r="D19072" s="2">
        <v>171900</v>
      </c>
      <c r="E19072" s="1" t="s">
        <v>0</v>
      </c>
    </row>
    <row r="19073" spans="1:5" x14ac:dyDescent="0.25">
      <c r="A19073" s="1" t="s">
        <v>3465</v>
      </c>
      <c r="B19073" s="1" t="s">
        <v>10500</v>
      </c>
      <c r="C19073" s="1" t="s">
        <v>39205</v>
      </c>
      <c r="D19073" s="2">
        <v>171901</v>
      </c>
      <c r="E19073" s="1" t="s">
        <v>0</v>
      </c>
    </row>
    <row r="19074" spans="1:5" x14ac:dyDescent="0.25">
      <c r="A19074" s="1" t="s">
        <v>39206</v>
      </c>
      <c r="B19074" s="1" t="s">
        <v>10501</v>
      </c>
      <c r="C19074" s="1" t="s">
        <v>39207</v>
      </c>
      <c r="D19074" s="2">
        <v>171902</v>
      </c>
      <c r="E19074" s="1" t="s">
        <v>0</v>
      </c>
    </row>
    <row r="19075" spans="1:5" ht="409.5" x14ac:dyDescent="0.25">
      <c r="A19075" s="4" t="s">
        <v>39208</v>
      </c>
      <c r="B19075" s="1" t="s">
        <v>10502</v>
      </c>
      <c r="C19075" s="1" t="s">
        <v>39209</v>
      </c>
      <c r="D19075" s="2">
        <v>171903</v>
      </c>
      <c r="E19075" s="1" t="s">
        <v>0</v>
      </c>
    </row>
    <row r="19076" spans="1:5" x14ac:dyDescent="0.25">
      <c r="A19076" s="1" t="s">
        <v>39210</v>
      </c>
      <c r="B19076" s="1" t="s">
        <v>55212</v>
      </c>
      <c r="C19076" s="1" t="s">
        <v>39211</v>
      </c>
      <c r="D19076" s="2">
        <v>171904</v>
      </c>
      <c r="E19076" s="1" t="s">
        <v>0</v>
      </c>
    </row>
    <row r="19077" spans="1:5" x14ac:dyDescent="0.25">
      <c r="A19077" s="2">
        <v>3815</v>
      </c>
      <c r="B19077" s="2">
        <v>3815</v>
      </c>
      <c r="C19077" s="1" t="s">
        <v>0</v>
      </c>
      <c r="D19077" s="2">
        <v>171905</v>
      </c>
      <c r="E19077" s="1" t="s">
        <v>0</v>
      </c>
    </row>
    <row r="19078" spans="1:5" x14ac:dyDescent="0.25">
      <c r="A19078" s="1" t="s">
        <v>3466</v>
      </c>
      <c r="B19078" s="1" t="s">
        <v>10503</v>
      </c>
      <c r="C19078" s="1" t="s">
        <v>39212</v>
      </c>
      <c r="D19078" s="2">
        <v>171906</v>
      </c>
      <c r="E19078" s="1" t="s">
        <v>0</v>
      </c>
    </row>
    <row r="19079" spans="1:5" x14ac:dyDescent="0.25">
      <c r="A19079" s="1" t="s">
        <v>39213</v>
      </c>
      <c r="B19079" s="1" t="s">
        <v>10504</v>
      </c>
      <c r="C19079" s="1" t="s">
        <v>39214</v>
      </c>
      <c r="D19079" s="2">
        <v>171907</v>
      </c>
      <c r="E19079" s="1" t="s">
        <v>0</v>
      </c>
    </row>
    <row r="19080" spans="1:5" ht="409.5" x14ac:dyDescent="0.25">
      <c r="A19080" s="4" t="s">
        <v>39215</v>
      </c>
      <c r="B19080" s="1" t="s">
        <v>61702</v>
      </c>
      <c r="C19080" s="1" t="s">
        <v>39216</v>
      </c>
      <c r="D19080" s="2">
        <v>171908</v>
      </c>
      <c r="E19080" s="1" t="s">
        <v>0</v>
      </c>
    </row>
    <row r="19081" spans="1:5" x14ac:dyDescent="0.25">
      <c r="A19081" s="1" t="s">
        <v>39217</v>
      </c>
      <c r="B19081" s="1" t="s">
        <v>61703</v>
      </c>
      <c r="C19081" s="1" t="s">
        <v>39218</v>
      </c>
      <c r="D19081" s="2">
        <v>171909</v>
      </c>
      <c r="E19081" s="1" t="s">
        <v>0</v>
      </c>
    </row>
    <row r="19082" spans="1:5" x14ac:dyDescent="0.25">
      <c r="A19082" s="2">
        <v>3816</v>
      </c>
      <c r="B19082" s="2">
        <v>3816</v>
      </c>
      <c r="C19082" s="1" t="s">
        <v>0</v>
      </c>
      <c r="D19082" s="2">
        <v>171910</v>
      </c>
      <c r="E19082" s="1" t="s">
        <v>0</v>
      </c>
    </row>
    <row r="19083" spans="1:5" x14ac:dyDescent="0.25">
      <c r="A19083" s="1" t="s">
        <v>10505</v>
      </c>
      <c r="B19083" s="1" t="s">
        <v>50936</v>
      </c>
      <c r="C19083" s="1" t="s">
        <v>39219</v>
      </c>
      <c r="D19083" s="2">
        <v>171911</v>
      </c>
      <c r="E19083" s="1" t="s">
        <v>0</v>
      </c>
    </row>
    <row r="19084" spans="1:5" x14ac:dyDescent="0.25">
      <c r="A19084" s="1" t="s">
        <v>39220</v>
      </c>
      <c r="B19084" s="1" t="s">
        <v>10506</v>
      </c>
      <c r="C19084" s="1" t="s">
        <v>39221</v>
      </c>
      <c r="D19084" s="2">
        <v>171912</v>
      </c>
      <c r="E19084" s="1" t="s">
        <v>0</v>
      </c>
    </row>
    <row r="19085" spans="1:5" ht="409.5" x14ac:dyDescent="0.25">
      <c r="A19085" s="4" t="s">
        <v>39222</v>
      </c>
      <c r="B19085" s="1" t="s">
        <v>50937</v>
      </c>
      <c r="C19085" s="1" t="s">
        <v>39223</v>
      </c>
      <c r="D19085" s="2">
        <v>171913</v>
      </c>
      <c r="E19085" s="1" t="s">
        <v>0</v>
      </c>
    </row>
    <row r="19086" spans="1:5" x14ac:dyDescent="0.25">
      <c r="A19086" s="1" t="s">
        <v>39224</v>
      </c>
      <c r="B19086" s="1" t="s">
        <v>55213</v>
      </c>
      <c r="C19086" s="1" t="s">
        <v>39225</v>
      </c>
      <c r="D19086" s="2">
        <v>171914</v>
      </c>
      <c r="E19086" s="1" t="s">
        <v>0</v>
      </c>
    </row>
    <row r="19087" spans="1:5" x14ac:dyDescent="0.25">
      <c r="A19087" s="2">
        <v>3817</v>
      </c>
      <c r="B19087" s="2">
        <v>3817</v>
      </c>
      <c r="C19087" s="1" t="s">
        <v>0</v>
      </c>
      <c r="D19087" s="2">
        <v>171915</v>
      </c>
      <c r="E19087" s="1" t="s">
        <v>0</v>
      </c>
    </row>
    <row r="19088" spans="1:5" x14ac:dyDescent="0.25">
      <c r="A19088" s="1" t="s">
        <v>3467</v>
      </c>
      <c r="B19088" s="1" t="s">
        <v>55214</v>
      </c>
      <c r="C19088" s="1" t="s">
        <v>39226</v>
      </c>
      <c r="D19088" s="2">
        <v>171916</v>
      </c>
      <c r="E19088" s="1" t="s">
        <v>0</v>
      </c>
    </row>
    <row r="19089" spans="1:5" x14ac:dyDescent="0.25">
      <c r="A19089" s="1" t="s">
        <v>39227</v>
      </c>
      <c r="B19089" s="1" t="s">
        <v>62781</v>
      </c>
      <c r="C19089" s="1" t="s">
        <v>39228</v>
      </c>
      <c r="D19089" s="2">
        <v>171917</v>
      </c>
      <c r="E19089" s="1" t="s">
        <v>0</v>
      </c>
    </row>
    <row r="19090" spans="1:5" ht="409.5" x14ac:dyDescent="0.25">
      <c r="A19090" s="4" t="s">
        <v>39229</v>
      </c>
      <c r="B19090" s="1" t="s">
        <v>62782</v>
      </c>
      <c r="C19090" s="1" t="s">
        <v>39230</v>
      </c>
      <c r="D19090" s="2">
        <v>171918</v>
      </c>
      <c r="E19090" s="1" t="s">
        <v>0</v>
      </c>
    </row>
    <row r="19091" spans="1:5" x14ac:dyDescent="0.25">
      <c r="A19091" s="1" t="s">
        <v>39231</v>
      </c>
      <c r="B19091" s="1" t="s">
        <v>55215</v>
      </c>
      <c r="C19091" s="1" t="s">
        <v>39232</v>
      </c>
      <c r="D19091" s="2">
        <v>171919</v>
      </c>
      <c r="E19091" s="1" t="s">
        <v>0</v>
      </c>
    </row>
    <row r="19092" spans="1:5" x14ac:dyDescent="0.25">
      <c r="A19092" s="2">
        <v>3818</v>
      </c>
      <c r="B19092" s="2">
        <v>3818</v>
      </c>
      <c r="C19092" s="1" t="s">
        <v>0</v>
      </c>
      <c r="D19092" s="2">
        <v>171920</v>
      </c>
      <c r="E19092" s="1" t="s">
        <v>0</v>
      </c>
    </row>
    <row r="19093" spans="1:5" x14ac:dyDescent="0.25">
      <c r="A19093" s="1" t="s">
        <v>3468</v>
      </c>
      <c r="B19093" s="1" t="s">
        <v>10507</v>
      </c>
      <c r="C19093" s="1" t="s">
        <v>39233</v>
      </c>
      <c r="D19093" s="2">
        <v>171921</v>
      </c>
      <c r="E19093" s="1" t="s">
        <v>0</v>
      </c>
    </row>
    <row r="19094" spans="1:5" x14ac:dyDescent="0.25">
      <c r="A19094" s="1" t="s">
        <v>39234</v>
      </c>
      <c r="B19094" s="1" t="s">
        <v>50938</v>
      </c>
      <c r="C19094" s="1" t="s">
        <v>39235</v>
      </c>
      <c r="D19094" s="2">
        <v>171922</v>
      </c>
      <c r="E19094" s="1" t="s">
        <v>0</v>
      </c>
    </row>
    <row r="19095" spans="1:5" ht="409.5" x14ac:dyDescent="0.25">
      <c r="A19095" s="4" t="s">
        <v>39236</v>
      </c>
      <c r="B19095" s="1" t="s">
        <v>50939</v>
      </c>
      <c r="C19095" s="1" t="s">
        <v>39237</v>
      </c>
      <c r="D19095" s="2">
        <v>171923</v>
      </c>
      <c r="E19095" s="1" t="s">
        <v>0</v>
      </c>
    </row>
    <row r="19096" spans="1:5" x14ac:dyDescent="0.25">
      <c r="A19096" s="1" t="s">
        <v>39238</v>
      </c>
      <c r="B19096" s="1" t="s">
        <v>10508</v>
      </c>
      <c r="C19096" s="1" t="s">
        <v>39239</v>
      </c>
      <c r="D19096" s="2">
        <v>171924</v>
      </c>
      <c r="E19096" s="1" t="s">
        <v>0</v>
      </c>
    </row>
    <row r="19097" spans="1:5" x14ac:dyDescent="0.25">
      <c r="A19097" s="2">
        <v>3819</v>
      </c>
      <c r="B19097" s="2">
        <v>3819</v>
      </c>
      <c r="C19097" s="1" t="s">
        <v>0</v>
      </c>
      <c r="D19097" s="2">
        <v>171925</v>
      </c>
      <c r="E19097" s="1" t="s">
        <v>0</v>
      </c>
    </row>
    <row r="19098" spans="1:5" x14ac:dyDescent="0.25">
      <c r="A19098" s="1" t="s">
        <v>3469</v>
      </c>
      <c r="B19098" s="1" t="s">
        <v>10509</v>
      </c>
      <c r="C19098" s="1" t="s">
        <v>39240</v>
      </c>
      <c r="D19098" s="2">
        <v>171926</v>
      </c>
      <c r="E19098" s="1" t="s">
        <v>0</v>
      </c>
    </row>
    <row r="19099" spans="1:5" x14ac:dyDescent="0.25">
      <c r="A19099" s="1" t="s">
        <v>39241</v>
      </c>
      <c r="B19099" s="1" t="s">
        <v>56838</v>
      </c>
      <c r="C19099" s="1" t="s">
        <v>39242</v>
      </c>
      <c r="D19099" s="2">
        <v>171927</v>
      </c>
      <c r="E19099" s="1" t="s">
        <v>0</v>
      </c>
    </row>
    <row r="19100" spans="1:5" ht="409.5" x14ac:dyDescent="0.25">
      <c r="A19100" s="4" t="s">
        <v>39243</v>
      </c>
      <c r="B19100" s="1" t="s">
        <v>59663</v>
      </c>
      <c r="C19100" s="1" t="s">
        <v>39244</v>
      </c>
      <c r="D19100" s="2">
        <v>171928</v>
      </c>
      <c r="E19100" s="1" t="s">
        <v>0</v>
      </c>
    </row>
    <row r="19101" spans="1:5" x14ac:dyDescent="0.25">
      <c r="A19101" s="1" t="s">
        <v>39245</v>
      </c>
      <c r="B19101" s="1" t="s">
        <v>57306</v>
      </c>
      <c r="C19101" s="1" t="s">
        <v>39246</v>
      </c>
      <c r="D19101" s="2">
        <v>171929</v>
      </c>
      <c r="E19101" s="1" t="s">
        <v>0</v>
      </c>
    </row>
    <row r="19102" spans="1:5" x14ac:dyDescent="0.25">
      <c r="A19102" s="2">
        <v>3820</v>
      </c>
      <c r="B19102" s="2">
        <v>3820</v>
      </c>
      <c r="C19102" s="1" t="s">
        <v>0</v>
      </c>
      <c r="D19102" s="2">
        <v>171930</v>
      </c>
      <c r="E19102" s="1" t="s">
        <v>0</v>
      </c>
    </row>
    <row r="19103" spans="1:5" x14ac:dyDescent="0.25">
      <c r="A19103" s="1" t="s">
        <v>3470</v>
      </c>
      <c r="B19103" s="1" t="s">
        <v>10510</v>
      </c>
      <c r="C19103" s="1" t="s">
        <v>39247</v>
      </c>
      <c r="D19103" s="2">
        <v>171931</v>
      </c>
      <c r="E19103" s="1" t="s">
        <v>0</v>
      </c>
    </row>
    <row r="19104" spans="1:5" x14ac:dyDescent="0.25">
      <c r="A19104" s="1" t="s">
        <v>39248</v>
      </c>
      <c r="B19104" s="1" t="s">
        <v>10511</v>
      </c>
      <c r="C19104" s="1" t="s">
        <v>39249</v>
      </c>
      <c r="D19104" s="2">
        <v>171932</v>
      </c>
      <c r="E19104" s="1" t="s">
        <v>0</v>
      </c>
    </row>
    <row r="19105" spans="1:5" ht="409.5" x14ac:dyDescent="0.25">
      <c r="A19105" s="4" t="s">
        <v>39250</v>
      </c>
      <c r="B19105" s="1" t="s">
        <v>55216</v>
      </c>
      <c r="C19105" s="1" t="s">
        <v>39251</v>
      </c>
      <c r="D19105" s="2">
        <v>171933</v>
      </c>
      <c r="E19105" s="1" t="s">
        <v>0</v>
      </c>
    </row>
    <row r="19106" spans="1:5" x14ac:dyDescent="0.25">
      <c r="A19106" s="1" t="s">
        <v>39252</v>
      </c>
      <c r="B19106" s="1" t="s">
        <v>10512</v>
      </c>
      <c r="C19106" s="1" t="s">
        <v>39253</v>
      </c>
      <c r="D19106" s="2">
        <v>171934</v>
      </c>
      <c r="E19106" s="1" t="s">
        <v>0</v>
      </c>
    </row>
    <row r="19107" spans="1:5" x14ac:dyDescent="0.25">
      <c r="A19107" s="2">
        <v>3821</v>
      </c>
      <c r="B19107" s="2">
        <v>3821</v>
      </c>
      <c r="C19107" s="1" t="s">
        <v>0</v>
      </c>
      <c r="D19107" s="2">
        <v>171935</v>
      </c>
      <c r="E19107" s="1" t="s">
        <v>0</v>
      </c>
    </row>
    <row r="19108" spans="1:5" x14ac:dyDescent="0.25">
      <c r="A19108" s="1" t="s">
        <v>3471</v>
      </c>
      <c r="B19108" s="1" t="s">
        <v>55217</v>
      </c>
      <c r="C19108" s="1" t="s">
        <v>39254</v>
      </c>
      <c r="D19108" s="2">
        <v>171936</v>
      </c>
      <c r="E19108" s="1" t="s">
        <v>0</v>
      </c>
    </row>
    <row r="19109" spans="1:5" x14ac:dyDescent="0.25">
      <c r="A19109" s="1" t="s">
        <v>39255</v>
      </c>
      <c r="B19109" s="1" t="s">
        <v>55218</v>
      </c>
      <c r="C19109" s="1" t="s">
        <v>39256</v>
      </c>
      <c r="D19109" s="2">
        <v>171937</v>
      </c>
      <c r="E19109" s="1" t="s">
        <v>0</v>
      </c>
    </row>
    <row r="19110" spans="1:5" ht="409.5" x14ac:dyDescent="0.25">
      <c r="A19110" s="4" t="s">
        <v>39257</v>
      </c>
      <c r="B19110" s="1" t="s">
        <v>55219</v>
      </c>
      <c r="C19110" s="1" t="s">
        <v>39258</v>
      </c>
      <c r="D19110" s="2">
        <v>171938</v>
      </c>
      <c r="E19110" s="1" t="s">
        <v>0</v>
      </c>
    </row>
    <row r="19111" spans="1:5" x14ac:dyDescent="0.25">
      <c r="A19111" s="1" t="s">
        <v>39259</v>
      </c>
      <c r="B19111" s="1" t="s">
        <v>55220</v>
      </c>
      <c r="C19111" s="1" t="s">
        <v>39260</v>
      </c>
      <c r="D19111" s="2">
        <v>171939</v>
      </c>
      <c r="E19111" s="1" t="s">
        <v>0</v>
      </c>
    </row>
    <row r="19112" spans="1:5" x14ac:dyDescent="0.25">
      <c r="A19112" s="2">
        <v>3822</v>
      </c>
      <c r="B19112" s="2">
        <v>3822</v>
      </c>
      <c r="C19112" s="1" t="s">
        <v>0</v>
      </c>
      <c r="D19112" s="2">
        <v>171940</v>
      </c>
      <c r="E19112" s="1" t="s">
        <v>0</v>
      </c>
    </row>
    <row r="19113" spans="1:5" x14ac:dyDescent="0.25">
      <c r="A19113" s="1" t="s">
        <v>3472</v>
      </c>
      <c r="B19113" s="1" t="s">
        <v>10513</v>
      </c>
      <c r="C19113" s="1" t="s">
        <v>39261</v>
      </c>
      <c r="D19113" s="2">
        <v>171941</v>
      </c>
      <c r="E19113" s="1" t="s">
        <v>0</v>
      </c>
    </row>
    <row r="19114" spans="1:5" x14ac:dyDescent="0.25">
      <c r="A19114" s="1" t="s">
        <v>39262</v>
      </c>
      <c r="B19114" s="1" t="s">
        <v>62783</v>
      </c>
      <c r="C19114" s="1" t="s">
        <v>39263</v>
      </c>
      <c r="D19114" s="2">
        <v>171942</v>
      </c>
      <c r="E19114" s="1" t="s">
        <v>0</v>
      </c>
    </row>
    <row r="19115" spans="1:5" ht="409.5" x14ac:dyDescent="0.25">
      <c r="A19115" s="4" t="s">
        <v>39264</v>
      </c>
      <c r="B19115" s="1" t="s">
        <v>62784</v>
      </c>
      <c r="C19115" s="1" t="s">
        <v>39265</v>
      </c>
      <c r="D19115" s="2">
        <v>171943</v>
      </c>
      <c r="E19115" s="1" t="s">
        <v>0</v>
      </c>
    </row>
    <row r="19116" spans="1:5" x14ac:dyDescent="0.25">
      <c r="A19116" s="1" t="s">
        <v>39266</v>
      </c>
      <c r="B19116" s="1" t="s">
        <v>61278</v>
      </c>
      <c r="C19116" s="1" t="s">
        <v>39267</v>
      </c>
      <c r="D19116" s="2">
        <v>171944</v>
      </c>
      <c r="E19116" s="1" t="s">
        <v>0</v>
      </c>
    </row>
    <row r="19117" spans="1:5" x14ac:dyDescent="0.25">
      <c r="A19117" s="2">
        <v>3823</v>
      </c>
      <c r="B19117" s="2">
        <v>3823</v>
      </c>
      <c r="C19117" s="1" t="s">
        <v>0</v>
      </c>
      <c r="D19117" s="2">
        <v>171945</v>
      </c>
      <c r="E19117" s="1" t="s">
        <v>0</v>
      </c>
    </row>
    <row r="19118" spans="1:5" x14ac:dyDescent="0.25">
      <c r="A19118" s="1" t="s">
        <v>3473</v>
      </c>
      <c r="B19118" s="1" t="s">
        <v>10514</v>
      </c>
      <c r="C19118" s="1" t="s">
        <v>39268</v>
      </c>
      <c r="D19118" s="2">
        <v>171946</v>
      </c>
      <c r="E19118" s="1" t="s">
        <v>0</v>
      </c>
    </row>
    <row r="19119" spans="1:5" x14ac:dyDescent="0.25">
      <c r="A19119" s="1" t="s">
        <v>39269</v>
      </c>
      <c r="B19119" s="1" t="s">
        <v>10515</v>
      </c>
      <c r="C19119" s="1" t="s">
        <v>39270</v>
      </c>
      <c r="D19119" s="2">
        <v>171947</v>
      </c>
      <c r="E19119" s="1" t="s">
        <v>0</v>
      </c>
    </row>
    <row r="19120" spans="1:5" ht="409.5" x14ac:dyDescent="0.25">
      <c r="A19120" s="4" t="s">
        <v>39271</v>
      </c>
      <c r="B19120" s="1" t="s">
        <v>58511</v>
      </c>
      <c r="C19120" s="1" t="s">
        <v>39272</v>
      </c>
      <c r="D19120" s="2">
        <v>171948</v>
      </c>
      <c r="E19120" s="1" t="s">
        <v>0</v>
      </c>
    </row>
    <row r="19121" spans="1:5" x14ac:dyDescent="0.25">
      <c r="A19121" s="1" t="s">
        <v>39273</v>
      </c>
      <c r="B19121" s="1" t="s">
        <v>10516</v>
      </c>
      <c r="C19121" s="1" t="s">
        <v>39274</v>
      </c>
      <c r="D19121" s="2">
        <v>171949</v>
      </c>
      <c r="E19121" s="1" t="s">
        <v>0</v>
      </c>
    </row>
    <row r="19122" spans="1:5" x14ac:dyDescent="0.25">
      <c r="A19122" s="2">
        <v>3824</v>
      </c>
      <c r="B19122" s="2">
        <v>3824</v>
      </c>
      <c r="C19122" s="1" t="s">
        <v>0</v>
      </c>
      <c r="D19122" s="2">
        <v>171950</v>
      </c>
      <c r="E19122" s="1" t="s">
        <v>0</v>
      </c>
    </row>
    <row r="19123" spans="1:5" x14ac:dyDescent="0.25">
      <c r="A19123" s="1" t="s">
        <v>39275</v>
      </c>
      <c r="B19123" s="1" t="s">
        <v>59057</v>
      </c>
      <c r="C19123" s="1" t="s">
        <v>39276</v>
      </c>
      <c r="D19123" s="2">
        <v>171951</v>
      </c>
      <c r="E19123" s="1" t="s">
        <v>0</v>
      </c>
    </row>
    <row r="19124" spans="1:5" x14ac:dyDescent="0.25">
      <c r="A19124" s="1" t="s">
        <v>39277</v>
      </c>
      <c r="B19124" s="1" t="s">
        <v>59058</v>
      </c>
      <c r="C19124" s="1" t="s">
        <v>39278</v>
      </c>
      <c r="D19124" s="2">
        <v>171952</v>
      </c>
      <c r="E19124" s="1" t="s">
        <v>0</v>
      </c>
    </row>
    <row r="19125" spans="1:5" ht="409.5" x14ac:dyDescent="0.25">
      <c r="A19125" s="4" t="s">
        <v>39279</v>
      </c>
      <c r="B19125" s="1" t="s">
        <v>59059</v>
      </c>
      <c r="C19125" s="1" t="s">
        <v>39280</v>
      </c>
      <c r="D19125" s="2">
        <v>171953</v>
      </c>
      <c r="E19125" s="1" t="s">
        <v>0</v>
      </c>
    </row>
    <row r="19126" spans="1:5" x14ac:dyDescent="0.25">
      <c r="A19126" s="1" t="s">
        <v>39281</v>
      </c>
      <c r="B19126" s="1" t="s">
        <v>59060</v>
      </c>
      <c r="C19126" s="1" t="s">
        <v>39282</v>
      </c>
      <c r="D19126" s="2">
        <v>171954</v>
      </c>
      <c r="E19126" s="1" t="s">
        <v>0</v>
      </c>
    </row>
    <row r="19127" spans="1:5" x14ac:dyDescent="0.25">
      <c r="A19127" s="2">
        <v>3825</v>
      </c>
      <c r="B19127" s="2">
        <v>3825</v>
      </c>
      <c r="C19127" s="1" t="s">
        <v>0</v>
      </c>
      <c r="D19127" s="2">
        <v>171955</v>
      </c>
      <c r="E19127" s="1" t="s">
        <v>0</v>
      </c>
    </row>
    <row r="19128" spans="1:5" x14ac:dyDescent="0.25">
      <c r="A19128" s="1" t="s">
        <v>39283</v>
      </c>
      <c r="B19128" s="1" t="s">
        <v>10517</v>
      </c>
      <c r="C19128" s="1" t="s">
        <v>39284</v>
      </c>
      <c r="D19128" s="2">
        <v>171956</v>
      </c>
      <c r="E19128" s="1" t="s">
        <v>0</v>
      </c>
    </row>
    <row r="19129" spans="1:5" x14ac:dyDescent="0.25">
      <c r="A19129" s="1" t="s">
        <v>39285</v>
      </c>
      <c r="B19129" s="1" t="s">
        <v>55221</v>
      </c>
      <c r="C19129" s="1" t="s">
        <v>39286</v>
      </c>
      <c r="D19129" s="2">
        <v>171957</v>
      </c>
      <c r="E19129" s="1" t="s">
        <v>0</v>
      </c>
    </row>
    <row r="19130" spans="1:5" ht="409.5" x14ac:dyDescent="0.25">
      <c r="A19130" s="4" t="s">
        <v>39287</v>
      </c>
      <c r="B19130" s="1" t="s">
        <v>55222</v>
      </c>
      <c r="C19130" s="1" t="s">
        <v>39288</v>
      </c>
      <c r="D19130" s="2">
        <v>171958</v>
      </c>
      <c r="E19130" s="1" t="s">
        <v>0</v>
      </c>
    </row>
    <row r="19131" spans="1:5" x14ac:dyDescent="0.25">
      <c r="A19131" s="1" t="s">
        <v>39289</v>
      </c>
      <c r="B19131" s="1" t="s">
        <v>55223</v>
      </c>
      <c r="C19131" s="1" t="s">
        <v>39290</v>
      </c>
      <c r="D19131" s="2">
        <v>171959</v>
      </c>
      <c r="E19131" s="1" t="s">
        <v>0</v>
      </c>
    </row>
    <row r="19132" spans="1:5" x14ac:dyDescent="0.25">
      <c r="A19132" s="2">
        <v>3826</v>
      </c>
      <c r="B19132" s="2">
        <v>3826</v>
      </c>
      <c r="C19132" s="1" t="s">
        <v>0</v>
      </c>
      <c r="D19132" s="2">
        <v>171960</v>
      </c>
      <c r="E19132" s="1" t="s">
        <v>0</v>
      </c>
    </row>
    <row r="19133" spans="1:5" x14ac:dyDescent="0.25">
      <c r="A19133" s="1" t="s">
        <v>3474</v>
      </c>
      <c r="B19133" s="1" t="s">
        <v>10518</v>
      </c>
      <c r="C19133" s="1" t="s">
        <v>39291</v>
      </c>
      <c r="D19133" s="2">
        <v>171961</v>
      </c>
      <c r="E19133" s="1" t="s">
        <v>0</v>
      </c>
    </row>
    <row r="19134" spans="1:5" x14ac:dyDescent="0.25">
      <c r="A19134" s="1" t="s">
        <v>39292</v>
      </c>
      <c r="B19134" s="1" t="s">
        <v>10519</v>
      </c>
      <c r="C19134" s="1" t="s">
        <v>39293</v>
      </c>
      <c r="D19134" s="2">
        <v>171962</v>
      </c>
      <c r="E19134" s="1" t="s">
        <v>0</v>
      </c>
    </row>
    <row r="19135" spans="1:5" ht="409.5" x14ac:dyDescent="0.25">
      <c r="A19135" s="4" t="s">
        <v>39294</v>
      </c>
      <c r="B19135" s="1" t="s">
        <v>60182</v>
      </c>
      <c r="C19135" s="1" t="s">
        <v>39295</v>
      </c>
      <c r="D19135" s="2">
        <v>171963</v>
      </c>
      <c r="E19135" s="1" t="s">
        <v>0</v>
      </c>
    </row>
    <row r="19136" spans="1:5" x14ac:dyDescent="0.25">
      <c r="A19136" s="1" t="s">
        <v>39296</v>
      </c>
      <c r="B19136" s="1" t="s">
        <v>55224</v>
      </c>
      <c r="C19136" s="1" t="s">
        <v>39297</v>
      </c>
      <c r="D19136" s="2">
        <v>171964</v>
      </c>
      <c r="E19136" s="1" t="s">
        <v>0</v>
      </c>
    </row>
    <row r="19137" spans="1:5" x14ac:dyDescent="0.25">
      <c r="A19137" s="2">
        <v>3827</v>
      </c>
      <c r="B19137" s="2">
        <v>3827</v>
      </c>
      <c r="C19137" s="1" t="s">
        <v>0</v>
      </c>
      <c r="D19137" s="2">
        <v>171965</v>
      </c>
      <c r="E19137" s="1" t="s">
        <v>0</v>
      </c>
    </row>
    <row r="19138" spans="1:5" x14ac:dyDescent="0.25">
      <c r="A19138" s="1" t="s">
        <v>3475</v>
      </c>
      <c r="B19138" s="1" t="s">
        <v>10520</v>
      </c>
      <c r="C19138" s="1" t="s">
        <v>39298</v>
      </c>
      <c r="D19138" s="2">
        <v>171966</v>
      </c>
      <c r="E19138" s="1" t="s">
        <v>0</v>
      </c>
    </row>
    <row r="19139" spans="1:5" x14ac:dyDescent="0.25">
      <c r="A19139" s="1" t="s">
        <v>39299</v>
      </c>
      <c r="B19139" s="1" t="s">
        <v>55225</v>
      </c>
      <c r="C19139" s="1" t="s">
        <v>39300</v>
      </c>
      <c r="D19139" s="2">
        <v>171967</v>
      </c>
      <c r="E19139" s="1" t="s">
        <v>0</v>
      </c>
    </row>
    <row r="19140" spans="1:5" ht="409.5" x14ac:dyDescent="0.25">
      <c r="A19140" s="4" t="s">
        <v>39301</v>
      </c>
      <c r="B19140" s="1" t="s">
        <v>62785</v>
      </c>
      <c r="C19140" s="1" t="s">
        <v>39302</v>
      </c>
      <c r="D19140" s="2">
        <v>171968</v>
      </c>
      <c r="E19140" s="1" t="s">
        <v>0</v>
      </c>
    </row>
    <row r="19141" spans="1:5" x14ac:dyDescent="0.25">
      <c r="A19141" s="1" t="s">
        <v>39303</v>
      </c>
      <c r="B19141" s="1" t="s">
        <v>10521</v>
      </c>
      <c r="C19141" s="1" t="s">
        <v>39304</v>
      </c>
      <c r="D19141" s="2">
        <v>171969</v>
      </c>
      <c r="E19141" s="1" t="s">
        <v>0</v>
      </c>
    </row>
    <row r="19142" spans="1:5" x14ac:dyDescent="0.25">
      <c r="A19142" s="2">
        <v>3828</v>
      </c>
      <c r="B19142" s="2">
        <v>3828</v>
      </c>
      <c r="C19142" s="1" t="s">
        <v>0</v>
      </c>
      <c r="D19142" s="2">
        <v>171970</v>
      </c>
      <c r="E19142" s="1" t="s">
        <v>0</v>
      </c>
    </row>
    <row r="19143" spans="1:5" x14ac:dyDescent="0.25">
      <c r="A19143" s="1" t="s">
        <v>3476</v>
      </c>
      <c r="B19143" s="1" t="s">
        <v>10522</v>
      </c>
      <c r="C19143" s="1" t="s">
        <v>39305</v>
      </c>
      <c r="D19143" s="2">
        <v>171971</v>
      </c>
      <c r="E19143" s="1" t="s">
        <v>0</v>
      </c>
    </row>
    <row r="19144" spans="1:5" x14ac:dyDescent="0.25">
      <c r="A19144" s="1" t="s">
        <v>39306</v>
      </c>
      <c r="B19144" s="1" t="s">
        <v>55226</v>
      </c>
      <c r="C19144" s="1" t="s">
        <v>39307</v>
      </c>
      <c r="D19144" s="2">
        <v>171972</v>
      </c>
      <c r="E19144" s="1" t="s">
        <v>0</v>
      </c>
    </row>
    <row r="19145" spans="1:5" ht="409.5" x14ac:dyDescent="0.25">
      <c r="A19145" s="4" t="s">
        <v>39308</v>
      </c>
      <c r="B19145" s="1" t="s">
        <v>55227</v>
      </c>
      <c r="C19145" s="1" t="s">
        <v>39309</v>
      </c>
      <c r="D19145" s="2">
        <v>171973</v>
      </c>
      <c r="E19145" s="1" t="s">
        <v>0</v>
      </c>
    </row>
    <row r="19146" spans="1:5" x14ac:dyDescent="0.25">
      <c r="A19146" s="1" t="s">
        <v>39310</v>
      </c>
      <c r="B19146" s="1" t="s">
        <v>55228</v>
      </c>
      <c r="C19146" s="1" t="s">
        <v>39311</v>
      </c>
      <c r="D19146" s="2">
        <v>171974</v>
      </c>
      <c r="E19146" s="1" t="s">
        <v>0</v>
      </c>
    </row>
    <row r="19147" spans="1:5" x14ac:dyDescent="0.25">
      <c r="A19147" s="2">
        <v>3829</v>
      </c>
      <c r="B19147" s="2">
        <v>3829</v>
      </c>
      <c r="C19147" s="1" t="s">
        <v>0</v>
      </c>
      <c r="D19147" s="2">
        <v>171975</v>
      </c>
      <c r="E19147" s="1" t="s">
        <v>0</v>
      </c>
    </row>
    <row r="19148" spans="1:5" x14ac:dyDescent="0.25">
      <c r="A19148" s="1" t="s">
        <v>3477</v>
      </c>
      <c r="B19148" s="1" t="s">
        <v>10523</v>
      </c>
      <c r="C19148" s="1" t="s">
        <v>39312</v>
      </c>
      <c r="D19148" s="2">
        <v>171976</v>
      </c>
      <c r="E19148" s="1" t="s">
        <v>0</v>
      </c>
    </row>
    <row r="19149" spans="1:5" x14ac:dyDescent="0.25">
      <c r="A19149" s="1" t="s">
        <v>39313</v>
      </c>
      <c r="B19149" s="1" t="s">
        <v>50940</v>
      </c>
      <c r="C19149" s="1" t="s">
        <v>39314</v>
      </c>
      <c r="D19149" s="2">
        <v>171977</v>
      </c>
      <c r="E19149" s="1" t="s">
        <v>0</v>
      </c>
    </row>
    <row r="19150" spans="1:5" ht="409.5" x14ac:dyDescent="0.25">
      <c r="A19150" s="4" t="s">
        <v>39315</v>
      </c>
      <c r="B19150" s="1" t="s">
        <v>50941</v>
      </c>
      <c r="C19150" s="1" t="s">
        <v>39316</v>
      </c>
      <c r="D19150" s="2">
        <v>171978</v>
      </c>
      <c r="E19150" s="1" t="s">
        <v>0</v>
      </c>
    </row>
    <row r="19151" spans="1:5" x14ac:dyDescent="0.25">
      <c r="A19151" s="1" t="s">
        <v>39317</v>
      </c>
      <c r="B19151" s="1" t="s">
        <v>57307</v>
      </c>
      <c r="C19151" s="1" t="s">
        <v>39318</v>
      </c>
      <c r="D19151" s="2">
        <v>171979</v>
      </c>
      <c r="E19151" s="1" t="s">
        <v>0</v>
      </c>
    </row>
    <row r="19152" spans="1:5" x14ac:dyDescent="0.25">
      <c r="A19152" s="2">
        <v>3830</v>
      </c>
      <c r="B19152" s="2">
        <v>3830</v>
      </c>
      <c r="C19152" s="1" t="s">
        <v>0</v>
      </c>
      <c r="D19152" s="2">
        <v>171980</v>
      </c>
      <c r="E19152" s="1" t="s">
        <v>0</v>
      </c>
    </row>
    <row r="19153" spans="1:5" x14ac:dyDescent="0.25">
      <c r="A19153" s="1" t="s">
        <v>3478</v>
      </c>
      <c r="B19153" s="1" t="s">
        <v>10524</v>
      </c>
      <c r="C19153" s="1" t="s">
        <v>39319</v>
      </c>
      <c r="D19153" s="2">
        <v>171981</v>
      </c>
      <c r="E19153" s="1" t="s">
        <v>0</v>
      </c>
    </row>
    <row r="19154" spans="1:5" x14ac:dyDescent="0.25">
      <c r="A19154" s="1" t="s">
        <v>39320</v>
      </c>
      <c r="B19154" s="1" t="s">
        <v>10525</v>
      </c>
      <c r="C19154" s="1" t="s">
        <v>39321</v>
      </c>
      <c r="D19154" s="2">
        <v>171982</v>
      </c>
      <c r="E19154" s="1" t="s">
        <v>0</v>
      </c>
    </row>
    <row r="19155" spans="1:5" ht="409.5" x14ac:dyDescent="0.25">
      <c r="A19155" s="4" t="s">
        <v>39322</v>
      </c>
      <c r="B19155" s="1" t="s">
        <v>10526</v>
      </c>
      <c r="C19155" s="1" t="s">
        <v>39323</v>
      </c>
      <c r="D19155" s="2">
        <v>171983</v>
      </c>
      <c r="E19155" s="1" t="s">
        <v>0</v>
      </c>
    </row>
    <row r="19156" spans="1:5" x14ac:dyDescent="0.25">
      <c r="A19156" s="1" t="s">
        <v>39324</v>
      </c>
      <c r="B19156" s="1" t="s">
        <v>55229</v>
      </c>
      <c r="C19156" s="1" t="s">
        <v>39325</v>
      </c>
      <c r="D19156" s="2">
        <v>171984</v>
      </c>
      <c r="E19156" s="1" t="s">
        <v>0</v>
      </c>
    </row>
    <row r="19157" spans="1:5" x14ac:dyDescent="0.25">
      <c r="A19157" s="2">
        <v>3831</v>
      </c>
      <c r="B19157" s="2">
        <v>3831</v>
      </c>
      <c r="C19157" s="1" t="s">
        <v>0</v>
      </c>
      <c r="D19157" s="2">
        <v>171985</v>
      </c>
      <c r="E19157" s="1" t="s">
        <v>0</v>
      </c>
    </row>
    <row r="19158" spans="1:5" x14ac:dyDescent="0.25">
      <c r="A19158" s="1" t="s">
        <v>3479</v>
      </c>
      <c r="B19158" s="1" t="s">
        <v>10527</v>
      </c>
      <c r="C19158" s="1" t="s">
        <v>39326</v>
      </c>
      <c r="D19158" s="2">
        <v>171986</v>
      </c>
      <c r="E19158" s="1" t="s">
        <v>0</v>
      </c>
    </row>
    <row r="19159" spans="1:5" x14ac:dyDescent="0.25">
      <c r="A19159" s="1" t="s">
        <v>39327</v>
      </c>
      <c r="B19159" s="1" t="s">
        <v>10528</v>
      </c>
      <c r="C19159" s="1" t="s">
        <v>39328</v>
      </c>
      <c r="D19159" s="2">
        <v>171987</v>
      </c>
      <c r="E19159" s="1" t="s">
        <v>0</v>
      </c>
    </row>
    <row r="19160" spans="1:5" ht="409.5" x14ac:dyDescent="0.25">
      <c r="A19160" s="4" t="s">
        <v>39329</v>
      </c>
      <c r="B19160" s="1" t="s">
        <v>55230</v>
      </c>
      <c r="C19160" s="1" t="s">
        <v>39330</v>
      </c>
      <c r="D19160" s="2">
        <v>171988</v>
      </c>
      <c r="E19160" s="1" t="s">
        <v>0</v>
      </c>
    </row>
    <row r="19161" spans="1:5" x14ac:dyDescent="0.25">
      <c r="A19161" s="1" t="s">
        <v>39331</v>
      </c>
      <c r="B19161" s="1" t="s">
        <v>10529</v>
      </c>
      <c r="C19161" s="1" t="s">
        <v>39332</v>
      </c>
      <c r="D19161" s="2">
        <v>171989</v>
      </c>
      <c r="E19161" s="1" t="s">
        <v>0</v>
      </c>
    </row>
    <row r="19162" spans="1:5" x14ac:dyDescent="0.25">
      <c r="A19162" s="2">
        <v>3832</v>
      </c>
      <c r="B19162" s="2">
        <v>3832</v>
      </c>
      <c r="C19162" s="1" t="s">
        <v>0</v>
      </c>
      <c r="D19162" s="2">
        <v>171990</v>
      </c>
      <c r="E19162" s="1" t="s">
        <v>0</v>
      </c>
    </row>
    <row r="19163" spans="1:5" x14ac:dyDescent="0.25">
      <c r="A19163" s="1" t="s">
        <v>3480</v>
      </c>
      <c r="B19163" s="1" t="s">
        <v>10530</v>
      </c>
      <c r="C19163" s="1" t="s">
        <v>39333</v>
      </c>
      <c r="D19163" s="2">
        <v>171991</v>
      </c>
      <c r="E19163" s="1" t="s">
        <v>0</v>
      </c>
    </row>
    <row r="19164" spans="1:5" x14ac:dyDescent="0.25">
      <c r="A19164" s="1" t="s">
        <v>39334</v>
      </c>
      <c r="B19164" s="1" t="s">
        <v>62786</v>
      </c>
      <c r="C19164" s="1" t="s">
        <v>39335</v>
      </c>
      <c r="D19164" s="2">
        <v>171992</v>
      </c>
      <c r="E19164" s="1" t="s">
        <v>0</v>
      </c>
    </row>
    <row r="19165" spans="1:5" ht="409.5" x14ac:dyDescent="0.25">
      <c r="A19165" s="4" t="s">
        <v>39336</v>
      </c>
      <c r="B19165" s="1" t="s">
        <v>62787</v>
      </c>
      <c r="C19165" s="1" t="s">
        <v>39337</v>
      </c>
      <c r="D19165" s="2">
        <v>171993</v>
      </c>
      <c r="E19165" s="1" t="s">
        <v>0</v>
      </c>
    </row>
    <row r="19166" spans="1:5" x14ac:dyDescent="0.25">
      <c r="A19166" s="1" t="s">
        <v>39338</v>
      </c>
      <c r="B19166" s="1" t="s">
        <v>56839</v>
      </c>
      <c r="C19166" s="1" t="s">
        <v>39339</v>
      </c>
      <c r="D19166" s="2">
        <v>171994</v>
      </c>
      <c r="E19166" s="1" t="s">
        <v>0</v>
      </c>
    </row>
    <row r="19167" spans="1:5" x14ac:dyDescent="0.25">
      <c r="A19167" s="2">
        <v>3833</v>
      </c>
      <c r="B19167" s="2">
        <v>3833</v>
      </c>
      <c r="C19167" s="1" t="s">
        <v>0</v>
      </c>
      <c r="D19167" s="2">
        <v>171995</v>
      </c>
      <c r="E19167" s="1" t="s">
        <v>0</v>
      </c>
    </row>
    <row r="19168" spans="1:5" x14ac:dyDescent="0.25">
      <c r="A19168" s="1" t="s">
        <v>3481</v>
      </c>
      <c r="B19168" s="1" t="s">
        <v>10531</v>
      </c>
      <c r="C19168" s="1" t="s">
        <v>39340</v>
      </c>
      <c r="D19168" s="2">
        <v>171996</v>
      </c>
      <c r="E19168" s="1" t="s">
        <v>0</v>
      </c>
    </row>
    <row r="19169" spans="1:5" x14ac:dyDescent="0.25">
      <c r="A19169" s="1" t="s">
        <v>39341</v>
      </c>
      <c r="B19169" s="1" t="s">
        <v>58512</v>
      </c>
      <c r="C19169" s="1" t="s">
        <v>39342</v>
      </c>
      <c r="D19169" s="2">
        <v>171997</v>
      </c>
      <c r="E19169" s="1" t="s">
        <v>0</v>
      </c>
    </row>
    <row r="19170" spans="1:5" ht="409.5" x14ac:dyDescent="0.25">
      <c r="A19170" s="4" t="s">
        <v>39343</v>
      </c>
      <c r="B19170" s="1" t="s">
        <v>58513</v>
      </c>
      <c r="C19170" s="1" t="s">
        <v>39344</v>
      </c>
      <c r="D19170" s="2">
        <v>171998</v>
      </c>
      <c r="E19170" s="1" t="s">
        <v>0</v>
      </c>
    </row>
    <row r="19171" spans="1:5" x14ac:dyDescent="0.25">
      <c r="A19171" s="1" t="s">
        <v>39345</v>
      </c>
      <c r="B19171" s="1" t="s">
        <v>10532</v>
      </c>
      <c r="C19171" s="1" t="s">
        <v>39346</v>
      </c>
      <c r="D19171" s="2">
        <v>171999</v>
      </c>
      <c r="E19171" s="1" t="s">
        <v>0</v>
      </c>
    </row>
    <row r="19172" spans="1:5" x14ac:dyDescent="0.25">
      <c r="A19172" s="2">
        <v>3834</v>
      </c>
      <c r="B19172" s="2">
        <v>3834</v>
      </c>
      <c r="C19172" s="1" t="s">
        <v>0</v>
      </c>
      <c r="D19172" s="2">
        <v>172000</v>
      </c>
      <c r="E19172" s="1" t="s">
        <v>0</v>
      </c>
    </row>
    <row r="19173" spans="1:5" x14ac:dyDescent="0.25">
      <c r="A19173" s="1" t="s">
        <v>3482</v>
      </c>
      <c r="B19173" s="1" t="s">
        <v>58514</v>
      </c>
      <c r="C19173" s="1" t="s">
        <v>39347</v>
      </c>
      <c r="D19173" s="2">
        <v>172001</v>
      </c>
      <c r="E19173" s="1" t="s">
        <v>0</v>
      </c>
    </row>
    <row r="19174" spans="1:5" x14ac:dyDescent="0.25">
      <c r="A19174" s="1" t="s">
        <v>39348</v>
      </c>
      <c r="B19174" s="1" t="s">
        <v>62788</v>
      </c>
      <c r="C19174" s="1" t="s">
        <v>39349</v>
      </c>
      <c r="D19174" s="2">
        <v>172002</v>
      </c>
      <c r="E19174" s="1" t="s">
        <v>0</v>
      </c>
    </row>
    <row r="19175" spans="1:5" ht="409.5" x14ac:dyDescent="0.25">
      <c r="A19175" s="4" t="s">
        <v>64295</v>
      </c>
      <c r="B19175" s="1" t="s">
        <v>62789</v>
      </c>
      <c r="C19175" s="1" t="s">
        <v>39350</v>
      </c>
      <c r="D19175" s="2">
        <v>172003</v>
      </c>
      <c r="E19175" s="1" t="s">
        <v>0</v>
      </c>
    </row>
    <row r="19176" spans="1:5" x14ac:dyDescent="0.25">
      <c r="A19176" s="1" t="s">
        <v>39351</v>
      </c>
      <c r="B19176" s="1" t="s">
        <v>10533</v>
      </c>
      <c r="C19176" s="1" t="s">
        <v>39352</v>
      </c>
      <c r="D19176" s="2">
        <v>172004</v>
      </c>
      <c r="E19176" s="1" t="s">
        <v>0</v>
      </c>
    </row>
    <row r="19177" spans="1:5" x14ac:dyDescent="0.25">
      <c r="A19177" s="2">
        <v>3835</v>
      </c>
      <c r="B19177" s="2">
        <v>3835</v>
      </c>
      <c r="C19177" s="1" t="s">
        <v>0</v>
      </c>
      <c r="D19177" s="2">
        <v>172005</v>
      </c>
      <c r="E19177" s="1" t="s">
        <v>0</v>
      </c>
    </row>
    <row r="19178" spans="1:5" x14ac:dyDescent="0.25">
      <c r="A19178" s="1" t="s">
        <v>3483</v>
      </c>
      <c r="B19178" s="1" t="s">
        <v>10534</v>
      </c>
      <c r="C19178" s="1" t="s">
        <v>39353</v>
      </c>
      <c r="D19178" s="2">
        <v>172006</v>
      </c>
      <c r="E19178" s="1" t="s">
        <v>0</v>
      </c>
    </row>
    <row r="19179" spans="1:5" x14ac:dyDescent="0.25">
      <c r="A19179" s="1" t="s">
        <v>39354</v>
      </c>
      <c r="B19179" s="1" t="s">
        <v>50942</v>
      </c>
      <c r="C19179" s="1" t="s">
        <v>39355</v>
      </c>
      <c r="D19179" s="2">
        <v>172007</v>
      </c>
      <c r="E19179" s="1" t="s">
        <v>0</v>
      </c>
    </row>
    <row r="19180" spans="1:5" ht="409.5" x14ac:dyDescent="0.25">
      <c r="A19180" s="4" t="s">
        <v>39356</v>
      </c>
      <c r="B19180" s="1" t="s">
        <v>50943</v>
      </c>
      <c r="C19180" s="1" t="s">
        <v>39357</v>
      </c>
      <c r="D19180" s="2">
        <v>172008</v>
      </c>
      <c r="E19180" s="1" t="s">
        <v>0</v>
      </c>
    </row>
    <row r="19181" spans="1:5" x14ac:dyDescent="0.25">
      <c r="A19181" s="1" t="s">
        <v>39358</v>
      </c>
      <c r="B19181" s="1" t="s">
        <v>55231</v>
      </c>
      <c r="C19181" s="1" t="s">
        <v>39359</v>
      </c>
      <c r="D19181" s="2">
        <v>172009</v>
      </c>
      <c r="E19181" s="1" t="s">
        <v>0</v>
      </c>
    </row>
    <row r="19182" spans="1:5" x14ac:dyDescent="0.25">
      <c r="A19182" s="2">
        <v>3836</v>
      </c>
      <c r="B19182" s="2">
        <v>3836</v>
      </c>
      <c r="C19182" s="1" t="s">
        <v>0</v>
      </c>
      <c r="D19182" s="2">
        <v>172010</v>
      </c>
      <c r="E19182" s="1" t="s">
        <v>0</v>
      </c>
    </row>
    <row r="19183" spans="1:5" x14ac:dyDescent="0.25">
      <c r="A19183" s="1" t="s">
        <v>3484</v>
      </c>
      <c r="B19183" s="1" t="s">
        <v>10535</v>
      </c>
      <c r="C19183" s="1" t="s">
        <v>39360</v>
      </c>
      <c r="D19183" s="2">
        <v>172011</v>
      </c>
      <c r="E19183" s="1" t="s">
        <v>0</v>
      </c>
    </row>
    <row r="19184" spans="1:5" x14ac:dyDescent="0.25">
      <c r="A19184" s="1" t="s">
        <v>39361</v>
      </c>
      <c r="B19184" s="1" t="s">
        <v>62790</v>
      </c>
      <c r="C19184" s="1" t="s">
        <v>39362</v>
      </c>
      <c r="D19184" s="2">
        <v>172012</v>
      </c>
      <c r="E19184" s="1" t="s">
        <v>0</v>
      </c>
    </row>
    <row r="19185" spans="1:5" ht="409.5" x14ac:dyDescent="0.25">
      <c r="A19185" s="4" t="s">
        <v>39363</v>
      </c>
      <c r="B19185" s="1" t="s">
        <v>62791</v>
      </c>
      <c r="C19185" s="1" t="s">
        <v>39364</v>
      </c>
      <c r="D19185" s="2">
        <v>172013</v>
      </c>
      <c r="E19185" s="1" t="s">
        <v>0</v>
      </c>
    </row>
    <row r="19186" spans="1:5" x14ac:dyDescent="0.25">
      <c r="A19186" s="1" t="s">
        <v>39365</v>
      </c>
      <c r="B19186" s="1" t="s">
        <v>10536</v>
      </c>
      <c r="C19186" s="1" t="s">
        <v>39366</v>
      </c>
      <c r="D19186" s="2">
        <v>172014</v>
      </c>
      <c r="E19186" s="1" t="s">
        <v>0</v>
      </c>
    </row>
    <row r="19187" spans="1:5" x14ac:dyDescent="0.25">
      <c r="A19187" s="2">
        <v>3837</v>
      </c>
      <c r="B19187" s="2">
        <v>3837</v>
      </c>
      <c r="C19187" s="1" t="s">
        <v>0</v>
      </c>
      <c r="D19187" s="2">
        <v>172015</v>
      </c>
      <c r="E19187" s="1" t="s">
        <v>0</v>
      </c>
    </row>
    <row r="19188" spans="1:5" x14ac:dyDescent="0.25">
      <c r="A19188" s="1" t="s">
        <v>3485</v>
      </c>
      <c r="B19188" s="1" t="s">
        <v>10537</v>
      </c>
      <c r="C19188" s="1" t="s">
        <v>39367</v>
      </c>
      <c r="D19188" s="2">
        <v>172016</v>
      </c>
      <c r="E19188" s="1" t="s">
        <v>0</v>
      </c>
    </row>
    <row r="19189" spans="1:5" x14ac:dyDescent="0.25">
      <c r="A19189" s="1" t="s">
        <v>39368</v>
      </c>
      <c r="B19189" s="1" t="s">
        <v>10538</v>
      </c>
      <c r="C19189" s="1" t="s">
        <v>39369</v>
      </c>
      <c r="D19189" s="2">
        <v>172017</v>
      </c>
      <c r="E19189" s="1" t="s">
        <v>0</v>
      </c>
    </row>
    <row r="19190" spans="1:5" ht="409.5" x14ac:dyDescent="0.25">
      <c r="A19190" s="4" t="s">
        <v>39370</v>
      </c>
      <c r="B19190" s="1" t="s">
        <v>55232</v>
      </c>
      <c r="C19190" s="1" t="s">
        <v>39371</v>
      </c>
      <c r="D19190" s="2">
        <v>172018</v>
      </c>
      <c r="E19190" s="1" t="s">
        <v>0</v>
      </c>
    </row>
    <row r="19191" spans="1:5" x14ac:dyDescent="0.25">
      <c r="A19191" s="1" t="s">
        <v>39372</v>
      </c>
      <c r="B19191" s="1" t="s">
        <v>10539</v>
      </c>
      <c r="C19191" s="1" t="s">
        <v>39373</v>
      </c>
      <c r="D19191" s="2">
        <v>172019</v>
      </c>
      <c r="E19191" s="1" t="s">
        <v>0</v>
      </c>
    </row>
    <row r="19192" spans="1:5" x14ac:dyDescent="0.25">
      <c r="A19192" s="2">
        <v>3838</v>
      </c>
      <c r="B19192" s="2">
        <v>3838</v>
      </c>
      <c r="C19192" s="1" t="s">
        <v>0</v>
      </c>
      <c r="D19192" s="2">
        <v>172020</v>
      </c>
      <c r="E19192" s="1" t="s">
        <v>0</v>
      </c>
    </row>
    <row r="19193" spans="1:5" x14ac:dyDescent="0.25">
      <c r="A19193" s="1" t="s">
        <v>3486</v>
      </c>
      <c r="B19193" s="1" t="s">
        <v>10540</v>
      </c>
      <c r="C19193" s="1" t="s">
        <v>39374</v>
      </c>
      <c r="D19193" s="2">
        <v>172021</v>
      </c>
      <c r="E19193" s="1" t="s">
        <v>0</v>
      </c>
    </row>
    <row r="19194" spans="1:5" x14ac:dyDescent="0.25">
      <c r="A19194" s="1" t="s">
        <v>39375</v>
      </c>
      <c r="B19194" s="1" t="s">
        <v>55233</v>
      </c>
      <c r="C19194" s="1" t="s">
        <v>39376</v>
      </c>
      <c r="D19194" s="2">
        <v>172022</v>
      </c>
      <c r="E19194" s="1" t="s">
        <v>0</v>
      </c>
    </row>
    <row r="19195" spans="1:5" ht="409.5" x14ac:dyDescent="0.25">
      <c r="A19195" s="4" t="s">
        <v>39377</v>
      </c>
      <c r="B19195" s="1" t="s">
        <v>55234</v>
      </c>
      <c r="C19195" s="1" t="s">
        <v>39378</v>
      </c>
      <c r="D19195" s="2">
        <v>172023</v>
      </c>
      <c r="E19195" s="1" t="s">
        <v>0</v>
      </c>
    </row>
    <row r="19196" spans="1:5" x14ac:dyDescent="0.25">
      <c r="A19196" s="1" t="s">
        <v>39379</v>
      </c>
      <c r="B19196" s="1" t="s">
        <v>10541</v>
      </c>
      <c r="C19196" s="1" t="s">
        <v>39380</v>
      </c>
      <c r="D19196" s="2">
        <v>172024</v>
      </c>
      <c r="E19196" s="1" t="s">
        <v>0</v>
      </c>
    </row>
    <row r="19197" spans="1:5" x14ac:dyDescent="0.25">
      <c r="A19197" s="2">
        <v>3839</v>
      </c>
      <c r="B19197" s="2">
        <v>3839</v>
      </c>
      <c r="C19197" s="1" t="s">
        <v>0</v>
      </c>
      <c r="D19197" s="2">
        <v>172025</v>
      </c>
      <c r="E19197" s="1" t="s">
        <v>0</v>
      </c>
    </row>
    <row r="19198" spans="1:5" x14ac:dyDescent="0.25">
      <c r="A19198" s="1" t="s">
        <v>3487</v>
      </c>
      <c r="B19198" s="1" t="s">
        <v>10542</v>
      </c>
      <c r="C19198" s="1" t="s">
        <v>39381</v>
      </c>
      <c r="D19198" s="2">
        <v>172026</v>
      </c>
      <c r="E19198" s="1" t="s">
        <v>0</v>
      </c>
    </row>
    <row r="19199" spans="1:5" x14ac:dyDescent="0.25">
      <c r="A19199" s="1" t="s">
        <v>39382</v>
      </c>
      <c r="B19199" s="1" t="s">
        <v>55235</v>
      </c>
      <c r="C19199" s="1" t="s">
        <v>39383</v>
      </c>
      <c r="D19199" s="2">
        <v>172027</v>
      </c>
      <c r="E19199" s="1" t="s">
        <v>0</v>
      </c>
    </row>
    <row r="19200" spans="1:5" ht="409.5" x14ac:dyDescent="0.25">
      <c r="A19200" s="4" t="s">
        <v>39384</v>
      </c>
      <c r="B19200" s="1" t="s">
        <v>59664</v>
      </c>
      <c r="C19200" s="1" t="s">
        <v>39385</v>
      </c>
      <c r="D19200" s="2">
        <v>172028</v>
      </c>
      <c r="E19200" s="1" t="s">
        <v>0</v>
      </c>
    </row>
    <row r="19201" spans="1:5" x14ac:dyDescent="0.25">
      <c r="A19201" s="1" t="s">
        <v>39386</v>
      </c>
      <c r="B19201" s="1" t="s">
        <v>10543</v>
      </c>
      <c r="C19201" s="1" t="s">
        <v>39387</v>
      </c>
      <c r="D19201" s="2">
        <v>172029</v>
      </c>
      <c r="E19201" s="1" t="s">
        <v>0</v>
      </c>
    </row>
    <row r="19202" spans="1:5" x14ac:dyDescent="0.25">
      <c r="A19202" s="2">
        <v>3840</v>
      </c>
      <c r="B19202" s="2">
        <v>3840</v>
      </c>
      <c r="C19202" s="1" t="s">
        <v>0</v>
      </c>
      <c r="D19202" s="2">
        <v>172030</v>
      </c>
      <c r="E19202" s="1" t="s">
        <v>0</v>
      </c>
    </row>
    <row r="19203" spans="1:5" x14ac:dyDescent="0.25">
      <c r="A19203" s="1" t="s">
        <v>3488</v>
      </c>
      <c r="B19203" s="1" t="s">
        <v>55236</v>
      </c>
      <c r="C19203" s="1" t="s">
        <v>39388</v>
      </c>
      <c r="D19203" s="2">
        <v>172031</v>
      </c>
      <c r="E19203" s="1" t="s">
        <v>0</v>
      </c>
    </row>
    <row r="19204" spans="1:5" x14ac:dyDescent="0.25">
      <c r="A19204" s="1" t="s">
        <v>39389</v>
      </c>
      <c r="B19204" s="1" t="s">
        <v>58104</v>
      </c>
      <c r="C19204" s="1" t="s">
        <v>39390</v>
      </c>
      <c r="D19204" s="2">
        <v>172032</v>
      </c>
      <c r="E19204" s="1" t="s">
        <v>0</v>
      </c>
    </row>
    <row r="19205" spans="1:5" ht="409.5" x14ac:dyDescent="0.25">
      <c r="A19205" s="4" t="s">
        <v>39391</v>
      </c>
      <c r="B19205" s="1" t="s">
        <v>58105</v>
      </c>
      <c r="C19205" s="1" t="s">
        <v>39392</v>
      </c>
      <c r="D19205" s="2">
        <v>172033</v>
      </c>
      <c r="E19205" s="1" t="s">
        <v>0</v>
      </c>
    </row>
    <row r="19206" spans="1:5" x14ac:dyDescent="0.25">
      <c r="A19206" s="1" t="s">
        <v>39393</v>
      </c>
      <c r="B19206" s="1" t="s">
        <v>55237</v>
      </c>
      <c r="C19206" s="1" t="s">
        <v>39394</v>
      </c>
      <c r="D19206" s="2">
        <v>172034</v>
      </c>
      <c r="E19206" s="1" t="s">
        <v>0</v>
      </c>
    </row>
    <row r="19207" spans="1:5" x14ac:dyDescent="0.25">
      <c r="A19207" s="2">
        <v>3841</v>
      </c>
      <c r="B19207" s="2">
        <v>3841</v>
      </c>
      <c r="C19207" s="1" t="s">
        <v>0</v>
      </c>
      <c r="D19207" s="2">
        <v>172035</v>
      </c>
      <c r="E19207" s="1" t="s">
        <v>0</v>
      </c>
    </row>
    <row r="19208" spans="1:5" x14ac:dyDescent="0.25">
      <c r="A19208" s="1" t="s">
        <v>3489</v>
      </c>
      <c r="B19208" s="1" t="s">
        <v>10544</v>
      </c>
      <c r="C19208" s="1" t="s">
        <v>39395</v>
      </c>
      <c r="D19208" s="2">
        <v>172036</v>
      </c>
      <c r="E19208" s="1" t="s">
        <v>0</v>
      </c>
    </row>
    <row r="19209" spans="1:5" x14ac:dyDescent="0.25">
      <c r="A19209" s="1" t="s">
        <v>39396</v>
      </c>
      <c r="B19209" s="1" t="s">
        <v>10545</v>
      </c>
      <c r="C19209" s="1" t="s">
        <v>39397</v>
      </c>
      <c r="D19209" s="2">
        <v>172037</v>
      </c>
      <c r="E19209" s="1" t="s">
        <v>0</v>
      </c>
    </row>
    <row r="19210" spans="1:5" ht="409.5" x14ac:dyDescent="0.25">
      <c r="A19210" s="4" t="s">
        <v>39398</v>
      </c>
      <c r="B19210" s="1" t="s">
        <v>10546</v>
      </c>
      <c r="C19210" s="1" t="s">
        <v>39399</v>
      </c>
      <c r="D19210" s="2">
        <v>172038</v>
      </c>
      <c r="E19210" s="1" t="s">
        <v>0</v>
      </c>
    </row>
    <row r="19211" spans="1:5" x14ac:dyDescent="0.25">
      <c r="A19211" s="1" t="s">
        <v>39400</v>
      </c>
      <c r="B19211" s="1" t="s">
        <v>10547</v>
      </c>
      <c r="C19211" s="1" t="s">
        <v>39401</v>
      </c>
      <c r="D19211" s="2">
        <v>172039</v>
      </c>
      <c r="E19211" s="1" t="s">
        <v>0</v>
      </c>
    </row>
    <row r="19212" spans="1:5" x14ac:dyDescent="0.25">
      <c r="A19212" s="2">
        <v>3842</v>
      </c>
      <c r="B19212" s="2">
        <v>3842</v>
      </c>
      <c r="C19212" s="1" t="s">
        <v>0</v>
      </c>
      <c r="D19212" s="2">
        <v>172040</v>
      </c>
      <c r="E19212" s="1" t="s">
        <v>0</v>
      </c>
    </row>
    <row r="19213" spans="1:5" x14ac:dyDescent="0.25">
      <c r="A19213" s="1" t="s">
        <v>3490</v>
      </c>
      <c r="B19213" s="1" t="s">
        <v>56965</v>
      </c>
      <c r="C19213" s="1" t="s">
        <v>39402</v>
      </c>
      <c r="D19213" s="2">
        <v>172041</v>
      </c>
      <c r="E19213" s="1" t="s">
        <v>0</v>
      </c>
    </row>
    <row r="19214" spans="1:5" x14ac:dyDescent="0.25">
      <c r="A19214" s="1" t="s">
        <v>39403</v>
      </c>
      <c r="B19214" s="1" t="s">
        <v>62792</v>
      </c>
      <c r="C19214" s="1" t="s">
        <v>39404</v>
      </c>
      <c r="D19214" s="2">
        <v>172042</v>
      </c>
      <c r="E19214" s="1" t="s">
        <v>0</v>
      </c>
    </row>
    <row r="19215" spans="1:5" ht="409.5" x14ac:dyDescent="0.25">
      <c r="A19215" s="4" t="s">
        <v>39405</v>
      </c>
      <c r="B19215" s="1" t="s">
        <v>62793</v>
      </c>
      <c r="C19215" s="1" t="s">
        <v>39406</v>
      </c>
      <c r="D19215" s="2">
        <v>172043</v>
      </c>
      <c r="E19215" s="1" t="s">
        <v>0</v>
      </c>
    </row>
    <row r="19216" spans="1:5" x14ac:dyDescent="0.25">
      <c r="A19216" s="1" t="s">
        <v>39407</v>
      </c>
      <c r="B19216" s="1" t="s">
        <v>10548</v>
      </c>
      <c r="C19216" s="1" t="s">
        <v>39408</v>
      </c>
      <c r="D19216" s="2">
        <v>172044</v>
      </c>
      <c r="E19216" s="1" t="s">
        <v>0</v>
      </c>
    </row>
    <row r="19217" spans="1:5" x14ac:dyDescent="0.25">
      <c r="A19217" s="2">
        <v>3843</v>
      </c>
      <c r="B19217" s="2">
        <v>3843</v>
      </c>
      <c r="C19217" s="1" t="s">
        <v>0</v>
      </c>
      <c r="D19217" s="2">
        <v>172045</v>
      </c>
      <c r="E19217" s="1" t="s">
        <v>0</v>
      </c>
    </row>
    <row r="19218" spans="1:5" x14ac:dyDescent="0.25">
      <c r="A19218" s="1" t="s">
        <v>3491</v>
      </c>
      <c r="B19218" s="1" t="s">
        <v>10549</v>
      </c>
      <c r="C19218" s="1" t="s">
        <v>39409</v>
      </c>
      <c r="D19218" s="2">
        <v>172046</v>
      </c>
      <c r="E19218" s="1" t="s">
        <v>0</v>
      </c>
    </row>
    <row r="19219" spans="1:5" x14ac:dyDescent="0.25">
      <c r="A19219" s="1" t="s">
        <v>39410</v>
      </c>
      <c r="B19219" s="1" t="s">
        <v>55238</v>
      </c>
      <c r="C19219" s="1" t="s">
        <v>39411</v>
      </c>
      <c r="D19219" s="2">
        <v>172047</v>
      </c>
      <c r="E19219" s="1" t="s">
        <v>0</v>
      </c>
    </row>
    <row r="19220" spans="1:5" ht="409.5" x14ac:dyDescent="0.25">
      <c r="A19220" s="4" t="s">
        <v>39412</v>
      </c>
      <c r="B19220" s="1" t="s">
        <v>55239</v>
      </c>
      <c r="C19220" s="1" t="s">
        <v>39413</v>
      </c>
      <c r="D19220" s="2">
        <v>172048</v>
      </c>
      <c r="E19220" s="1" t="s">
        <v>0</v>
      </c>
    </row>
    <row r="19221" spans="1:5" x14ac:dyDescent="0.25">
      <c r="A19221" s="1" t="s">
        <v>39414</v>
      </c>
      <c r="B19221" s="1" t="s">
        <v>10550</v>
      </c>
      <c r="C19221" s="1" t="s">
        <v>39415</v>
      </c>
      <c r="D19221" s="2">
        <v>172049</v>
      </c>
      <c r="E19221" s="1" t="s">
        <v>0</v>
      </c>
    </row>
    <row r="19222" spans="1:5" x14ac:dyDescent="0.25">
      <c r="A19222" s="2">
        <v>3844</v>
      </c>
      <c r="B19222" s="2">
        <v>3844</v>
      </c>
      <c r="C19222" s="1" t="s">
        <v>0</v>
      </c>
      <c r="D19222" s="2">
        <v>172050</v>
      </c>
      <c r="E19222" s="1" t="s">
        <v>0</v>
      </c>
    </row>
    <row r="19223" spans="1:5" x14ac:dyDescent="0.25">
      <c r="A19223" s="1" t="s">
        <v>3492</v>
      </c>
      <c r="B19223" s="1" t="s">
        <v>55240</v>
      </c>
      <c r="C19223" s="1" t="s">
        <v>39416</v>
      </c>
      <c r="D19223" s="2">
        <v>172051</v>
      </c>
      <c r="E19223" s="1" t="s">
        <v>0</v>
      </c>
    </row>
    <row r="19224" spans="1:5" x14ac:dyDescent="0.25">
      <c r="A19224" s="1" t="s">
        <v>39417</v>
      </c>
      <c r="B19224" s="1" t="s">
        <v>57308</v>
      </c>
      <c r="C19224" s="1" t="s">
        <v>39418</v>
      </c>
      <c r="D19224" s="2">
        <v>172052</v>
      </c>
      <c r="E19224" s="1" t="s">
        <v>0</v>
      </c>
    </row>
    <row r="19225" spans="1:5" ht="409.5" x14ac:dyDescent="0.25">
      <c r="A19225" s="4" t="s">
        <v>64296</v>
      </c>
      <c r="B19225" s="1" t="s">
        <v>59665</v>
      </c>
      <c r="C19225" s="1" t="s">
        <v>39419</v>
      </c>
      <c r="D19225" s="2">
        <v>172053</v>
      </c>
      <c r="E19225" s="1" t="s">
        <v>0</v>
      </c>
    </row>
    <row r="19226" spans="1:5" x14ac:dyDescent="0.25">
      <c r="A19226" s="1" t="s">
        <v>39420</v>
      </c>
      <c r="B19226" s="1" t="s">
        <v>50944</v>
      </c>
      <c r="C19226" s="1" t="s">
        <v>39421</v>
      </c>
      <c r="D19226" s="2">
        <v>172054</v>
      </c>
      <c r="E19226" s="1" t="s">
        <v>0</v>
      </c>
    </row>
    <row r="19227" spans="1:5" x14ac:dyDescent="0.25">
      <c r="A19227" s="2">
        <v>3845</v>
      </c>
      <c r="B19227" s="2">
        <v>3845</v>
      </c>
      <c r="C19227" s="1" t="s">
        <v>0</v>
      </c>
      <c r="D19227" s="2">
        <v>172055</v>
      </c>
      <c r="E19227" s="1" t="s">
        <v>0</v>
      </c>
    </row>
    <row r="19228" spans="1:5" x14ac:dyDescent="0.25">
      <c r="A19228" s="1" t="s">
        <v>3493</v>
      </c>
      <c r="B19228" s="1" t="s">
        <v>10551</v>
      </c>
      <c r="C19228" s="1" t="s">
        <v>39422</v>
      </c>
      <c r="D19228" s="2">
        <v>172056</v>
      </c>
      <c r="E19228" s="1" t="s">
        <v>0</v>
      </c>
    </row>
    <row r="19229" spans="1:5" x14ac:dyDescent="0.25">
      <c r="A19229" s="1" t="s">
        <v>39423</v>
      </c>
      <c r="B19229" s="1" t="s">
        <v>62794</v>
      </c>
      <c r="C19229" s="1" t="s">
        <v>39424</v>
      </c>
      <c r="D19229" s="2">
        <v>172057</v>
      </c>
      <c r="E19229" s="1" t="s">
        <v>0</v>
      </c>
    </row>
    <row r="19230" spans="1:5" ht="409.5" x14ac:dyDescent="0.25">
      <c r="A19230" s="4" t="s">
        <v>39425</v>
      </c>
      <c r="B19230" s="1" t="s">
        <v>62795</v>
      </c>
      <c r="C19230" s="1" t="s">
        <v>39426</v>
      </c>
      <c r="D19230" s="2">
        <v>172058</v>
      </c>
      <c r="E19230" s="1" t="s">
        <v>0</v>
      </c>
    </row>
    <row r="19231" spans="1:5" x14ac:dyDescent="0.25">
      <c r="A19231" s="1" t="s">
        <v>39427</v>
      </c>
      <c r="B19231" s="1" t="s">
        <v>10552</v>
      </c>
      <c r="C19231" s="1" t="s">
        <v>39428</v>
      </c>
      <c r="D19231" s="2">
        <v>172059</v>
      </c>
      <c r="E19231" s="1" t="s">
        <v>0</v>
      </c>
    </row>
    <row r="19232" spans="1:5" x14ac:dyDescent="0.25">
      <c r="A19232" s="2">
        <v>3846</v>
      </c>
      <c r="B19232" s="2">
        <v>3846</v>
      </c>
      <c r="C19232" s="1" t="s">
        <v>0</v>
      </c>
      <c r="D19232" s="2">
        <v>172060</v>
      </c>
      <c r="E19232" s="1" t="s">
        <v>0</v>
      </c>
    </row>
    <row r="19233" spans="1:5" x14ac:dyDescent="0.25">
      <c r="A19233" s="1" t="s">
        <v>3494</v>
      </c>
      <c r="B19233" s="1" t="s">
        <v>55241</v>
      </c>
      <c r="C19233" s="1" t="s">
        <v>39429</v>
      </c>
      <c r="D19233" s="2">
        <v>172061</v>
      </c>
      <c r="E19233" s="1" t="s">
        <v>0</v>
      </c>
    </row>
    <row r="19234" spans="1:5" x14ac:dyDescent="0.25">
      <c r="A19234" s="1" t="s">
        <v>39430</v>
      </c>
      <c r="B19234" s="1" t="s">
        <v>55242</v>
      </c>
      <c r="C19234" s="1" t="s">
        <v>39431</v>
      </c>
      <c r="D19234" s="2">
        <v>172062</v>
      </c>
      <c r="E19234" s="1" t="s">
        <v>0</v>
      </c>
    </row>
    <row r="19235" spans="1:5" ht="409.5" x14ac:dyDescent="0.25">
      <c r="A19235" s="4" t="s">
        <v>39432</v>
      </c>
      <c r="B19235" s="1" t="s">
        <v>55243</v>
      </c>
      <c r="C19235" s="1" t="s">
        <v>39433</v>
      </c>
      <c r="D19235" s="2">
        <v>172063</v>
      </c>
      <c r="E19235" s="1" t="s">
        <v>0</v>
      </c>
    </row>
    <row r="19236" spans="1:5" x14ac:dyDescent="0.25">
      <c r="A19236" s="1" t="s">
        <v>39434</v>
      </c>
      <c r="B19236" s="1" t="s">
        <v>3495</v>
      </c>
      <c r="C19236" s="1" t="s">
        <v>39435</v>
      </c>
      <c r="D19236" s="2">
        <v>172064</v>
      </c>
      <c r="E19236" s="1" t="s">
        <v>0</v>
      </c>
    </row>
    <row r="19237" spans="1:5" x14ac:dyDescent="0.25">
      <c r="A19237" s="2">
        <v>3847</v>
      </c>
      <c r="B19237" s="2">
        <v>3847</v>
      </c>
      <c r="C19237" s="1" t="s">
        <v>0</v>
      </c>
      <c r="D19237" s="2">
        <v>172065</v>
      </c>
      <c r="E19237" s="1" t="s">
        <v>0</v>
      </c>
    </row>
    <row r="19238" spans="1:5" x14ac:dyDescent="0.25">
      <c r="A19238" s="1" t="s">
        <v>3496</v>
      </c>
      <c r="B19238" s="1" t="s">
        <v>10553</v>
      </c>
      <c r="C19238" s="1" t="s">
        <v>39436</v>
      </c>
      <c r="D19238" s="2">
        <v>172066</v>
      </c>
      <c r="E19238" s="1" t="s">
        <v>0</v>
      </c>
    </row>
    <row r="19239" spans="1:5" x14ac:dyDescent="0.25">
      <c r="A19239" s="1" t="s">
        <v>39437</v>
      </c>
      <c r="B19239" s="1" t="s">
        <v>10554</v>
      </c>
      <c r="C19239" s="1" t="s">
        <v>39438</v>
      </c>
      <c r="D19239" s="2">
        <v>172067</v>
      </c>
      <c r="E19239" s="1" t="s">
        <v>0</v>
      </c>
    </row>
    <row r="19240" spans="1:5" ht="409.5" x14ac:dyDescent="0.25">
      <c r="A19240" s="4" t="s">
        <v>39439</v>
      </c>
      <c r="B19240" s="1" t="s">
        <v>55244</v>
      </c>
      <c r="C19240" s="1" t="s">
        <v>39440</v>
      </c>
      <c r="D19240" s="2">
        <v>172068</v>
      </c>
      <c r="E19240" s="1" t="s">
        <v>0</v>
      </c>
    </row>
    <row r="19241" spans="1:5" x14ac:dyDescent="0.25">
      <c r="A19241" s="1" t="s">
        <v>39441</v>
      </c>
      <c r="B19241" s="1" t="s">
        <v>10555</v>
      </c>
      <c r="C19241" s="1" t="s">
        <v>39442</v>
      </c>
      <c r="D19241" s="2">
        <v>172069</v>
      </c>
      <c r="E19241" s="1" t="s">
        <v>0</v>
      </c>
    </row>
    <row r="19242" spans="1:5" x14ac:dyDescent="0.25">
      <c r="A19242" s="2">
        <v>3848</v>
      </c>
      <c r="B19242" s="2">
        <v>3848</v>
      </c>
      <c r="C19242" s="1" t="s">
        <v>0</v>
      </c>
      <c r="D19242" s="2">
        <v>172070</v>
      </c>
      <c r="E19242" s="1" t="s">
        <v>0</v>
      </c>
    </row>
    <row r="19243" spans="1:5" x14ac:dyDescent="0.25">
      <c r="A19243" s="1" t="s">
        <v>3497</v>
      </c>
      <c r="B19243" s="1" t="s">
        <v>10556</v>
      </c>
      <c r="C19243" s="1" t="s">
        <v>39443</v>
      </c>
      <c r="D19243" s="2">
        <v>172071</v>
      </c>
      <c r="E19243" s="1" t="s">
        <v>0</v>
      </c>
    </row>
    <row r="19244" spans="1:5" x14ac:dyDescent="0.25">
      <c r="A19244" s="1" t="s">
        <v>39444</v>
      </c>
      <c r="B19244" s="1" t="s">
        <v>50945</v>
      </c>
      <c r="C19244" s="1" t="s">
        <v>39445</v>
      </c>
      <c r="D19244" s="2">
        <v>172072</v>
      </c>
      <c r="E19244" s="1" t="s">
        <v>0</v>
      </c>
    </row>
    <row r="19245" spans="1:5" ht="409.5" x14ac:dyDescent="0.25">
      <c r="A19245" s="4" t="s">
        <v>39446</v>
      </c>
      <c r="B19245" s="1" t="s">
        <v>55245</v>
      </c>
      <c r="C19245" s="1" t="s">
        <v>39447</v>
      </c>
      <c r="D19245" s="2">
        <v>172073</v>
      </c>
      <c r="E19245" s="1" t="s">
        <v>0</v>
      </c>
    </row>
    <row r="19246" spans="1:5" x14ac:dyDescent="0.25">
      <c r="A19246" s="1" t="s">
        <v>39448</v>
      </c>
      <c r="B19246" s="1" t="s">
        <v>10557</v>
      </c>
      <c r="C19246" s="1" t="s">
        <v>39449</v>
      </c>
      <c r="D19246" s="2">
        <v>172074</v>
      </c>
      <c r="E19246" s="1" t="s">
        <v>0</v>
      </c>
    </row>
    <row r="19247" spans="1:5" x14ac:dyDescent="0.25">
      <c r="A19247" s="2">
        <v>3849</v>
      </c>
      <c r="B19247" s="2">
        <v>3849</v>
      </c>
      <c r="C19247" s="1" t="s">
        <v>0</v>
      </c>
      <c r="D19247" s="2">
        <v>172075</v>
      </c>
      <c r="E19247" s="1" t="s">
        <v>0</v>
      </c>
    </row>
    <row r="19248" spans="1:5" x14ac:dyDescent="0.25">
      <c r="A19248" s="1" t="s">
        <v>13238</v>
      </c>
      <c r="B19248" s="1" t="s">
        <v>10558</v>
      </c>
      <c r="C19248" s="1" t="s">
        <v>39450</v>
      </c>
      <c r="D19248" s="2">
        <v>172076</v>
      </c>
      <c r="E19248" s="1" t="s">
        <v>0</v>
      </c>
    </row>
    <row r="19249" spans="1:5" x14ac:dyDescent="0.25">
      <c r="A19249" s="1" t="s">
        <v>39451</v>
      </c>
      <c r="B19249" s="1" t="s">
        <v>55246</v>
      </c>
      <c r="C19249" s="1" t="s">
        <v>39452</v>
      </c>
      <c r="D19249" s="2">
        <v>172077</v>
      </c>
      <c r="E19249" s="1" t="s">
        <v>0</v>
      </c>
    </row>
    <row r="19250" spans="1:5" ht="409.5" x14ac:dyDescent="0.25">
      <c r="A19250" s="4" t="s">
        <v>39453</v>
      </c>
      <c r="B19250" s="1" t="s">
        <v>57953</v>
      </c>
      <c r="C19250" s="1" t="s">
        <v>39454</v>
      </c>
      <c r="D19250" s="2">
        <v>172078</v>
      </c>
      <c r="E19250" s="1" t="s">
        <v>0</v>
      </c>
    </row>
    <row r="19251" spans="1:5" x14ac:dyDescent="0.25">
      <c r="A19251" s="1" t="s">
        <v>39455</v>
      </c>
      <c r="B19251" s="1" t="s">
        <v>55247</v>
      </c>
      <c r="C19251" s="1" t="s">
        <v>39456</v>
      </c>
      <c r="D19251" s="2">
        <v>172079</v>
      </c>
      <c r="E19251" s="1" t="s">
        <v>0</v>
      </c>
    </row>
    <row r="19252" spans="1:5" x14ac:dyDescent="0.25">
      <c r="A19252" s="2">
        <v>3850</v>
      </c>
      <c r="B19252" s="2">
        <v>3850</v>
      </c>
      <c r="C19252" s="1" t="s">
        <v>0</v>
      </c>
      <c r="D19252" s="2">
        <v>172080</v>
      </c>
      <c r="E19252" s="1" t="s">
        <v>0</v>
      </c>
    </row>
    <row r="19253" spans="1:5" x14ac:dyDescent="0.25">
      <c r="A19253" s="1" t="s">
        <v>13239</v>
      </c>
      <c r="B19253" s="1" t="s">
        <v>10559</v>
      </c>
      <c r="C19253" s="1" t="s">
        <v>10560</v>
      </c>
      <c r="D19253" s="2">
        <v>172081</v>
      </c>
      <c r="E19253" s="1" t="s">
        <v>0</v>
      </c>
    </row>
    <row r="19254" spans="1:5" x14ac:dyDescent="0.25">
      <c r="A19254" s="1" t="s">
        <v>39457</v>
      </c>
      <c r="B19254" s="1" t="s">
        <v>13240</v>
      </c>
      <c r="C19254" s="1" t="s">
        <v>39458</v>
      </c>
      <c r="D19254" s="2">
        <v>172082</v>
      </c>
      <c r="E19254" s="1" t="s">
        <v>0</v>
      </c>
    </row>
    <row r="19255" spans="1:5" ht="409.5" x14ac:dyDescent="0.25">
      <c r="A19255" s="4" t="s">
        <v>39459</v>
      </c>
      <c r="B19255" s="1" t="s">
        <v>55248</v>
      </c>
      <c r="C19255" s="1" t="s">
        <v>39460</v>
      </c>
      <c r="D19255" s="2">
        <v>172083</v>
      </c>
      <c r="E19255" s="1" t="s">
        <v>0</v>
      </c>
    </row>
    <row r="19256" spans="1:5" x14ac:dyDescent="0.25">
      <c r="A19256" s="1" t="s">
        <v>39461</v>
      </c>
      <c r="B19256" s="1" t="s">
        <v>10561</v>
      </c>
      <c r="C19256" s="1" t="s">
        <v>39462</v>
      </c>
      <c r="D19256" s="2">
        <v>172084</v>
      </c>
      <c r="E19256" s="1" t="s">
        <v>0</v>
      </c>
    </row>
    <row r="19257" spans="1:5" x14ac:dyDescent="0.25">
      <c r="A19257" s="2">
        <v>3851</v>
      </c>
      <c r="B19257" s="2">
        <v>3851</v>
      </c>
      <c r="C19257" s="1" t="s">
        <v>0</v>
      </c>
      <c r="D19257" s="2">
        <v>172085</v>
      </c>
      <c r="E19257" s="1" t="s">
        <v>0</v>
      </c>
    </row>
    <row r="19258" spans="1:5" x14ac:dyDescent="0.25">
      <c r="A19258" s="1" t="s">
        <v>3498</v>
      </c>
      <c r="B19258" s="1" t="s">
        <v>10562</v>
      </c>
      <c r="C19258" s="1" t="s">
        <v>39463</v>
      </c>
      <c r="D19258" s="2">
        <v>172086</v>
      </c>
      <c r="E19258" s="1" t="s">
        <v>0</v>
      </c>
    </row>
    <row r="19259" spans="1:5" x14ac:dyDescent="0.25">
      <c r="A19259" s="1" t="s">
        <v>39464</v>
      </c>
      <c r="B19259" s="1" t="s">
        <v>55249</v>
      </c>
      <c r="C19259" s="1" t="s">
        <v>39465</v>
      </c>
      <c r="D19259" s="2">
        <v>172087</v>
      </c>
      <c r="E19259" s="1" t="s">
        <v>0</v>
      </c>
    </row>
    <row r="19260" spans="1:5" ht="409.5" x14ac:dyDescent="0.25">
      <c r="A19260" s="4" t="s">
        <v>39466</v>
      </c>
      <c r="B19260" s="1" t="s">
        <v>55250</v>
      </c>
      <c r="C19260" s="1" t="s">
        <v>39467</v>
      </c>
      <c r="D19260" s="2">
        <v>172088</v>
      </c>
      <c r="E19260" s="1" t="s">
        <v>0</v>
      </c>
    </row>
    <row r="19261" spans="1:5" x14ac:dyDescent="0.25">
      <c r="A19261" s="1" t="s">
        <v>39468</v>
      </c>
      <c r="B19261" s="1" t="s">
        <v>55251</v>
      </c>
      <c r="C19261" s="1" t="s">
        <v>39469</v>
      </c>
      <c r="D19261" s="2">
        <v>172089</v>
      </c>
      <c r="E19261" s="1" t="s">
        <v>0</v>
      </c>
    </row>
    <row r="19262" spans="1:5" x14ac:dyDescent="0.25">
      <c r="A19262" s="2">
        <v>3852</v>
      </c>
      <c r="B19262" s="2">
        <v>3852</v>
      </c>
      <c r="C19262" s="1" t="s">
        <v>0</v>
      </c>
      <c r="D19262" s="2">
        <v>172090</v>
      </c>
      <c r="E19262" s="1" t="s">
        <v>0</v>
      </c>
    </row>
    <row r="19263" spans="1:5" x14ac:dyDescent="0.25">
      <c r="A19263" s="1" t="s">
        <v>3499</v>
      </c>
      <c r="B19263" s="1" t="s">
        <v>10563</v>
      </c>
      <c r="C19263" s="1" t="s">
        <v>39470</v>
      </c>
      <c r="D19263" s="2">
        <v>172091</v>
      </c>
      <c r="E19263" s="1" t="s">
        <v>0</v>
      </c>
    </row>
    <row r="19264" spans="1:5" x14ac:dyDescent="0.25">
      <c r="A19264" s="1" t="s">
        <v>39471</v>
      </c>
      <c r="B19264" s="1" t="s">
        <v>55252</v>
      </c>
      <c r="C19264" s="1" t="s">
        <v>39472</v>
      </c>
      <c r="D19264" s="2">
        <v>172092</v>
      </c>
      <c r="E19264" s="1" t="s">
        <v>0</v>
      </c>
    </row>
    <row r="19265" spans="1:5" ht="409.5" x14ac:dyDescent="0.25">
      <c r="A19265" s="4" t="s">
        <v>39473</v>
      </c>
      <c r="B19265" s="1" t="s">
        <v>55253</v>
      </c>
      <c r="C19265" s="1" t="s">
        <v>39474</v>
      </c>
      <c r="D19265" s="2">
        <v>172093</v>
      </c>
      <c r="E19265" s="1" t="s">
        <v>0</v>
      </c>
    </row>
    <row r="19266" spans="1:5" x14ac:dyDescent="0.25">
      <c r="A19266" s="1" t="s">
        <v>39475</v>
      </c>
      <c r="B19266" s="1" t="s">
        <v>56840</v>
      </c>
      <c r="C19266" s="1" t="s">
        <v>39476</v>
      </c>
      <c r="D19266" s="2">
        <v>172094</v>
      </c>
      <c r="E19266" s="1" t="s">
        <v>0</v>
      </c>
    </row>
    <row r="19267" spans="1:5" x14ac:dyDescent="0.25">
      <c r="A19267" s="2">
        <v>3853</v>
      </c>
      <c r="B19267" s="2">
        <v>3853</v>
      </c>
      <c r="C19267" s="1" t="s">
        <v>0</v>
      </c>
      <c r="D19267" s="2">
        <v>172095</v>
      </c>
      <c r="E19267" s="1" t="s">
        <v>0</v>
      </c>
    </row>
    <row r="19268" spans="1:5" x14ac:dyDescent="0.25">
      <c r="A19268" s="1" t="s">
        <v>3500</v>
      </c>
      <c r="B19268" s="1" t="s">
        <v>10564</v>
      </c>
      <c r="C19268" s="1" t="s">
        <v>39477</v>
      </c>
      <c r="D19268" s="2">
        <v>172096</v>
      </c>
      <c r="E19268" s="1" t="s">
        <v>0</v>
      </c>
    </row>
    <row r="19269" spans="1:5" x14ac:dyDescent="0.25">
      <c r="A19269" s="1" t="s">
        <v>39478</v>
      </c>
      <c r="B19269" s="1" t="s">
        <v>13241</v>
      </c>
      <c r="C19269" s="1" t="s">
        <v>39479</v>
      </c>
      <c r="D19269" s="2">
        <v>172097</v>
      </c>
      <c r="E19269" s="1" t="s">
        <v>0</v>
      </c>
    </row>
    <row r="19270" spans="1:5" ht="409.5" x14ac:dyDescent="0.25">
      <c r="A19270" s="4" t="s">
        <v>39480</v>
      </c>
      <c r="B19270" s="1" t="s">
        <v>55254</v>
      </c>
      <c r="C19270" s="1" t="s">
        <v>39481</v>
      </c>
      <c r="D19270" s="2">
        <v>172098</v>
      </c>
      <c r="E19270" s="1" t="s">
        <v>0</v>
      </c>
    </row>
    <row r="19271" spans="1:5" x14ac:dyDescent="0.25">
      <c r="A19271" s="1" t="s">
        <v>39482</v>
      </c>
      <c r="B19271" s="1" t="s">
        <v>55255</v>
      </c>
      <c r="C19271" s="1" t="s">
        <v>39483</v>
      </c>
      <c r="D19271" s="2">
        <v>172099</v>
      </c>
      <c r="E19271" s="1" t="s">
        <v>0</v>
      </c>
    </row>
    <row r="19272" spans="1:5" x14ac:dyDescent="0.25">
      <c r="A19272" s="2">
        <v>3854</v>
      </c>
      <c r="B19272" s="2">
        <v>3854</v>
      </c>
      <c r="C19272" s="1" t="s">
        <v>0</v>
      </c>
      <c r="D19272" s="2">
        <v>172100</v>
      </c>
      <c r="E19272" s="1" t="s">
        <v>0</v>
      </c>
    </row>
    <row r="19273" spans="1:5" x14ac:dyDescent="0.25">
      <c r="A19273" s="1" t="s">
        <v>3501</v>
      </c>
      <c r="B19273" s="1" t="s">
        <v>10565</v>
      </c>
      <c r="C19273" s="1" t="s">
        <v>39484</v>
      </c>
      <c r="D19273" s="2">
        <v>172101</v>
      </c>
      <c r="E19273" s="1" t="s">
        <v>0</v>
      </c>
    </row>
    <row r="19274" spans="1:5" x14ac:dyDescent="0.25">
      <c r="A19274" s="1" t="s">
        <v>39485</v>
      </c>
      <c r="B19274" s="1" t="s">
        <v>56841</v>
      </c>
      <c r="C19274" s="1" t="s">
        <v>39486</v>
      </c>
      <c r="D19274" s="2">
        <v>172102</v>
      </c>
      <c r="E19274" s="1" t="s">
        <v>0</v>
      </c>
    </row>
    <row r="19275" spans="1:5" ht="409.5" x14ac:dyDescent="0.25">
      <c r="A19275" s="4" t="s">
        <v>39487</v>
      </c>
      <c r="B19275" s="1" t="s">
        <v>61517</v>
      </c>
      <c r="C19275" s="1" t="s">
        <v>39488</v>
      </c>
      <c r="D19275" s="2">
        <v>172103</v>
      </c>
      <c r="E19275" s="1" t="s">
        <v>0</v>
      </c>
    </row>
    <row r="19276" spans="1:5" x14ac:dyDescent="0.25">
      <c r="A19276" s="1" t="s">
        <v>39489</v>
      </c>
      <c r="B19276" s="1" t="s">
        <v>56842</v>
      </c>
      <c r="C19276" s="1" t="s">
        <v>39490</v>
      </c>
      <c r="D19276" s="2">
        <v>172104</v>
      </c>
      <c r="E19276" s="1" t="s">
        <v>0</v>
      </c>
    </row>
    <row r="19277" spans="1:5" x14ac:dyDescent="0.25">
      <c r="A19277" s="2">
        <v>3855</v>
      </c>
      <c r="B19277" s="2">
        <v>3855</v>
      </c>
      <c r="C19277" s="1" t="s">
        <v>0</v>
      </c>
      <c r="D19277" s="2">
        <v>172105</v>
      </c>
      <c r="E19277" s="1" t="s">
        <v>0</v>
      </c>
    </row>
    <row r="19278" spans="1:5" x14ac:dyDescent="0.25">
      <c r="A19278" s="1" t="s">
        <v>3502</v>
      </c>
      <c r="B19278" s="1" t="s">
        <v>57954</v>
      </c>
      <c r="C19278" s="1" t="s">
        <v>39491</v>
      </c>
      <c r="D19278" s="2">
        <v>172106</v>
      </c>
      <c r="E19278" s="1" t="s">
        <v>0</v>
      </c>
    </row>
    <row r="19279" spans="1:5" x14ac:dyDescent="0.25">
      <c r="A19279" s="1" t="s">
        <v>39492</v>
      </c>
      <c r="B19279" s="1" t="s">
        <v>62796</v>
      </c>
      <c r="C19279" s="1" t="s">
        <v>39493</v>
      </c>
      <c r="D19279" s="2">
        <v>172107</v>
      </c>
      <c r="E19279" s="1" t="s">
        <v>0</v>
      </c>
    </row>
    <row r="19280" spans="1:5" ht="409.5" x14ac:dyDescent="0.25">
      <c r="A19280" s="4" t="s">
        <v>39494</v>
      </c>
      <c r="B19280" s="1" t="s">
        <v>62797</v>
      </c>
      <c r="C19280" s="1" t="s">
        <v>39495</v>
      </c>
      <c r="D19280" s="2">
        <v>172108</v>
      </c>
      <c r="E19280" s="1" t="s">
        <v>0</v>
      </c>
    </row>
    <row r="19281" spans="1:5" x14ac:dyDescent="0.25">
      <c r="A19281" s="1" t="s">
        <v>39496</v>
      </c>
      <c r="B19281" s="1" t="s">
        <v>57955</v>
      </c>
      <c r="C19281" s="1" t="s">
        <v>39497</v>
      </c>
      <c r="D19281" s="2">
        <v>172109</v>
      </c>
      <c r="E19281" s="1" t="s">
        <v>0</v>
      </c>
    </row>
    <row r="19282" spans="1:5" x14ac:dyDescent="0.25">
      <c r="A19282" s="2">
        <v>3856</v>
      </c>
      <c r="B19282" s="2">
        <v>3856</v>
      </c>
      <c r="C19282" s="1" t="s">
        <v>0</v>
      </c>
      <c r="D19282" s="2">
        <v>172110</v>
      </c>
      <c r="E19282" s="1" t="s">
        <v>0</v>
      </c>
    </row>
    <row r="19283" spans="1:5" x14ac:dyDescent="0.25">
      <c r="A19283" s="1" t="s">
        <v>3503</v>
      </c>
      <c r="B19283" s="1" t="s">
        <v>10566</v>
      </c>
      <c r="C19283" s="1" t="s">
        <v>39498</v>
      </c>
      <c r="D19283" s="2">
        <v>172111</v>
      </c>
      <c r="E19283" s="1" t="s">
        <v>0</v>
      </c>
    </row>
    <row r="19284" spans="1:5" x14ac:dyDescent="0.25">
      <c r="A19284" s="1" t="s">
        <v>39499</v>
      </c>
      <c r="B19284" s="1" t="s">
        <v>58515</v>
      </c>
      <c r="C19284" s="1" t="s">
        <v>39500</v>
      </c>
      <c r="D19284" s="2">
        <v>172112</v>
      </c>
      <c r="E19284" s="1" t="s">
        <v>0</v>
      </c>
    </row>
    <row r="19285" spans="1:5" ht="409.5" x14ac:dyDescent="0.25">
      <c r="A19285" s="4" t="s">
        <v>39501</v>
      </c>
      <c r="B19285" s="1" t="s">
        <v>58516</v>
      </c>
      <c r="C19285" s="1" t="s">
        <v>39502</v>
      </c>
      <c r="D19285" s="2">
        <v>172113</v>
      </c>
      <c r="E19285" s="1" t="s">
        <v>0</v>
      </c>
    </row>
    <row r="19286" spans="1:5" x14ac:dyDescent="0.25">
      <c r="A19286" s="1" t="s">
        <v>39503</v>
      </c>
      <c r="B19286" s="1" t="s">
        <v>55256</v>
      </c>
      <c r="C19286" s="1" t="s">
        <v>39504</v>
      </c>
      <c r="D19286" s="2">
        <v>172114</v>
      </c>
      <c r="E19286" s="1" t="s">
        <v>0</v>
      </c>
    </row>
    <row r="19287" spans="1:5" x14ac:dyDescent="0.25">
      <c r="A19287" s="2">
        <v>3857</v>
      </c>
      <c r="B19287" s="2">
        <v>3857</v>
      </c>
      <c r="C19287" s="1" t="s">
        <v>0</v>
      </c>
      <c r="D19287" s="2">
        <v>172115</v>
      </c>
      <c r="E19287" s="1" t="s">
        <v>0</v>
      </c>
    </row>
    <row r="19288" spans="1:5" x14ac:dyDescent="0.25">
      <c r="A19288" s="1" t="s">
        <v>13242</v>
      </c>
      <c r="B19288" s="1" t="s">
        <v>55257</v>
      </c>
      <c r="C19288" s="1" t="s">
        <v>39505</v>
      </c>
      <c r="D19288" s="2">
        <v>172116</v>
      </c>
      <c r="E19288" s="1" t="s">
        <v>0</v>
      </c>
    </row>
    <row r="19289" spans="1:5" x14ac:dyDescent="0.25">
      <c r="A19289" s="1" t="s">
        <v>39506</v>
      </c>
      <c r="B19289" s="1" t="s">
        <v>13243</v>
      </c>
      <c r="C19289" s="1" t="s">
        <v>39507</v>
      </c>
      <c r="D19289" s="2">
        <v>172117</v>
      </c>
      <c r="E19289" s="1" t="s">
        <v>0</v>
      </c>
    </row>
    <row r="19290" spans="1:5" ht="409.5" x14ac:dyDescent="0.25">
      <c r="A19290" s="4" t="s">
        <v>39508</v>
      </c>
      <c r="B19290" s="1" t="s">
        <v>13244</v>
      </c>
      <c r="C19290" s="1" t="s">
        <v>39509</v>
      </c>
      <c r="D19290" s="2">
        <v>172118</v>
      </c>
      <c r="E19290" s="1" t="s">
        <v>0</v>
      </c>
    </row>
    <row r="19291" spans="1:5" x14ac:dyDescent="0.25">
      <c r="A19291" s="1" t="s">
        <v>15303</v>
      </c>
      <c r="B19291" s="1" t="s">
        <v>60888</v>
      </c>
      <c r="C19291" s="1" t="s">
        <v>15304</v>
      </c>
      <c r="D19291" s="2">
        <v>172119</v>
      </c>
      <c r="E19291" s="1" t="s">
        <v>0</v>
      </c>
    </row>
    <row r="19292" spans="1:5" x14ac:dyDescent="0.25">
      <c r="A19292" s="2">
        <v>3858</v>
      </c>
      <c r="B19292" s="2">
        <v>3858</v>
      </c>
      <c r="C19292" s="1" t="s">
        <v>0</v>
      </c>
      <c r="D19292" s="2">
        <v>172120</v>
      </c>
      <c r="E19292" s="1" t="s">
        <v>0</v>
      </c>
    </row>
    <row r="19293" spans="1:5" x14ac:dyDescent="0.25">
      <c r="A19293" s="1" t="s">
        <v>3504</v>
      </c>
      <c r="B19293" s="1" t="s">
        <v>10567</v>
      </c>
      <c r="C19293" s="1" t="s">
        <v>39510</v>
      </c>
      <c r="D19293" s="2">
        <v>172121</v>
      </c>
      <c r="E19293" s="1" t="s">
        <v>0</v>
      </c>
    </row>
    <row r="19294" spans="1:5" x14ac:dyDescent="0.25">
      <c r="A19294" s="1" t="s">
        <v>39511</v>
      </c>
      <c r="B19294" s="1" t="s">
        <v>57956</v>
      </c>
      <c r="C19294" s="1" t="s">
        <v>39512</v>
      </c>
      <c r="D19294" s="2">
        <v>172122</v>
      </c>
      <c r="E19294" s="1" t="s">
        <v>0</v>
      </c>
    </row>
    <row r="19295" spans="1:5" ht="409.5" x14ac:dyDescent="0.25">
      <c r="A19295" s="4" t="s">
        <v>39513</v>
      </c>
      <c r="B19295" s="1" t="s">
        <v>57957</v>
      </c>
      <c r="C19295" s="1" t="s">
        <v>39514</v>
      </c>
      <c r="D19295" s="2">
        <v>172123</v>
      </c>
      <c r="E19295" s="1" t="s">
        <v>0</v>
      </c>
    </row>
    <row r="19296" spans="1:5" x14ac:dyDescent="0.25">
      <c r="A19296" s="1" t="s">
        <v>39515</v>
      </c>
      <c r="B19296" s="1" t="s">
        <v>55258</v>
      </c>
      <c r="C19296" s="1" t="s">
        <v>39516</v>
      </c>
      <c r="D19296" s="2">
        <v>172124</v>
      </c>
      <c r="E19296" s="1" t="s">
        <v>0</v>
      </c>
    </row>
    <row r="19297" spans="1:5" x14ac:dyDescent="0.25">
      <c r="A19297" s="2">
        <v>3859</v>
      </c>
      <c r="B19297" s="2">
        <v>3859</v>
      </c>
      <c r="C19297" s="1" t="s">
        <v>0</v>
      </c>
      <c r="D19297" s="2">
        <v>172125</v>
      </c>
      <c r="E19297" s="1" t="s">
        <v>0</v>
      </c>
    </row>
    <row r="19298" spans="1:5" x14ac:dyDescent="0.25">
      <c r="A19298" s="1" t="s">
        <v>3505</v>
      </c>
      <c r="B19298" s="1" t="s">
        <v>10568</v>
      </c>
      <c r="C19298" s="1" t="s">
        <v>39517</v>
      </c>
      <c r="D19298" s="2">
        <v>172126</v>
      </c>
      <c r="E19298" s="1" t="s">
        <v>0</v>
      </c>
    </row>
    <row r="19299" spans="1:5" x14ac:dyDescent="0.25">
      <c r="A19299" s="1" t="s">
        <v>39518</v>
      </c>
      <c r="B19299" s="1" t="s">
        <v>10569</v>
      </c>
      <c r="C19299" s="1" t="s">
        <v>39519</v>
      </c>
      <c r="D19299" s="2">
        <v>172127</v>
      </c>
      <c r="E19299" s="1" t="s">
        <v>0</v>
      </c>
    </row>
    <row r="19300" spans="1:5" ht="409.5" x14ac:dyDescent="0.25">
      <c r="A19300" s="4" t="s">
        <v>39520</v>
      </c>
      <c r="B19300" s="1" t="s">
        <v>61704</v>
      </c>
      <c r="C19300" s="1" t="s">
        <v>39521</v>
      </c>
      <c r="D19300" s="2">
        <v>172128</v>
      </c>
      <c r="E19300" s="1" t="s">
        <v>0</v>
      </c>
    </row>
    <row r="19301" spans="1:5" x14ac:dyDescent="0.25">
      <c r="A19301" s="1" t="s">
        <v>39522</v>
      </c>
      <c r="B19301" s="1" t="s">
        <v>55259</v>
      </c>
      <c r="C19301" s="1" t="s">
        <v>39523</v>
      </c>
      <c r="D19301" s="2">
        <v>172129</v>
      </c>
      <c r="E19301" s="1" t="s">
        <v>0</v>
      </c>
    </row>
    <row r="19302" spans="1:5" x14ac:dyDescent="0.25">
      <c r="A19302" s="2">
        <v>3860</v>
      </c>
      <c r="B19302" s="2">
        <v>3860</v>
      </c>
      <c r="C19302" s="1" t="s">
        <v>0</v>
      </c>
      <c r="D19302" s="2">
        <v>172130</v>
      </c>
      <c r="E19302" s="1" t="s">
        <v>0</v>
      </c>
    </row>
    <row r="19303" spans="1:5" x14ac:dyDescent="0.25">
      <c r="A19303" s="1" t="s">
        <v>3506</v>
      </c>
      <c r="B19303" s="1" t="s">
        <v>10570</v>
      </c>
      <c r="C19303" s="1" t="s">
        <v>39524</v>
      </c>
      <c r="D19303" s="2">
        <v>172131</v>
      </c>
      <c r="E19303" s="1" t="s">
        <v>0</v>
      </c>
    </row>
    <row r="19304" spans="1:5" x14ac:dyDescent="0.25">
      <c r="A19304" s="1" t="s">
        <v>39525</v>
      </c>
      <c r="B19304" s="1" t="s">
        <v>62798</v>
      </c>
      <c r="C19304" s="1" t="s">
        <v>39526</v>
      </c>
      <c r="D19304" s="2">
        <v>172132</v>
      </c>
      <c r="E19304" s="1" t="s">
        <v>0</v>
      </c>
    </row>
    <row r="19305" spans="1:5" ht="409.5" x14ac:dyDescent="0.25">
      <c r="A19305" s="4" t="s">
        <v>39527</v>
      </c>
      <c r="B19305" s="1" t="s">
        <v>62799</v>
      </c>
      <c r="C19305" s="1" t="s">
        <v>39528</v>
      </c>
      <c r="D19305" s="2">
        <v>172133</v>
      </c>
      <c r="E19305" s="1" t="s">
        <v>0</v>
      </c>
    </row>
    <row r="19306" spans="1:5" x14ac:dyDescent="0.25">
      <c r="A19306" s="1" t="s">
        <v>39529</v>
      </c>
      <c r="B19306" s="1" t="s">
        <v>10571</v>
      </c>
      <c r="C19306" s="1" t="s">
        <v>39530</v>
      </c>
      <c r="D19306" s="2">
        <v>172134</v>
      </c>
      <c r="E19306" s="1" t="s">
        <v>0</v>
      </c>
    </row>
    <row r="19307" spans="1:5" x14ac:dyDescent="0.25">
      <c r="A19307" s="2">
        <v>3861</v>
      </c>
      <c r="B19307" s="2">
        <v>3861</v>
      </c>
      <c r="C19307" s="1" t="s">
        <v>0</v>
      </c>
      <c r="D19307" s="2">
        <v>172135</v>
      </c>
      <c r="E19307" s="1" t="s">
        <v>0</v>
      </c>
    </row>
    <row r="19308" spans="1:5" x14ac:dyDescent="0.25">
      <c r="A19308" s="1" t="s">
        <v>3507</v>
      </c>
      <c r="B19308" s="1" t="s">
        <v>60183</v>
      </c>
      <c r="C19308" s="1" t="s">
        <v>39531</v>
      </c>
      <c r="D19308" s="2">
        <v>172136</v>
      </c>
      <c r="E19308" s="1" t="s">
        <v>0</v>
      </c>
    </row>
    <row r="19309" spans="1:5" x14ac:dyDescent="0.25">
      <c r="A19309" s="1" t="s">
        <v>39532</v>
      </c>
      <c r="B19309" s="1" t="s">
        <v>55260</v>
      </c>
      <c r="C19309" s="1" t="s">
        <v>39533</v>
      </c>
      <c r="D19309" s="2">
        <v>172137</v>
      </c>
      <c r="E19309" s="1" t="s">
        <v>0</v>
      </c>
    </row>
    <row r="19310" spans="1:5" ht="409.5" x14ac:dyDescent="0.25">
      <c r="A19310" s="4" t="s">
        <v>39534</v>
      </c>
      <c r="B19310" s="1" t="s">
        <v>55261</v>
      </c>
      <c r="C19310" s="1" t="s">
        <v>39535</v>
      </c>
      <c r="D19310" s="2">
        <v>172138</v>
      </c>
      <c r="E19310" s="1" t="s">
        <v>0</v>
      </c>
    </row>
    <row r="19311" spans="1:5" x14ac:dyDescent="0.25">
      <c r="A19311" s="1" t="s">
        <v>39536</v>
      </c>
      <c r="B19311" s="1" t="s">
        <v>60184</v>
      </c>
      <c r="C19311" s="1" t="s">
        <v>39537</v>
      </c>
      <c r="D19311" s="2">
        <v>172139</v>
      </c>
      <c r="E19311" s="1" t="s">
        <v>0</v>
      </c>
    </row>
    <row r="19312" spans="1:5" x14ac:dyDescent="0.25">
      <c r="A19312" s="2">
        <v>3862</v>
      </c>
      <c r="B19312" s="2">
        <v>3862</v>
      </c>
      <c r="C19312" s="1" t="s">
        <v>0</v>
      </c>
      <c r="D19312" s="2">
        <v>172140</v>
      </c>
      <c r="E19312" s="1" t="s">
        <v>0</v>
      </c>
    </row>
    <row r="19313" spans="1:5" x14ac:dyDescent="0.25">
      <c r="A19313" s="1" t="s">
        <v>39538</v>
      </c>
      <c r="B19313" s="1" t="s">
        <v>13245</v>
      </c>
      <c r="C19313" s="1" t="s">
        <v>39539</v>
      </c>
      <c r="D19313" s="2">
        <v>172141</v>
      </c>
      <c r="E19313" s="1" t="s">
        <v>0</v>
      </c>
    </row>
    <row r="19314" spans="1:5" x14ac:dyDescent="0.25">
      <c r="A19314" s="1" t="s">
        <v>39540</v>
      </c>
      <c r="B19314" s="1" t="s">
        <v>55262</v>
      </c>
      <c r="C19314" s="1" t="s">
        <v>39541</v>
      </c>
      <c r="D19314" s="2">
        <v>172142</v>
      </c>
      <c r="E19314" s="1" t="s">
        <v>0</v>
      </c>
    </row>
    <row r="19315" spans="1:5" ht="409.5" x14ac:dyDescent="0.25">
      <c r="A19315" s="4" t="s">
        <v>39542</v>
      </c>
      <c r="B19315" s="1" t="s">
        <v>55263</v>
      </c>
      <c r="C19315" s="1" t="s">
        <v>39543</v>
      </c>
      <c r="D19315" s="2">
        <v>172143</v>
      </c>
      <c r="E19315" s="1" t="s">
        <v>0</v>
      </c>
    </row>
    <row r="19316" spans="1:5" x14ac:dyDescent="0.25">
      <c r="A19316" s="1" t="s">
        <v>39544</v>
      </c>
      <c r="B19316" s="1" t="s">
        <v>55264</v>
      </c>
      <c r="C19316" s="1" t="s">
        <v>39545</v>
      </c>
      <c r="D19316" s="2">
        <v>172144</v>
      </c>
      <c r="E19316" s="1" t="s">
        <v>0</v>
      </c>
    </row>
    <row r="19317" spans="1:5" x14ac:dyDescent="0.25">
      <c r="A19317" s="2">
        <v>3863</v>
      </c>
      <c r="B19317" s="2">
        <v>3863</v>
      </c>
      <c r="C19317" s="1" t="s">
        <v>0</v>
      </c>
      <c r="D19317" s="2">
        <v>172145</v>
      </c>
      <c r="E19317" s="1" t="s">
        <v>0</v>
      </c>
    </row>
    <row r="19318" spans="1:5" x14ac:dyDescent="0.25">
      <c r="A19318" s="1" t="s">
        <v>3508</v>
      </c>
      <c r="B19318" s="1" t="s">
        <v>10572</v>
      </c>
      <c r="C19318" s="1" t="s">
        <v>39546</v>
      </c>
      <c r="D19318" s="2">
        <v>172146</v>
      </c>
      <c r="E19318" s="1" t="s">
        <v>0</v>
      </c>
    </row>
    <row r="19319" spans="1:5" x14ac:dyDescent="0.25">
      <c r="A19319" s="1" t="s">
        <v>39547</v>
      </c>
      <c r="B19319" s="1" t="s">
        <v>10573</v>
      </c>
      <c r="C19319" s="1" t="s">
        <v>39548</v>
      </c>
      <c r="D19319" s="2">
        <v>172147</v>
      </c>
      <c r="E19319" s="1" t="s">
        <v>0</v>
      </c>
    </row>
    <row r="19320" spans="1:5" ht="409.5" x14ac:dyDescent="0.25">
      <c r="A19320" s="4" t="s">
        <v>39549</v>
      </c>
      <c r="B19320" s="1" t="s">
        <v>60455</v>
      </c>
      <c r="C19320" s="1" t="s">
        <v>39550</v>
      </c>
      <c r="D19320" s="2">
        <v>172148</v>
      </c>
      <c r="E19320" s="1" t="s">
        <v>0</v>
      </c>
    </row>
    <row r="19321" spans="1:5" x14ac:dyDescent="0.25">
      <c r="A19321" s="1" t="s">
        <v>39551</v>
      </c>
      <c r="B19321" s="1" t="s">
        <v>55265</v>
      </c>
      <c r="C19321" s="1" t="s">
        <v>39552</v>
      </c>
      <c r="D19321" s="2">
        <v>172149</v>
      </c>
      <c r="E19321" s="1" t="s">
        <v>0</v>
      </c>
    </row>
    <row r="19322" spans="1:5" x14ac:dyDescent="0.25">
      <c r="A19322" s="2">
        <v>3864</v>
      </c>
      <c r="B19322" s="2">
        <v>3864</v>
      </c>
      <c r="C19322" s="1" t="s">
        <v>0</v>
      </c>
      <c r="D19322" s="2">
        <v>172150</v>
      </c>
      <c r="E19322" s="1" t="s">
        <v>0</v>
      </c>
    </row>
    <row r="19323" spans="1:5" x14ac:dyDescent="0.25">
      <c r="A19323" s="1" t="s">
        <v>3509</v>
      </c>
      <c r="B19323" s="1" t="s">
        <v>10574</v>
      </c>
      <c r="C19323" s="1" t="s">
        <v>39553</v>
      </c>
      <c r="D19323" s="2">
        <v>172151</v>
      </c>
      <c r="E19323" s="1" t="s">
        <v>0</v>
      </c>
    </row>
    <row r="19324" spans="1:5" x14ac:dyDescent="0.25">
      <c r="A19324" s="1" t="s">
        <v>39554</v>
      </c>
      <c r="B19324" s="1" t="s">
        <v>10575</v>
      </c>
      <c r="C19324" s="1" t="s">
        <v>39555</v>
      </c>
      <c r="D19324" s="2">
        <v>172152</v>
      </c>
      <c r="E19324" s="1" t="s">
        <v>0</v>
      </c>
    </row>
    <row r="19325" spans="1:5" ht="409.5" x14ac:dyDescent="0.25">
      <c r="A19325" s="4" t="s">
        <v>39556</v>
      </c>
      <c r="B19325" s="1" t="s">
        <v>57066</v>
      </c>
      <c r="C19325" s="1" t="s">
        <v>39557</v>
      </c>
      <c r="D19325" s="2">
        <v>172153</v>
      </c>
      <c r="E19325" s="1" t="s">
        <v>0</v>
      </c>
    </row>
    <row r="19326" spans="1:5" x14ac:dyDescent="0.25">
      <c r="A19326" s="1" t="s">
        <v>34369</v>
      </c>
      <c r="B19326" s="1" t="s">
        <v>61199</v>
      </c>
      <c r="C19326" s="1" t="s">
        <v>34370</v>
      </c>
      <c r="D19326" s="2">
        <v>172154</v>
      </c>
      <c r="E19326" s="1" t="s">
        <v>0</v>
      </c>
    </row>
    <row r="19327" spans="1:5" x14ac:dyDescent="0.25">
      <c r="A19327" s="2">
        <v>3865</v>
      </c>
      <c r="B19327" s="2">
        <v>3865</v>
      </c>
      <c r="C19327" s="1" t="s">
        <v>0</v>
      </c>
      <c r="D19327" s="2">
        <v>172155</v>
      </c>
      <c r="E19327" s="1" t="s">
        <v>0</v>
      </c>
    </row>
    <row r="19328" spans="1:5" x14ac:dyDescent="0.25">
      <c r="A19328" s="1" t="s">
        <v>3510</v>
      </c>
      <c r="B19328" s="1" t="s">
        <v>10576</v>
      </c>
      <c r="C19328" s="1" t="s">
        <v>39558</v>
      </c>
      <c r="D19328" s="2">
        <v>172156</v>
      </c>
      <c r="E19328" s="1" t="s">
        <v>0</v>
      </c>
    </row>
    <row r="19329" spans="1:5" x14ac:dyDescent="0.25">
      <c r="A19329" s="1" t="s">
        <v>39559</v>
      </c>
      <c r="B19329" s="1" t="s">
        <v>55266</v>
      </c>
      <c r="C19329" s="1" t="s">
        <v>39560</v>
      </c>
      <c r="D19329" s="2">
        <v>172157</v>
      </c>
      <c r="E19329" s="1" t="s">
        <v>0</v>
      </c>
    </row>
    <row r="19330" spans="1:5" ht="409.5" x14ac:dyDescent="0.25">
      <c r="A19330" s="4" t="s">
        <v>39561</v>
      </c>
      <c r="B19330" s="1" t="s">
        <v>61279</v>
      </c>
      <c r="C19330" s="1" t="s">
        <v>39562</v>
      </c>
      <c r="D19330" s="2">
        <v>172158</v>
      </c>
      <c r="E19330" s="1" t="s">
        <v>0</v>
      </c>
    </row>
    <row r="19331" spans="1:5" x14ac:dyDescent="0.25">
      <c r="A19331" s="1" t="s">
        <v>39563</v>
      </c>
      <c r="B19331" s="1" t="s">
        <v>55267</v>
      </c>
      <c r="C19331" s="1" t="s">
        <v>39564</v>
      </c>
      <c r="D19331" s="2">
        <v>172159</v>
      </c>
      <c r="E19331" s="1" t="s">
        <v>0</v>
      </c>
    </row>
    <row r="19332" spans="1:5" x14ac:dyDescent="0.25">
      <c r="A19332" s="2">
        <v>3866</v>
      </c>
      <c r="B19332" s="2">
        <v>3866</v>
      </c>
      <c r="C19332" s="1" t="s">
        <v>0</v>
      </c>
      <c r="D19332" s="2">
        <v>172160</v>
      </c>
      <c r="E19332" s="1" t="s">
        <v>0</v>
      </c>
    </row>
    <row r="19333" spans="1:5" x14ac:dyDescent="0.25">
      <c r="A19333" s="1" t="s">
        <v>3511</v>
      </c>
      <c r="B19333" s="1" t="s">
        <v>10577</v>
      </c>
      <c r="C19333" s="1" t="s">
        <v>3512</v>
      </c>
      <c r="D19333" s="2">
        <v>172161</v>
      </c>
      <c r="E19333" s="1" t="s">
        <v>0</v>
      </c>
    </row>
    <row r="19334" spans="1:5" x14ac:dyDescent="0.25">
      <c r="A19334" s="1" t="s">
        <v>39565</v>
      </c>
      <c r="B19334" s="1" t="s">
        <v>55268</v>
      </c>
      <c r="C19334" s="1" t="s">
        <v>39566</v>
      </c>
      <c r="D19334" s="2">
        <v>172162</v>
      </c>
      <c r="E19334" s="1" t="s">
        <v>0</v>
      </c>
    </row>
    <row r="19335" spans="1:5" ht="409.5" x14ac:dyDescent="0.25">
      <c r="A19335" s="4" t="s">
        <v>39567</v>
      </c>
      <c r="B19335" s="1" t="s">
        <v>55269</v>
      </c>
      <c r="C19335" s="1" t="s">
        <v>39568</v>
      </c>
      <c r="D19335" s="2">
        <v>172163</v>
      </c>
      <c r="E19335" s="1" t="s">
        <v>0</v>
      </c>
    </row>
    <row r="19336" spans="1:5" x14ac:dyDescent="0.25">
      <c r="A19336" s="1" t="s">
        <v>39569</v>
      </c>
      <c r="B19336" s="1" t="s">
        <v>10578</v>
      </c>
      <c r="C19336" s="1" t="s">
        <v>39570</v>
      </c>
      <c r="D19336" s="2">
        <v>172164</v>
      </c>
      <c r="E19336" s="1" t="s">
        <v>0</v>
      </c>
    </row>
    <row r="19337" spans="1:5" x14ac:dyDescent="0.25">
      <c r="A19337" s="2">
        <v>3867</v>
      </c>
      <c r="B19337" s="2">
        <v>3867</v>
      </c>
      <c r="C19337" s="1" t="s">
        <v>0</v>
      </c>
      <c r="D19337" s="2">
        <v>172165</v>
      </c>
      <c r="E19337" s="1" t="s">
        <v>0</v>
      </c>
    </row>
    <row r="19338" spans="1:5" x14ac:dyDescent="0.25">
      <c r="A19338" s="1" t="s">
        <v>3513</v>
      </c>
      <c r="B19338" s="1" t="s">
        <v>10579</v>
      </c>
      <c r="C19338" s="1" t="s">
        <v>39571</v>
      </c>
      <c r="D19338" s="2">
        <v>172166</v>
      </c>
      <c r="E19338" s="1" t="s">
        <v>0</v>
      </c>
    </row>
    <row r="19339" spans="1:5" x14ac:dyDescent="0.25">
      <c r="A19339" s="1" t="s">
        <v>39572</v>
      </c>
      <c r="B19339" s="1" t="s">
        <v>10580</v>
      </c>
      <c r="C19339" s="1" t="s">
        <v>39573</v>
      </c>
      <c r="D19339" s="2">
        <v>172167</v>
      </c>
      <c r="E19339" s="1" t="s">
        <v>0</v>
      </c>
    </row>
    <row r="19340" spans="1:5" ht="409.5" x14ac:dyDescent="0.25">
      <c r="A19340" s="4" t="s">
        <v>39574</v>
      </c>
      <c r="B19340" s="1" t="s">
        <v>10581</v>
      </c>
      <c r="C19340" s="1" t="s">
        <v>39575</v>
      </c>
      <c r="D19340" s="2">
        <v>172168</v>
      </c>
      <c r="E19340" s="1" t="s">
        <v>0</v>
      </c>
    </row>
    <row r="19341" spans="1:5" x14ac:dyDescent="0.25">
      <c r="A19341" s="1" t="s">
        <v>39576</v>
      </c>
      <c r="B19341" s="1" t="s">
        <v>10582</v>
      </c>
      <c r="C19341" s="1" t="s">
        <v>39577</v>
      </c>
      <c r="D19341" s="2">
        <v>172169</v>
      </c>
      <c r="E19341" s="1" t="s">
        <v>0</v>
      </c>
    </row>
    <row r="19342" spans="1:5" x14ac:dyDescent="0.25">
      <c r="A19342" s="2">
        <v>3868</v>
      </c>
      <c r="B19342" s="2">
        <v>3868</v>
      </c>
      <c r="C19342" s="1" t="s">
        <v>0</v>
      </c>
      <c r="D19342" s="2">
        <v>172170</v>
      </c>
      <c r="E19342" s="1" t="s">
        <v>0</v>
      </c>
    </row>
    <row r="19343" spans="1:5" x14ac:dyDescent="0.25">
      <c r="A19343" s="1" t="s">
        <v>3514</v>
      </c>
      <c r="B19343" s="1" t="s">
        <v>10583</v>
      </c>
      <c r="C19343" s="1" t="s">
        <v>39578</v>
      </c>
      <c r="D19343" s="2">
        <v>172171</v>
      </c>
      <c r="E19343" s="1" t="s">
        <v>0</v>
      </c>
    </row>
    <row r="19344" spans="1:5" x14ac:dyDescent="0.25">
      <c r="A19344" s="1" t="s">
        <v>39579</v>
      </c>
      <c r="B19344" s="1" t="s">
        <v>58820</v>
      </c>
      <c r="C19344" s="1" t="s">
        <v>39580</v>
      </c>
      <c r="D19344" s="2">
        <v>172172</v>
      </c>
      <c r="E19344" s="1" t="s">
        <v>0</v>
      </c>
    </row>
    <row r="19345" spans="1:5" ht="409.5" x14ac:dyDescent="0.25">
      <c r="A19345" s="4" t="s">
        <v>39581</v>
      </c>
      <c r="B19345" s="1" t="s">
        <v>58821</v>
      </c>
      <c r="C19345" s="1" t="s">
        <v>39582</v>
      </c>
      <c r="D19345" s="2">
        <v>172173</v>
      </c>
      <c r="E19345" s="1" t="s">
        <v>0</v>
      </c>
    </row>
    <row r="19346" spans="1:5" x14ac:dyDescent="0.25">
      <c r="A19346" s="1" t="s">
        <v>39583</v>
      </c>
      <c r="B19346" s="1" t="s">
        <v>55270</v>
      </c>
      <c r="C19346" s="1" t="s">
        <v>39584</v>
      </c>
      <c r="D19346" s="2">
        <v>172174</v>
      </c>
      <c r="E19346" s="1" t="s">
        <v>0</v>
      </c>
    </row>
    <row r="19347" spans="1:5" x14ac:dyDescent="0.25">
      <c r="A19347" s="2">
        <v>3869</v>
      </c>
      <c r="B19347" s="2">
        <v>3869</v>
      </c>
      <c r="C19347" s="1" t="s">
        <v>0</v>
      </c>
      <c r="D19347" s="2">
        <v>172175</v>
      </c>
      <c r="E19347" s="1" t="s">
        <v>0</v>
      </c>
    </row>
    <row r="19348" spans="1:5" x14ac:dyDescent="0.25">
      <c r="A19348" s="1" t="s">
        <v>3515</v>
      </c>
      <c r="B19348" s="1" t="s">
        <v>10584</v>
      </c>
      <c r="C19348" s="1" t="s">
        <v>39585</v>
      </c>
      <c r="D19348" s="2">
        <v>172176</v>
      </c>
      <c r="E19348" s="1" t="s">
        <v>0</v>
      </c>
    </row>
    <row r="19349" spans="1:5" x14ac:dyDescent="0.25">
      <c r="A19349" s="1" t="s">
        <v>39586</v>
      </c>
      <c r="B19349" s="1" t="s">
        <v>10585</v>
      </c>
      <c r="C19349" s="1" t="s">
        <v>39587</v>
      </c>
      <c r="D19349" s="2">
        <v>172177</v>
      </c>
      <c r="E19349" s="1" t="s">
        <v>0</v>
      </c>
    </row>
    <row r="19350" spans="1:5" ht="409.5" x14ac:dyDescent="0.25">
      <c r="A19350" s="4" t="s">
        <v>39588</v>
      </c>
      <c r="B19350" s="1" t="s">
        <v>57593</v>
      </c>
      <c r="C19350" s="1" t="s">
        <v>39589</v>
      </c>
      <c r="D19350" s="2">
        <v>172178</v>
      </c>
      <c r="E19350" s="1" t="s">
        <v>0</v>
      </c>
    </row>
    <row r="19351" spans="1:5" x14ac:dyDescent="0.25">
      <c r="A19351" s="1" t="s">
        <v>39590</v>
      </c>
      <c r="B19351" s="1" t="s">
        <v>55271</v>
      </c>
      <c r="C19351" s="1" t="s">
        <v>39591</v>
      </c>
      <c r="D19351" s="2">
        <v>172179</v>
      </c>
      <c r="E19351" s="1" t="s">
        <v>0</v>
      </c>
    </row>
    <row r="19352" spans="1:5" x14ac:dyDescent="0.25">
      <c r="A19352" s="2">
        <v>3870</v>
      </c>
      <c r="B19352" s="2">
        <v>3870</v>
      </c>
      <c r="C19352" s="1" t="s">
        <v>0</v>
      </c>
      <c r="D19352" s="2">
        <v>172180</v>
      </c>
      <c r="E19352" s="1" t="s">
        <v>0</v>
      </c>
    </row>
    <row r="19353" spans="1:5" x14ac:dyDescent="0.25">
      <c r="A19353" s="1" t="s">
        <v>3516</v>
      </c>
      <c r="B19353" s="1" t="s">
        <v>10586</v>
      </c>
      <c r="C19353" s="1" t="s">
        <v>39592</v>
      </c>
      <c r="D19353" s="2">
        <v>172181</v>
      </c>
      <c r="E19353" s="1" t="s">
        <v>0</v>
      </c>
    </row>
    <row r="19354" spans="1:5" x14ac:dyDescent="0.25">
      <c r="A19354" s="1" t="s">
        <v>39593</v>
      </c>
      <c r="B19354" s="1" t="s">
        <v>55272</v>
      </c>
      <c r="C19354" s="1" t="s">
        <v>39594</v>
      </c>
      <c r="D19354" s="2">
        <v>172182</v>
      </c>
      <c r="E19354" s="1" t="s">
        <v>0</v>
      </c>
    </row>
    <row r="19355" spans="1:5" ht="409.5" x14ac:dyDescent="0.25">
      <c r="A19355" s="4" t="s">
        <v>39595</v>
      </c>
      <c r="B19355" s="1" t="s">
        <v>55273</v>
      </c>
      <c r="C19355" s="1" t="s">
        <v>39596</v>
      </c>
      <c r="D19355" s="2">
        <v>172183</v>
      </c>
      <c r="E19355" s="1" t="s">
        <v>0</v>
      </c>
    </row>
    <row r="19356" spans="1:5" x14ac:dyDescent="0.25">
      <c r="A19356" s="1" t="s">
        <v>39597</v>
      </c>
      <c r="B19356" s="1" t="s">
        <v>10587</v>
      </c>
      <c r="C19356" s="1" t="s">
        <v>39598</v>
      </c>
      <c r="D19356" s="2">
        <v>172184</v>
      </c>
      <c r="E19356" s="1" t="s">
        <v>0</v>
      </c>
    </row>
    <row r="19357" spans="1:5" x14ac:dyDescent="0.25">
      <c r="A19357" s="2">
        <v>3871</v>
      </c>
      <c r="B19357" s="2">
        <v>3871</v>
      </c>
      <c r="C19357" s="1" t="s">
        <v>0</v>
      </c>
      <c r="D19357" s="2">
        <v>172185</v>
      </c>
      <c r="E19357" s="1" t="s">
        <v>0</v>
      </c>
    </row>
    <row r="19358" spans="1:5" x14ac:dyDescent="0.25">
      <c r="A19358" s="1" t="s">
        <v>3517</v>
      </c>
      <c r="B19358" s="1" t="s">
        <v>10588</v>
      </c>
      <c r="C19358" s="1" t="s">
        <v>39599</v>
      </c>
      <c r="D19358" s="2">
        <v>172186</v>
      </c>
      <c r="E19358" s="1" t="s">
        <v>0</v>
      </c>
    </row>
    <row r="19359" spans="1:5" x14ac:dyDescent="0.25">
      <c r="A19359" s="1" t="s">
        <v>39600</v>
      </c>
      <c r="B19359" s="1" t="s">
        <v>55274</v>
      </c>
      <c r="C19359" s="1" t="s">
        <v>39601</v>
      </c>
      <c r="D19359" s="2">
        <v>172187</v>
      </c>
      <c r="E19359" s="1" t="s">
        <v>0</v>
      </c>
    </row>
    <row r="19360" spans="1:5" ht="409.5" x14ac:dyDescent="0.25">
      <c r="A19360" s="4" t="s">
        <v>39602</v>
      </c>
      <c r="B19360" s="1" t="s">
        <v>62800</v>
      </c>
      <c r="C19360" s="1" t="s">
        <v>39603</v>
      </c>
      <c r="D19360" s="2">
        <v>172188</v>
      </c>
      <c r="E19360" s="1" t="s">
        <v>0</v>
      </c>
    </row>
    <row r="19361" spans="1:5" x14ac:dyDescent="0.25">
      <c r="A19361" s="1" t="s">
        <v>39604</v>
      </c>
      <c r="B19361" s="1" t="s">
        <v>55275</v>
      </c>
      <c r="C19361" s="1" t="s">
        <v>39605</v>
      </c>
      <c r="D19361" s="2">
        <v>172189</v>
      </c>
      <c r="E19361" s="1" t="s">
        <v>0</v>
      </c>
    </row>
    <row r="19362" spans="1:5" x14ac:dyDescent="0.25">
      <c r="A19362" s="2">
        <v>3872</v>
      </c>
      <c r="B19362" s="2">
        <v>3872</v>
      </c>
      <c r="C19362" s="1" t="s">
        <v>0</v>
      </c>
      <c r="D19362" s="2">
        <v>172190</v>
      </c>
      <c r="E19362" s="1" t="s">
        <v>0</v>
      </c>
    </row>
    <row r="19363" spans="1:5" x14ac:dyDescent="0.25">
      <c r="A19363" s="1" t="s">
        <v>3518</v>
      </c>
      <c r="B19363" s="1" t="s">
        <v>10589</v>
      </c>
      <c r="C19363" s="1" t="s">
        <v>39606</v>
      </c>
      <c r="D19363" s="2">
        <v>172191</v>
      </c>
      <c r="E19363" s="1" t="s">
        <v>0</v>
      </c>
    </row>
    <row r="19364" spans="1:5" x14ac:dyDescent="0.25">
      <c r="A19364" s="1" t="s">
        <v>39607</v>
      </c>
      <c r="B19364" s="1" t="s">
        <v>55276</v>
      </c>
      <c r="C19364" s="1" t="s">
        <v>39608</v>
      </c>
      <c r="D19364" s="2">
        <v>172192</v>
      </c>
      <c r="E19364" s="1" t="s">
        <v>0</v>
      </c>
    </row>
    <row r="19365" spans="1:5" ht="409.5" x14ac:dyDescent="0.25">
      <c r="A19365" s="4" t="s">
        <v>39609</v>
      </c>
      <c r="B19365" s="1" t="s">
        <v>61280</v>
      </c>
      <c r="C19365" s="1" t="s">
        <v>39610</v>
      </c>
      <c r="D19365" s="2">
        <v>172193</v>
      </c>
      <c r="E19365" s="1" t="s">
        <v>0</v>
      </c>
    </row>
    <row r="19366" spans="1:5" x14ac:dyDescent="0.25">
      <c r="A19366" s="1" t="s">
        <v>39611</v>
      </c>
      <c r="B19366" s="1" t="s">
        <v>61281</v>
      </c>
      <c r="C19366" s="1" t="s">
        <v>39612</v>
      </c>
      <c r="D19366" s="2">
        <v>172194</v>
      </c>
      <c r="E19366" s="1" t="s">
        <v>0</v>
      </c>
    </row>
    <row r="19367" spans="1:5" x14ac:dyDescent="0.25">
      <c r="A19367" s="2">
        <v>3873</v>
      </c>
      <c r="B19367" s="2">
        <v>3873</v>
      </c>
      <c r="C19367" s="1" t="s">
        <v>0</v>
      </c>
      <c r="D19367" s="2">
        <v>172195</v>
      </c>
      <c r="E19367" s="1" t="s">
        <v>0</v>
      </c>
    </row>
    <row r="19368" spans="1:5" x14ac:dyDescent="0.25">
      <c r="A19368" s="1" t="s">
        <v>3519</v>
      </c>
      <c r="B19368" s="1" t="s">
        <v>55277</v>
      </c>
      <c r="C19368" s="1" t="s">
        <v>39613</v>
      </c>
      <c r="D19368" s="2">
        <v>172196</v>
      </c>
      <c r="E19368" s="1" t="s">
        <v>0</v>
      </c>
    </row>
    <row r="19369" spans="1:5" x14ac:dyDescent="0.25">
      <c r="A19369" s="1" t="s">
        <v>39614</v>
      </c>
      <c r="B19369" s="1" t="s">
        <v>55278</v>
      </c>
      <c r="C19369" s="1" t="s">
        <v>39615</v>
      </c>
      <c r="D19369" s="2">
        <v>172197</v>
      </c>
      <c r="E19369" s="1" t="s">
        <v>0</v>
      </c>
    </row>
    <row r="19370" spans="1:5" ht="409.5" x14ac:dyDescent="0.25">
      <c r="A19370" s="4" t="s">
        <v>39616</v>
      </c>
      <c r="B19370" s="1" t="s">
        <v>55279</v>
      </c>
      <c r="C19370" s="1" t="s">
        <v>39617</v>
      </c>
      <c r="D19370" s="2">
        <v>172198</v>
      </c>
      <c r="E19370" s="1" t="s">
        <v>0</v>
      </c>
    </row>
    <row r="19371" spans="1:5" x14ac:dyDescent="0.25">
      <c r="A19371" s="1" t="s">
        <v>39618</v>
      </c>
      <c r="B19371" s="1" t="s">
        <v>10590</v>
      </c>
      <c r="C19371" s="1" t="s">
        <v>39619</v>
      </c>
      <c r="D19371" s="2">
        <v>172199</v>
      </c>
      <c r="E19371" s="1" t="s">
        <v>0</v>
      </c>
    </row>
    <row r="19372" spans="1:5" x14ac:dyDescent="0.25">
      <c r="A19372" s="2">
        <v>3874</v>
      </c>
      <c r="B19372" s="2">
        <v>3874</v>
      </c>
      <c r="C19372" s="1" t="s">
        <v>0</v>
      </c>
      <c r="D19372" s="2">
        <v>172200</v>
      </c>
      <c r="E19372" s="1" t="s">
        <v>0</v>
      </c>
    </row>
    <row r="19373" spans="1:5" x14ac:dyDescent="0.25">
      <c r="A19373" s="1" t="s">
        <v>3520</v>
      </c>
      <c r="B19373" s="1" t="s">
        <v>10591</v>
      </c>
      <c r="C19373" s="1" t="s">
        <v>39620</v>
      </c>
      <c r="D19373" s="2">
        <v>172201</v>
      </c>
      <c r="E19373" s="1" t="s">
        <v>0</v>
      </c>
    </row>
    <row r="19374" spans="1:5" x14ac:dyDescent="0.25">
      <c r="A19374" s="1" t="s">
        <v>39621</v>
      </c>
      <c r="B19374" s="1" t="s">
        <v>55280</v>
      </c>
      <c r="C19374" s="1" t="s">
        <v>39622</v>
      </c>
      <c r="D19374" s="2">
        <v>172202</v>
      </c>
      <c r="E19374" s="1" t="s">
        <v>0</v>
      </c>
    </row>
    <row r="19375" spans="1:5" ht="409.5" x14ac:dyDescent="0.25">
      <c r="A19375" s="4" t="s">
        <v>39623</v>
      </c>
      <c r="B19375" s="1" t="s">
        <v>55281</v>
      </c>
      <c r="C19375" s="1" t="s">
        <v>39624</v>
      </c>
      <c r="D19375" s="2">
        <v>172203</v>
      </c>
      <c r="E19375" s="1" t="s">
        <v>0</v>
      </c>
    </row>
    <row r="19376" spans="1:5" x14ac:dyDescent="0.25">
      <c r="A19376" s="1" t="s">
        <v>39625</v>
      </c>
      <c r="B19376" s="1" t="s">
        <v>55282</v>
      </c>
      <c r="C19376" s="1" t="s">
        <v>39626</v>
      </c>
      <c r="D19376" s="2">
        <v>172204</v>
      </c>
      <c r="E19376" s="1" t="s">
        <v>0</v>
      </c>
    </row>
    <row r="19377" spans="1:5" x14ac:dyDescent="0.25">
      <c r="A19377" s="2">
        <v>3875</v>
      </c>
      <c r="B19377" s="2">
        <v>3875</v>
      </c>
      <c r="C19377" s="1" t="s">
        <v>0</v>
      </c>
      <c r="D19377" s="2">
        <v>172205</v>
      </c>
      <c r="E19377" s="1" t="s">
        <v>0</v>
      </c>
    </row>
    <row r="19378" spans="1:5" x14ac:dyDescent="0.25">
      <c r="A19378" s="1" t="s">
        <v>3521</v>
      </c>
      <c r="B19378" s="1" t="s">
        <v>10592</v>
      </c>
      <c r="C19378" s="1" t="s">
        <v>39627</v>
      </c>
      <c r="D19378" s="2">
        <v>172206</v>
      </c>
      <c r="E19378" s="1" t="s">
        <v>0</v>
      </c>
    </row>
    <row r="19379" spans="1:5" x14ac:dyDescent="0.25">
      <c r="A19379" s="1" t="s">
        <v>39628</v>
      </c>
      <c r="B19379" s="1" t="s">
        <v>55283</v>
      </c>
      <c r="C19379" s="1" t="s">
        <v>39629</v>
      </c>
      <c r="D19379" s="2">
        <v>172207</v>
      </c>
      <c r="E19379" s="1" t="s">
        <v>0</v>
      </c>
    </row>
    <row r="19380" spans="1:5" ht="409.5" x14ac:dyDescent="0.25">
      <c r="A19380" s="4" t="s">
        <v>39630</v>
      </c>
      <c r="B19380" s="1" t="s">
        <v>55284</v>
      </c>
      <c r="C19380" s="1" t="s">
        <v>39631</v>
      </c>
      <c r="D19380" s="2">
        <v>172208</v>
      </c>
      <c r="E19380" s="1" t="s">
        <v>0</v>
      </c>
    </row>
    <row r="19381" spans="1:5" x14ac:dyDescent="0.25">
      <c r="A19381" s="1" t="s">
        <v>39632</v>
      </c>
      <c r="B19381" s="1" t="s">
        <v>61282</v>
      </c>
      <c r="C19381" s="1" t="s">
        <v>39633</v>
      </c>
      <c r="D19381" s="2">
        <v>172209</v>
      </c>
      <c r="E19381" s="1" t="s">
        <v>0</v>
      </c>
    </row>
    <row r="19382" spans="1:5" x14ac:dyDescent="0.25">
      <c r="A19382" s="2">
        <v>3876</v>
      </c>
      <c r="B19382" s="2">
        <v>3876</v>
      </c>
      <c r="C19382" s="1" t="s">
        <v>0</v>
      </c>
      <c r="D19382" s="2">
        <v>172210</v>
      </c>
      <c r="E19382" s="1" t="s">
        <v>0</v>
      </c>
    </row>
    <row r="19383" spans="1:5" x14ac:dyDescent="0.25">
      <c r="A19383" s="1" t="s">
        <v>3522</v>
      </c>
      <c r="B19383" s="1" t="s">
        <v>10593</v>
      </c>
      <c r="C19383" s="1" t="s">
        <v>39634</v>
      </c>
      <c r="D19383" s="2">
        <v>172211</v>
      </c>
      <c r="E19383" s="1" t="s">
        <v>0</v>
      </c>
    </row>
    <row r="19384" spans="1:5" x14ac:dyDescent="0.25">
      <c r="A19384" s="1" t="s">
        <v>39635</v>
      </c>
      <c r="B19384" s="1" t="s">
        <v>10594</v>
      </c>
      <c r="C19384" s="1" t="s">
        <v>39636</v>
      </c>
      <c r="D19384" s="2">
        <v>172212</v>
      </c>
      <c r="E19384" s="1" t="s">
        <v>0</v>
      </c>
    </row>
    <row r="19385" spans="1:5" ht="409.5" x14ac:dyDescent="0.25">
      <c r="A19385" s="4" t="s">
        <v>39637</v>
      </c>
      <c r="B19385" s="1" t="s">
        <v>57958</v>
      </c>
      <c r="C19385" s="1" t="s">
        <v>39638</v>
      </c>
      <c r="D19385" s="2">
        <v>172213</v>
      </c>
      <c r="E19385" s="1" t="s">
        <v>0</v>
      </c>
    </row>
    <row r="19386" spans="1:5" x14ac:dyDescent="0.25">
      <c r="A19386" s="1" t="s">
        <v>39639</v>
      </c>
      <c r="B19386" s="1" t="s">
        <v>57309</v>
      </c>
      <c r="C19386" s="1" t="s">
        <v>39640</v>
      </c>
      <c r="D19386" s="2">
        <v>172214</v>
      </c>
      <c r="E19386" s="1" t="s">
        <v>0</v>
      </c>
    </row>
    <row r="19387" spans="1:5" x14ac:dyDescent="0.25">
      <c r="A19387" s="2">
        <v>3877</v>
      </c>
      <c r="B19387" s="2">
        <v>3877</v>
      </c>
      <c r="C19387" s="1" t="s">
        <v>0</v>
      </c>
      <c r="D19387" s="2">
        <v>172215</v>
      </c>
      <c r="E19387" s="1" t="s">
        <v>0</v>
      </c>
    </row>
    <row r="19388" spans="1:5" x14ac:dyDescent="0.25">
      <c r="A19388" s="1" t="s">
        <v>3523</v>
      </c>
      <c r="B19388" s="1" t="s">
        <v>10595</v>
      </c>
      <c r="C19388" s="1" t="s">
        <v>39641</v>
      </c>
      <c r="D19388" s="2">
        <v>172216</v>
      </c>
      <c r="E19388" s="1" t="s">
        <v>0</v>
      </c>
    </row>
    <row r="19389" spans="1:5" x14ac:dyDescent="0.25">
      <c r="A19389" s="1" t="s">
        <v>39642</v>
      </c>
      <c r="B19389" s="1" t="s">
        <v>57310</v>
      </c>
      <c r="C19389" s="1" t="s">
        <v>39643</v>
      </c>
      <c r="D19389" s="2">
        <v>172217</v>
      </c>
      <c r="E19389" s="1" t="s">
        <v>0</v>
      </c>
    </row>
    <row r="19390" spans="1:5" ht="409.5" x14ac:dyDescent="0.25">
      <c r="A19390" s="4" t="s">
        <v>39644</v>
      </c>
      <c r="B19390" s="1" t="s">
        <v>57311</v>
      </c>
      <c r="C19390" s="1" t="s">
        <v>39645</v>
      </c>
      <c r="D19390" s="2">
        <v>172218</v>
      </c>
      <c r="E19390" s="1" t="s">
        <v>0</v>
      </c>
    </row>
    <row r="19391" spans="1:5" x14ac:dyDescent="0.25">
      <c r="A19391" s="1" t="s">
        <v>39646</v>
      </c>
      <c r="B19391" s="1" t="s">
        <v>61283</v>
      </c>
      <c r="C19391" s="1" t="s">
        <v>39647</v>
      </c>
      <c r="D19391" s="2">
        <v>172219</v>
      </c>
      <c r="E19391" s="1" t="s">
        <v>0</v>
      </c>
    </row>
    <row r="19392" spans="1:5" x14ac:dyDescent="0.25">
      <c r="A19392" s="2">
        <v>3878</v>
      </c>
      <c r="B19392" s="2">
        <v>3878</v>
      </c>
      <c r="C19392" s="1" t="s">
        <v>0</v>
      </c>
      <c r="D19392" s="2">
        <v>172220</v>
      </c>
      <c r="E19392" s="1" t="s">
        <v>0</v>
      </c>
    </row>
    <row r="19393" spans="1:5" x14ac:dyDescent="0.25">
      <c r="A19393" s="1" t="s">
        <v>3524</v>
      </c>
      <c r="B19393" s="1" t="s">
        <v>10596</v>
      </c>
      <c r="C19393" s="1" t="s">
        <v>39648</v>
      </c>
      <c r="D19393" s="2">
        <v>172221</v>
      </c>
      <c r="E19393" s="1" t="s">
        <v>0</v>
      </c>
    </row>
    <row r="19394" spans="1:5" x14ac:dyDescent="0.25">
      <c r="A19394" s="1" t="s">
        <v>39649</v>
      </c>
      <c r="B19394" s="1" t="s">
        <v>55285</v>
      </c>
      <c r="C19394" s="1" t="s">
        <v>39650</v>
      </c>
      <c r="D19394" s="2">
        <v>172222</v>
      </c>
      <c r="E19394" s="1" t="s">
        <v>0</v>
      </c>
    </row>
    <row r="19395" spans="1:5" ht="409.5" x14ac:dyDescent="0.25">
      <c r="A19395" s="4" t="s">
        <v>64297</v>
      </c>
      <c r="B19395" s="1" t="s">
        <v>55286</v>
      </c>
      <c r="C19395" s="1" t="s">
        <v>39651</v>
      </c>
      <c r="D19395" s="2">
        <v>172223</v>
      </c>
      <c r="E19395" s="1" t="s">
        <v>0</v>
      </c>
    </row>
    <row r="19396" spans="1:5" x14ac:dyDescent="0.25">
      <c r="A19396" s="1" t="s">
        <v>39652</v>
      </c>
      <c r="B19396" s="1" t="s">
        <v>55287</v>
      </c>
      <c r="C19396" s="1" t="s">
        <v>39653</v>
      </c>
      <c r="D19396" s="2">
        <v>172224</v>
      </c>
      <c r="E19396" s="1" t="s">
        <v>0</v>
      </c>
    </row>
    <row r="19397" spans="1:5" x14ac:dyDescent="0.25">
      <c r="A19397" s="2">
        <v>3879</v>
      </c>
      <c r="B19397" s="2">
        <v>3879</v>
      </c>
      <c r="C19397" s="1" t="s">
        <v>0</v>
      </c>
      <c r="D19397" s="2">
        <v>172225</v>
      </c>
      <c r="E19397" s="1" t="s">
        <v>0</v>
      </c>
    </row>
    <row r="19398" spans="1:5" x14ac:dyDescent="0.25">
      <c r="A19398" s="1" t="s">
        <v>3525</v>
      </c>
      <c r="B19398" s="1" t="s">
        <v>10597</v>
      </c>
      <c r="C19398" s="1" t="s">
        <v>39654</v>
      </c>
      <c r="D19398" s="2">
        <v>172226</v>
      </c>
      <c r="E19398" s="1" t="s">
        <v>0</v>
      </c>
    </row>
    <row r="19399" spans="1:5" x14ac:dyDescent="0.25">
      <c r="A19399" s="1" t="s">
        <v>39655</v>
      </c>
      <c r="B19399" s="1" t="s">
        <v>39656</v>
      </c>
      <c r="C19399" s="1" t="s">
        <v>39657</v>
      </c>
      <c r="D19399" s="2">
        <v>172227</v>
      </c>
      <c r="E19399" s="1" t="s">
        <v>0</v>
      </c>
    </row>
    <row r="19400" spans="1:5" ht="409.5" x14ac:dyDescent="0.25">
      <c r="A19400" s="4" t="s">
        <v>39658</v>
      </c>
      <c r="B19400" s="1" t="s">
        <v>55288</v>
      </c>
      <c r="C19400" s="1" t="s">
        <v>39659</v>
      </c>
      <c r="D19400" s="2">
        <v>172228</v>
      </c>
      <c r="E19400" s="1" t="s">
        <v>0</v>
      </c>
    </row>
    <row r="19401" spans="1:5" x14ac:dyDescent="0.25">
      <c r="A19401" s="1" t="s">
        <v>39660</v>
      </c>
      <c r="B19401" s="1" t="s">
        <v>55289</v>
      </c>
      <c r="C19401" s="1" t="s">
        <v>39661</v>
      </c>
      <c r="D19401" s="2">
        <v>172229</v>
      </c>
      <c r="E19401" s="1" t="s">
        <v>0</v>
      </c>
    </row>
    <row r="19402" spans="1:5" x14ac:dyDescent="0.25">
      <c r="A19402" s="2">
        <v>3880</v>
      </c>
      <c r="B19402" s="2">
        <v>3880</v>
      </c>
      <c r="C19402" s="1" t="s">
        <v>0</v>
      </c>
      <c r="D19402" s="2">
        <v>172230</v>
      </c>
      <c r="E19402" s="1" t="s">
        <v>0</v>
      </c>
    </row>
    <row r="19403" spans="1:5" x14ac:dyDescent="0.25">
      <c r="A19403" s="1" t="s">
        <v>3526</v>
      </c>
      <c r="B19403" s="1" t="s">
        <v>10598</v>
      </c>
      <c r="C19403" s="1" t="s">
        <v>3527</v>
      </c>
      <c r="D19403" s="2">
        <v>172231</v>
      </c>
      <c r="E19403" s="1" t="s">
        <v>0</v>
      </c>
    </row>
    <row r="19404" spans="1:5" x14ac:dyDescent="0.25">
      <c r="A19404" s="1" t="s">
        <v>39662</v>
      </c>
      <c r="B19404" s="1" t="s">
        <v>59061</v>
      </c>
      <c r="C19404" s="1" t="s">
        <v>39663</v>
      </c>
      <c r="D19404" s="2">
        <v>172232</v>
      </c>
      <c r="E19404" s="1" t="s">
        <v>0</v>
      </c>
    </row>
    <row r="19405" spans="1:5" ht="409.5" x14ac:dyDescent="0.25">
      <c r="A19405" s="4" t="s">
        <v>39664</v>
      </c>
      <c r="B19405" s="1" t="s">
        <v>59062</v>
      </c>
      <c r="C19405" s="1" t="s">
        <v>39665</v>
      </c>
      <c r="D19405" s="2">
        <v>172233</v>
      </c>
      <c r="E19405" s="1" t="s">
        <v>0</v>
      </c>
    </row>
    <row r="19406" spans="1:5" x14ac:dyDescent="0.25">
      <c r="A19406" s="1" t="s">
        <v>39666</v>
      </c>
      <c r="B19406" s="1" t="s">
        <v>10599</v>
      </c>
      <c r="C19406" s="1" t="s">
        <v>39667</v>
      </c>
      <c r="D19406" s="2">
        <v>172234</v>
      </c>
      <c r="E19406" s="1" t="s">
        <v>0</v>
      </c>
    </row>
    <row r="19407" spans="1:5" x14ac:dyDescent="0.25">
      <c r="A19407" s="2">
        <v>3881</v>
      </c>
      <c r="B19407" s="2">
        <v>3881</v>
      </c>
      <c r="C19407" s="1" t="s">
        <v>0</v>
      </c>
      <c r="D19407" s="2">
        <v>172235</v>
      </c>
      <c r="E19407" s="1" t="s">
        <v>0</v>
      </c>
    </row>
    <row r="19408" spans="1:5" x14ac:dyDescent="0.25">
      <c r="A19408" s="1" t="s">
        <v>10600</v>
      </c>
      <c r="B19408" s="1" t="s">
        <v>10601</v>
      </c>
      <c r="C19408" s="1" t="s">
        <v>39668</v>
      </c>
      <c r="D19408" s="2">
        <v>172236</v>
      </c>
      <c r="E19408" s="1" t="s">
        <v>0</v>
      </c>
    </row>
    <row r="19409" spans="1:5" x14ac:dyDescent="0.25">
      <c r="A19409" s="1" t="s">
        <v>39669</v>
      </c>
      <c r="B19409" s="1" t="s">
        <v>55290</v>
      </c>
      <c r="C19409" s="1" t="s">
        <v>39670</v>
      </c>
      <c r="D19409" s="2">
        <v>172237</v>
      </c>
      <c r="E19409" s="1" t="s">
        <v>0</v>
      </c>
    </row>
    <row r="19410" spans="1:5" ht="409.5" x14ac:dyDescent="0.25">
      <c r="A19410" s="4" t="s">
        <v>39671</v>
      </c>
      <c r="B19410" s="1" t="s">
        <v>55291</v>
      </c>
      <c r="C19410" s="1" t="s">
        <v>39672</v>
      </c>
      <c r="D19410" s="2">
        <v>172238</v>
      </c>
      <c r="E19410" s="1" t="s">
        <v>0</v>
      </c>
    </row>
    <row r="19411" spans="1:5" x14ac:dyDescent="0.25">
      <c r="A19411" s="1" t="s">
        <v>13413</v>
      </c>
      <c r="B19411" s="1" t="s">
        <v>60845</v>
      </c>
      <c r="C19411" s="1" t="s">
        <v>13414</v>
      </c>
      <c r="D19411" s="2">
        <v>172239</v>
      </c>
      <c r="E19411" s="1" t="s">
        <v>0</v>
      </c>
    </row>
    <row r="19412" spans="1:5" x14ac:dyDescent="0.25">
      <c r="A19412" s="2">
        <v>3882</v>
      </c>
      <c r="B19412" s="2">
        <v>3882</v>
      </c>
      <c r="C19412" s="1" t="s">
        <v>0</v>
      </c>
      <c r="D19412" s="2">
        <v>172240</v>
      </c>
      <c r="E19412" s="1" t="s">
        <v>0</v>
      </c>
    </row>
    <row r="19413" spans="1:5" x14ac:dyDescent="0.25">
      <c r="A19413" s="1" t="s">
        <v>3528</v>
      </c>
      <c r="B19413" s="1" t="s">
        <v>10602</v>
      </c>
      <c r="C19413" s="1" t="s">
        <v>39673</v>
      </c>
      <c r="D19413" s="2">
        <v>172241</v>
      </c>
      <c r="E19413" s="1" t="s">
        <v>0</v>
      </c>
    </row>
    <row r="19414" spans="1:5" x14ac:dyDescent="0.25">
      <c r="A19414" s="1" t="s">
        <v>39674</v>
      </c>
      <c r="B19414" s="1" t="s">
        <v>10603</v>
      </c>
      <c r="C19414" s="1" t="s">
        <v>39675</v>
      </c>
      <c r="D19414" s="2">
        <v>172242</v>
      </c>
      <c r="E19414" s="1" t="s">
        <v>0</v>
      </c>
    </row>
    <row r="19415" spans="1:5" ht="409.5" x14ac:dyDescent="0.25">
      <c r="A19415" s="4" t="s">
        <v>39676</v>
      </c>
      <c r="B19415" s="1" t="s">
        <v>56843</v>
      </c>
      <c r="C19415" s="1" t="s">
        <v>39677</v>
      </c>
      <c r="D19415" s="2">
        <v>172243</v>
      </c>
      <c r="E19415" s="1" t="s">
        <v>0</v>
      </c>
    </row>
    <row r="19416" spans="1:5" x14ac:dyDescent="0.25">
      <c r="A19416" s="1" t="s">
        <v>39678</v>
      </c>
      <c r="B19416" s="1" t="s">
        <v>3529</v>
      </c>
      <c r="C19416" s="1" t="s">
        <v>39679</v>
      </c>
      <c r="D19416" s="2">
        <v>172244</v>
      </c>
      <c r="E19416" s="1" t="s">
        <v>0</v>
      </c>
    </row>
    <row r="19417" spans="1:5" x14ac:dyDescent="0.25">
      <c r="A19417" s="2">
        <v>3883</v>
      </c>
      <c r="B19417" s="2">
        <v>3883</v>
      </c>
      <c r="C19417" s="1" t="s">
        <v>0</v>
      </c>
      <c r="D19417" s="2">
        <v>172245</v>
      </c>
      <c r="E19417" s="1" t="s">
        <v>0</v>
      </c>
    </row>
    <row r="19418" spans="1:5" x14ac:dyDescent="0.25">
      <c r="A19418" s="1" t="s">
        <v>3530</v>
      </c>
      <c r="B19418" s="1" t="s">
        <v>10604</v>
      </c>
      <c r="C19418" s="1" t="s">
        <v>39680</v>
      </c>
      <c r="D19418" s="2">
        <v>172246</v>
      </c>
      <c r="E19418" s="1" t="s">
        <v>0</v>
      </c>
    </row>
    <row r="19419" spans="1:5" x14ac:dyDescent="0.25">
      <c r="A19419" s="1" t="s">
        <v>39681</v>
      </c>
      <c r="B19419" s="1" t="s">
        <v>55292</v>
      </c>
      <c r="C19419" s="1" t="s">
        <v>39682</v>
      </c>
      <c r="D19419" s="2">
        <v>172247</v>
      </c>
      <c r="E19419" s="1" t="s">
        <v>0</v>
      </c>
    </row>
    <row r="19420" spans="1:5" ht="409.5" x14ac:dyDescent="0.25">
      <c r="A19420" s="4" t="s">
        <v>39683</v>
      </c>
      <c r="B19420" s="1" t="s">
        <v>55293</v>
      </c>
      <c r="C19420" s="1" t="s">
        <v>39684</v>
      </c>
      <c r="D19420" s="2">
        <v>172248</v>
      </c>
      <c r="E19420" s="1" t="s">
        <v>0</v>
      </c>
    </row>
    <row r="19421" spans="1:5" x14ac:dyDescent="0.25">
      <c r="A19421" s="1" t="s">
        <v>39685</v>
      </c>
      <c r="B19421" s="1" t="s">
        <v>61284</v>
      </c>
      <c r="C19421" s="1" t="s">
        <v>39686</v>
      </c>
      <c r="D19421" s="2">
        <v>172249</v>
      </c>
      <c r="E19421" s="1" t="s">
        <v>0</v>
      </c>
    </row>
    <row r="19422" spans="1:5" x14ac:dyDescent="0.25">
      <c r="A19422" s="2">
        <v>3884</v>
      </c>
      <c r="B19422" s="2">
        <v>3884</v>
      </c>
      <c r="C19422" s="1" t="s">
        <v>0</v>
      </c>
      <c r="D19422" s="2">
        <v>172250</v>
      </c>
      <c r="E19422" s="1" t="s">
        <v>0</v>
      </c>
    </row>
    <row r="19423" spans="1:5" x14ac:dyDescent="0.25">
      <c r="A19423" s="1" t="s">
        <v>10605</v>
      </c>
      <c r="B19423" s="1" t="s">
        <v>10606</v>
      </c>
      <c r="C19423" s="1" t="s">
        <v>39687</v>
      </c>
      <c r="D19423" s="2">
        <v>172251</v>
      </c>
      <c r="E19423" s="1" t="s">
        <v>0</v>
      </c>
    </row>
    <row r="19424" spans="1:5" x14ac:dyDescent="0.25">
      <c r="A19424" s="1" t="s">
        <v>39688</v>
      </c>
      <c r="B19424" s="1" t="s">
        <v>50946</v>
      </c>
      <c r="C19424" s="1" t="s">
        <v>39689</v>
      </c>
      <c r="D19424" s="2">
        <v>172252</v>
      </c>
      <c r="E19424" s="1" t="s">
        <v>0</v>
      </c>
    </row>
    <row r="19425" spans="1:5" ht="409.5" x14ac:dyDescent="0.25">
      <c r="A19425" s="4" t="s">
        <v>64298</v>
      </c>
      <c r="B19425" s="1" t="s">
        <v>63469</v>
      </c>
      <c r="C19425" s="1" t="s">
        <v>39690</v>
      </c>
      <c r="D19425" s="2">
        <v>172253</v>
      </c>
      <c r="E19425" s="1" t="s">
        <v>0</v>
      </c>
    </row>
    <row r="19426" spans="1:5" x14ac:dyDescent="0.25">
      <c r="A19426" s="1" t="s">
        <v>39691</v>
      </c>
      <c r="B19426" s="1" t="s">
        <v>55294</v>
      </c>
      <c r="C19426" s="1" t="s">
        <v>39692</v>
      </c>
      <c r="D19426" s="2">
        <v>172254</v>
      </c>
      <c r="E19426" s="1" t="s">
        <v>0</v>
      </c>
    </row>
    <row r="19427" spans="1:5" x14ac:dyDescent="0.25">
      <c r="A19427" s="2">
        <v>3885</v>
      </c>
      <c r="B19427" s="2">
        <v>3885</v>
      </c>
      <c r="C19427" s="1" t="s">
        <v>0</v>
      </c>
      <c r="D19427" s="2">
        <v>172255</v>
      </c>
      <c r="E19427" s="1" t="s">
        <v>0</v>
      </c>
    </row>
    <row r="19428" spans="1:5" x14ac:dyDescent="0.25">
      <c r="A19428" s="1" t="s">
        <v>3531</v>
      </c>
      <c r="B19428" s="1" t="s">
        <v>56966</v>
      </c>
      <c r="C19428" s="1" t="s">
        <v>39693</v>
      </c>
      <c r="D19428" s="2">
        <v>172256</v>
      </c>
      <c r="E19428" s="1" t="s">
        <v>0</v>
      </c>
    </row>
    <row r="19429" spans="1:5" x14ac:dyDescent="0.25">
      <c r="A19429" s="1" t="s">
        <v>39694</v>
      </c>
      <c r="B19429" s="1" t="s">
        <v>10607</v>
      </c>
      <c r="C19429" s="1" t="s">
        <v>39695</v>
      </c>
      <c r="D19429" s="2">
        <v>172257</v>
      </c>
      <c r="E19429" s="1" t="s">
        <v>0</v>
      </c>
    </row>
    <row r="19430" spans="1:5" ht="409.5" x14ac:dyDescent="0.25">
      <c r="A19430" s="4" t="s">
        <v>61859</v>
      </c>
      <c r="B19430" s="1" t="s">
        <v>56967</v>
      </c>
      <c r="C19430" s="1" t="s">
        <v>39696</v>
      </c>
      <c r="D19430" s="2">
        <v>172258</v>
      </c>
      <c r="E19430" s="1" t="s">
        <v>0</v>
      </c>
    </row>
    <row r="19431" spans="1:5" x14ac:dyDescent="0.25">
      <c r="A19431" s="1" t="s">
        <v>39697</v>
      </c>
      <c r="B19431" s="1" t="s">
        <v>10608</v>
      </c>
      <c r="C19431" s="1" t="s">
        <v>39698</v>
      </c>
      <c r="D19431" s="2">
        <v>172259</v>
      </c>
      <c r="E19431" s="1" t="s">
        <v>0</v>
      </c>
    </row>
    <row r="19432" spans="1:5" x14ac:dyDescent="0.25">
      <c r="A19432" s="2">
        <v>3886</v>
      </c>
      <c r="B19432" s="2">
        <v>3886</v>
      </c>
      <c r="C19432" s="1" t="s">
        <v>0</v>
      </c>
      <c r="D19432" s="2">
        <v>172260</v>
      </c>
      <c r="E19432" s="1" t="s">
        <v>0</v>
      </c>
    </row>
    <row r="19433" spans="1:5" x14ac:dyDescent="0.25">
      <c r="A19433" s="1" t="s">
        <v>3532</v>
      </c>
      <c r="B19433" s="1" t="s">
        <v>10609</v>
      </c>
      <c r="C19433" s="1" t="s">
        <v>39699</v>
      </c>
      <c r="D19433" s="2">
        <v>172261</v>
      </c>
      <c r="E19433" s="1" t="s">
        <v>0</v>
      </c>
    </row>
    <row r="19434" spans="1:5" x14ac:dyDescent="0.25">
      <c r="A19434" s="1" t="s">
        <v>39700</v>
      </c>
      <c r="B19434" s="1" t="s">
        <v>60775</v>
      </c>
      <c r="C19434" s="1" t="s">
        <v>39701</v>
      </c>
      <c r="D19434" s="2">
        <v>172262</v>
      </c>
      <c r="E19434" s="1" t="s">
        <v>0</v>
      </c>
    </row>
    <row r="19435" spans="1:5" ht="409.5" x14ac:dyDescent="0.25">
      <c r="A19435" s="4" t="s">
        <v>39702</v>
      </c>
      <c r="B19435" s="1" t="s">
        <v>60776</v>
      </c>
      <c r="C19435" s="1" t="s">
        <v>39703</v>
      </c>
      <c r="D19435" s="2">
        <v>172263</v>
      </c>
      <c r="E19435" s="1" t="s">
        <v>0</v>
      </c>
    </row>
    <row r="19436" spans="1:5" x14ac:dyDescent="0.25">
      <c r="A19436" s="1" t="s">
        <v>39704</v>
      </c>
      <c r="B19436" s="1" t="s">
        <v>60185</v>
      </c>
      <c r="C19436" s="1" t="s">
        <v>39705</v>
      </c>
      <c r="D19436" s="2">
        <v>172264</v>
      </c>
      <c r="E19436" s="1" t="s">
        <v>0</v>
      </c>
    </row>
    <row r="19437" spans="1:5" x14ac:dyDescent="0.25">
      <c r="A19437" s="2">
        <v>3887</v>
      </c>
      <c r="B19437" s="2">
        <v>3887</v>
      </c>
      <c r="C19437" s="1" t="s">
        <v>0</v>
      </c>
      <c r="D19437" s="2">
        <v>172265</v>
      </c>
      <c r="E19437" s="1" t="s">
        <v>0</v>
      </c>
    </row>
    <row r="19438" spans="1:5" x14ac:dyDescent="0.25">
      <c r="A19438" s="1" t="s">
        <v>3533</v>
      </c>
      <c r="B19438" s="1" t="s">
        <v>60186</v>
      </c>
      <c r="C19438" s="1" t="s">
        <v>39706</v>
      </c>
      <c r="D19438" s="2">
        <v>172266</v>
      </c>
      <c r="E19438" s="1" t="s">
        <v>0</v>
      </c>
    </row>
    <row r="19439" spans="1:5" x14ac:dyDescent="0.25">
      <c r="A19439" s="1" t="s">
        <v>39707</v>
      </c>
      <c r="B19439" s="1" t="s">
        <v>60187</v>
      </c>
      <c r="C19439" s="1" t="s">
        <v>39708</v>
      </c>
      <c r="D19439" s="2">
        <v>172267</v>
      </c>
      <c r="E19439" s="1" t="s">
        <v>0</v>
      </c>
    </row>
    <row r="19440" spans="1:5" ht="409.5" x14ac:dyDescent="0.25">
      <c r="A19440" s="4" t="s">
        <v>39709</v>
      </c>
      <c r="B19440" s="1" t="s">
        <v>63470</v>
      </c>
      <c r="C19440" s="1" t="s">
        <v>39710</v>
      </c>
      <c r="D19440" s="2">
        <v>172268</v>
      </c>
      <c r="E19440" s="1" t="s">
        <v>0</v>
      </c>
    </row>
    <row r="19441" spans="1:5" x14ac:dyDescent="0.25">
      <c r="A19441" s="1" t="s">
        <v>39711</v>
      </c>
      <c r="B19441" s="1" t="s">
        <v>10610</v>
      </c>
      <c r="C19441" s="1" t="s">
        <v>39712</v>
      </c>
      <c r="D19441" s="2">
        <v>172269</v>
      </c>
      <c r="E19441" s="1" t="s">
        <v>0</v>
      </c>
    </row>
    <row r="19442" spans="1:5" x14ac:dyDescent="0.25">
      <c r="A19442" s="2">
        <v>3888</v>
      </c>
      <c r="B19442" s="2">
        <v>3888</v>
      </c>
      <c r="C19442" s="1" t="s">
        <v>0</v>
      </c>
      <c r="D19442" s="2">
        <v>172270</v>
      </c>
      <c r="E19442" s="1" t="s">
        <v>0</v>
      </c>
    </row>
    <row r="19443" spans="1:5" x14ac:dyDescent="0.25">
      <c r="A19443" s="1" t="s">
        <v>3534</v>
      </c>
      <c r="B19443" s="1" t="s">
        <v>10611</v>
      </c>
      <c r="C19443" s="1" t="s">
        <v>39713</v>
      </c>
      <c r="D19443" s="2">
        <v>172271</v>
      </c>
      <c r="E19443" s="1" t="s">
        <v>0</v>
      </c>
    </row>
    <row r="19444" spans="1:5" x14ac:dyDescent="0.25">
      <c r="A19444" s="1" t="s">
        <v>39714</v>
      </c>
      <c r="B19444" s="1" t="s">
        <v>60188</v>
      </c>
      <c r="C19444" s="1" t="s">
        <v>39715</v>
      </c>
      <c r="D19444" s="2">
        <v>172272</v>
      </c>
      <c r="E19444" s="1" t="s">
        <v>0</v>
      </c>
    </row>
    <row r="19445" spans="1:5" ht="409.5" x14ac:dyDescent="0.25">
      <c r="A19445" s="4" t="s">
        <v>39716</v>
      </c>
      <c r="B19445" s="1" t="s">
        <v>60189</v>
      </c>
      <c r="C19445" s="1" t="s">
        <v>39717</v>
      </c>
      <c r="D19445" s="2">
        <v>172273</v>
      </c>
      <c r="E19445" s="1" t="s">
        <v>0</v>
      </c>
    </row>
    <row r="19446" spans="1:5" x14ac:dyDescent="0.25">
      <c r="A19446" s="1" t="s">
        <v>39718</v>
      </c>
      <c r="B19446" s="1" t="s">
        <v>50947</v>
      </c>
      <c r="C19446" s="1" t="s">
        <v>39719</v>
      </c>
      <c r="D19446" s="2">
        <v>172274</v>
      </c>
      <c r="E19446" s="1" t="s">
        <v>0</v>
      </c>
    </row>
    <row r="19447" spans="1:5" x14ac:dyDescent="0.25">
      <c r="A19447" s="2">
        <v>3889</v>
      </c>
      <c r="B19447" s="2">
        <v>3889</v>
      </c>
      <c r="C19447" s="1" t="s">
        <v>0</v>
      </c>
      <c r="D19447" s="2">
        <v>172275</v>
      </c>
      <c r="E19447" s="1" t="s">
        <v>0</v>
      </c>
    </row>
    <row r="19448" spans="1:5" x14ac:dyDescent="0.25">
      <c r="A19448" s="1" t="s">
        <v>64299</v>
      </c>
      <c r="B19448" s="1" t="s">
        <v>10612</v>
      </c>
      <c r="C19448" s="1" t="s">
        <v>39720</v>
      </c>
      <c r="D19448" s="2">
        <v>172276</v>
      </c>
      <c r="E19448" s="1" t="s">
        <v>0</v>
      </c>
    </row>
    <row r="19449" spans="1:5" x14ac:dyDescent="0.25">
      <c r="A19449" s="1" t="s">
        <v>64300</v>
      </c>
      <c r="B19449" s="1" t="s">
        <v>61518</v>
      </c>
      <c r="C19449" s="1" t="s">
        <v>39721</v>
      </c>
      <c r="D19449" s="2">
        <v>172277</v>
      </c>
      <c r="E19449" s="1" t="s">
        <v>0</v>
      </c>
    </row>
    <row r="19450" spans="1:5" ht="409.5" x14ac:dyDescent="0.25">
      <c r="A19450" s="4" t="s">
        <v>64301</v>
      </c>
      <c r="B19450" s="1" t="s">
        <v>61519</v>
      </c>
      <c r="C19450" s="1" t="s">
        <v>39722</v>
      </c>
      <c r="D19450" s="2">
        <v>172278</v>
      </c>
      <c r="E19450" s="1" t="s">
        <v>0</v>
      </c>
    </row>
    <row r="19451" spans="1:5" x14ac:dyDescent="0.25">
      <c r="A19451" s="1" t="s">
        <v>39723</v>
      </c>
      <c r="B19451" s="1" t="s">
        <v>10613</v>
      </c>
      <c r="C19451" s="1" t="s">
        <v>39724</v>
      </c>
      <c r="D19451" s="2">
        <v>172279</v>
      </c>
      <c r="E19451" s="1" t="s">
        <v>0</v>
      </c>
    </row>
    <row r="19452" spans="1:5" x14ac:dyDescent="0.25">
      <c r="A19452" s="2">
        <v>3890</v>
      </c>
      <c r="B19452" s="2">
        <v>3890</v>
      </c>
      <c r="C19452" s="1" t="s">
        <v>0</v>
      </c>
      <c r="D19452" s="2">
        <v>172280</v>
      </c>
      <c r="E19452" s="1" t="s">
        <v>0</v>
      </c>
    </row>
    <row r="19453" spans="1:5" x14ac:dyDescent="0.25">
      <c r="A19453" s="1" t="s">
        <v>3535</v>
      </c>
      <c r="B19453" s="1" t="s">
        <v>58822</v>
      </c>
      <c r="C19453" s="1" t="s">
        <v>39725</v>
      </c>
      <c r="D19453" s="2">
        <v>172281</v>
      </c>
      <c r="E19453" s="1" t="s">
        <v>0</v>
      </c>
    </row>
    <row r="19454" spans="1:5" x14ac:dyDescent="0.25">
      <c r="A19454" s="1" t="s">
        <v>39726</v>
      </c>
      <c r="B19454" s="1" t="s">
        <v>62801</v>
      </c>
      <c r="C19454" s="1" t="s">
        <v>39727</v>
      </c>
      <c r="D19454" s="2">
        <v>172282</v>
      </c>
      <c r="E19454" s="1" t="s">
        <v>0</v>
      </c>
    </row>
    <row r="19455" spans="1:5" ht="409.5" x14ac:dyDescent="0.25">
      <c r="A19455" s="4" t="s">
        <v>39728</v>
      </c>
      <c r="B19455" s="1" t="s">
        <v>62802</v>
      </c>
      <c r="C19455" s="1" t="s">
        <v>39729</v>
      </c>
      <c r="D19455" s="2">
        <v>172283</v>
      </c>
      <c r="E19455" s="1" t="s">
        <v>0</v>
      </c>
    </row>
    <row r="19456" spans="1:5" x14ac:dyDescent="0.25">
      <c r="A19456" s="1" t="s">
        <v>39730</v>
      </c>
      <c r="B19456" s="1" t="s">
        <v>55295</v>
      </c>
      <c r="C19456" s="1" t="s">
        <v>39731</v>
      </c>
      <c r="D19456" s="2">
        <v>172284</v>
      </c>
      <c r="E19456" s="1" t="s">
        <v>0</v>
      </c>
    </row>
    <row r="19457" spans="1:5" x14ac:dyDescent="0.25">
      <c r="A19457" s="2">
        <v>3891</v>
      </c>
      <c r="B19457" s="2">
        <v>3891</v>
      </c>
      <c r="C19457" s="1" t="s">
        <v>0</v>
      </c>
      <c r="D19457" s="2">
        <v>172285</v>
      </c>
      <c r="E19457" s="1" t="s">
        <v>0</v>
      </c>
    </row>
    <row r="19458" spans="1:5" x14ac:dyDescent="0.25">
      <c r="A19458" s="1" t="s">
        <v>3536</v>
      </c>
      <c r="B19458" s="1" t="s">
        <v>55296</v>
      </c>
      <c r="C19458" s="1" t="s">
        <v>39732</v>
      </c>
      <c r="D19458" s="2">
        <v>172286</v>
      </c>
      <c r="E19458" s="1" t="s">
        <v>0</v>
      </c>
    </row>
    <row r="19459" spans="1:5" x14ac:dyDescent="0.25">
      <c r="A19459" s="1" t="s">
        <v>39733</v>
      </c>
      <c r="B19459" s="1" t="s">
        <v>55297</v>
      </c>
      <c r="C19459" s="1" t="s">
        <v>39734</v>
      </c>
      <c r="D19459" s="2">
        <v>172287</v>
      </c>
      <c r="E19459" s="1" t="s">
        <v>0</v>
      </c>
    </row>
    <row r="19460" spans="1:5" ht="409.5" x14ac:dyDescent="0.25">
      <c r="A19460" s="4" t="s">
        <v>39735</v>
      </c>
      <c r="B19460" s="1" t="s">
        <v>55298</v>
      </c>
      <c r="C19460" s="1" t="s">
        <v>39736</v>
      </c>
      <c r="D19460" s="2">
        <v>172288</v>
      </c>
      <c r="E19460" s="1" t="s">
        <v>0</v>
      </c>
    </row>
    <row r="19461" spans="1:5" x14ac:dyDescent="0.25">
      <c r="A19461" s="1" t="s">
        <v>39737</v>
      </c>
      <c r="B19461" s="1" t="s">
        <v>55299</v>
      </c>
      <c r="C19461" s="1" t="s">
        <v>39738</v>
      </c>
      <c r="D19461" s="2">
        <v>172289</v>
      </c>
      <c r="E19461" s="1" t="s">
        <v>0</v>
      </c>
    </row>
    <row r="19462" spans="1:5" x14ac:dyDescent="0.25">
      <c r="A19462" s="2">
        <v>3892</v>
      </c>
      <c r="B19462" s="2">
        <v>3892</v>
      </c>
      <c r="C19462" s="1" t="s">
        <v>0</v>
      </c>
      <c r="D19462" s="2">
        <v>172290</v>
      </c>
      <c r="E19462" s="1" t="s">
        <v>0</v>
      </c>
    </row>
    <row r="19463" spans="1:5" x14ac:dyDescent="0.25">
      <c r="A19463" s="1" t="s">
        <v>3537</v>
      </c>
      <c r="B19463" s="1" t="s">
        <v>10614</v>
      </c>
      <c r="C19463" s="1" t="s">
        <v>39739</v>
      </c>
      <c r="D19463" s="2">
        <v>172291</v>
      </c>
      <c r="E19463" s="1" t="s">
        <v>0</v>
      </c>
    </row>
    <row r="19464" spans="1:5" x14ac:dyDescent="0.25">
      <c r="A19464" s="1" t="s">
        <v>39740</v>
      </c>
      <c r="B19464" s="1" t="s">
        <v>10615</v>
      </c>
      <c r="C19464" s="1" t="s">
        <v>39741</v>
      </c>
      <c r="D19464" s="2">
        <v>172292</v>
      </c>
      <c r="E19464" s="1" t="s">
        <v>0</v>
      </c>
    </row>
    <row r="19465" spans="1:5" ht="409.5" x14ac:dyDescent="0.25">
      <c r="A19465" s="4" t="s">
        <v>39742</v>
      </c>
      <c r="B19465" s="1" t="s">
        <v>59666</v>
      </c>
      <c r="C19465" s="1" t="s">
        <v>39743</v>
      </c>
      <c r="D19465" s="2">
        <v>172293</v>
      </c>
      <c r="E19465" s="1" t="s">
        <v>0</v>
      </c>
    </row>
    <row r="19466" spans="1:5" x14ac:dyDescent="0.25">
      <c r="A19466" s="1" t="s">
        <v>39744</v>
      </c>
      <c r="B19466" s="1" t="s">
        <v>55300</v>
      </c>
      <c r="C19466" s="1" t="s">
        <v>39745</v>
      </c>
      <c r="D19466" s="2">
        <v>172294</v>
      </c>
      <c r="E19466" s="1" t="s">
        <v>0</v>
      </c>
    </row>
    <row r="19467" spans="1:5" x14ac:dyDescent="0.25">
      <c r="A19467" s="2">
        <v>3893</v>
      </c>
      <c r="B19467" s="2">
        <v>3893</v>
      </c>
      <c r="C19467" s="1" t="s">
        <v>0</v>
      </c>
      <c r="D19467" s="2">
        <v>172295</v>
      </c>
      <c r="E19467" s="1" t="s">
        <v>0</v>
      </c>
    </row>
    <row r="19468" spans="1:5" x14ac:dyDescent="0.25">
      <c r="A19468" s="1" t="s">
        <v>3538</v>
      </c>
      <c r="B19468" s="1" t="s">
        <v>55301</v>
      </c>
      <c r="C19468" s="1" t="s">
        <v>39746</v>
      </c>
      <c r="D19468" s="2">
        <v>172296</v>
      </c>
      <c r="E19468" s="1" t="s">
        <v>0</v>
      </c>
    </row>
    <row r="19469" spans="1:5" x14ac:dyDescent="0.25">
      <c r="A19469" s="1" t="s">
        <v>39747</v>
      </c>
      <c r="B19469" s="1" t="s">
        <v>55302</v>
      </c>
      <c r="C19469" s="1" t="s">
        <v>39748</v>
      </c>
      <c r="D19469" s="2">
        <v>172297</v>
      </c>
      <c r="E19469" s="1" t="s">
        <v>0</v>
      </c>
    </row>
    <row r="19470" spans="1:5" ht="409.5" x14ac:dyDescent="0.25">
      <c r="A19470" s="4" t="s">
        <v>39749</v>
      </c>
      <c r="B19470" s="1" t="s">
        <v>55303</v>
      </c>
      <c r="C19470" s="1" t="s">
        <v>39750</v>
      </c>
      <c r="D19470" s="2">
        <v>172298</v>
      </c>
      <c r="E19470" s="1" t="s">
        <v>0</v>
      </c>
    </row>
    <row r="19471" spans="1:5" x14ac:dyDescent="0.25">
      <c r="A19471" s="1" t="s">
        <v>13413</v>
      </c>
      <c r="B19471" s="1" t="s">
        <v>60845</v>
      </c>
      <c r="C19471" s="1" t="s">
        <v>13414</v>
      </c>
      <c r="D19471" s="2">
        <v>172299</v>
      </c>
      <c r="E19471" s="1" t="s">
        <v>0</v>
      </c>
    </row>
    <row r="19472" spans="1:5" x14ac:dyDescent="0.25">
      <c r="A19472" s="2">
        <v>3894</v>
      </c>
      <c r="B19472" s="2">
        <v>3894</v>
      </c>
      <c r="C19472" s="1" t="s">
        <v>0</v>
      </c>
      <c r="D19472" s="2">
        <v>172300</v>
      </c>
      <c r="E19472" s="1" t="s">
        <v>0</v>
      </c>
    </row>
    <row r="19473" spans="1:5" x14ac:dyDescent="0.25">
      <c r="A19473" s="1" t="s">
        <v>3539</v>
      </c>
      <c r="B19473" s="1" t="s">
        <v>10616</v>
      </c>
      <c r="C19473" s="1" t="s">
        <v>39751</v>
      </c>
      <c r="D19473" s="2">
        <v>172301</v>
      </c>
      <c r="E19473" s="1" t="s">
        <v>0</v>
      </c>
    </row>
    <row r="19474" spans="1:5" x14ac:dyDescent="0.25">
      <c r="A19474" s="1" t="s">
        <v>39752</v>
      </c>
      <c r="B19474" s="1" t="s">
        <v>55304</v>
      </c>
      <c r="C19474" s="1" t="s">
        <v>39753</v>
      </c>
      <c r="D19474" s="2">
        <v>172302</v>
      </c>
      <c r="E19474" s="1" t="s">
        <v>0</v>
      </c>
    </row>
    <row r="19475" spans="1:5" ht="409.5" x14ac:dyDescent="0.25">
      <c r="A19475" s="4" t="s">
        <v>39754</v>
      </c>
      <c r="B19475" s="1" t="s">
        <v>55305</v>
      </c>
      <c r="C19475" s="1" t="s">
        <v>39755</v>
      </c>
      <c r="D19475" s="2">
        <v>172303</v>
      </c>
      <c r="E19475" s="1" t="s">
        <v>0</v>
      </c>
    </row>
    <row r="19476" spans="1:5" x14ac:dyDescent="0.25">
      <c r="A19476" s="1" t="s">
        <v>39756</v>
      </c>
      <c r="B19476" s="1" t="s">
        <v>61285</v>
      </c>
      <c r="C19476" s="1" t="s">
        <v>39757</v>
      </c>
      <c r="D19476" s="2">
        <v>172304</v>
      </c>
      <c r="E19476" s="1" t="s">
        <v>0</v>
      </c>
    </row>
    <row r="19477" spans="1:5" x14ac:dyDescent="0.25">
      <c r="A19477" s="2">
        <v>3895</v>
      </c>
      <c r="B19477" s="2">
        <v>3895</v>
      </c>
      <c r="C19477" s="1" t="s">
        <v>0</v>
      </c>
      <c r="D19477" s="2">
        <v>172305</v>
      </c>
      <c r="E19477" s="1" t="s">
        <v>0</v>
      </c>
    </row>
    <row r="19478" spans="1:5" x14ac:dyDescent="0.25">
      <c r="A19478" s="1" t="s">
        <v>3540</v>
      </c>
      <c r="B19478" s="1" t="s">
        <v>10617</v>
      </c>
      <c r="C19478" s="1" t="s">
        <v>39758</v>
      </c>
      <c r="D19478" s="2">
        <v>172306</v>
      </c>
      <c r="E19478" s="1" t="s">
        <v>0</v>
      </c>
    </row>
    <row r="19479" spans="1:5" x14ac:dyDescent="0.25">
      <c r="A19479" s="1" t="s">
        <v>39759</v>
      </c>
      <c r="B19479" s="1" t="s">
        <v>10618</v>
      </c>
      <c r="C19479" s="1" t="s">
        <v>39760</v>
      </c>
      <c r="D19479" s="2">
        <v>172307</v>
      </c>
      <c r="E19479" s="1" t="s">
        <v>0</v>
      </c>
    </row>
    <row r="19480" spans="1:5" ht="409.5" x14ac:dyDescent="0.25">
      <c r="A19480" s="4" t="s">
        <v>39761</v>
      </c>
      <c r="B19480" s="1" t="s">
        <v>55306</v>
      </c>
      <c r="C19480" s="1" t="s">
        <v>39762</v>
      </c>
      <c r="D19480" s="2">
        <v>172308</v>
      </c>
      <c r="E19480" s="1" t="s">
        <v>0</v>
      </c>
    </row>
    <row r="19481" spans="1:5" x14ac:dyDescent="0.25">
      <c r="A19481" s="1" t="s">
        <v>39763</v>
      </c>
      <c r="B19481" s="1" t="s">
        <v>55307</v>
      </c>
      <c r="C19481" s="1" t="s">
        <v>39764</v>
      </c>
      <c r="D19481" s="2">
        <v>172309</v>
      </c>
      <c r="E19481" s="1" t="s">
        <v>0</v>
      </c>
    </row>
    <row r="19482" spans="1:5" x14ac:dyDescent="0.25">
      <c r="A19482" s="2">
        <v>3896</v>
      </c>
      <c r="B19482" s="2">
        <v>3896</v>
      </c>
      <c r="C19482" s="1" t="s">
        <v>0</v>
      </c>
      <c r="D19482" s="2">
        <v>172310</v>
      </c>
      <c r="E19482" s="1" t="s">
        <v>0</v>
      </c>
    </row>
    <row r="19483" spans="1:5" x14ac:dyDescent="0.25">
      <c r="A19483" s="1" t="s">
        <v>3541</v>
      </c>
      <c r="B19483" s="1" t="s">
        <v>10619</v>
      </c>
      <c r="C19483" s="1" t="s">
        <v>39765</v>
      </c>
      <c r="D19483" s="2">
        <v>172311</v>
      </c>
      <c r="E19483" s="1" t="s">
        <v>0</v>
      </c>
    </row>
    <row r="19484" spans="1:5" x14ac:dyDescent="0.25">
      <c r="A19484" s="1" t="s">
        <v>39766</v>
      </c>
      <c r="B19484" s="1" t="s">
        <v>55308</v>
      </c>
      <c r="C19484" s="1" t="s">
        <v>39767</v>
      </c>
      <c r="D19484" s="2">
        <v>172312</v>
      </c>
      <c r="E19484" s="1" t="s">
        <v>0</v>
      </c>
    </row>
    <row r="19485" spans="1:5" ht="409.5" x14ac:dyDescent="0.25">
      <c r="A19485" s="4" t="s">
        <v>39768</v>
      </c>
      <c r="B19485" s="1" t="s">
        <v>55309</v>
      </c>
      <c r="C19485" s="1" t="s">
        <v>39769</v>
      </c>
      <c r="D19485" s="2">
        <v>172313</v>
      </c>
      <c r="E19485" s="1" t="s">
        <v>0</v>
      </c>
    </row>
    <row r="19486" spans="1:5" x14ac:dyDescent="0.25">
      <c r="A19486" s="1" t="s">
        <v>39770</v>
      </c>
      <c r="B19486" s="1" t="s">
        <v>10620</v>
      </c>
      <c r="C19486" s="1" t="s">
        <v>39771</v>
      </c>
      <c r="D19486" s="2">
        <v>172314</v>
      </c>
      <c r="E19486" s="1" t="s">
        <v>0</v>
      </c>
    </row>
    <row r="19487" spans="1:5" x14ac:dyDescent="0.25">
      <c r="A19487" s="2">
        <v>3897</v>
      </c>
      <c r="B19487" s="2">
        <v>3897</v>
      </c>
      <c r="C19487" s="1" t="s">
        <v>0</v>
      </c>
      <c r="D19487" s="2">
        <v>172315</v>
      </c>
      <c r="E19487" s="1" t="s">
        <v>0</v>
      </c>
    </row>
    <row r="19488" spans="1:5" x14ac:dyDescent="0.25">
      <c r="A19488" s="1" t="s">
        <v>3542</v>
      </c>
      <c r="B19488" s="1" t="s">
        <v>10621</v>
      </c>
      <c r="C19488" s="1" t="s">
        <v>39772</v>
      </c>
      <c r="D19488" s="2">
        <v>172316</v>
      </c>
      <c r="E19488" s="1" t="s">
        <v>0</v>
      </c>
    </row>
    <row r="19489" spans="1:5" x14ac:dyDescent="0.25">
      <c r="A19489" s="1" t="s">
        <v>39773</v>
      </c>
      <c r="B19489" s="1" t="s">
        <v>10622</v>
      </c>
      <c r="C19489" s="1" t="s">
        <v>39774</v>
      </c>
      <c r="D19489" s="2">
        <v>172317</v>
      </c>
      <c r="E19489" s="1" t="s">
        <v>0</v>
      </c>
    </row>
    <row r="19490" spans="1:5" ht="409.5" x14ac:dyDescent="0.25">
      <c r="A19490" s="4" t="s">
        <v>39775</v>
      </c>
      <c r="B19490" s="1" t="s">
        <v>50948</v>
      </c>
      <c r="C19490" s="1" t="s">
        <v>39776</v>
      </c>
      <c r="D19490" s="2">
        <v>172318</v>
      </c>
      <c r="E19490" s="1" t="s">
        <v>0</v>
      </c>
    </row>
    <row r="19491" spans="1:5" x14ac:dyDescent="0.25">
      <c r="A19491" s="1" t="s">
        <v>39777</v>
      </c>
      <c r="B19491" s="1" t="s">
        <v>57312</v>
      </c>
      <c r="C19491" s="1" t="s">
        <v>39778</v>
      </c>
      <c r="D19491" s="2">
        <v>172319</v>
      </c>
      <c r="E19491" s="1" t="s">
        <v>0</v>
      </c>
    </row>
    <row r="19492" spans="1:5" x14ac:dyDescent="0.25">
      <c r="A19492" s="2">
        <v>3898</v>
      </c>
      <c r="B19492" s="2">
        <v>3898</v>
      </c>
      <c r="C19492" s="1" t="s">
        <v>0</v>
      </c>
      <c r="D19492" s="2">
        <v>172320</v>
      </c>
      <c r="E19492" s="1" t="s">
        <v>0</v>
      </c>
    </row>
    <row r="19493" spans="1:5" x14ac:dyDescent="0.25">
      <c r="A19493" s="1" t="s">
        <v>3543</v>
      </c>
      <c r="B19493" s="1" t="s">
        <v>10623</v>
      </c>
      <c r="C19493" s="1" t="s">
        <v>39779</v>
      </c>
      <c r="D19493" s="2">
        <v>172321</v>
      </c>
      <c r="E19493" s="1" t="s">
        <v>0</v>
      </c>
    </row>
    <row r="19494" spans="1:5" x14ac:dyDescent="0.25">
      <c r="A19494" s="1" t="s">
        <v>39780</v>
      </c>
      <c r="B19494" s="1" t="s">
        <v>55310</v>
      </c>
      <c r="C19494" s="1" t="s">
        <v>39781</v>
      </c>
      <c r="D19494" s="2">
        <v>172322</v>
      </c>
      <c r="E19494" s="1" t="s">
        <v>0</v>
      </c>
    </row>
    <row r="19495" spans="1:5" ht="409.5" x14ac:dyDescent="0.25">
      <c r="A19495" s="4" t="s">
        <v>39782</v>
      </c>
      <c r="B19495" s="1" t="s">
        <v>63471</v>
      </c>
      <c r="C19495" s="1" t="s">
        <v>39783</v>
      </c>
      <c r="D19495" s="2">
        <v>172323</v>
      </c>
      <c r="E19495" s="1" t="s">
        <v>0</v>
      </c>
    </row>
    <row r="19496" spans="1:5" x14ac:dyDescent="0.25">
      <c r="A19496" s="1" t="s">
        <v>39784</v>
      </c>
      <c r="B19496" s="1" t="s">
        <v>55311</v>
      </c>
      <c r="C19496" s="1" t="s">
        <v>39785</v>
      </c>
      <c r="D19496" s="2">
        <v>172324</v>
      </c>
      <c r="E19496" s="1" t="s">
        <v>0</v>
      </c>
    </row>
    <row r="19497" spans="1:5" x14ac:dyDescent="0.25">
      <c r="A19497" s="2">
        <v>3899</v>
      </c>
      <c r="B19497" s="2">
        <v>3899</v>
      </c>
      <c r="C19497" s="1" t="s">
        <v>0</v>
      </c>
      <c r="D19497" s="2">
        <v>172325</v>
      </c>
      <c r="E19497" s="1" t="s">
        <v>0</v>
      </c>
    </row>
    <row r="19498" spans="1:5" x14ac:dyDescent="0.25">
      <c r="A19498" s="1" t="s">
        <v>3544</v>
      </c>
      <c r="B19498" s="1" t="s">
        <v>10624</v>
      </c>
      <c r="C19498" s="1" t="s">
        <v>39786</v>
      </c>
      <c r="D19498" s="2">
        <v>172326</v>
      </c>
      <c r="E19498" s="1" t="s">
        <v>0</v>
      </c>
    </row>
    <row r="19499" spans="1:5" x14ac:dyDescent="0.25">
      <c r="A19499" s="1" t="s">
        <v>39787</v>
      </c>
      <c r="B19499" s="1" t="s">
        <v>10625</v>
      </c>
      <c r="C19499" s="1" t="s">
        <v>39788</v>
      </c>
      <c r="D19499" s="2">
        <v>172327</v>
      </c>
      <c r="E19499" s="1" t="s">
        <v>0</v>
      </c>
    </row>
    <row r="19500" spans="1:5" ht="409.5" x14ac:dyDescent="0.25">
      <c r="A19500" s="4" t="s">
        <v>39789</v>
      </c>
      <c r="B19500" s="1" t="s">
        <v>55312</v>
      </c>
      <c r="C19500" s="1" t="s">
        <v>39790</v>
      </c>
      <c r="D19500" s="2">
        <v>172328</v>
      </c>
      <c r="E19500" s="1" t="s">
        <v>0</v>
      </c>
    </row>
    <row r="19501" spans="1:5" x14ac:dyDescent="0.25">
      <c r="A19501" s="1" t="s">
        <v>39791</v>
      </c>
      <c r="B19501" s="1" t="s">
        <v>10626</v>
      </c>
      <c r="C19501" s="1" t="s">
        <v>39792</v>
      </c>
      <c r="D19501" s="2">
        <v>172329</v>
      </c>
      <c r="E19501" s="1" t="s">
        <v>0</v>
      </c>
    </row>
    <row r="19502" spans="1:5" x14ac:dyDescent="0.25">
      <c r="A19502" s="2">
        <v>3900</v>
      </c>
      <c r="B19502" s="2">
        <v>3900</v>
      </c>
      <c r="C19502" s="1" t="s">
        <v>0</v>
      </c>
      <c r="D19502" s="2">
        <v>172330</v>
      </c>
      <c r="E19502" s="1" t="s">
        <v>0</v>
      </c>
    </row>
    <row r="19503" spans="1:5" x14ac:dyDescent="0.25">
      <c r="A19503" s="1" t="s">
        <v>3545</v>
      </c>
      <c r="B19503" s="1" t="s">
        <v>10627</v>
      </c>
      <c r="C19503" s="1" t="s">
        <v>39793</v>
      </c>
      <c r="D19503" s="2">
        <v>172331</v>
      </c>
      <c r="E19503" s="1" t="s">
        <v>0</v>
      </c>
    </row>
    <row r="19504" spans="1:5" x14ac:dyDescent="0.25">
      <c r="A19504" s="1" t="s">
        <v>39794</v>
      </c>
      <c r="B19504" s="1" t="s">
        <v>57594</v>
      </c>
      <c r="C19504" s="1" t="s">
        <v>39795</v>
      </c>
      <c r="D19504" s="2">
        <v>172332</v>
      </c>
      <c r="E19504" s="1" t="s">
        <v>0</v>
      </c>
    </row>
    <row r="19505" spans="1:5" ht="409.5" x14ac:dyDescent="0.25">
      <c r="A19505" s="4" t="s">
        <v>39796</v>
      </c>
      <c r="B19505" s="1" t="s">
        <v>60190</v>
      </c>
      <c r="C19505" s="1" t="s">
        <v>39797</v>
      </c>
      <c r="D19505" s="2">
        <v>172333</v>
      </c>
      <c r="E19505" s="1" t="s">
        <v>0</v>
      </c>
    </row>
    <row r="19506" spans="1:5" x14ac:dyDescent="0.25">
      <c r="A19506" s="1" t="s">
        <v>39798</v>
      </c>
      <c r="B19506" s="1" t="s">
        <v>55313</v>
      </c>
      <c r="C19506" s="1" t="s">
        <v>39799</v>
      </c>
      <c r="D19506" s="2">
        <v>172334</v>
      </c>
      <c r="E19506" s="1" t="s">
        <v>0</v>
      </c>
    </row>
    <row r="19507" spans="1:5" x14ac:dyDescent="0.25">
      <c r="A19507" s="2">
        <v>3901</v>
      </c>
      <c r="B19507" s="2">
        <v>3901</v>
      </c>
      <c r="C19507" s="1" t="s">
        <v>0</v>
      </c>
      <c r="D19507" s="2">
        <v>172335</v>
      </c>
      <c r="E19507" s="1" t="s">
        <v>0</v>
      </c>
    </row>
    <row r="19508" spans="1:5" x14ac:dyDescent="0.25">
      <c r="A19508" s="1" t="s">
        <v>3546</v>
      </c>
      <c r="B19508" s="1" t="s">
        <v>10628</v>
      </c>
      <c r="C19508" s="1" t="s">
        <v>39800</v>
      </c>
      <c r="D19508" s="2">
        <v>172336</v>
      </c>
      <c r="E19508" s="1" t="s">
        <v>0</v>
      </c>
    </row>
    <row r="19509" spans="1:5" x14ac:dyDescent="0.25">
      <c r="A19509" s="1" t="s">
        <v>39801</v>
      </c>
      <c r="B19509" s="1" t="s">
        <v>55314</v>
      </c>
      <c r="C19509" s="1" t="s">
        <v>39802</v>
      </c>
      <c r="D19509" s="2">
        <v>172337</v>
      </c>
      <c r="E19509" s="1" t="s">
        <v>0</v>
      </c>
    </row>
    <row r="19510" spans="1:5" ht="409.5" x14ac:dyDescent="0.25">
      <c r="A19510" s="4" t="s">
        <v>39803</v>
      </c>
      <c r="B19510" s="1" t="s">
        <v>55315</v>
      </c>
      <c r="C19510" s="1" t="s">
        <v>39804</v>
      </c>
      <c r="D19510" s="2">
        <v>172338</v>
      </c>
      <c r="E19510" s="1" t="s">
        <v>0</v>
      </c>
    </row>
    <row r="19511" spans="1:5" x14ac:dyDescent="0.25">
      <c r="A19511" s="1" t="s">
        <v>39805</v>
      </c>
      <c r="B19511" s="1" t="s">
        <v>55316</v>
      </c>
      <c r="C19511" s="1" t="s">
        <v>39806</v>
      </c>
      <c r="D19511" s="2">
        <v>172339</v>
      </c>
      <c r="E19511" s="1" t="s">
        <v>0</v>
      </c>
    </row>
    <row r="19512" spans="1:5" x14ac:dyDescent="0.25">
      <c r="A19512" s="2">
        <v>3902</v>
      </c>
      <c r="B19512" s="2">
        <v>3902</v>
      </c>
      <c r="C19512" s="1" t="s">
        <v>0</v>
      </c>
      <c r="D19512" s="2">
        <v>172340</v>
      </c>
      <c r="E19512" s="1" t="s">
        <v>0</v>
      </c>
    </row>
    <row r="19513" spans="1:5" x14ac:dyDescent="0.25">
      <c r="A19513" s="1" t="s">
        <v>3547</v>
      </c>
      <c r="B19513" s="1" t="s">
        <v>10629</v>
      </c>
      <c r="C19513" s="1" t="s">
        <v>39807</v>
      </c>
      <c r="D19513" s="2">
        <v>172341</v>
      </c>
      <c r="E19513" s="1" t="s">
        <v>0</v>
      </c>
    </row>
    <row r="19514" spans="1:5" x14ac:dyDescent="0.25">
      <c r="A19514" s="1" t="s">
        <v>39808</v>
      </c>
      <c r="B19514" s="1" t="s">
        <v>55317</v>
      </c>
      <c r="C19514" s="1" t="s">
        <v>39809</v>
      </c>
      <c r="D19514" s="2">
        <v>172342</v>
      </c>
      <c r="E19514" s="1" t="s">
        <v>0</v>
      </c>
    </row>
    <row r="19515" spans="1:5" ht="409.5" x14ac:dyDescent="0.25">
      <c r="A19515" s="4" t="s">
        <v>39810</v>
      </c>
      <c r="B19515" s="1" t="s">
        <v>58517</v>
      </c>
      <c r="C19515" s="1" t="s">
        <v>39811</v>
      </c>
      <c r="D19515" s="2">
        <v>172343</v>
      </c>
      <c r="E19515" s="1" t="s">
        <v>0</v>
      </c>
    </row>
    <row r="19516" spans="1:5" x14ac:dyDescent="0.25">
      <c r="A19516" s="1" t="s">
        <v>39812</v>
      </c>
      <c r="B19516" s="1" t="s">
        <v>55318</v>
      </c>
      <c r="C19516" s="1" t="s">
        <v>39813</v>
      </c>
      <c r="D19516" s="2">
        <v>172344</v>
      </c>
      <c r="E19516" s="1" t="s">
        <v>0</v>
      </c>
    </row>
    <row r="19517" spans="1:5" x14ac:dyDescent="0.25">
      <c r="A19517" s="2">
        <v>3903</v>
      </c>
      <c r="B19517" s="2">
        <v>3903</v>
      </c>
      <c r="C19517" s="1" t="s">
        <v>0</v>
      </c>
      <c r="D19517" s="2">
        <v>172345</v>
      </c>
      <c r="E19517" s="1" t="s">
        <v>0</v>
      </c>
    </row>
    <row r="19518" spans="1:5" x14ac:dyDescent="0.25">
      <c r="A19518" s="1" t="s">
        <v>3548</v>
      </c>
      <c r="B19518" s="1" t="s">
        <v>10630</v>
      </c>
      <c r="C19518" s="1" t="s">
        <v>39814</v>
      </c>
      <c r="D19518" s="2">
        <v>172346</v>
      </c>
      <c r="E19518" s="1" t="s">
        <v>0</v>
      </c>
    </row>
    <row r="19519" spans="1:5" x14ac:dyDescent="0.25">
      <c r="A19519" s="1" t="s">
        <v>39815</v>
      </c>
      <c r="B19519" s="1" t="s">
        <v>62803</v>
      </c>
      <c r="C19519" s="1" t="s">
        <v>39816</v>
      </c>
      <c r="D19519" s="2">
        <v>172347</v>
      </c>
      <c r="E19519" s="1" t="s">
        <v>0</v>
      </c>
    </row>
    <row r="19520" spans="1:5" ht="409.5" x14ac:dyDescent="0.25">
      <c r="A19520" s="4" t="s">
        <v>39817</v>
      </c>
      <c r="B19520" s="1" t="s">
        <v>62804</v>
      </c>
      <c r="C19520" s="1" t="s">
        <v>39818</v>
      </c>
      <c r="D19520" s="2">
        <v>172348</v>
      </c>
      <c r="E19520" s="1" t="s">
        <v>0</v>
      </c>
    </row>
    <row r="19521" spans="1:5" x14ac:dyDescent="0.25">
      <c r="A19521" s="1" t="s">
        <v>39819</v>
      </c>
      <c r="B19521" s="1" t="s">
        <v>10631</v>
      </c>
      <c r="C19521" s="1" t="s">
        <v>39820</v>
      </c>
      <c r="D19521" s="2">
        <v>172349</v>
      </c>
      <c r="E19521" s="1" t="s">
        <v>0</v>
      </c>
    </row>
    <row r="19522" spans="1:5" x14ac:dyDescent="0.25">
      <c r="A19522" s="2">
        <v>3904</v>
      </c>
      <c r="B19522" s="2">
        <v>3904</v>
      </c>
      <c r="C19522" s="1" t="s">
        <v>0</v>
      </c>
      <c r="D19522" s="2">
        <v>172350</v>
      </c>
      <c r="E19522" s="1" t="s">
        <v>0</v>
      </c>
    </row>
    <row r="19523" spans="1:5" x14ac:dyDescent="0.25">
      <c r="A19523" s="1" t="s">
        <v>3549</v>
      </c>
      <c r="B19523" s="1" t="s">
        <v>10632</v>
      </c>
      <c r="C19523" s="1" t="s">
        <v>39821</v>
      </c>
      <c r="D19523" s="2">
        <v>172351</v>
      </c>
      <c r="E19523" s="1" t="s">
        <v>0</v>
      </c>
    </row>
    <row r="19524" spans="1:5" x14ac:dyDescent="0.25">
      <c r="A19524" s="1" t="s">
        <v>39822</v>
      </c>
      <c r="B19524" s="1" t="s">
        <v>10633</v>
      </c>
      <c r="C19524" s="1" t="s">
        <v>39823</v>
      </c>
      <c r="D19524" s="2">
        <v>172352</v>
      </c>
      <c r="E19524" s="1" t="s">
        <v>0</v>
      </c>
    </row>
    <row r="19525" spans="1:5" ht="409.5" x14ac:dyDescent="0.25">
      <c r="A19525" s="4" t="s">
        <v>39824</v>
      </c>
      <c r="B19525" s="1" t="s">
        <v>55319</v>
      </c>
      <c r="C19525" s="1" t="s">
        <v>39825</v>
      </c>
      <c r="D19525" s="2">
        <v>172353</v>
      </c>
      <c r="E19525" s="1" t="s">
        <v>0</v>
      </c>
    </row>
    <row r="19526" spans="1:5" x14ac:dyDescent="0.25">
      <c r="A19526" s="1" t="s">
        <v>39826</v>
      </c>
      <c r="B19526" s="1" t="s">
        <v>10634</v>
      </c>
      <c r="C19526" s="1" t="s">
        <v>39827</v>
      </c>
      <c r="D19526" s="2">
        <v>172354</v>
      </c>
      <c r="E19526" s="1" t="s">
        <v>0</v>
      </c>
    </row>
    <row r="19527" spans="1:5" x14ac:dyDescent="0.25">
      <c r="A19527" s="2">
        <v>3905</v>
      </c>
      <c r="B19527" s="2">
        <v>3905</v>
      </c>
      <c r="C19527" s="1" t="s">
        <v>0</v>
      </c>
      <c r="D19527" s="2">
        <v>172355</v>
      </c>
      <c r="E19527" s="1" t="s">
        <v>0</v>
      </c>
    </row>
    <row r="19528" spans="1:5" x14ac:dyDescent="0.25">
      <c r="A19528" s="1" t="s">
        <v>3550</v>
      </c>
      <c r="B19528" s="1" t="s">
        <v>55320</v>
      </c>
      <c r="C19528" s="1" t="s">
        <v>39828</v>
      </c>
      <c r="D19528" s="2">
        <v>172356</v>
      </c>
      <c r="E19528" s="1" t="s">
        <v>0</v>
      </c>
    </row>
    <row r="19529" spans="1:5" x14ac:dyDescent="0.25">
      <c r="A19529" s="1" t="s">
        <v>39829</v>
      </c>
      <c r="B19529" s="1" t="s">
        <v>55321</v>
      </c>
      <c r="C19529" s="1" t="s">
        <v>39830</v>
      </c>
      <c r="D19529" s="2">
        <v>172357</v>
      </c>
      <c r="E19529" s="1" t="s">
        <v>0</v>
      </c>
    </row>
    <row r="19530" spans="1:5" ht="409.5" x14ac:dyDescent="0.25">
      <c r="A19530" s="4" t="s">
        <v>39831</v>
      </c>
      <c r="B19530" s="1" t="s">
        <v>55322</v>
      </c>
      <c r="C19530" s="1" t="s">
        <v>39832</v>
      </c>
      <c r="D19530" s="2">
        <v>172358</v>
      </c>
      <c r="E19530" s="1" t="s">
        <v>0</v>
      </c>
    </row>
    <row r="19531" spans="1:5" x14ac:dyDescent="0.25">
      <c r="A19531" s="1" t="s">
        <v>39833</v>
      </c>
      <c r="B19531" s="1" t="s">
        <v>55323</v>
      </c>
      <c r="C19531" s="1" t="s">
        <v>39834</v>
      </c>
      <c r="D19531" s="2">
        <v>172359</v>
      </c>
      <c r="E19531" s="1" t="s">
        <v>0</v>
      </c>
    </row>
    <row r="19532" spans="1:5" x14ac:dyDescent="0.25">
      <c r="A19532" s="2">
        <v>3906</v>
      </c>
      <c r="B19532" s="2">
        <v>3906</v>
      </c>
      <c r="C19532" s="1" t="s">
        <v>0</v>
      </c>
      <c r="D19532" s="2">
        <v>172360</v>
      </c>
      <c r="E19532" s="1" t="s">
        <v>0</v>
      </c>
    </row>
    <row r="19533" spans="1:5" x14ac:dyDescent="0.25">
      <c r="A19533" s="1" t="s">
        <v>10635</v>
      </c>
      <c r="B19533" s="1" t="s">
        <v>10636</v>
      </c>
      <c r="C19533" s="1" t="s">
        <v>39835</v>
      </c>
      <c r="D19533" s="2">
        <v>172361</v>
      </c>
      <c r="E19533" s="1" t="s">
        <v>0</v>
      </c>
    </row>
    <row r="19534" spans="1:5" x14ac:dyDescent="0.25">
      <c r="A19534" s="1" t="s">
        <v>39836</v>
      </c>
      <c r="B19534" s="1" t="s">
        <v>10637</v>
      </c>
      <c r="C19534" s="1" t="s">
        <v>39837</v>
      </c>
      <c r="D19534" s="2">
        <v>172362</v>
      </c>
      <c r="E19534" s="1" t="s">
        <v>0</v>
      </c>
    </row>
    <row r="19535" spans="1:5" ht="409.5" x14ac:dyDescent="0.25">
      <c r="A19535" s="4" t="s">
        <v>39838</v>
      </c>
      <c r="B19535" s="1" t="s">
        <v>10638</v>
      </c>
      <c r="C19535" s="1" t="s">
        <v>39839</v>
      </c>
      <c r="D19535" s="2">
        <v>172363</v>
      </c>
      <c r="E19535" s="1" t="s">
        <v>0</v>
      </c>
    </row>
    <row r="19536" spans="1:5" x14ac:dyDescent="0.25">
      <c r="A19536" s="1" t="s">
        <v>39840</v>
      </c>
      <c r="B19536" s="1" t="s">
        <v>55324</v>
      </c>
      <c r="C19536" s="1" t="s">
        <v>39841</v>
      </c>
      <c r="D19536" s="2">
        <v>172364</v>
      </c>
      <c r="E19536" s="1" t="s">
        <v>0</v>
      </c>
    </row>
    <row r="19537" spans="1:5" x14ac:dyDescent="0.25">
      <c r="A19537" s="2">
        <v>3907</v>
      </c>
      <c r="B19537" s="2">
        <v>3907</v>
      </c>
      <c r="C19537" s="1" t="s">
        <v>0</v>
      </c>
      <c r="D19537" s="2">
        <v>172365</v>
      </c>
      <c r="E19537" s="1" t="s">
        <v>0</v>
      </c>
    </row>
    <row r="19538" spans="1:5" x14ac:dyDescent="0.25">
      <c r="A19538" s="1" t="s">
        <v>3551</v>
      </c>
      <c r="B19538" s="1" t="s">
        <v>10639</v>
      </c>
      <c r="C19538" s="1" t="s">
        <v>39842</v>
      </c>
      <c r="D19538" s="2">
        <v>172366</v>
      </c>
      <c r="E19538" s="1" t="s">
        <v>0</v>
      </c>
    </row>
    <row r="19539" spans="1:5" x14ac:dyDescent="0.25">
      <c r="A19539" s="1" t="s">
        <v>39843</v>
      </c>
      <c r="B19539" s="1" t="s">
        <v>13246</v>
      </c>
      <c r="C19539" s="1" t="s">
        <v>39844</v>
      </c>
      <c r="D19539" s="2">
        <v>172367</v>
      </c>
      <c r="E19539" s="1" t="s">
        <v>0</v>
      </c>
    </row>
    <row r="19540" spans="1:5" ht="409.5" x14ac:dyDescent="0.25">
      <c r="A19540" s="4" t="s">
        <v>39845</v>
      </c>
      <c r="B19540" s="1" t="s">
        <v>63472</v>
      </c>
      <c r="C19540" s="1" t="s">
        <v>39846</v>
      </c>
      <c r="D19540" s="2">
        <v>172368</v>
      </c>
      <c r="E19540" s="1" t="s">
        <v>0</v>
      </c>
    </row>
    <row r="19541" spans="1:5" x14ac:dyDescent="0.25">
      <c r="A19541" s="1" t="s">
        <v>39847</v>
      </c>
      <c r="B19541" s="1" t="s">
        <v>55325</v>
      </c>
      <c r="C19541" s="1" t="s">
        <v>39848</v>
      </c>
      <c r="D19541" s="2">
        <v>172369</v>
      </c>
      <c r="E19541" s="1" t="s">
        <v>0</v>
      </c>
    </row>
    <row r="19542" spans="1:5" x14ac:dyDescent="0.25">
      <c r="A19542" s="2">
        <v>3908</v>
      </c>
      <c r="B19542" s="2">
        <v>3908</v>
      </c>
      <c r="C19542" s="1" t="s">
        <v>0</v>
      </c>
      <c r="D19542" s="2">
        <v>172370</v>
      </c>
      <c r="E19542" s="1" t="s">
        <v>0</v>
      </c>
    </row>
    <row r="19543" spans="1:5" x14ac:dyDescent="0.25">
      <c r="A19543" s="1" t="s">
        <v>3552</v>
      </c>
      <c r="B19543" s="1" t="s">
        <v>10640</v>
      </c>
      <c r="C19543" s="1" t="s">
        <v>39849</v>
      </c>
      <c r="D19543" s="2">
        <v>172371</v>
      </c>
      <c r="E19543" s="1" t="s">
        <v>0</v>
      </c>
    </row>
    <row r="19544" spans="1:5" x14ac:dyDescent="0.25">
      <c r="A19544" s="1" t="s">
        <v>39850</v>
      </c>
      <c r="B19544" s="1" t="s">
        <v>55326</v>
      </c>
      <c r="C19544" s="1" t="s">
        <v>39851</v>
      </c>
      <c r="D19544" s="2">
        <v>172372</v>
      </c>
      <c r="E19544" s="1" t="s">
        <v>0</v>
      </c>
    </row>
    <row r="19545" spans="1:5" ht="409.5" x14ac:dyDescent="0.25">
      <c r="A19545" s="4" t="s">
        <v>39852</v>
      </c>
      <c r="B19545" s="1" t="s">
        <v>55327</v>
      </c>
      <c r="C19545" s="1" t="s">
        <v>39853</v>
      </c>
      <c r="D19545" s="2">
        <v>172373</v>
      </c>
      <c r="E19545" s="1" t="s">
        <v>0</v>
      </c>
    </row>
    <row r="19546" spans="1:5" x14ac:dyDescent="0.25">
      <c r="A19546" s="1" t="s">
        <v>39854</v>
      </c>
      <c r="B19546" s="1" t="s">
        <v>10641</v>
      </c>
      <c r="C19546" s="1" t="s">
        <v>39855</v>
      </c>
      <c r="D19546" s="2">
        <v>172374</v>
      </c>
      <c r="E19546" s="1" t="s">
        <v>0</v>
      </c>
    </row>
    <row r="19547" spans="1:5" x14ac:dyDescent="0.25">
      <c r="A19547" s="2">
        <v>3909</v>
      </c>
      <c r="B19547" s="2">
        <v>3909</v>
      </c>
      <c r="C19547" s="1" t="s">
        <v>0</v>
      </c>
      <c r="D19547" s="2">
        <v>172375</v>
      </c>
      <c r="E19547" s="1" t="s">
        <v>0</v>
      </c>
    </row>
    <row r="19548" spans="1:5" x14ac:dyDescent="0.25">
      <c r="A19548" s="1" t="s">
        <v>3553</v>
      </c>
      <c r="B19548" s="1" t="s">
        <v>10642</v>
      </c>
      <c r="C19548" s="1" t="s">
        <v>39856</v>
      </c>
      <c r="D19548" s="2">
        <v>172376</v>
      </c>
      <c r="E19548" s="1" t="s">
        <v>0</v>
      </c>
    </row>
    <row r="19549" spans="1:5" x14ac:dyDescent="0.25">
      <c r="A19549" s="1" t="s">
        <v>39857</v>
      </c>
      <c r="B19549" s="1" t="s">
        <v>10643</v>
      </c>
      <c r="C19549" s="1" t="s">
        <v>39858</v>
      </c>
      <c r="D19549" s="2">
        <v>172377</v>
      </c>
      <c r="E19549" s="1" t="s">
        <v>0</v>
      </c>
    </row>
    <row r="19550" spans="1:5" ht="409.5" x14ac:dyDescent="0.25">
      <c r="A19550" s="4" t="s">
        <v>39859</v>
      </c>
      <c r="B19550" s="1" t="s">
        <v>59063</v>
      </c>
      <c r="C19550" s="1" t="s">
        <v>39860</v>
      </c>
      <c r="D19550" s="2">
        <v>172378</v>
      </c>
      <c r="E19550" s="1" t="s">
        <v>0</v>
      </c>
    </row>
    <row r="19551" spans="1:5" x14ac:dyDescent="0.25">
      <c r="A19551" s="1" t="s">
        <v>39861</v>
      </c>
      <c r="B19551" s="1" t="s">
        <v>10644</v>
      </c>
      <c r="C19551" s="1" t="s">
        <v>39862</v>
      </c>
      <c r="D19551" s="2">
        <v>172379</v>
      </c>
      <c r="E19551" s="1" t="s">
        <v>0</v>
      </c>
    </row>
    <row r="19552" spans="1:5" x14ac:dyDescent="0.25">
      <c r="A19552" s="2">
        <v>3910</v>
      </c>
      <c r="B19552" s="2">
        <v>3910</v>
      </c>
      <c r="C19552" s="1" t="s">
        <v>0</v>
      </c>
      <c r="D19552" s="2">
        <v>172380</v>
      </c>
      <c r="E19552" s="1" t="s">
        <v>0</v>
      </c>
    </row>
    <row r="19553" spans="1:5" x14ac:dyDescent="0.25">
      <c r="A19553" s="1" t="s">
        <v>3554</v>
      </c>
      <c r="B19553" s="1" t="s">
        <v>10645</v>
      </c>
      <c r="C19553" s="1" t="s">
        <v>39863</v>
      </c>
      <c r="D19553" s="2">
        <v>172381</v>
      </c>
      <c r="E19553" s="1" t="s">
        <v>0</v>
      </c>
    </row>
    <row r="19554" spans="1:5" x14ac:dyDescent="0.25">
      <c r="A19554" s="1" t="s">
        <v>39864</v>
      </c>
      <c r="B19554" s="1" t="s">
        <v>55328</v>
      </c>
      <c r="C19554" s="1" t="s">
        <v>39865</v>
      </c>
      <c r="D19554" s="2">
        <v>172382</v>
      </c>
      <c r="E19554" s="1" t="s">
        <v>0</v>
      </c>
    </row>
    <row r="19555" spans="1:5" ht="409.5" x14ac:dyDescent="0.25">
      <c r="A19555" s="4" t="s">
        <v>39866</v>
      </c>
      <c r="B19555" s="1" t="s">
        <v>55329</v>
      </c>
      <c r="C19555" s="1" t="s">
        <v>39867</v>
      </c>
      <c r="D19555" s="2">
        <v>172383</v>
      </c>
      <c r="E19555" s="1" t="s">
        <v>0</v>
      </c>
    </row>
    <row r="19556" spans="1:5" x14ac:dyDescent="0.25">
      <c r="A19556" s="1" t="s">
        <v>39868</v>
      </c>
      <c r="B19556" s="1" t="s">
        <v>10646</v>
      </c>
      <c r="C19556" s="1" t="s">
        <v>39869</v>
      </c>
      <c r="D19556" s="2">
        <v>172384</v>
      </c>
      <c r="E19556" s="1" t="s">
        <v>0</v>
      </c>
    </row>
    <row r="19557" spans="1:5" x14ac:dyDescent="0.25">
      <c r="A19557" s="2">
        <v>3911</v>
      </c>
      <c r="B19557" s="2">
        <v>3911</v>
      </c>
      <c r="C19557" s="1" t="s">
        <v>0</v>
      </c>
      <c r="D19557" s="2">
        <v>172385</v>
      </c>
      <c r="E19557" s="1" t="s">
        <v>0</v>
      </c>
    </row>
    <row r="19558" spans="1:5" x14ac:dyDescent="0.25">
      <c r="A19558" s="1" t="s">
        <v>3555</v>
      </c>
      <c r="B19558" s="1" t="s">
        <v>10647</v>
      </c>
      <c r="C19558" s="1" t="s">
        <v>39870</v>
      </c>
      <c r="D19558" s="2">
        <v>172386</v>
      </c>
      <c r="E19558" s="1" t="s">
        <v>0</v>
      </c>
    </row>
    <row r="19559" spans="1:5" x14ac:dyDescent="0.25">
      <c r="A19559" s="1" t="s">
        <v>39871</v>
      </c>
      <c r="B19559" s="1" t="s">
        <v>55330</v>
      </c>
      <c r="C19559" s="1" t="s">
        <v>39872</v>
      </c>
      <c r="D19559" s="2">
        <v>172387</v>
      </c>
      <c r="E19559" s="1" t="s">
        <v>0</v>
      </c>
    </row>
    <row r="19560" spans="1:5" ht="409.5" x14ac:dyDescent="0.25">
      <c r="A19560" s="4" t="s">
        <v>39873</v>
      </c>
      <c r="B19560" s="1" t="s">
        <v>60456</v>
      </c>
      <c r="C19560" s="1" t="s">
        <v>39874</v>
      </c>
      <c r="D19560" s="2">
        <v>172388</v>
      </c>
      <c r="E19560" s="1" t="s">
        <v>0</v>
      </c>
    </row>
    <row r="19561" spans="1:5" x14ac:dyDescent="0.25">
      <c r="A19561" s="1" t="s">
        <v>39875</v>
      </c>
      <c r="B19561" s="1" t="s">
        <v>55331</v>
      </c>
      <c r="C19561" s="1" t="s">
        <v>39876</v>
      </c>
      <c r="D19561" s="2">
        <v>172389</v>
      </c>
      <c r="E19561" s="1" t="s">
        <v>0</v>
      </c>
    </row>
    <row r="19562" spans="1:5" x14ac:dyDescent="0.25">
      <c r="A19562" s="2">
        <v>3912</v>
      </c>
      <c r="B19562" s="2">
        <v>3912</v>
      </c>
      <c r="C19562" s="1" t="s">
        <v>0</v>
      </c>
      <c r="D19562" s="2">
        <v>172390</v>
      </c>
      <c r="E19562" s="1" t="s">
        <v>0</v>
      </c>
    </row>
    <row r="19563" spans="1:5" x14ac:dyDescent="0.25">
      <c r="A19563" s="1" t="s">
        <v>3556</v>
      </c>
      <c r="B19563" s="1" t="s">
        <v>10648</v>
      </c>
      <c r="C19563" s="1" t="s">
        <v>39877</v>
      </c>
      <c r="D19563" s="2">
        <v>172391</v>
      </c>
      <c r="E19563" s="1" t="s">
        <v>0</v>
      </c>
    </row>
    <row r="19564" spans="1:5" x14ac:dyDescent="0.25">
      <c r="A19564" s="1" t="s">
        <v>39878</v>
      </c>
      <c r="B19564" s="1" t="s">
        <v>10649</v>
      </c>
      <c r="C19564" s="1" t="s">
        <v>39879</v>
      </c>
      <c r="D19564" s="2">
        <v>172392</v>
      </c>
      <c r="E19564" s="1" t="s">
        <v>0</v>
      </c>
    </row>
    <row r="19565" spans="1:5" ht="409.5" x14ac:dyDescent="0.25">
      <c r="A19565" s="4" t="s">
        <v>39880</v>
      </c>
      <c r="B19565" s="1" t="s">
        <v>55332</v>
      </c>
      <c r="C19565" s="1" t="s">
        <v>39881</v>
      </c>
      <c r="D19565" s="2">
        <v>172393</v>
      </c>
      <c r="E19565" s="1" t="s">
        <v>0</v>
      </c>
    </row>
    <row r="19566" spans="1:5" x14ac:dyDescent="0.25">
      <c r="A19566" s="1" t="s">
        <v>39882</v>
      </c>
      <c r="B19566" s="1" t="s">
        <v>10650</v>
      </c>
      <c r="C19566" s="1" t="s">
        <v>39883</v>
      </c>
      <c r="D19566" s="2">
        <v>172394</v>
      </c>
      <c r="E19566" s="1" t="s">
        <v>0</v>
      </c>
    </row>
    <row r="19567" spans="1:5" x14ac:dyDescent="0.25">
      <c r="A19567" s="2">
        <v>3913</v>
      </c>
      <c r="B19567" s="2">
        <v>3913</v>
      </c>
      <c r="C19567" s="1" t="s">
        <v>0</v>
      </c>
      <c r="D19567" s="2">
        <v>172395</v>
      </c>
      <c r="E19567" s="1" t="s">
        <v>0</v>
      </c>
    </row>
    <row r="19568" spans="1:5" x14ac:dyDescent="0.25">
      <c r="A19568" s="1" t="s">
        <v>3557</v>
      </c>
      <c r="B19568" s="1" t="s">
        <v>60191</v>
      </c>
      <c r="C19568" s="1" t="s">
        <v>39884</v>
      </c>
      <c r="D19568" s="2">
        <v>172396</v>
      </c>
      <c r="E19568" s="1" t="s">
        <v>0</v>
      </c>
    </row>
    <row r="19569" spans="1:5" x14ac:dyDescent="0.25">
      <c r="A19569" s="1" t="s">
        <v>39885</v>
      </c>
      <c r="B19569" s="1" t="s">
        <v>60517</v>
      </c>
      <c r="C19569" s="1" t="s">
        <v>39886</v>
      </c>
      <c r="D19569" s="2">
        <v>172397</v>
      </c>
      <c r="E19569" s="1" t="s">
        <v>0</v>
      </c>
    </row>
    <row r="19570" spans="1:5" ht="409.5" x14ac:dyDescent="0.25">
      <c r="A19570" s="4" t="s">
        <v>39887</v>
      </c>
      <c r="B19570" s="1" t="s">
        <v>60518</v>
      </c>
      <c r="C19570" s="1" t="s">
        <v>39888</v>
      </c>
      <c r="D19570" s="2">
        <v>172398</v>
      </c>
      <c r="E19570" s="1" t="s">
        <v>0</v>
      </c>
    </row>
    <row r="19571" spans="1:5" x14ac:dyDescent="0.25">
      <c r="A19571" s="1" t="s">
        <v>39889</v>
      </c>
      <c r="B19571" s="1" t="s">
        <v>59667</v>
      </c>
      <c r="C19571" s="1" t="s">
        <v>39890</v>
      </c>
      <c r="D19571" s="2">
        <v>172399</v>
      </c>
      <c r="E19571" s="1" t="s">
        <v>0</v>
      </c>
    </row>
    <row r="19572" spans="1:5" x14ac:dyDescent="0.25">
      <c r="A19572" s="2">
        <v>3914</v>
      </c>
      <c r="B19572" s="2">
        <v>3914</v>
      </c>
      <c r="C19572" s="1" t="s">
        <v>0</v>
      </c>
      <c r="D19572" s="2">
        <v>172400</v>
      </c>
      <c r="E19572" s="1" t="s">
        <v>0</v>
      </c>
    </row>
    <row r="19573" spans="1:5" x14ac:dyDescent="0.25">
      <c r="A19573" s="1" t="s">
        <v>3558</v>
      </c>
      <c r="B19573" s="1" t="s">
        <v>10651</v>
      </c>
      <c r="C19573" s="1" t="s">
        <v>39891</v>
      </c>
      <c r="D19573" s="2">
        <v>172401</v>
      </c>
      <c r="E19573" s="1" t="s">
        <v>0</v>
      </c>
    </row>
    <row r="19574" spans="1:5" x14ac:dyDescent="0.25">
      <c r="A19574" s="1" t="s">
        <v>39892</v>
      </c>
      <c r="B19574" s="1" t="s">
        <v>55333</v>
      </c>
      <c r="C19574" s="1" t="s">
        <v>39893</v>
      </c>
      <c r="D19574" s="2">
        <v>172402</v>
      </c>
      <c r="E19574" s="1" t="s">
        <v>0</v>
      </c>
    </row>
    <row r="19575" spans="1:5" ht="409.5" x14ac:dyDescent="0.25">
      <c r="A19575" s="4" t="s">
        <v>39894</v>
      </c>
      <c r="B19575" s="1" t="s">
        <v>57959</v>
      </c>
      <c r="C19575" s="1" t="s">
        <v>39895</v>
      </c>
      <c r="D19575" s="2">
        <v>172403</v>
      </c>
      <c r="E19575" s="1" t="s">
        <v>0</v>
      </c>
    </row>
    <row r="19576" spans="1:5" x14ac:dyDescent="0.25">
      <c r="A19576" s="1" t="s">
        <v>39896</v>
      </c>
      <c r="B19576" s="1" t="s">
        <v>55334</v>
      </c>
      <c r="C19576" s="1" t="s">
        <v>39897</v>
      </c>
      <c r="D19576" s="2">
        <v>172404</v>
      </c>
      <c r="E19576" s="1" t="s">
        <v>0</v>
      </c>
    </row>
    <row r="19577" spans="1:5" x14ac:dyDescent="0.25">
      <c r="A19577" s="2">
        <v>3915</v>
      </c>
      <c r="B19577" s="2">
        <v>3915</v>
      </c>
      <c r="C19577" s="1" t="s">
        <v>0</v>
      </c>
      <c r="D19577" s="2">
        <v>172405</v>
      </c>
      <c r="E19577" s="1" t="s">
        <v>0</v>
      </c>
    </row>
    <row r="19578" spans="1:5" x14ac:dyDescent="0.25">
      <c r="A19578" s="1" t="s">
        <v>3559</v>
      </c>
      <c r="B19578" s="1" t="s">
        <v>60192</v>
      </c>
      <c r="C19578" s="1" t="s">
        <v>39898</v>
      </c>
      <c r="D19578" s="2">
        <v>172406</v>
      </c>
      <c r="E19578" s="1" t="s">
        <v>0</v>
      </c>
    </row>
    <row r="19579" spans="1:5" x14ac:dyDescent="0.25">
      <c r="A19579" s="1" t="s">
        <v>39899</v>
      </c>
      <c r="B19579" s="1" t="s">
        <v>60193</v>
      </c>
      <c r="C19579" s="1" t="s">
        <v>39900</v>
      </c>
      <c r="D19579" s="2">
        <v>172407</v>
      </c>
      <c r="E19579" s="1" t="s">
        <v>0</v>
      </c>
    </row>
    <row r="19580" spans="1:5" ht="409.5" x14ac:dyDescent="0.25">
      <c r="A19580" s="4" t="s">
        <v>39901</v>
      </c>
      <c r="B19580" s="1" t="s">
        <v>60194</v>
      </c>
      <c r="C19580" s="1" t="s">
        <v>39902</v>
      </c>
      <c r="D19580" s="2">
        <v>172408</v>
      </c>
      <c r="E19580" s="1" t="s">
        <v>0</v>
      </c>
    </row>
    <row r="19581" spans="1:5" x14ac:dyDescent="0.25">
      <c r="A19581" s="1" t="s">
        <v>39903</v>
      </c>
      <c r="B19581" s="1" t="s">
        <v>10652</v>
      </c>
      <c r="C19581" s="1" t="s">
        <v>39904</v>
      </c>
      <c r="D19581" s="2">
        <v>172409</v>
      </c>
      <c r="E19581" s="1" t="s">
        <v>0</v>
      </c>
    </row>
    <row r="19582" spans="1:5" x14ac:dyDescent="0.25">
      <c r="A19582" s="2">
        <v>3916</v>
      </c>
      <c r="B19582" s="2">
        <v>3916</v>
      </c>
      <c r="C19582" s="1" t="s">
        <v>0</v>
      </c>
      <c r="D19582" s="2">
        <v>172410</v>
      </c>
      <c r="E19582" s="1" t="s">
        <v>0</v>
      </c>
    </row>
    <row r="19583" spans="1:5" x14ac:dyDescent="0.25">
      <c r="A19583" s="1" t="s">
        <v>3560</v>
      </c>
      <c r="B19583" s="1" t="s">
        <v>10653</v>
      </c>
      <c r="C19583" s="1" t="s">
        <v>39905</v>
      </c>
      <c r="D19583" s="2">
        <v>172411</v>
      </c>
      <c r="E19583" s="1" t="s">
        <v>0</v>
      </c>
    </row>
    <row r="19584" spans="1:5" x14ac:dyDescent="0.25">
      <c r="A19584" s="1" t="s">
        <v>64302</v>
      </c>
      <c r="B19584" s="1" t="s">
        <v>55335</v>
      </c>
      <c r="C19584" s="1" t="s">
        <v>39906</v>
      </c>
      <c r="D19584" s="2">
        <v>172412</v>
      </c>
      <c r="E19584" s="1" t="s">
        <v>0</v>
      </c>
    </row>
    <row r="19585" spans="1:5" ht="409.5" x14ac:dyDescent="0.25">
      <c r="A19585" s="4" t="s">
        <v>64303</v>
      </c>
      <c r="B19585" s="1" t="s">
        <v>55336</v>
      </c>
      <c r="C19585" s="1" t="s">
        <v>39907</v>
      </c>
      <c r="D19585" s="2">
        <v>172413</v>
      </c>
      <c r="E19585" s="1" t="s">
        <v>0</v>
      </c>
    </row>
    <row r="19586" spans="1:5" x14ac:dyDescent="0.25">
      <c r="A19586" s="1" t="s">
        <v>39908</v>
      </c>
      <c r="B19586" s="1" t="s">
        <v>10654</v>
      </c>
      <c r="C19586" s="1" t="s">
        <v>39909</v>
      </c>
      <c r="D19586" s="2">
        <v>172414</v>
      </c>
      <c r="E19586" s="1" t="s">
        <v>0</v>
      </c>
    </row>
    <row r="19587" spans="1:5" x14ac:dyDescent="0.25">
      <c r="A19587" s="2">
        <v>3917</v>
      </c>
      <c r="B19587" s="2">
        <v>3917</v>
      </c>
      <c r="C19587" s="1" t="s">
        <v>0</v>
      </c>
      <c r="D19587" s="2">
        <v>172415</v>
      </c>
      <c r="E19587" s="1" t="s">
        <v>0</v>
      </c>
    </row>
    <row r="19588" spans="1:5" x14ac:dyDescent="0.25">
      <c r="A19588" s="1" t="s">
        <v>3561</v>
      </c>
      <c r="B19588" s="1" t="s">
        <v>10655</v>
      </c>
      <c r="C19588" s="1" t="s">
        <v>39910</v>
      </c>
      <c r="D19588" s="2">
        <v>172416</v>
      </c>
      <c r="E19588" s="1" t="s">
        <v>0</v>
      </c>
    </row>
    <row r="19589" spans="1:5" x14ac:dyDescent="0.25">
      <c r="A19589" s="1" t="s">
        <v>39911</v>
      </c>
      <c r="B19589" s="1" t="s">
        <v>60195</v>
      </c>
      <c r="C19589" s="1" t="s">
        <v>39912</v>
      </c>
      <c r="D19589" s="2">
        <v>172417</v>
      </c>
      <c r="E19589" s="1" t="s">
        <v>0</v>
      </c>
    </row>
    <row r="19590" spans="1:5" ht="409.5" x14ac:dyDescent="0.25">
      <c r="A19590" s="4" t="s">
        <v>39913</v>
      </c>
      <c r="B19590" s="1" t="s">
        <v>61520</v>
      </c>
      <c r="C19590" s="1" t="s">
        <v>39914</v>
      </c>
      <c r="D19590" s="2">
        <v>172418</v>
      </c>
      <c r="E19590" s="1" t="s">
        <v>0</v>
      </c>
    </row>
    <row r="19591" spans="1:5" x14ac:dyDescent="0.25">
      <c r="A19591" s="1" t="s">
        <v>39915</v>
      </c>
      <c r="B19591" s="1" t="s">
        <v>55337</v>
      </c>
      <c r="C19591" s="1" t="s">
        <v>39916</v>
      </c>
      <c r="D19591" s="2">
        <v>172419</v>
      </c>
      <c r="E19591" s="1" t="s">
        <v>0</v>
      </c>
    </row>
    <row r="19592" spans="1:5" x14ac:dyDescent="0.25">
      <c r="A19592" s="2">
        <v>3918</v>
      </c>
      <c r="B19592" s="2">
        <v>3918</v>
      </c>
      <c r="C19592" s="1" t="s">
        <v>0</v>
      </c>
      <c r="D19592" s="2">
        <v>172420</v>
      </c>
      <c r="E19592" s="1" t="s">
        <v>0</v>
      </c>
    </row>
    <row r="19593" spans="1:5" x14ac:dyDescent="0.25">
      <c r="A19593" s="1" t="s">
        <v>3562</v>
      </c>
      <c r="B19593" s="1" t="s">
        <v>10656</v>
      </c>
      <c r="C19593" s="1" t="s">
        <v>39917</v>
      </c>
      <c r="D19593" s="2">
        <v>172421</v>
      </c>
      <c r="E19593" s="1" t="s">
        <v>0</v>
      </c>
    </row>
    <row r="19594" spans="1:5" x14ac:dyDescent="0.25">
      <c r="A19594" s="1" t="s">
        <v>39918</v>
      </c>
      <c r="B19594" s="1" t="s">
        <v>55338</v>
      </c>
      <c r="C19594" s="1" t="s">
        <v>39919</v>
      </c>
      <c r="D19594" s="2">
        <v>172422</v>
      </c>
      <c r="E19594" s="1" t="s">
        <v>0</v>
      </c>
    </row>
    <row r="19595" spans="1:5" ht="409.5" x14ac:dyDescent="0.25">
      <c r="A19595" s="4" t="s">
        <v>39920</v>
      </c>
      <c r="B19595" s="1" t="s">
        <v>60457</v>
      </c>
      <c r="C19595" s="1" t="s">
        <v>39921</v>
      </c>
      <c r="D19595" s="2">
        <v>172423</v>
      </c>
      <c r="E19595" s="1" t="s">
        <v>0</v>
      </c>
    </row>
    <row r="19596" spans="1:5" x14ac:dyDescent="0.25">
      <c r="A19596" s="1" t="s">
        <v>39922</v>
      </c>
      <c r="B19596" s="1" t="s">
        <v>61286</v>
      </c>
      <c r="C19596" s="1" t="s">
        <v>39923</v>
      </c>
      <c r="D19596" s="2">
        <v>172424</v>
      </c>
      <c r="E19596" s="1" t="s">
        <v>0</v>
      </c>
    </row>
    <row r="19597" spans="1:5" x14ac:dyDescent="0.25">
      <c r="A19597" s="2">
        <v>3919</v>
      </c>
      <c r="B19597" s="2">
        <v>3919</v>
      </c>
      <c r="C19597" s="1" t="s">
        <v>0</v>
      </c>
      <c r="D19597" s="2">
        <v>172425</v>
      </c>
      <c r="E19597" s="1" t="s">
        <v>0</v>
      </c>
    </row>
    <row r="19598" spans="1:5" x14ac:dyDescent="0.25">
      <c r="A19598" s="1" t="s">
        <v>3563</v>
      </c>
      <c r="B19598" s="1" t="s">
        <v>55339</v>
      </c>
      <c r="C19598" s="1" t="s">
        <v>39924</v>
      </c>
      <c r="D19598" s="2">
        <v>172426</v>
      </c>
      <c r="E19598" s="1" t="s">
        <v>0</v>
      </c>
    </row>
    <row r="19599" spans="1:5" x14ac:dyDescent="0.25">
      <c r="A19599" s="1" t="s">
        <v>39925</v>
      </c>
      <c r="B19599" s="1" t="s">
        <v>55340</v>
      </c>
      <c r="C19599" s="1" t="s">
        <v>39926</v>
      </c>
      <c r="D19599" s="2">
        <v>172427</v>
      </c>
      <c r="E19599" s="1" t="s">
        <v>0</v>
      </c>
    </row>
    <row r="19600" spans="1:5" ht="409.5" x14ac:dyDescent="0.25">
      <c r="A19600" s="4" t="s">
        <v>39927</v>
      </c>
      <c r="B19600" s="1" t="s">
        <v>55341</v>
      </c>
      <c r="C19600" s="1" t="s">
        <v>39928</v>
      </c>
      <c r="D19600" s="2">
        <v>172428</v>
      </c>
      <c r="E19600" s="1" t="s">
        <v>0</v>
      </c>
    </row>
    <row r="19601" spans="1:5" x14ac:dyDescent="0.25">
      <c r="A19601" s="1" t="s">
        <v>39929</v>
      </c>
      <c r="B19601" s="1" t="s">
        <v>10657</v>
      </c>
      <c r="C19601" s="1" t="s">
        <v>39930</v>
      </c>
      <c r="D19601" s="2">
        <v>172429</v>
      </c>
      <c r="E19601" s="1" t="s">
        <v>0</v>
      </c>
    </row>
    <row r="19602" spans="1:5" x14ac:dyDescent="0.25">
      <c r="A19602" s="2">
        <v>3920</v>
      </c>
      <c r="B19602" s="2">
        <v>3920</v>
      </c>
      <c r="C19602" s="1" t="s">
        <v>0</v>
      </c>
      <c r="D19602" s="2">
        <v>172430</v>
      </c>
      <c r="E19602" s="1" t="s">
        <v>0</v>
      </c>
    </row>
    <row r="19603" spans="1:5" x14ac:dyDescent="0.25">
      <c r="A19603" s="1" t="s">
        <v>3564</v>
      </c>
      <c r="B19603" s="1" t="s">
        <v>10658</v>
      </c>
      <c r="C19603" s="1" t="s">
        <v>39931</v>
      </c>
      <c r="D19603" s="2">
        <v>172431</v>
      </c>
      <c r="E19603" s="1" t="s">
        <v>0</v>
      </c>
    </row>
    <row r="19604" spans="1:5" x14ac:dyDescent="0.25">
      <c r="A19604" s="1" t="s">
        <v>39932</v>
      </c>
      <c r="B19604" s="1" t="s">
        <v>10659</v>
      </c>
      <c r="C19604" s="1" t="s">
        <v>39933</v>
      </c>
      <c r="D19604" s="2">
        <v>172432</v>
      </c>
      <c r="E19604" s="1" t="s">
        <v>0</v>
      </c>
    </row>
    <row r="19605" spans="1:5" ht="409.5" x14ac:dyDescent="0.25">
      <c r="A19605" s="4" t="s">
        <v>39934</v>
      </c>
      <c r="B19605" s="1" t="s">
        <v>10660</v>
      </c>
      <c r="C19605" s="1" t="s">
        <v>39935</v>
      </c>
      <c r="D19605" s="2">
        <v>172433</v>
      </c>
      <c r="E19605" s="1" t="s">
        <v>0</v>
      </c>
    </row>
    <row r="19606" spans="1:5" x14ac:dyDescent="0.25">
      <c r="A19606" s="1" t="s">
        <v>39936</v>
      </c>
      <c r="B19606" s="1" t="s">
        <v>10661</v>
      </c>
      <c r="C19606" s="1" t="s">
        <v>39937</v>
      </c>
      <c r="D19606" s="2">
        <v>172434</v>
      </c>
      <c r="E19606" s="1" t="s">
        <v>0</v>
      </c>
    </row>
    <row r="19607" spans="1:5" x14ac:dyDescent="0.25">
      <c r="A19607" s="2">
        <v>3921</v>
      </c>
      <c r="B19607" s="2">
        <v>3921</v>
      </c>
      <c r="C19607" s="1" t="s">
        <v>0</v>
      </c>
      <c r="D19607" s="2">
        <v>172435</v>
      </c>
      <c r="E19607" s="1" t="s">
        <v>0</v>
      </c>
    </row>
    <row r="19608" spans="1:5" x14ac:dyDescent="0.25">
      <c r="A19608" s="1" t="s">
        <v>3565</v>
      </c>
      <c r="B19608" s="1" t="s">
        <v>10662</v>
      </c>
      <c r="C19608" s="1" t="s">
        <v>39938</v>
      </c>
      <c r="D19608" s="2">
        <v>172436</v>
      </c>
      <c r="E19608" s="1" t="s">
        <v>0</v>
      </c>
    </row>
    <row r="19609" spans="1:5" x14ac:dyDescent="0.25">
      <c r="A19609" s="1" t="s">
        <v>39939</v>
      </c>
      <c r="B19609" s="1" t="s">
        <v>55342</v>
      </c>
      <c r="C19609" s="1" t="s">
        <v>39940</v>
      </c>
      <c r="D19609" s="2">
        <v>172437</v>
      </c>
      <c r="E19609" s="1" t="s">
        <v>0</v>
      </c>
    </row>
    <row r="19610" spans="1:5" ht="409.5" x14ac:dyDescent="0.25">
      <c r="A19610" s="4" t="s">
        <v>39941</v>
      </c>
      <c r="B19610" s="1" t="s">
        <v>55343</v>
      </c>
      <c r="C19610" s="1" t="s">
        <v>39942</v>
      </c>
      <c r="D19610" s="2">
        <v>172438</v>
      </c>
      <c r="E19610" s="1" t="s">
        <v>0</v>
      </c>
    </row>
    <row r="19611" spans="1:5" x14ac:dyDescent="0.25">
      <c r="A19611" s="1" t="s">
        <v>39943</v>
      </c>
      <c r="B19611" s="1" t="s">
        <v>55344</v>
      </c>
      <c r="C19611" s="1" t="s">
        <v>39944</v>
      </c>
      <c r="D19611" s="2">
        <v>172439</v>
      </c>
      <c r="E19611" s="1" t="s">
        <v>0</v>
      </c>
    </row>
    <row r="19612" spans="1:5" x14ac:dyDescent="0.25">
      <c r="A19612" s="2">
        <v>3922</v>
      </c>
      <c r="B19612" s="2">
        <v>3922</v>
      </c>
      <c r="C19612" s="1" t="s">
        <v>0</v>
      </c>
      <c r="D19612" s="2">
        <v>172440</v>
      </c>
      <c r="E19612" s="1" t="s">
        <v>0</v>
      </c>
    </row>
    <row r="19613" spans="1:5" x14ac:dyDescent="0.25">
      <c r="A19613" s="1" t="s">
        <v>3566</v>
      </c>
      <c r="B19613" s="1" t="s">
        <v>10663</v>
      </c>
      <c r="C19613" s="1" t="s">
        <v>39945</v>
      </c>
      <c r="D19613" s="2">
        <v>172441</v>
      </c>
      <c r="E19613" s="1" t="s">
        <v>0</v>
      </c>
    </row>
    <row r="19614" spans="1:5" x14ac:dyDescent="0.25">
      <c r="A19614" s="1" t="s">
        <v>39946</v>
      </c>
      <c r="B19614" s="1" t="s">
        <v>10664</v>
      </c>
      <c r="C19614" s="1" t="s">
        <v>39947</v>
      </c>
      <c r="D19614" s="2">
        <v>172442</v>
      </c>
      <c r="E19614" s="1" t="s">
        <v>0</v>
      </c>
    </row>
    <row r="19615" spans="1:5" ht="409.5" x14ac:dyDescent="0.25">
      <c r="A19615" s="4" t="s">
        <v>39948</v>
      </c>
      <c r="B19615" s="1" t="s">
        <v>55345</v>
      </c>
      <c r="C19615" s="1" t="s">
        <v>39949</v>
      </c>
      <c r="D19615" s="2">
        <v>172443</v>
      </c>
      <c r="E19615" s="1" t="s">
        <v>0</v>
      </c>
    </row>
    <row r="19616" spans="1:5" x14ac:dyDescent="0.25">
      <c r="A19616" s="1" t="s">
        <v>39950</v>
      </c>
      <c r="B19616" s="1" t="s">
        <v>10665</v>
      </c>
      <c r="C19616" s="1" t="s">
        <v>39951</v>
      </c>
      <c r="D19616" s="2">
        <v>172444</v>
      </c>
      <c r="E19616" s="1" t="s">
        <v>0</v>
      </c>
    </row>
    <row r="19617" spans="1:5" x14ac:dyDescent="0.25">
      <c r="A19617" s="2">
        <v>3923</v>
      </c>
      <c r="B19617" s="2">
        <v>3923</v>
      </c>
      <c r="C19617" s="1" t="s">
        <v>0</v>
      </c>
      <c r="D19617" s="2">
        <v>172445</v>
      </c>
      <c r="E19617" s="1" t="s">
        <v>0</v>
      </c>
    </row>
    <row r="19618" spans="1:5" x14ac:dyDescent="0.25">
      <c r="A19618" s="1" t="s">
        <v>3567</v>
      </c>
      <c r="B19618" s="1" t="s">
        <v>57595</v>
      </c>
      <c r="C19618" s="1" t="s">
        <v>39952</v>
      </c>
      <c r="D19618" s="2">
        <v>172446</v>
      </c>
      <c r="E19618" s="1" t="s">
        <v>0</v>
      </c>
    </row>
    <row r="19619" spans="1:5" x14ac:dyDescent="0.25">
      <c r="A19619" s="1" t="s">
        <v>39953</v>
      </c>
      <c r="B19619" s="1" t="s">
        <v>57596</v>
      </c>
      <c r="C19619" s="1" t="s">
        <v>39954</v>
      </c>
      <c r="D19619" s="2">
        <v>172447</v>
      </c>
      <c r="E19619" s="1" t="s">
        <v>0</v>
      </c>
    </row>
    <row r="19620" spans="1:5" ht="409.5" x14ac:dyDescent="0.25">
      <c r="A19620" s="4" t="s">
        <v>39955</v>
      </c>
      <c r="B19620" s="1" t="s">
        <v>60196</v>
      </c>
      <c r="C19620" s="1" t="s">
        <v>39956</v>
      </c>
      <c r="D19620" s="2">
        <v>172448</v>
      </c>
      <c r="E19620" s="1" t="s">
        <v>0</v>
      </c>
    </row>
    <row r="19621" spans="1:5" x14ac:dyDescent="0.25">
      <c r="A19621" s="1" t="s">
        <v>39957</v>
      </c>
      <c r="B19621" s="1" t="s">
        <v>55346</v>
      </c>
      <c r="C19621" s="1" t="s">
        <v>39958</v>
      </c>
      <c r="D19621" s="2">
        <v>172449</v>
      </c>
      <c r="E19621" s="1" t="s">
        <v>0</v>
      </c>
    </row>
    <row r="19622" spans="1:5" x14ac:dyDescent="0.25">
      <c r="A19622" s="2">
        <v>3924</v>
      </c>
      <c r="B19622" s="2">
        <v>3924</v>
      </c>
      <c r="C19622" s="1" t="s">
        <v>0</v>
      </c>
      <c r="D19622" s="2">
        <v>172450</v>
      </c>
      <c r="E19622" s="1" t="s">
        <v>0</v>
      </c>
    </row>
    <row r="19623" spans="1:5" x14ac:dyDescent="0.25">
      <c r="A19623" s="1" t="s">
        <v>3568</v>
      </c>
      <c r="B19623" s="1" t="s">
        <v>10666</v>
      </c>
      <c r="C19623" s="1" t="s">
        <v>39959</v>
      </c>
      <c r="D19623" s="2">
        <v>172451</v>
      </c>
      <c r="E19623" s="1" t="s">
        <v>0</v>
      </c>
    </row>
    <row r="19624" spans="1:5" x14ac:dyDescent="0.25">
      <c r="A19624" s="1" t="s">
        <v>39960</v>
      </c>
      <c r="B19624" s="1" t="s">
        <v>10667</v>
      </c>
      <c r="C19624" s="1" t="s">
        <v>39961</v>
      </c>
      <c r="D19624" s="2">
        <v>172452</v>
      </c>
      <c r="E19624" s="1" t="s">
        <v>0</v>
      </c>
    </row>
    <row r="19625" spans="1:5" ht="409.5" x14ac:dyDescent="0.25">
      <c r="A19625" s="4" t="s">
        <v>39962</v>
      </c>
      <c r="B19625" s="1" t="s">
        <v>62805</v>
      </c>
      <c r="C19625" s="1" t="s">
        <v>39963</v>
      </c>
      <c r="D19625" s="2">
        <v>172453</v>
      </c>
      <c r="E19625" s="1" t="s">
        <v>0</v>
      </c>
    </row>
    <row r="19626" spans="1:5" x14ac:dyDescent="0.25">
      <c r="A19626" s="1" t="s">
        <v>39964</v>
      </c>
      <c r="B19626" s="1" t="s">
        <v>10668</v>
      </c>
      <c r="C19626" s="1" t="s">
        <v>39965</v>
      </c>
      <c r="D19626" s="2">
        <v>172454</v>
      </c>
      <c r="E19626" s="1" t="s">
        <v>0</v>
      </c>
    </row>
    <row r="19627" spans="1:5" x14ac:dyDescent="0.25">
      <c r="A19627" s="2">
        <v>3925</v>
      </c>
      <c r="B19627" s="2">
        <v>3925</v>
      </c>
      <c r="C19627" s="1" t="s">
        <v>0</v>
      </c>
      <c r="D19627" s="2">
        <v>172455</v>
      </c>
      <c r="E19627" s="1" t="s">
        <v>0</v>
      </c>
    </row>
    <row r="19628" spans="1:5" x14ac:dyDescent="0.25">
      <c r="A19628" s="1" t="s">
        <v>3569</v>
      </c>
      <c r="B19628" s="1" t="s">
        <v>10669</v>
      </c>
      <c r="C19628" s="1" t="s">
        <v>39966</v>
      </c>
      <c r="D19628" s="2">
        <v>172456</v>
      </c>
      <c r="E19628" s="1" t="s">
        <v>0</v>
      </c>
    </row>
    <row r="19629" spans="1:5" x14ac:dyDescent="0.25">
      <c r="A19629" s="1" t="s">
        <v>39967</v>
      </c>
      <c r="B19629" s="1" t="s">
        <v>56844</v>
      </c>
      <c r="C19629" s="1" t="s">
        <v>39968</v>
      </c>
      <c r="D19629" s="2">
        <v>172457</v>
      </c>
      <c r="E19629" s="1" t="s">
        <v>0</v>
      </c>
    </row>
    <row r="19630" spans="1:5" ht="409.5" x14ac:dyDescent="0.25">
      <c r="A19630" s="4" t="s">
        <v>39969</v>
      </c>
      <c r="B19630" s="1" t="s">
        <v>56845</v>
      </c>
      <c r="C19630" s="1" t="s">
        <v>39970</v>
      </c>
      <c r="D19630" s="2">
        <v>172458</v>
      </c>
      <c r="E19630" s="1" t="s">
        <v>0</v>
      </c>
    </row>
    <row r="19631" spans="1:5" x14ac:dyDescent="0.25">
      <c r="A19631" s="1" t="s">
        <v>39971</v>
      </c>
      <c r="B19631" s="1" t="s">
        <v>55347</v>
      </c>
      <c r="C19631" s="1" t="s">
        <v>39972</v>
      </c>
      <c r="D19631" s="2">
        <v>172459</v>
      </c>
      <c r="E19631" s="1" t="s">
        <v>0</v>
      </c>
    </row>
    <row r="19632" spans="1:5" x14ac:dyDescent="0.25">
      <c r="A19632" s="2">
        <v>3926</v>
      </c>
      <c r="B19632" s="2">
        <v>3926</v>
      </c>
      <c r="C19632" s="1" t="s">
        <v>0</v>
      </c>
      <c r="D19632" s="2">
        <v>172460</v>
      </c>
      <c r="E19632" s="1" t="s">
        <v>0</v>
      </c>
    </row>
    <row r="19633" spans="1:5" x14ac:dyDescent="0.25">
      <c r="A19633" s="1" t="s">
        <v>3570</v>
      </c>
      <c r="B19633" s="1" t="s">
        <v>10670</v>
      </c>
      <c r="C19633" s="1" t="s">
        <v>39973</v>
      </c>
      <c r="D19633" s="2">
        <v>172461</v>
      </c>
      <c r="E19633" s="1" t="s">
        <v>0</v>
      </c>
    </row>
    <row r="19634" spans="1:5" x14ac:dyDescent="0.25">
      <c r="A19634" s="1" t="s">
        <v>39974</v>
      </c>
      <c r="B19634" s="1" t="s">
        <v>10671</v>
      </c>
      <c r="C19634" s="1" t="s">
        <v>39975</v>
      </c>
      <c r="D19634" s="2">
        <v>172462</v>
      </c>
      <c r="E19634" s="1" t="s">
        <v>0</v>
      </c>
    </row>
    <row r="19635" spans="1:5" ht="409.5" x14ac:dyDescent="0.25">
      <c r="A19635" s="4" t="s">
        <v>39976</v>
      </c>
      <c r="B19635" s="1" t="s">
        <v>57597</v>
      </c>
      <c r="C19635" s="1" t="s">
        <v>39977</v>
      </c>
      <c r="D19635" s="2">
        <v>172463</v>
      </c>
      <c r="E19635" s="1" t="s">
        <v>0</v>
      </c>
    </row>
    <row r="19636" spans="1:5" x14ac:dyDescent="0.25">
      <c r="A19636" s="1" t="s">
        <v>39978</v>
      </c>
      <c r="B19636" s="1" t="s">
        <v>55348</v>
      </c>
      <c r="C19636" s="1" t="s">
        <v>39979</v>
      </c>
      <c r="D19636" s="2">
        <v>172464</v>
      </c>
      <c r="E19636" s="1" t="s">
        <v>0</v>
      </c>
    </row>
    <row r="19637" spans="1:5" x14ac:dyDescent="0.25">
      <c r="A19637" s="2">
        <v>3927</v>
      </c>
      <c r="B19637" s="2">
        <v>3927</v>
      </c>
      <c r="C19637" s="1" t="s">
        <v>0</v>
      </c>
      <c r="D19637" s="2">
        <v>172465</v>
      </c>
      <c r="E19637" s="1" t="s">
        <v>0</v>
      </c>
    </row>
    <row r="19638" spans="1:5" x14ac:dyDescent="0.25">
      <c r="A19638" s="1" t="s">
        <v>3571</v>
      </c>
      <c r="B19638" s="1" t="s">
        <v>50949</v>
      </c>
      <c r="C19638" s="1" t="s">
        <v>39980</v>
      </c>
      <c r="D19638" s="2">
        <v>172466</v>
      </c>
      <c r="E19638" s="1" t="s">
        <v>0</v>
      </c>
    </row>
    <row r="19639" spans="1:5" x14ac:dyDescent="0.25">
      <c r="A19639" s="1" t="s">
        <v>39981</v>
      </c>
      <c r="B19639" s="1" t="s">
        <v>56846</v>
      </c>
      <c r="C19639" s="1" t="s">
        <v>39982</v>
      </c>
      <c r="D19639" s="2">
        <v>172467</v>
      </c>
      <c r="E19639" s="1" t="s">
        <v>0</v>
      </c>
    </row>
    <row r="19640" spans="1:5" ht="409.5" x14ac:dyDescent="0.25">
      <c r="A19640" s="4" t="s">
        <v>39983</v>
      </c>
      <c r="B19640" s="1" t="s">
        <v>57598</v>
      </c>
      <c r="C19640" s="1" t="s">
        <v>39984</v>
      </c>
      <c r="D19640" s="2">
        <v>172468</v>
      </c>
      <c r="E19640" s="1" t="s">
        <v>0</v>
      </c>
    </row>
    <row r="19641" spans="1:5" x14ac:dyDescent="0.25">
      <c r="A19641" s="1" t="s">
        <v>39985</v>
      </c>
      <c r="B19641" s="1" t="s">
        <v>10672</v>
      </c>
      <c r="C19641" s="1" t="s">
        <v>39986</v>
      </c>
      <c r="D19641" s="2">
        <v>172469</v>
      </c>
      <c r="E19641" s="1" t="s">
        <v>0</v>
      </c>
    </row>
    <row r="19642" spans="1:5" x14ac:dyDescent="0.25">
      <c r="A19642" s="2">
        <v>3928</v>
      </c>
      <c r="B19642" s="2">
        <v>3928</v>
      </c>
      <c r="C19642" s="1" t="s">
        <v>0</v>
      </c>
      <c r="D19642" s="2">
        <v>172470</v>
      </c>
      <c r="E19642" s="1" t="s">
        <v>0</v>
      </c>
    </row>
    <row r="19643" spans="1:5" x14ac:dyDescent="0.25">
      <c r="A19643" s="1" t="s">
        <v>3572</v>
      </c>
      <c r="B19643" s="1" t="s">
        <v>10673</v>
      </c>
      <c r="C19643" s="1" t="s">
        <v>39987</v>
      </c>
      <c r="D19643" s="2">
        <v>172471</v>
      </c>
      <c r="E19643" s="1" t="s">
        <v>0</v>
      </c>
    </row>
    <row r="19644" spans="1:5" x14ac:dyDescent="0.25">
      <c r="A19644" s="1" t="s">
        <v>39988</v>
      </c>
      <c r="B19644" s="1" t="s">
        <v>58823</v>
      </c>
      <c r="C19644" s="1" t="s">
        <v>39989</v>
      </c>
      <c r="D19644" s="2">
        <v>172472</v>
      </c>
      <c r="E19644" s="1" t="s">
        <v>0</v>
      </c>
    </row>
    <row r="19645" spans="1:5" ht="409.5" x14ac:dyDescent="0.25">
      <c r="A19645" s="4" t="s">
        <v>39990</v>
      </c>
      <c r="B19645" s="1" t="s">
        <v>58824</v>
      </c>
      <c r="C19645" s="1" t="s">
        <v>39991</v>
      </c>
      <c r="D19645" s="2">
        <v>172473</v>
      </c>
      <c r="E19645" s="1" t="s">
        <v>0</v>
      </c>
    </row>
    <row r="19646" spans="1:5" x14ac:dyDescent="0.25">
      <c r="A19646" s="1" t="s">
        <v>39992</v>
      </c>
      <c r="B19646" s="1" t="s">
        <v>10674</v>
      </c>
      <c r="C19646" s="1" t="s">
        <v>39993</v>
      </c>
      <c r="D19646" s="2">
        <v>172474</v>
      </c>
      <c r="E19646" s="1" t="s">
        <v>0</v>
      </c>
    </row>
    <row r="19647" spans="1:5" x14ac:dyDescent="0.25">
      <c r="A19647" s="2">
        <v>3929</v>
      </c>
      <c r="B19647" s="2">
        <v>3929</v>
      </c>
      <c r="C19647" s="1" t="s">
        <v>0</v>
      </c>
      <c r="D19647" s="2">
        <v>172475</v>
      </c>
      <c r="E19647" s="1" t="s">
        <v>0</v>
      </c>
    </row>
    <row r="19648" spans="1:5" x14ac:dyDescent="0.25">
      <c r="A19648" s="1" t="s">
        <v>3573</v>
      </c>
      <c r="B19648" s="1" t="s">
        <v>10675</v>
      </c>
      <c r="C19648" s="1" t="s">
        <v>39994</v>
      </c>
      <c r="D19648" s="2">
        <v>172476</v>
      </c>
      <c r="E19648" s="1" t="s">
        <v>0</v>
      </c>
    </row>
    <row r="19649" spans="1:5" x14ac:dyDescent="0.25">
      <c r="A19649" s="1" t="s">
        <v>39995</v>
      </c>
      <c r="B19649" s="1" t="s">
        <v>55349</v>
      </c>
      <c r="C19649" s="1" t="s">
        <v>39996</v>
      </c>
      <c r="D19649" s="2">
        <v>172477</v>
      </c>
      <c r="E19649" s="1" t="s">
        <v>0</v>
      </c>
    </row>
    <row r="19650" spans="1:5" ht="409.5" x14ac:dyDescent="0.25">
      <c r="A19650" s="4" t="s">
        <v>39997</v>
      </c>
      <c r="B19650" s="1" t="s">
        <v>55350</v>
      </c>
      <c r="C19650" s="1" t="s">
        <v>39998</v>
      </c>
      <c r="D19650" s="2">
        <v>172478</v>
      </c>
      <c r="E19650" s="1" t="s">
        <v>0</v>
      </c>
    </row>
    <row r="19651" spans="1:5" x14ac:dyDescent="0.25">
      <c r="A19651" s="1" t="s">
        <v>39999</v>
      </c>
      <c r="B19651" s="1" t="s">
        <v>10676</v>
      </c>
      <c r="C19651" s="1" t="s">
        <v>40000</v>
      </c>
      <c r="D19651" s="2">
        <v>172479</v>
      </c>
      <c r="E19651" s="1" t="s">
        <v>0</v>
      </c>
    </row>
    <row r="19652" spans="1:5" x14ac:dyDescent="0.25">
      <c r="A19652" s="2">
        <v>3930</v>
      </c>
      <c r="B19652" s="2">
        <v>3930</v>
      </c>
      <c r="C19652" s="1" t="s">
        <v>0</v>
      </c>
      <c r="D19652" s="2">
        <v>172480</v>
      </c>
      <c r="E19652" s="1" t="s">
        <v>0</v>
      </c>
    </row>
    <row r="19653" spans="1:5" x14ac:dyDescent="0.25">
      <c r="A19653" s="1" t="s">
        <v>3574</v>
      </c>
      <c r="B19653" s="1" t="s">
        <v>3575</v>
      </c>
      <c r="C19653" s="1" t="s">
        <v>40001</v>
      </c>
      <c r="D19653" s="2">
        <v>172481</v>
      </c>
      <c r="E19653" s="1" t="s">
        <v>0</v>
      </c>
    </row>
    <row r="19654" spans="1:5" x14ac:dyDescent="0.25">
      <c r="A19654" s="1" t="s">
        <v>15652</v>
      </c>
      <c r="B19654" s="1" t="s">
        <v>58154</v>
      </c>
      <c r="C19654" s="1" t="s">
        <v>15653</v>
      </c>
      <c r="D19654" s="2">
        <v>172482</v>
      </c>
      <c r="E19654" s="1" t="s">
        <v>0</v>
      </c>
    </row>
    <row r="19655" spans="1:5" ht="409.5" x14ac:dyDescent="0.25">
      <c r="A19655" s="4" t="s">
        <v>15654</v>
      </c>
      <c r="B19655" s="1" t="s">
        <v>60486</v>
      </c>
      <c r="C19655" s="1" t="s">
        <v>15655</v>
      </c>
      <c r="D19655" s="2">
        <v>172483</v>
      </c>
      <c r="E19655" s="1" t="s">
        <v>0</v>
      </c>
    </row>
    <row r="19656" spans="1:5" x14ac:dyDescent="0.25">
      <c r="A19656" s="1" t="s">
        <v>40002</v>
      </c>
      <c r="B19656" s="1" t="s">
        <v>10677</v>
      </c>
      <c r="C19656" s="1" t="s">
        <v>40003</v>
      </c>
      <c r="D19656" s="2">
        <v>172484</v>
      </c>
      <c r="E19656" s="1" t="s">
        <v>0</v>
      </c>
    </row>
    <row r="19657" spans="1:5" x14ac:dyDescent="0.25">
      <c r="A19657" s="2">
        <v>3931</v>
      </c>
      <c r="B19657" s="2">
        <v>3931</v>
      </c>
      <c r="C19657" s="1" t="s">
        <v>0</v>
      </c>
      <c r="D19657" s="2">
        <v>172485</v>
      </c>
      <c r="E19657" s="1" t="s">
        <v>0</v>
      </c>
    </row>
    <row r="19658" spans="1:5" x14ac:dyDescent="0.25">
      <c r="A19658" s="1" t="s">
        <v>3576</v>
      </c>
      <c r="B19658" s="1" t="s">
        <v>10678</v>
      </c>
      <c r="C19658" s="1" t="s">
        <v>40004</v>
      </c>
      <c r="D19658" s="2">
        <v>172486</v>
      </c>
      <c r="E19658" s="1" t="s">
        <v>0</v>
      </c>
    </row>
    <row r="19659" spans="1:5" x14ac:dyDescent="0.25">
      <c r="A19659" s="1" t="s">
        <v>40005</v>
      </c>
      <c r="B19659" s="1" t="s">
        <v>55351</v>
      </c>
      <c r="C19659" s="1" t="s">
        <v>40006</v>
      </c>
      <c r="D19659" s="2">
        <v>172487</v>
      </c>
      <c r="E19659" s="1" t="s">
        <v>0</v>
      </c>
    </row>
    <row r="19660" spans="1:5" ht="409.5" x14ac:dyDescent="0.25">
      <c r="A19660" s="4" t="s">
        <v>40007</v>
      </c>
      <c r="B19660" s="1" t="s">
        <v>55352</v>
      </c>
      <c r="C19660" s="1" t="s">
        <v>40008</v>
      </c>
      <c r="D19660" s="2">
        <v>172488</v>
      </c>
      <c r="E19660" s="1" t="s">
        <v>0</v>
      </c>
    </row>
    <row r="19661" spans="1:5" x14ac:dyDescent="0.25">
      <c r="A19661" s="1" t="s">
        <v>40009</v>
      </c>
      <c r="B19661" s="1" t="s">
        <v>10679</v>
      </c>
      <c r="C19661" s="1" t="s">
        <v>40010</v>
      </c>
      <c r="D19661" s="2">
        <v>172489</v>
      </c>
      <c r="E19661" s="1" t="s">
        <v>0</v>
      </c>
    </row>
    <row r="19662" spans="1:5" x14ac:dyDescent="0.25">
      <c r="A19662" s="2">
        <v>3932</v>
      </c>
      <c r="B19662" s="2">
        <v>3932</v>
      </c>
      <c r="C19662" s="1" t="s">
        <v>0</v>
      </c>
      <c r="D19662" s="2">
        <v>172490</v>
      </c>
      <c r="E19662" s="1" t="s">
        <v>0</v>
      </c>
    </row>
    <row r="19663" spans="1:5" x14ac:dyDescent="0.25">
      <c r="A19663" s="1" t="s">
        <v>3577</v>
      </c>
      <c r="B19663" s="1" t="s">
        <v>10680</v>
      </c>
      <c r="C19663" s="1" t="s">
        <v>40011</v>
      </c>
      <c r="D19663" s="2">
        <v>172491</v>
      </c>
      <c r="E19663" s="1" t="s">
        <v>0</v>
      </c>
    </row>
    <row r="19664" spans="1:5" x14ac:dyDescent="0.25">
      <c r="A19664" s="1" t="s">
        <v>40012</v>
      </c>
      <c r="B19664" s="1" t="s">
        <v>55353</v>
      </c>
      <c r="C19664" s="1" t="s">
        <v>40013</v>
      </c>
      <c r="D19664" s="2">
        <v>172492</v>
      </c>
      <c r="E19664" s="1" t="s">
        <v>0</v>
      </c>
    </row>
    <row r="19665" spans="1:5" ht="409.5" x14ac:dyDescent="0.25">
      <c r="A19665" s="4" t="s">
        <v>40014</v>
      </c>
      <c r="B19665" s="1" t="s">
        <v>57960</v>
      </c>
      <c r="C19665" s="1" t="s">
        <v>40015</v>
      </c>
      <c r="D19665" s="2">
        <v>172493</v>
      </c>
      <c r="E19665" s="1" t="s">
        <v>0</v>
      </c>
    </row>
    <row r="19666" spans="1:5" x14ac:dyDescent="0.25">
      <c r="A19666" s="1" t="s">
        <v>40016</v>
      </c>
      <c r="B19666" s="1" t="s">
        <v>55354</v>
      </c>
      <c r="C19666" s="1" t="s">
        <v>40017</v>
      </c>
      <c r="D19666" s="2">
        <v>172494</v>
      </c>
      <c r="E19666" s="1" t="s">
        <v>0</v>
      </c>
    </row>
    <row r="19667" spans="1:5" x14ac:dyDescent="0.25">
      <c r="A19667" s="2">
        <v>3933</v>
      </c>
      <c r="B19667" s="2">
        <v>3933</v>
      </c>
      <c r="C19667" s="1" t="s">
        <v>0</v>
      </c>
      <c r="D19667" s="2">
        <v>172495</v>
      </c>
      <c r="E19667" s="1" t="s">
        <v>0</v>
      </c>
    </row>
    <row r="19668" spans="1:5" x14ac:dyDescent="0.25">
      <c r="A19668" s="1" t="s">
        <v>3578</v>
      </c>
      <c r="B19668" s="1" t="s">
        <v>55355</v>
      </c>
      <c r="C19668" s="1" t="s">
        <v>40018</v>
      </c>
      <c r="D19668" s="2">
        <v>172496</v>
      </c>
      <c r="E19668" s="1" t="s">
        <v>0</v>
      </c>
    </row>
    <row r="19669" spans="1:5" x14ac:dyDescent="0.25">
      <c r="A19669" s="1" t="s">
        <v>40019</v>
      </c>
      <c r="B19669" s="1" t="s">
        <v>55356</v>
      </c>
      <c r="C19669" s="1" t="s">
        <v>40020</v>
      </c>
      <c r="D19669" s="2">
        <v>172497</v>
      </c>
      <c r="E19669" s="1" t="s">
        <v>0</v>
      </c>
    </row>
    <row r="19670" spans="1:5" ht="409.5" x14ac:dyDescent="0.25">
      <c r="A19670" s="4" t="s">
        <v>40021</v>
      </c>
      <c r="B19670" s="1" t="s">
        <v>55357</v>
      </c>
      <c r="C19670" s="1" t="s">
        <v>40022</v>
      </c>
      <c r="D19670" s="2">
        <v>172498</v>
      </c>
      <c r="E19670" s="1" t="s">
        <v>0</v>
      </c>
    </row>
    <row r="19671" spans="1:5" x14ac:dyDescent="0.25">
      <c r="A19671" s="1" t="s">
        <v>40023</v>
      </c>
      <c r="B19671" s="1" t="s">
        <v>10681</v>
      </c>
      <c r="C19671" s="1" t="s">
        <v>40024</v>
      </c>
      <c r="D19671" s="2">
        <v>172499</v>
      </c>
      <c r="E19671" s="1" t="s">
        <v>0</v>
      </c>
    </row>
    <row r="19672" spans="1:5" x14ac:dyDescent="0.25">
      <c r="A19672" s="2">
        <v>3934</v>
      </c>
      <c r="B19672" s="2">
        <v>3934</v>
      </c>
      <c r="C19672" s="1" t="s">
        <v>0</v>
      </c>
      <c r="D19672" s="2">
        <v>172500</v>
      </c>
      <c r="E19672" s="1" t="s">
        <v>0</v>
      </c>
    </row>
    <row r="19673" spans="1:5" x14ac:dyDescent="0.25">
      <c r="A19673" s="1" t="s">
        <v>3579</v>
      </c>
      <c r="B19673" s="1" t="s">
        <v>10682</v>
      </c>
      <c r="C19673" s="1" t="s">
        <v>40025</v>
      </c>
      <c r="D19673" s="2">
        <v>172501</v>
      </c>
      <c r="E19673" s="1" t="s">
        <v>0</v>
      </c>
    </row>
    <row r="19674" spans="1:5" x14ac:dyDescent="0.25">
      <c r="A19674" s="1" t="s">
        <v>40026</v>
      </c>
      <c r="B19674" s="1" t="s">
        <v>60197</v>
      </c>
      <c r="C19674" s="1" t="s">
        <v>40027</v>
      </c>
      <c r="D19674" s="2">
        <v>172502</v>
      </c>
      <c r="E19674" s="1" t="s">
        <v>0</v>
      </c>
    </row>
    <row r="19675" spans="1:5" ht="409.5" x14ac:dyDescent="0.25">
      <c r="A19675" s="4" t="s">
        <v>40028</v>
      </c>
      <c r="B19675" s="1" t="s">
        <v>60198</v>
      </c>
      <c r="C19675" s="1" t="s">
        <v>40029</v>
      </c>
      <c r="D19675" s="2">
        <v>172503</v>
      </c>
      <c r="E19675" s="1" t="s">
        <v>0</v>
      </c>
    </row>
    <row r="19676" spans="1:5" x14ac:dyDescent="0.25">
      <c r="A19676" s="1" t="s">
        <v>40030</v>
      </c>
      <c r="B19676" s="1" t="s">
        <v>60199</v>
      </c>
      <c r="C19676" s="1" t="s">
        <v>40031</v>
      </c>
      <c r="D19676" s="2">
        <v>172504</v>
      </c>
      <c r="E19676" s="1" t="s">
        <v>0</v>
      </c>
    </row>
    <row r="19677" spans="1:5" x14ac:dyDescent="0.25">
      <c r="A19677" s="2">
        <v>3935</v>
      </c>
      <c r="B19677" s="2">
        <v>3935</v>
      </c>
      <c r="C19677" s="1" t="s">
        <v>0</v>
      </c>
      <c r="D19677" s="2">
        <v>172505</v>
      </c>
      <c r="E19677" s="1" t="s">
        <v>0</v>
      </c>
    </row>
    <row r="19678" spans="1:5" x14ac:dyDescent="0.25">
      <c r="A19678" s="1" t="s">
        <v>3580</v>
      </c>
      <c r="B19678" s="1" t="s">
        <v>10683</v>
      </c>
      <c r="C19678" s="1" t="s">
        <v>40032</v>
      </c>
      <c r="D19678" s="2">
        <v>172506</v>
      </c>
      <c r="E19678" s="1" t="s">
        <v>0</v>
      </c>
    </row>
    <row r="19679" spans="1:5" x14ac:dyDescent="0.25">
      <c r="A19679" s="1" t="s">
        <v>40033</v>
      </c>
      <c r="B19679" s="1" t="s">
        <v>50950</v>
      </c>
      <c r="C19679" s="1" t="s">
        <v>40034</v>
      </c>
      <c r="D19679" s="2">
        <v>172507</v>
      </c>
      <c r="E19679" s="1" t="s">
        <v>0</v>
      </c>
    </row>
    <row r="19680" spans="1:5" ht="409.5" x14ac:dyDescent="0.25">
      <c r="A19680" s="4" t="s">
        <v>40035</v>
      </c>
      <c r="B19680" s="1" t="s">
        <v>50951</v>
      </c>
      <c r="C19680" s="1" t="s">
        <v>40036</v>
      </c>
      <c r="D19680" s="2">
        <v>172508</v>
      </c>
      <c r="E19680" s="1" t="s">
        <v>0</v>
      </c>
    </row>
    <row r="19681" spans="1:5" x14ac:dyDescent="0.25">
      <c r="A19681" s="1" t="s">
        <v>40037</v>
      </c>
      <c r="B19681" s="1" t="s">
        <v>10684</v>
      </c>
      <c r="C19681" s="1" t="s">
        <v>40038</v>
      </c>
      <c r="D19681" s="2">
        <v>172509</v>
      </c>
      <c r="E19681" s="1" t="s">
        <v>0</v>
      </c>
    </row>
    <row r="19682" spans="1:5" x14ac:dyDescent="0.25">
      <c r="A19682" s="2">
        <v>3936</v>
      </c>
      <c r="B19682" s="2">
        <v>3936</v>
      </c>
      <c r="C19682" s="1" t="s">
        <v>0</v>
      </c>
      <c r="D19682" s="2">
        <v>172510</v>
      </c>
      <c r="E19682" s="1" t="s">
        <v>0</v>
      </c>
    </row>
    <row r="19683" spans="1:5" x14ac:dyDescent="0.25">
      <c r="A19683" s="1" t="s">
        <v>3581</v>
      </c>
      <c r="B19683" s="1" t="s">
        <v>55358</v>
      </c>
      <c r="C19683" s="1" t="s">
        <v>40039</v>
      </c>
      <c r="D19683" s="2">
        <v>172511</v>
      </c>
      <c r="E19683" s="1" t="s">
        <v>0</v>
      </c>
    </row>
    <row r="19684" spans="1:5" x14ac:dyDescent="0.25">
      <c r="A19684" s="1" t="s">
        <v>40040</v>
      </c>
      <c r="B19684" s="1" t="s">
        <v>10685</v>
      </c>
      <c r="C19684" s="1" t="s">
        <v>40041</v>
      </c>
      <c r="D19684" s="2">
        <v>172512</v>
      </c>
      <c r="E19684" s="1" t="s">
        <v>0</v>
      </c>
    </row>
    <row r="19685" spans="1:5" ht="409.5" x14ac:dyDescent="0.25">
      <c r="A19685" s="4" t="s">
        <v>40042</v>
      </c>
      <c r="B19685" s="1" t="s">
        <v>61287</v>
      </c>
      <c r="C19685" s="1" t="s">
        <v>40043</v>
      </c>
      <c r="D19685" s="2">
        <v>172513</v>
      </c>
      <c r="E19685" s="1" t="s">
        <v>0</v>
      </c>
    </row>
    <row r="19686" spans="1:5" x14ac:dyDescent="0.25">
      <c r="A19686" s="1" t="s">
        <v>40044</v>
      </c>
      <c r="B19686" s="1" t="s">
        <v>61288</v>
      </c>
      <c r="C19686" s="1" t="s">
        <v>40045</v>
      </c>
      <c r="D19686" s="2">
        <v>172514</v>
      </c>
      <c r="E19686" s="1" t="s">
        <v>0</v>
      </c>
    </row>
    <row r="19687" spans="1:5" x14ac:dyDescent="0.25">
      <c r="A19687" s="2">
        <v>3937</v>
      </c>
      <c r="B19687" s="2">
        <v>3937</v>
      </c>
      <c r="C19687" s="1" t="s">
        <v>0</v>
      </c>
      <c r="D19687" s="2">
        <v>172515</v>
      </c>
      <c r="E19687" s="1" t="s">
        <v>0</v>
      </c>
    </row>
    <row r="19688" spans="1:5" x14ac:dyDescent="0.25">
      <c r="A19688" s="1" t="s">
        <v>3582</v>
      </c>
      <c r="B19688" s="1" t="s">
        <v>10686</v>
      </c>
      <c r="C19688" s="1" t="s">
        <v>40046</v>
      </c>
      <c r="D19688" s="2">
        <v>172516</v>
      </c>
      <c r="E19688" s="1" t="s">
        <v>0</v>
      </c>
    </row>
    <row r="19689" spans="1:5" x14ac:dyDescent="0.25">
      <c r="A19689" s="1" t="s">
        <v>40047</v>
      </c>
      <c r="B19689" s="1" t="s">
        <v>55359</v>
      </c>
      <c r="C19689" s="1" t="s">
        <v>40048</v>
      </c>
      <c r="D19689" s="2">
        <v>172517</v>
      </c>
      <c r="E19689" s="1" t="s">
        <v>0</v>
      </c>
    </row>
    <row r="19690" spans="1:5" ht="409.5" x14ac:dyDescent="0.25">
      <c r="A19690" s="4" t="s">
        <v>40049</v>
      </c>
      <c r="B19690" s="1" t="s">
        <v>55360</v>
      </c>
      <c r="C19690" s="1" t="s">
        <v>40050</v>
      </c>
      <c r="D19690" s="2">
        <v>172518</v>
      </c>
      <c r="E19690" s="1" t="s">
        <v>0</v>
      </c>
    </row>
    <row r="19691" spans="1:5" x14ac:dyDescent="0.25">
      <c r="A19691" s="1" t="s">
        <v>40051</v>
      </c>
      <c r="B19691" s="1" t="s">
        <v>10687</v>
      </c>
      <c r="C19691" s="1" t="s">
        <v>40052</v>
      </c>
      <c r="D19691" s="2">
        <v>172519</v>
      </c>
      <c r="E19691" s="1" t="s">
        <v>0</v>
      </c>
    </row>
    <row r="19692" spans="1:5" x14ac:dyDescent="0.25">
      <c r="A19692" s="2">
        <v>3938</v>
      </c>
      <c r="B19692" s="2">
        <v>3938</v>
      </c>
      <c r="C19692" s="1" t="s">
        <v>0</v>
      </c>
      <c r="D19692" s="2">
        <v>172520</v>
      </c>
      <c r="E19692" s="1" t="s">
        <v>0</v>
      </c>
    </row>
    <row r="19693" spans="1:5" x14ac:dyDescent="0.25">
      <c r="A19693" s="1" t="s">
        <v>3583</v>
      </c>
      <c r="B19693" s="1" t="s">
        <v>10688</v>
      </c>
      <c r="C19693" s="1" t="s">
        <v>40053</v>
      </c>
      <c r="D19693" s="2">
        <v>172521</v>
      </c>
      <c r="E19693" s="1" t="s">
        <v>0</v>
      </c>
    </row>
    <row r="19694" spans="1:5" x14ac:dyDescent="0.25">
      <c r="A19694" s="1" t="s">
        <v>40054</v>
      </c>
      <c r="B19694" s="1" t="s">
        <v>55361</v>
      </c>
      <c r="C19694" s="1" t="s">
        <v>40055</v>
      </c>
      <c r="D19694" s="2">
        <v>172522</v>
      </c>
      <c r="E19694" s="1" t="s">
        <v>0</v>
      </c>
    </row>
    <row r="19695" spans="1:5" ht="409.5" x14ac:dyDescent="0.25">
      <c r="A19695" s="4" t="s">
        <v>40056</v>
      </c>
      <c r="B19695" s="1" t="s">
        <v>55362</v>
      </c>
      <c r="C19695" s="1" t="s">
        <v>40057</v>
      </c>
      <c r="D19695" s="2">
        <v>172523</v>
      </c>
      <c r="E19695" s="1" t="s">
        <v>0</v>
      </c>
    </row>
    <row r="19696" spans="1:5" x14ac:dyDescent="0.25">
      <c r="A19696" s="1" t="s">
        <v>40058</v>
      </c>
      <c r="B19696" s="1" t="s">
        <v>55363</v>
      </c>
      <c r="C19696" s="1" t="s">
        <v>40059</v>
      </c>
      <c r="D19696" s="2">
        <v>172524</v>
      </c>
      <c r="E19696" s="1" t="s">
        <v>0</v>
      </c>
    </row>
    <row r="19697" spans="1:5" x14ac:dyDescent="0.25">
      <c r="A19697" s="2">
        <v>3939</v>
      </c>
      <c r="B19697" s="2">
        <v>3939</v>
      </c>
      <c r="C19697" s="1" t="s">
        <v>0</v>
      </c>
      <c r="D19697" s="2">
        <v>172525</v>
      </c>
      <c r="E19697" s="1" t="s">
        <v>0</v>
      </c>
    </row>
    <row r="19698" spans="1:5" x14ac:dyDescent="0.25">
      <c r="A19698" s="1" t="s">
        <v>3584</v>
      </c>
      <c r="B19698" s="1" t="s">
        <v>10689</v>
      </c>
      <c r="C19698" s="1" t="s">
        <v>40060</v>
      </c>
      <c r="D19698" s="2">
        <v>172526</v>
      </c>
      <c r="E19698" s="1" t="s">
        <v>0</v>
      </c>
    </row>
    <row r="19699" spans="1:5" x14ac:dyDescent="0.25">
      <c r="A19699" s="1" t="s">
        <v>40061</v>
      </c>
      <c r="B19699" s="1" t="s">
        <v>10690</v>
      </c>
      <c r="C19699" s="1" t="s">
        <v>40062</v>
      </c>
      <c r="D19699" s="2">
        <v>172527</v>
      </c>
      <c r="E19699" s="1" t="s">
        <v>0</v>
      </c>
    </row>
    <row r="19700" spans="1:5" ht="409.5" x14ac:dyDescent="0.25">
      <c r="A19700" s="4" t="s">
        <v>40063</v>
      </c>
      <c r="B19700" s="1" t="s">
        <v>63473</v>
      </c>
      <c r="C19700" s="1" t="s">
        <v>40064</v>
      </c>
      <c r="D19700" s="2">
        <v>172528</v>
      </c>
      <c r="E19700" s="1" t="s">
        <v>0</v>
      </c>
    </row>
    <row r="19701" spans="1:5" x14ac:dyDescent="0.25">
      <c r="A19701" s="1" t="s">
        <v>40065</v>
      </c>
      <c r="B19701" s="1" t="s">
        <v>55364</v>
      </c>
      <c r="C19701" s="1" t="s">
        <v>40066</v>
      </c>
      <c r="D19701" s="2">
        <v>172529</v>
      </c>
      <c r="E19701" s="1" t="s">
        <v>0</v>
      </c>
    </row>
    <row r="19702" spans="1:5" x14ac:dyDescent="0.25">
      <c r="A19702" s="2">
        <v>3940</v>
      </c>
      <c r="B19702" s="2">
        <v>3940</v>
      </c>
      <c r="C19702" s="1" t="s">
        <v>0</v>
      </c>
      <c r="D19702" s="2">
        <v>172530</v>
      </c>
      <c r="E19702" s="1" t="s">
        <v>0</v>
      </c>
    </row>
    <row r="19703" spans="1:5" x14ac:dyDescent="0.25">
      <c r="A19703" s="1" t="s">
        <v>3585</v>
      </c>
      <c r="B19703" s="1" t="s">
        <v>55365</v>
      </c>
      <c r="C19703" s="1" t="s">
        <v>40067</v>
      </c>
      <c r="D19703" s="2">
        <v>172531</v>
      </c>
      <c r="E19703" s="1" t="s">
        <v>0</v>
      </c>
    </row>
    <row r="19704" spans="1:5" x14ac:dyDescent="0.25">
      <c r="A19704" s="1" t="s">
        <v>40068</v>
      </c>
      <c r="B19704" s="1" t="s">
        <v>40069</v>
      </c>
      <c r="C19704" s="1" t="s">
        <v>40070</v>
      </c>
      <c r="D19704" s="2">
        <v>172532</v>
      </c>
      <c r="E19704" s="1" t="s">
        <v>0</v>
      </c>
    </row>
    <row r="19705" spans="1:5" x14ac:dyDescent="0.25">
      <c r="A19705" s="1" t="s">
        <v>40071</v>
      </c>
      <c r="B19705" s="1" t="s">
        <v>40072</v>
      </c>
      <c r="C19705" s="1" t="s">
        <v>40073</v>
      </c>
      <c r="D19705" s="2">
        <v>172533</v>
      </c>
      <c r="E19705" s="1" t="s">
        <v>0</v>
      </c>
    </row>
    <row r="19706" spans="1:5" x14ac:dyDescent="0.25">
      <c r="A19706" s="1" t="s">
        <v>40074</v>
      </c>
      <c r="B19706" s="1" t="s">
        <v>10691</v>
      </c>
      <c r="C19706" s="1" t="s">
        <v>40075</v>
      </c>
      <c r="D19706" s="2">
        <v>172534</v>
      </c>
      <c r="E19706" s="1" t="s">
        <v>0</v>
      </c>
    </row>
    <row r="19707" spans="1:5" x14ac:dyDescent="0.25">
      <c r="A19707" s="2">
        <v>3941</v>
      </c>
      <c r="B19707" s="2">
        <v>3941</v>
      </c>
      <c r="C19707" s="1" t="s">
        <v>0</v>
      </c>
      <c r="D19707" s="2">
        <v>172535</v>
      </c>
      <c r="E19707" s="1" t="s">
        <v>0</v>
      </c>
    </row>
    <row r="19708" spans="1:5" x14ac:dyDescent="0.25">
      <c r="A19708" s="1" t="s">
        <v>3586</v>
      </c>
      <c r="B19708" s="1" t="s">
        <v>10692</v>
      </c>
      <c r="C19708" s="1" t="s">
        <v>40076</v>
      </c>
      <c r="D19708" s="2">
        <v>172536</v>
      </c>
      <c r="E19708" s="1" t="s">
        <v>0</v>
      </c>
    </row>
    <row r="19709" spans="1:5" x14ac:dyDescent="0.25">
      <c r="A19709" s="1" t="s">
        <v>40077</v>
      </c>
      <c r="B19709" s="1" t="s">
        <v>10693</v>
      </c>
      <c r="C19709" s="1" t="s">
        <v>40078</v>
      </c>
      <c r="D19709" s="2">
        <v>172537</v>
      </c>
      <c r="E19709" s="1" t="s">
        <v>0</v>
      </c>
    </row>
    <row r="19710" spans="1:5" ht="409.5" x14ac:dyDescent="0.25">
      <c r="A19710" s="4" t="s">
        <v>40079</v>
      </c>
      <c r="B19710" s="1" t="s">
        <v>63800</v>
      </c>
      <c r="C19710" s="1" t="s">
        <v>40080</v>
      </c>
      <c r="D19710" s="2">
        <v>172538</v>
      </c>
      <c r="E19710" s="1" t="s">
        <v>0</v>
      </c>
    </row>
    <row r="19711" spans="1:5" x14ac:dyDescent="0.25">
      <c r="A19711" s="1" t="s">
        <v>40081</v>
      </c>
      <c r="B19711" s="1" t="s">
        <v>55366</v>
      </c>
      <c r="C19711" s="1" t="s">
        <v>40082</v>
      </c>
      <c r="D19711" s="2">
        <v>172539</v>
      </c>
      <c r="E19711" s="1" t="s">
        <v>0</v>
      </c>
    </row>
    <row r="19712" spans="1:5" x14ac:dyDescent="0.25">
      <c r="A19712" s="2">
        <v>3942</v>
      </c>
      <c r="B19712" s="2">
        <v>3942</v>
      </c>
      <c r="C19712" s="1" t="s">
        <v>0</v>
      </c>
      <c r="D19712" s="2">
        <v>172540</v>
      </c>
      <c r="E19712" s="1" t="s">
        <v>0</v>
      </c>
    </row>
    <row r="19713" spans="1:5" x14ac:dyDescent="0.25">
      <c r="A19713" s="1" t="s">
        <v>3587</v>
      </c>
      <c r="B19713" s="1" t="s">
        <v>10694</v>
      </c>
      <c r="C19713" s="1" t="s">
        <v>40083</v>
      </c>
      <c r="D19713" s="2">
        <v>172541</v>
      </c>
      <c r="E19713" s="1" t="s">
        <v>0</v>
      </c>
    </row>
    <row r="19714" spans="1:5" x14ac:dyDescent="0.25">
      <c r="A19714" s="1" t="s">
        <v>40084</v>
      </c>
      <c r="B19714" s="1" t="s">
        <v>57961</v>
      </c>
      <c r="C19714" s="1" t="s">
        <v>40085</v>
      </c>
      <c r="D19714" s="2">
        <v>172542</v>
      </c>
      <c r="E19714" s="1" t="s">
        <v>0</v>
      </c>
    </row>
    <row r="19715" spans="1:5" ht="409.5" x14ac:dyDescent="0.25">
      <c r="A19715" s="4" t="s">
        <v>40086</v>
      </c>
      <c r="B19715" s="1" t="s">
        <v>57962</v>
      </c>
      <c r="C19715" s="1" t="s">
        <v>40087</v>
      </c>
      <c r="D19715" s="2">
        <v>172543</v>
      </c>
      <c r="E19715" s="1" t="s">
        <v>0</v>
      </c>
    </row>
    <row r="19716" spans="1:5" x14ac:dyDescent="0.25">
      <c r="A19716" s="1" t="s">
        <v>40088</v>
      </c>
      <c r="B19716" s="1" t="s">
        <v>55367</v>
      </c>
      <c r="C19716" s="1" t="s">
        <v>40089</v>
      </c>
      <c r="D19716" s="2">
        <v>172544</v>
      </c>
      <c r="E19716" s="1" t="s">
        <v>0</v>
      </c>
    </row>
    <row r="19717" spans="1:5" x14ac:dyDescent="0.25">
      <c r="A19717" s="2">
        <v>3943</v>
      </c>
      <c r="B19717" s="2">
        <v>3943</v>
      </c>
      <c r="C19717" s="1" t="s">
        <v>0</v>
      </c>
      <c r="D19717" s="2">
        <v>172545</v>
      </c>
      <c r="E19717" s="1" t="s">
        <v>0</v>
      </c>
    </row>
    <row r="19718" spans="1:5" x14ac:dyDescent="0.25">
      <c r="A19718" s="1" t="s">
        <v>3588</v>
      </c>
      <c r="B19718" s="1" t="s">
        <v>10695</v>
      </c>
      <c r="C19718" s="1" t="s">
        <v>40090</v>
      </c>
      <c r="D19718" s="2">
        <v>172546</v>
      </c>
      <c r="E19718" s="1" t="s">
        <v>0</v>
      </c>
    </row>
    <row r="19719" spans="1:5" x14ac:dyDescent="0.25">
      <c r="A19719" s="1" t="s">
        <v>40091</v>
      </c>
      <c r="B19719" s="1" t="s">
        <v>55368</v>
      </c>
      <c r="C19719" s="1" t="s">
        <v>40092</v>
      </c>
      <c r="D19719" s="2">
        <v>172547</v>
      </c>
      <c r="E19719" s="1" t="s">
        <v>0</v>
      </c>
    </row>
    <row r="19720" spans="1:5" ht="409.5" x14ac:dyDescent="0.25">
      <c r="A19720" s="4" t="s">
        <v>40093</v>
      </c>
      <c r="B19720" s="1" t="s">
        <v>55369</v>
      </c>
      <c r="C19720" s="1" t="s">
        <v>40094</v>
      </c>
      <c r="D19720" s="2">
        <v>172548</v>
      </c>
      <c r="E19720" s="1" t="s">
        <v>0</v>
      </c>
    </row>
    <row r="19721" spans="1:5" x14ac:dyDescent="0.25">
      <c r="A19721" s="1" t="s">
        <v>40095</v>
      </c>
      <c r="B19721" s="1" t="s">
        <v>10696</v>
      </c>
      <c r="C19721" s="1" t="s">
        <v>40096</v>
      </c>
      <c r="D19721" s="2">
        <v>172549</v>
      </c>
      <c r="E19721" s="1" t="s">
        <v>0</v>
      </c>
    </row>
    <row r="19722" spans="1:5" x14ac:dyDescent="0.25">
      <c r="A19722" s="2">
        <v>3944</v>
      </c>
      <c r="B19722" s="2">
        <v>3944</v>
      </c>
      <c r="C19722" s="1" t="s">
        <v>0</v>
      </c>
      <c r="D19722" s="2">
        <v>172550</v>
      </c>
      <c r="E19722" s="1" t="s">
        <v>0</v>
      </c>
    </row>
    <row r="19723" spans="1:5" x14ac:dyDescent="0.25">
      <c r="A19723" s="1" t="s">
        <v>3589</v>
      </c>
      <c r="B19723" s="1" t="s">
        <v>10697</v>
      </c>
      <c r="C19723" s="1" t="s">
        <v>40097</v>
      </c>
      <c r="D19723" s="2">
        <v>172551</v>
      </c>
      <c r="E19723" s="1" t="s">
        <v>0</v>
      </c>
    </row>
    <row r="19724" spans="1:5" x14ac:dyDescent="0.25">
      <c r="A19724" s="1" t="s">
        <v>40098</v>
      </c>
      <c r="B19724" s="1" t="s">
        <v>55370</v>
      </c>
      <c r="C19724" s="1" t="s">
        <v>40099</v>
      </c>
      <c r="D19724" s="2">
        <v>172552</v>
      </c>
      <c r="E19724" s="1" t="s">
        <v>0</v>
      </c>
    </row>
    <row r="19725" spans="1:5" ht="409.5" x14ac:dyDescent="0.25">
      <c r="A19725" s="4" t="s">
        <v>40100</v>
      </c>
      <c r="B19725" s="1" t="s">
        <v>57599</v>
      </c>
      <c r="C19725" s="1" t="s">
        <v>40101</v>
      </c>
      <c r="D19725" s="2">
        <v>172553</v>
      </c>
      <c r="E19725" s="1" t="s">
        <v>0</v>
      </c>
    </row>
    <row r="19726" spans="1:5" x14ac:dyDescent="0.25">
      <c r="A19726" s="1" t="s">
        <v>22482</v>
      </c>
      <c r="B19726" s="1" t="s">
        <v>61010</v>
      </c>
      <c r="C19726" s="1" t="s">
        <v>22483</v>
      </c>
      <c r="D19726" s="2">
        <v>172554</v>
      </c>
      <c r="E19726" s="1" t="s">
        <v>0</v>
      </c>
    </row>
    <row r="19727" spans="1:5" x14ac:dyDescent="0.25">
      <c r="A19727" s="2">
        <v>3945</v>
      </c>
      <c r="B19727" s="2">
        <v>3945</v>
      </c>
      <c r="C19727" s="1" t="s">
        <v>0</v>
      </c>
      <c r="D19727" s="2">
        <v>172555</v>
      </c>
      <c r="E19727" s="1" t="s">
        <v>0</v>
      </c>
    </row>
    <row r="19728" spans="1:5" x14ac:dyDescent="0.25">
      <c r="A19728" s="1" t="s">
        <v>3590</v>
      </c>
      <c r="B19728" s="1" t="s">
        <v>61705</v>
      </c>
      <c r="C19728" s="1" t="s">
        <v>40102</v>
      </c>
      <c r="D19728" s="2">
        <v>172556</v>
      </c>
      <c r="E19728" s="1" t="s">
        <v>0</v>
      </c>
    </row>
    <row r="19729" spans="1:5" x14ac:dyDescent="0.25">
      <c r="A19729" s="1" t="s">
        <v>61860</v>
      </c>
      <c r="B19729" s="1" t="s">
        <v>61706</v>
      </c>
      <c r="C19729" s="1" t="s">
        <v>40103</v>
      </c>
      <c r="D19729" s="2">
        <v>172557</v>
      </c>
      <c r="E19729" s="1" t="s">
        <v>0</v>
      </c>
    </row>
    <row r="19730" spans="1:5" ht="409.5" x14ac:dyDescent="0.25">
      <c r="A19730" s="4" t="s">
        <v>61861</v>
      </c>
      <c r="B19730" s="1" t="s">
        <v>61707</v>
      </c>
      <c r="C19730" s="1" t="s">
        <v>40104</v>
      </c>
      <c r="D19730" s="2">
        <v>172558</v>
      </c>
      <c r="E19730" s="1" t="s">
        <v>0</v>
      </c>
    </row>
    <row r="19731" spans="1:5" x14ac:dyDescent="0.25">
      <c r="A19731" s="1" t="s">
        <v>40105</v>
      </c>
      <c r="B19731" s="1" t="s">
        <v>61708</v>
      </c>
      <c r="C19731" s="1" t="s">
        <v>40106</v>
      </c>
      <c r="D19731" s="2">
        <v>172559</v>
      </c>
      <c r="E19731" s="1" t="s">
        <v>0</v>
      </c>
    </row>
    <row r="19732" spans="1:5" x14ac:dyDescent="0.25">
      <c r="A19732" s="2">
        <v>3946</v>
      </c>
      <c r="B19732" s="2">
        <v>3946</v>
      </c>
      <c r="C19732" s="1" t="s">
        <v>0</v>
      </c>
      <c r="D19732" s="2">
        <v>172560</v>
      </c>
      <c r="E19732" s="1" t="s">
        <v>0</v>
      </c>
    </row>
    <row r="19733" spans="1:5" x14ac:dyDescent="0.25">
      <c r="A19733" s="1" t="s">
        <v>3591</v>
      </c>
      <c r="B19733" s="1" t="s">
        <v>10698</v>
      </c>
      <c r="C19733" s="1" t="s">
        <v>40107</v>
      </c>
      <c r="D19733" s="2">
        <v>172561</v>
      </c>
      <c r="E19733" s="1" t="s">
        <v>0</v>
      </c>
    </row>
    <row r="19734" spans="1:5" x14ac:dyDescent="0.25">
      <c r="A19734" s="1" t="s">
        <v>40108</v>
      </c>
      <c r="B19734" s="1" t="s">
        <v>10699</v>
      </c>
      <c r="C19734" s="1" t="s">
        <v>40109</v>
      </c>
      <c r="D19734" s="2">
        <v>172562</v>
      </c>
      <c r="E19734" s="1" t="s">
        <v>0</v>
      </c>
    </row>
    <row r="19735" spans="1:5" ht="409.5" x14ac:dyDescent="0.25">
      <c r="A19735" s="4" t="s">
        <v>40110</v>
      </c>
      <c r="B19735" s="1" t="s">
        <v>60200</v>
      </c>
      <c r="C19735" s="1" t="s">
        <v>40111</v>
      </c>
      <c r="D19735" s="2">
        <v>172563</v>
      </c>
      <c r="E19735" s="1" t="s">
        <v>0</v>
      </c>
    </row>
    <row r="19736" spans="1:5" x14ac:dyDescent="0.25">
      <c r="A19736" s="1" t="s">
        <v>40112</v>
      </c>
      <c r="B19736" s="1" t="s">
        <v>10700</v>
      </c>
      <c r="C19736" s="1" t="s">
        <v>40113</v>
      </c>
      <c r="D19736" s="2">
        <v>172564</v>
      </c>
      <c r="E19736" s="1" t="s">
        <v>0</v>
      </c>
    </row>
    <row r="19737" spans="1:5" x14ac:dyDescent="0.25">
      <c r="A19737" s="2">
        <v>3947</v>
      </c>
      <c r="B19737" s="2">
        <v>3947</v>
      </c>
      <c r="C19737" s="1" t="s">
        <v>0</v>
      </c>
      <c r="D19737" s="2">
        <v>172565</v>
      </c>
      <c r="E19737" s="1" t="s">
        <v>0</v>
      </c>
    </row>
    <row r="19738" spans="1:5" x14ac:dyDescent="0.25">
      <c r="A19738" s="1" t="s">
        <v>13247</v>
      </c>
      <c r="B19738" s="1" t="s">
        <v>13248</v>
      </c>
      <c r="C19738" s="1" t="s">
        <v>40114</v>
      </c>
      <c r="D19738" s="2">
        <v>172566</v>
      </c>
      <c r="E19738" s="1" t="s">
        <v>0</v>
      </c>
    </row>
    <row r="19739" spans="1:5" x14ac:dyDescent="0.25">
      <c r="A19739" s="1" t="s">
        <v>40115</v>
      </c>
      <c r="B19739" s="1" t="s">
        <v>55371</v>
      </c>
      <c r="C19739" s="1" t="s">
        <v>40116</v>
      </c>
      <c r="D19739" s="2">
        <v>172567</v>
      </c>
      <c r="E19739" s="1" t="s">
        <v>0</v>
      </c>
    </row>
    <row r="19740" spans="1:5" ht="409.5" x14ac:dyDescent="0.25">
      <c r="A19740" s="4" t="s">
        <v>40117</v>
      </c>
      <c r="B19740" s="1" t="s">
        <v>55372</v>
      </c>
      <c r="C19740" s="1" t="s">
        <v>40118</v>
      </c>
      <c r="D19740" s="2">
        <v>172568</v>
      </c>
      <c r="E19740" s="1" t="s">
        <v>0</v>
      </c>
    </row>
    <row r="19741" spans="1:5" x14ac:dyDescent="0.25">
      <c r="A19741" s="1" t="s">
        <v>40119</v>
      </c>
      <c r="B19741" s="1" t="s">
        <v>10701</v>
      </c>
      <c r="C19741" s="1" t="s">
        <v>40120</v>
      </c>
      <c r="D19741" s="2">
        <v>172569</v>
      </c>
      <c r="E19741" s="1" t="s">
        <v>0</v>
      </c>
    </row>
    <row r="19742" spans="1:5" x14ac:dyDescent="0.25">
      <c r="A19742" s="2">
        <v>3948</v>
      </c>
      <c r="B19742" s="2">
        <v>3948</v>
      </c>
      <c r="C19742" s="1" t="s">
        <v>0</v>
      </c>
      <c r="D19742" s="2">
        <v>172570</v>
      </c>
      <c r="E19742" s="1" t="s">
        <v>0</v>
      </c>
    </row>
    <row r="19743" spans="1:5" x14ac:dyDescent="0.25">
      <c r="A19743" s="1" t="s">
        <v>3592</v>
      </c>
      <c r="B19743" s="1" t="s">
        <v>10702</v>
      </c>
      <c r="C19743" s="1" t="s">
        <v>40121</v>
      </c>
      <c r="D19743" s="2">
        <v>172571</v>
      </c>
      <c r="E19743" s="1" t="s">
        <v>0</v>
      </c>
    </row>
    <row r="19744" spans="1:5" x14ac:dyDescent="0.25">
      <c r="A19744" s="1" t="s">
        <v>40122</v>
      </c>
      <c r="B19744" s="1" t="s">
        <v>55373</v>
      </c>
      <c r="C19744" s="1" t="s">
        <v>40123</v>
      </c>
      <c r="D19744" s="2">
        <v>172572</v>
      </c>
      <c r="E19744" s="1" t="s">
        <v>0</v>
      </c>
    </row>
    <row r="19745" spans="1:5" ht="409.5" x14ac:dyDescent="0.25">
      <c r="A19745" s="4" t="s">
        <v>40124</v>
      </c>
      <c r="B19745" s="1" t="s">
        <v>55374</v>
      </c>
      <c r="C19745" s="1" t="s">
        <v>40125</v>
      </c>
      <c r="D19745" s="2">
        <v>172573</v>
      </c>
      <c r="E19745" s="1" t="s">
        <v>0</v>
      </c>
    </row>
    <row r="19746" spans="1:5" x14ac:dyDescent="0.25">
      <c r="A19746" s="1" t="s">
        <v>40126</v>
      </c>
      <c r="B19746" s="1" t="s">
        <v>55375</v>
      </c>
      <c r="C19746" s="1" t="s">
        <v>40127</v>
      </c>
      <c r="D19746" s="2">
        <v>172574</v>
      </c>
      <c r="E19746" s="1" t="s">
        <v>0</v>
      </c>
    </row>
    <row r="19747" spans="1:5" x14ac:dyDescent="0.25">
      <c r="A19747" s="2">
        <v>3949</v>
      </c>
      <c r="B19747" s="2">
        <v>3949</v>
      </c>
      <c r="C19747" s="1" t="s">
        <v>0</v>
      </c>
      <c r="D19747" s="2">
        <v>172575</v>
      </c>
      <c r="E19747" s="1" t="s">
        <v>0</v>
      </c>
    </row>
    <row r="19748" spans="1:5" x14ac:dyDescent="0.25">
      <c r="A19748" s="1" t="s">
        <v>3593</v>
      </c>
      <c r="B19748" s="1" t="s">
        <v>10703</v>
      </c>
      <c r="C19748" s="1" t="s">
        <v>40128</v>
      </c>
      <c r="D19748" s="2">
        <v>172576</v>
      </c>
      <c r="E19748" s="1" t="s">
        <v>0</v>
      </c>
    </row>
    <row r="19749" spans="1:5" x14ac:dyDescent="0.25">
      <c r="A19749" s="1" t="s">
        <v>40129</v>
      </c>
      <c r="B19749" s="1" t="s">
        <v>10704</v>
      </c>
      <c r="C19749" s="1" t="s">
        <v>40130</v>
      </c>
      <c r="D19749" s="2">
        <v>172577</v>
      </c>
      <c r="E19749" s="1" t="s">
        <v>0</v>
      </c>
    </row>
    <row r="19750" spans="1:5" ht="409.5" x14ac:dyDescent="0.25">
      <c r="A19750" s="4" t="s">
        <v>40131</v>
      </c>
      <c r="B19750" s="1" t="s">
        <v>58518</v>
      </c>
      <c r="C19750" s="1" t="s">
        <v>40132</v>
      </c>
      <c r="D19750" s="2">
        <v>172578</v>
      </c>
      <c r="E19750" s="1" t="s">
        <v>0</v>
      </c>
    </row>
    <row r="19751" spans="1:5" x14ac:dyDescent="0.25">
      <c r="A19751" s="1" t="s">
        <v>40133</v>
      </c>
      <c r="B19751" s="1" t="s">
        <v>55376</v>
      </c>
      <c r="C19751" s="1" t="s">
        <v>40134</v>
      </c>
      <c r="D19751" s="2">
        <v>172579</v>
      </c>
      <c r="E19751" s="1" t="s">
        <v>0</v>
      </c>
    </row>
    <row r="19752" spans="1:5" x14ac:dyDescent="0.25">
      <c r="A19752" s="2">
        <v>3950</v>
      </c>
      <c r="B19752" s="2">
        <v>3950</v>
      </c>
      <c r="C19752" s="1" t="s">
        <v>0</v>
      </c>
      <c r="D19752" s="2">
        <v>172580</v>
      </c>
      <c r="E19752" s="1" t="s">
        <v>0</v>
      </c>
    </row>
    <row r="19753" spans="1:5" x14ac:dyDescent="0.25">
      <c r="A19753" s="1" t="s">
        <v>3594</v>
      </c>
      <c r="B19753" s="1" t="s">
        <v>50952</v>
      </c>
      <c r="C19753" s="1" t="s">
        <v>40135</v>
      </c>
      <c r="D19753" s="2">
        <v>172581</v>
      </c>
      <c r="E19753" s="1" t="s">
        <v>0</v>
      </c>
    </row>
    <row r="19754" spans="1:5" x14ac:dyDescent="0.25">
      <c r="A19754" s="1" t="s">
        <v>64304</v>
      </c>
      <c r="B19754" s="1" t="s">
        <v>61289</v>
      </c>
      <c r="C19754" s="1" t="s">
        <v>40136</v>
      </c>
      <c r="D19754" s="2">
        <v>172582</v>
      </c>
      <c r="E19754" s="1" t="s">
        <v>0</v>
      </c>
    </row>
    <row r="19755" spans="1:5" ht="409.5" x14ac:dyDescent="0.25">
      <c r="A19755" s="4" t="s">
        <v>64305</v>
      </c>
      <c r="B19755" s="1" t="s">
        <v>61290</v>
      </c>
      <c r="C19755" s="1" t="s">
        <v>40137</v>
      </c>
      <c r="D19755" s="2">
        <v>172583</v>
      </c>
      <c r="E19755" s="1" t="s">
        <v>0</v>
      </c>
    </row>
    <row r="19756" spans="1:5" x14ac:dyDescent="0.25">
      <c r="A19756" s="1" t="s">
        <v>40138</v>
      </c>
      <c r="B19756" s="1" t="s">
        <v>50953</v>
      </c>
      <c r="C19756" s="1" t="s">
        <v>40139</v>
      </c>
      <c r="D19756" s="2">
        <v>172584</v>
      </c>
      <c r="E19756" s="1" t="s">
        <v>0</v>
      </c>
    </row>
    <row r="19757" spans="1:5" x14ac:dyDescent="0.25">
      <c r="A19757" s="2">
        <v>3951</v>
      </c>
      <c r="B19757" s="2">
        <v>3951</v>
      </c>
      <c r="C19757" s="1" t="s">
        <v>0</v>
      </c>
      <c r="D19757" s="2">
        <v>172585</v>
      </c>
      <c r="E19757" s="1" t="s">
        <v>0</v>
      </c>
    </row>
    <row r="19758" spans="1:5" x14ac:dyDescent="0.25">
      <c r="A19758" s="1" t="s">
        <v>3595</v>
      </c>
      <c r="B19758" s="1" t="s">
        <v>10705</v>
      </c>
      <c r="C19758" s="1" t="s">
        <v>40140</v>
      </c>
      <c r="D19758" s="2">
        <v>172586</v>
      </c>
      <c r="E19758" s="1" t="s">
        <v>0</v>
      </c>
    </row>
    <row r="19759" spans="1:5" x14ac:dyDescent="0.25">
      <c r="A19759" s="1" t="s">
        <v>40141</v>
      </c>
      <c r="B19759" s="1" t="s">
        <v>58519</v>
      </c>
      <c r="C19759" s="1" t="s">
        <v>40142</v>
      </c>
      <c r="D19759" s="2">
        <v>172587</v>
      </c>
      <c r="E19759" s="1" t="s">
        <v>0</v>
      </c>
    </row>
    <row r="19760" spans="1:5" ht="409.5" x14ac:dyDescent="0.25">
      <c r="A19760" s="4" t="s">
        <v>40143</v>
      </c>
      <c r="B19760" s="1" t="s">
        <v>58520</v>
      </c>
      <c r="C19760" s="1" t="s">
        <v>40144</v>
      </c>
      <c r="D19760" s="2">
        <v>172588</v>
      </c>
      <c r="E19760" s="1" t="s">
        <v>0</v>
      </c>
    </row>
    <row r="19761" spans="1:5" x14ac:dyDescent="0.25">
      <c r="A19761" s="1" t="s">
        <v>40145</v>
      </c>
      <c r="B19761" s="1" t="s">
        <v>10706</v>
      </c>
      <c r="C19761" s="1" t="s">
        <v>40146</v>
      </c>
      <c r="D19761" s="2">
        <v>172589</v>
      </c>
      <c r="E19761" s="1" t="s">
        <v>0</v>
      </c>
    </row>
    <row r="19762" spans="1:5" x14ac:dyDescent="0.25">
      <c r="A19762" s="2">
        <v>3952</v>
      </c>
      <c r="B19762" s="2">
        <v>3952</v>
      </c>
      <c r="C19762" s="1" t="s">
        <v>0</v>
      </c>
      <c r="D19762" s="2">
        <v>172590</v>
      </c>
      <c r="E19762" s="1" t="s">
        <v>0</v>
      </c>
    </row>
    <row r="19763" spans="1:5" x14ac:dyDescent="0.25">
      <c r="A19763" s="1" t="s">
        <v>3596</v>
      </c>
      <c r="B19763" s="1" t="s">
        <v>50954</v>
      </c>
      <c r="C19763" s="1" t="s">
        <v>40147</v>
      </c>
      <c r="D19763" s="2">
        <v>172591</v>
      </c>
      <c r="E19763" s="1" t="s">
        <v>0</v>
      </c>
    </row>
    <row r="19764" spans="1:5" x14ac:dyDescent="0.25">
      <c r="A19764" s="1" t="s">
        <v>40148</v>
      </c>
      <c r="B19764" s="1" t="s">
        <v>55377</v>
      </c>
      <c r="C19764" s="1" t="s">
        <v>40149</v>
      </c>
      <c r="D19764" s="2">
        <v>172592</v>
      </c>
      <c r="E19764" s="1" t="s">
        <v>0</v>
      </c>
    </row>
    <row r="19765" spans="1:5" ht="409.5" x14ac:dyDescent="0.25">
      <c r="A19765" s="4" t="s">
        <v>40150</v>
      </c>
      <c r="B19765" s="1" t="s">
        <v>55378</v>
      </c>
      <c r="C19765" s="1" t="s">
        <v>40151</v>
      </c>
      <c r="D19765" s="2">
        <v>172593</v>
      </c>
      <c r="E19765" s="1" t="s">
        <v>0</v>
      </c>
    </row>
    <row r="19766" spans="1:5" x14ac:dyDescent="0.25">
      <c r="A19766" s="1" t="s">
        <v>40152</v>
      </c>
      <c r="B19766" s="1" t="s">
        <v>55379</v>
      </c>
      <c r="C19766" s="1" t="s">
        <v>40153</v>
      </c>
      <c r="D19766" s="2">
        <v>172594</v>
      </c>
      <c r="E19766" s="1" t="s">
        <v>0</v>
      </c>
    </row>
    <row r="19767" spans="1:5" x14ac:dyDescent="0.25">
      <c r="A19767" s="2">
        <v>3953</v>
      </c>
      <c r="B19767" s="2">
        <v>3953</v>
      </c>
      <c r="C19767" s="1" t="s">
        <v>0</v>
      </c>
      <c r="D19767" s="2">
        <v>172595</v>
      </c>
      <c r="E19767" s="1" t="s">
        <v>0</v>
      </c>
    </row>
    <row r="19768" spans="1:5" x14ac:dyDescent="0.25">
      <c r="A19768" s="1" t="s">
        <v>3597</v>
      </c>
      <c r="B19768" s="1" t="s">
        <v>10707</v>
      </c>
      <c r="C19768" s="1" t="s">
        <v>40154</v>
      </c>
      <c r="D19768" s="2">
        <v>172596</v>
      </c>
      <c r="E19768" s="1" t="s">
        <v>0</v>
      </c>
    </row>
    <row r="19769" spans="1:5" x14ac:dyDescent="0.25">
      <c r="A19769" s="1" t="s">
        <v>40155</v>
      </c>
      <c r="B19769" s="1" t="s">
        <v>55380</v>
      </c>
      <c r="C19769" s="1" t="s">
        <v>40156</v>
      </c>
      <c r="D19769" s="2">
        <v>172597</v>
      </c>
      <c r="E19769" s="1" t="s">
        <v>0</v>
      </c>
    </row>
    <row r="19770" spans="1:5" x14ac:dyDescent="0.25">
      <c r="A19770" s="1" t="s">
        <v>40155</v>
      </c>
      <c r="B19770" s="1" t="s">
        <v>55380</v>
      </c>
      <c r="C19770" s="1" t="s">
        <v>40156</v>
      </c>
      <c r="D19770" s="2">
        <v>172598</v>
      </c>
      <c r="E19770" s="1" t="s">
        <v>0</v>
      </c>
    </row>
    <row r="19771" spans="1:5" x14ac:dyDescent="0.25">
      <c r="A19771" s="1" t="s">
        <v>40157</v>
      </c>
      <c r="B19771" s="1" t="s">
        <v>61291</v>
      </c>
      <c r="C19771" s="1" t="s">
        <v>27284</v>
      </c>
      <c r="D19771" s="2">
        <v>172599</v>
      </c>
      <c r="E19771" s="1" t="s">
        <v>0</v>
      </c>
    </row>
    <row r="19772" spans="1:5" x14ac:dyDescent="0.25">
      <c r="A19772" s="2">
        <v>3954</v>
      </c>
      <c r="B19772" s="2">
        <v>3954</v>
      </c>
      <c r="C19772" s="1" t="s">
        <v>0</v>
      </c>
      <c r="D19772" s="2">
        <v>172600</v>
      </c>
      <c r="E19772" s="1" t="s">
        <v>0</v>
      </c>
    </row>
    <row r="19773" spans="1:5" x14ac:dyDescent="0.25">
      <c r="A19773" s="1" t="s">
        <v>13249</v>
      </c>
      <c r="B19773" s="1" t="s">
        <v>13250</v>
      </c>
      <c r="C19773" s="1" t="s">
        <v>40158</v>
      </c>
      <c r="D19773" s="2">
        <v>172601</v>
      </c>
      <c r="E19773" s="1" t="s">
        <v>0</v>
      </c>
    </row>
    <row r="19774" spans="1:5" x14ac:dyDescent="0.25">
      <c r="A19774" s="1" t="s">
        <v>40159</v>
      </c>
      <c r="B19774" s="1" t="s">
        <v>10708</v>
      </c>
      <c r="C19774" s="1" t="s">
        <v>40160</v>
      </c>
      <c r="D19774" s="2">
        <v>172602</v>
      </c>
      <c r="E19774" s="1" t="s">
        <v>0</v>
      </c>
    </row>
    <row r="19775" spans="1:5" ht="409.5" x14ac:dyDescent="0.25">
      <c r="A19775" s="4" t="s">
        <v>40161</v>
      </c>
      <c r="B19775" s="1" t="s">
        <v>55381</v>
      </c>
      <c r="C19775" s="1" t="s">
        <v>40162</v>
      </c>
      <c r="D19775" s="2">
        <v>172603</v>
      </c>
      <c r="E19775" s="1" t="s">
        <v>0</v>
      </c>
    </row>
    <row r="19776" spans="1:5" x14ac:dyDescent="0.25">
      <c r="A19776" s="1" t="s">
        <v>40163</v>
      </c>
      <c r="B19776" s="1" t="s">
        <v>10709</v>
      </c>
      <c r="C19776" s="1" t="s">
        <v>40164</v>
      </c>
      <c r="D19776" s="2">
        <v>172604</v>
      </c>
      <c r="E19776" s="1" t="s">
        <v>0</v>
      </c>
    </row>
    <row r="19777" spans="1:5" x14ac:dyDescent="0.25">
      <c r="A19777" s="2">
        <v>3955</v>
      </c>
      <c r="B19777" s="2">
        <v>3955</v>
      </c>
      <c r="C19777" s="1" t="s">
        <v>0</v>
      </c>
      <c r="D19777" s="2">
        <v>172605</v>
      </c>
      <c r="E19777" s="1" t="s">
        <v>0</v>
      </c>
    </row>
    <row r="19778" spans="1:5" x14ac:dyDescent="0.25">
      <c r="A19778" s="1" t="s">
        <v>3598</v>
      </c>
      <c r="B19778" s="1" t="s">
        <v>10710</v>
      </c>
      <c r="C19778" s="1" t="s">
        <v>40165</v>
      </c>
      <c r="D19778" s="2">
        <v>172606</v>
      </c>
      <c r="E19778" s="1" t="s">
        <v>0</v>
      </c>
    </row>
    <row r="19779" spans="1:5" x14ac:dyDescent="0.25">
      <c r="A19779" s="1" t="s">
        <v>40166</v>
      </c>
      <c r="B19779" s="1" t="s">
        <v>55382</v>
      </c>
      <c r="C19779" s="1" t="s">
        <v>40167</v>
      </c>
      <c r="D19779" s="2">
        <v>172607</v>
      </c>
      <c r="E19779" s="1" t="s">
        <v>0</v>
      </c>
    </row>
    <row r="19780" spans="1:5" ht="409.5" x14ac:dyDescent="0.25">
      <c r="A19780" s="4" t="s">
        <v>64306</v>
      </c>
      <c r="B19780" s="1" t="s">
        <v>55383</v>
      </c>
      <c r="C19780" s="1" t="s">
        <v>40168</v>
      </c>
      <c r="D19780" s="2">
        <v>172608</v>
      </c>
      <c r="E19780" s="1" t="s">
        <v>0</v>
      </c>
    </row>
    <row r="19781" spans="1:5" x14ac:dyDescent="0.25">
      <c r="A19781" s="1" t="s">
        <v>40169</v>
      </c>
      <c r="B19781" s="1" t="s">
        <v>10711</v>
      </c>
      <c r="C19781" s="1" t="s">
        <v>40170</v>
      </c>
      <c r="D19781" s="2">
        <v>172609</v>
      </c>
      <c r="E19781" s="1" t="s">
        <v>0</v>
      </c>
    </row>
    <row r="19782" spans="1:5" x14ac:dyDescent="0.25">
      <c r="A19782" s="2">
        <v>3956</v>
      </c>
      <c r="B19782" s="2">
        <v>3956</v>
      </c>
      <c r="C19782" s="1" t="s">
        <v>0</v>
      </c>
      <c r="D19782" s="2">
        <v>172610</v>
      </c>
      <c r="E19782" s="1" t="s">
        <v>0</v>
      </c>
    </row>
    <row r="19783" spans="1:5" x14ac:dyDescent="0.25">
      <c r="A19783" s="1" t="s">
        <v>3599</v>
      </c>
      <c r="B19783" s="1" t="s">
        <v>58521</v>
      </c>
      <c r="C19783" s="1" t="s">
        <v>40171</v>
      </c>
      <c r="D19783" s="2">
        <v>172611</v>
      </c>
      <c r="E19783" s="1" t="s">
        <v>0</v>
      </c>
    </row>
    <row r="19784" spans="1:5" x14ac:dyDescent="0.25">
      <c r="A19784" s="1" t="s">
        <v>40172</v>
      </c>
      <c r="B19784" s="1" t="s">
        <v>62806</v>
      </c>
      <c r="C19784" s="1" t="s">
        <v>40173</v>
      </c>
      <c r="D19784" s="2">
        <v>172612</v>
      </c>
      <c r="E19784" s="1" t="s">
        <v>0</v>
      </c>
    </row>
    <row r="19785" spans="1:5" ht="409.5" x14ac:dyDescent="0.25">
      <c r="A19785" s="4" t="s">
        <v>40174</v>
      </c>
      <c r="B19785" s="1" t="s">
        <v>62807</v>
      </c>
      <c r="C19785" s="1" t="s">
        <v>40175</v>
      </c>
      <c r="D19785" s="2">
        <v>172613</v>
      </c>
      <c r="E19785" s="1" t="s">
        <v>0</v>
      </c>
    </row>
    <row r="19786" spans="1:5" x14ac:dyDescent="0.25">
      <c r="A19786" s="1" t="s">
        <v>40176</v>
      </c>
      <c r="B19786" s="1" t="s">
        <v>55384</v>
      </c>
      <c r="C19786" s="1" t="s">
        <v>40177</v>
      </c>
      <c r="D19786" s="2">
        <v>172614</v>
      </c>
      <c r="E19786" s="1" t="s">
        <v>0</v>
      </c>
    </row>
    <row r="19787" spans="1:5" x14ac:dyDescent="0.25">
      <c r="A19787" s="2">
        <v>3957</v>
      </c>
      <c r="B19787" s="2">
        <v>3957</v>
      </c>
      <c r="C19787" s="1" t="s">
        <v>0</v>
      </c>
      <c r="D19787" s="2">
        <v>172615</v>
      </c>
      <c r="E19787" s="1" t="s">
        <v>0</v>
      </c>
    </row>
    <row r="19788" spans="1:5" x14ac:dyDescent="0.25">
      <c r="A19788" s="1" t="s">
        <v>3600</v>
      </c>
      <c r="B19788" s="1" t="s">
        <v>10712</v>
      </c>
      <c r="C19788" s="1" t="s">
        <v>40178</v>
      </c>
      <c r="D19788" s="2">
        <v>172616</v>
      </c>
      <c r="E19788" s="1" t="s">
        <v>0</v>
      </c>
    </row>
    <row r="19789" spans="1:5" x14ac:dyDescent="0.25">
      <c r="A19789" s="1" t="s">
        <v>40179</v>
      </c>
      <c r="B19789" s="1" t="s">
        <v>62808</v>
      </c>
      <c r="C19789" s="1" t="s">
        <v>40180</v>
      </c>
      <c r="D19789" s="2">
        <v>172617</v>
      </c>
      <c r="E19789" s="1" t="s">
        <v>0</v>
      </c>
    </row>
    <row r="19790" spans="1:5" ht="409.5" x14ac:dyDescent="0.25">
      <c r="A19790" s="4" t="s">
        <v>61862</v>
      </c>
      <c r="B19790" s="1" t="s">
        <v>62809</v>
      </c>
      <c r="C19790" s="1" t="s">
        <v>40181</v>
      </c>
      <c r="D19790" s="2">
        <v>172618</v>
      </c>
      <c r="E19790" s="1" t="s">
        <v>0</v>
      </c>
    </row>
    <row r="19791" spans="1:5" x14ac:dyDescent="0.25">
      <c r="A19791" s="1" t="s">
        <v>40182</v>
      </c>
      <c r="B19791" s="1" t="s">
        <v>55385</v>
      </c>
      <c r="C19791" s="1" t="s">
        <v>40183</v>
      </c>
      <c r="D19791" s="2">
        <v>172619</v>
      </c>
      <c r="E19791" s="1" t="s">
        <v>0</v>
      </c>
    </row>
    <row r="19792" spans="1:5" x14ac:dyDescent="0.25">
      <c r="A19792" s="2">
        <v>3958</v>
      </c>
      <c r="B19792" s="2">
        <v>3958</v>
      </c>
      <c r="C19792" s="1" t="s">
        <v>0</v>
      </c>
      <c r="D19792" s="2">
        <v>172620</v>
      </c>
      <c r="E19792" s="1" t="s">
        <v>0</v>
      </c>
    </row>
    <row r="19793" spans="1:5" x14ac:dyDescent="0.25">
      <c r="A19793" s="1" t="s">
        <v>40184</v>
      </c>
      <c r="B19793" s="1" t="s">
        <v>10713</v>
      </c>
      <c r="C19793" s="1" t="s">
        <v>40185</v>
      </c>
      <c r="D19793" s="2">
        <v>172621</v>
      </c>
      <c r="E19793" s="1" t="s">
        <v>0</v>
      </c>
    </row>
    <row r="19794" spans="1:5" x14ac:dyDescent="0.25">
      <c r="A19794" s="1" t="s">
        <v>40186</v>
      </c>
      <c r="B19794" s="1" t="s">
        <v>55386</v>
      </c>
      <c r="C19794" s="1" t="s">
        <v>40187</v>
      </c>
      <c r="D19794" s="2">
        <v>172622</v>
      </c>
      <c r="E19794" s="1" t="s">
        <v>0</v>
      </c>
    </row>
    <row r="19795" spans="1:5" ht="409.5" x14ac:dyDescent="0.25">
      <c r="A19795" s="4" t="s">
        <v>40188</v>
      </c>
      <c r="B19795" s="1" t="s">
        <v>56847</v>
      </c>
      <c r="C19795" s="1" t="s">
        <v>40189</v>
      </c>
      <c r="D19795" s="2">
        <v>172623</v>
      </c>
      <c r="E19795" s="1" t="s">
        <v>0</v>
      </c>
    </row>
    <row r="19796" spans="1:5" x14ac:dyDescent="0.25">
      <c r="A19796" s="1" t="s">
        <v>40190</v>
      </c>
      <c r="B19796" s="1" t="s">
        <v>55387</v>
      </c>
      <c r="C19796" s="1" t="s">
        <v>40191</v>
      </c>
      <c r="D19796" s="2">
        <v>172624</v>
      </c>
      <c r="E19796" s="1" t="s">
        <v>0</v>
      </c>
    </row>
    <row r="19797" spans="1:5" x14ac:dyDescent="0.25">
      <c r="A19797" s="2">
        <v>3959</v>
      </c>
      <c r="B19797" s="2">
        <v>3959</v>
      </c>
      <c r="C19797" s="1" t="s">
        <v>0</v>
      </c>
      <c r="D19797" s="2">
        <v>172625</v>
      </c>
      <c r="E19797" s="1" t="s">
        <v>0</v>
      </c>
    </row>
    <row r="19798" spans="1:5" x14ac:dyDescent="0.25">
      <c r="A19798" s="1" t="s">
        <v>64307</v>
      </c>
      <c r="B19798" s="1" t="s">
        <v>64308</v>
      </c>
      <c r="C19798" s="1" t="s">
        <v>40192</v>
      </c>
      <c r="D19798" s="2">
        <v>172626</v>
      </c>
      <c r="E19798" s="1" t="s">
        <v>0</v>
      </c>
    </row>
    <row r="19799" spans="1:5" x14ac:dyDescent="0.25">
      <c r="A19799" s="1" t="s">
        <v>40193</v>
      </c>
      <c r="B19799" s="1" t="s">
        <v>58522</v>
      </c>
      <c r="C19799" s="1" t="s">
        <v>40194</v>
      </c>
      <c r="D19799" s="2">
        <v>172627</v>
      </c>
      <c r="E19799" s="1" t="s">
        <v>0</v>
      </c>
    </row>
    <row r="19800" spans="1:5" ht="409.5" x14ac:dyDescent="0.25">
      <c r="A19800" s="4" t="s">
        <v>40195</v>
      </c>
      <c r="B19800" s="1" t="s">
        <v>59668</v>
      </c>
      <c r="C19800" s="1" t="s">
        <v>40196</v>
      </c>
      <c r="D19800" s="2">
        <v>172628</v>
      </c>
      <c r="E19800" s="1" t="s">
        <v>0</v>
      </c>
    </row>
    <row r="19801" spans="1:5" x14ac:dyDescent="0.25">
      <c r="A19801" s="1" t="s">
        <v>40197</v>
      </c>
      <c r="B19801" s="1" t="s">
        <v>55388</v>
      </c>
      <c r="C19801" s="1" t="s">
        <v>40198</v>
      </c>
      <c r="D19801" s="2">
        <v>172629</v>
      </c>
      <c r="E19801" s="1" t="s">
        <v>0</v>
      </c>
    </row>
    <row r="19802" spans="1:5" x14ac:dyDescent="0.25">
      <c r="A19802" s="2">
        <v>3960</v>
      </c>
      <c r="B19802" s="2">
        <v>3960</v>
      </c>
      <c r="C19802" s="1" t="s">
        <v>0</v>
      </c>
      <c r="D19802" s="2">
        <v>172630</v>
      </c>
      <c r="E19802" s="1" t="s">
        <v>0</v>
      </c>
    </row>
    <row r="19803" spans="1:5" x14ac:dyDescent="0.25">
      <c r="A19803" s="1" t="s">
        <v>40199</v>
      </c>
      <c r="B19803" s="1" t="s">
        <v>10714</v>
      </c>
      <c r="C19803" s="1" t="s">
        <v>40200</v>
      </c>
      <c r="D19803" s="2">
        <v>172631</v>
      </c>
      <c r="E19803" s="1" t="s">
        <v>0</v>
      </c>
    </row>
    <row r="19804" spans="1:5" x14ac:dyDescent="0.25">
      <c r="A19804" s="1" t="s">
        <v>40201</v>
      </c>
      <c r="B19804" s="1" t="s">
        <v>55389</v>
      </c>
      <c r="C19804" s="1" t="s">
        <v>40202</v>
      </c>
      <c r="D19804" s="2">
        <v>172632</v>
      </c>
      <c r="E19804" s="1" t="s">
        <v>0</v>
      </c>
    </row>
    <row r="19805" spans="1:5" ht="409.5" x14ac:dyDescent="0.25">
      <c r="A19805" s="4" t="s">
        <v>64309</v>
      </c>
      <c r="B19805" s="1" t="s">
        <v>63801</v>
      </c>
      <c r="C19805" s="1" t="s">
        <v>40203</v>
      </c>
      <c r="D19805" s="2">
        <v>172633</v>
      </c>
      <c r="E19805" s="1" t="s">
        <v>0</v>
      </c>
    </row>
    <row r="19806" spans="1:5" x14ac:dyDescent="0.25">
      <c r="A19806" s="1" t="s">
        <v>40204</v>
      </c>
      <c r="B19806" s="1" t="s">
        <v>10715</v>
      </c>
      <c r="C19806" s="1" t="s">
        <v>40205</v>
      </c>
      <c r="D19806" s="2">
        <v>172634</v>
      </c>
      <c r="E19806" s="1" t="s">
        <v>0</v>
      </c>
    </row>
    <row r="19807" spans="1:5" x14ac:dyDescent="0.25">
      <c r="A19807" s="2">
        <v>3961</v>
      </c>
      <c r="B19807" s="2">
        <v>3961</v>
      </c>
      <c r="C19807" s="1" t="s">
        <v>0</v>
      </c>
      <c r="D19807" s="2">
        <v>172635</v>
      </c>
      <c r="E19807" s="1" t="s">
        <v>0</v>
      </c>
    </row>
    <row r="19808" spans="1:5" x14ac:dyDescent="0.25">
      <c r="A19808" s="1" t="s">
        <v>3601</v>
      </c>
      <c r="B19808" s="1" t="s">
        <v>10716</v>
      </c>
      <c r="C19808" s="1" t="s">
        <v>40206</v>
      </c>
      <c r="D19808" s="2">
        <v>172636</v>
      </c>
      <c r="E19808" s="1" t="s">
        <v>0</v>
      </c>
    </row>
    <row r="19809" spans="1:5" x14ac:dyDescent="0.25">
      <c r="A19809" s="1" t="s">
        <v>40207</v>
      </c>
      <c r="B19809" s="1" t="s">
        <v>55390</v>
      </c>
      <c r="C19809" s="1" t="s">
        <v>40208</v>
      </c>
      <c r="D19809" s="2">
        <v>172637</v>
      </c>
      <c r="E19809" s="1" t="s">
        <v>0</v>
      </c>
    </row>
    <row r="19810" spans="1:5" ht="409.5" x14ac:dyDescent="0.25">
      <c r="A19810" s="4" t="s">
        <v>40209</v>
      </c>
      <c r="B19810" s="1" t="s">
        <v>59669</v>
      </c>
      <c r="C19810" s="1" t="s">
        <v>40210</v>
      </c>
      <c r="D19810" s="2">
        <v>172638</v>
      </c>
      <c r="E19810" s="1" t="s">
        <v>0</v>
      </c>
    </row>
    <row r="19811" spans="1:5" x14ac:dyDescent="0.25">
      <c r="A19811" s="1" t="s">
        <v>40211</v>
      </c>
      <c r="B19811" s="1" t="s">
        <v>10717</v>
      </c>
      <c r="C19811" s="1" t="s">
        <v>40212</v>
      </c>
      <c r="D19811" s="2">
        <v>172639</v>
      </c>
      <c r="E19811" s="1" t="s">
        <v>0</v>
      </c>
    </row>
    <row r="19812" spans="1:5" x14ac:dyDescent="0.25">
      <c r="A19812" s="2">
        <v>3962</v>
      </c>
      <c r="B19812" s="2">
        <v>3962</v>
      </c>
      <c r="C19812" s="1" t="s">
        <v>0</v>
      </c>
      <c r="D19812" s="2">
        <v>172640</v>
      </c>
      <c r="E19812" s="1" t="s">
        <v>0</v>
      </c>
    </row>
    <row r="19813" spans="1:5" x14ac:dyDescent="0.25">
      <c r="A19813" s="1" t="s">
        <v>3602</v>
      </c>
      <c r="B19813" s="1" t="s">
        <v>10718</v>
      </c>
      <c r="C19813" s="1" t="s">
        <v>40213</v>
      </c>
      <c r="D19813" s="2">
        <v>172641</v>
      </c>
      <c r="E19813" s="1" t="s">
        <v>0</v>
      </c>
    </row>
    <row r="19814" spans="1:5" x14ac:dyDescent="0.25">
      <c r="A19814" s="1" t="s">
        <v>40214</v>
      </c>
      <c r="B19814" s="1" t="s">
        <v>62810</v>
      </c>
      <c r="C19814" s="1" t="s">
        <v>40215</v>
      </c>
      <c r="D19814" s="2">
        <v>172642</v>
      </c>
      <c r="E19814" s="1" t="s">
        <v>0</v>
      </c>
    </row>
    <row r="19815" spans="1:5" ht="409.5" x14ac:dyDescent="0.25">
      <c r="A19815" s="4" t="s">
        <v>40216</v>
      </c>
      <c r="B19815" s="1" t="s">
        <v>62811</v>
      </c>
      <c r="C19815" s="1" t="s">
        <v>40217</v>
      </c>
      <c r="D19815" s="2">
        <v>172643</v>
      </c>
      <c r="E19815" s="1" t="s">
        <v>0</v>
      </c>
    </row>
    <row r="19816" spans="1:5" x14ac:dyDescent="0.25">
      <c r="A19816" s="1" t="s">
        <v>40218</v>
      </c>
      <c r="B19816" s="1" t="s">
        <v>10719</v>
      </c>
      <c r="C19816" s="1" t="s">
        <v>40219</v>
      </c>
      <c r="D19816" s="2">
        <v>172644</v>
      </c>
      <c r="E19816" s="1" t="s">
        <v>0</v>
      </c>
    </row>
    <row r="19817" spans="1:5" x14ac:dyDescent="0.25">
      <c r="A19817" s="2">
        <v>3963</v>
      </c>
      <c r="B19817" s="2">
        <v>3963</v>
      </c>
      <c r="C19817" s="1" t="s">
        <v>0</v>
      </c>
      <c r="D19817" s="2">
        <v>172645</v>
      </c>
      <c r="E19817" s="1" t="s">
        <v>0</v>
      </c>
    </row>
    <row r="19818" spans="1:5" x14ac:dyDescent="0.25">
      <c r="A19818" s="1" t="s">
        <v>3603</v>
      </c>
      <c r="B19818" s="1" t="s">
        <v>58523</v>
      </c>
      <c r="C19818" s="1" t="s">
        <v>40220</v>
      </c>
      <c r="D19818" s="2">
        <v>172646</v>
      </c>
      <c r="E19818" s="1" t="s">
        <v>0</v>
      </c>
    </row>
    <row r="19819" spans="1:5" x14ac:dyDescent="0.25">
      <c r="A19819" s="1" t="s">
        <v>40221</v>
      </c>
      <c r="B19819" s="1" t="s">
        <v>62812</v>
      </c>
      <c r="C19819" s="1" t="s">
        <v>40222</v>
      </c>
      <c r="D19819" s="2">
        <v>172647</v>
      </c>
      <c r="E19819" s="1" t="s">
        <v>0</v>
      </c>
    </row>
    <row r="19820" spans="1:5" ht="409.5" x14ac:dyDescent="0.25">
      <c r="A19820" s="4" t="s">
        <v>40223</v>
      </c>
      <c r="B19820" s="1" t="s">
        <v>62813</v>
      </c>
      <c r="C19820" s="1" t="s">
        <v>40224</v>
      </c>
      <c r="D19820" s="2">
        <v>172648</v>
      </c>
      <c r="E19820" s="1" t="s">
        <v>0</v>
      </c>
    </row>
    <row r="19821" spans="1:5" x14ac:dyDescent="0.25">
      <c r="A19821" s="1" t="s">
        <v>40225</v>
      </c>
      <c r="B19821" s="1" t="s">
        <v>58524</v>
      </c>
      <c r="C19821" s="1" t="s">
        <v>40226</v>
      </c>
      <c r="D19821" s="2">
        <v>172649</v>
      </c>
      <c r="E19821" s="1" t="s">
        <v>0</v>
      </c>
    </row>
    <row r="19822" spans="1:5" x14ac:dyDescent="0.25">
      <c r="A19822" s="2">
        <v>3964</v>
      </c>
      <c r="B19822" s="2">
        <v>3964</v>
      </c>
      <c r="C19822" s="1" t="s">
        <v>0</v>
      </c>
      <c r="D19822" s="2">
        <v>172650</v>
      </c>
      <c r="E19822" s="1" t="s">
        <v>0</v>
      </c>
    </row>
    <row r="19823" spans="1:5" x14ac:dyDescent="0.25">
      <c r="A19823" s="1" t="s">
        <v>10720</v>
      </c>
      <c r="B19823" s="1" t="s">
        <v>10721</v>
      </c>
      <c r="C19823" s="1" t="s">
        <v>40227</v>
      </c>
      <c r="D19823" s="2">
        <v>172651</v>
      </c>
      <c r="E19823" s="1" t="s">
        <v>0</v>
      </c>
    </row>
    <row r="19824" spans="1:5" x14ac:dyDescent="0.25">
      <c r="A19824" s="1" t="s">
        <v>40228</v>
      </c>
      <c r="B19824" s="1" t="s">
        <v>58525</v>
      </c>
      <c r="C19824" s="1" t="s">
        <v>40229</v>
      </c>
      <c r="D19824" s="2">
        <v>172652</v>
      </c>
      <c r="E19824" s="1" t="s">
        <v>0</v>
      </c>
    </row>
    <row r="19825" spans="1:5" ht="409.5" x14ac:dyDescent="0.25">
      <c r="A19825" s="4" t="s">
        <v>40230</v>
      </c>
      <c r="B19825" s="1" t="s">
        <v>58526</v>
      </c>
      <c r="C19825" s="1" t="s">
        <v>40231</v>
      </c>
      <c r="D19825" s="2">
        <v>172653</v>
      </c>
      <c r="E19825" s="1" t="s">
        <v>0</v>
      </c>
    </row>
    <row r="19826" spans="1:5" x14ac:dyDescent="0.25">
      <c r="A19826" s="1" t="s">
        <v>40232</v>
      </c>
      <c r="B19826" s="1" t="s">
        <v>55391</v>
      </c>
      <c r="C19826" s="1" t="s">
        <v>40233</v>
      </c>
      <c r="D19826" s="2">
        <v>172654</v>
      </c>
      <c r="E19826" s="1" t="s">
        <v>0</v>
      </c>
    </row>
    <row r="19827" spans="1:5" x14ac:dyDescent="0.25">
      <c r="A19827" s="2">
        <v>3965</v>
      </c>
      <c r="B19827" s="2">
        <v>3965</v>
      </c>
      <c r="C19827" s="1" t="s">
        <v>0</v>
      </c>
      <c r="D19827" s="2">
        <v>172655</v>
      </c>
      <c r="E19827" s="1" t="s">
        <v>0</v>
      </c>
    </row>
    <row r="19828" spans="1:5" x14ac:dyDescent="0.25">
      <c r="A19828" s="1" t="s">
        <v>3604</v>
      </c>
      <c r="B19828" s="1" t="s">
        <v>10722</v>
      </c>
      <c r="C19828" s="1" t="s">
        <v>40234</v>
      </c>
      <c r="D19828" s="2">
        <v>172656</v>
      </c>
      <c r="E19828" s="1" t="s">
        <v>0</v>
      </c>
    </row>
    <row r="19829" spans="1:5" x14ac:dyDescent="0.25">
      <c r="A19829" s="1" t="s">
        <v>40235</v>
      </c>
      <c r="B19829" s="1" t="s">
        <v>60201</v>
      </c>
      <c r="C19829" s="1" t="s">
        <v>40236</v>
      </c>
      <c r="D19829" s="2">
        <v>172657</v>
      </c>
      <c r="E19829" s="1" t="s">
        <v>0</v>
      </c>
    </row>
    <row r="19830" spans="1:5" ht="409.5" x14ac:dyDescent="0.25">
      <c r="A19830" s="4" t="s">
        <v>40237</v>
      </c>
      <c r="B19830" s="1" t="s">
        <v>60202</v>
      </c>
      <c r="C19830" s="1" t="s">
        <v>40238</v>
      </c>
      <c r="D19830" s="2">
        <v>172658</v>
      </c>
      <c r="E19830" s="1" t="s">
        <v>0</v>
      </c>
    </row>
    <row r="19831" spans="1:5" x14ac:dyDescent="0.25">
      <c r="A19831" s="1" t="s">
        <v>40239</v>
      </c>
      <c r="B19831" s="1" t="s">
        <v>55392</v>
      </c>
      <c r="C19831" s="1" t="s">
        <v>40240</v>
      </c>
      <c r="D19831" s="2">
        <v>172659</v>
      </c>
      <c r="E19831" s="1" t="s">
        <v>0</v>
      </c>
    </row>
    <row r="19832" spans="1:5" x14ac:dyDescent="0.25">
      <c r="A19832" s="2">
        <v>3966</v>
      </c>
      <c r="B19832" s="2">
        <v>3966</v>
      </c>
      <c r="C19832" s="1" t="s">
        <v>0</v>
      </c>
      <c r="D19832" s="2">
        <v>172660</v>
      </c>
      <c r="E19832" s="1" t="s">
        <v>0</v>
      </c>
    </row>
    <row r="19833" spans="1:5" x14ac:dyDescent="0.25">
      <c r="A19833" s="1" t="s">
        <v>3605</v>
      </c>
      <c r="B19833" s="1" t="s">
        <v>10723</v>
      </c>
      <c r="C19833" s="1" t="s">
        <v>40241</v>
      </c>
      <c r="D19833" s="2">
        <v>172661</v>
      </c>
      <c r="E19833" s="1" t="s">
        <v>0</v>
      </c>
    </row>
    <row r="19834" spans="1:5" x14ac:dyDescent="0.25">
      <c r="A19834" s="1" t="s">
        <v>40242</v>
      </c>
      <c r="B19834" s="1" t="s">
        <v>62814</v>
      </c>
      <c r="C19834" s="1" t="s">
        <v>40243</v>
      </c>
      <c r="D19834" s="2">
        <v>172662</v>
      </c>
      <c r="E19834" s="1" t="s">
        <v>0</v>
      </c>
    </row>
    <row r="19835" spans="1:5" ht="409.5" x14ac:dyDescent="0.25">
      <c r="A19835" s="4" t="s">
        <v>40244</v>
      </c>
      <c r="B19835" s="1" t="s">
        <v>63474</v>
      </c>
      <c r="C19835" s="1" t="s">
        <v>40245</v>
      </c>
      <c r="D19835" s="2">
        <v>172663</v>
      </c>
      <c r="E19835" s="1" t="s">
        <v>0</v>
      </c>
    </row>
    <row r="19836" spans="1:5" x14ac:dyDescent="0.25">
      <c r="A19836" s="1" t="s">
        <v>40246</v>
      </c>
      <c r="B19836" s="1" t="s">
        <v>10724</v>
      </c>
      <c r="C19836" s="1" t="s">
        <v>40247</v>
      </c>
      <c r="D19836" s="2">
        <v>172664</v>
      </c>
      <c r="E19836" s="1" t="s">
        <v>0</v>
      </c>
    </row>
    <row r="19837" spans="1:5" x14ac:dyDescent="0.25">
      <c r="A19837" s="2">
        <v>3967</v>
      </c>
      <c r="B19837" s="2">
        <v>3967</v>
      </c>
      <c r="C19837" s="1" t="s">
        <v>0</v>
      </c>
      <c r="D19837" s="2">
        <v>172665</v>
      </c>
      <c r="E19837" s="1" t="s">
        <v>0</v>
      </c>
    </row>
    <row r="19838" spans="1:5" x14ac:dyDescent="0.25">
      <c r="A19838" s="1" t="s">
        <v>3606</v>
      </c>
      <c r="B19838" s="1" t="s">
        <v>55393</v>
      </c>
      <c r="C19838" s="1" t="s">
        <v>40248</v>
      </c>
      <c r="D19838" s="2">
        <v>172666</v>
      </c>
      <c r="E19838" s="1" t="s">
        <v>0</v>
      </c>
    </row>
    <row r="19839" spans="1:5" x14ac:dyDescent="0.25">
      <c r="A19839" s="1" t="s">
        <v>40249</v>
      </c>
      <c r="B19839" s="1" t="s">
        <v>55394</v>
      </c>
      <c r="C19839" s="1" t="s">
        <v>40250</v>
      </c>
      <c r="D19839" s="2">
        <v>172667</v>
      </c>
      <c r="E19839" s="1" t="s">
        <v>0</v>
      </c>
    </row>
    <row r="19840" spans="1:5" ht="409.5" x14ac:dyDescent="0.25">
      <c r="A19840" s="4" t="s">
        <v>40251</v>
      </c>
      <c r="B19840" s="1" t="s">
        <v>55395</v>
      </c>
      <c r="C19840" s="1" t="s">
        <v>40252</v>
      </c>
      <c r="D19840" s="2">
        <v>172668</v>
      </c>
      <c r="E19840" s="1" t="s">
        <v>0</v>
      </c>
    </row>
    <row r="19841" spans="1:5" x14ac:dyDescent="0.25">
      <c r="A19841" s="1" t="s">
        <v>40253</v>
      </c>
      <c r="B19841" s="1" t="s">
        <v>3607</v>
      </c>
      <c r="C19841" s="1" t="s">
        <v>40254</v>
      </c>
      <c r="D19841" s="2">
        <v>172669</v>
      </c>
      <c r="E19841" s="1" t="s">
        <v>0</v>
      </c>
    </row>
    <row r="19842" spans="1:5" x14ac:dyDescent="0.25">
      <c r="A19842" s="2">
        <v>3968</v>
      </c>
      <c r="B19842" s="2">
        <v>3968</v>
      </c>
      <c r="C19842" s="1" t="s">
        <v>0</v>
      </c>
      <c r="D19842" s="2">
        <v>172670</v>
      </c>
      <c r="E19842" s="1" t="s">
        <v>0</v>
      </c>
    </row>
    <row r="19843" spans="1:5" x14ac:dyDescent="0.25">
      <c r="A19843" s="1" t="s">
        <v>3608</v>
      </c>
      <c r="B19843" s="1" t="s">
        <v>10725</v>
      </c>
      <c r="C19843" s="1" t="s">
        <v>40255</v>
      </c>
      <c r="D19843" s="2">
        <v>172671</v>
      </c>
      <c r="E19843" s="1" t="s">
        <v>0</v>
      </c>
    </row>
    <row r="19844" spans="1:5" x14ac:dyDescent="0.25">
      <c r="A19844" s="1" t="s">
        <v>40256</v>
      </c>
      <c r="B19844" s="1" t="s">
        <v>62815</v>
      </c>
      <c r="C19844" s="1" t="s">
        <v>40257</v>
      </c>
      <c r="D19844" s="2">
        <v>172672</v>
      </c>
      <c r="E19844" s="1" t="s">
        <v>0</v>
      </c>
    </row>
    <row r="19845" spans="1:5" ht="409.5" x14ac:dyDescent="0.25">
      <c r="A19845" s="4" t="s">
        <v>40258</v>
      </c>
      <c r="B19845" s="1" t="s">
        <v>62816</v>
      </c>
      <c r="C19845" s="1" t="s">
        <v>40259</v>
      </c>
      <c r="D19845" s="2">
        <v>172673</v>
      </c>
      <c r="E19845" s="1" t="s">
        <v>0</v>
      </c>
    </row>
    <row r="19846" spans="1:5" x14ac:dyDescent="0.25">
      <c r="A19846" s="1" t="s">
        <v>40260</v>
      </c>
      <c r="B19846" s="1" t="s">
        <v>10726</v>
      </c>
      <c r="C19846" s="1" t="s">
        <v>40261</v>
      </c>
      <c r="D19846" s="2">
        <v>172674</v>
      </c>
      <c r="E19846" s="1" t="s">
        <v>0</v>
      </c>
    </row>
    <row r="19847" spans="1:5" x14ac:dyDescent="0.25">
      <c r="A19847" s="2">
        <v>3969</v>
      </c>
      <c r="B19847" s="2">
        <v>3969</v>
      </c>
      <c r="C19847" s="1" t="s">
        <v>0</v>
      </c>
      <c r="D19847" s="2">
        <v>172675</v>
      </c>
      <c r="E19847" s="1" t="s">
        <v>0</v>
      </c>
    </row>
    <row r="19848" spans="1:5" x14ac:dyDescent="0.25">
      <c r="A19848" s="1" t="s">
        <v>3609</v>
      </c>
      <c r="B19848" s="1" t="s">
        <v>10727</v>
      </c>
      <c r="C19848" s="1" t="s">
        <v>40262</v>
      </c>
      <c r="D19848" s="2">
        <v>172676</v>
      </c>
      <c r="E19848" s="1" t="s">
        <v>0</v>
      </c>
    </row>
    <row r="19849" spans="1:5" x14ac:dyDescent="0.25">
      <c r="A19849" s="1" t="s">
        <v>40263</v>
      </c>
      <c r="B19849" s="1" t="s">
        <v>55396</v>
      </c>
      <c r="C19849" s="1" t="s">
        <v>40264</v>
      </c>
      <c r="D19849" s="2">
        <v>172677</v>
      </c>
      <c r="E19849" s="1" t="s">
        <v>0</v>
      </c>
    </row>
    <row r="19850" spans="1:5" ht="409.5" x14ac:dyDescent="0.25">
      <c r="A19850" s="4" t="s">
        <v>40265</v>
      </c>
      <c r="B19850" s="1" t="s">
        <v>55397</v>
      </c>
      <c r="C19850" s="1" t="s">
        <v>40266</v>
      </c>
      <c r="D19850" s="2">
        <v>172678</v>
      </c>
      <c r="E19850" s="1" t="s">
        <v>0</v>
      </c>
    </row>
    <row r="19851" spans="1:5" x14ac:dyDescent="0.25">
      <c r="A19851" s="1" t="s">
        <v>40267</v>
      </c>
      <c r="B19851" s="1" t="s">
        <v>55398</v>
      </c>
      <c r="C19851" s="1" t="s">
        <v>40268</v>
      </c>
      <c r="D19851" s="2">
        <v>172679</v>
      </c>
      <c r="E19851" s="1" t="s">
        <v>0</v>
      </c>
    </row>
    <row r="19852" spans="1:5" x14ac:dyDescent="0.25">
      <c r="A19852" s="2">
        <v>3970</v>
      </c>
      <c r="B19852" s="2">
        <v>3970</v>
      </c>
      <c r="C19852" s="1" t="s">
        <v>0</v>
      </c>
      <c r="D19852" s="2">
        <v>172680</v>
      </c>
      <c r="E19852" s="1" t="s">
        <v>0</v>
      </c>
    </row>
    <row r="19853" spans="1:5" x14ac:dyDescent="0.25">
      <c r="A19853" s="1" t="s">
        <v>3610</v>
      </c>
      <c r="B19853" s="1" t="s">
        <v>10728</v>
      </c>
      <c r="C19853" s="1" t="s">
        <v>40269</v>
      </c>
      <c r="D19853" s="2">
        <v>172681</v>
      </c>
      <c r="E19853" s="1" t="s">
        <v>0</v>
      </c>
    </row>
    <row r="19854" spans="1:5" x14ac:dyDescent="0.25">
      <c r="A19854" s="1" t="s">
        <v>40270</v>
      </c>
      <c r="B19854" s="1" t="s">
        <v>55399</v>
      </c>
      <c r="C19854" s="1" t="s">
        <v>40271</v>
      </c>
      <c r="D19854" s="2">
        <v>172682</v>
      </c>
      <c r="E19854" s="1" t="s">
        <v>0</v>
      </c>
    </row>
    <row r="19855" spans="1:5" ht="409.5" x14ac:dyDescent="0.25">
      <c r="A19855" s="4" t="s">
        <v>40272</v>
      </c>
      <c r="B19855" s="1" t="s">
        <v>61292</v>
      </c>
      <c r="C19855" s="1" t="s">
        <v>40273</v>
      </c>
      <c r="D19855" s="2">
        <v>172683</v>
      </c>
      <c r="E19855" s="1" t="s">
        <v>0</v>
      </c>
    </row>
    <row r="19856" spans="1:5" x14ac:dyDescent="0.25">
      <c r="A19856" s="1" t="s">
        <v>40274</v>
      </c>
      <c r="B19856" s="1" t="s">
        <v>10729</v>
      </c>
      <c r="C19856" s="1" t="s">
        <v>40275</v>
      </c>
      <c r="D19856" s="2">
        <v>172684</v>
      </c>
      <c r="E19856" s="1" t="s">
        <v>0</v>
      </c>
    </row>
    <row r="19857" spans="1:5" x14ac:dyDescent="0.25">
      <c r="A19857" s="2">
        <v>3971</v>
      </c>
      <c r="B19857" s="2">
        <v>3971</v>
      </c>
      <c r="C19857" s="1" t="s">
        <v>0</v>
      </c>
      <c r="D19857" s="2">
        <v>172685</v>
      </c>
      <c r="E19857" s="1" t="s">
        <v>0</v>
      </c>
    </row>
    <row r="19858" spans="1:5" x14ac:dyDescent="0.25">
      <c r="A19858" s="1" t="s">
        <v>3611</v>
      </c>
      <c r="B19858" s="1" t="s">
        <v>10730</v>
      </c>
      <c r="C19858" s="1" t="s">
        <v>40276</v>
      </c>
      <c r="D19858" s="2">
        <v>172686</v>
      </c>
      <c r="E19858" s="1" t="s">
        <v>0</v>
      </c>
    </row>
    <row r="19859" spans="1:5" x14ac:dyDescent="0.25">
      <c r="A19859" s="1" t="s">
        <v>40277</v>
      </c>
      <c r="B19859" s="1" t="s">
        <v>10731</v>
      </c>
      <c r="C19859" s="1" t="s">
        <v>40278</v>
      </c>
      <c r="D19859" s="2">
        <v>172687</v>
      </c>
      <c r="E19859" s="1" t="s">
        <v>0</v>
      </c>
    </row>
    <row r="19860" spans="1:5" ht="409.5" x14ac:dyDescent="0.25">
      <c r="A19860" s="4" t="s">
        <v>40279</v>
      </c>
      <c r="B19860" s="1" t="s">
        <v>55400</v>
      </c>
      <c r="C19860" s="1" t="s">
        <v>40280</v>
      </c>
      <c r="D19860" s="2">
        <v>172688</v>
      </c>
      <c r="E19860" s="1" t="s">
        <v>0</v>
      </c>
    </row>
    <row r="19861" spans="1:5" x14ac:dyDescent="0.25">
      <c r="A19861" s="1" t="s">
        <v>40281</v>
      </c>
      <c r="B19861" s="1" t="s">
        <v>10732</v>
      </c>
      <c r="C19861" s="1" t="s">
        <v>40282</v>
      </c>
      <c r="D19861" s="2">
        <v>172689</v>
      </c>
      <c r="E19861" s="1" t="s">
        <v>0</v>
      </c>
    </row>
    <row r="19862" spans="1:5" x14ac:dyDescent="0.25">
      <c r="A19862" s="2">
        <v>3972</v>
      </c>
      <c r="B19862" s="2">
        <v>3972</v>
      </c>
      <c r="C19862" s="1" t="s">
        <v>0</v>
      </c>
      <c r="D19862" s="2">
        <v>172690</v>
      </c>
      <c r="E19862" s="1" t="s">
        <v>0</v>
      </c>
    </row>
    <row r="19863" spans="1:5" x14ac:dyDescent="0.25">
      <c r="A19863" s="1" t="s">
        <v>13251</v>
      </c>
      <c r="B19863" s="1" t="s">
        <v>10733</v>
      </c>
      <c r="C19863" s="1" t="s">
        <v>40283</v>
      </c>
      <c r="D19863" s="2">
        <v>172691</v>
      </c>
      <c r="E19863" s="1" t="s">
        <v>0</v>
      </c>
    </row>
    <row r="19864" spans="1:5" x14ac:dyDescent="0.25">
      <c r="A19864" s="1" t="s">
        <v>40284</v>
      </c>
      <c r="B19864" s="1" t="s">
        <v>55401</v>
      </c>
      <c r="C19864" s="1" t="s">
        <v>40285</v>
      </c>
      <c r="D19864" s="2">
        <v>172692</v>
      </c>
      <c r="E19864" s="1" t="s">
        <v>0</v>
      </c>
    </row>
    <row r="19865" spans="1:5" ht="409.5" x14ac:dyDescent="0.25">
      <c r="A19865" s="4" t="s">
        <v>40286</v>
      </c>
      <c r="B19865" s="1" t="s">
        <v>55402</v>
      </c>
      <c r="C19865" s="1" t="s">
        <v>40287</v>
      </c>
      <c r="D19865" s="2">
        <v>172693</v>
      </c>
      <c r="E19865" s="1" t="s">
        <v>0</v>
      </c>
    </row>
    <row r="19866" spans="1:5" x14ac:dyDescent="0.25">
      <c r="A19866" s="1" t="s">
        <v>40288</v>
      </c>
      <c r="B19866" s="1" t="s">
        <v>55403</v>
      </c>
      <c r="C19866" s="1" t="s">
        <v>40289</v>
      </c>
      <c r="D19866" s="2">
        <v>172694</v>
      </c>
      <c r="E19866" s="1" t="s">
        <v>0</v>
      </c>
    </row>
    <row r="19867" spans="1:5" x14ac:dyDescent="0.25">
      <c r="A19867" s="2">
        <v>3973</v>
      </c>
      <c r="B19867" s="2">
        <v>3973</v>
      </c>
      <c r="C19867" s="1" t="s">
        <v>0</v>
      </c>
      <c r="D19867" s="2">
        <v>172695</v>
      </c>
      <c r="E19867" s="1" t="s">
        <v>0</v>
      </c>
    </row>
    <row r="19868" spans="1:5" x14ac:dyDescent="0.25">
      <c r="A19868" s="1" t="s">
        <v>3612</v>
      </c>
      <c r="B19868" s="1" t="s">
        <v>55404</v>
      </c>
      <c r="C19868" s="1" t="s">
        <v>40290</v>
      </c>
      <c r="D19868" s="2">
        <v>172696</v>
      </c>
      <c r="E19868" s="1" t="s">
        <v>0</v>
      </c>
    </row>
    <row r="19869" spans="1:5" x14ac:dyDescent="0.25">
      <c r="A19869" s="1" t="s">
        <v>40291</v>
      </c>
      <c r="B19869" s="1" t="s">
        <v>55405</v>
      </c>
      <c r="C19869" s="1" t="s">
        <v>40292</v>
      </c>
      <c r="D19869" s="2">
        <v>172697</v>
      </c>
      <c r="E19869" s="1" t="s">
        <v>0</v>
      </c>
    </row>
    <row r="19870" spans="1:5" ht="409.5" x14ac:dyDescent="0.25">
      <c r="A19870" s="4" t="s">
        <v>40293</v>
      </c>
      <c r="B19870" s="1" t="s">
        <v>61293</v>
      </c>
      <c r="C19870" s="1" t="s">
        <v>40294</v>
      </c>
      <c r="D19870" s="2">
        <v>172698</v>
      </c>
      <c r="E19870" s="1" t="s">
        <v>0</v>
      </c>
    </row>
    <row r="19871" spans="1:5" x14ac:dyDescent="0.25">
      <c r="A19871" s="1" t="s">
        <v>40295</v>
      </c>
      <c r="B19871" s="1" t="s">
        <v>61294</v>
      </c>
      <c r="C19871" s="1" t="s">
        <v>40296</v>
      </c>
      <c r="D19871" s="2">
        <v>172699</v>
      </c>
      <c r="E19871" s="1" t="s">
        <v>0</v>
      </c>
    </row>
    <row r="19872" spans="1:5" x14ac:dyDescent="0.25">
      <c r="A19872" s="2">
        <v>3974</v>
      </c>
      <c r="B19872" s="2">
        <v>3974</v>
      </c>
      <c r="C19872" s="1" t="s">
        <v>0</v>
      </c>
      <c r="D19872" s="2">
        <v>172700</v>
      </c>
      <c r="E19872" s="1" t="s">
        <v>0</v>
      </c>
    </row>
    <row r="19873" spans="1:5" x14ac:dyDescent="0.25">
      <c r="A19873" s="1" t="s">
        <v>3613</v>
      </c>
      <c r="B19873" s="1" t="s">
        <v>10734</v>
      </c>
      <c r="C19873" s="1" t="s">
        <v>40297</v>
      </c>
      <c r="D19873" s="2">
        <v>172701</v>
      </c>
      <c r="E19873" s="1" t="s">
        <v>0</v>
      </c>
    </row>
    <row r="19874" spans="1:5" x14ac:dyDescent="0.25">
      <c r="A19874" s="1" t="s">
        <v>40298</v>
      </c>
      <c r="B19874" s="1" t="s">
        <v>55406</v>
      </c>
      <c r="C19874" s="1" t="s">
        <v>40299</v>
      </c>
      <c r="D19874" s="2">
        <v>172702</v>
      </c>
      <c r="E19874" s="1" t="s">
        <v>0</v>
      </c>
    </row>
    <row r="19875" spans="1:5" ht="409.5" x14ac:dyDescent="0.25">
      <c r="A19875" s="4" t="s">
        <v>40300</v>
      </c>
      <c r="B19875" s="1" t="s">
        <v>61295</v>
      </c>
      <c r="C19875" s="1" t="s">
        <v>40301</v>
      </c>
      <c r="D19875" s="2">
        <v>172703</v>
      </c>
      <c r="E19875" s="1" t="s">
        <v>0</v>
      </c>
    </row>
    <row r="19876" spans="1:5" x14ac:dyDescent="0.25">
      <c r="A19876" s="1" t="s">
        <v>40302</v>
      </c>
      <c r="B19876" s="1" t="s">
        <v>10735</v>
      </c>
      <c r="C19876" s="1" t="s">
        <v>40303</v>
      </c>
      <c r="D19876" s="2">
        <v>172704</v>
      </c>
      <c r="E19876" s="1" t="s">
        <v>0</v>
      </c>
    </row>
    <row r="19877" spans="1:5" x14ac:dyDescent="0.25">
      <c r="A19877" s="2">
        <v>3975</v>
      </c>
      <c r="B19877" s="2">
        <v>3975</v>
      </c>
      <c r="C19877" s="1" t="s">
        <v>0</v>
      </c>
      <c r="D19877" s="2">
        <v>172705</v>
      </c>
      <c r="E19877" s="1" t="s">
        <v>0</v>
      </c>
    </row>
    <row r="19878" spans="1:5" x14ac:dyDescent="0.25">
      <c r="A19878" s="1" t="s">
        <v>3614</v>
      </c>
      <c r="B19878" s="1" t="s">
        <v>10736</v>
      </c>
      <c r="C19878" s="1" t="s">
        <v>40304</v>
      </c>
      <c r="D19878" s="2">
        <v>172706</v>
      </c>
      <c r="E19878" s="1" t="s">
        <v>0</v>
      </c>
    </row>
    <row r="19879" spans="1:5" x14ac:dyDescent="0.25">
      <c r="A19879" s="1" t="s">
        <v>40305</v>
      </c>
      <c r="B19879" s="1" t="s">
        <v>55407</v>
      </c>
      <c r="C19879" s="1" t="s">
        <v>40306</v>
      </c>
      <c r="D19879" s="2">
        <v>172707</v>
      </c>
      <c r="E19879" s="1" t="s">
        <v>0</v>
      </c>
    </row>
    <row r="19880" spans="1:5" ht="409.5" x14ac:dyDescent="0.25">
      <c r="A19880" s="4" t="s">
        <v>40307</v>
      </c>
      <c r="B19880" s="1" t="s">
        <v>55408</v>
      </c>
      <c r="C19880" s="1" t="s">
        <v>40308</v>
      </c>
      <c r="D19880" s="2">
        <v>172708</v>
      </c>
      <c r="E19880" s="1" t="s">
        <v>0</v>
      </c>
    </row>
    <row r="19881" spans="1:5" x14ac:dyDescent="0.25">
      <c r="A19881" s="1" t="s">
        <v>40309</v>
      </c>
      <c r="B19881" s="1" t="s">
        <v>55409</v>
      </c>
      <c r="C19881" s="1" t="s">
        <v>40310</v>
      </c>
      <c r="D19881" s="2">
        <v>172709</v>
      </c>
      <c r="E19881" s="1" t="s">
        <v>0</v>
      </c>
    </row>
    <row r="19882" spans="1:5" x14ac:dyDescent="0.25">
      <c r="A19882" s="2">
        <v>3976</v>
      </c>
      <c r="B19882" s="2">
        <v>3976</v>
      </c>
      <c r="C19882" s="1" t="s">
        <v>0</v>
      </c>
      <c r="D19882" s="2">
        <v>172710</v>
      </c>
      <c r="E19882" s="1" t="s">
        <v>0</v>
      </c>
    </row>
    <row r="19883" spans="1:5" x14ac:dyDescent="0.25">
      <c r="A19883" s="1" t="s">
        <v>10737</v>
      </c>
      <c r="B19883" s="1" t="s">
        <v>10738</v>
      </c>
      <c r="C19883" s="1" t="s">
        <v>40311</v>
      </c>
      <c r="D19883" s="2">
        <v>172711</v>
      </c>
      <c r="E19883" s="1" t="s">
        <v>0</v>
      </c>
    </row>
    <row r="19884" spans="1:5" x14ac:dyDescent="0.25">
      <c r="A19884" s="1" t="s">
        <v>40312</v>
      </c>
      <c r="B19884" s="1" t="s">
        <v>55410</v>
      </c>
      <c r="C19884" s="1" t="s">
        <v>40313</v>
      </c>
      <c r="D19884" s="2">
        <v>172712</v>
      </c>
      <c r="E19884" s="1" t="s">
        <v>0</v>
      </c>
    </row>
    <row r="19885" spans="1:5" ht="409.5" x14ac:dyDescent="0.25">
      <c r="A19885" s="4" t="s">
        <v>40314</v>
      </c>
      <c r="B19885" s="1" t="s">
        <v>55411</v>
      </c>
      <c r="C19885" s="1" t="s">
        <v>40315</v>
      </c>
      <c r="D19885" s="2">
        <v>172713</v>
      </c>
      <c r="E19885" s="1" t="s">
        <v>0</v>
      </c>
    </row>
    <row r="19886" spans="1:5" x14ac:dyDescent="0.25">
      <c r="A19886" s="1" t="s">
        <v>40316</v>
      </c>
      <c r="B19886" s="1" t="s">
        <v>55412</v>
      </c>
      <c r="C19886" s="1" t="s">
        <v>40317</v>
      </c>
      <c r="D19886" s="2">
        <v>172714</v>
      </c>
      <c r="E19886" s="1" t="s">
        <v>0</v>
      </c>
    </row>
    <row r="19887" spans="1:5" x14ac:dyDescent="0.25">
      <c r="A19887" s="2">
        <v>3977</v>
      </c>
      <c r="B19887" s="2">
        <v>3977</v>
      </c>
      <c r="C19887" s="1" t="s">
        <v>0</v>
      </c>
      <c r="D19887" s="2">
        <v>172715</v>
      </c>
      <c r="E19887" s="1" t="s">
        <v>0</v>
      </c>
    </row>
    <row r="19888" spans="1:5" x14ac:dyDescent="0.25">
      <c r="A19888" s="1" t="s">
        <v>3615</v>
      </c>
      <c r="B19888" s="1" t="s">
        <v>10739</v>
      </c>
      <c r="C19888" s="1" t="s">
        <v>40318</v>
      </c>
      <c r="D19888" s="2">
        <v>172716</v>
      </c>
      <c r="E19888" s="1" t="s">
        <v>0</v>
      </c>
    </row>
    <row r="19889" spans="1:5" x14ac:dyDescent="0.25">
      <c r="A19889" s="1" t="s">
        <v>40319</v>
      </c>
      <c r="B19889" s="1" t="s">
        <v>10740</v>
      </c>
      <c r="C19889" s="1" t="s">
        <v>40320</v>
      </c>
      <c r="D19889" s="2">
        <v>172717</v>
      </c>
      <c r="E19889" s="1" t="s">
        <v>0</v>
      </c>
    </row>
    <row r="19890" spans="1:5" ht="409.5" x14ac:dyDescent="0.25">
      <c r="A19890" s="4" t="s">
        <v>40321</v>
      </c>
      <c r="B19890" s="1" t="s">
        <v>55413</v>
      </c>
      <c r="C19890" s="1" t="s">
        <v>40322</v>
      </c>
      <c r="D19890" s="2">
        <v>172718</v>
      </c>
      <c r="E19890" s="1" t="s">
        <v>0</v>
      </c>
    </row>
    <row r="19891" spans="1:5" x14ac:dyDescent="0.25">
      <c r="A19891" s="1" t="s">
        <v>40323</v>
      </c>
      <c r="B19891" s="1" t="s">
        <v>10741</v>
      </c>
      <c r="C19891" s="1" t="s">
        <v>40324</v>
      </c>
      <c r="D19891" s="2">
        <v>172719</v>
      </c>
      <c r="E19891" s="1" t="s">
        <v>0</v>
      </c>
    </row>
    <row r="19892" spans="1:5" x14ac:dyDescent="0.25">
      <c r="A19892" s="2">
        <v>3978</v>
      </c>
      <c r="B19892" s="2">
        <v>3978</v>
      </c>
      <c r="C19892" s="1" t="s">
        <v>0</v>
      </c>
      <c r="D19892" s="2">
        <v>172720</v>
      </c>
      <c r="E19892" s="1" t="s">
        <v>0</v>
      </c>
    </row>
    <row r="19893" spans="1:5" x14ac:dyDescent="0.25">
      <c r="A19893" s="1" t="s">
        <v>3616</v>
      </c>
      <c r="B19893" s="1" t="s">
        <v>10742</v>
      </c>
      <c r="C19893" s="1" t="s">
        <v>40325</v>
      </c>
      <c r="D19893" s="2">
        <v>172721</v>
      </c>
      <c r="E19893" s="1" t="s">
        <v>0</v>
      </c>
    </row>
    <row r="19894" spans="1:5" x14ac:dyDescent="0.25">
      <c r="A19894" s="1" t="s">
        <v>40326</v>
      </c>
      <c r="B19894" s="1" t="s">
        <v>58527</v>
      </c>
      <c r="C19894" s="1" t="s">
        <v>40327</v>
      </c>
      <c r="D19894" s="2">
        <v>172722</v>
      </c>
      <c r="E19894" s="1" t="s">
        <v>0</v>
      </c>
    </row>
    <row r="19895" spans="1:5" ht="409.5" x14ac:dyDescent="0.25">
      <c r="A19895" s="4" t="s">
        <v>61863</v>
      </c>
      <c r="B19895" s="1" t="s">
        <v>62817</v>
      </c>
      <c r="C19895" s="1" t="s">
        <v>40328</v>
      </c>
      <c r="D19895" s="2">
        <v>172723</v>
      </c>
      <c r="E19895" s="1" t="s">
        <v>0</v>
      </c>
    </row>
    <row r="19896" spans="1:5" x14ac:dyDescent="0.25">
      <c r="A19896" s="1" t="s">
        <v>40329</v>
      </c>
      <c r="B19896" s="1" t="s">
        <v>10743</v>
      </c>
      <c r="C19896" s="1" t="s">
        <v>40330</v>
      </c>
      <c r="D19896" s="2">
        <v>172724</v>
      </c>
      <c r="E19896" s="1" t="s">
        <v>0</v>
      </c>
    </row>
    <row r="19897" spans="1:5" x14ac:dyDescent="0.25">
      <c r="A19897" s="2">
        <v>3979</v>
      </c>
      <c r="B19897" s="2">
        <v>3979</v>
      </c>
      <c r="C19897" s="1" t="s">
        <v>0</v>
      </c>
      <c r="D19897" s="2">
        <v>172725</v>
      </c>
      <c r="E19897" s="1" t="s">
        <v>0</v>
      </c>
    </row>
    <row r="19898" spans="1:5" x14ac:dyDescent="0.25">
      <c r="A19898" s="1" t="s">
        <v>3617</v>
      </c>
      <c r="B19898" s="1" t="s">
        <v>10744</v>
      </c>
      <c r="C19898" s="1" t="s">
        <v>40331</v>
      </c>
      <c r="D19898" s="2">
        <v>172726</v>
      </c>
      <c r="E19898" s="1" t="s">
        <v>0</v>
      </c>
    </row>
    <row r="19899" spans="1:5" x14ac:dyDescent="0.25">
      <c r="A19899" s="1" t="s">
        <v>40332</v>
      </c>
      <c r="B19899" s="1" t="s">
        <v>55414</v>
      </c>
      <c r="C19899" s="1" t="s">
        <v>40333</v>
      </c>
      <c r="D19899" s="2">
        <v>172727</v>
      </c>
      <c r="E19899" s="1" t="s">
        <v>0</v>
      </c>
    </row>
    <row r="19900" spans="1:5" ht="409.5" x14ac:dyDescent="0.25">
      <c r="A19900" s="4" t="s">
        <v>40334</v>
      </c>
      <c r="B19900" s="1" t="s">
        <v>63475</v>
      </c>
      <c r="C19900" s="1" t="s">
        <v>40335</v>
      </c>
      <c r="D19900" s="2">
        <v>172728</v>
      </c>
      <c r="E19900" s="1" t="s">
        <v>0</v>
      </c>
    </row>
    <row r="19901" spans="1:5" x14ac:dyDescent="0.25">
      <c r="A19901" s="1" t="s">
        <v>40336</v>
      </c>
      <c r="B19901" s="1" t="s">
        <v>10745</v>
      </c>
      <c r="C19901" s="1" t="s">
        <v>40337</v>
      </c>
      <c r="D19901" s="2">
        <v>172729</v>
      </c>
      <c r="E19901" s="1" t="s">
        <v>0</v>
      </c>
    </row>
    <row r="19902" spans="1:5" x14ac:dyDescent="0.25">
      <c r="A19902" s="2">
        <v>3980</v>
      </c>
      <c r="B19902" s="2">
        <v>3980</v>
      </c>
      <c r="C19902" s="1" t="s">
        <v>0</v>
      </c>
      <c r="D19902" s="2">
        <v>172730</v>
      </c>
      <c r="E19902" s="1" t="s">
        <v>0</v>
      </c>
    </row>
    <row r="19903" spans="1:5" x14ac:dyDescent="0.25">
      <c r="A19903" s="1" t="s">
        <v>3618</v>
      </c>
      <c r="B19903" s="1" t="s">
        <v>10746</v>
      </c>
      <c r="C19903" s="1" t="s">
        <v>40338</v>
      </c>
      <c r="D19903" s="2">
        <v>172731</v>
      </c>
      <c r="E19903" s="1" t="s">
        <v>0</v>
      </c>
    </row>
    <row r="19904" spans="1:5" x14ac:dyDescent="0.25">
      <c r="A19904" s="1" t="s">
        <v>40339</v>
      </c>
      <c r="B19904" s="1" t="s">
        <v>55415</v>
      </c>
      <c r="C19904" s="1" t="s">
        <v>40340</v>
      </c>
      <c r="D19904" s="2">
        <v>172732</v>
      </c>
      <c r="E19904" s="1" t="s">
        <v>0</v>
      </c>
    </row>
    <row r="19905" spans="1:5" x14ac:dyDescent="0.25">
      <c r="A19905" s="1" t="s">
        <v>40341</v>
      </c>
      <c r="B19905" s="1" t="s">
        <v>55416</v>
      </c>
      <c r="C19905" s="1" t="s">
        <v>40342</v>
      </c>
      <c r="D19905" s="2">
        <v>172733</v>
      </c>
      <c r="E19905" s="1" t="s">
        <v>0</v>
      </c>
    </row>
    <row r="19906" spans="1:5" x14ac:dyDescent="0.25">
      <c r="A19906" s="1" t="s">
        <v>40343</v>
      </c>
      <c r="B19906" s="1" t="s">
        <v>61296</v>
      </c>
      <c r="C19906" s="1" t="s">
        <v>40344</v>
      </c>
      <c r="D19906" s="2">
        <v>172734</v>
      </c>
      <c r="E19906" s="1" t="s">
        <v>0</v>
      </c>
    </row>
    <row r="19907" spans="1:5" x14ac:dyDescent="0.25">
      <c r="A19907" s="2">
        <v>3981</v>
      </c>
      <c r="B19907" s="2">
        <v>3981</v>
      </c>
      <c r="C19907" s="1" t="s">
        <v>0</v>
      </c>
      <c r="D19907" s="2">
        <v>172735</v>
      </c>
      <c r="E19907" s="1" t="s">
        <v>0</v>
      </c>
    </row>
    <row r="19908" spans="1:5" x14ac:dyDescent="0.25">
      <c r="A19908" s="1" t="s">
        <v>40345</v>
      </c>
      <c r="B19908" s="1" t="s">
        <v>10747</v>
      </c>
      <c r="C19908" s="1" t="s">
        <v>40346</v>
      </c>
      <c r="D19908" s="2">
        <v>172736</v>
      </c>
      <c r="E19908" s="1" t="s">
        <v>0</v>
      </c>
    </row>
    <row r="19909" spans="1:5" x14ac:dyDescent="0.25">
      <c r="A19909" s="1" t="s">
        <v>40347</v>
      </c>
      <c r="B19909" s="1" t="s">
        <v>55417</v>
      </c>
      <c r="C19909" s="1" t="s">
        <v>40348</v>
      </c>
      <c r="D19909" s="2">
        <v>172737</v>
      </c>
      <c r="E19909" s="1" t="s">
        <v>0</v>
      </c>
    </row>
    <row r="19910" spans="1:5" ht="409.5" x14ac:dyDescent="0.25">
      <c r="A19910" s="4" t="s">
        <v>40349</v>
      </c>
      <c r="B19910" s="1" t="s">
        <v>55418</v>
      </c>
      <c r="C19910" s="1" t="s">
        <v>40350</v>
      </c>
      <c r="D19910" s="2">
        <v>172738</v>
      </c>
      <c r="E19910" s="1" t="s">
        <v>0</v>
      </c>
    </row>
    <row r="19911" spans="1:5" x14ac:dyDescent="0.25">
      <c r="A19911" s="1" t="s">
        <v>40351</v>
      </c>
      <c r="B19911" s="1" t="s">
        <v>10748</v>
      </c>
      <c r="C19911" s="1" t="s">
        <v>40352</v>
      </c>
      <c r="D19911" s="2">
        <v>172739</v>
      </c>
      <c r="E19911" s="1" t="s">
        <v>0</v>
      </c>
    </row>
    <row r="19912" spans="1:5" x14ac:dyDescent="0.25">
      <c r="A19912" s="2">
        <v>3982</v>
      </c>
      <c r="B19912" s="2">
        <v>3982</v>
      </c>
      <c r="C19912" s="1" t="s">
        <v>0</v>
      </c>
      <c r="D19912" s="2">
        <v>172740</v>
      </c>
      <c r="E19912" s="1" t="s">
        <v>0</v>
      </c>
    </row>
    <row r="19913" spans="1:5" x14ac:dyDescent="0.25">
      <c r="A19913" s="1" t="s">
        <v>3619</v>
      </c>
      <c r="B19913" s="1" t="s">
        <v>10749</v>
      </c>
      <c r="C19913" s="1" t="s">
        <v>40353</v>
      </c>
      <c r="D19913" s="2">
        <v>172741</v>
      </c>
      <c r="E19913" s="1" t="s">
        <v>0</v>
      </c>
    </row>
    <row r="19914" spans="1:5" x14ac:dyDescent="0.25">
      <c r="A19914" s="1" t="s">
        <v>40354</v>
      </c>
      <c r="B19914" s="1" t="s">
        <v>10750</v>
      </c>
      <c r="C19914" s="1" t="s">
        <v>40355</v>
      </c>
      <c r="D19914" s="2">
        <v>172742</v>
      </c>
      <c r="E19914" s="1" t="s">
        <v>0</v>
      </c>
    </row>
    <row r="19915" spans="1:5" ht="409.5" x14ac:dyDescent="0.25">
      <c r="A19915" s="4" t="s">
        <v>40356</v>
      </c>
      <c r="B19915" s="1" t="s">
        <v>55419</v>
      </c>
      <c r="C19915" s="1" t="s">
        <v>40357</v>
      </c>
      <c r="D19915" s="2">
        <v>172743</v>
      </c>
      <c r="E19915" s="1" t="s">
        <v>0</v>
      </c>
    </row>
    <row r="19916" spans="1:5" x14ac:dyDescent="0.25">
      <c r="A19916" s="1" t="s">
        <v>40358</v>
      </c>
      <c r="B19916" s="1" t="s">
        <v>10751</v>
      </c>
      <c r="C19916" s="1" t="s">
        <v>40359</v>
      </c>
      <c r="D19916" s="2">
        <v>172744</v>
      </c>
      <c r="E19916" s="1" t="s">
        <v>0</v>
      </c>
    </row>
    <row r="19917" spans="1:5" x14ac:dyDescent="0.25">
      <c r="A19917" s="2">
        <v>3983</v>
      </c>
      <c r="B19917" s="2">
        <v>3983</v>
      </c>
      <c r="C19917" s="1" t="s">
        <v>0</v>
      </c>
      <c r="D19917" s="2">
        <v>172745</v>
      </c>
      <c r="E19917" s="1" t="s">
        <v>0</v>
      </c>
    </row>
    <row r="19918" spans="1:5" x14ac:dyDescent="0.25">
      <c r="A19918" s="1" t="s">
        <v>3620</v>
      </c>
      <c r="B19918" s="1" t="s">
        <v>10752</v>
      </c>
      <c r="C19918" s="1" t="s">
        <v>40360</v>
      </c>
      <c r="D19918" s="2">
        <v>172746</v>
      </c>
      <c r="E19918" s="1" t="s">
        <v>0</v>
      </c>
    </row>
    <row r="19919" spans="1:5" x14ac:dyDescent="0.25">
      <c r="A19919" s="1" t="s">
        <v>40361</v>
      </c>
      <c r="B19919" s="1" t="s">
        <v>62818</v>
      </c>
      <c r="C19919" s="1" t="s">
        <v>40362</v>
      </c>
      <c r="D19919" s="2">
        <v>172747</v>
      </c>
      <c r="E19919" s="1" t="s">
        <v>0</v>
      </c>
    </row>
    <row r="19920" spans="1:5" x14ac:dyDescent="0.25">
      <c r="A19920" s="1" t="s">
        <v>40363</v>
      </c>
      <c r="B19920" s="1" t="s">
        <v>62819</v>
      </c>
      <c r="C19920" s="1" t="s">
        <v>40364</v>
      </c>
      <c r="D19920" s="2">
        <v>172748</v>
      </c>
      <c r="E19920" s="1" t="s">
        <v>0</v>
      </c>
    </row>
    <row r="19921" spans="1:5" x14ac:dyDescent="0.25">
      <c r="A19921" s="1" t="s">
        <v>40365</v>
      </c>
      <c r="B19921" s="1" t="s">
        <v>10753</v>
      </c>
      <c r="C19921" s="1" t="s">
        <v>40366</v>
      </c>
      <c r="D19921" s="2">
        <v>172749</v>
      </c>
      <c r="E19921" s="1" t="s">
        <v>0</v>
      </c>
    </row>
    <row r="19922" spans="1:5" x14ac:dyDescent="0.25">
      <c r="A19922" s="2">
        <v>3984</v>
      </c>
      <c r="B19922" s="2">
        <v>3984</v>
      </c>
      <c r="C19922" s="1" t="s">
        <v>0</v>
      </c>
      <c r="D19922" s="2">
        <v>172750</v>
      </c>
      <c r="E19922" s="1" t="s">
        <v>0</v>
      </c>
    </row>
    <row r="19923" spans="1:5" x14ac:dyDescent="0.25">
      <c r="A19923" s="1" t="s">
        <v>3621</v>
      </c>
      <c r="B19923" s="1" t="s">
        <v>55420</v>
      </c>
      <c r="C19923" s="1" t="s">
        <v>40367</v>
      </c>
      <c r="D19923" s="2">
        <v>172751</v>
      </c>
      <c r="E19923" s="1" t="s">
        <v>0</v>
      </c>
    </row>
    <row r="19924" spans="1:5" x14ac:dyDescent="0.25">
      <c r="A19924" s="1" t="s">
        <v>40368</v>
      </c>
      <c r="B19924" s="1" t="s">
        <v>58528</v>
      </c>
      <c r="C19924" s="1" t="s">
        <v>40369</v>
      </c>
      <c r="D19924" s="2">
        <v>172752</v>
      </c>
      <c r="E19924" s="1" t="s">
        <v>0</v>
      </c>
    </row>
    <row r="19925" spans="1:5" ht="409.5" x14ac:dyDescent="0.25">
      <c r="A19925" s="4" t="s">
        <v>40370</v>
      </c>
      <c r="B19925" s="1" t="s">
        <v>58529</v>
      </c>
      <c r="C19925" s="1" t="s">
        <v>40371</v>
      </c>
      <c r="D19925" s="2">
        <v>172753</v>
      </c>
      <c r="E19925" s="1" t="s">
        <v>0</v>
      </c>
    </row>
    <row r="19926" spans="1:5" x14ac:dyDescent="0.25">
      <c r="A19926" s="1" t="s">
        <v>40372</v>
      </c>
      <c r="B19926" s="1" t="s">
        <v>10754</v>
      </c>
      <c r="C19926" s="1" t="s">
        <v>40373</v>
      </c>
      <c r="D19926" s="2">
        <v>172754</v>
      </c>
      <c r="E19926" s="1" t="s">
        <v>0</v>
      </c>
    </row>
    <row r="19927" spans="1:5" x14ac:dyDescent="0.25">
      <c r="A19927" s="2">
        <v>3985</v>
      </c>
      <c r="B19927" s="2">
        <v>3985</v>
      </c>
      <c r="C19927" s="1" t="s">
        <v>0</v>
      </c>
      <c r="D19927" s="2">
        <v>172755</v>
      </c>
      <c r="E19927" s="1" t="s">
        <v>0</v>
      </c>
    </row>
    <row r="19928" spans="1:5" x14ac:dyDescent="0.25">
      <c r="A19928" s="1" t="s">
        <v>3622</v>
      </c>
      <c r="B19928" s="1" t="s">
        <v>10755</v>
      </c>
      <c r="C19928" s="1" t="s">
        <v>40374</v>
      </c>
      <c r="D19928" s="2">
        <v>172756</v>
      </c>
      <c r="E19928" s="1" t="s">
        <v>0</v>
      </c>
    </row>
    <row r="19929" spans="1:5" x14ac:dyDescent="0.25">
      <c r="A19929" s="1" t="s">
        <v>40375</v>
      </c>
      <c r="B19929" s="1" t="s">
        <v>59670</v>
      </c>
      <c r="C19929" s="1" t="s">
        <v>40376</v>
      </c>
      <c r="D19929" s="2">
        <v>172757</v>
      </c>
      <c r="E19929" s="1" t="s">
        <v>0</v>
      </c>
    </row>
    <row r="19930" spans="1:5" ht="409.5" x14ac:dyDescent="0.25">
      <c r="A19930" s="4" t="s">
        <v>40377</v>
      </c>
      <c r="B19930" s="1" t="s">
        <v>59671</v>
      </c>
      <c r="C19930" s="1" t="s">
        <v>40378</v>
      </c>
      <c r="D19930" s="2">
        <v>172758</v>
      </c>
      <c r="E19930" s="1" t="s">
        <v>0</v>
      </c>
    </row>
    <row r="19931" spans="1:5" x14ac:dyDescent="0.25">
      <c r="A19931" s="1" t="s">
        <v>40379</v>
      </c>
      <c r="B19931" s="1" t="s">
        <v>10756</v>
      </c>
      <c r="C19931" s="1" t="s">
        <v>40380</v>
      </c>
      <c r="D19931" s="2">
        <v>172759</v>
      </c>
      <c r="E19931" s="1" t="s">
        <v>0</v>
      </c>
    </row>
    <row r="19932" spans="1:5" x14ac:dyDescent="0.25">
      <c r="A19932" s="2">
        <v>3986</v>
      </c>
      <c r="B19932" s="2">
        <v>3986</v>
      </c>
      <c r="C19932" s="1" t="s">
        <v>0</v>
      </c>
      <c r="D19932" s="2">
        <v>172760</v>
      </c>
      <c r="E19932" s="1" t="s">
        <v>0</v>
      </c>
    </row>
    <row r="19933" spans="1:5" x14ac:dyDescent="0.25">
      <c r="A19933" s="1" t="s">
        <v>3623</v>
      </c>
      <c r="B19933" s="1" t="s">
        <v>10757</v>
      </c>
      <c r="C19933" s="1" t="s">
        <v>40381</v>
      </c>
      <c r="D19933" s="2">
        <v>172761</v>
      </c>
      <c r="E19933" s="1" t="s">
        <v>0</v>
      </c>
    </row>
    <row r="19934" spans="1:5" x14ac:dyDescent="0.25">
      <c r="A19934" s="1" t="s">
        <v>40382</v>
      </c>
      <c r="B19934" s="1" t="s">
        <v>10758</v>
      </c>
      <c r="C19934" s="1" t="s">
        <v>40383</v>
      </c>
      <c r="D19934" s="2">
        <v>172762</v>
      </c>
      <c r="E19934" s="1" t="s">
        <v>0</v>
      </c>
    </row>
    <row r="19935" spans="1:5" ht="409.5" x14ac:dyDescent="0.25">
      <c r="A19935" s="4" t="s">
        <v>40384</v>
      </c>
      <c r="B19935" s="1" t="s">
        <v>10759</v>
      </c>
      <c r="C19935" s="1" t="s">
        <v>40385</v>
      </c>
      <c r="D19935" s="2">
        <v>172763</v>
      </c>
      <c r="E19935" s="1" t="s">
        <v>0</v>
      </c>
    </row>
    <row r="19936" spans="1:5" x14ac:dyDescent="0.25">
      <c r="A19936" s="1" t="s">
        <v>40386</v>
      </c>
      <c r="B19936" s="1" t="s">
        <v>55421</v>
      </c>
      <c r="C19936" s="1" t="s">
        <v>40387</v>
      </c>
      <c r="D19936" s="2">
        <v>172764</v>
      </c>
      <c r="E19936" s="1" t="s">
        <v>0</v>
      </c>
    </row>
    <row r="19937" spans="1:5" x14ac:dyDescent="0.25">
      <c r="A19937" s="2">
        <v>3987</v>
      </c>
      <c r="B19937" s="2">
        <v>3987</v>
      </c>
      <c r="C19937" s="1" t="s">
        <v>0</v>
      </c>
      <c r="D19937" s="2">
        <v>172765</v>
      </c>
      <c r="E19937" s="1" t="s">
        <v>0</v>
      </c>
    </row>
    <row r="19938" spans="1:5" x14ac:dyDescent="0.25">
      <c r="A19938" s="1" t="s">
        <v>3624</v>
      </c>
      <c r="B19938" s="1" t="s">
        <v>10760</v>
      </c>
      <c r="C19938" s="1" t="s">
        <v>40388</v>
      </c>
      <c r="D19938" s="2">
        <v>172766</v>
      </c>
      <c r="E19938" s="1" t="s">
        <v>0</v>
      </c>
    </row>
    <row r="19939" spans="1:5" x14ac:dyDescent="0.25">
      <c r="A19939" s="1" t="s">
        <v>40389</v>
      </c>
      <c r="B19939" s="1" t="s">
        <v>62820</v>
      </c>
      <c r="C19939" s="1" t="s">
        <v>40390</v>
      </c>
      <c r="D19939" s="2">
        <v>172767</v>
      </c>
      <c r="E19939" s="1" t="s">
        <v>0</v>
      </c>
    </row>
    <row r="19940" spans="1:5" ht="409.5" x14ac:dyDescent="0.25">
      <c r="A19940" s="4" t="s">
        <v>40391</v>
      </c>
      <c r="B19940" s="1" t="s">
        <v>62821</v>
      </c>
      <c r="C19940" s="1" t="s">
        <v>40392</v>
      </c>
      <c r="D19940" s="2">
        <v>172768</v>
      </c>
      <c r="E19940" s="1" t="s">
        <v>0</v>
      </c>
    </row>
    <row r="19941" spans="1:5" x14ac:dyDescent="0.25">
      <c r="A19941" s="1" t="s">
        <v>40393</v>
      </c>
      <c r="B19941" s="1" t="s">
        <v>55422</v>
      </c>
      <c r="C19941" s="1" t="s">
        <v>40394</v>
      </c>
      <c r="D19941" s="2">
        <v>172769</v>
      </c>
      <c r="E19941" s="1" t="s">
        <v>0</v>
      </c>
    </row>
    <row r="19942" spans="1:5" x14ac:dyDescent="0.25">
      <c r="A19942" s="2">
        <v>3988</v>
      </c>
      <c r="B19942" s="2">
        <v>3988</v>
      </c>
      <c r="C19942" s="1" t="s">
        <v>0</v>
      </c>
      <c r="D19942" s="2">
        <v>172770</v>
      </c>
      <c r="E19942" s="1" t="s">
        <v>0</v>
      </c>
    </row>
    <row r="19943" spans="1:5" x14ac:dyDescent="0.25">
      <c r="A19943" s="1" t="s">
        <v>13252</v>
      </c>
      <c r="B19943" s="1" t="s">
        <v>10761</v>
      </c>
      <c r="C19943" s="1" t="s">
        <v>40395</v>
      </c>
      <c r="D19943" s="2">
        <v>172771</v>
      </c>
      <c r="E19943" s="1" t="s">
        <v>0</v>
      </c>
    </row>
    <row r="19944" spans="1:5" x14ac:dyDescent="0.25">
      <c r="A19944" s="1" t="s">
        <v>40396</v>
      </c>
      <c r="B19944" s="1" t="s">
        <v>62822</v>
      </c>
      <c r="C19944" s="1" t="s">
        <v>40397</v>
      </c>
      <c r="D19944" s="2">
        <v>172772</v>
      </c>
      <c r="E19944" s="1" t="s">
        <v>0</v>
      </c>
    </row>
    <row r="19945" spans="1:5" ht="409.5" x14ac:dyDescent="0.25">
      <c r="A19945" s="4" t="s">
        <v>40398</v>
      </c>
      <c r="B19945" s="1" t="s">
        <v>62823</v>
      </c>
      <c r="C19945" s="1" t="s">
        <v>40399</v>
      </c>
      <c r="D19945" s="2">
        <v>172773</v>
      </c>
      <c r="E19945" s="1" t="s">
        <v>0</v>
      </c>
    </row>
    <row r="19946" spans="1:5" x14ac:dyDescent="0.25">
      <c r="A19946" s="1" t="s">
        <v>40400</v>
      </c>
      <c r="B19946" s="1" t="s">
        <v>10762</v>
      </c>
      <c r="C19946" s="1" t="s">
        <v>40401</v>
      </c>
      <c r="D19946" s="2">
        <v>172774</v>
      </c>
      <c r="E19946" s="1" t="s">
        <v>0</v>
      </c>
    </row>
    <row r="19947" spans="1:5" x14ac:dyDescent="0.25">
      <c r="A19947" s="2">
        <v>3989</v>
      </c>
      <c r="B19947" s="2">
        <v>3989</v>
      </c>
      <c r="C19947" s="1" t="s">
        <v>0</v>
      </c>
      <c r="D19947" s="2">
        <v>172775</v>
      </c>
      <c r="E19947" s="1" t="s">
        <v>0</v>
      </c>
    </row>
    <row r="19948" spans="1:5" x14ac:dyDescent="0.25">
      <c r="A19948" s="1" t="s">
        <v>3625</v>
      </c>
      <c r="B19948" s="1" t="s">
        <v>10763</v>
      </c>
      <c r="C19948" s="1" t="s">
        <v>40402</v>
      </c>
      <c r="D19948" s="2">
        <v>172776</v>
      </c>
      <c r="E19948" s="1" t="s">
        <v>0</v>
      </c>
    </row>
    <row r="19949" spans="1:5" x14ac:dyDescent="0.25">
      <c r="A19949" s="1" t="s">
        <v>40403</v>
      </c>
      <c r="B19949" s="1" t="s">
        <v>10764</v>
      </c>
      <c r="C19949" s="1" t="s">
        <v>40404</v>
      </c>
      <c r="D19949" s="2">
        <v>172777</v>
      </c>
      <c r="E19949" s="1" t="s">
        <v>0</v>
      </c>
    </row>
    <row r="19950" spans="1:5" ht="409.5" x14ac:dyDescent="0.25">
      <c r="A19950" s="4" t="s">
        <v>40405</v>
      </c>
      <c r="B19950" s="1" t="s">
        <v>55423</v>
      </c>
      <c r="C19950" s="1" t="s">
        <v>40406</v>
      </c>
      <c r="D19950" s="2">
        <v>172778</v>
      </c>
      <c r="E19950" s="1" t="s">
        <v>0</v>
      </c>
    </row>
    <row r="19951" spans="1:5" x14ac:dyDescent="0.25">
      <c r="A19951" s="1" t="s">
        <v>40407</v>
      </c>
      <c r="B19951" s="1" t="s">
        <v>61297</v>
      </c>
      <c r="C19951" s="1" t="s">
        <v>40408</v>
      </c>
      <c r="D19951" s="2">
        <v>172779</v>
      </c>
      <c r="E19951" s="1" t="s">
        <v>0</v>
      </c>
    </row>
    <row r="19952" spans="1:5" x14ac:dyDescent="0.25">
      <c r="A19952" s="2">
        <v>3990</v>
      </c>
      <c r="B19952" s="2">
        <v>3990</v>
      </c>
      <c r="C19952" s="1" t="s">
        <v>0</v>
      </c>
      <c r="D19952" s="2">
        <v>172780</v>
      </c>
      <c r="E19952" s="1" t="s">
        <v>0</v>
      </c>
    </row>
    <row r="19953" spans="1:5" x14ac:dyDescent="0.25">
      <c r="A19953" s="1" t="s">
        <v>3626</v>
      </c>
      <c r="B19953" s="1" t="s">
        <v>10765</v>
      </c>
      <c r="C19953" s="1" t="s">
        <v>40409</v>
      </c>
      <c r="D19953" s="2">
        <v>172781</v>
      </c>
      <c r="E19953" s="1" t="s">
        <v>0</v>
      </c>
    </row>
    <row r="19954" spans="1:5" x14ac:dyDescent="0.25">
      <c r="A19954" s="1" t="s">
        <v>40410</v>
      </c>
      <c r="B19954" s="1" t="s">
        <v>55424</v>
      </c>
      <c r="C19954" s="1" t="s">
        <v>40411</v>
      </c>
      <c r="D19954" s="2">
        <v>172782</v>
      </c>
      <c r="E19954" s="1" t="s">
        <v>0</v>
      </c>
    </row>
    <row r="19955" spans="1:5" ht="409.5" x14ac:dyDescent="0.25">
      <c r="A19955" s="4" t="s">
        <v>40412</v>
      </c>
      <c r="B19955" s="1" t="s">
        <v>55425</v>
      </c>
      <c r="C19955" s="1" t="s">
        <v>40413</v>
      </c>
      <c r="D19955" s="2">
        <v>172783</v>
      </c>
      <c r="E19955" s="1" t="s">
        <v>0</v>
      </c>
    </row>
    <row r="19956" spans="1:5" x14ac:dyDescent="0.25">
      <c r="A19956" s="1" t="s">
        <v>40414</v>
      </c>
      <c r="B19956" s="1" t="s">
        <v>10766</v>
      </c>
      <c r="C19956" s="1" t="s">
        <v>40415</v>
      </c>
      <c r="D19956" s="2">
        <v>172784</v>
      </c>
      <c r="E19956" s="1" t="s">
        <v>0</v>
      </c>
    </row>
    <row r="19957" spans="1:5" x14ac:dyDescent="0.25">
      <c r="A19957" s="2">
        <v>3991</v>
      </c>
      <c r="B19957" s="2">
        <v>3991</v>
      </c>
      <c r="C19957" s="1" t="s">
        <v>0</v>
      </c>
      <c r="D19957" s="2">
        <v>172785</v>
      </c>
      <c r="E19957" s="1" t="s">
        <v>0</v>
      </c>
    </row>
    <row r="19958" spans="1:5" x14ac:dyDescent="0.25">
      <c r="A19958" s="1" t="s">
        <v>3627</v>
      </c>
      <c r="B19958" s="1" t="s">
        <v>10767</v>
      </c>
      <c r="C19958" s="1" t="s">
        <v>40416</v>
      </c>
      <c r="D19958" s="2">
        <v>172786</v>
      </c>
      <c r="E19958" s="1" t="s">
        <v>0</v>
      </c>
    </row>
    <row r="19959" spans="1:5" x14ac:dyDescent="0.25">
      <c r="A19959" s="1" t="s">
        <v>40417</v>
      </c>
      <c r="B19959" s="1" t="s">
        <v>55426</v>
      </c>
      <c r="C19959" s="1" t="s">
        <v>40418</v>
      </c>
      <c r="D19959" s="2">
        <v>172787</v>
      </c>
      <c r="E19959" s="1" t="s">
        <v>0</v>
      </c>
    </row>
    <row r="19960" spans="1:5" ht="409.5" x14ac:dyDescent="0.25">
      <c r="A19960" s="4" t="s">
        <v>40419</v>
      </c>
      <c r="B19960" s="1" t="s">
        <v>55427</v>
      </c>
      <c r="C19960" s="1" t="s">
        <v>40420</v>
      </c>
      <c r="D19960" s="2">
        <v>172788</v>
      </c>
      <c r="E19960" s="1" t="s">
        <v>0</v>
      </c>
    </row>
    <row r="19961" spans="1:5" x14ac:dyDescent="0.25">
      <c r="A19961" s="1" t="s">
        <v>40421</v>
      </c>
      <c r="B19961" s="1" t="s">
        <v>55428</v>
      </c>
      <c r="C19961" s="1" t="s">
        <v>40422</v>
      </c>
      <c r="D19961" s="2">
        <v>172789</v>
      </c>
      <c r="E19961" s="1" t="s">
        <v>0</v>
      </c>
    </row>
    <row r="19962" spans="1:5" x14ac:dyDescent="0.25">
      <c r="A19962" s="2">
        <v>3992</v>
      </c>
      <c r="B19962" s="2">
        <v>3992</v>
      </c>
      <c r="C19962" s="1" t="s">
        <v>0</v>
      </c>
      <c r="D19962" s="2">
        <v>172790</v>
      </c>
      <c r="E19962" s="1" t="s">
        <v>0</v>
      </c>
    </row>
    <row r="19963" spans="1:5" x14ac:dyDescent="0.25">
      <c r="A19963" s="1" t="s">
        <v>3628</v>
      </c>
      <c r="B19963" s="1" t="s">
        <v>61709</v>
      </c>
      <c r="C19963" s="1" t="s">
        <v>40423</v>
      </c>
      <c r="D19963" s="2">
        <v>172791</v>
      </c>
      <c r="E19963" s="1" t="s">
        <v>0</v>
      </c>
    </row>
    <row r="19964" spans="1:5" x14ac:dyDescent="0.25">
      <c r="A19964" s="1" t="s">
        <v>61864</v>
      </c>
      <c r="B19964" s="1" t="s">
        <v>61710</v>
      </c>
      <c r="C19964" s="1" t="s">
        <v>40424</v>
      </c>
      <c r="D19964" s="2">
        <v>172792</v>
      </c>
      <c r="E19964" s="1" t="s">
        <v>0</v>
      </c>
    </row>
    <row r="19965" spans="1:5" ht="409.5" x14ac:dyDescent="0.25">
      <c r="A19965" s="4" t="s">
        <v>61865</v>
      </c>
      <c r="B19965" s="1" t="s">
        <v>61711</v>
      </c>
      <c r="C19965" s="1" t="s">
        <v>40425</v>
      </c>
      <c r="D19965" s="2">
        <v>172793</v>
      </c>
      <c r="E19965" s="1" t="s">
        <v>0</v>
      </c>
    </row>
    <row r="19966" spans="1:5" x14ac:dyDescent="0.25">
      <c r="A19966" s="1" t="s">
        <v>40426</v>
      </c>
      <c r="B19966" s="1" t="s">
        <v>61712</v>
      </c>
      <c r="C19966" s="1" t="s">
        <v>40427</v>
      </c>
      <c r="D19966" s="2">
        <v>172794</v>
      </c>
      <c r="E19966" s="1" t="s">
        <v>0</v>
      </c>
    </row>
    <row r="19967" spans="1:5" x14ac:dyDescent="0.25">
      <c r="A19967" s="2">
        <v>3993</v>
      </c>
      <c r="B19967" s="2">
        <v>3993</v>
      </c>
      <c r="C19967" s="1" t="s">
        <v>0</v>
      </c>
      <c r="D19967" s="2">
        <v>172795</v>
      </c>
      <c r="E19967" s="1" t="s">
        <v>0</v>
      </c>
    </row>
    <row r="19968" spans="1:5" x14ac:dyDescent="0.25">
      <c r="A19968" s="1" t="s">
        <v>3629</v>
      </c>
      <c r="B19968" s="1" t="s">
        <v>10768</v>
      </c>
      <c r="C19968" s="1" t="s">
        <v>40428</v>
      </c>
      <c r="D19968" s="2">
        <v>172796</v>
      </c>
      <c r="E19968" s="1" t="s">
        <v>0</v>
      </c>
    </row>
    <row r="19969" spans="1:5" x14ac:dyDescent="0.25">
      <c r="A19969" s="1" t="s">
        <v>40429</v>
      </c>
      <c r="B19969" s="1" t="s">
        <v>60203</v>
      </c>
      <c r="C19969" s="1" t="s">
        <v>40430</v>
      </c>
      <c r="D19969" s="2">
        <v>172797</v>
      </c>
      <c r="E19969" s="1" t="s">
        <v>0</v>
      </c>
    </row>
    <row r="19970" spans="1:5" ht="409.5" x14ac:dyDescent="0.25">
      <c r="A19970" s="4" t="s">
        <v>40431</v>
      </c>
      <c r="B19970" s="1" t="s">
        <v>60204</v>
      </c>
      <c r="C19970" s="1" t="s">
        <v>40432</v>
      </c>
      <c r="D19970" s="2">
        <v>172798</v>
      </c>
      <c r="E19970" s="1" t="s">
        <v>0</v>
      </c>
    </row>
    <row r="19971" spans="1:5" x14ac:dyDescent="0.25">
      <c r="A19971" s="1" t="s">
        <v>40433</v>
      </c>
      <c r="B19971" s="1" t="s">
        <v>10769</v>
      </c>
      <c r="C19971" s="1" t="s">
        <v>40434</v>
      </c>
      <c r="D19971" s="2">
        <v>172799</v>
      </c>
      <c r="E19971" s="1" t="s">
        <v>0</v>
      </c>
    </row>
    <row r="19972" spans="1:5" x14ac:dyDescent="0.25">
      <c r="A19972" s="2">
        <v>3994</v>
      </c>
      <c r="B19972" s="2">
        <v>3994</v>
      </c>
      <c r="C19972" s="1" t="s">
        <v>0</v>
      </c>
      <c r="D19972" s="2">
        <v>172800</v>
      </c>
      <c r="E19972" s="1" t="s">
        <v>0</v>
      </c>
    </row>
    <row r="19973" spans="1:5" x14ac:dyDescent="0.25">
      <c r="A19973" s="1" t="s">
        <v>3630</v>
      </c>
      <c r="B19973" s="1" t="s">
        <v>10770</v>
      </c>
      <c r="C19973" s="1" t="s">
        <v>40435</v>
      </c>
      <c r="D19973" s="2">
        <v>172801</v>
      </c>
      <c r="E19973" s="1" t="s">
        <v>0</v>
      </c>
    </row>
    <row r="19974" spans="1:5" x14ac:dyDescent="0.25">
      <c r="A19974" s="1" t="s">
        <v>40436</v>
      </c>
      <c r="B19974" s="1" t="s">
        <v>13253</v>
      </c>
      <c r="C19974" s="1" t="s">
        <v>40437</v>
      </c>
      <c r="D19974" s="2">
        <v>172802</v>
      </c>
      <c r="E19974" s="1" t="s">
        <v>0</v>
      </c>
    </row>
    <row r="19975" spans="1:5" ht="409.5" x14ac:dyDescent="0.25">
      <c r="A19975" s="4" t="s">
        <v>40438</v>
      </c>
      <c r="B19975" s="1" t="s">
        <v>57963</v>
      </c>
      <c r="C19975" s="1" t="s">
        <v>40439</v>
      </c>
      <c r="D19975" s="2">
        <v>172803</v>
      </c>
      <c r="E19975" s="1" t="s">
        <v>0</v>
      </c>
    </row>
    <row r="19976" spans="1:5" x14ac:dyDescent="0.25">
      <c r="A19976" s="1" t="s">
        <v>40440</v>
      </c>
      <c r="B19976" s="1" t="s">
        <v>10771</v>
      </c>
      <c r="C19976" s="1" t="s">
        <v>40441</v>
      </c>
      <c r="D19976" s="2">
        <v>172804</v>
      </c>
      <c r="E19976" s="1" t="s">
        <v>0</v>
      </c>
    </row>
    <row r="19977" spans="1:5" x14ac:dyDescent="0.25">
      <c r="A19977" s="2">
        <v>3995</v>
      </c>
      <c r="B19977" s="2">
        <v>3995</v>
      </c>
      <c r="C19977" s="1" t="s">
        <v>0</v>
      </c>
      <c r="D19977" s="2">
        <v>172805</v>
      </c>
      <c r="E19977" s="1" t="s">
        <v>0</v>
      </c>
    </row>
    <row r="19978" spans="1:5" x14ac:dyDescent="0.25">
      <c r="A19978" s="1" t="s">
        <v>3631</v>
      </c>
      <c r="B19978" s="1" t="s">
        <v>10772</v>
      </c>
      <c r="C19978" s="1" t="s">
        <v>40442</v>
      </c>
      <c r="D19978" s="2">
        <v>172806</v>
      </c>
      <c r="E19978" s="1" t="s">
        <v>0</v>
      </c>
    </row>
    <row r="19979" spans="1:5" x14ac:dyDescent="0.25">
      <c r="A19979" s="1" t="s">
        <v>40443</v>
      </c>
      <c r="B19979" s="1" t="s">
        <v>62824</v>
      </c>
      <c r="C19979" s="1" t="s">
        <v>40444</v>
      </c>
      <c r="D19979" s="2">
        <v>172807</v>
      </c>
      <c r="E19979" s="1" t="s">
        <v>0</v>
      </c>
    </row>
    <row r="19980" spans="1:5" ht="409.5" x14ac:dyDescent="0.25">
      <c r="A19980" s="4" t="s">
        <v>40445</v>
      </c>
      <c r="B19980" s="1" t="s">
        <v>62825</v>
      </c>
      <c r="C19980" s="1" t="s">
        <v>40446</v>
      </c>
      <c r="D19980" s="2">
        <v>172808</v>
      </c>
      <c r="E19980" s="1" t="s">
        <v>0</v>
      </c>
    </row>
    <row r="19981" spans="1:5" x14ac:dyDescent="0.25">
      <c r="A19981" s="1" t="s">
        <v>40447</v>
      </c>
      <c r="B19981" s="1" t="s">
        <v>10773</v>
      </c>
      <c r="C19981" s="1" t="s">
        <v>40448</v>
      </c>
      <c r="D19981" s="2">
        <v>172809</v>
      </c>
      <c r="E19981" s="1" t="s">
        <v>0</v>
      </c>
    </row>
    <row r="19982" spans="1:5" x14ac:dyDescent="0.25">
      <c r="A19982" s="2">
        <v>3996</v>
      </c>
      <c r="B19982" s="2">
        <v>3996</v>
      </c>
      <c r="C19982" s="1" t="s">
        <v>0</v>
      </c>
      <c r="D19982" s="2">
        <v>172810</v>
      </c>
      <c r="E19982" s="1" t="s">
        <v>0</v>
      </c>
    </row>
    <row r="19983" spans="1:5" x14ac:dyDescent="0.25">
      <c r="A19983" s="1" t="s">
        <v>3632</v>
      </c>
      <c r="B19983" s="1" t="s">
        <v>10774</v>
      </c>
      <c r="C19983" s="1" t="s">
        <v>40449</v>
      </c>
      <c r="D19983" s="2">
        <v>172811</v>
      </c>
      <c r="E19983" s="1" t="s">
        <v>0</v>
      </c>
    </row>
    <row r="19984" spans="1:5" x14ac:dyDescent="0.25">
      <c r="A19984" s="1" t="s">
        <v>40450</v>
      </c>
      <c r="B19984" s="1" t="s">
        <v>10775</v>
      </c>
      <c r="C19984" s="1" t="s">
        <v>40451</v>
      </c>
      <c r="D19984" s="2">
        <v>172812</v>
      </c>
      <c r="E19984" s="1" t="s">
        <v>0</v>
      </c>
    </row>
    <row r="19985" spans="1:5" ht="409.5" x14ac:dyDescent="0.25">
      <c r="A19985" s="4" t="s">
        <v>40452</v>
      </c>
      <c r="B19985" s="1" t="s">
        <v>57600</v>
      </c>
      <c r="C19985" s="1" t="s">
        <v>40453</v>
      </c>
      <c r="D19985" s="2">
        <v>172813</v>
      </c>
      <c r="E19985" s="1" t="s">
        <v>0</v>
      </c>
    </row>
    <row r="19986" spans="1:5" x14ac:dyDescent="0.25">
      <c r="A19986" s="1" t="s">
        <v>40454</v>
      </c>
      <c r="B19986" s="1" t="s">
        <v>55429</v>
      </c>
      <c r="C19986" s="1" t="s">
        <v>40455</v>
      </c>
      <c r="D19986" s="2">
        <v>172814</v>
      </c>
      <c r="E19986" s="1" t="s">
        <v>0</v>
      </c>
    </row>
    <row r="19987" spans="1:5" x14ac:dyDescent="0.25">
      <c r="A19987" s="2">
        <v>3997</v>
      </c>
      <c r="B19987" s="2">
        <v>3997</v>
      </c>
      <c r="C19987" s="1" t="s">
        <v>0</v>
      </c>
      <c r="D19987" s="2">
        <v>172815</v>
      </c>
      <c r="E19987" s="1" t="s">
        <v>0</v>
      </c>
    </row>
    <row r="19988" spans="1:5" x14ac:dyDescent="0.25">
      <c r="A19988" s="1" t="s">
        <v>40456</v>
      </c>
      <c r="B19988" s="1" t="s">
        <v>10776</v>
      </c>
      <c r="C19988" s="1" t="s">
        <v>40457</v>
      </c>
      <c r="D19988" s="2">
        <v>172816</v>
      </c>
      <c r="E19988" s="1" t="s">
        <v>0</v>
      </c>
    </row>
    <row r="19989" spans="1:5" x14ac:dyDescent="0.25">
      <c r="A19989" s="1" t="s">
        <v>40458</v>
      </c>
      <c r="B19989" s="1" t="s">
        <v>57092</v>
      </c>
      <c r="C19989" s="1" t="s">
        <v>40459</v>
      </c>
      <c r="D19989" s="2">
        <v>172817</v>
      </c>
      <c r="E19989" s="1" t="s">
        <v>0</v>
      </c>
    </row>
    <row r="19990" spans="1:5" ht="409.5" x14ac:dyDescent="0.25">
      <c r="A19990" s="4" t="s">
        <v>40460</v>
      </c>
      <c r="B19990" s="1" t="s">
        <v>57313</v>
      </c>
      <c r="C19990" s="1" t="s">
        <v>40461</v>
      </c>
      <c r="D19990" s="2">
        <v>172818</v>
      </c>
      <c r="E19990" s="1" t="s">
        <v>0</v>
      </c>
    </row>
    <row r="19991" spans="1:5" x14ac:dyDescent="0.25">
      <c r="A19991" s="1" t="s">
        <v>40462</v>
      </c>
      <c r="B19991" s="1" t="s">
        <v>10777</v>
      </c>
      <c r="C19991" s="1" t="s">
        <v>40463</v>
      </c>
      <c r="D19991" s="2">
        <v>172819</v>
      </c>
      <c r="E19991" s="1" t="s">
        <v>0</v>
      </c>
    </row>
    <row r="19992" spans="1:5" x14ac:dyDescent="0.25">
      <c r="A19992" s="2">
        <v>3998</v>
      </c>
      <c r="B19992" s="2">
        <v>3998</v>
      </c>
      <c r="C19992" s="1" t="s">
        <v>0</v>
      </c>
      <c r="D19992" s="2">
        <v>172820</v>
      </c>
      <c r="E19992" s="1" t="s">
        <v>0</v>
      </c>
    </row>
    <row r="19993" spans="1:5" x14ac:dyDescent="0.25">
      <c r="A19993" s="1" t="s">
        <v>3633</v>
      </c>
      <c r="B19993" s="1" t="s">
        <v>50955</v>
      </c>
      <c r="C19993" s="1" t="s">
        <v>40464</v>
      </c>
      <c r="D19993" s="2">
        <v>172821</v>
      </c>
      <c r="E19993" s="1" t="s">
        <v>0</v>
      </c>
    </row>
    <row r="19994" spans="1:5" x14ac:dyDescent="0.25">
      <c r="A19994" s="1" t="s">
        <v>40465</v>
      </c>
      <c r="B19994" s="1" t="s">
        <v>55430</v>
      </c>
      <c r="C19994" s="1" t="s">
        <v>40466</v>
      </c>
      <c r="D19994" s="2">
        <v>172822</v>
      </c>
      <c r="E19994" s="1" t="s">
        <v>0</v>
      </c>
    </row>
    <row r="19995" spans="1:5" ht="409.5" x14ac:dyDescent="0.25">
      <c r="A19995" s="4" t="s">
        <v>64310</v>
      </c>
      <c r="B19995" s="1" t="s">
        <v>64311</v>
      </c>
      <c r="C19995" s="1" t="s">
        <v>64312</v>
      </c>
      <c r="D19995" s="2">
        <v>172823</v>
      </c>
      <c r="E19995" s="1" t="s">
        <v>0</v>
      </c>
    </row>
    <row r="19996" spans="1:5" x14ac:dyDescent="0.25">
      <c r="A19996" s="1" t="s">
        <v>40467</v>
      </c>
      <c r="B19996" s="1" t="s">
        <v>10778</v>
      </c>
      <c r="C19996" s="1" t="s">
        <v>40468</v>
      </c>
      <c r="D19996" s="2">
        <v>172824</v>
      </c>
      <c r="E19996" s="1" t="s">
        <v>0</v>
      </c>
    </row>
    <row r="19997" spans="1:5" x14ac:dyDescent="0.25">
      <c r="A19997" s="2">
        <v>3999</v>
      </c>
      <c r="B19997" s="2">
        <v>3999</v>
      </c>
      <c r="C19997" s="1" t="s">
        <v>0</v>
      </c>
      <c r="D19997" s="2">
        <v>172825</v>
      </c>
      <c r="E19997" s="1" t="s">
        <v>0</v>
      </c>
    </row>
    <row r="19998" spans="1:5" x14ac:dyDescent="0.25">
      <c r="A19998" s="1" t="s">
        <v>3634</v>
      </c>
      <c r="B19998" s="1" t="s">
        <v>10779</v>
      </c>
      <c r="C19998" s="1" t="s">
        <v>40469</v>
      </c>
      <c r="D19998" s="2">
        <v>172826</v>
      </c>
      <c r="E19998" s="1" t="s">
        <v>0</v>
      </c>
    </row>
    <row r="19999" spans="1:5" x14ac:dyDescent="0.25">
      <c r="A19999" s="1" t="s">
        <v>40470</v>
      </c>
      <c r="B19999" s="1" t="s">
        <v>63802</v>
      </c>
      <c r="C19999" s="1" t="s">
        <v>40471</v>
      </c>
      <c r="D19999" s="2">
        <v>172827</v>
      </c>
      <c r="E19999" s="1" t="s">
        <v>0</v>
      </c>
    </row>
    <row r="20000" spans="1:5" ht="409.5" x14ac:dyDescent="0.25">
      <c r="A20000" s="4" t="s">
        <v>40472</v>
      </c>
      <c r="B20000" s="1" t="s">
        <v>63803</v>
      </c>
      <c r="C20000" s="1" t="s">
        <v>40473</v>
      </c>
      <c r="D20000" s="2">
        <v>172828</v>
      </c>
      <c r="E20000" s="1" t="s">
        <v>0</v>
      </c>
    </row>
    <row r="20001" spans="1:5" x14ac:dyDescent="0.25">
      <c r="A20001" s="1" t="s">
        <v>40474</v>
      </c>
      <c r="B20001" s="1" t="s">
        <v>57314</v>
      </c>
      <c r="C20001" s="1" t="s">
        <v>40475</v>
      </c>
      <c r="D20001" s="2">
        <v>172829</v>
      </c>
      <c r="E20001" s="1" t="s">
        <v>0</v>
      </c>
    </row>
    <row r="20002" spans="1:5" x14ac:dyDescent="0.25">
      <c r="A20002" s="2">
        <v>4000</v>
      </c>
      <c r="B20002" s="2">
        <v>4000</v>
      </c>
      <c r="C20002" s="1" t="s">
        <v>0</v>
      </c>
      <c r="D20002" s="2">
        <v>172830</v>
      </c>
      <c r="E20002" s="1" t="s">
        <v>0</v>
      </c>
    </row>
    <row r="20003" spans="1:5" x14ac:dyDescent="0.25">
      <c r="A20003" s="1" t="s">
        <v>3635</v>
      </c>
      <c r="B20003" s="1" t="s">
        <v>10780</v>
      </c>
      <c r="C20003" s="1" t="s">
        <v>40476</v>
      </c>
      <c r="D20003" s="2">
        <v>172831</v>
      </c>
      <c r="E20003" s="1" t="s">
        <v>0</v>
      </c>
    </row>
    <row r="20004" spans="1:5" x14ac:dyDescent="0.25">
      <c r="A20004" s="1" t="s">
        <v>40477</v>
      </c>
      <c r="B20004" s="1" t="s">
        <v>55431</v>
      </c>
      <c r="C20004" s="1" t="s">
        <v>40478</v>
      </c>
      <c r="D20004" s="2">
        <v>172832</v>
      </c>
      <c r="E20004" s="1" t="s">
        <v>0</v>
      </c>
    </row>
    <row r="20005" spans="1:5" ht="409.5" x14ac:dyDescent="0.25">
      <c r="A20005" s="4" t="s">
        <v>40479</v>
      </c>
      <c r="B20005" s="1" t="s">
        <v>59672</v>
      </c>
      <c r="C20005" s="1" t="s">
        <v>40480</v>
      </c>
      <c r="D20005" s="2">
        <v>172833</v>
      </c>
      <c r="E20005" s="1" t="s">
        <v>0</v>
      </c>
    </row>
    <row r="20006" spans="1:5" x14ac:dyDescent="0.25">
      <c r="A20006" s="1" t="s">
        <v>40481</v>
      </c>
      <c r="B20006" s="1" t="s">
        <v>10781</v>
      </c>
      <c r="C20006" s="1" t="s">
        <v>40482</v>
      </c>
      <c r="D20006" s="2">
        <v>172834</v>
      </c>
      <c r="E20006" s="1" t="s">
        <v>0</v>
      </c>
    </row>
    <row r="20007" spans="1:5" x14ac:dyDescent="0.25">
      <c r="A20007" s="2">
        <v>4001</v>
      </c>
      <c r="B20007" s="2">
        <v>4001</v>
      </c>
      <c r="C20007" s="1" t="s">
        <v>0</v>
      </c>
      <c r="D20007" s="2">
        <v>172835</v>
      </c>
      <c r="E20007" s="1" t="s">
        <v>0</v>
      </c>
    </row>
    <row r="20008" spans="1:5" x14ac:dyDescent="0.25">
      <c r="A20008" s="1" t="s">
        <v>3636</v>
      </c>
      <c r="B20008" s="1" t="s">
        <v>10782</v>
      </c>
      <c r="C20008" s="1" t="s">
        <v>40483</v>
      </c>
      <c r="D20008" s="2">
        <v>172836</v>
      </c>
      <c r="E20008" s="1" t="s">
        <v>0</v>
      </c>
    </row>
    <row r="20009" spans="1:5" x14ac:dyDescent="0.25">
      <c r="A20009" s="1" t="s">
        <v>40484</v>
      </c>
      <c r="B20009" s="1" t="s">
        <v>55432</v>
      </c>
      <c r="C20009" s="1" t="s">
        <v>40485</v>
      </c>
      <c r="D20009" s="2">
        <v>172837</v>
      </c>
      <c r="E20009" s="1" t="s">
        <v>0</v>
      </c>
    </row>
    <row r="20010" spans="1:5" ht="409.5" x14ac:dyDescent="0.25">
      <c r="A20010" s="4" t="s">
        <v>40486</v>
      </c>
      <c r="B20010" s="1" t="s">
        <v>61552</v>
      </c>
      <c r="C20010" s="1" t="s">
        <v>40487</v>
      </c>
      <c r="D20010" s="2">
        <v>172838</v>
      </c>
      <c r="E20010" s="1" t="s">
        <v>0</v>
      </c>
    </row>
    <row r="20011" spans="1:5" x14ac:dyDescent="0.25">
      <c r="A20011" s="1" t="s">
        <v>40488</v>
      </c>
      <c r="B20011" s="1" t="s">
        <v>10783</v>
      </c>
      <c r="C20011" s="1" t="s">
        <v>40489</v>
      </c>
      <c r="D20011" s="2">
        <v>172839</v>
      </c>
      <c r="E20011" s="1" t="s">
        <v>0</v>
      </c>
    </row>
    <row r="20012" spans="1:5" x14ac:dyDescent="0.25">
      <c r="A20012" s="2">
        <v>4002</v>
      </c>
      <c r="B20012" s="2">
        <v>4002</v>
      </c>
      <c r="C20012" s="1" t="s">
        <v>0</v>
      </c>
      <c r="D20012" s="2">
        <v>172840</v>
      </c>
      <c r="E20012" s="1" t="s">
        <v>0</v>
      </c>
    </row>
    <row r="20013" spans="1:5" x14ac:dyDescent="0.25">
      <c r="A20013" s="1" t="s">
        <v>3637</v>
      </c>
      <c r="B20013" s="1" t="s">
        <v>55433</v>
      </c>
      <c r="C20013" s="1" t="s">
        <v>40490</v>
      </c>
      <c r="D20013" s="2">
        <v>172841</v>
      </c>
      <c r="E20013" s="1" t="s">
        <v>0</v>
      </c>
    </row>
    <row r="20014" spans="1:5" x14ac:dyDescent="0.25">
      <c r="A20014" s="1" t="s">
        <v>40491</v>
      </c>
      <c r="B20014" s="1" t="s">
        <v>61298</v>
      </c>
      <c r="C20014" s="1" t="s">
        <v>40492</v>
      </c>
      <c r="D20014" s="2">
        <v>172842</v>
      </c>
      <c r="E20014" s="1" t="s">
        <v>0</v>
      </c>
    </row>
    <row r="20015" spans="1:5" ht="409.5" x14ac:dyDescent="0.25">
      <c r="A20015" s="4" t="s">
        <v>40493</v>
      </c>
      <c r="B20015" s="1" t="s">
        <v>61299</v>
      </c>
      <c r="C20015" s="1" t="s">
        <v>40494</v>
      </c>
      <c r="D20015" s="2">
        <v>172843</v>
      </c>
      <c r="E20015" s="1" t="s">
        <v>0</v>
      </c>
    </row>
    <row r="20016" spans="1:5" x14ac:dyDescent="0.25">
      <c r="A20016" s="1" t="s">
        <v>40495</v>
      </c>
      <c r="B20016" s="1" t="s">
        <v>57315</v>
      </c>
      <c r="C20016" s="1" t="s">
        <v>40496</v>
      </c>
      <c r="D20016" s="2">
        <v>172844</v>
      </c>
      <c r="E20016" s="1" t="s">
        <v>0</v>
      </c>
    </row>
    <row r="20017" spans="1:5" x14ac:dyDescent="0.25">
      <c r="A20017" s="2">
        <v>4003</v>
      </c>
      <c r="B20017" s="2">
        <v>4003</v>
      </c>
      <c r="C20017" s="1" t="s">
        <v>0</v>
      </c>
      <c r="D20017" s="2">
        <v>172845</v>
      </c>
      <c r="E20017" s="1" t="s">
        <v>0</v>
      </c>
    </row>
    <row r="20018" spans="1:5" x14ac:dyDescent="0.25">
      <c r="A20018" s="1" t="s">
        <v>3638</v>
      </c>
      <c r="B20018" s="1" t="s">
        <v>10784</v>
      </c>
      <c r="C20018" s="1" t="s">
        <v>40497</v>
      </c>
      <c r="D20018" s="2">
        <v>172846</v>
      </c>
      <c r="E20018" s="1" t="s">
        <v>0</v>
      </c>
    </row>
    <row r="20019" spans="1:5" x14ac:dyDescent="0.25">
      <c r="A20019" s="1" t="s">
        <v>40498</v>
      </c>
      <c r="B20019" s="1" t="s">
        <v>55434</v>
      </c>
      <c r="C20019" s="1" t="s">
        <v>40499</v>
      </c>
      <c r="D20019" s="2">
        <v>172847</v>
      </c>
      <c r="E20019" s="1" t="s">
        <v>0</v>
      </c>
    </row>
    <row r="20020" spans="1:5" ht="409.5" x14ac:dyDescent="0.25">
      <c r="A20020" s="4" t="s">
        <v>40500</v>
      </c>
      <c r="B20020" s="1" t="s">
        <v>55435</v>
      </c>
      <c r="C20020" s="1" t="s">
        <v>40501</v>
      </c>
      <c r="D20020" s="2">
        <v>172848</v>
      </c>
      <c r="E20020" s="1" t="s">
        <v>0</v>
      </c>
    </row>
    <row r="20021" spans="1:5" x14ac:dyDescent="0.25">
      <c r="A20021" s="1" t="s">
        <v>13413</v>
      </c>
      <c r="B20021" s="1" t="s">
        <v>60845</v>
      </c>
      <c r="C20021" s="1" t="s">
        <v>13414</v>
      </c>
      <c r="D20021" s="2">
        <v>172849</v>
      </c>
      <c r="E20021" s="1" t="s">
        <v>0</v>
      </c>
    </row>
    <row r="20022" spans="1:5" x14ac:dyDescent="0.25">
      <c r="A20022" s="2">
        <v>4004</v>
      </c>
      <c r="B20022" s="2">
        <v>4004</v>
      </c>
      <c r="C20022" s="1" t="s">
        <v>0</v>
      </c>
      <c r="D20022" s="2">
        <v>172850</v>
      </c>
      <c r="E20022" s="1" t="s">
        <v>0</v>
      </c>
    </row>
    <row r="20023" spans="1:5" x14ac:dyDescent="0.25">
      <c r="A20023" s="1" t="s">
        <v>3639</v>
      </c>
      <c r="B20023" s="1" t="s">
        <v>10785</v>
      </c>
      <c r="C20023" s="1" t="s">
        <v>40502</v>
      </c>
      <c r="D20023" s="2">
        <v>172851</v>
      </c>
      <c r="E20023" s="1" t="s">
        <v>0</v>
      </c>
    </row>
    <row r="20024" spans="1:5" x14ac:dyDescent="0.25">
      <c r="A20024" s="1" t="s">
        <v>40503</v>
      </c>
      <c r="B20024" s="1" t="s">
        <v>50956</v>
      </c>
      <c r="C20024" s="1" t="s">
        <v>40504</v>
      </c>
      <c r="D20024" s="2">
        <v>172852</v>
      </c>
      <c r="E20024" s="1" t="s">
        <v>0</v>
      </c>
    </row>
    <row r="20025" spans="1:5" ht="409.5" x14ac:dyDescent="0.25">
      <c r="A20025" s="4" t="s">
        <v>40505</v>
      </c>
      <c r="B20025" s="1" t="s">
        <v>58530</v>
      </c>
      <c r="C20025" s="1" t="s">
        <v>40506</v>
      </c>
      <c r="D20025" s="2">
        <v>172853</v>
      </c>
      <c r="E20025" s="1" t="s">
        <v>0</v>
      </c>
    </row>
    <row r="20026" spans="1:5" x14ac:dyDescent="0.25">
      <c r="A20026" s="1" t="s">
        <v>40507</v>
      </c>
      <c r="B20026" s="1" t="s">
        <v>55436</v>
      </c>
      <c r="C20026" s="1" t="s">
        <v>40508</v>
      </c>
      <c r="D20026" s="2">
        <v>172854</v>
      </c>
      <c r="E20026" s="1" t="s">
        <v>0</v>
      </c>
    </row>
    <row r="20027" spans="1:5" x14ac:dyDescent="0.25">
      <c r="A20027" s="2">
        <v>4005</v>
      </c>
      <c r="B20027" s="2">
        <v>4005</v>
      </c>
      <c r="C20027" s="1" t="s">
        <v>0</v>
      </c>
      <c r="D20027" s="2">
        <v>172855</v>
      </c>
      <c r="E20027" s="1" t="s">
        <v>0</v>
      </c>
    </row>
    <row r="20028" spans="1:5" x14ac:dyDescent="0.25">
      <c r="A20028" s="1" t="s">
        <v>3640</v>
      </c>
      <c r="B20028" s="1" t="s">
        <v>59064</v>
      </c>
      <c r="C20028" s="1" t="s">
        <v>40509</v>
      </c>
      <c r="D20028" s="2">
        <v>172856</v>
      </c>
      <c r="E20028" s="1" t="s">
        <v>0</v>
      </c>
    </row>
    <row r="20029" spans="1:5" x14ac:dyDescent="0.25">
      <c r="A20029" s="1" t="s">
        <v>40510</v>
      </c>
      <c r="B20029" s="1" t="s">
        <v>59065</v>
      </c>
      <c r="C20029" s="1" t="s">
        <v>40511</v>
      </c>
      <c r="D20029" s="2">
        <v>172857</v>
      </c>
      <c r="E20029" s="1" t="s">
        <v>0</v>
      </c>
    </row>
    <row r="20030" spans="1:5" ht="409.5" x14ac:dyDescent="0.25">
      <c r="A20030" s="4" t="s">
        <v>64313</v>
      </c>
      <c r="B20030" s="1" t="s">
        <v>59066</v>
      </c>
      <c r="C20030" s="1" t="s">
        <v>40512</v>
      </c>
      <c r="D20030" s="2">
        <v>172858</v>
      </c>
      <c r="E20030" s="1" t="s">
        <v>0</v>
      </c>
    </row>
    <row r="20031" spans="1:5" x14ac:dyDescent="0.25">
      <c r="A20031" s="1" t="s">
        <v>40513</v>
      </c>
      <c r="B20031" s="1" t="s">
        <v>59067</v>
      </c>
      <c r="C20031" s="1" t="s">
        <v>40514</v>
      </c>
      <c r="D20031" s="2">
        <v>172859</v>
      </c>
      <c r="E20031" s="1" t="s">
        <v>0</v>
      </c>
    </row>
    <row r="20032" spans="1:5" x14ac:dyDescent="0.25">
      <c r="A20032" s="2">
        <v>4006</v>
      </c>
      <c r="B20032" s="2">
        <v>4006</v>
      </c>
      <c r="C20032" s="1" t="s">
        <v>0</v>
      </c>
      <c r="D20032" s="2">
        <v>172860</v>
      </c>
      <c r="E20032" s="1" t="s">
        <v>0</v>
      </c>
    </row>
    <row r="20033" spans="1:5" x14ac:dyDescent="0.25">
      <c r="A20033" s="1" t="s">
        <v>3641</v>
      </c>
      <c r="B20033" s="1" t="s">
        <v>58940</v>
      </c>
      <c r="C20033" s="1" t="s">
        <v>40515</v>
      </c>
      <c r="D20033" s="2">
        <v>172861</v>
      </c>
      <c r="E20033" s="1" t="s">
        <v>0</v>
      </c>
    </row>
    <row r="20034" spans="1:5" x14ac:dyDescent="0.25">
      <c r="A20034" s="1" t="s">
        <v>40516</v>
      </c>
      <c r="B20034" s="1" t="s">
        <v>58941</v>
      </c>
      <c r="C20034" s="1" t="s">
        <v>40517</v>
      </c>
      <c r="D20034" s="2">
        <v>172862</v>
      </c>
      <c r="E20034" s="1" t="s">
        <v>0</v>
      </c>
    </row>
    <row r="20035" spans="1:5" ht="409.5" x14ac:dyDescent="0.25">
      <c r="A20035" s="4" t="s">
        <v>40518</v>
      </c>
      <c r="B20035" s="1" t="s">
        <v>60519</v>
      </c>
      <c r="C20035" s="1" t="s">
        <v>40519</v>
      </c>
      <c r="D20035" s="2">
        <v>172863</v>
      </c>
      <c r="E20035" s="1" t="s">
        <v>0</v>
      </c>
    </row>
    <row r="20036" spans="1:5" x14ac:dyDescent="0.25">
      <c r="A20036" s="1" t="s">
        <v>40520</v>
      </c>
      <c r="B20036" s="1" t="s">
        <v>58942</v>
      </c>
      <c r="C20036" s="1" t="s">
        <v>40521</v>
      </c>
      <c r="D20036" s="2">
        <v>172864</v>
      </c>
      <c r="E20036" s="1" t="s">
        <v>0</v>
      </c>
    </row>
    <row r="20037" spans="1:5" x14ac:dyDescent="0.25">
      <c r="A20037" s="2">
        <v>4007</v>
      </c>
      <c r="B20037" s="2">
        <v>4007</v>
      </c>
      <c r="C20037" s="1" t="s">
        <v>0</v>
      </c>
      <c r="D20037" s="2">
        <v>172865</v>
      </c>
      <c r="E20037" s="1" t="s">
        <v>0</v>
      </c>
    </row>
    <row r="20038" spans="1:5" x14ac:dyDescent="0.25">
      <c r="A20038" s="1" t="s">
        <v>13254</v>
      </c>
      <c r="B20038" s="1" t="s">
        <v>10786</v>
      </c>
      <c r="C20038" s="1" t="s">
        <v>40522</v>
      </c>
      <c r="D20038" s="2">
        <v>172866</v>
      </c>
      <c r="E20038" s="1" t="s">
        <v>0</v>
      </c>
    </row>
    <row r="20039" spans="1:5" x14ac:dyDescent="0.25">
      <c r="A20039" s="1" t="s">
        <v>40523</v>
      </c>
      <c r="B20039" s="1" t="s">
        <v>10787</v>
      </c>
      <c r="C20039" s="1" t="s">
        <v>40524</v>
      </c>
      <c r="D20039" s="2">
        <v>172867</v>
      </c>
      <c r="E20039" s="1" t="s">
        <v>0</v>
      </c>
    </row>
    <row r="20040" spans="1:5" ht="409.5" x14ac:dyDescent="0.25">
      <c r="A20040" s="4" t="s">
        <v>40525</v>
      </c>
      <c r="B20040" s="1" t="s">
        <v>55437</v>
      </c>
      <c r="C20040" s="1" t="s">
        <v>40526</v>
      </c>
      <c r="D20040" s="2">
        <v>172868</v>
      </c>
      <c r="E20040" s="1" t="s">
        <v>0</v>
      </c>
    </row>
    <row r="20041" spans="1:5" x14ac:dyDescent="0.25">
      <c r="A20041" s="1" t="s">
        <v>40527</v>
      </c>
      <c r="B20041" s="1" t="s">
        <v>55438</v>
      </c>
      <c r="C20041" s="1" t="s">
        <v>40528</v>
      </c>
      <c r="D20041" s="2">
        <v>172869</v>
      </c>
      <c r="E20041" s="1" t="s">
        <v>0</v>
      </c>
    </row>
    <row r="20042" spans="1:5" x14ac:dyDescent="0.25">
      <c r="A20042" s="2">
        <v>4008</v>
      </c>
      <c r="B20042" s="2">
        <v>4008</v>
      </c>
      <c r="C20042" s="1" t="s">
        <v>0</v>
      </c>
      <c r="D20042" s="2">
        <v>172870</v>
      </c>
      <c r="E20042" s="1" t="s">
        <v>0</v>
      </c>
    </row>
    <row r="20043" spans="1:5" x14ac:dyDescent="0.25">
      <c r="A20043" s="1" t="s">
        <v>3642</v>
      </c>
      <c r="B20043" s="1" t="s">
        <v>10788</v>
      </c>
      <c r="C20043" s="1" t="s">
        <v>40529</v>
      </c>
      <c r="D20043" s="2">
        <v>172871</v>
      </c>
      <c r="E20043" s="1" t="s">
        <v>0</v>
      </c>
    </row>
    <row r="20044" spans="1:5" x14ac:dyDescent="0.25">
      <c r="A20044" s="1" t="s">
        <v>40530</v>
      </c>
      <c r="B20044" s="1" t="s">
        <v>60777</v>
      </c>
      <c r="C20044" s="1" t="s">
        <v>40531</v>
      </c>
      <c r="D20044" s="2">
        <v>172872</v>
      </c>
      <c r="E20044" s="1" t="s">
        <v>0</v>
      </c>
    </row>
    <row r="20045" spans="1:5" ht="409.5" x14ac:dyDescent="0.25">
      <c r="A20045" s="4" t="s">
        <v>40532</v>
      </c>
      <c r="B20045" s="1" t="s">
        <v>62826</v>
      </c>
      <c r="C20045" s="1" t="s">
        <v>40533</v>
      </c>
      <c r="D20045" s="2">
        <v>172873</v>
      </c>
      <c r="E20045" s="1" t="s">
        <v>0</v>
      </c>
    </row>
    <row r="20046" spans="1:5" x14ac:dyDescent="0.25">
      <c r="A20046" s="1" t="s">
        <v>40534</v>
      </c>
      <c r="B20046" s="1" t="s">
        <v>10789</v>
      </c>
      <c r="C20046" s="1" t="s">
        <v>40535</v>
      </c>
      <c r="D20046" s="2">
        <v>172874</v>
      </c>
      <c r="E20046" s="1" t="s">
        <v>0</v>
      </c>
    </row>
    <row r="20047" spans="1:5" x14ac:dyDescent="0.25">
      <c r="A20047" s="2">
        <v>4009</v>
      </c>
      <c r="B20047" s="2">
        <v>4009</v>
      </c>
      <c r="C20047" s="1" t="s">
        <v>0</v>
      </c>
      <c r="D20047" s="2">
        <v>172875</v>
      </c>
      <c r="E20047" s="1" t="s">
        <v>0</v>
      </c>
    </row>
    <row r="20048" spans="1:5" x14ac:dyDescent="0.25">
      <c r="A20048" s="1" t="s">
        <v>3643</v>
      </c>
      <c r="B20048" s="1" t="s">
        <v>10790</v>
      </c>
      <c r="C20048" s="1" t="s">
        <v>40536</v>
      </c>
      <c r="D20048" s="2">
        <v>172876</v>
      </c>
      <c r="E20048" s="1" t="s">
        <v>0</v>
      </c>
    </row>
    <row r="20049" spans="1:5" x14ac:dyDescent="0.25">
      <c r="A20049" s="1" t="s">
        <v>40537</v>
      </c>
      <c r="B20049" s="1" t="s">
        <v>63804</v>
      </c>
      <c r="C20049" s="1" t="s">
        <v>40538</v>
      </c>
      <c r="D20049" s="2">
        <v>172877</v>
      </c>
      <c r="E20049" s="1" t="s">
        <v>0</v>
      </c>
    </row>
    <row r="20050" spans="1:5" ht="409.5" x14ac:dyDescent="0.25">
      <c r="A20050" s="4" t="s">
        <v>40539</v>
      </c>
      <c r="B20050" s="1" t="s">
        <v>63805</v>
      </c>
      <c r="C20050" s="1" t="s">
        <v>40540</v>
      </c>
      <c r="D20050" s="2">
        <v>172878</v>
      </c>
      <c r="E20050" s="1" t="s">
        <v>0</v>
      </c>
    </row>
    <row r="20051" spans="1:5" x14ac:dyDescent="0.25">
      <c r="A20051" s="1" t="s">
        <v>40541</v>
      </c>
      <c r="B20051" s="1" t="s">
        <v>55439</v>
      </c>
      <c r="C20051" s="1" t="s">
        <v>40542</v>
      </c>
      <c r="D20051" s="2">
        <v>172879</v>
      </c>
      <c r="E20051" s="1" t="s">
        <v>0</v>
      </c>
    </row>
    <row r="20052" spans="1:5" x14ac:dyDescent="0.25">
      <c r="A20052" s="2">
        <v>4010</v>
      </c>
      <c r="B20052" s="2">
        <v>4010</v>
      </c>
      <c r="C20052" s="1" t="s">
        <v>0</v>
      </c>
      <c r="D20052" s="2">
        <v>172880</v>
      </c>
      <c r="E20052" s="1" t="s">
        <v>0</v>
      </c>
    </row>
    <row r="20053" spans="1:5" x14ac:dyDescent="0.25">
      <c r="A20053" s="1" t="s">
        <v>3644</v>
      </c>
      <c r="B20053" s="1" t="s">
        <v>10791</v>
      </c>
      <c r="C20053" s="1" t="s">
        <v>40543</v>
      </c>
      <c r="D20053" s="2">
        <v>172881</v>
      </c>
      <c r="E20053" s="1" t="s">
        <v>0</v>
      </c>
    </row>
    <row r="20054" spans="1:5" x14ac:dyDescent="0.25">
      <c r="A20054" s="1" t="s">
        <v>40544</v>
      </c>
      <c r="B20054" s="1" t="s">
        <v>55440</v>
      </c>
      <c r="C20054" s="1" t="s">
        <v>40545</v>
      </c>
      <c r="D20054" s="2">
        <v>172882</v>
      </c>
      <c r="E20054" s="1" t="s">
        <v>0</v>
      </c>
    </row>
    <row r="20055" spans="1:5" ht="409.5" x14ac:dyDescent="0.25">
      <c r="A20055" s="4" t="s">
        <v>40546</v>
      </c>
      <c r="B20055" s="1" t="s">
        <v>63476</v>
      </c>
      <c r="C20055" s="1" t="s">
        <v>40547</v>
      </c>
      <c r="D20055" s="2">
        <v>172883</v>
      </c>
      <c r="E20055" s="1" t="s">
        <v>0</v>
      </c>
    </row>
    <row r="20056" spans="1:5" x14ac:dyDescent="0.25">
      <c r="A20056" s="1" t="s">
        <v>28341</v>
      </c>
      <c r="B20056" s="1" t="s">
        <v>61101</v>
      </c>
      <c r="C20056" s="1" t="s">
        <v>28342</v>
      </c>
      <c r="D20056" s="2">
        <v>172884</v>
      </c>
      <c r="E20056" s="1" t="s">
        <v>0</v>
      </c>
    </row>
    <row r="20057" spans="1:5" x14ac:dyDescent="0.25">
      <c r="A20057" s="2">
        <v>4011</v>
      </c>
      <c r="B20057" s="2">
        <v>4011</v>
      </c>
      <c r="C20057" s="1" t="s">
        <v>0</v>
      </c>
      <c r="D20057" s="2">
        <v>172885</v>
      </c>
      <c r="E20057" s="1" t="s">
        <v>0</v>
      </c>
    </row>
    <row r="20058" spans="1:5" x14ac:dyDescent="0.25">
      <c r="A20058" s="1" t="s">
        <v>40548</v>
      </c>
      <c r="B20058" s="1" t="s">
        <v>10792</v>
      </c>
      <c r="C20058" s="1" t="s">
        <v>40549</v>
      </c>
      <c r="D20058" s="2">
        <v>172886</v>
      </c>
      <c r="E20058" s="1" t="s">
        <v>0</v>
      </c>
    </row>
    <row r="20059" spans="1:5" x14ac:dyDescent="0.25">
      <c r="A20059" s="1" t="s">
        <v>40550</v>
      </c>
      <c r="B20059" s="1" t="s">
        <v>55441</v>
      </c>
      <c r="C20059" s="1" t="s">
        <v>40551</v>
      </c>
      <c r="D20059" s="2">
        <v>172887</v>
      </c>
      <c r="E20059" s="1" t="s">
        <v>0</v>
      </c>
    </row>
    <row r="20060" spans="1:5" x14ac:dyDescent="0.25">
      <c r="A20060" s="1" t="s">
        <v>40552</v>
      </c>
      <c r="B20060" s="1" t="s">
        <v>55442</v>
      </c>
      <c r="C20060" s="1" t="s">
        <v>40551</v>
      </c>
      <c r="D20060" s="2">
        <v>172888</v>
      </c>
      <c r="E20060" s="1" t="s">
        <v>0</v>
      </c>
    </row>
    <row r="20061" spans="1:5" x14ac:dyDescent="0.25">
      <c r="A20061" s="1" t="s">
        <v>40553</v>
      </c>
      <c r="B20061" s="1" t="s">
        <v>55443</v>
      </c>
      <c r="C20061" s="1" t="s">
        <v>40554</v>
      </c>
      <c r="D20061" s="2">
        <v>172889</v>
      </c>
      <c r="E20061" s="1" t="s">
        <v>0</v>
      </c>
    </row>
    <row r="20062" spans="1:5" x14ac:dyDescent="0.25">
      <c r="A20062" s="2">
        <v>4012</v>
      </c>
      <c r="B20062" s="2">
        <v>4012</v>
      </c>
      <c r="C20062" s="1" t="s">
        <v>0</v>
      </c>
      <c r="D20062" s="2">
        <v>172890</v>
      </c>
      <c r="E20062" s="1" t="s">
        <v>0</v>
      </c>
    </row>
    <row r="20063" spans="1:5" x14ac:dyDescent="0.25">
      <c r="A20063" s="1" t="s">
        <v>3645</v>
      </c>
      <c r="B20063" s="1" t="s">
        <v>10793</v>
      </c>
      <c r="C20063" s="1" t="s">
        <v>40555</v>
      </c>
      <c r="D20063" s="2">
        <v>172891</v>
      </c>
      <c r="E20063" s="1" t="s">
        <v>0</v>
      </c>
    </row>
    <row r="20064" spans="1:5" x14ac:dyDescent="0.25">
      <c r="A20064" s="1" t="s">
        <v>40556</v>
      </c>
      <c r="B20064" s="1" t="s">
        <v>55444</v>
      </c>
      <c r="C20064" s="1" t="s">
        <v>40557</v>
      </c>
      <c r="D20064" s="2">
        <v>172892</v>
      </c>
      <c r="E20064" s="1" t="s">
        <v>0</v>
      </c>
    </row>
    <row r="20065" spans="1:5" ht="409.5" x14ac:dyDescent="0.25">
      <c r="A20065" s="4" t="s">
        <v>40558</v>
      </c>
      <c r="B20065" s="1" t="s">
        <v>55445</v>
      </c>
      <c r="C20065" s="1" t="s">
        <v>40559</v>
      </c>
      <c r="D20065" s="2">
        <v>172893</v>
      </c>
      <c r="E20065" s="1" t="s">
        <v>0</v>
      </c>
    </row>
    <row r="20066" spans="1:5" x14ac:dyDescent="0.25">
      <c r="A20066" s="1" t="s">
        <v>14572</v>
      </c>
      <c r="B20066" s="1" t="s">
        <v>60869</v>
      </c>
      <c r="C20066" s="1" t="s">
        <v>14573</v>
      </c>
      <c r="D20066" s="2">
        <v>172894</v>
      </c>
      <c r="E20066" s="1" t="s">
        <v>0</v>
      </c>
    </row>
    <row r="20067" spans="1:5" x14ac:dyDescent="0.25">
      <c r="A20067" s="2">
        <v>4013</v>
      </c>
      <c r="B20067" s="2">
        <v>4013</v>
      </c>
      <c r="C20067" s="1" t="s">
        <v>0</v>
      </c>
      <c r="D20067" s="2">
        <v>172895</v>
      </c>
      <c r="E20067" s="1" t="s">
        <v>0</v>
      </c>
    </row>
    <row r="20068" spans="1:5" x14ac:dyDescent="0.25">
      <c r="A20068" s="1" t="s">
        <v>3646</v>
      </c>
      <c r="B20068" s="1" t="s">
        <v>56968</v>
      </c>
      <c r="C20068" s="1" t="s">
        <v>40560</v>
      </c>
      <c r="D20068" s="2">
        <v>172896</v>
      </c>
      <c r="E20068" s="1" t="s">
        <v>0</v>
      </c>
    </row>
    <row r="20069" spans="1:5" x14ac:dyDescent="0.25">
      <c r="A20069" s="1" t="s">
        <v>40561</v>
      </c>
      <c r="B20069" s="1" t="s">
        <v>62827</v>
      </c>
      <c r="C20069" s="1" t="s">
        <v>40562</v>
      </c>
      <c r="D20069" s="2">
        <v>172897</v>
      </c>
      <c r="E20069" s="1" t="s">
        <v>0</v>
      </c>
    </row>
    <row r="20070" spans="1:5" ht="409.5" x14ac:dyDescent="0.25">
      <c r="A20070" s="4" t="s">
        <v>40563</v>
      </c>
      <c r="B20070" s="1" t="s">
        <v>62828</v>
      </c>
      <c r="C20070" s="1" t="s">
        <v>40564</v>
      </c>
      <c r="D20070" s="2">
        <v>172898</v>
      </c>
      <c r="E20070" s="1" t="s">
        <v>0</v>
      </c>
    </row>
    <row r="20071" spans="1:5" x14ac:dyDescent="0.25">
      <c r="A20071" s="1" t="s">
        <v>40565</v>
      </c>
      <c r="B20071" s="1" t="s">
        <v>10794</v>
      </c>
      <c r="C20071" s="1" t="s">
        <v>40566</v>
      </c>
      <c r="D20071" s="2">
        <v>172899</v>
      </c>
      <c r="E20071" s="1" t="s">
        <v>0</v>
      </c>
    </row>
    <row r="20072" spans="1:5" x14ac:dyDescent="0.25">
      <c r="A20072" s="2">
        <v>4014</v>
      </c>
      <c r="B20072" s="2">
        <v>4014</v>
      </c>
      <c r="C20072" s="1" t="s">
        <v>0</v>
      </c>
      <c r="D20072" s="2">
        <v>172900</v>
      </c>
      <c r="E20072" s="1" t="s">
        <v>0</v>
      </c>
    </row>
    <row r="20073" spans="1:5" x14ac:dyDescent="0.25">
      <c r="A20073" s="1" t="s">
        <v>3647</v>
      </c>
      <c r="B20073" s="1" t="s">
        <v>10795</v>
      </c>
      <c r="C20073" s="1" t="s">
        <v>40567</v>
      </c>
      <c r="D20073" s="2">
        <v>172901</v>
      </c>
      <c r="E20073" s="1" t="s">
        <v>0</v>
      </c>
    </row>
    <row r="20074" spans="1:5" x14ac:dyDescent="0.25">
      <c r="A20074" s="1" t="s">
        <v>40568</v>
      </c>
      <c r="B20074" s="1" t="s">
        <v>10796</v>
      </c>
      <c r="C20074" s="1" t="s">
        <v>40569</v>
      </c>
      <c r="D20074" s="2">
        <v>172902</v>
      </c>
      <c r="E20074" s="1" t="s">
        <v>0</v>
      </c>
    </row>
    <row r="20075" spans="1:5" ht="409.5" x14ac:dyDescent="0.25">
      <c r="A20075" s="4" t="s">
        <v>40570</v>
      </c>
      <c r="B20075" s="1" t="s">
        <v>50957</v>
      </c>
      <c r="C20075" s="1" t="s">
        <v>40571</v>
      </c>
      <c r="D20075" s="2">
        <v>172903</v>
      </c>
      <c r="E20075" s="1" t="s">
        <v>0</v>
      </c>
    </row>
    <row r="20076" spans="1:5" x14ac:dyDescent="0.25">
      <c r="A20076" s="1" t="s">
        <v>40572</v>
      </c>
      <c r="B20076" s="1" t="s">
        <v>55446</v>
      </c>
      <c r="C20076" s="1" t="s">
        <v>40573</v>
      </c>
      <c r="D20076" s="2">
        <v>172904</v>
      </c>
      <c r="E20076" s="1" t="s">
        <v>0</v>
      </c>
    </row>
    <row r="20077" spans="1:5" x14ac:dyDescent="0.25">
      <c r="A20077" s="2">
        <v>4015</v>
      </c>
      <c r="B20077" s="2">
        <v>4015</v>
      </c>
      <c r="C20077" s="1" t="s">
        <v>0</v>
      </c>
      <c r="D20077" s="2">
        <v>172905</v>
      </c>
      <c r="E20077" s="1" t="s">
        <v>0</v>
      </c>
    </row>
    <row r="20078" spans="1:5" x14ac:dyDescent="0.25">
      <c r="A20078" s="1" t="s">
        <v>3648</v>
      </c>
      <c r="B20078" s="1" t="s">
        <v>10797</v>
      </c>
      <c r="C20078" s="1" t="s">
        <v>40574</v>
      </c>
      <c r="D20078" s="2">
        <v>172906</v>
      </c>
      <c r="E20078" s="1" t="s">
        <v>0</v>
      </c>
    </row>
    <row r="20079" spans="1:5" x14ac:dyDescent="0.25">
      <c r="A20079" s="1" t="s">
        <v>40575</v>
      </c>
      <c r="B20079" s="1" t="s">
        <v>63477</v>
      </c>
      <c r="C20079" s="1" t="s">
        <v>40576</v>
      </c>
      <c r="D20079" s="2">
        <v>172907</v>
      </c>
      <c r="E20079" s="1" t="s">
        <v>0</v>
      </c>
    </row>
    <row r="20080" spans="1:5" ht="409.5" x14ac:dyDescent="0.25">
      <c r="A20080" s="4" t="s">
        <v>40577</v>
      </c>
      <c r="B20080" s="1" t="s">
        <v>63478</v>
      </c>
      <c r="C20080" s="1" t="s">
        <v>40578</v>
      </c>
      <c r="D20080" s="2">
        <v>172908</v>
      </c>
      <c r="E20080" s="1" t="s">
        <v>0</v>
      </c>
    </row>
    <row r="20081" spans="1:5" x14ac:dyDescent="0.25">
      <c r="A20081" s="1" t="s">
        <v>40579</v>
      </c>
      <c r="B20081" s="1" t="s">
        <v>55447</v>
      </c>
      <c r="C20081" s="1" t="s">
        <v>40580</v>
      </c>
      <c r="D20081" s="2">
        <v>172909</v>
      </c>
      <c r="E20081" s="1" t="s">
        <v>0</v>
      </c>
    </row>
    <row r="20082" spans="1:5" x14ac:dyDescent="0.25">
      <c r="A20082" s="2">
        <v>4016</v>
      </c>
      <c r="B20082" s="2">
        <v>4016</v>
      </c>
      <c r="C20082" s="1" t="s">
        <v>0</v>
      </c>
      <c r="D20082" s="2">
        <v>172910</v>
      </c>
      <c r="E20082" s="1" t="s">
        <v>0</v>
      </c>
    </row>
    <row r="20083" spans="1:5" x14ac:dyDescent="0.25">
      <c r="A20083" s="1" t="s">
        <v>3649</v>
      </c>
      <c r="B20083" s="1" t="s">
        <v>58531</v>
      </c>
      <c r="C20083" s="1" t="s">
        <v>40581</v>
      </c>
      <c r="D20083" s="2">
        <v>172911</v>
      </c>
      <c r="E20083" s="1" t="s">
        <v>0</v>
      </c>
    </row>
    <row r="20084" spans="1:5" x14ac:dyDescent="0.25">
      <c r="A20084" s="1" t="s">
        <v>40582</v>
      </c>
      <c r="B20084" s="1" t="s">
        <v>55448</v>
      </c>
      <c r="C20084" s="1" t="s">
        <v>40583</v>
      </c>
      <c r="D20084" s="2">
        <v>172912</v>
      </c>
      <c r="E20084" s="1" t="s">
        <v>0</v>
      </c>
    </row>
    <row r="20085" spans="1:5" ht="409.5" x14ac:dyDescent="0.25">
      <c r="A20085" s="4" t="s">
        <v>64314</v>
      </c>
      <c r="B20085" s="1" t="s">
        <v>62829</v>
      </c>
      <c r="C20085" s="1" t="s">
        <v>40584</v>
      </c>
      <c r="D20085" s="2">
        <v>172913</v>
      </c>
      <c r="E20085" s="1" t="s">
        <v>0</v>
      </c>
    </row>
    <row r="20086" spans="1:5" x14ac:dyDescent="0.25">
      <c r="A20086" s="1" t="s">
        <v>40585</v>
      </c>
      <c r="B20086" s="1" t="s">
        <v>58532</v>
      </c>
      <c r="C20086" s="1" t="s">
        <v>40586</v>
      </c>
      <c r="D20086" s="2">
        <v>172914</v>
      </c>
      <c r="E20086" s="1" t="s">
        <v>0</v>
      </c>
    </row>
    <row r="20087" spans="1:5" x14ac:dyDescent="0.25">
      <c r="A20087" s="2">
        <v>4017</v>
      </c>
      <c r="B20087" s="2">
        <v>4017</v>
      </c>
      <c r="C20087" s="1" t="s">
        <v>0</v>
      </c>
      <c r="D20087" s="2">
        <v>172915</v>
      </c>
      <c r="E20087" s="1" t="s">
        <v>0</v>
      </c>
    </row>
    <row r="20088" spans="1:5" x14ac:dyDescent="0.25">
      <c r="A20088" s="1" t="s">
        <v>3650</v>
      </c>
      <c r="B20088" s="1" t="s">
        <v>50958</v>
      </c>
      <c r="C20088" s="1" t="s">
        <v>40587</v>
      </c>
      <c r="D20088" s="2">
        <v>172916</v>
      </c>
      <c r="E20088" s="1" t="s">
        <v>0</v>
      </c>
    </row>
    <row r="20089" spans="1:5" x14ac:dyDescent="0.25">
      <c r="A20089" s="1" t="s">
        <v>40588</v>
      </c>
      <c r="B20089" s="1" t="s">
        <v>55449</v>
      </c>
      <c r="C20089" s="1" t="s">
        <v>40589</v>
      </c>
      <c r="D20089" s="2">
        <v>172917</v>
      </c>
      <c r="E20089" s="1" t="s">
        <v>0</v>
      </c>
    </row>
    <row r="20090" spans="1:5" ht="409.5" x14ac:dyDescent="0.25">
      <c r="A20090" s="4" t="s">
        <v>40590</v>
      </c>
      <c r="B20090" s="1" t="s">
        <v>61300</v>
      </c>
      <c r="C20090" s="1" t="s">
        <v>40591</v>
      </c>
      <c r="D20090" s="2">
        <v>172918</v>
      </c>
      <c r="E20090" s="1" t="s">
        <v>0</v>
      </c>
    </row>
    <row r="20091" spans="1:5" x14ac:dyDescent="0.25">
      <c r="A20091" s="1" t="s">
        <v>40592</v>
      </c>
      <c r="B20091" s="1" t="s">
        <v>57316</v>
      </c>
      <c r="C20091" s="1" t="s">
        <v>40593</v>
      </c>
      <c r="D20091" s="2">
        <v>172919</v>
      </c>
      <c r="E20091" s="1" t="s">
        <v>0</v>
      </c>
    </row>
    <row r="20092" spans="1:5" x14ac:dyDescent="0.25">
      <c r="A20092" s="2">
        <v>4018</v>
      </c>
      <c r="B20092" s="2">
        <v>4018</v>
      </c>
      <c r="C20092" s="1" t="s">
        <v>0</v>
      </c>
      <c r="D20092" s="2">
        <v>172920</v>
      </c>
      <c r="E20092" s="1" t="s">
        <v>0</v>
      </c>
    </row>
    <row r="20093" spans="1:5" x14ac:dyDescent="0.25">
      <c r="A20093" s="1" t="s">
        <v>3651</v>
      </c>
      <c r="B20093" s="1" t="s">
        <v>10798</v>
      </c>
      <c r="C20093" s="1" t="s">
        <v>40594</v>
      </c>
      <c r="D20093" s="2">
        <v>172921</v>
      </c>
      <c r="E20093" s="1" t="s">
        <v>0</v>
      </c>
    </row>
    <row r="20094" spans="1:5" x14ac:dyDescent="0.25">
      <c r="A20094" s="1" t="s">
        <v>40595</v>
      </c>
      <c r="B20094" s="1" t="s">
        <v>62830</v>
      </c>
      <c r="C20094" s="1" t="s">
        <v>40596</v>
      </c>
      <c r="D20094" s="2">
        <v>172922</v>
      </c>
      <c r="E20094" s="1" t="s">
        <v>0</v>
      </c>
    </row>
    <row r="20095" spans="1:5" ht="409.5" x14ac:dyDescent="0.25">
      <c r="A20095" s="4" t="s">
        <v>40597</v>
      </c>
      <c r="B20095" s="1" t="s">
        <v>62831</v>
      </c>
      <c r="C20095" s="1" t="s">
        <v>40598</v>
      </c>
      <c r="D20095" s="2">
        <v>172923</v>
      </c>
      <c r="E20095" s="1" t="s">
        <v>0</v>
      </c>
    </row>
    <row r="20096" spans="1:5" x14ac:dyDescent="0.25">
      <c r="A20096" s="1" t="s">
        <v>40599</v>
      </c>
      <c r="B20096" s="1" t="s">
        <v>55450</v>
      </c>
      <c r="C20096" s="1" t="s">
        <v>40600</v>
      </c>
      <c r="D20096" s="2">
        <v>172924</v>
      </c>
      <c r="E20096" s="1" t="s">
        <v>0</v>
      </c>
    </row>
    <row r="20097" spans="1:5" x14ac:dyDescent="0.25">
      <c r="A20097" s="2">
        <v>4019</v>
      </c>
      <c r="B20097" s="2">
        <v>4019</v>
      </c>
      <c r="C20097" s="1" t="s">
        <v>0</v>
      </c>
      <c r="D20097" s="2">
        <v>172925</v>
      </c>
      <c r="E20097" s="1" t="s">
        <v>0</v>
      </c>
    </row>
    <row r="20098" spans="1:5" x14ac:dyDescent="0.25">
      <c r="A20098" s="1" t="s">
        <v>10799</v>
      </c>
      <c r="B20098" s="1" t="s">
        <v>10800</v>
      </c>
      <c r="C20098" s="1" t="s">
        <v>40601</v>
      </c>
      <c r="D20098" s="2">
        <v>172926</v>
      </c>
      <c r="E20098" s="1" t="s">
        <v>0</v>
      </c>
    </row>
    <row r="20099" spans="1:5" x14ac:dyDescent="0.25">
      <c r="A20099" s="1" t="s">
        <v>40602</v>
      </c>
      <c r="B20099" s="1" t="s">
        <v>10801</v>
      </c>
      <c r="C20099" s="1" t="s">
        <v>40603</v>
      </c>
      <c r="D20099" s="2">
        <v>172927</v>
      </c>
      <c r="E20099" s="1" t="s">
        <v>0</v>
      </c>
    </row>
    <row r="20100" spans="1:5" ht="409.5" x14ac:dyDescent="0.25">
      <c r="A20100" s="4" t="s">
        <v>64315</v>
      </c>
      <c r="B20100" s="1" t="s">
        <v>63479</v>
      </c>
      <c r="C20100" s="1" t="s">
        <v>40604</v>
      </c>
      <c r="D20100" s="2">
        <v>172928</v>
      </c>
      <c r="E20100" s="1" t="s">
        <v>0</v>
      </c>
    </row>
    <row r="20101" spans="1:5" x14ac:dyDescent="0.25">
      <c r="A20101" s="1" t="s">
        <v>40605</v>
      </c>
      <c r="B20101" s="1" t="s">
        <v>10802</v>
      </c>
      <c r="C20101" s="1" t="s">
        <v>40606</v>
      </c>
      <c r="D20101" s="2">
        <v>172929</v>
      </c>
      <c r="E20101" s="1" t="s">
        <v>0</v>
      </c>
    </row>
    <row r="20102" spans="1:5" x14ac:dyDescent="0.25">
      <c r="A20102" s="2">
        <v>4020</v>
      </c>
      <c r="B20102" s="2">
        <v>4020</v>
      </c>
      <c r="C20102" s="1" t="s">
        <v>0</v>
      </c>
      <c r="D20102" s="2">
        <v>172930</v>
      </c>
      <c r="E20102" s="1" t="s">
        <v>0</v>
      </c>
    </row>
    <row r="20103" spans="1:5" x14ac:dyDescent="0.25">
      <c r="A20103" s="1" t="s">
        <v>3652</v>
      </c>
      <c r="B20103" s="1" t="s">
        <v>10803</v>
      </c>
      <c r="C20103" s="1" t="s">
        <v>40607</v>
      </c>
      <c r="D20103" s="2">
        <v>172931</v>
      </c>
      <c r="E20103" s="1" t="s">
        <v>0</v>
      </c>
    </row>
    <row r="20104" spans="1:5" x14ac:dyDescent="0.25">
      <c r="A20104" s="1" t="s">
        <v>40608</v>
      </c>
      <c r="B20104" s="1" t="s">
        <v>63480</v>
      </c>
      <c r="C20104" s="1" t="s">
        <v>40609</v>
      </c>
      <c r="D20104" s="2">
        <v>172932</v>
      </c>
      <c r="E20104" s="1" t="s">
        <v>0</v>
      </c>
    </row>
    <row r="20105" spans="1:5" ht="409.5" x14ac:dyDescent="0.25">
      <c r="A20105" s="4" t="s">
        <v>40610</v>
      </c>
      <c r="B20105" s="1" t="s">
        <v>63481</v>
      </c>
      <c r="C20105" s="1" t="s">
        <v>40611</v>
      </c>
      <c r="D20105" s="2">
        <v>172933</v>
      </c>
      <c r="E20105" s="1" t="s">
        <v>0</v>
      </c>
    </row>
    <row r="20106" spans="1:5" x14ac:dyDescent="0.25">
      <c r="A20106" s="1" t="s">
        <v>40612</v>
      </c>
      <c r="B20106" s="1" t="s">
        <v>57601</v>
      </c>
      <c r="C20106" s="1" t="s">
        <v>40613</v>
      </c>
      <c r="D20106" s="2">
        <v>172934</v>
      </c>
      <c r="E20106" s="1" t="s">
        <v>0</v>
      </c>
    </row>
    <row r="20107" spans="1:5" x14ac:dyDescent="0.25">
      <c r="A20107" s="2">
        <v>4021</v>
      </c>
      <c r="B20107" s="2">
        <v>4021</v>
      </c>
      <c r="C20107" s="1" t="s">
        <v>0</v>
      </c>
      <c r="D20107" s="2">
        <v>172935</v>
      </c>
      <c r="E20107" s="1" t="s">
        <v>0</v>
      </c>
    </row>
    <row r="20108" spans="1:5" x14ac:dyDescent="0.25">
      <c r="A20108" s="1" t="s">
        <v>3653</v>
      </c>
      <c r="B20108" s="1" t="s">
        <v>10804</v>
      </c>
      <c r="C20108" s="1" t="s">
        <v>40614</v>
      </c>
      <c r="D20108" s="2">
        <v>172936</v>
      </c>
      <c r="E20108" s="1" t="s">
        <v>0</v>
      </c>
    </row>
    <row r="20109" spans="1:5" x14ac:dyDescent="0.25">
      <c r="A20109" s="1" t="s">
        <v>40615</v>
      </c>
      <c r="B20109" s="1" t="s">
        <v>57964</v>
      </c>
      <c r="C20109" s="1" t="s">
        <v>40616</v>
      </c>
      <c r="D20109" s="2">
        <v>172937</v>
      </c>
      <c r="E20109" s="1" t="s">
        <v>0</v>
      </c>
    </row>
    <row r="20110" spans="1:5" ht="409.5" x14ac:dyDescent="0.25">
      <c r="A20110" s="4" t="s">
        <v>40617</v>
      </c>
      <c r="B20110" s="1" t="s">
        <v>57965</v>
      </c>
      <c r="C20110" s="1" t="s">
        <v>40618</v>
      </c>
      <c r="D20110" s="2">
        <v>172938</v>
      </c>
      <c r="E20110" s="1" t="s">
        <v>0</v>
      </c>
    </row>
    <row r="20111" spans="1:5" x14ac:dyDescent="0.25">
      <c r="A20111" s="1" t="s">
        <v>14855</v>
      </c>
      <c r="B20111" s="1" t="s">
        <v>60879</v>
      </c>
      <c r="C20111" s="1" t="s">
        <v>14856</v>
      </c>
      <c r="D20111" s="2">
        <v>172939</v>
      </c>
      <c r="E20111" s="1" t="s">
        <v>0</v>
      </c>
    </row>
    <row r="20112" spans="1:5" x14ac:dyDescent="0.25">
      <c r="A20112" s="2">
        <v>4022</v>
      </c>
      <c r="B20112" s="2">
        <v>4022</v>
      </c>
      <c r="C20112" s="1" t="s">
        <v>0</v>
      </c>
      <c r="D20112" s="2">
        <v>172940</v>
      </c>
      <c r="E20112" s="1" t="s">
        <v>0</v>
      </c>
    </row>
    <row r="20113" spans="1:5" x14ac:dyDescent="0.25">
      <c r="A20113" s="1" t="s">
        <v>3654</v>
      </c>
      <c r="B20113" s="1" t="s">
        <v>58825</v>
      </c>
      <c r="C20113" s="1" t="s">
        <v>40619</v>
      </c>
      <c r="D20113" s="2">
        <v>172941</v>
      </c>
      <c r="E20113" s="1" t="s">
        <v>0</v>
      </c>
    </row>
    <row r="20114" spans="1:5" x14ac:dyDescent="0.25">
      <c r="A20114" s="1" t="s">
        <v>40620</v>
      </c>
      <c r="B20114" s="1" t="s">
        <v>62832</v>
      </c>
      <c r="C20114" s="1" t="s">
        <v>40621</v>
      </c>
      <c r="D20114" s="2">
        <v>172942</v>
      </c>
      <c r="E20114" s="1" t="s">
        <v>0</v>
      </c>
    </row>
    <row r="20115" spans="1:5" ht="409.5" x14ac:dyDescent="0.25">
      <c r="A20115" s="4" t="s">
        <v>40622</v>
      </c>
      <c r="B20115" s="1" t="s">
        <v>62833</v>
      </c>
      <c r="C20115" s="1" t="s">
        <v>40623</v>
      </c>
      <c r="D20115" s="2">
        <v>172943</v>
      </c>
      <c r="E20115" s="1" t="s">
        <v>0</v>
      </c>
    </row>
    <row r="20116" spans="1:5" x14ac:dyDescent="0.25">
      <c r="A20116" s="1" t="s">
        <v>40624</v>
      </c>
      <c r="B20116" s="1" t="s">
        <v>58826</v>
      </c>
      <c r="C20116" s="1" t="s">
        <v>40625</v>
      </c>
      <c r="D20116" s="2">
        <v>172944</v>
      </c>
      <c r="E20116" s="1" t="s">
        <v>0</v>
      </c>
    </row>
    <row r="20117" spans="1:5" x14ac:dyDescent="0.25">
      <c r="A20117" s="2">
        <v>4023</v>
      </c>
      <c r="B20117" s="2">
        <v>4023</v>
      </c>
      <c r="C20117" s="1" t="s">
        <v>0</v>
      </c>
      <c r="D20117" s="2">
        <v>172945</v>
      </c>
      <c r="E20117" s="1" t="s">
        <v>0</v>
      </c>
    </row>
    <row r="20118" spans="1:5" x14ac:dyDescent="0.25">
      <c r="A20118" s="1" t="s">
        <v>3655</v>
      </c>
      <c r="B20118" s="1" t="s">
        <v>55451</v>
      </c>
      <c r="C20118" s="1" t="s">
        <v>40626</v>
      </c>
      <c r="D20118" s="2">
        <v>172946</v>
      </c>
      <c r="E20118" s="1" t="s">
        <v>0</v>
      </c>
    </row>
    <row r="20119" spans="1:5" x14ac:dyDescent="0.25">
      <c r="A20119" s="1" t="s">
        <v>40627</v>
      </c>
      <c r="B20119" s="1" t="s">
        <v>55452</v>
      </c>
      <c r="C20119" s="1" t="s">
        <v>40628</v>
      </c>
      <c r="D20119" s="2">
        <v>172947</v>
      </c>
      <c r="E20119" s="1" t="s">
        <v>0</v>
      </c>
    </row>
    <row r="20120" spans="1:5" ht="409.5" x14ac:dyDescent="0.25">
      <c r="A20120" s="4" t="s">
        <v>40629</v>
      </c>
      <c r="B20120" s="1" t="s">
        <v>55453</v>
      </c>
      <c r="C20120" s="1" t="s">
        <v>40630</v>
      </c>
      <c r="D20120" s="2">
        <v>172948</v>
      </c>
      <c r="E20120" s="1" t="s">
        <v>0</v>
      </c>
    </row>
    <row r="20121" spans="1:5" x14ac:dyDescent="0.25">
      <c r="A20121" s="1" t="s">
        <v>40631</v>
      </c>
      <c r="B20121" s="1" t="s">
        <v>10805</v>
      </c>
      <c r="C20121" s="1" t="s">
        <v>40632</v>
      </c>
      <c r="D20121" s="2">
        <v>172949</v>
      </c>
      <c r="E20121" s="1" t="s">
        <v>0</v>
      </c>
    </row>
    <row r="20122" spans="1:5" x14ac:dyDescent="0.25">
      <c r="A20122" s="2">
        <v>4024</v>
      </c>
      <c r="B20122" s="2">
        <v>4024</v>
      </c>
      <c r="C20122" s="1" t="s">
        <v>0</v>
      </c>
      <c r="D20122" s="2">
        <v>172950</v>
      </c>
      <c r="E20122" s="1" t="s">
        <v>0</v>
      </c>
    </row>
    <row r="20123" spans="1:5" x14ac:dyDescent="0.25">
      <c r="A20123" s="1" t="s">
        <v>3656</v>
      </c>
      <c r="B20123" s="1" t="s">
        <v>10806</v>
      </c>
      <c r="C20123" s="1" t="s">
        <v>40633</v>
      </c>
      <c r="D20123" s="2">
        <v>172951</v>
      </c>
      <c r="E20123" s="1" t="s">
        <v>0</v>
      </c>
    </row>
    <row r="20124" spans="1:5" x14ac:dyDescent="0.25">
      <c r="A20124" s="1" t="s">
        <v>40634</v>
      </c>
      <c r="B20124" s="1" t="s">
        <v>10807</v>
      </c>
      <c r="C20124" s="1" t="s">
        <v>40635</v>
      </c>
      <c r="D20124" s="2">
        <v>172952</v>
      </c>
      <c r="E20124" s="1" t="s">
        <v>0</v>
      </c>
    </row>
    <row r="20125" spans="1:5" ht="409.5" x14ac:dyDescent="0.25">
      <c r="A20125" s="4" t="s">
        <v>40636</v>
      </c>
      <c r="B20125" s="1" t="s">
        <v>55454</v>
      </c>
      <c r="C20125" s="1" t="s">
        <v>40637</v>
      </c>
      <c r="D20125" s="2">
        <v>172953</v>
      </c>
      <c r="E20125" s="1" t="s">
        <v>0</v>
      </c>
    </row>
    <row r="20126" spans="1:5" x14ac:dyDescent="0.25">
      <c r="A20126" s="1" t="s">
        <v>14855</v>
      </c>
      <c r="B20126" s="1" t="s">
        <v>60879</v>
      </c>
      <c r="C20126" s="1" t="s">
        <v>14856</v>
      </c>
      <c r="D20126" s="2">
        <v>172954</v>
      </c>
      <c r="E20126" s="1" t="s">
        <v>0</v>
      </c>
    </row>
    <row r="20127" spans="1:5" x14ac:dyDescent="0.25">
      <c r="A20127" s="2">
        <v>4025</v>
      </c>
      <c r="B20127" s="2">
        <v>4025</v>
      </c>
      <c r="C20127" s="1" t="s">
        <v>0</v>
      </c>
      <c r="D20127" s="2">
        <v>172955</v>
      </c>
      <c r="E20127" s="1" t="s">
        <v>0</v>
      </c>
    </row>
    <row r="20128" spans="1:5" x14ac:dyDescent="0.25">
      <c r="A20128" s="1" t="s">
        <v>3657</v>
      </c>
      <c r="B20128" s="1" t="s">
        <v>10808</v>
      </c>
      <c r="C20128" s="1" t="s">
        <v>40638</v>
      </c>
      <c r="D20128" s="2">
        <v>172956</v>
      </c>
      <c r="E20128" s="1" t="s">
        <v>0</v>
      </c>
    </row>
    <row r="20129" spans="1:5" x14ac:dyDescent="0.25">
      <c r="A20129" s="1" t="s">
        <v>40639</v>
      </c>
      <c r="B20129" s="1" t="s">
        <v>62834</v>
      </c>
      <c r="C20129" s="1" t="s">
        <v>40640</v>
      </c>
      <c r="D20129" s="2">
        <v>172957</v>
      </c>
      <c r="E20129" s="1" t="s">
        <v>0</v>
      </c>
    </row>
    <row r="20130" spans="1:5" ht="409.5" x14ac:dyDescent="0.25">
      <c r="A20130" s="4" t="s">
        <v>40641</v>
      </c>
      <c r="B20130" s="1" t="s">
        <v>62835</v>
      </c>
      <c r="C20130" s="1" t="s">
        <v>40642</v>
      </c>
      <c r="D20130" s="2">
        <v>172958</v>
      </c>
      <c r="E20130" s="1" t="s">
        <v>0</v>
      </c>
    </row>
    <row r="20131" spans="1:5" x14ac:dyDescent="0.25">
      <c r="A20131" s="1" t="s">
        <v>40643</v>
      </c>
      <c r="B20131" s="1" t="s">
        <v>10809</v>
      </c>
      <c r="C20131" s="1" t="s">
        <v>40644</v>
      </c>
      <c r="D20131" s="2">
        <v>172959</v>
      </c>
      <c r="E20131" s="1" t="s">
        <v>0</v>
      </c>
    </row>
    <row r="20132" spans="1:5" x14ac:dyDescent="0.25">
      <c r="A20132" s="2">
        <v>4026</v>
      </c>
      <c r="B20132" s="2">
        <v>4026</v>
      </c>
      <c r="C20132" s="1" t="s">
        <v>0</v>
      </c>
      <c r="D20132" s="2">
        <v>172960</v>
      </c>
      <c r="E20132" s="1" t="s">
        <v>0</v>
      </c>
    </row>
    <row r="20133" spans="1:5" x14ac:dyDescent="0.25">
      <c r="A20133" s="1" t="s">
        <v>10810</v>
      </c>
      <c r="B20133" s="1" t="s">
        <v>10811</v>
      </c>
      <c r="C20133" s="1" t="s">
        <v>40645</v>
      </c>
      <c r="D20133" s="2">
        <v>172961</v>
      </c>
      <c r="E20133" s="1" t="s">
        <v>0</v>
      </c>
    </row>
    <row r="20134" spans="1:5" x14ac:dyDescent="0.25">
      <c r="A20134" s="1" t="s">
        <v>40646</v>
      </c>
      <c r="B20134" s="1" t="s">
        <v>55455</v>
      </c>
      <c r="C20134" s="1" t="s">
        <v>40647</v>
      </c>
      <c r="D20134" s="2">
        <v>172962</v>
      </c>
      <c r="E20134" s="1" t="s">
        <v>0</v>
      </c>
    </row>
    <row r="20135" spans="1:5" ht="409.5" x14ac:dyDescent="0.25">
      <c r="A20135" s="4" t="s">
        <v>40648</v>
      </c>
      <c r="B20135" s="1" t="s">
        <v>59673</v>
      </c>
      <c r="C20135" s="1" t="s">
        <v>40649</v>
      </c>
      <c r="D20135" s="2">
        <v>172963</v>
      </c>
      <c r="E20135" s="1" t="s">
        <v>0</v>
      </c>
    </row>
    <row r="20136" spans="1:5" x14ac:dyDescent="0.25">
      <c r="A20136" s="1" t="s">
        <v>40650</v>
      </c>
      <c r="B20136" s="1" t="s">
        <v>10812</v>
      </c>
      <c r="C20136" s="1" t="s">
        <v>40651</v>
      </c>
      <c r="D20136" s="2">
        <v>172964</v>
      </c>
      <c r="E20136" s="1" t="s">
        <v>0</v>
      </c>
    </row>
    <row r="20137" spans="1:5" x14ac:dyDescent="0.25">
      <c r="A20137" s="2">
        <v>4027</v>
      </c>
      <c r="B20137" s="2">
        <v>4027</v>
      </c>
      <c r="C20137" s="1" t="s">
        <v>0</v>
      </c>
      <c r="D20137" s="2">
        <v>172965</v>
      </c>
      <c r="E20137" s="1" t="s">
        <v>0</v>
      </c>
    </row>
    <row r="20138" spans="1:5" x14ac:dyDescent="0.25">
      <c r="A20138" s="1" t="s">
        <v>13255</v>
      </c>
      <c r="B20138" s="1" t="s">
        <v>13256</v>
      </c>
      <c r="C20138" s="1" t="s">
        <v>40652</v>
      </c>
      <c r="D20138" s="2">
        <v>172966</v>
      </c>
      <c r="E20138" s="1" t="s">
        <v>0</v>
      </c>
    </row>
    <row r="20139" spans="1:5" x14ac:dyDescent="0.25">
      <c r="A20139" s="1" t="s">
        <v>61866</v>
      </c>
      <c r="B20139" s="1" t="s">
        <v>58533</v>
      </c>
      <c r="C20139" s="1" t="s">
        <v>40653</v>
      </c>
      <c r="D20139" s="2">
        <v>172967</v>
      </c>
      <c r="E20139" s="1" t="s">
        <v>0</v>
      </c>
    </row>
    <row r="20140" spans="1:5" ht="409.5" x14ac:dyDescent="0.25">
      <c r="A20140" s="4" t="s">
        <v>61867</v>
      </c>
      <c r="B20140" s="1" t="s">
        <v>58534</v>
      </c>
      <c r="C20140" s="1" t="s">
        <v>40654</v>
      </c>
      <c r="D20140" s="2">
        <v>172968</v>
      </c>
      <c r="E20140" s="1" t="s">
        <v>0</v>
      </c>
    </row>
    <row r="20141" spans="1:5" x14ac:dyDescent="0.25">
      <c r="A20141" s="1" t="s">
        <v>40655</v>
      </c>
      <c r="B20141" s="1" t="s">
        <v>57317</v>
      </c>
      <c r="C20141" s="1" t="s">
        <v>40656</v>
      </c>
      <c r="D20141" s="2">
        <v>172969</v>
      </c>
      <c r="E20141" s="1" t="s">
        <v>0</v>
      </c>
    </row>
    <row r="20142" spans="1:5" x14ac:dyDescent="0.25">
      <c r="A20142" s="2">
        <v>4028</v>
      </c>
      <c r="B20142" s="2">
        <v>4028</v>
      </c>
      <c r="C20142" s="1" t="s">
        <v>0</v>
      </c>
      <c r="D20142" s="2">
        <v>172970</v>
      </c>
      <c r="E20142" s="1" t="s">
        <v>0</v>
      </c>
    </row>
    <row r="20143" spans="1:5" x14ac:dyDescent="0.25">
      <c r="A20143" s="1" t="s">
        <v>3658</v>
      </c>
      <c r="B20143" s="1" t="s">
        <v>10813</v>
      </c>
      <c r="C20143" s="1" t="s">
        <v>40657</v>
      </c>
      <c r="D20143" s="2">
        <v>172971</v>
      </c>
      <c r="E20143" s="1" t="s">
        <v>0</v>
      </c>
    </row>
    <row r="20144" spans="1:5" x14ac:dyDescent="0.25">
      <c r="A20144" s="1" t="s">
        <v>61868</v>
      </c>
      <c r="B20144" s="1" t="s">
        <v>10814</v>
      </c>
      <c r="C20144" s="1" t="s">
        <v>40658</v>
      </c>
      <c r="D20144" s="2">
        <v>172972</v>
      </c>
      <c r="E20144" s="1" t="s">
        <v>0</v>
      </c>
    </row>
    <row r="20145" spans="1:5" ht="409.5" x14ac:dyDescent="0.25">
      <c r="A20145" s="4" t="s">
        <v>61869</v>
      </c>
      <c r="B20145" s="1" t="s">
        <v>62836</v>
      </c>
      <c r="C20145" s="1" t="s">
        <v>40659</v>
      </c>
      <c r="D20145" s="2">
        <v>172973</v>
      </c>
      <c r="E20145" s="1" t="s">
        <v>0</v>
      </c>
    </row>
    <row r="20146" spans="1:5" x14ac:dyDescent="0.25">
      <c r="A20146" s="1" t="s">
        <v>14855</v>
      </c>
      <c r="B20146" s="1" t="s">
        <v>60879</v>
      </c>
      <c r="C20146" s="1" t="s">
        <v>14856</v>
      </c>
      <c r="D20146" s="2">
        <v>172974</v>
      </c>
      <c r="E20146" s="1" t="s">
        <v>0</v>
      </c>
    </row>
    <row r="20147" spans="1:5" x14ac:dyDescent="0.25">
      <c r="A20147" s="2">
        <v>4029</v>
      </c>
      <c r="B20147" s="2">
        <v>4029</v>
      </c>
      <c r="C20147" s="1" t="s">
        <v>0</v>
      </c>
      <c r="D20147" s="2">
        <v>172975</v>
      </c>
      <c r="E20147" s="1" t="s">
        <v>0</v>
      </c>
    </row>
    <row r="20148" spans="1:5" x14ac:dyDescent="0.25">
      <c r="A20148" s="1" t="s">
        <v>3659</v>
      </c>
      <c r="B20148" s="1" t="s">
        <v>10815</v>
      </c>
      <c r="C20148" s="1" t="s">
        <v>40660</v>
      </c>
      <c r="D20148" s="2">
        <v>172976</v>
      </c>
      <c r="E20148" s="1" t="s">
        <v>0</v>
      </c>
    </row>
    <row r="20149" spans="1:5" x14ac:dyDescent="0.25">
      <c r="A20149" s="1" t="s">
        <v>64316</v>
      </c>
      <c r="B20149" s="1" t="s">
        <v>55456</v>
      </c>
      <c r="C20149" s="1" t="s">
        <v>40661</v>
      </c>
      <c r="D20149" s="2">
        <v>172977</v>
      </c>
      <c r="E20149" s="1" t="s">
        <v>0</v>
      </c>
    </row>
    <row r="20150" spans="1:5" ht="409.5" x14ac:dyDescent="0.25">
      <c r="A20150" s="4" t="s">
        <v>64317</v>
      </c>
      <c r="B20150" s="1" t="s">
        <v>55457</v>
      </c>
      <c r="C20150" s="1" t="s">
        <v>40662</v>
      </c>
      <c r="D20150" s="2">
        <v>172978</v>
      </c>
      <c r="E20150" s="1" t="s">
        <v>0</v>
      </c>
    </row>
    <row r="20151" spans="1:5" x14ac:dyDescent="0.25">
      <c r="A20151" s="1" t="s">
        <v>40663</v>
      </c>
      <c r="B20151" s="1" t="s">
        <v>55458</v>
      </c>
      <c r="C20151" s="1" t="s">
        <v>40664</v>
      </c>
      <c r="D20151" s="2">
        <v>172979</v>
      </c>
      <c r="E20151" s="1" t="s">
        <v>0</v>
      </c>
    </row>
    <row r="20152" spans="1:5" x14ac:dyDescent="0.25">
      <c r="A20152" s="2">
        <v>4030</v>
      </c>
      <c r="B20152" s="2">
        <v>4030</v>
      </c>
      <c r="C20152" s="1" t="s">
        <v>0</v>
      </c>
      <c r="D20152" s="2">
        <v>172980</v>
      </c>
      <c r="E20152" s="1" t="s">
        <v>0</v>
      </c>
    </row>
    <row r="20153" spans="1:5" x14ac:dyDescent="0.25">
      <c r="A20153" s="1" t="s">
        <v>3660</v>
      </c>
      <c r="B20153" s="1" t="s">
        <v>10816</v>
      </c>
      <c r="C20153" s="1" t="s">
        <v>40665</v>
      </c>
      <c r="D20153" s="2">
        <v>172981</v>
      </c>
      <c r="E20153" s="1" t="s">
        <v>0</v>
      </c>
    </row>
    <row r="20154" spans="1:5" x14ac:dyDescent="0.25">
      <c r="A20154" s="1" t="s">
        <v>40666</v>
      </c>
      <c r="B20154" s="1" t="s">
        <v>55459</v>
      </c>
      <c r="C20154" s="1" t="s">
        <v>40667</v>
      </c>
      <c r="D20154" s="2">
        <v>172982</v>
      </c>
      <c r="E20154" s="1" t="s">
        <v>0</v>
      </c>
    </row>
    <row r="20155" spans="1:5" ht="409.5" x14ac:dyDescent="0.25">
      <c r="A20155" s="4" t="s">
        <v>40668</v>
      </c>
      <c r="B20155" s="1" t="s">
        <v>62837</v>
      </c>
      <c r="C20155" s="1" t="s">
        <v>40669</v>
      </c>
      <c r="D20155" s="2">
        <v>172983</v>
      </c>
      <c r="E20155" s="1" t="s">
        <v>0</v>
      </c>
    </row>
    <row r="20156" spans="1:5" x14ac:dyDescent="0.25">
      <c r="A20156" s="1" t="s">
        <v>40670</v>
      </c>
      <c r="B20156" s="1" t="s">
        <v>10817</v>
      </c>
      <c r="C20156" s="1" t="s">
        <v>40671</v>
      </c>
      <c r="D20156" s="2">
        <v>172984</v>
      </c>
      <c r="E20156" s="1" t="s">
        <v>0</v>
      </c>
    </row>
    <row r="20157" spans="1:5" x14ac:dyDescent="0.25">
      <c r="A20157" s="2">
        <v>4031</v>
      </c>
      <c r="B20157" s="2">
        <v>4031</v>
      </c>
      <c r="C20157" s="1" t="s">
        <v>0</v>
      </c>
      <c r="D20157" s="2">
        <v>172985</v>
      </c>
      <c r="E20157" s="1" t="s">
        <v>0</v>
      </c>
    </row>
    <row r="20158" spans="1:5" x14ac:dyDescent="0.25">
      <c r="A20158" s="1" t="s">
        <v>3661</v>
      </c>
      <c r="B20158" s="1" t="s">
        <v>10818</v>
      </c>
      <c r="C20158" s="1" t="s">
        <v>40672</v>
      </c>
      <c r="D20158" s="2">
        <v>172986</v>
      </c>
      <c r="E20158" s="1" t="s">
        <v>0</v>
      </c>
    </row>
    <row r="20159" spans="1:5" x14ac:dyDescent="0.25">
      <c r="A20159" s="1" t="s">
        <v>40673</v>
      </c>
      <c r="B20159" s="1" t="s">
        <v>10819</v>
      </c>
      <c r="C20159" s="1" t="s">
        <v>40674</v>
      </c>
      <c r="D20159" s="2">
        <v>172987</v>
      </c>
      <c r="E20159" s="1" t="s">
        <v>0</v>
      </c>
    </row>
    <row r="20160" spans="1:5" ht="409.5" x14ac:dyDescent="0.25">
      <c r="A20160" s="4" t="s">
        <v>40675</v>
      </c>
      <c r="B20160" s="1" t="s">
        <v>61301</v>
      </c>
      <c r="C20160" s="1" t="s">
        <v>40676</v>
      </c>
      <c r="D20160" s="2">
        <v>172988</v>
      </c>
      <c r="E20160" s="1" t="s">
        <v>0</v>
      </c>
    </row>
    <row r="20161" spans="1:5" x14ac:dyDescent="0.25">
      <c r="A20161" s="1" t="s">
        <v>40677</v>
      </c>
      <c r="B20161" s="1" t="s">
        <v>61302</v>
      </c>
      <c r="C20161" s="1" t="s">
        <v>27284</v>
      </c>
      <c r="D20161" s="2">
        <v>172989</v>
      </c>
      <c r="E20161" s="1" t="s">
        <v>0</v>
      </c>
    </row>
    <row r="20162" spans="1:5" x14ac:dyDescent="0.25">
      <c r="A20162" s="2">
        <v>4032</v>
      </c>
      <c r="B20162" s="2">
        <v>4032</v>
      </c>
      <c r="C20162" s="1" t="s">
        <v>0</v>
      </c>
      <c r="D20162" s="2">
        <v>172990</v>
      </c>
      <c r="E20162" s="1" t="s">
        <v>0</v>
      </c>
    </row>
    <row r="20163" spans="1:5" x14ac:dyDescent="0.25">
      <c r="A20163" s="1" t="s">
        <v>3662</v>
      </c>
      <c r="B20163" s="1" t="s">
        <v>10820</v>
      </c>
      <c r="C20163" s="1" t="s">
        <v>40678</v>
      </c>
      <c r="D20163" s="2">
        <v>172991</v>
      </c>
      <c r="E20163" s="1" t="s">
        <v>0</v>
      </c>
    </row>
    <row r="20164" spans="1:5" x14ac:dyDescent="0.25">
      <c r="A20164" s="1" t="s">
        <v>40679</v>
      </c>
      <c r="B20164" s="1" t="s">
        <v>55460</v>
      </c>
      <c r="C20164" s="1" t="s">
        <v>40680</v>
      </c>
      <c r="D20164" s="2">
        <v>172992</v>
      </c>
      <c r="E20164" s="1" t="s">
        <v>0</v>
      </c>
    </row>
    <row r="20165" spans="1:5" ht="409.5" x14ac:dyDescent="0.25">
      <c r="A20165" s="4" t="s">
        <v>40681</v>
      </c>
      <c r="B20165" s="1" t="s">
        <v>55461</v>
      </c>
      <c r="C20165" s="1" t="s">
        <v>40682</v>
      </c>
      <c r="D20165" s="2">
        <v>172993</v>
      </c>
      <c r="E20165" s="1" t="s">
        <v>0</v>
      </c>
    </row>
    <row r="20166" spans="1:5" x14ac:dyDescent="0.25">
      <c r="A20166" s="1" t="s">
        <v>40683</v>
      </c>
      <c r="B20166" s="1" t="s">
        <v>50959</v>
      </c>
      <c r="C20166" s="1" t="s">
        <v>40684</v>
      </c>
      <c r="D20166" s="2">
        <v>172994</v>
      </c>
      <c r="E20166" s="1" t="s">
        <v>0</v>
      </c>
    </row>
    <row r="20167" spans="1:5" x14ac:dyDescent="0.25">
      <c r="A20167" s="2">
        <v>4033</v>
      </c>
      <c r="B20167" s="2">
        <v>4033</v>
      </c>
      <c r="C20167" s="1" t="s">
        <v>0</v>
      </c>
      <c r="D20167" s="2">
        <v>172995</v>
      </c>
      <c r="E20167" s="1" t="s">
        <v>0</v>
      </c>
    </row>
    <row r="20168" spans="1:5" x14ac:dyDescent="0.25">
      <c r="A20168" s="1" t="s">
        <v>3663</v>
      </c>
      <c r="B20168" s="1" t="s">
        <v>10821</v>
      </c>
      <c r="C20168" s="1" t="s">
        <v>40685</v>
      </c>
      <c r="D20168" s="2">
        <v>172996</v>
      </c>
      <c r="E20168" s="1" t="s">
        <v>0</v>
      </c>
    </row>
    <row r="20169" spans="1:5" x14ac:dyDescent="0.25">
      <c r="A20169" s="1" t="s">
        <v>40686</v>
      </c>
      <c r="B20169" s="1" t="s">
        <v>10822</v>
      </c>
      <c r="C20169" s="1" t="s">
        <v>40687</v>
      </c>
      <c r="D20169" s="2">
        <v>172997</v>
      </c>
      <c r="E20169" s="1" t="s">
        <v>0</v>
      </c>
    </row>
    <row r="20170" spans="1:5" ht="409.5" x14ac:dyDescent="0.25">
      <c r="A20170" s="4" t="s">
        <v>40688</v>
      </c>
      <c r="B20170" s="1" t="s">
        <v>10823</v>
      </c>
      <c r="C20170" s="1" t="s">
        <v>40689</v>
      </c>
      <c r="D20170" s="2">
        <v>172998</v>
      </c>
      <c r="E20170" s="1" t="s">
        <v>0</v>
      </c>
    </row>
    <row r="20171" spans="1:5" x14ac:dyDescent="0.25">
      <c r="A20171" s="1" t="s">
        <v>40690</v>
      </c>
      <c r="B20171" s="1" t="s">
        <v>55462</v>
      </c>
      <c r="C20171" s="1" t="s">
        <v>40691</v>
      </c>
      <c r="D20171" s="2">
        <v>172999</v>
      </c>
      <c r="E20171" s="1" t="s">
        <v>0</v>
      </c>
    </row>
    <row r="20172" spans="1:5" x14ac:dyDescent="0.25">
      <c r="A20172" s="2">
        <v>4034</v>
      </c>
      <c r="B20172" s="2">
        <v>4034</v>
      </c>
      <c r="C20172" s="1" t="s">
        <v>0</v>
      </c>
      <c r="D20172" s="2">
        <v>173000</v>
      </c>
      <c r="E20172" s="1" t="s">
        <v>0</v>
      </c>
    </row>
    <row r="20173" spans="1:5" x14ac:dyDescent="0.25">
      <c r="A20173" s="1" t="s">
        <v>3664</v>
      </c>
      <c r="B20173" s="1" t="s">
        <v>10824</v>
      </c>
      <c r="C20173" s="1" t="s">
        <v>40692</v>
      </c>
      <c r="D20173" s="2">
        <v>173001</v>
      </c>
      <c r="E20173" s="1" t="s">
        <v>0</v>
      </c>
    </row>
    <row r="20174" spans="1:5" x14ac:dyDescent="0.25">
      <c r="A20174" s="1" t="s">
        <v>40693</v>
      </c>
      <c r="B20174" s="1" t="s">
        <v>55463</v>
      </c>
      <c r="C20174" s="1" t="s">
        <v>40694</v>
      </c>
      <c r="D20174" s="2">
        <v>173002</v>
      </c>
      <c r="E20174" s="1" t="s">
        <v>0</v>
      </c>
    </row>
    <row r="20175" spans="1:5" ht="409.5" x14ac:dyDescent="0.25">
      <c r="A20175" s="4" t="s">
        <v>40695</v>
      </c>
      <c r="B20175" s="1" t="s">
        <v>55464</v>
      </c>
      <c r="C20175" s="1" t="s">
        <v>40696</v>
      </c>
      <c r="D20175" s="2">
        <v>173003</v>
      </c>
      <c r="E20175" s="1" t="s">
        <v>0</v>
      </c>
    </row>
    <row r="20176" spans="1:5" x14ac:dyDescent="0.25">
      <c r="A20176" s="1" t="s">
        <v>40697</v>
      </c>
      <c r="B20176" s="1" t="s">
        <v>55465</v>
      </c>
      <c r="C20176" s="1" t="s">
        <v>40698</v>
      </c>
      <c r="D20176" s="2">
        <v>173004</v>
      </c>
      <c r="E20176" s="1" t="s">
        <v>0</v>
      </c>
    </row>
    <row r="20177" spans="1:5" x14ac:dyDescent="0.25">
      <c r="A20177" s="2">
        <v>4035</v>
      </c>
      <c r="B20177" s="2">
        <v>4035</v>
      </c>
      <c r="C20177" s="1" t="s">
        <v>0</v>
      </c>
      <c r="D20177" s="2">
        <v>173005</v>
      </c>
      <c r="E20177" s="1" t="s">
        <v>0</v>
      </c>
    </row>
    <row r="20178" spans="1:5" x14ac:dyDescent="0.25">
      <c r="A20178" s="1" t="s">
        <v>3665</v>
      </c>
      <c r="B20178" s="1" t="s">
        <v>50960</v>
      </c>
      <c r="C20178" s="1" t="s">
        <v>40699</v>
      </c>
      <c r="D20178" s="2">
        <v>173006</v>
      </c>
      <c r="E20178" s="1" t="s">
        <v>0</v>
      </c>
    </row>
    <row r="20179" spans="1:5" x14ac:dyDescent="0.25">
      <c r="A20179" s="1" t="s">
        <v>40700</v>
      </c>
      <c r="B20179" s="1" t="s">
        <v>55466</v>
      </c>
      <c r="C20179" s="1" t="s">
        <v>40701</v>
      </c>
      <c r="D20179" s="2">
        <v>173007</v>
      </c>
      <c r="E20179" s="1" t="s">
        <v>0</v>
      </c>
    </row>
    <row r="20180" spans="1:5" ht="409.5" x14ac:dyDescent="0.25">
      <c r="A20180" s="4" t="s">
        <v>40702</v>
      </c>
      <c r="B20180" s="1" t="s">
        <v>55467</v>
      </c>
      <c r="C20180" s="1" t="s">
        <v>40703</v>
      </c>
      <c r="D20180" s="2">
        <v>173008</v>
      </c>
      <c r="E20180" s="1" t="s">
        <v>0</v>
      </c>
    </row>
    <row r="20181" spans="1:5" x14ac:dyDescent="0.25">
      <c r="A20181" s="1" t="s">
        <v>40704</v>
      </c>
      <c r="B20181" s="1" t="s">
        <v>10825</v>
      </c>
      <c r="C20181" s="1" t="s">
        <v>40705</v>
      </c>
      <c r="D20181" s="2">
        <v>173009</v>
      </c>
      <c r="E20181" s="1" t="s">
        <v>0</v>
      </c>
    </row>
    <row r="20182" spans="1:5" x14ac:dyDescent="0.25">
      <c r="A20182" s="2">
        <v>4036</v>
      </c>
      <c r="B20182" s="2">
        <v>4036</v>
      </c>
      <c r="C20182" s="1" t="s">
        <v>0</v>
      </c>
      <c r="D20182" s="2">
        <v>173010</v>
      </c>
      <c r="E20182" s="1" t="s">
        <v>0</v>
      </c>
    </row>
    <row r="20183" spans="1:5" x14ac:dyDescent="0.25">
      <c r="A20183" s="1" t="s">
        <v>3666</v>
      </c>
      <c r="B20183" s="1" t="s">
        <v>10826</v>
      </c>
      <c r="C20183" s="1" t="s">
        <v>40706</v>
      </c>
      <c r="D20183" s="2">
        <v>173011</v>
      </c>
      <c r="E20183" s="1" t="s">
        <v>0</v>
      </c>
    </row>
    <row r="20184" spans="1:5" x14ac:dyDescent="0.25">
      <c r="A20184" s="1" t="s">
        <v>40707</v>
      </c>
      <c r="B20184" s="1" t="s">
        <v>57966</v>
      </c>
      <c r="C20184" s="1" t="s">
        <v>40708</v>
      </c>
      <c r="D20184" s="2">
        <v>173012</v>
      </c>
      <c r="E20184" s="1" t="s">
        <v>0</v>
      </c>
    </row>
    <row r="20185" spans="1:5" ht="409.5" x14ac:dyDescent="0.25">
      <c r="A20185" s="4" t="s">
        <v>40709</v>
      </c>
      <c r="B20185" s="1" t="s">
        <v>57967</v>
      </c>
      <c r="C20185" s="1" t="s">
        <v>40710</v>
      </c>
      <c r="D20185" s="2">
        <v>173013</v>
      </c>
      <c r="E20185" s="1" t="s">
        <v>0</v>
      </c>
    </row>
    <row r="20186" spans="1:5" x14ac:dyDescent="0.25">
      <c r="A20186" s="1" t="s">
        <v>40711</v>
      </c>
      <c r="B20186" s="1" t="s">
        <v>57968</v>
      </c>
      <c r="C20186" s="1" t="s">
        <v>40712</v>
      </c>
      <c r="D20186" s="2">
        <v>173014</v>
      </c>
      <c r="E20186" s="1" t="s">
        <v>0</v>
      </c>
    </row>
    <row r="20187" spans="1:5" x14ac:dyDescent="0.25">
      <c r="A20187" s="2">
        <v>4037</v>
      </c>
      <c r="B20187" s="2">
        <v>4037</v>
      </c>
      <c r="C20187" s="1" t="s">
        <v>0</v>
      </c>
      <c r="D20187" s="2">
        <v>173015</v>
      </c>
      <c r="E20187" s="1" t="s">
        <v>0</v>
      </c>
    </row>
    <row r="20188" spans="1:5" x14ac:dyDescent="0.25">
      <c r="A20188" s="1" t="s">
        <v>3667</v>
      </c>
      <c r="B20188" s="1" t="s">
        <v>10827</v>
      </c>
      <c r="C20188" s="1" t="s">
        <v>40713</v>
      </c>
      <c r="D20188" s="2">
        <v>173016</v>
      </c>
      <c r="E20188" s="1" t="s">
        <v>0</v>
      </c>
    </row>
    <row r="20189" spans="1:5" x14ac:dyDescent="0.25">
      <c r="A20189" s="1" t="s">
        <v>40714</v>
      </c>
      <c r="B20189" s="1" t="s">
        <v>50961</v>
      </c>
      <c r="C20189" s="1" t="s">
        <v>40715</v>
      </c>
      <c r="D20189" s="2">
        <v>173017</v>
      </c>
      <c r="E20189" s="1" t="s">
        <v>0</v>
      </c>
    </row>
    <row r="20190" spans="1:5" ht="409.5" x14ac:dyDescent="0.25">
      <c r="A20190" s="4" t="s">
        <v>40716</v>
      </c>
      <c r="B20190" s="1" t="s">
        <v>55468</v>
      </c>
      <c r="C20190" s="1" t="s">
        <v>40717</v>
      </c>
      <c r="D20190" s="2">
        <v>173018</v>
      </c>
      <c r="E20190" s="1" t="s">
        <v>0</v>
      </c>
    </row>
    <row r="20191" spans="1:5" x14ac:dyDescent="0.25">
      <c r="A20191" s="1" t="s">
        <v>40718</v>
      </c>
      <c r="B20191" s="1" t="s">
        <v>10828</v>
      </c>
      <c r="C20191" s="1" t="s">
        <v>40719</v>
      </c>
      <c r="D20191" s="2">
        <v>173019</v>
      </c>
      <c r="E20191" s="1" t="s">
        <v>0</v>
      </c>
    </row>
    <row r="20192" spans="1:5" x14ac:dyDescent="0.25">
      <c r="A20192" s="2">
        <v>4038</v>
      </c>
      <c r="B20192" s="2">
        <v>4038</v>
      </c>
      <c r="C20192" s="1" t="s">
        <v>0</v>
      </c>
      <c r="D20192" s="2">
        <v>173020</v>
      </c>
      <c r="E20192" s="1" t="s">
        <v>0</v>
      </c>
    </row>
    <row r="20193" spans="1:5" x14ac:dyDescent="0.25">
      <c r="A20193" s="1" t="s">
        <v>3668</v>
      </c>
      <c r="B20193" s="1" t="s">
        <v>10829</v>
      </c>
      <c r="C20193" s="1" t="s">
        <v>40720</v>
      </c>
      <c r="D20193" s="2">
        <v>173021</v>
      </c>
      <c r="E20193" s="1" t="s">
        <v>0</v>
      </c>
    </row>
    <row r="20194" spans="1:5" x14ac:dyDescent="0.25">
      <c r="A20194" s="1" t="s">
        <v>40721</v>
      </c>
      <c r="B20194" s="1" t="s">
        <v>62838</v>
      </c>
      <c r="C20194" s="1" t="s">
        <v>40722</v>
      </c>
      <c r="D20194" s="2">
        <v>173022</v>
      </c>
      <c r="E20194" s="1" t="s">
        <v>0</v>
      </c>
    </row>
    <row r="20195" spans="1:5" ht="409.5" x14ac:dyDescent="0.25">
      <c r="A20195" s="4" t="s">
        <v>40723</v>
      </c>
      <c r="B20195" s="1" t="s">
        <v>62839</v>
      </c>
      <c r="C20195" s="1" t="s">
        <v>40724</v>
      </c>
      <c r="D20195" s="2">
        <v>173023</v>
      </c>
      <c r="E20195" s="1" t="s">
        <v>0</v>
      </c>
    </row>
    <row r="20196" spans="1:5" x14ac:dyDescent="0.25">
      <c r="A20196" s="1" t="s">
        <v>14855</v>
      </c>
      <c r="B20196" s="1" t="s">
        <v>60879</v>
      </c>
      <c r="C20196" s="1" t="s">
        <v>14856</v>
      </c>
      <c r="D20196" s="2">
        <v>173024</v>
      </c>
      <c r="E20196" s="1" t="s">
        <v>0</v>
      </c>
    </row>
    <row r="20197" spans="1:5" x14ac:dyDescent="0.25">
      <c r="A20197" s="2">
        <v>4039</v>
      </c>
      <c r="B20197" s="2">
        <v>4039</v>
      </c>
      <c r="C20197" s="1" t="s">
        <v>0</v>
      </c>
      <c r="D20197" s="2">
        <v>173025</v>
      </c>
      <c r="E20197" s="1" t="s">
        <v>0</v>
      </c>
    </row>
    <row r="20198" spans="1:5" x14ac:dyDescent="0.25">
      <c r="A20198" s="1" t="s">
        <v>3669</v>
      </c>
      <c r="B20198" s="1" t="s">
        <v>10830</v>
      </c>
      <c r="C20198" s="1" t="s">
        <v>40725</v>
      </c>
      <c r="D20198" s="2">
        <v>173026</v>
      </c>
      <c r="E20198" s="1" t="s">
        <v>0</v>
      </c>
    </row>
    <row r="20199" spans="1:5" x14ac:dyDescent="0.25">
      <c r="A20199" s="1" t="s">
        <v>40726</v>
      </c>
      <c r="B20199" s="1" t="s">
        <v>60205</v>
      </c>
      <c r="C20199" s="1" t="s">
        <v>40727</v>
      </c>
      <c r="D20199" s="2">
        <v>173027</v>
      </c>
      <c r="E20199" s="1" t="s">
        <v>0</v>
      </c>
    </row>
    <row r="20200" spans="1:5" ht="409.5" x14ac:dyDescent="0.25">
      <c r="A20200" s="4" t="s">
        <v>40728</v>
      </c>
      <c r="B20200" s="1" t="s">
        <v>60206</v>
      </c>
      <c r="C20200" s="1" t="s">
        <v>40729</v>
      </c>
      <c r="D20200" s="2">
        <v>173028</v>
      </c>
      <c r="E20200" s="1" t="s">
        <v>0</v>
      </c>
    </row>
    <row r="20201" spans="1:5" x14ac:dyDescent="0.25">
      <c r="A20201" s="1" t="s">
        <v>40730</v>
      </c>
      <c r="B20201" s="1" t="s">
        <v>55469</v>
      </c>
      <c r="C20201" s="1" t="s">
        <v>40731</v>
      </c>
      <c r="D20201" s="2">
        <v>173029</v>
      </c>
      <c r="E20201" s="1" t="s">
        <v>0</v>
      </c>
    </row>
    <row r="20202" spans="1:5" x14ac:dyDescent="0.25">
      <c r="A20202" s="2">
        <v>4040</v>
      </c>
      <c r="B20202" s="2">
        <v>4040</v>
      </c>
      <c r="C20202" s="1" t="s">
        <v>0</v>
      </c>
      <c r="D20202" s="2">
        <v>173030</v>
      </c>
      <c r="E20202" s="1" t="s">
        <v>0</v>
      </c>
    </row>
    <row r="20203" spans="1:5" x14ac:dyDescent="0.25">
      <c r="A20203" s="1" t="s">
        <v>13257</v>
      </c>
      <c r="B20203" s="1" t="s">
        <v>10831</v>
      </c>
      <c r="C20203" s="1" t="s">
        <v>40732</v>
      </c>
      <c r="D20203" s="2">
        <v>173031</v>
      </c>
      <c r="E20203" s="1" t="s">
        <v>0</v>
      </c>
    </row>
    <row r="20204" spans="1:5" x14ac:dyDescent="0.25">
      <c r="A20204" s="1" t="s">
        <v>40733</v>
      </c>
      <c r="B20204" s="1" t="s">
        <v>62840</v>
      </c>
      <c r="C20204" s="1" t="s">
        <v>40734</v>
      </c>
      <c r="D20204" s="2">
        <v>173032</v>
      </c>
      <c r="E20204" s="1" t="s">
        <v>0</v>
      </c>
    </row>
    <row r="20205" spans="1:5" ht="409.5" x14ac:dyDescent="0.25">
      <c r="A20205" s="4" t="s">
        <v>40735</v>
      </c>
      <c r="B20205" s="1" t="s">
        <v>62841</v>
      </c>
      <c r="C20205" s="1" t="s">
        <v>40736</v>
      </c>
      <c r="D20205" s="2">
        <v>173033</v>
      </c>
      <c r="E20205" s="1" t="s">
        <v>0</v>
      </c>
    </row>
    <row r="20206" spans="1:5" x14ac:dyDescent="0.25">
      <c r="A20206" s="1" t="s">
        <v>40737</v>
      </c>
      <c r="B20206" s="1" t="s">
        <v>55470</v>
      </c>
      <c r="C20206" s="1" t="s">
        <v>40738</v>
      </c>
      <c r="D20206" s="2">
        <v>173034</v>
      </c>
      <c r="E20206" s="1" t="s">
        <v>0</v>
      </c>
    </row>
    <row r="20207" spans="1:5" x14ac:dyDescent="0.25">
      <c r="A20207" s="2">
        <v>4041</v>
      </c>
      <c r="B20207" s="2">
        <v>4041</v>
      </c>
      <c r="C20207" s="1" t="s">
        <v>0</v>
      </c>
      <c r="D20207" s="2">
        <v>173035</v>
      </c>
      <c r="E20207" s="1" t="s">
        <v>0</v>
      </c>
    </row>
    <row r="20208" spans="1:5" x14ac:dyDescent="0.25">
      <c r="A20208" s="1" t="s">
        <v>3670</v>
      </c>
      <c r="B20208" s="1" t="s">
        <v>10832</v>
      </c>
      <c r="C20208" s="1" t="s">
        <v>40739</v>
      </c>
      <c r="D20208" s="2">
        <v>173036</v>
      </c>
      <c r="E20208" s="1" t="s">
        <v>0</v>
      </c>
    </row>
    <row r="20209" spans="1:5" x14ac:dyDescent="0.25">
      <c r="A20209" s="1" t="s">
        <v>40740</v>
      </c>
      <c r="B20209" s="1" t="s">
        <v>55471</v>
      </c>
      <c r="C20209" s="1" t="s">
        <v>40741</v>
      </c>
      <c r="D20209" s="2">
        <v>173037</v>
      </c>
      <c r="E20209" s="1" t="s">
        <v>0</v>
      </c>
    </row>
    <row r="20210" spans="1:5" ht="409.5" x14ac:dyDescent="0.25">
      <c r="A20210" s="4" t="s">
        <v>40742</v>
      </c>
      <c r="B20210" s="1" t="s">
        <v>55472</v>
      </c>
      <c r="C20210" s="1" t="s">
        <v>40743</v>
      </c>
      <c r="D20210" s="2">
        <v>173038</v>
      </c>
      <c r="E20210" s="1" t="s">
        <v>0</v>
      </c>
    </row>
    <row r="20211" spans="1:5" x14ac:dyDescent="0.25">
      <c r="A20211" s="1" t="s">
        <v>40744</v>
      </c>
      <c r="B20211" s="1" t="s">
        <v>10833</v>
      </c>
      <c r="C20211" s="1" t="s">
        <v>40745</v>
      </c>
      <c r="D20211" s="2">
        <v>173039</v>
      </c>
      <c r="E20211" s="1" t="s">
        <v>0</v>
      </c>
    </row>
    <row r="20212" spans="1:5" x14ac:dyDescent="0.25">
      <c r="A20212" s="2">
        <v>4042</v>
      </c>
      <c r="B20212" s="2">
        <v>4042</v>
      </c>
      <c r="C20212" s="1" t="s">
        <v>0</v>
      </c>
      <c r="D20212" s="2">
        <v>173040</v>
      </c>
      <c r="E20212" s="1" t="s">
        <v>0</v>
      </c>
    </row>
    <row r="20213" spans="1:5" x14ac:dyDescent="0.25">
      <c r="A20213" s="1" t="s">
        <v>3671</v>
      </c>
      <c r="B20213" s="1" t="s">
        <v>10834</v>
      </c>
      <c r="C20213" s="1" t="s">
        <v>40746</v>
      </c>
      <c r="D20213" s="2">
        <v>173041</v>
      </c>
      <c r="E20213" s="1" t="s">
        <v>0</v>
      </c>
    </row>
    <row r="20214" spans="1:5" x14ac:dyDescent="0.25">
      <c r="A20214" s="1" t="s">
        <v>40747</v>
      </c>
      <c r="B20214" s="1" t="s">
        <v>60458</v>
      </c>
      <c r="C20214" s="1" t="s">
        <v>40748</v>
      </c>
      <c r="D20214" s="2">
        <v>173042</v>
      </c>
      <c r="E20214" s="1" t="s">
        <v>0</v>
      </c>
    </row>
    <row r="20215" spans="1:5" ht="409.5" x14ac:dyDescent="0.25">
      <c r="A20215" s="4" t="s">
        <v>40749</v>
      </c>
      <c r="B20215" s="1" t="s">
        <v>60459</v>
      </c>
      <c r="C20215" s="1" t="s">
        <v>40750</v>
      </c>
      <c r="D20215" s="2">
        <v>173043</v>
      </c>
      <c r="E20215" s="1" t="s">
        <v>0</v>
      </c>
    </row>
    <row r="20216" spans="1:5" x14ac:dyDescent="0.25">
      <c r="A20216" s="1" t="s">
        <v>40751</v>
      </c>
      <c r="B20216" s="1" t="s">
        <v>10835</v>
      </c>
      <c r="C20216" s="1" t="s">
        <v>40752</v>
      </c>
      <c r="D20216" s="2">
        <v>173044</v>
      </c>
      <c r="E20216" s="1" t="s">
        <v>0</v>
      </c>
    </row>
    <row r="20217" spans="1:5" x14ac:dyDescent="0.25">
      <c r="A20217" s="2">
        <v>4043</v>
      </c>
      <c r="B20217" s="2">
        <v>4043</v>
      </c>
      <c r="C20217" s="1" t="s">
        <v>0</v>
      </c>
      <c r="D20217" s="2">
        <v>173045</v>
      </c>
      <c r="E20217" s="1" t="s">
        <v>0</v>
      </c>
    </row>
    <row r="20218" spans="1:5" x14ac:dyDescent="0.25">
      <c r="A20218" s="1" t="s">
        <v>3672</v>
      </c>
      <c r="B20218" s="1" t="s">
        <v>10836</v>
      </c>
      <c r="C20218" s="1" t="s">
        <v>40753</v>
      </c>
      <c r="D20218" s="2">
        <v>173046</v>
      </c>
      <c r="E20218" s="1" t="s">
        <v>0</v>
      </c>
    </row>
    <row r="20219" spans="1:5" x14ac:dyDescent="0.25">
      <c r="A20219" s="1" t="s">
        <v>61870</v>
      </c>
      <c r="B20219" s="1" t="s">
        <v>58535</v>
      </c>
      <c r="C20219" s="1" t="s">
        <v>61871</v>
      </c>
      <c r="D20219" s="2">
        <v>173047</v>
      </c>
      <c r="E20219" s="1" t="s">
        <v>0</v>
      </c>
    </row>
    <row r="20220" spans="1:5" ht="409.5" x14ac:dyDescent="0.25">
      <c r="A20220" s="4" t="s">
        <v>61872</v>
      </c>
      <c r="B20220" s="1" t="s">
        <v>58536</v>
      </c>
      <c r="C20220" s="1" t="s">
        <v>40754</v>
      </c>
      <c r="D20220" s="2">
        <v>173048</v>
      </c>
      <c r="E20220" s="1" t="s">
        <v>0</v>
      </c>
    </row>
    <row r="20221" spans="1:5" x14ac:dyDescent="0.25">
      <c r="A20221" s="1" t="s">
        <v>40755</v>
      </c>
      <c r="B20221" s="1" t="s">
        <v>10837</v>
      </c>
      <c r="C20221" s="1" t="s">
        <v>40756</v>
      </c>
      <c r="D20221" s="2">
        <v>173049</v>
      </c>
      <c r="E20221" s="1" t="s">
        <v>0</v>
      </c>
    </row>
    <row r="20222" spans="1:5" x14ac:dyDescent="0.25">
      <c r="A20222" s="2">
        <v>4044</v>
      </c>
      <c r="B20222" s="2">
        <v>4044</v>
      </c>
      <c r="C20222" s="1" t="s">
        <v>0</v>
      </c>
      <c r="D20222" s="2">
        <v>173050</v>
      </c>
      <c r="E20222" s="1" t="s">
        <v>0</v>
      </c>
    </row>
    <row r="20223" spans="1:5" x14ac:dyDescent="0.25">
      <c r="A20223" s="1" t="s">
        <v>3673</v>
      </c>
      <c r="B20223" s="1" t="s">
        <v>10838</v>
      </c>
      <c r="C20223" s="1" t="s">
        <v>40757</v>
      </c>
      <c r="D20223" s="2">
        <v>173051</v>
      </c>
      <c r="E20223" s="1" t="s">
        <v>0</v>
      </c>
    </row>
    <row r="20224" spans="1:5" x14ac:dyDescent="0.25">
      <c r="A20224" s="1" t="s">
        <v>40758</v>
      </c>
      <c r="B20224" s="1" t="s">
        <v>55473</v>
      </c>
      <c r="C20224" s="1" t="s">
        <v>40759</v>
      </c>
      <c r="D20224" s="2">
        <v>173052</v>
      </c>
      <c r="E20224" s="1" t="s">
        <v>0</v>
      </c>
    </row>
    <row r="20225" spans="1:5" ht="409.5" x14ac:dyDescent="0.25">
      <c r="A20225" s="4" t="s">
        <v>40760</v>
      </c>
      <c r="B20225" s="1" t="s">
        <v>55474</v>
      </c>
      <c r="C20225" s="1" t="s">
        <v>40761</v>
      </c>
      <c r="D20225" s="2">
        <v>173053</v>
      </c>
      <c r="E20225" s="1" t="s">
        <v>0</v>
      </c>
    </row>
    <row r="20226" spans="1:5" x14ac:dyDescent="0.25">
      <c r="A20226" s="1" t="s">
        <v>40762</v>
      </c>
      <c r="B20226" s="1" t="s">
        <v>55475</v>
      </c>
      <c r="C20226" s="1" t="s">
        <v>40763</v>
      </c>
      <c r="D20226" s="2">
        <v>173054</v>
      </c>
      <c r="E20226" s="1" t="s">
        <v>0</v>
      </c>
    </row>
    <row r="20227" spans="1:5" x14ac:dyDescent="0.25">
      <c r="A20227" s="2">
        <v>4045</v>
      </c>
      <c r="B20227" s="2">
        <v>4045</v>
      </c>
      <c r="C20227" s="1" t="s">
        <v>0</v>
      </c>
      <c r="D20227" s="2">
        <v>173055</v>
      </c>
      <c r="E20227" s="1" t="s">
        <v>0</v>
      </c>
    </row>
    <row r="20228" spans="1:5" x14ac:dyDescent="0.25">
      <c r="A20228" s="1" t="s">
        <v>10839</v>
      </c>
      <c r="B20228" s="1" t="s">
        <v>10840</v>
      </c>
      <c r="C20228" s="1" t="s">
        <v>40764</v>
      </c>
      <c r="D20228" s="2">
        <v>173056</v>
      </c>
      <c r="E20228" s="1" t="s">
        <v>0</v>
      </c>
    </row>
    <row r="20229" spans="1:5" x14ac:dyDescent="0.25">
      <c r="A20229" s="1" t="s">
        <v>40765</v>
      </c>
      <c r="B20229" s="1" t="s">
        <v>58827</v>
      </c>
      <c r="C20229" s="1" t="s">
        <v>40766</v>
      </c>
      <c r="D20229" s="2">
        <v>173057</v>
      </c>
      <c r="E20229" s="1" t="s">
        <v>0</v>
      </c>
    </row>
    <row r="20230" spans="1:5" ht="409.5" x14ac:dyDescent="0.25">
      <c r="A20230" s="4" t="s">
        <v>40767</v>
      </c>
      <c r="B20230" s="1" t="s">
        <v>58828</v>
      </c>
      <c r="C20230" s="1" t="s">
        <v>40768</v>
      </c>
      <c r="D20230" s="2">
        <v>173058</v>
      </c>
      <c r="E20230" s="1" t="s">
        <v>0</v>
      </c>
    </row>
    <row r="20231" spans="1:5" x14ac:dyDescent="0.25">
      <c r="A20231" s="1" t="s">
        <v>40769</v>
      </c>
      <c r="B20231" s="1" t="s">
        <v>10841</v>
      </c>
      <c r="C20231" s="1" t="s">
        <v>40770</v>
      </c>
      <c r="D20231" s="2">
        <v>173059</v>
      </c>
      <c r="E20231" s="1" t="s">
        <v>0</v>
      </c>
    </row>
    <row r="20232" spans="1:5" x14ac:dyDescent="0.25">
      <c r="A20232" s="2">
        <v>4046</v>
      </c>
      <c r="B20232" s="2">
        <v>4046</v>
      </c>
      <c r="C20232" s="1" t="s">
        <v>0</v>
      </c>
      <c r="D20232" s="2">
        <v>173060</v>
      </c>
      <c r="E20232" s="1" t="s">
        <v>0</v>
      </c>
    </row>
    <row r="20233" spans="1:5" x14ac:dyDescent="0.25">
      <c r="A20233" s="1" t="s">
        <v>3674</v>
      </c>
      <c r="B20233" s="1" t="s">
        <v>10842</v>
      </c>
      <c r="C20233" s="1" t="s">
        <v>40771</v>
      </c>
      <c r="D20233" s="2">
        <v>173061</v>
      </c>
      <c r="E20233" s="1" t="s">
        <v>0</v>
      </c>
    </row>
    <row r="20234" spans="1:5" x14ac:dyDescent="0.25">
      <c r="A20234" s="1" t="s">
        <v>40772</v>
      </c>
      <c r="B20234" s="1" t="s">
        <v>61713</v>
      </c>
      <c r="C20234" s="1" t="s">
        <v>40773</v>
      </c>
      <c r="D20234" s="2">
        <v>173062</v>
      </c>
      <c r="E20234" s="1" t="s">
        <v>0</v>
      </c>
    </row>
    <row r="20235" spans="1:5" ht="409.5" x14ac:dyDescent="0.25">
      <c r="A20235" s="4" t="s">
        <v>40774</v>
      </c>
      <c r="B20235" s="1" t="s">
        <v>62842</v>
      </c>
      <c r="C20235" s="1" t="s">
        <v>40775</v>
      </c>
      <c r="D20235" s="2">
        <v>173063</v>
      </c>
      <c r="E20235" s="1" t="s">
        <v>0</v>
      </c>
    </row>
    <row r="20236" spans="1:5" x14ac:dyDescent="0.25">
      <c r="A20236" s="1" t="s">
        <v>40776</v>
      </c>
      <c r="B20236" s="1" t="s">
        <v>61714</v>
      </c>
      <c r="C20236" s="1" t="s">
        <v>40777</v>
      </c>
      <c r="D20236" s="2">
        <v>173064</v>
      </c>
      <c r="E20236" s="1" t="s">
        <v>0</v>
      </c>
    </row>
    <row r="20237" spans="1:5" x14ac:dyDescent="0.25">
      <c r="A20237" s="2">
        <v>4047</v>
      </c>
      <c r="B20237" s="2">
        <v>4047</v>
      </c>
      <c r="C20237" s="1" t="s">
        <v>0</v>
      </c>
      <c r="D20237" s="2">
        <v>173065</v>
      </c>
      <c r="E20237" s="1" t="s">
        <v>0</v>
      </c>
    </row>
    <row r="20238" spans="1:5" x14ac:dyDescent="0.25">
      <c r="A20238" s="1" t="s">
        <v>3675</v>
      </c>
      <c r="B20238" s="1" t="s">
        <v>10843</v>
      </c>
      <c r="C20238" s="1" t="s">
        <v>40778</v>
      </c>
      <c r="D20238" s="2">
        <v>173066</v>
      </c>
      <c r="E20238" s="1" t="s">
        <v>0</v>
      </c>
    </row>
    <row r="20239" spans="1:5" x14ac:dyDescent="0.25">
      <c r="A20239" s="1" t="s">
        <v>40779</v>
      </c>
      <c r="B20239" s="1" t="s">
        <v>55476</v>
      </c>
      <c r="C20239" s="1" t="s">
        <v>40780</v>
      </c>
      <c r="D20239" s="2">
        <v>173067</v>
      </c>
      <c r="E20239" s="1" t="s">
        <v>0</v>
      </c>
    </row>
    <row r="20240" spans="1:5" ht="409.5" x14ac:dyDescent="0.25">
      <c r="A20240" s="4" t="s">
        <v>40781</v>
      </c>
      <c r="B20240" s="1" t="s">
        <v>55477</v>
      </c>
      <c r="C20240" s="1" t="s">
        <v>40782</v>
      </c>
      <c r="D20240" s="2">
        <v>173068</v>
      </c>
      <c r="E20240" s="1" t="s">
        <v>0</v>
      </c>
    </row>
    <row r="20241" spans="1:5" x14ac:dyDescent="0.25">
      <c r="A20241" s="1" t="s">
        <v>40783</v>
      </c>
      <c r="B20241" s="1" t="s">
        <v>55478</v>
      </c>
      <c r="C20241" s="1" t="s">
        <v>40784</v>
      </c>
      <c r="D20241" s="2">
        <v>173069</v>
      </c>
      <c r="E20241" s="1" t="s">
        <v>0</v>
      </c>
    </row>
    <row r="20242" spans="1:5" x14ac:dyDescent="0.25">
      <c r="A20242" s="2">
        <v>4048</v>
      </c>
      <c r="B20242" s="2">
        <v>4048</v>
      </c>
      <c r="C20242" s="1" t="s">
        <v>0</v>
      </c>
      <c r="D20242" s="2">
        <v>173070</v>
      </c>
      <c r="E20242" s="1" t="s">
        <v>0</v>
      </c>
    </row>
    <row r="20243" spans="1:5" x14ac:dyDescent="0.25">
      <c r="A20243" s="1" t="s">
        <v>40785</v>
      </c>
      <c r="B20243" s="1" t="s">
        <v>10844</v>
      </c>
      <c r="C20243" s="1" t="s">
        <v>40786</v>
      </c>
      <c r="D20243" s="2">
        <v>173071</v>
      </c>
      <c r="E20243" s="1" t="s">
        <v>0</v>
      </c>
    </row>
    <row r="20244" spans="1:5" x14ac:dyDescent="0.25">
      <c r="A20244" s="1" t="s">
        <v>40787</v>
      </c>
      <c r="B20244" s="1" t="s">
        <v>50962</v>
      </c>
      <c r="C20244" s="1" t="s">
        <v>40788</v>
      </c>
      <c r="D20244" s="2">
        <v>173072</v>
      </c>
      <c r="E20244" s="1" t="s">
        <v>0</v>
      </c>
    </row>
    <row r="20245" spans="1:5" ht="409.5" x14ac:dyDescent="0.25">
      <c r="A20245" s="4" t="s">
        <v>40789</v>
      </c>
      <c r="B20245" s="1" t="s">
        <v>56848</v>
      </c>
      <c r="C20245" s="1" t="s">
        <v>40790</v>
      </c>
      <c r="D20245" s="2">
        <v>173073</v>
      </c>
      <c r="E20245" s="1" t="s">
        <v>0</v>
      </c>
    </row>
    <row r="20246" spans="1:5" x14ac:dyDescent="0.25">
      <c r="A20246" s="1" t="s">
        <v>40791</v>
      </c>
      <c r="B20246" s="1" t="s">
        <v>10845</v>
      </c>
      <c r="C20246" s="1" t="s">
        <v>40792</v>
      </c>
      <c r="D20246" s="2">
        <v>173074</v>
      </c>
      <c r="E20246" s="1" t="s">
        <v>0</v>
      </c>
    </row>
    <row r="20247" spans="1:5" x14ac:dyDescent="0.25">
      <c r="A20247" s="2">
        <v>4049</v>
      </c>
      <c r="B20247" s="2">
        <v>4049</v>
      </c>
      <c r="C20247" s="1" t="s">
        <v>0</v>
      </c>
      <c r="D20247" s="2">
        <v>173075</v>
      </c>
      <c r="E20247" s="1" t="s">
        <v>0</v>
      </c>
    </row>
    <row r="20248" spans="1:5" x14ac:dyDescent="0.25">
      <c r="A20248" s="1" t="s">
        <v>3676</v>
      </c>
      <c r="B20248" s="1" t="s">
        <v>10846</v>
      </c>
      <c r="C20248" s="1" t="s">
        <v>40793</v>
      </c>
      <c r="D20248" s="2">
        <v>173076</v>
      </c>
      <c r="E20248" s="1" t="s">
        <v>0</v>
      </c>
    </row>
    <row r="20249" spans="1:5" x14ac:dyDescent="0.25">
      <c r="A20249" s="1" t="s">
        <v>40794</v>
      </c>
      <c r="B20249" s="1" t="s">
        <v>55479</v>
      </c>
      <c r="C20249" s="1" t="s">
        <v>40795</v>
      </c>
      <c r="D20249" s="2">
        <v>173077</v>
      </c>
      <c r="E20249" s="1" t="s">
        <v>0</v>
      </c>
    </row>
    <row r="20250" spans="1:5" ht="409.5" x14ac:dyDescent="0.25">
      <c r="A20250" s="4" t="s">
        <v>40796</v>
      </c>
      <c r="B20250" s="1" t="s">
        <v>61303</v>
      </c>
      <c r="C20250" s="1" t="s">
        <v>40797</v>
      </c>
      <c r="D20250" s="2">
        <v>173078</v>
      </c>
      <c r="E20250" s="1" t="s">
        <v>0</v>
      </c>
    </row>
    <row r="20251" spans="1:5" x14ac:dyDescent="0.25">
      <c r="A20251" s="1" t="s">
        <v>40798</v>
      </c>
      <c r="B20251" s="1" t="s">
        <v>55480</v>
      </c>
      <c r="C20251" s="1" t="s">
        <v>40799</v>
      </c>
      <c r="D20251" s="2">
        <v>173079</v>
      </c>
      <c r="E20251" s="1" t="s">
        <v>0</v>
      </c>
    </row>
    <row r="20252" spans="1:5" x14ac:dyDescent="0.25">
      <c r="A20252" s="2">
        <v>4050</v>
      </c>
      <c r="B20252" s="2">
        <v>4050</v>
      </c>
      <c r="C20252" s="1" t="s">
        <v>0</v>
      </c>
      <c r="D20252" s="2">
        <v>173080</v>
      </c>
      <c r="E20252" s="1" t="s">
        <v>0</v>
      </c>
    </row>
    <row r="20253" spans="1:5" x14ac:dyDescent="0.25">
      <c r="A20253" s="1" t="s">
        <v>3677</v>
      </c>
      <c r="B20253" s="1" t="s">
        <v>10847</v>
      </c>
      <c r="C20253" s="1" t="s">
        <v>40800</v>
      </c>
      <c r="D20253" s="2">
        <v>173081</v>
      </c>
      <c r="E20253" s="1" t="s">
        <v>0</v>
      </c>
    </row>
    <row r="20254" spans="1:5" x14ac:dyDescent="0.25">
      <c r="A20254" s="1" t="s">
        <v>40801</v>
      </c>
      <c r="B20254" s="1" t="s">
        <v>10848</v>
      </c>
      <c r="C20254" s="1" t="s">
        <v>40802</v>
      </c>
      <c r="D20254" s="2">
        <v>173082</v>
      </c>
      <c r="E20254" s="1" t="s">
        <v>0</v>
      </c>
    </row>
    <row r="20255" spans="1:5" ht="409.5" x14ac:dyDescent="0.25">
      <c r="A20255" s="4" t="s">
        <v>40803</v>
      </c>
      <c r="B20255" s="1" t="s">
        <v>60460</v>
      </c>
      <c r="C20255" s="1" t="s">
        <v>40804</v>
      </c>
      <c r="D20255" s="2">
        <v>173083</v>
      </c>
      <c r="E20255" s="1" t="s">
        <v>0</v>
      </c>
    </row>
    <row r="20256" spans="1:5" x14ac:dyDescent="0.25">
      <c r="A20256" s="1" t="s">
        <v>40805</v>
      </c>
      <c r="B20256" s="1" t="s">
        <v>10849</v>
      </c>
      <c r="C20256" s="1" t="s">
        <v>40806</v>
      </c>
      <c r="D20256" s="2">
        <v>173084</v>
      </c>
      <c r="E20256" s="1" t="s">
        <v>0</v>
      </c>
    </row>
    <row r="20257" spans="1:5" x14ac:dyDescent="0.25">
      <c r="A20257" s="2">
        <v>4051</v>
      </c>
      <c r="B20257" s="2">
        <v>4051</v>
      </c>
      <c r="C20257" s="1" t="s">
        <v>0</v>
      </c>
      <c r="D20257" s="2">
        <v>173085</v>
      </c>
      <c r="E20257" s="1" t="s">
        <v>0</v>
      </c>
    </row>
    <row r="20258" spans="1:5" x14ac:dyDescent="0.25">
      <c r="A20258" s="1" t="s">
        <v>3678</v>
      </c>
      <c r="B20258" s="1" t="s">
        <v>55481</v>
      </c>
      <c r="C20258" s="1" t="s">
        <v>40807</v>
      </c>
      <c r="D20258" s="2">
        <v>173086</v>
      </c>
      <c r="E20258" s="1" t="s">
        <v>0</v>
      </c>
    </row>
    <row r="20259" spans="1:5" x14ac:dyDescent="0.25">
      <c r="A20259" s="1" t="s">
        <v>40808</v>
      </c>
      <c r="B20259" s="1" t="s">
        <v>55482</v>
      </c>
      <c r="C20259" s="1" t="s">
        <v>40809</v>
      </c>
      <c r="D20259" s="2">
        <v>173087</v>
      </c>
      <c r="E20259" s="1" t="s">
        <v>0</v>
      </c>
    </row>
    <row r="20260" spans="1:5" ht="409.5" x14ac:dyDescent="0.25">
      <c r="A20260" s="4" t="s">
        <v>40810</v>
      </c>
      <c r="B20260" s="1" t="s">
        <v>55483</v>
      </c>
      <c r="C20260" s="1" t="s">
        <v>40811</v>
      </c>
      <c r="D20260" s="2">
        <v>173088</v>
      </c>
      <c r="E20260" s="1" t="s">
        <v>0</v>
      </c>
    </row>
    <row r="20261" spans="1:5" x14ac:dyDescent="0.25">
      <c r="A20261" s="1" t="s">
        <v>19132</v>
      </c>
      <c r="B20261" s="1" t="s">
        <v>60955</v>
      </c>
      <c r="C20261" s="1" t="s">
        <v>19133</v>
      </c>
      <c r="D20261" s="2">
        <v>173089</v>
      </c>
      <c r="E20261" s="1" t="s">
        <v>0</v>
      </c>
    </row>
    <row r="20262" spans="1:5" x14ac:dyDescent="0.25">
      <c r="A20262" s="2">
        <v>4052</v>
      </c>
      <c r="B20262" s="2">
        <v>4052</v>
      </c>
      <c r="C20262" s="1" t="s">
        <v>0</v>
      </c>
      <c r="D20262" s="2">
        <v>173090</v>
      </c>
      <c r="E20262" s="1" t="s">
        <v>0</v>
      </c>
    </row>
    <row r="20263" spans="1:5" x14ac:dyDescent="0.25">
      <c r="A20263" s="1" t="s">
        <v>3679</v>
      </c>
      <c r="B20263" s="1" t="s">
        <v>10850</v>
      </c>
      <c r="C20263" s="1" t="s">
        <v>40812</v>
      </c>
      <c r="D20263" s="2">
        <v>173091</v>
      </c>
      <c r="E20263" s="1" t="s">
        <v>0</v>
      </c>
    </row>
    <row r="20264" spans="1:5" x14ac:dyDescent="0.25">
      <c r="A20264" s="1" t="s">
        <v>40813</v>
      </c>
      <c r="B20264" s="1" t="s">
        <v>13258</v>
      </c>
      <c r="C20264" s="1" t="s">
        <v>40814</v>
      </c>
      <c r="D20264" s="2">
        <v>173092</v>
      </c>
      <c r="E20264" s="1" t="s">
        <v>0</v>
      </c>
    </row>
    <row r="20265" spans="1:5" ht="409.5" x14ac:dyDescent="0.25">
      <c r="A20265" s="4" t="s">
        <v>40815</v>
      </c>
      <c r="B20265" s="1" t="s">
        <v>55484</v>
      </c>
      <c r="C20265" s="1" t="s">
        <v>40816</v>
      </c>
      <c r="D20265" s="2">
        <v>173093</v>
      </c>
      <c r="E20265" s="1" t="s">
        <v>0</v>
      </c>
    </row>
    <row r="20266" spans="1:5" x14ac:dyDescent="0.25">
      <c r="A20266" s="1" t="s">
        <v>40817</v>
      </c>
      <c r="B20266" s="1" t="s">
        <v>55485</v>
      </c>
      <c r="C20266" s="1" t="s">
        <v>40818</v>
      </c>
      <c r="D20266" s="2">
        <v>173094</v>
      </c>
      <c r="E20266" s="1" t="s">
        <v>0</v>
      </c>
    </row>
    <row r="20267" spans="1:5" x14ac:dyDescent="0.25">
      <c r="A20267" s="2">
        <v>4053</v>
      </c>
      <c r="B20267" s="2">
        <v>4053</v>
      </c>
      <c r="C20267" s="1" t="s">
        <v>0</v>
      </c>
      <c r="D20267" s="2">
        <v>173095</v>
      </c>
      <c r="E20267" s="1" t="s">
        <v>0</v>
      </c>
    </row>
    <row r="20268" spans="1:5" x14ac:dyDescent="0.25">
      <c r="A20268" s="1" t="s">
        <v>3680</v>
      </c>
      <c r="B20268" s="1" t="s">
        <v>10851</v>
      </c>
      <c r="C20268" s="1" t="s">
        <v>40819</v>
      </c>
      <c r="D20268" s="2">
        <v>173096</v>
      </c>
      <c r="E20268" s="1" t="s">
        <v>0</v>
      </c>
    </row>
    <row r="20269" spans="1:5" x14ac:dyDescent="0.25">
      <c r="A20269" s="1" t="s">
        <v>40820</v>
      </c>
      <c r="B20269" s="1" t="s">
        <v>62843</v>
      </c>
      <c r="C20269" s="1" t="s">
        <v>40821</v>
      </c>
      <c r="D20269" s="2">
        <v>173097</v>
      </c>
      <c r="E20269" s="1" t="s">
        <v>0</v>
      </c>
    </row>
    <row r="20270" spans="1:5" x14ac:dyDescent="0.25">
      <c r="A20270" s="1" t="s">
        <v>40822</v>
      </c>
      <c r="B20270" s="1" t="s">
        <v>62844</v>
      </c>
      <c r="C20270" s="1" t="s">
        <v>40823</v>
      </c>
      <c r="D20270" s="2">
        <v>173098</v>
      </c>
      <c r="E20270" s="1" t="s">
        <v>0</v>
      </c>
    </row>
    <row r="20271" spans="1:5" x14ac:dyDescent="0.25">
      <c r="A20271" s="1" t="s">
        <v>40824</v>
      </c>
      <c r="B20271" s="1" t="s">
        <v>61304</v>
      </c>
      <c r="C20271" s="1" t="s">
        <v>40825</v>
      </c>
      <c r="D20271" s="2">
        <v>173099</v>
      </c>
      <c r="E20271" s="1" t="s">
        <v>0</v>
      </c>
    </row>
    <row r="20272" spans="1:5" x14ac:dyDescent="0.25">
      <c r="A20272" s="2">
        <v>4054</v>
      </c>
      <c r="B20272" s="2">
        <v>4054</v>
      </c>
      <c r="C20272" s="1" t="s">
        <v>0</v>
      </c>
      <c r="D20272" s="2">
        <v>173100</v>
      </c>
      <c r="E20272" s="1" t="s">
        <v>0</v>
      </c>
    </row>
    <row r="20273" spans="1:5" x14ac:dyDescent="0.25">
      <c r="A20273" s="1" t="s">
        <v>13259</v>
      </c>
      <c r="B20273" s="1" t="s">
        <v>13260</v>
      </c>
      <c r="C20273" s="1" t="s">
        <v>40826</v>
      </c>
      <c r="D20273" s="2">
        <v>173101</v>
      </c>
      <c r="E20273" s="1" t="s">
        <v>0</v>
      </c>
    </row>
    <row r="20274" spans="1:5" x14ac:dyDescent="0.25">
      <c r="A20274" s="1" t="s">
        <v>40827</v>
      </c>
      <c r="B20274" s="1" t="s">
        <v>55486</v>
      </c>
      <c r="C20274" s="1" t="s">
        <v>40828</v>
      </c>
      <c r="D20274" s="2">
        <v>173102</v>
      </c>
      <c r="E20274" s="1" t="s">
        <v>0</v>
      </c>
    </row>
    <row r="20275" spans="1:5" ht="409.5" x14ac:dyDescent="0.25">
      <c r="A20275" s="4" t="s">
        <v>40829</v>
      </c>
      <c r="B20275" s="1" t="s">
        <v>58537</v>
      </c>
      <c r="C20275" s="1" t="s">
        <v>40830</v>
      </c>
      <c r="D20275" s="2">
        <v>173103</v>
      </c>
      <c r="E20275" s="1" t="s">
        <v>0</v>
      </c>
    </row>
    <row r="20276" spans="1:5" x14ac:dyDescent="0.25">
      <c r="A20276" s="1" t="s">
        <v>40831</v>
      </c>
      <c r="B20276" s="1" t="s">
        <v>61305</v>
      </c>
      <c r="C20276" s="1" t="s">
        <v>40832</v>
      </c>
      <c r="D20276" s="2">
        <v>173104</v>
      </c>
      <c r="E20276" s="1" t="s">
        <v>0</v>
      </c>
    </row>
    <row r="20277" spans="1:5" x14ac:dyDescent="0.25">
      <c r="A20277" s="2">
        <v>4055</v>
      </c>
      <c r="B20277" s="2">
        <v>4055</v>
      </c>
      <c r="C20277" s="1" t="s">
        <v>0</v>
      </c>
      <c r="D20277" s="2">
        <v>173105</v>
      </c>
      <c r="E20277" s="1" t="s">
        <v>0</v>
      </c>
    </row>
    <row r="20278" spans="1:5" x14ac:dyDescent="0.25">
      <c r="A20278" s="1" t="s">
        <v>3681</v>
      </c>
      <c r="B20278" s="1" t="s">
        <v>58829</v>
      </c>
      <c r="C20278" s="1" t="s">
        <v>40833</v>
      </c>
      <c r="D20278" s="2">
        <v>173106</v>
      </c>
      <c r="E20278" s="1" t="s">
        <v>0</v>
      </c>
    </row>
    <row r="20279" spans="1:5" x14ac:dyDescent="0.25">
      <c r="A20279" s="1" t="s">
        <v>40834</v>
      </c>
      <c r="B20279" s="1" t="s">
        <v>62845</v>
      </c>
      <c r="C20279" s="1" t="s">
        <v>40835</v>
      </c>
      <c r="D20279" s="2">
        <v>173107</v>
      </c>
      <c r="E20279" s="1" t="s">
        <v>0</v>
      </c>
    </row>
    <row r="20280" spans="1:5" ht="409.5" x14ac:dyDescent="0.25">
      <c r="A20280" s="4" t="s">
        <v>40836</v>
      </c>
      <c r="B20280" s="1" t="s">
        <v>62846</v>
      </c>
      <c r="C20280" s="1" t="s">
        <v>40837</v>
      </c>
      <c r="D20280" s="2">
        <v>173108</v>
      </c>
      <c r="E20280" s="1" t="s">
        <v>0</v>
      </c>
    </row>
    <row r="20281" spans="1:5" x14ac:dyDescent="0.25">
      <c r="A20281" s="1" t="s">
        <v>40838</v>
      </c>
      <c r="B20281" s="1" t="s">
        <v>62847</v>
      </c>
      <c r="C20281" s="1" t="s">
        <v>40839</v>
      </c>
      <c r="D20281" s="2">
        <v>173109</v>
      </c>
      <c r="E20281" s="1" t="s">
        <v>0</v>
      </c>
    </row>
    <row r="20282" spans="1:5" x14ac:dyDescent="0.25">
      <c r="A20282" s="2">
        <v>4056</v>
      </c>
      <c r="B20282" s="2">
        <v>4056</v>
      </c>
      <c r="C20282" s="1" t="s">
        <v>0</v>
      </c>
      <c r="D20282" s="2">
        <v>173110</v>
      </c>
      <c r="E20282" s="1" t="s">
        <v>0</v>
      </c>
    </row>
    <row r="20283" spans="1:5" x14ac:dyDescent="0.25">
      <c r="A20283" s="1" t="s">
        <v>3682</v>
      </c>
      <c r="B20283" s="1" t="s">
        <v>10852</v>
      </c>
      <c r="C20283" s="1" t="s">
        <v>40840</v>
      </c>
      <c r="D20283" s="2">
        <v>173111</v>
      </c>
      <c r="E20283" s="1" t="s">
        <v>0</v>
      </c>
    </row>
    <row r="20284" spans="1:5" x14ac:dyDescent="0.25">
      <c r="A20284" s="1" t="s">
        <v>40841</v>
      </c>
      <c r="B20284" s="1" t="s">
        <v>57318</v>
      </c>
      <c r="C20284" s="1" t="s">
        <v>40842</v>
      </c>
      <c r="D20284" s="2">
        <v>173112</v>
      </c>
      <c r="E20284" s="1" t="s">
        <v>0</v>
      </c>
    </row>
    <row r="20285" spans="1:5" ht="409.5" x14ac:dyDescent="0.25">
      <c r="A20285" s="4" t="s">
        <v>40843</v>
      </c>
      <c r="B20285" s="1" t="s">
        <v>57969</v>
      </c>
      <c r="C20285" s="1" t="s">
        <v>40844</v>
      </c>
      <c r="D20285" s="2">
        <v>173113</v>
      </c>
      <c r="E20285" s="1" t="s">
        <v>0</v>
      </c>
    </row>
    <row r="20286" spans="1:5" x14ac:dyDescent="0.25">
      <c r="A20286" s="1" t="s">
        <v>14855</v>
      </c>
      <c r="B20286" s="1" t="s">
        <v>60879</v>
      </c>
      <c r="C20286" s="1" t="s">
        <v>14856</v>
      </c>
      <c r="D20286" s="2">
        <v>173114</v>
      </c>
      <c r="E20286" s="1" t="s">
        <v>0</v>
      </c>
    </row>
    <row r="20287" spans="1:5" x14ac:dyDescent="0.25">
      <c r="A20287" s="2">
        <v>4057</v>
      </c>
      <c r="B20287" s="2">
        <v>4057</v>
      </c>
      <c r="C20287" s="1" t="s">
        <v>0</v>
      </c>
      <c r="D20287" s="2">
        <v>173115</v>
      </c>
      <c r="E20287" s="1" t="s">
        <v>0</v>
      </c>
    </row>
    <row r="20288" spans="1:5" x14ac:dyDescent="0.25">
      <c r="A20288" s="1" t="s">
        <v>3683</v>
      </c>
      <c r="B20288" s="1" t="s">
        <v>10853</v>
      </c>
      <c r="C20288" s="1" t="s">
        <v>40845</v>
      </c>
      <c r="D20288" s="2">
        <v>173116</v>
      </c>
      <c r="E20288" s="1" t="s">
        <v>0</v>
      </c>
    </row>
    <row r="20289" spans="1:5" x14ac:dyDescent="0.25">
      <c r="A20289" s="1" t="s">
        <v>40846</v>
      </c>
      <c r="B20289" s="1" t="s">
        <v>10854</v>
      </c>
      <c r="C20289" s="1" t="s">
        <v>40847</v>
      </c>
      <c r="D20289" s="2">
        <v>173117</v>
      </c>
      <c r="E20289" s="1" t="s">
        <v>0</v>
      </c>
    </row>
    <row r="20290" spans="1:5" ht="409.5" x14ac:dyDescent="0.25">
      <c r="A20290" s="4" t="s">
        <v>40848</v>
      </c>
      <c r="B20290" s="1" t="s">
        <v>10855</v>
      </c>
      <c r="C20290" s="1" t="s">
        <v>40849</v>
      </c>
      <c r="D20290" s="2">
        <v>173118</v>
      </c>
      <c r="E20290" s="1" t="s">
        <v>0</v>
      </c>
    </row>
    <row r="20291" spans="1:5" x14ac:dyDescent="0.25">
      <c r="A20291" s="1" t="s">
        <v>40850</v>
      </c>
      <c r="B20291" s="1" t="s">
        <v>55487</v>
      </c>
      <c r="C20291" s="1" t="s">
        <v>40851</v>
      </c>
      <c r="D20291" s="2">
        <v>173119</v>
      </c>
      <c r="E20291" s="1" t="s">
        <v>0</v>
      </c>
    </row>
    <row r="20292" spans="1:5" x14ac:dyDescent="0.25">
      <c r="A20292" s="2">
        <v>4058</v>
      </c>
      <c r="B20292" s="2">
        <v>4058</v>
      </c>
      <c r="C20292" s="1" t="s">
        <v>0</v>
      </c>
      <c r="D20292" s="2">
        <v>173120</v>
      </c>
      <c r="E20292" s="1" t="s">
        <v>0</v>
      </c>
    </row>
    <row r="20293" spans="1:5" x14ac:dyDescent="0.25">
      <c r="A20293" s="1" t="s">
        <v>3684</v>
      </c>
      <c r="B20293" s="1" t="s">
        <v>10856</v>
      </c>
      <c r="C20293" s="1" t="s">
        <v>40852</v>
      </c>
      <c r="D20293" s="2">
        <v>173121</v>
      </c>
      <c r="E20293" s="1" t="s">
        <v>0</v>
      </c>
    </row>
    <row r="20294" spans="1:5" x14ac:dyDescent="0.25">
      <c r="A20294" s="1" t="s">
        <v>40853</v>
      </c>
      <c r="B20294" s="1" t="s">
        <v>10857</v>
      </c>
      <c r="C20294" s="1" t="s">
        <v>40854</v>
      </c>
      <c r="D20294" s="2">
        <v>173122</v>
      </c>
      <c r="E20294" s="1" t="s">
        <v>0</v>
      </c>
    </row>
    <row r="20295" spans="1:5" ht="409.5" x14ac:dyDescent="0.25">
      <c r="A20295" s="4" t="s">
        <v>40855</v>
      </c>
      <c r="B20295" s="1" t="s">
        <v>61306</v>
      </c>
      <c r="C20295" s="1" t="s">
        <v>40856</v>
      </c>
      <c r="D20295" s="2">
        <v>173123</v>
      </c>
      <c r="E20295" s="1" t="s">
        <v>0</v>
      </c>
    </row>
    <row r="20296" spans="1:5" x14ac:dyDescent="0.25">
      <c r="A20296" s="1" t="s">
        <v>40857</v>
      </c>
      <c r="B20296" s="1" t="s">
        <v>10858</v>
      </c>
      <c r="C20296" s="1" t="s">
        <v>40858</v>
      </c>
      <c r="D20296" s="2">
        <v>173124</v>
      </c>
      <c r="E20296" s="1" t="s">
        <v>0</v>
      </c>
    </row>
    <row r="20297" spans="1:5" x14ac:dyDescent="0.25">
      <c r="A20297" s="2">
        <v>4059</v>
      </c>
      <c r="B20297" s="2">
        <v>4059</v>
      </c>
      <c r="C20297" s="1" t="s">
        <v>0</v>
      </c>
      <c r="D20297" s="2">
        <v>173125</v>
      </c>
      <c r="E20297" s="1" t="s">
        <v>0</v>
      </c>
    </row>
    <row r="20298" spans="1:5" x14ac:dyDescent="0.25">
      <c r="A20298" s="1" t="s">
        <v>3685</v>
      </c>
      <c r="B20298" s="1" t="s">
        <v>55488</v>
      </c>
      <c r="C20298" s="1" t="s">
        <v>40859</v>
      </c>
      <c r="D20298" s="2">
        <v>173126</v>
      </c>
      <c r="E20298" s="1" t="s">
        <v>0</v>
      </c>
    </row>
    <row r="20299" spans="1:5" x14ac:dyDescent="0.25">
      <c r="A20299" s="1" t="s">
        <v>40860</v>
      </c>
      <c r="B20299" s="1" t="s">
        <v>55489</v>
      </c>
      <c r="C20299" s="1" t="s">
        <v>40861</v>
      </c>
      <c r="D20299" s="2">
        <v>173127</v>
      </c>
      <c r="E20299" s="1" t="s">
        <v>0</v>
      </c>
    </row>
    <row r="20300" spans="1:5" ht="409.5" x14ac:dyDescent="0.25">
      <c r="A20300" s="4" t="s">
        <v>40862</v>
      </c>
      <c r="B20300" s="1" t="s">
        <v>62848</v>
      </c>
      <c r="C20300" s="1" t="s">
        <v>40863</v>
      </c>
      <c r="D20300" s="2">
        <v>173128</v>
      </c>
      <c r="E20300" s="1" t="s">
        <v>0</v>
      </c>
    </row>
    <row r="20301" spans="1:5" x14ac:dyDescent="0.25">
      <c r="A20301" s="1" t="s">
        <v>40864</v>
      </c>
      <c r="B20301" s="1" t="s">
        <v>10859</v>
      </c>
      <c r="C20301" s="1" t="s">
        <v>40865</v>
      </c>
      <c r="D20301" s="2">
        <v>173129</v>
      </c>
      <c r="E20301" s="1" t="s">
        <v>0</v>
      </c>
    </row>
    <row r="20302" spans="1:5" x14ac:dyDescent="0.25">
      <c r="A20302" s="2">
        <v>4060</v>
      </c>
      <c r="B20302" s="2">
        <v>4060</v>
      </c>
      <c r="C20302" s="1" t="s">
        <v>0</v>
      </c>
      <c r="D20302" s="2">
        <v>173130</v>
      </c>
      <c r="E20302" s="1" t="s">
        <v>0</v>
      </c>
    </row>
    <row r="20303" spans="1:5" x14ac:dyDescent="0.25">
      <c r="A20303" s="1" t="s">
        <v>3686</v>
      </c>
      <c r="B20303" s="1" t="s">
        <v>55490</v>
      </c>
      <c r="C20303" s="1" t="s">
        <v>40866</v>
      </c>
      <c r="D20303" s="2">
        <v>173131</v>
      </c>
      <c r="E20303" s="1" t="s">
        <v>0</v>
      </c>
    </row>
    <row r="20304" spans="1:5" x14ac:dyDescent="0.25">
      <c r="A20304" s="1" t="s">
        <v>40867</v>
      </c>
      <c r="B20304" s="1" t="s">
        <v>63806</v>
      </c>
      <c r="C20304" s="1" t="s">
        <v>40868</v>
      </c>
      <c r="D20304" s="2">
        <v>173132</v>
      </c>
      <c r="E20304" s="1" t="s">
        <v>0</v>
      </c>
    </row>
    <row r="20305" spans="1:5" ht="409.5" x14ac:dyDescent="0.25">
      <c r="A20305" s="4" t="s">
        <v>40869</v>
      </c>
      <c r="B20305" s="1" t="s">
        <v>63807</v>
      </c>
      <c r="C20305" s="1" t="s">
        <v>40870</v>
      </c>
      <c r="D20305" s="2">
        <v>173133</v>
      </c>
      <c r="E20305" s="1" t="s">
        <v>0</v>
      </c>
    </row>
    <row r="20306" spans="1:5" x14ac:dyDescent="0.25">
      <c r="A20306" s="1" t="s">
        <v>40871</v>
      </c>
      <c r="B20306" s="1" t="s">
        <v>61307</v>
      </c>
      <c r="C20306" s="1" t="s">
        <v>40872</v>
      </c>
      <c r="D20306" s="2">
        <v>173134</v>
      </c>
      <c r="E20306" s="1" t="s">
        <v>0</v>
      </c>
    </row>
    <row r="20307" spans="1:5" x14ac:dyDescent="0.25">
      <c r="A20307" s="2">
        <v>4061</v>
      </c>
      <c r="B20307" s="2">
        <v>4061</v>
      </c>
      <c r="C20307" s="1" t="s">
        <v>0</v>
      </c>
      <c r="D20307" s="2">
        <v>173135</v>
      </c>
      <c r="E20307" s="1" t="s">
        <v>0</v>
      </c>
    </row>
    <row r="20308" spans="1:5" x14ac:dyDescent="0.25">
      <c r="A20308" s="1" t="s">
        <v>3687</v>
      </c>
      <c r="B20308" s="1" t="s">
        <v>10860</v>
      </c>
      <c r="C20308" s="1" t="s">
        <v>40873</v>
      </c>
      <c r="D20308" s="2">
        <v>173136</v>
      </c>
      <c r="E20308" s="1" t="s">
        <v>0</v>
      </c>
    </row>
    <row r="20309" spans="1:5" x14ac:dyDescent="0.25">
      <c r="A20309" s="1" t="s">
        <v>40874</v>
      </c>
      <c r="B20309" s="1" t="s">
        <v>55491</v>
      </c>
      <c r="C20309" s="1" t="s">
        <v>40875</v>
      </c>
      <c r="D20309" s="2">
        <v>173137</v>
      </c>
      <c r="E20309" s="1" t="s">
        <v>0</v>
      </c>
    </row>
    <row r="20310" spans="1:5" ht="409.5" x14ac:dyDescent="0.25">
      <c r="A20310" s="4" t="s">
        <v>40876</v>
      </c>
      <c r="B20310" s="1" t="s">
        <v>55492</v>
      </c>
      <c r="C20310" s="1" t="s">
        <v>40877</v>
      </c>
      <c r="D20310" s="2">
        <v>173138</v>
      </c>
      <c r="E20310" s="1" t="s">
        <v>0</v>
      </c>
    </row>
    <row r="20311" spans="1:5" x14ac:dyDescent="0.25">
      <c r="A20311" s="1" t="s">
        <v>40878</v>
      </c>
      <c r="B20311" s="1" t="s">
        <v>10861</v>
      </c>
      <c r="C20311" s="1" t="s">
        <v>40879</v>
      </c>
      <c r="D20311" s="2">
        <v>173139</v>
      </c>
      <c r="E20311" s="1" t="s">
        <v>0</v>
      </c>
    </row>
    <row r="20312" spans="1:5" x14ac:dyDescent="0.25">
      <c r="A20312" s="2">
        <v>4062</v>
      </c>
      <c r="B20312" s="2">
        <v>4062</v>
      </c>
      <c r="C20312" s="1" t="s">
        <v>0</v>
      </c>
      <c r="D20312" s="2">
        <v>173140</v>
      </c>
      <c r="E20312" s="1" t="s">
        <v>0</v>
      </c>
    </row>
    <row r="20313" spans="1:5" x14ac:dyDescent="0.25">
      <c r="A20313" s="1" t="s">
        <v>3688</v>
      </c>
      <c r="B20313" s="1" t="s">
        <v>10862</v>
      </c>
      <c r="C20313" s="1" t="s">
        <v>40880</v>
      </c>
      <c r="D20313" s="2">
        <v>173141</v>
      </c>
      <c r="E20313" s="1" t="s">
        <v>0</v>
      </c>
    </row>
    <row r="20314" spans="1:5" x14ac:dyDescent="0.25">
      <c r="A20314" s="1" t="s">
        <v>40881</v>
      </c>
      <c r="B20314" s="1" t="s">
        <v>50963</v>
      </c>
      <c r="C20314" s="1" t="s">
        <v>40882</v>
      </c>
      <c r="D20314" s="2">
        <v>173142</v>
      </c>
      <c r="E20314" s="1" t="s">
        <v>0</v>
      </c>
    </row>
    <row r="20315" spans="1:5" ht="409.5" x14ac:dyDescent="0.25">
      <c r="A20315" s="4" t="s">
        <v>40883</v>
      </c>
      <c r="B20315" s="1" t="s">
        <v>50964</v>
      </c>
      <c r="C20315" s="1" t="s">
        <v>40884</v>
      </c>
      <c r="D20315" s="2">
        <v>173143</v>
      </c>
      <c r="E20315" s="1" t="s">
        <v>0</v>
      </c>
    </row>
    <row r="20316" spans="1:5" x14ac:dyDescent="0.25">
      <c r="A20316" s="1" t="s">
        <v>40885</v>
      </c>
      <c r="B20316" s="1" t="s">
        <v>55493</v>
      </c>
      <c r="C20316" s="1" t="s">
        <v>40886</v>
      </c>
      <c r="D20316" s="2">
        <v>173144</v>
      </c>
      <c r="E20316" s="1" t="s">
        <v>0</v>
      </c>
    </row>
    <row r="20317" spans="1:5" x14ac:dyDescent="0.25">
      <c r="A20317" s="2">
        <v>4063</v>
      </c>
      <c r="B20317" s="2">
        <v>4063</v>
      </c>
      <c r="C20317" s="1" t="s">
        <v>0</v>
      </c>
      <c r="D20317" s="2">
        <v>173145</v>
      </c>
      <c r="E20317" s="1" t="s">
        <v>0</v>
      </c>
    </row>
    <row r="20318" spans="1:5" x14ac:dyDescent="0.25">
      <c r="A20318" s="1" t="s">
        <v>3689</v>
      </c>
      <c r="B20318" s="1" t="s">
        <v>50965</v>
      </c>
      <c r="C20318" s="1" t="s">
        <v>40887</v>
      </c>
      <c r="D20318" s="2">
        <v>173146</v>
      </c>
      <c r="E20318" s="1" t="s">
        <v>0</v>
      </c>
    </row>
    <row r="20319" spans="1:5" x14ac:dyDescent="0.25">
      <c r="A20319" s="1" t="s">
        <v>40888</v>
      </c>
      <c r="B20319" s="1" t="s">
        <v>55494</v>
      </c>
      <c r="C20319" s="1" t="s">
        <v>40889</v>
      </c>
      <c r="D20319" s="2">
        <v>173147</v>
      </c>
      <c r="E20319" s="1" t="s">
        <v>0</v>
      </c>
    </row>
    <row r="20320" spans="1:5" ht="409.5" x14ac:dyDescent="0.25">
      <c r="A20320" s="4" t="s">
        <v>40890</v>
      </c>
      <c r="B20320" s="1" t="s">
        <v>55495</v>
      </c>
      <c r="C20320" s="1" t="s">
        <v>40891</v>
      </c>
      <c r="D20320" s="2">
        <v>173148</v>
      </c>
      <c r="E20320" s="1" t="s">
        <v>0</v>
      </c>
    </row>
    <row r="20321" spans="1:5" x14ac:dyDescent="0.25">
      <c r="A20321" s="1" t="s">
        <v>40892</v>
      </c>
      <c r="B20321" s="1" t="s">
        <v>55496</v>
      </c>
      <c r="C20321" s="1" t="s">
        <v>40893</v>
      </c>
      <c r="D20321" s="2">
        <v>173149</v>
      </c>
      <c r="E20321" s="1" t="s">
        <v>0</v>
      </c>
    </row>
    <row r="20322" spans="1:5" x14ac:dyDescent="0.25">
      <c r="A20322" s="2">
        <v>4064</v>
      </c>
      <c r="B20322" s="2">
        <v>4064</v>
      </c>
      <c r="C20322" s="1" t="s">
        <v>0</v>
      </c>
      <c r="D20322" s="2">
        <v>173150</v>
      </c>
      <c r="E20322" s="1" t="s">
        <v>0</v>
      </c>
    </row>
    <row r="20323" spans="1:5" x14ac:dyDescent="0.25">
      <c r="A20323" s="1" t="s">
        <v>3690</v>
      </c>
      <c r="B20323" s="1" t="s">
        <v>10863</v>
      </c>
      <c r="C20323" s="1" t="s">
        <v>40894</v>
      </c>
      <c r="D20323" s="2">
        <v>173151</v>
      </c>
      <c r="E20323" s="1" t="s">
        <v>0</v>
      </c>
    </row>
    <row r="20324" spans="1:5" x14ac:dyDescent="0.25">
      <c r="A20324" s="1" t="s">
        <v>40895</v>
      </c>
      <c r="B20324" s="1" t="s">
        <v>50966</v>
      </c>
      <c r="C20324" s="1" t="s">
        <v>40896</v>
      </c>
      <c r="D20324" s="2">
        <v>173152</v>
      </c>
      <c r="E20324" s="1" t="s">
        <v>0</v>
      </c>
    </row>
    <row r="20325" spans="1:5" ht="409.5" x14ac:dyDescent="0.25">
      <c r="A20325" s="4" t="s">
        <v>40897</v>
      </c>
      <c r="B20325" s="1" t="s">
        <v>57970</v>
      </c>
      <c r="C20325" s="1" t="s">
        <v>40898</v>
      </c>
      <c r="D20325" s="2">
        <v>173153</v>
      </c>
      <c r="E20325" s="1" t="s">
        <v>0</v>
      </c>
    </row>
    <row r="20326" spans="1:5" x14ac:dyDescent="0.25">
      <c r="A20326" s="1" t="s">
        <v>40899</v>
      </c>
      <c r="B20326" s="1" t="s">
        <v>10864</v>
      </c>
      <c r="C20326" s="1" t="s">
        <v>40900</v>
      </c>
      <c r="D20326" s="2">
        <v>173154</v>
      </c>
      <c r="E20326" s="1" t="s">
        <v>0</v>
      </c>
    </row>
    <row r="20327" spans="1:5" x14ac:dyDescent="0.25">
      <c r="A20327" s="2">
        <v>4065</v>
      </c>
      <c r="B20327" s="2">
        <v>4065</v>
      </c>
      <c r="C20327" s="1" t="s">
        <v>0</v>
      </c>
      <c r="D20327" s="2">
        <v>173155</v>
      </c>
      <c r="E20327" s="1" t="s">
        <v>0</v>
      </c>
    </row>
    <row r="20328" spans="1:5" x14ac:dyDescent="0.25">
      <c r="A20328" s="1" t="s">
        <v>3691</v>
      </c>
      <c r="B20328" s="1" t="s">
        <v>10865</v>
      </c>
      <c r="C20328" s="1" t="s">
        <v>40901</v>
      </c>
      <c r="D20328" s="2">
        <v>173156</v>
      </c>
      <c r="E20328" s="1" t="s">
        <v>0</v>
      </c>
    </row>
    <row r="20329" spans="1:5" x14ac:dyDescent="0.25">
      <c r="A20329" s="1" t="s">
        <v>40902</v>
      </c>
      <c r="B20329" s="1" t="s">
        <v>55497</v>
      </c>
      <c r="C20329" s="1" t="s">
        <v>40903</v>
      </c>
      <c r="D20329" s="2">
        <v>173157</v>
      </c>
      <c r="E20329" s="1" t="s">
        <v>0</v>
      </c>
    </row>
    <row r="20330" spans="1:5" ht="409.5" x14ac:dyDescent="0.25">
      <c r="A20330" s="4" t="s">
        <v>40904</v>
      </c>
      <c r="B20330" s="1" t="s">
        <v>61521</v>
      </c>
      <c r="C20330" s="1" t="s">
        <v>40905</v>
      </c>
      <c r="D20330" s="2">
        <v>173158</v>
      </c>
      <c r="E20330" s="1" t="s">
        <v>0</v>
      </c>
    </row>
    <row r="20331" spans="1:5" x14ac:dyDescent="0.25">
      <c r="A20331" s="1" t="s">
        <v>40906</v>
      </c>
      <c r="B20331" s="1" t="s">
        <v>55498</v>
      </c>
      <c r="C20331" s="1" t="s">
        <v>40907</v>
      </c>
      <c r="D20331" s="2">
        <v>173159</v>
      </c>
      <c r="E20331" s="1" t="s">
        <v>0</v>
      </c>
    </row>
    <row r="20332" spans="1:5" x14ac:dyDescent="0.25">
      <c r="A20332" s="2">
        <v>4066</v>
      </c>
      <c r="B20332" s="2">
        <v>4066</v>
      </c>
      <c r="C20332" s="1" t="s">
        <v>0</v>
      </c>
      <c r="D20332" s="2">
        <v>173160</v>
      </c>
      <c r="E20332" s="1" t="s">
        <v>0</v>
      </c>
    </row>
    <row r="20333" spans="1:5" x14ac:dyDescent="0.25">
      <c r="A20333" s="1" t="s">
        <v>3692</v>
      </c>
      <c r="B20333" s="1" t="s">
        <v>10866</v>
      </c>
      <c r="C20333" s="1" t="s">
        <v>40908</v>
      </c>
      <c r="D20333" s="2">
        <v>173161</v>
      </c>
      <c r="E20333" s="1" t="s">
        <v>0</v>
      </c>
    </row>
    <row r="20334" spans="1:5" x14ac:dyDescent="0.25">
      <c r="A20334" s="1" t="s">
        <v>40909</v>
      </c>
      <c r="B20334" s="1" t="s">
        <v>10867</v>
      </c>
      <c r="C20334" s="1" t="s">
        <v>40910</v>
      </c>
      <c r="D20334" s="2">
        <v>173162</v>
      </c>
      <c r="E20334" s="1" t="s">
        <v>0</v>
      </c>
    </row>
    <row r="20335" spans="1:5" ht="409.5" x14ac:dyDescent="0.25">
      <c r="A20335" s="4" t="s">
        <v>40911</v>
      </c>
      <c r="B20335" s="1" t="s">
        <v>55499</v>
      </c>
      <c r="C20335" s="1" t="s">
        <v>40912</v>
      </c>
      <c r="D20335" s="2">
        <v>173163</v>
      </c>
      <c r="E20335" s="1" t="s">
        <v>0</v>
      </c>
    </row>
    <row r="20336" spans="1:5" x14ac:dyDescent="0.25">
      <c r="A20336" s="1" t="s">
        <v>40913</v>
      </c>
      <c r="B20336" s="1" t="s">
        <v>10868</v>
      </c>
      <c r="C20336" s="1" t="s">
        <v>40914</v>
      </c>
      <c r="D20336" s="2">
        <v>173164</v>
      </c>
      <c r="E20336" s="1" t="s">
        <v>0</v>
      </c>
    </row>
    <row r="20337" spans="1:5" x14ac:dyDescent="0.25">
      <c r="A20337" s="2">
        <v>4067</v>
      </c>
      <c r="B20337" s="2">
        <v>4067</v>
      </c>
      <c r="C20337" s="1" t="s">
        <v>0</v>
      </c>
      <c r="D20337" s="2">
        <v>173165</v>
      </c>
      <c r="E20337" s="1" t="s">
        <v>0</v>
      </c>
    </row>
    <row r="20338" spans="1:5" x14ac:dyDescent="0.25">
      <c r="A20338" s="1" t="s">
        <v>3693</v>
      </c>
      <c r="B20338" s="1" t="s">
        <v>10869</v>
      </c>
      <c r="C20338" s="1" t="s">
        <v>40915</v>
      </c>
      <c r="D20338" s="2">
        <v>173166</v>
      </c>
      <c r="E20338" s="1" t="s">
        <v>0</v>
      </c>
    </row>
    <row r="20339" spans="1:5" x14ac:dyDescent="0.25">
      <c r="A20339" s="1" t="s">
        <v>40916</v>
      </c>
      <c r="B20339" s="1" t="s">
        <v>50967</v>
      </c>
      <c r="C20339" s="1" t="s">
        <v>40917</v>
      </c>
      <c r="D20339" s="2">
        <v>173167</v>
      </c>
      <c r="E20339" s="1" t="s">
        <v>0</v>
      </c>
    </row>
    <row r="20340" spans="1:5" ht="409.5" x14ac:dyDescent="0.25">
      <c r="A20340" s="4" t="s">
        <v>40918</v>
      </c>
      <c r="B20340" s="1" t="s">
        <v>50968</v>
      </c>
      <c r="C20340" s="1" t="s">
        <v>40919</v>
      </c>
      <c r="D20340" s="2">
        <v>173168</v>
      </c>
      <c r="E20340" s="1" t="s">
        <v>0</v>
      </c>
    </row>
    <row r="20341" spans="1:5" x14ac:dyDescent="0.25">
      <c r="A20341" s="1" t="s">
        <v>40920</v>
      </c>
      <c r="B20341" s="1" t="s">
        <v>55500</v>
      </c>
      <c r="C20341" s="1" t="s">
        <v>40921</v>
      </c>
      <c r="D20341" s="2">
        <v>173169</v>
      </c>
      <c r="E20341" s="1" t="s">
        <v>0</v>
      </c>
    </row>
    <row r="20342" spans="1:5" x14ac:dyDescent="0.25">
      <c r="A20342" s="2">
        <v>4068</v>
      </c>
      <c r="B20342" s="2">
        <v>4068</v>
      </c>
      <c r="C20342" s="1" t="s">
        <v>0</v>
      </c>
      <c r="D20342" s="2">
        <v>173170</v>
      </c>
      <c r="E20342" s="1" t="s">
        <v>0</v>
      </c>
    </row>
    <row r="20343" spans="1:5" x14ac:dyDescent="0.25">
      <c r="A20343" s="1" t="s">
        <v>3694</v>
      </c>
      <c r="B20343" s="1" t="s">
        <v>10870</v>
      </c>
      <c r="C20343" s="1" t="s">
        <v>40922</v>
      </c>
      <c r="D20343" s="2">
        <v>173171</v>
      </c>
      <c r="E20343" s="1" t="s">
        <v>0</v>
      </c>
    </row>
    <row r="20344" spans="1:5" x14ac:dyDescent="0.25">
      <c r="A20344" s="1" t="s">
        <v>40923</v>
      </c>
      <c r="B20344" s="1" t="s">
        <v>55501</v>
      </c>
      <c r="C20344" s="1" t="s">
        <v>40924</v>
      </c>
      <c r="D20344" s="2">
        <v>173172</v>
      </c>
      <c r="E20344" s="1" t="s">
        <v>0</v>
      </c>
    </row>
    <row r="20345" spans="1:5" ht="409.5" x14ac:dyDescent="0.25">
      <c r="A20345" s="4" t="s">
        <v>40925</v>
      </c>
      <c r="B20345" s="1" t="s">
        <v>55502</v>
      </c>
      <c r="C20345" s="1" t="s">
        <v>40926</v>
      </c>
      <c r="D20345" s="2">
        <v>173173</v>
      </c>
      <c r="E20345" s="1" t="s">
        <v>0</v>
      </c>
    </row>
    <row r="20346" spans="1:5" x14ac:dyDescent="0.25">
      <c r="A20346" s="1" t="s">
        <v>40927</v>
      </c>
      <c r="B20346" s="1" t="s">
        <v>10871</v>
      </c>
      <c r="C20346" s="1" t="s">
        <v>40928</v>
      </c>
      <c r="D20346" s="2">
        <v>173174</v>
      </c>
      <c r="E20346" s="1" t="s">
        <v>0</v>
      </c>
    </row>
    <row r="20347" spans="1:5" x14ac:dyDescent="0.25">
      <c r="A20347" s="2">
        <v>4069</v>
      </c>
      <c r="B20347" s="2">
        <v>4069</v>
      </c>
      <c r="C20347" s="1" t="s">
        <v>0</v>
      </c>
      <c r="D20347" s="2">
        <v>173175</v>
      </c>
      <c r="E20347" s="1" t="s">
        <v>0</v>
      </c>
    </row>
    <row r="20348" spans="1:5" x14ac:dyDescent="0.25">
      <c r="A20348" s="1" t="s">
        <v>3695</v>
      </c>
      <c r="B20348" s="1" t="s">
        <v>10872</v>
      </c>
      <c r="C20348" s="1" t="s">
        <v>40929</v>
      </c>
      <c r="D20348" s="2">
        <v>173176</v>
      </c>
      <c r="E20348" s="1" t="s">
        <v>0</v>
      </c>
    </row>
    <row r="20349" spans="1:5" x14ac:dyDescent="0.25">
      <c r="A20349" s="1" t="s">
        <v>40930</v>
      </c>
      <c r="B20349" s="1" t="s">
        <v>56849</v>
      </c>
      <c r="C20349" s="1" t="s">
        <v>40931</v>
      </c>
      <c r="D20349" s="2">
        <v>173177</v>
      </c>
      <c r="E20349" s="1" t="s">
        <v>0</v>
      </c>
    </row>
    <row r="20350" spans="1:5" ht="409.5" x14ac:dyDescent="0.25">
      <c r="A20350" s="4" t="s">
        <v>64318</v>
      </c>
      <c r="B20350" s="1" t="s">
        <v>56850</v>
      </c>
      <c r="C20350" s="1" t="s">
        <v>40932</v>
      </c>
      <c r="D20350" s="2">
        <v>173178</v>
      </c>
      <c r="E20350" s="1" t="s">
        <v>0</v>
      </c>
    </row>
    <row r="20351" spans="1:5" x14ac:dyDescent="0.25">
      <c r="A20351" s="1" t="s">
        <v>40933</v>
      </c>
      <c r="B20351" s="1" t="s">
        <v>55503</v>
      </c>
      <c r="C20351" s="1" t="s">
        <v>40934</v>
      </c>
      <c r="D20351" s="2">
        <v>173179</v>
      </c>
      <c r="E20351" s="1" t="s">
        <v>0</v>
      </c>
    </row>
    <row r="20352" spans="1:5" x14ac:dyDescent="0.25">
      <c r="A20352" s="2">
        <v>4070</v>
      </c>
      <c r="B20352" s="2">
        <v>4070</v>
      </c>
      <c r="C20352" s="1" t="s">
        <v>0</v>
      </c>
      <c r="D20352" s="2">
        <v>173180</v>
      </c>
      <c r="E20352" s="1" t="s">
        <v>0</v>
      </c>
    </row>
    <row r="20353" spans="1:5" x14ac:dyDescent="0.25">
      <c r="A20353" s="1" t="s">
        <v>10873</v>
      </c>
      <c r="B20353" s="1" t="s">
        <v>63482</v>
      </c>
      <c r="C20353" s="1" t="s">
        <v>40935</v>
      </c>
      <c r="D20353" s="2">
        <v>173181</v>
      </c>
      <c r="E20353" s="1" t="s">
        <v>0</v>
      </c>
    </row>
    <row r="20354" spans="1:5" x14ac:dyDescent="0.25">
      <c r="A20354" s="1" t="s">
        <v>40936</v>
      </c>
      <c r="B20354" s="1" t="s">
        <v>55504</v>
      </c>
      <c r="C20354" s="1" t="s">
        <v>40937</v>
      </c>
      <c r="D20354" s="2">
        <v>173182</v>
      </c>
      <c r="E20354" s="1" t="s">
        <v>0</v>
      </c>
    </row>
    <row r="20355" spans="1:5" ht="409.5" x14ac:dyDescent="0.25">
      <c r="A20355" s="4" t="s">
        <v>40938</v>
      </c>
      <c r="B20355" s="1" t="s">
        <v>59674</v>
      </c>
      <c r="C20355" s="1" t="s">
        <v>40939</v>
      </c>
      <c r="D20355" s="2">
        <v>173183</v>
      </c>
      <c r="E20355" s="1" t="s">
        <v>0</v>
      </c>
    </row>
    <row r="20356" spans="1:5" x14ac:dyDescent="0.25">
      <c r="A20356" s="1" t="s">
        <v>40940</v>
      </c>
      <c r="B20356" s="1" t="s">
        <v>10874</v>
      </c>
      <c r="C20356" s="1" t="s">
        <v>40941</v>
      </c>
      <c r="D20356" s="2">
        <v>173184</v>
      </c>
      <c r="E20356" s="1" t="s">
        <v>0</v>
      </c>
    </row>
    <row r="20357" spans="1:5" x14ac:dyDescent="0.25">
      <c r="A20357" s="2">
        <v>4071</v>
      </c>
      <c r="B20357" s="2">
        <v>4071</v>
      </c>
      <c r="C20357" s="1" t="s">
        <v>0</v>
      </c>
      <c r="D20357" s="2">
        <v>173185</v>
      </c>
      <c r="E20357" s="1" t="s">
        <v>0</v>
      </c>
    </row>
    <row r="20358" spans="1:5" x14ac:dyDescent="0.25">
      <c r="A20358" s="1" t="s">
        <v>3696</v>
      </c>
      <c r="B20358" s="1" t="s">
        <v>10875</v>
      </c>
      <c r="C20358" s="1" t="s">
        <v>40942</v>
      </c>
      <c r="D20358" s="2">
        <v>173186</v>
      </c>
      <c r="E20358" s="1" t="s">
        <v>0</v>
      </c>
    </row>
    <row r="20359" spans="1:5" x14ac:dyDescent="0.25">
      <c r="A20359" s="1" t="s">
        <v>40943</v>
      </c>
      <c r="B20359" s="1" t="s">
        <v>10876</v>
      </c>
      <c r="C20359" s="1" t="s">
        <v>40944</v>
      </c>
      <c r="D20359" s="2">
        <v>173187</v>
      </c>
      <c r="E20359" s="1" t="s">
        <v>0</v>
      </c>
    </row>
    <row r="20360" spans="1:5" ht="409.5" x14ac:dyDescent="0.25">
      <c r="A20360" s="4" t="s">
        <v>40945</v>
      </c>
      <c r="B20360" s="1" t="s">
        <v>10877</v>
      </c>
      <c r="C20360" s="1" t="s">
        <v>40946</v>
      </c>
      <c r="D20360" s="2">
        <v>173188</v>
      </c>
      <c r="E20360" s="1" t="s">
        <v>0</v>
      </c>
    </row>
    <row r="20361" spans="1:5" x14ac:dyDescent="0.25">
      <c r="A20361" s="1" t="s">
        <v>40947</v>
      </c>
      <c r="B20361" s="1" t="s">
        <v>10878</v>
      </c>
      <c r="C20361" s="1" t="s">
        <v>40948</v>
      </c>
      <c r="D20361" s="2">
        <v>173189</v>
      </c>
      <c r="E20361" s="1" t="s">
        <v>0</v>
      </c>
    </row>
    <row r="20362" spans="1:5" x14ac:dyDescent="0.25">
      <c r="A20362" s="2">
        <v>4072</v>
      </c>
      <c r="B20362" s="2">
        <v>4072</v>
      </c>
      <c r="C20362" s="1" t="s">
        <v>0</v>
      </c>
      <c r="D20362" s="2">
        <v>173190</v>
      </c>
      <c r="E20362" s="1" t="s">
        <v>0</v>
      </c>
    </row>
    <row r="20363" spans="1:5" x14ac:dyDescent="0.25">
      <c r="A20363" s="1" t="s">
        <v>3697</v>
      </c>
      <c r="B20363" s="1" t="s">
        <v>10879</v>
      </c>
      <c r="C20363" s="1" t="s">
        <v>40949</v>
      </c>
      <c r="D20363" s="2">
        <v>173191</v>
      </c>
      <c r="E20363" s="1" t="s">
        <v>0</v>
      </c>
    </row>
    <row r="20364" spans="1:5" x14ac:dyDescent="0.25">
      <c r="A20364" s="1" t="s">
        <v>40950</v>
      </c>
      <c r="B20364" s="1" t="s">
        <v>55505</v>
      </c>
      <c r="C20364" s="1" t="s">
        <v>40951</v>
      </c>
      <c r="D20364" s="2">
        <v>173192</v>
      </c>
      <c r="E20364" s="1" t="s">
        <v>0</v>
      </c>
    </row>
    <row r="20365" spans="1:5" ht="409.5" x14ac:dyDescent="0.25">
      <c r="A20365" s="4" t="s">
        <v>40952</v>
      </c>
      <c r="B20365" s="1" t="s">
        <v>59068</v>
      </c>
      <c r="C20365" s="1" t="s">
        <v>40953</v>
      </c>
      <c r="D20365" s="2">
        <v>173193</v>
      </c>
      <c r="E20365" s="1" t="s">
        <v>0</v>
      </c>
    </row>
    <row r="20366" spans="1:5" x14ac:dyDescent="0.25">
      <c r="A20366" s="1" t="s">
        <v>40954</v>
      </c>
      <c r="B20366" s="1" t="s">
        <v>55506</v>
      </c>
      <c r="C20366" s="1" t="s">
        <v>40955</v>
      </c>
      <c r="D20366" s="2">
        <v>173194</v>
      </c>
      <c r="E20366" s="1" t="s">
        <v>0</v>
      </c>
    </row>
    <row r="20367" spans="1:5" x14ac:dyDescent="0.25">
      <c r="A20367" s="2">
        <v>4073</v>
      </c>
      <c r="B20367" s="2">
        <v>4073</v>
      </c>
      <c r="C20367" s="1" t="s">
        <v>0</v>
      </c>
      <c r="D20367" s="2">
        <v>173195</v>
      </c>
      <c r="E20367" s="1" t="s">
        <v>0</v>
      </c>
    </row>
    <row r="20368" spans="1:5" x14ac:dyDescent="0.25">
      <c r="A20368" s="1" t="s">
        <v>3698</v>
      </c>
      <c r="B20368" s="1" t="s">
        <v>55507</v>
      </c>
      <c r="C20368" s="1" t="s">
        <v>40956</v>
      </c>
      <c r="D20368" s="2">
        <v>173196</v>
      </c>
      <c r="E20368" s="1" t="s">
        <v>0</v>
      </c>
    </row>
    <row r="20369" spans="1:5" x14ac:dyDescent="0.25">
      <c r="A20369" s="1" t="s">
        <v>40957</v>
      </c>
      <c r="B20369" s="1" t="s">
        <v>57602</v>
      </c>
      <c r="C20369" s="1" t="s">
        <v>40958</v>
      </c>
      <c r="D20369" s="2">
        <v>173197</v>
      </c>
      <c r="E20369" s="1" t="s">
        <v>0</v>
      </c>
    </row>
    <row r="20370" spans="1:5" ht="409.5" x14ac:dyDescent="0.25">
      <c r="A20370" s="4" t="s">
        <v>40959</v>
      </c>
      <c r="B20370" s="1" t="s">
        <v>57603</v>
      </c>
      <c r="C20370" s="1" t="s">
        <v>40960</v>
      </c>
      <c r="D20370" s="2">
        <v>173198</v>
      </c>
      <c r="E20370" s="1" t="s">
        <v>0</v>
      </c>
    </row>
    <row r="20371" spans="1:5" x14ac:dyDescent="0.25">
      <c r="A20371" s="1" t="s">
        <v>40961</v>
      </c>
      <c r="B20371" s="1" t="s">
        <v>10880</v>
      </c>
      <c r="C20371" s="1" t="s">
        <v>40962</v>
      </c>
      <c r="D20371" s="2">
        <v>173199</v>
      </c>
      <c r="E20371" s="1" t="s">
        <v>0</v>
      </c>
    </row>
    <row r="20372" spans="1:5" x14ac:dyDescent="0.25">
      <c r="A20372" s="2">
        <v>4074</v>
      </c>
      <c r="B20372" s="2">
        <v>4074</v>
      </c>
      <c r="C20372" s="1" t="s">
        <v>0</v>
      </c>
      <c r="D20372" s="2">
        <v>173200</v>
      </c>
      <c r="E20372" s="1" t="s">
        <v>0</v>
      </c>
    </row>
    <row r="20373" spans="1:5" x14ac:dyDescent="0.25">
      <c r="A20373" s="1" t="s">
        <v>3699</v>
      </c>
      <c r="B20373" s="1" t="s">
        <v>10881</v>
      </c>
      <c r="C20373" s="1" t="s">
        <v>40963</v>
      </c>
      <c r="D20373" s="2">
        <v>173201</v>
      </c>
      <c r="E20373" s="1" t="s">
        <v>0</v>
      </c>
    </row>
    <row r="20374" spans="1:5" x14ac:dyDescent="0.25">
      <c r="A20374" s="1" t="s">
        <v>40964</v>
      </c>
      <c r="B20374" s="1" t="s">
        <v>50969</v>
      </c>
      <c r="C20374" s="1" t="s">
        <v>40965</v>
      </c>
      <c r="D20374" s="2">
        <v>173202</v>
      </c>
      <c r="E20374" s="1" t="s">
        <v>0</v>
      </c>
    </row>
    <row r="20375" spans="1:5" ht="409.5" x14ac:dyDescent="0.25">
      <c r="A20375" s="4" t="s">
        <v>40966</v>
      </c>
      <c r="B20375" s="1" t="s">
        <v>62849</v>
      </c>
      <c r="C20375" s="1" t="s">
        <v>40967</v>
      </c>
      <c r="D20375" s="2">
        <v>173203</v>
      </c>
      <c r="E20375" s="1" t="s">
        <v>0</v>
      </c>
    </row>
    <row r="20376" spans="1:5" x14ac:dyDescent="0.25">
      <c r="A20376" s="1" t="s">
        <v>40968</v>
      </c>
      <c r="B20376" s="1" t="s">
        <v>10882</v>
      </c>
      <c r="C20376" s="1" t="s">
        <v>40969</v>
      </c>
      <c r="D20376" s="2">
        <v>173204</v>
      </c>
      <c r="E20376" s="1" t="s">
        <v>0</v>
      </c>
    </row>
    <row r="20377" spans="1:5" x14ac:dyDescent="0.25">
      <c r="A20377" s="2">
        <v>4075</v>
      </c>
      <c r="B20377" s="2">
        <v>4075</v>
      </c>
      <c r="C20377" s="1" t="s">
        <v>0</v>
      </c>
      <c r="D20377" s="2">
        <v>173205</v>
      </c>
      <c r="E20377" s="1" t="s">
        <v>0</v>
      </c>
    </row>
    <row r="20378" spans="1:5" x14ac:dyDescent="0.25">
      <c r="A20378" s="1" t="s">
        <v>3700</v>
      </c>
      <c r="B20378" s="1" t="s">
        <v>60207</v>
      </c>
      <c r="C20378" s="1" t="s">
        <v>40970</v>
      </c>
      <c r="D20378" s="2">
        <v>173206</v>
      </c>
      <c r="E20378" s="1" t="s">
        <v>0</v>
      </c>
    </row>
    <row r="20379" spans="1:5" x14ac:dyDescent="0.25">
      <c r="A20379" s="1" t="s">
        <v>40971</v>
      </c>
      <c r="B20379" s="1" t="s">
        <v>62850</v>
      </c>
      <c r="C20379" s="1" t="s">
        <v>40972</v>
      </c>
      <c r="D20379" s="2">
        <v>173207</v>
      </c>
      <c r="E20379" s="1" t="s">
        <v>0</v>
      </c>
    </row>
    <row r="20380" spans="1:5" ht="409.5" x14ac:dyDescent="0.25">
      <c r="A20380" s="4" t="s">
        <v>40973</v>
      </c>
      <c r="B20380" s="1" t="s">
        <v>62851</v>
      </c>
      <c r="C20380" s="1" t="s">
        <v>40974</v>
      </c>
      <c r="D20380" s="2">
        <v>173208</v>
      </c>
      <c r="E20380" s="1" t="s">
        <v>0</v>
      </c>
    </row>
    <row r="20381" spans="1:5" x14ac:dyDescent="0.25">
      <c r="A20381" s="1" t="s">
        <v>40975</v>
      </c>
      <c r="B20381" s="1" t="s">
        <v>55508</v>
      </c>
      <c r="C20381" s="1" t="s">
        <v>40976</v>
      </c>
      <c r="D20381" s="2">
        <v>173209</v>
      </c>
      <c r="E20381" s="1" t="s">
        <v>0</v>
      </c>
    </row>
    <row r="20382" spans="1:5" x14ac:dyDescent="0.25">
      <c r="A20382" s="2">
        <v>4076</v>
      </c>
      <c r="B20382" s="2">
        <v>4076</v>
      </c>
      <c r="C20382" s="1" t="s">
        <v>0</v>
      </c>
      <c r="D20382" s="2">
        <v>173210</v>
      </c>
      <c r="E20382" s="1" t="s">
        <v>0</v>
      </c>
    </row>
    <row r="20383" spans="1:5" x14ac:dyDescent="0.25">
      <c r="A20383" s="1" t="s">
        <v>10883</v>
      </c>
      <c r="B20383" s="1" t="s">
        <v>10884</v>
      </c>
      <c r="C20383" s="1" t="s">
        <v>40977</v>
      </c>
      <c r="D20383" s="2">
        <v>173211</v>
      </c>
      <c r="E20383" s="1" t="s">
        <v>0</v>
      </c>
    </row>
    <row r="20384" spans="1:5" x14ac:dyDescent="0.25">
      <c r="A20384" s="1" t="s">
        <v>40978</v>
      </c>
      <c r="B20384" s="1" t="s">
        <v>62852</v>
      </c>
      <c r="C20384" s="1" t="s">
        <v>40979</v>
      </c>
      <c r="D20384" s="2">
        <v>173212</v>
      </c>
      <c r="E20384" s="1" t="s">
        <v>0</v>
      </c>
    </row>
    <row r="20385" spans="1:5" ht="409.5" x14ac:dyDescent="0.25">
      <c r="A20385" s="4" t="s">
        <v>40980</v>
      </c>
      <c r="B20385" s="1" t="s">
        <v>62853</v>
      </c>
      <c r="C20385" s="1" t="s">
        <v>40981</v>
      </c>
      <c r="D20385" s="2">
        <v>173213</v>
      </c>
      <c r="E20385" s="1" t="s">
        <v>0</v>
      </c>
    </row>
    <row r="20386" spans="1:5" x14ac:dyDescent="0.25">
      <c r="A20386" s="1" t="s">
        <v>40982</v>
      </c>
      <c r="B20386" s="1" t="s">
        <v>55509</v>
      </c>
      <c r="C20386" s="1" t="s">
        <v>40983</v>
      </c>
      <c r="D20386" s="2">
        <v>173214</v>
      </c>
      <c r="E20386" s="1" t="s">
        <v>0</v>
      </c>
    </row>
    <row r="20387" spans="1:5" x14ac:dyDescent="0.25">
      <c r="A20387" s="2">
        <v>4077</v>
      </c>
      <c r="B20387" s="2">
        <v>4077</v>
      </c>
      <c r="C20387" s="1" t="s">
        <v>0</v>
      </c>
      <c r="D20387" s="2">
        <v>173215</v>
      </c>
      <c r="E20387" s="1" t="s">
        <v>0</v>
      </c>
    </row>
    <row r="20388" spans="1:5" x14ac:dyDescent="0.25">
      <c r="A20388" s="1" t="s">
        <v>3701</v>
      </c>
      <c r="B20388" s="1" t="s">
        <v>10885</v>
      </c>
      <c r="C20388" s="1" t="s">
        <v>40984</v>
      </c>
      <c r="D20388" s="2">
        <v>173216</v>
      </c>
      <c r="E20388" s="1" t="s">
        <v>0</v>
      </c>
    </row>
    <row r="20389" spans="1:5" x14ac:dyDescent="0.25">
      <c r="A20389" s="1" t="s">
        <v>40985</v>
      </c>
      <c r="B20389" s="1" t="s">
        <v>60642</v>
      </c>
      <c r="C20389" s="1" t="s">
        <v>40986</v>
      </c>
      <c r="D20389" s="2">
        <v>173217</v>
      </c>
      <c r="E20389" s="1" t="s">
        <v>0</v>
      </c>
    </row>
    <row r="20390" spans="1:5" ht="409.5" x14ac:dyDescent="0.25">
      <c r="A20390" s="4" t="s">
        <v>40987</v>
      </c>
      <c r="B20390" s="1" t="s">
        <v>60643</v>
      </c>
      <c r="C20390" s="1" t="s">
        <v>40988</v>
      </c>
      <c r="D20390" s="2">
        <v>173218</v>
      </c>
      <c r="E20390" s="1" t="s">
        <v>0</v>
      </c>
    </row>
    <row r="20391" spans="1:5" x14ac:dyDescent="0.25">
      <c r="A20391" s="1" t="s">
        <v>20531</v>
      </c>
      <c r="B20391" s="1" t="s">
        <v>57154</v>
      </c>
      <c r="C20391" s="1" t="s">
        <v>20532</v>
      </c>
      <c r="D20391" s="2">
        <v>173219</v>
      </c>
      <c r="E20391" s="1" t="s">
        <v>0</v>
      </c>
    </row>
    <row r="20392" spans="1:5" x14ac:dyDescent="0.25">
      <c r="A20392" s="2">
        <v>4078</v>
      </c>
      <c r="B20392" s="2">
        <v>4078</v>
      </c>
      <c r="C20392" s="1" t="s">
        <v>0</v>
      </c>
      <c r="D20392" s="2">
        <v>173220</v>
      </c>
      <c r="E20392" s="1" t="s">
        <v>0</v>
      </c>
    </row>
    <row r="20393" spans="1:5" x14ac:dyDescent="0.25">
      <c r="A20393" s="1" t="s">
        <v>3702</v>
      </c>
      <c r="B20393" s="1" t="s">
        <v>57604</v>
      </c>
      <c r="C20393" s="1" t="s">
        <v>40989</v>
      </c>
      <c r="D20393" s="2">
        <v>173221</v>
      </c>
      <c r="E20393" s="1" t="s">
        <v>0</v>
      </c>
    </row>
    <row r="20394" spans="1:5" x14ac:dyDescent="0.25">
      <c r="A20394" s="1" t="s">
        <v>40990</v>
      </c>
      <c r="B20394" s="1" t="s">
        <v>55510</v>
      </c>
      <c r="C20394" s="1" t="s">
        <v>40991</v>
      </c>
      <c r="D20394" s="2">
        <v>173222</v>
      </c>
      <c r="E20394" s="1" t="s">
        <v>0</v>
      </c>
    </row>
    <row r="20395" spans="1:5" ht="409.5" x14ac:dyDescent="0.25">
      <c r="A20395" s="4" t="s">
        <v>40992</v>
      </c>
      <c r="B20395" s="1" t="s">
        <v>63483</v>
      </c>
      <c r="C20395" s="1" t="s">
        <v>40993</v>
      </c>
      <c r="D20395" s="2">
        <v>173223</v>
      </c>
      <c r="E20395" s="1" t="s">
        <v>0</v>
      </c>
    </row>
    <row r="20396" spans="1:5" x14ac:dyDescent="0.25">
      <c r="A20396" s="1" t="s">
        <v>40994</v>
      </c>
      <c r="B20396" s="1" t="s">
        <v>57605</v>
      </c>
      <c r="C20396" s="1" t="s">
        <v>40995</v>
      </c>
      <c r="D20396" s="2">
        <v>173224</v>
      </c>
      <c r="E20396" s="1" t="s">
        <v>0</v>
      </c>
    </row>
    <row r="20397" spans="1:5" x14ac:dyDescent="0.25">
      <c r="A20397" s="2">
        <v>4079</v>
      </c>
      <c r="B20397" s="2">
        <v>4079</v>
      </c>
      <c r="C20397" s="1" t="s">
        <v>0</v>
      </c>
      <c r="D20397" s="2">
        <v>173225</v>
      </c>
      <c r="E20397" s="1" t="s">
        <v>0</v>
      </c>
    </row>
    <row r="20398" spans="1:5" x14ac:dyDescent="0.25">
      <c r="A20398" s="1" t="s">
        <v>3703</v>
      </c>
      <c r="B20398" s="1" t="s">
        <v>10886</v>
      </c>
      <c r="C20398" s="1" t="s">
        <v>40996</v>
      </c>
      <c r="D20398" s="2">
        <v>173226</v>
      </c>
      <c r="E20398" s="1" t="s">
        <v>0</v>
      </c>
    </row>
    <row r="20399" spans="1:5" x14ac:dyDescent="0.25">
      <c r="A20399" s="1" t="s">
        <v>40997</v>
      </c>
      <c r="B20399" s="1" t="s">
        <v>10887</v>
      </c>
      <c r="C20399" s="1" t="s">
        <v>40998</v>
      </c>
      <c r="D20399" s="2">
        <v>173227</v>
      </c>
      <c r="E20399" s="1" t="s">
        <v>0</v>
      </c>
    </row>
    <row r="20400" spans="1:5" ht="409.5" x14ac:dyDescent="0.25">
      <c r="A20400" s="4" t="s">
        <v>40999</v>
      </c>
      <c r="B20400" s="1" t="s">
        <v>57971</v>
      </c>
      <c r="C20400" s="1" t="s">
        <v>41000</v>
      </c>
      <c r="D20400" s="2">
        <v>173228</v>
      </c>
      <c r="E20400" s="1" t="s">
        <v>0</v>
      </c>
    </row>
    <row r="20401" spans="1:5" x14ac:dyDescent="0.25">
      <c r="A20401" s="1" t="s">
        <v>41001</v>
      </c>
      <c r="B20401" s="1" t="s">
        <v>10888</v>
      </c>
      <c r="C20401" s="1" t="s">
        <v>41002</v>
      </c>
      <c r="D20401" s="2">
        <v>173229</v>
      </c>
      <c r="E20401" s="1" t="s">
        <v>0</v>
      </c>
    </row>
    <row r="20402" spans="1:5" x14ac:dyDescent="0.25">
      <c r="A20402" s="2">
        <v>4080</v>
      </c>
      <c r="B20402" s="2">
        <v>4080</v>
      </c>
      <c r="C20402" s="1" t="s">
        <v>0</v>
      </c>
      <c r="D20402" s="2">
        <v>173230</v>
      </c>
      <c r="E20402" s="1" t="s">
        <v>0</v>
      </c>
    </row>
    <row r="20403" spans="1:5" x14ac:dyDescent="0.25">
      <c r="A20403" s="1" t="s">
        <v>3704</v>
      </c>
      <c r="B20403" s="1" t="s">
        <v>58538</v>
      </c>
      <c r="C20403" s="1" t="s">
        <v>41003</v>
      </c>
      <c r="D20403" s="2">
        <v>173231</v>
      </c>
      <c r="E20403" s="1" t="s">
        <v>0</v>
      </c>
    </row>
    <row r="20404" spans="1:5" x14ac:dyDescent="0.25">
      <c r="A20404" s="1" t="s">
        <v>41004</v>
      </c>
      <c r="B20404" s="1" t="s">
        <v>62854</v>
      </c>
      <c r="C20404" s="1" t="s">
        <v>41005</v>
      </c>
      <c r="D20404" s="2">
        <v>173232</v>
      </c>
      <c r="E20404" s="1" t="s">
        <v>0</v>
      </c>
    </row>
    <row r="20405" spans="1:5" ht="409.5" x14ac:dyDescent="0.25">
      <c r="A20405" s="4" t="s">
        <v>41006</v>
      </c>
      <c r="B20405" s="1" t="s">
        <v>62855</v>
      </c>
      <c r="C20405" s="1" t="s">
        <v>41007</v>
      </c>
      <c r="D20405" s="2">
        <v>173233</v>
      </c>
      <c r="E20405" s="1" t="s">
        <v>0</v>
      </c>
    </row>
    <row r="20406" spans="1:5" x14ac:dyDescent="0.25">
      <c r="A20406" s="1" t="s">
        <v>41008</v>
      </c>
      <c r="B20406" s="1" t="s">
        <v>55511</v>
      </c>
      <c r="C20406" s="1" t="s">
        <v>41009</v>
      </c>
      <c r="D20406" s="2">
        <v>173234</v>
      </c>
      <c r="E20406" s="1" t="s">
        <v>0</v>
      </c>
    </row>
    <row r="20407" spans="1:5" x14ac:dyDescent="0.25">
      <c r="A20407" s="2">
        <v>4081</v>
      </c>
      <c r="B20407" s="2">
        <v>4081</v>
      </c>
      <c r="C20407" s="1" t="s">
        <v>0</v>
      </c>
      <c r="D20407" s="2">
        <v>173235</v>
      </c>
      <c r="E20407" s="1" t="s">
        <v>0</v>
      </c>
    </row>
    <row r="20408" spans="1:5" x14ac:dyDescent="0.25">
      <c r="A20408" s="1" t="s">
        <v>3705</v>
      </c>
      <c r="B20408" s="1" t="s">
        <v>10889</v>
      </c>
      <c r="C20408" s="1" t="s">
        <v>41010</v>
      </c>
      <c r="D20408" s="2">
        <v>173236</v>
      </c>
      <c r="E20408" s="1" t="s">
        <v>0</v>
      </c>
    </row>
    <row r="20409" spans="1:5" x14ac:dyDescent="0.25">
      <c r="A20409" s="1" t="s">
        <v>41011</v>
      </c>
      <c r="B20409" s="1" t="s">
        <v>55512</v>
      </c>
      <c r="C20409" s="1" t="s">
        <v>41012</v>
      </c>
      <c r="D20409" s="2">
        <v>173237</v>
      </c>
      <c r="E20409" s="1" t="s">
        <v>0</v>
      </c>
    </row>
    <row r="20410" spans="1:5" ht="409.5" x14ac:dyDescent="0.25">
      <c r="A20410" s="4" t="s">
        <v>41013</v>
      </c>
      <c r="B20410" s="1" t="s">
        <v>58943</v>
      </c>
      <c r="C20410" s="1" t="s">
        <v>41014</v>
      </c>
      <c r="D20410" s="2">
        <v>173238</v>
      </c>
      <c r="E20410" s="1" t="s">
        <v>0</v>
      </c>
    </row>
    <row r="20411" spans="1:5" x14ac:dyDescent="0.25">
      <c r="A20411" s="1" t="s">
        <v>41015</v>
      </c>
      <c r="B20411" s="1" t="s">
        <v>10890</v>
      </c>
      <c r="C20411" s="1" t="s">
        <v>41016</v>
      </c>
      <c r="D20411" s="2">
        <v>173239</v>
      </c>
      <c r="E20411" s="1" t="s">
        <v>0</v>
      </c>
    </row>
    <row r="20412" spans="1:5" x14ac:dyDescent="0.25">
      <c r="A20412" s="2">
        <v>4082</v>
      </c>
      <c r="B20412" s="2">
        <v>4082</v>
      </c>
      <c r="C20412" s="1" t="s">
        <v>0</v>
      </c>
      <c r="D20412" s="2">
        <v>173240</v>
      </c>
      <c r="E20412" s="1" t="s">
        <v>0</v>
      </c>
    </row>
    <row r="20413" spans="1:5" x14ac:dyDescent="0.25">
      <c r="A20413" s="1" t="s">
        <v>3706</v>
      </c>
      <c r="B20413" s="1" t="s">
        <v>10891</v>
      </c>
      <c r="C20413" s="1" t="s">
        <v>41017</v>
      </c>
      <c r="D20413" s="2">
        <v>173241</v>
      </c>
      <c r="E20413" s="1" t="s">
        <v>0</v>
      </c>
    </row>
    <row r="20414" spans="1:5" x14ac:dyDescent="0.25">
      <c r="A20414" s="1" t="s">
        <v>41018</v>
      </c>
      <c r="B20414" s="1" t="s">
        <v>58539</v>
      </c>
      <c r="C20414" s="1" t="s">
        <v>41019</v>
      </c>
      <c r="D20414" s="2">
        <v>173242</v>
      </c>
      <c r="E20414" s="1" t="s">
        <v>0</v>
      </c>
    </row>
    <row r="20415" spans="1:5" ht="409.5" x14ac:dyDescent="0.25">
      <c r="A20415" s="4" t="s">
        <v>41020</v>
      </c>
      <c r="B20415" s="1" t="s">
        <v>58540</v>
      </c>
      <c r="C20415" s="1" t="s">
        <v>41021</v>
      </c>
      <c r="D20415" s="2">
        <v>173243</v>
      </c>
      <c r="E20415" s="1" t="s">
        <v>0</v>
      </c>
    </row>
    <row r="20416" spans="1:5" x14ac:dyDescent="0.25">
      <c r="A20416" s="1" t="s">
        <v>41022</v>
      </c>
      <c r="B20416" s="1" t="s">
        <v>55513</v>
      </c>
      <c r="C20416" s="1" t="s">
        <v>41023</v>
      </c>
      <c r="D20416" s="2">
        <v>173244</v>
      </c>
      <c r="E20416" s="1" t="s">
        <v>0</v>
      </c>
    </row>
    <row r="20417" spans="1:5" x14ac:dyDescent="0.25">
      <c r="A20417" s="2">
        <v>4083</v>
      </c>
      <c r="B20417" s="2">
        <v>4083</v>
      </c>
      <c r="C20417" s="1" t="s">
        <v>0</v>
      </c>
      <c r="D20417" s="2">
        <v>173245</v>
      </c>
      <c r="E20417" s="1" t="s">
        <v>0</v>
      </c>
    </row>
    <row r="20418" spans="1:5" x14ac:dyDescent="0.25">
      <c r="A20418" s="1" t="s">
        <v>3707</v>
      </c>
      <c r="B20418" s="1" t="s">
        <v>10892</v>
      </c>
      <c r="C20418" s="1" t="s">
        <v>41024</v>
      </c>
      <c r="D20418" s="2">
        <v>173246</v>
      </c>
      <c r="E20418" s="1" t="s">
        <v>0</v>
      </c>
    </row>
    <row r="20419" spans="1:5" x14ac:dyDescent="0.25">
      <c r="A20419" s="1" t="s">
        <v>41025</v>
      </c>
      <c r="B20419" s="1" t="s">
        <v>55514</v>
      </c>
      <c r="C20419" s="1" t="s">
        <v>41026</v>
      </c>
      <c r="D20419" s="2">
        <v>173247</v>
      </c>
      <c r="E20419" s="1" t="s">
        <v>0</v>
      </c>
    </row>
    <row r="20420" spans="1:5" ht="409.5" x14ac:dyDescent="0.25">
      <c r="A20420" s="4" t="s">
        <v>41027</v>
      </c>
      <c r="B20420" s="1" t="s">
        <v>55515</v>
      </c>
      <c r="C20420" s="1" t="s">
        <v>41028</v>
      </c>
      <c r="D20420" s="2">
        <v>173248</v>
      </c>
      <c r="E20420" s="1" t="s">
        <v>0</v>
      </c>
    </row>
    <row r="20421" spans="1:5" x14ac:dyDescent="0.25">
      <c r="A20421" s="1" t="s">
        <v>41029</v>
      </c>
      <c r="B20421" s="1" t="s">
        <v>10893</v>
      </c>
      <c r="C20421" s="1" t="s">
        <v>41030</v>
      </c>
      <c r="D20421" s="2">
        <v>173249</v>
      </c>
      <c r="E20421" s="1" t="s">
        <v>0</v>
      </c>
    </row>
    <row r="20422" spans="1:5" x14ac:dyDescent="0.25">
      <c r="A20422" s="2">
        <v>4084</v>
      </c>
      <c r="B20422" s="2">
        <v>4084</v>
      </c>
      <c r="C20422" s="1" t="s">
        <v>0</v>
      </c>
      <c r="D20422" s="2">
        <v>173250</v>
      </c>
      <c r="E20422" s="1" t="s">
        <v>0</v>
      </c>
    </row>
    <row r="20423" spans="1:5" x14ac:dyDescent="0.25">
      <c r="A20423" s="1" t="s">
        <v>3708</v>
      </c>
      <c r="B20423" s="1" t="s">
        <v>10894</v>
      </c>
      <c r="C20423" s="1" t="s">
        <v>41031</v>
      </c>
      <c r="D20423" s="2">
        <v>173251</v>
      </c>
      <c r="E20423" s="1" t="s">
        <v>0</v>
      </c>
    </row>
    <row r="20424" spans="1:5" x14ac:dyDescent="0.25">
      <c r="A20424" s="1" t="s">
        <v>41032</v>
      </c>
      <c r="B20424" s="1" t="s">
        <v>55516</v>
      </c>
      <c r="C20424" s="1" t="s">
        <v>41033</v>
      </c>
      <c r="D20424" s="2">
        <v>173252</v>
      </c>
      <c r="E20424" s="1" t="s">
        <v>0</v>
      </c>
    </row>
    <row r="20425" spans="1:5" ht="409.5" x14ac:dyDescent="0.25">
      <c r="A20425" s="4" t="s">
        <v>41034</v>
      </c>
      <c r="B20425" s="1" t="s">
        <v>55517</v>
      </c>
      <c r="C20425" s="1" t="s">
        <v>41035</v>
      </c>
      <c r="D20425" s="2">
        <v>173253</v>
      </c>
      <c r="E20425" s="1" t="s">
        <v>0</v>
      </c>
    </row>
    <row r="20426" spans="1:5" x14ac:dyDescent="0.25">
      <c r="A20426" s="1" t="s">
        <v>41036</v>
      </c>
      <c r="B20426" s="1" t="s">
        <v>10895</v>
      </c>
      <c r="C20426" s="1" t="s">
        <v>41037</v>
      </c>
      <c r="D20426" s="2">
        <v>173254</v>
      </c>
      <c r="E20426" s="1" t="s">
        <v>0</v>
      </c>
    </row>
    <row r="20427" spans="1:5" x14ac:dyDescent="0.25">
      <c r="A20427" s="2">
        <v>4085</v>
      </c>
      <c r="B20427" s="2">
        <v>4085</v>
      </c>
      <c r="C20427" s="1" t="s">
        <v>0</v>
      </c>
      <c r="D20427" s="2">
        <v>173255</v>
      </c>
      <c r="E20427" s="1" t="s">
        <v>0</v>
      </c>
    </row>
    <row r="20428" spans="1:5" x14ac:dyDescent="0.25">
      <c r="A20428" s="1" t="s">
        <v>3709</v>
      </c>
      <c r="B20428" s="1" t="s">
        <v>58830</v>
      </c>
      <c r="C20428" s="1" t="s">
        <v>41038</v>
      </c>
      <c r="D20428" s="2">
        <v>173256</v>
      </c>
      <c r="E20428" s="1" t="s">
        <v>0</v>
      </c>
    </row>
    <row r="20429" spans="1:5" x14ac:dyDescent="0.25">
      <c r="A20429" s="1" t="s">
        <v>41039</v>
      </c>
      <c r="B20429" s="1" t="s">
        <v>62856</v>
      </c>
      <c r="C20429" s="1" t="s">
        <v>41040</v>
      </c>
      <c r="D20429" s="2">
        <v>173257</v>
      </c>
      <c r="E20429" s="1" t="s">
        <v>0</v>
      </c>
    </row>
    <row r="20430" spans="1:5" ht="409.5" x14ac:dyDescent="0.25">
      <c r="A20430" s="4" t="s">
        <v>41041</v>
      </c>
      <c r="B20430" s="1" t="s">
        <v>62857</v>
      </c>
      <c r="C20430" s="1" t="s">
        <v>41042</v>
      </c>
      <c r="D20430" s="2">
        <v>173258</v>
      </c>
      <c r="E20430" s="1" t="s">
        <v>0</v>
      </c>
    </row>
    <row r="20431" spans="1:5" x14ac:dyDescent="0.25">
      <c r="A20431" s="1" t="s">
        <v>41043</v>
      </c>
      <c r="B20431" s="1" t="s">
        <v>58831</v>
      </c>
      <c r="C20431" s="1" t="s">
        <v>41044</v>
      </c>
      <c r="D20431" s="2">
        <v>173259</v>
      </c>
      <c r="E20431" s="1" t="s">
        <v>0</v>
      </c>
    </row>
    <row r="20432" spans="1:5" x14ac:dyDescent="0.25">
      <c r="A20432" s="2">
        <v>4086</v>
      </c>
      <c r="B20432" s="2">
        <v>4086</v>
      </c>
      <c r="C20432" s="1" t="s">
        <v>0</v>
      </c>
      <c r="D20432" s="2">
        <v>173260</v>
      </c>
      <c r="E20432" s="1" t="s">
        <v>0</v>
      </c>
    </row>
    <row r="20433" spans="1:5" x14ac:dyDescent="0.25">
      <c r="A20433" s="1" t="s">
        <v>3710</v>
      </c>
      <c r="B20433" s="1" t="s">
        <v>10896</v>
      </c>
      <c r="C20433" s="1" t="s">
        <v>41045</v>
      </c>
      <c r="D20433" s="2">
        <v>173261</v>
      </c>
      <c r="E20433" s="1" t="s">
        <v>0</v>
      </c>
    </row>
    <row r="20434" spans="1:5" x14ac:dyDescent="0.25">
      <c r="A20434" s="1" t="s">
        <v>41046</v>
      </c>
      <c r="B20434" s="1" t="s">
        <v>10897</v>
      </c>
      <c r="C20434" s="1" t="s">
        <v>41047</v>
      </c>
      <c r="D20434" s="2">
        <v>173262</v>
      </c>
      <c r="E20434" s="1" t="s">
        <v>0</v>
      </c>
    </row>
    <row r="20435" spans="1:5" ht="409.5" x14ac:dyDescent="0.25">
      <c r="A20435" s="4" t="s">
        <v>41048</v>
      </c>
      <c r="B20435" s="1" t="s">
        <v>63484</v>
      </c>
      <c r="C20435" s="1" t="s">
        <v>41049</v>
      </c>
      <c r="D20435" s="2">
        <v>173263</v>
      </c>
      <c r="E20435" s="1" t="s">
        <v>0</v>
      </c>
    </row>
    <row r="20436" spans="1:5" x14ac:dyDescent="0.25">
      <c r="A20436" s="1" t="s">
        <v>41050</v>
      </c>
      <c r="B20436" s="1" t="s">
        <v>55518</v>
      </c>
      <c r="C20436" s="1" t="s">
        <v>41051</v>
      </c>
      <c r="D20436" s="2">
        <v>173264</v>
      </c>
      <c r="E20436" s="1" t="s">
        <v>0</v>
      </c>
    </row>
    <row r="20437" spans="1:5" x14ac:dyDescent="0.25">
      <c r="A20437" s="2">
        <v>4087</v>
      </c>
      <c r="B20437" s="2">
        <v>4087</v>
      </c>
      <c r="C20437" s="1" t="s">
        <v>0</v>
      </c>
      <c r="D20437" s="2">
        <v>173265</v>
      </c>
      <c r="E20437" s="1" t="s">
        <v>0</v>
      </c>
    </row>
    <row r="20438" spans="1:5" x14ac:dyDescent="0.25">
      <c r="A20438" s="1" t="s">
        <v>3711</v>
      </c>
      <c r="B20438" s="1" t="s">
        <v>10898</v>
      </c>
      <c r="C20438" s="1" t="s">
        <v>41052</v>
      </c>
      <c r="D20438" s="2">
        <v>173266</v>
      </c>
      <c r="E20438" s="1" t="s">
        <v>0</v>
      </c>
    </row>
    <row r="20439" spans="1:5" x14ac:dyDescent="0.25">
      <c r="A20439" s="1" t="s">
        <v>41053</v>
      </c>
      <c r="B20439" s="1" t="s">
        <v>41054</v>
      </c>
      <c r="C20439" s="1" t="s">
        <v>41055</v>
      </c>
      <c r="D20439" s="2">
        <v>173267</v>
      </c>
      <c r="E20439" s="1" t="s">
        <v>0</v>
      </c>
    </row>
    <row r="20440" spans="1:5" ht="409.5" x14ac:dyDescent="0.25">
      <c r="A20440" s="4" t="s">
        <v>41056</v>
      </c>
      <c r="B20440" s="1" t="s">
        <v>41057</v>
      </c>
      <c r="C20440" s="1" t="s">
        <v>41058</v>
      </c>
      <c r="D20440" s="2">
        <v>173268</v>
      </c>
      <c r="E20440" s="1" t="s">
        <v>0</v>
      </c>
    </row>
    <row r="20441" spans="1:5" x14ac:dyDescent="0.25">
      <c r="A20441" s="1" t="s">
        <v>41059</v>
      </c>
      <c r="B20441" s="1" t="s">
        <v>55519</v>
      </c>
      <c r="C20441" s="1" t="s">
        <v>41060</v>
      </c>
      <c r="D20441" s="2">
        <v>173269</v>
      </c>
      <c r="E20441" s="1" t="s">
        <v>0</v>
      </c>
    </row>
    <row r="20442" spans="1:5" x14ac:dyDescent="0.25">
      <c r="A20442" s="2">
        <v>4088</v>
      </c>
      <c r="B20442" s="2">
        <v>4088</v>
      </c>
      <c r="C20442" s="1" t="s">
        <v>0</v>
      </c>
      <c r="D20442" s="2">
        <v>173270</v>
      </c>
      <c r="E20442" s="1" t="s">
        <v>0</v>
      </c>
    </row>
    <row r="20443" spans="1:5" x14ac:dyDescent="0.25">
      <c r="A20443" s="1" t="s">
        <v>3712</v>
      </c>
      <c r="B20443" s="1" t="s">
        <v>10899</v>
      </c>
      <c r="C20443" s="1" t="s">
        <v>41061</v>
      </c>
      <c r="D20443" s="2">
        <v>173271</v>
      </c>
      <c r="E20443" s="1" t="s">
        <v>0</v>
      </c>
    </row>
    <row r="20444" spans="1:5" x14ac:dyDescent="0.25">
      <c r="A20444" s="1" t="s">
        <v>41062</v>
      </c>
      <c r="B20444" s="1" t="s">
        <v>55520</v>
      </c>
      <c r="C20444" s="1" t="s">
        <v>41063</v>
      </c>
      <c r="D20444" s="2">
        <v>173272</v>
      </c>
      <c r="E20444" s="1" t="s">
        <v>0</v>
      </c>
    </row>
    <row r="20445" spans="1:5" ht="409.5" x14ac:dyDescent="0.25">
      <c r="A20445" s="4" t="s">
        <v>64319</v>
      </c>
      <c r="B20445" s="1" t="s">
        <v>55521</v>
      </c>
      <c r="C20445" s="1" t="s">
        <v>41064</v>
      </c>
      <c r="D20445" s="2">
        <v>173273</v>
      </c>
      <c r="E20445" s="1" t="s">
        <v>0</v>
      </c>
    </row>
    <row r="20446" spans="1:5" x14ac:dyDescent="0.25">
      <c r="A20446" s="1" t="s">
        <v>41065</v>
      </c>
      <c r="B20446" s="1" t="s">
        <v>10900</v>
      </c>
      <c r="C20446" s="1" t="s">
        <v>41066</v>
      </c>
      <c r="D20446" s="2">
        <v>173274</v>
      </c>
      <c r="E20446" s="1" t="s">
        <v>0</v>
      </c>
    </row>
    <row r="20447" spans="1:5" x14ac:dyDescent="0.25">
      <c r="A20447" s="2">
        <v>4089</v>
      </c>
      <c r="B20447" s="2">
        <v>4089</v>
      </c>
      <c r="C20447" s="1" t="s">
        <v>0</v>
      </c>
      <c r="D20447" s="2">
        <v>173275</v>
      </c>
      <c r="E20447" s="1" t="s">
        <v>0</v>
      </c>
    </row>
    <row r="20448" spans="1:5" x14ac:dyDescent="0.25">
      <c r="A20448" s="1" t="s">
        <v>13261</v>
      </c>
      <c r="B20448" s="1" t="s">
        <v>10901</v>
      </c>
      <c r="C20448" s="1" t="s">
        <v>41067</v>
      </c>
      <c r="D20448" s="2">
        <v>173276</v>
      </c>
      <c r="E20448" s="1" t="s">
        <v>0</v>
      </c>
    </row>
    <row r="20449" spans="1:5" x14ac:dyDescent="0.25">
      <c r="A20449" s="1" t="s">
        <v>41068</v>
      </c>
      <c r="B20449" s="1" t="s">
        <v>55522</v>
      </c>
      <c r="C20449" s="1" t="s">
        <v>41069</v>
      </c>
      <c r="D20449" s="2">
        <v>173277</v>
      </c>
      <c r="E20449" s="1" t="s">
        <v>0</v>
      </c>
    </row>
    <row r="20450" spans="1:5" ht="409.5" x14ac:dyDescent="0.25">
      <c r="A20450" s="4" t="s">
        <v>41070</v>
      </c>
      <c r="B20450" s="1" t="s">
        <v>55523</v>
      </c>
      <c r="C20450" s="1" t="s">
        <v>41071</v>
      </c>
      <c r="D20450" s="2">
        <v>173278</v>
      </c>
      <c r="E20450" s="1" t="s">
        <v>0</v>
      </c>
    </row>
    <row r="20451" spans="1:5" x14ac:dyDescent="0.25">
      <c r="A20451" s="1" t="s">
        <v>41072</v>
      </c>
      <c r="B20451" s="1" t="s">
        <v>10902</v>
      </c>
      <c r="C20451" s="1" t="s">
        <v>41073</v>
      </c>
      <c r="D20451" s="2">
        <v>173279</v>
      </c>
      <c r="E20451" s="1" t="s">
        <v>0</v>
      </c>
    </row>
    <row r="20452" spans="1:5" x14ac:dyDescent="0.25">
      <c r="A20452" s="2">
        <v>4090</v>
      </c>
      <c r="B20452" s="2">
        <v>4090</v>
      </c>
      <c r="C20452" s="1" t="s">
        <v>0</v>
      </c>
      <c r="D20452" s="2">
        <v>173280</v>
      </c>
      <c r="E20452" s="1" t="s">
        <v>0</v>
      </c>
    </row>
    <row r="20453" spans="1:5" x14ac:dyDescent="0.25">
      <c r="A20453" s="1" t="s">
        <v>3713</v>
      </c>
      <c r="B20453" s="1" t="s">
        <v>10903</v>
      </c>
      <c r="C20453" s="1" t="s">
        <v>41074</v>
      </c>
      <c r="D20453" s="2">
        <v>173281</v>
      </c>
      <c r="E20453" s="1" t="s">
        <v>0</v>
      </c>
    </row>
    <row r="20454" spans="1:5" x14ac:dyDescent="0.25">
      <c r="A20454" s="1" t="s">
        <v>41075</v>
      </c>
      <c r="B20454" s="1" t="s">
        <v>62858</v>
      </c>
      <c r="C20454" s="1" t="s">
        <v>41076</v>
      </c>
      <c r="D20454" s="2">
        <v>173282</v>
      </c>
      <c r="E20454" s="1" t="s">
        <v>0</v>
      </c>
    </row>
    <row r="20455" spans="1:5" ht="409.5" x14ac:dyDescent="0.25">
      <c r="A20455" s="4" t="s">
        <v>41077</v>
      </c>
      <c r="B20455" s="1" t="s">
        <v>62859</v>
      </c>
      <c r="C20455" s="1" t="s">
        <v>41078</v>
      </c>
      <c r="D20455" s="2">
        <v>173283</v>
      </c>
      <c r="E20455" s="1" t="s">
        <v>0</v>
      </c>
    </row>
    <row r="20456" spans="1:5" x14ac:dyDescent="0.25">
      <c r="A20456" s="1" t="s">
        <v>41079</v>
      </c>
      <c r="B20456" s="1" t="s">
        <v>10904</v>
      </c>
      <c r="C20456" s="1" t="s">
        <v>41080</v>
      </c>
      <c r="D20456" s="2">
        <v>173284</v>
      </c>
      <c r="E20456" s="1" t="s">
        <v>0</v>
      </c>
    </row>
    <row r="20457" spans="1:5" x14ac:dyDescent="0.25">
      <c r="A20457" s="2">
        <v>4091</v>
      </c>
      <c r="B20457" s="2">
        <v>4091</v>
      </c>
      <c r="C20457" s="1" t="s">
        <v>0</v>
      </c>
      <c r="D20457" s="2">
        <v>173285</v>
      </c>
      <c r="E20457" s="1" t="s">
        <v>0</v>
      </c>
    </row>
    <row r="20458" spans="1:5" x14ac:dyDescent="0.25">
      <c r="A20458" s="1" t="s">
        <v>3714</v>
      </c>
      <c r="B20458" s="1" t="s">
        <v>10905</v>
      </c>
      <c r="C20458" s="1" t="s">
        <v>41081</v>
      </c>
      <c r="D20458" s="2">
        <v>173286</v>
      </c>
      <c r="E20458" s="1" t="s">
        <v>0</v>
      </c>
    </row>
    <row r="20459" spans="1:5" x14ac:dyDescent="0.25">
      <c r="A20459" s="1" t="s">
        <v>41082</v>
      </c>
      <c r="B20459" s="1" t="s">
        <v>58541</v>
      </c>
      <c r="C20459" s="1" t="s">
        <v>41083</v>
      </c>
      <c r="D20459" s="2">
        <v>173287</v>
      </c>
      <c r="E20459" s="1" t="s">
        <v>0</v>
      </c>
    </row>
    <row r="20460" spans="1:5" ht="409.5" x14ac:dyDescent="0.25">
      <c r="A20460" s="4" t="s">
        <v>41084</v>
      </c>
      <c r="B20460" s="1" t="s">
        <v>58542</v>
      </c>
      <c r="C20460" s="1" t="s">
        <v>41085</v>
      </c>
      <c r="D20460" s="2">
        <v>173288</v>
      </c>
      <c r="E20460" s="1" t="s">
        <v>0</v>
      </c>
    </row>
    <row r="20461" spans="1:5" x14ac:dyDescent="0.25">
      <c r="A20461" s="1" t="s">
        <v>41086</v>
      </c>
      <c r="B20461" s="1" t="s">
        <v>10906</v>
      </c>
      <c r="C20461" s="1" t="s">
        <v>41087</v>
      </c>
      <c r="D20461" s="2">
        <v>173289</v>
      </c>
      <c r="E20461" s="1" t="s">
        <v>0</v>
      </c>
    </row>
    <row r="20462" spans="1:5" x14ac:dyDescent="0.25">
      <c r="A20462" s="2">
        <v>4092</v>
      </c>
      <c r="B20462" s="2">
        <v>4092</v>
      </c>
      <c r="C20462" s="1" t="s">
        <v>0</v>
      </c>
      <c r="D20462" s="2">
        <v>173290</v>
      </c>
      <c r="E20462" s="1" t="s">
        <v>0</v>
      </c>
    </row>
    <row r="20463" spans="1:5" x14ac:dyDescent="0.25">
      <c r="A20463" s="1" t="s">
        <v>3715</v>
      </c>
      <c r="B20463" s="1" t="s">
        <v>60208</v>
      </c>
      <c r="C20463" s="1" t="s">
        <v>41088</v>
      </c>
      <c r="D20463" s="2">
        <v>173291</v>
      </c>
      <c r="E20463" s="1" t="s">
        <v>0</v>
      </c>
    </row>
    <row r="20464" spans="1:5" x14ac:dyDescent="0.25">
      <c r="A20464" s="1" t="s">
        <v>41089</v>
      </c>
      <c r="B20464" s="1" t="s">
        <v>60209</v>
      </c>
      <c r="C20464" s="1" t="s">
        <v>41090</v>
      </c>
      <c r="D20464" s="2">
        <v>173292</v>
      </c>
      <c r="E20464" s="1" t="s">
        <v>0</v>
      </c>
    </row>
    <row r="20465" spans="1:5" ht="409.5" x14ac:dyDescent="0.25">
      <c r="A20465" s="4" t="s">
        <v>41091</v>
      </c>
      <c r="B20465" s="1" t="s">
        <v>60778</v>
      </c>
      <c r="C20465" s="1" t="s">
        <v>41092</v>
      </c>
      <c r="D20465" s="2">
        <v>173293</v>
      </c>
      <c r="E20465" s="1" t="s">
        <v>0</v>
      </c>
    </row>
    <row r="20466" spans="1:5" x14ac:dyDescent="0.25">
      <c r="A20466" s="1" t="s">
        <v>41093</v>
      </c>
      <c r="B20466" s="1" t="s">
        <v>10907</v>
      </c>
      <c r="C20466" s="1" t="s">
        <v>41094</v>
      </c>
      <c r="D20466" s="2">
        <v>173294</v>
      </c>
      <c r="E20466" s="1" t="s">
        <v>0</v>
      </c>
    </row>
    <row r="20467" spans="1:5" x14ac:dyDescent="0.25">
      <c r="A20467" s="2">
        <v>4093</v>
      </c>
      <c r="B20467" s="2">
        <v>4093</v>
      </c>
      <c r="C20467" s="1" t="s">
        <v>0</v>
      </c>
      <c r="D20467" s="2">
        <v>173295</v>
      </c>
      <c r="E20467" s="1" t="s">
        <v>0</v>
      </c>
    </row>
    <row r="20468" spans="1:5" x14ac:dyDescent="0.25">
      <c r="A20468" s="1" t="s">
        <v>10908</v>
      </c>
      <c r="B20468" s="1" t="s">
        <v>58543</v>
      </c>
      <c r="C20468" s="1" t="s">
        <v>41095</v>
      </c>
      <c r="D20468" s="2">
        <v>173296</v>
      </c>
      <c r="E20468" s="1" t="s">
        <v>0</v>
      </c>
    </row>
    <row r="20469" spans="1:5" x14ac:dyDescent="0.25">
      <c r="A20469" s="1" t="s">
        <v>41096</v>
      </c>
      <c r="B20469" s="1" t="s">
        <v>58544</v>
      </c>
      <c r="C20469" s="1" t="s">
        <v>41097</v>
      </c>
      <c r="D20469" s="2">
        <v>173297</v>
      </c>
      <c r="E20469" s="1" t="s">
        <v>0</v>
      </c>
    </row>
    <row r="20470" spans="1:5" ht="409.5" x14ac:dyDescent="0.25">
      <c r="A20470" s="4" t="s">
        <v>41098</v>
      </c>
      <c r="B20470" s="1" t="s">
        <v>60644</v>
      </c>
      <c r="C20470" s="1" t="s">
        <v>41099</v>
      </c>
      <c r="D20470" s="2">
        <v>173298</v>
      </c>
      <c r="E20470" s="1" t="s">
        <v>0</v>
      </c>
    </row>
    <row r="20471" spans="1:5" x14ac:dyDescent="0.25">
      <c r="A20471" s="1" t="s">
        <v>41100</v>
      </c>
      <c r="B20471" s="1" t="s">
        <v>60645</v>
      </c>
      <c r="C20471" s="1" t="s">
        <v>41101</v>
      </c>
      <c r="D20471" s="2">
        <v>173299</v>
      </c>
      <c r="E20471" s="1" t="s">
        <v>0</v>
      </c>
    </row>
    <row r="20472" spans="1:5" x14ac:dyDescent="0.25">
      <c r="A20472" s="2">
        <v>4094</v>
      </c>
      <c r="B20472" s="2">
        <v>4094</v>
      </c>
      <c r="C20472" s="1" t="s">
        <v>0</v>
      </c>
      <c r="D20472" s="2">
        <v>173300</v>
      </c>
      <c r="E20472" s="1" t="s">
        <v>0</v>
      </c>
    </row>
    <row r="20473" spans="1:5" x14ac:dyDescent="0.25">
      <c r="A20473" s="1" t="s">
        <v>3716</v>
      </c>
      <c r="B20473" s="1" t="s">
        <v>10909</v>
      </c>
      <c r="C20473" s="1" t="s">
        <v>41102</v>
      </c>
      <c r="D20473" s="2">
        <v>173301</v>
      </c>
      <c r="E20473" s="1" t="s">
        <v>0</v>
      </c>
    </row>
    <row r="20474" spans="1:5" x14ac:dyDescent="0.25">
      <c r="A20474" s="1" t="s">
        <v>41103</v>
      </c>
      <c r="B20474" s="1" t="s">
        <v>59069</v>
      </c>
      <c r="C20474" s="1" t="s">
        <v>41104</v>
      </c>
      <c r="D20474" s="2">
        <v>173302</v>
      </c>
      <c r="E20474" s="1" t="s">
        <v>0</v>
      </c>
    </row>
    <row r="20475" spans="1:5" ht="409.5" x14ac:dyDescent="0.25">
      <c r="A20475" s="4" t="s">
        <v>41105</v>
      </c>
      <c r="B20475" s="1" t="s">
        <v>59070</v>
      </c>
      <c r="C20475" s="1" t="s">
        <v>41106</v>
      </c>
      <c r="D20475" s="2">
        <v>173303</v>
      </c>
      <c r="E20475" s="1" t="s">
        <v>0</v>
      </c>
    </row>
    <row r="20476" spans="1:5" x14ac:dyDescent="0.25">
      <c r="A20476" s="1" t="s">
        <v>41107</v>
      </c>
      <c r="B20476" s="1" t="s">
        <v>10910</v>
      </c>
      <c r="C20476" s="1" t="s">
        <v>41108</v>
      </c>
      <c r="D20476" s="2">
        <v>173304</v>
      </c>
      <c r="E20476" s="1" t="s">
        <v>0</v>
      </c>
    </row>
    <row r="20477" spans="1:5" x14ac:dyDescent="0.25">
      <c r="A20477" s="2">
        <v>4095</v>
      </c>
      <c r="B20477" s="2">
        <v>4095</v>
      </c>
      <c r="C20477" s="1" t="s">
        <v>0</v>
      </c>
      <c r="D20477" s="2">
        <v>173305</v>
      </c>
      <c r="E20477" s="1" t="s">
        <v>0</v>
      </c>
    </row>
    <row r="20478" spans="1:5" x14ac:dyDescent="0.25">
      <c r="A20478" s="1" t="s">
        <v>3717</v>
      </c>
      <c r="B20478" s="1" t="s">
        <v>10911</v>
      </c>
      <c r="C20478" s="1" t="s">
        <v>41109</v>
      </c>
      <c r="D20478" s="2">
        <v>173306</v>
      </c>
      <c r="E20478" s="1" t="s">
        <v>0</v>
      </c>
    </row>
    <row r="20479" spans="1:5" x14ac:dyDescent="0.25">
      <c r="A20479" s="1" t="s">
        <v>41110</v>
      </c>
      <c r="B20479" s="1" t="s">
        <v>55524</v>
      </c>
      <c r="C20479" s="1" t="s">
        <v>41111</v>
      </c>
      <c r="D20479" s="2">
        <v>173307</v>
      </c>
      <c r="E20479" s="1" t="s">
        <v>0</v>
      </c>
    </row>
    <row r="20480" spans="1:5" ht="409.5" x14ac:dyDescent="0.25">
      <c r="A20480" s="4" t="s">
        <v>41112</v>
      </c>
      <c r="B20480" s="1" t="s">
        <v>55525</v>
      </c>
      <c r="C20480" s="1" t="s">
        <v>41113</v>
      </c>
      <c r="D20480" s="2">
        <v>173308</v>
      </c>
      <c r="E20480" s="1" t="s">
        <v>0</v>
      </c>
    </row>
    <row r="20481" spans="1:5" x14ac:dyDescent="0.25">
      <c r="A20481" s="1" t="s">
        <v>41114</v>
      </c>
      <c r="B20481" s="1" t="s">
        <v>10912</v>
      </c>
      <c r="C20481" s="1" t="s">
        <v>41115</v>
      </c>
      <c r="D20481" s="2">
        <v>173309</v>
      </c>
      <c r="E20481" s="1" t="s">
        <v>0</v>
      </c>
    </row>
    <row r="20482" spans="1:5" x14ac:dyDescent="0.25">
      <c r="A20482" s="2">
        <v>4096</v>
      </c>
      <c r="B20482" s="2">
        <v>4096</v>
      </c>
      <c r="C20482" s="1" t="s">
        <v>0</v>
      </c>
      <c r="D20482" s="2">
        <v>173310</v>
      </c>
      <c r="E20482" s="1" t="s">
        <v>0</v>
      </c>
    </row>
    <row r="20483" spans="1:5" x14ac:dyDescent="0.25">
      <c r="A20483" s="1" t="s">
        <v>3718</v>
      </c>
      <c r="B20483" s="1" t="s">
        <v>10913</v>
      </c>
      <c r="C20483" s="1" t="s">
        <v>41116</v>
      </c>
      <c r="D20483" s="2">
        <v>173311</v>
      </c>
      <c r="E20483" s="1" t="s">
        <v>0</v>
      </c>
    </row>
    <row r="20484" spans="1:5" x14ac:dyDescent="0.25">
      <c r="A20484" s="1" t="s">
        <v>41117</v>
      </c>
      <c r="B20484" s="1" t="s">
        <v>55526</v>
      </c>
      <c r="C20484" s="1" t="s">
        <v>41118</v>
      </c>
      <c r="D20484" s="2">
        <v>173312</v>
      </c>
      <c r="E20484" s="1" t="s">
        <v>0</v>
      </c>
    </row>
    <row r="20485" spans="1:5" ht="409.5" x14ac:dyDescent="0.25">
      <c r="A20485" s="4" t="s">
        <v>41119</v>
      </c>
      <c r="B20485" s="1" t="s">
        <v>55527</v>
      </c>
      <c r="C20485" s="1" t="s">
        <v>41120</v>
      </c>
      <c r="D20485" s="2">
        <v>173313</v>
      </c>
      <c r="E20485" s="1" t="s">
        <v>0</v>
      </c>
    </row>
    <row r="20486" spans="1:5" x14ac:dyDescent="0.25">
      <c r="A20486" s="1" t="s">
        <v>41121</v>
      </c>
      <c r="B20486" s="1" t="s">
        <v>61308</v>
      </c>
      <c r="C20486" s="1" t="s">
        <v>41122</v>
      </c>
      <c r="D20486" s="2">
        <v>173314</v>
      </c>
      <c r="E20486" s="1" t="s">
        <v>0</v>
      </c>
    </row>
    <row r="20487" spans="1:5" x14ac:dyDescent="0.25">
      <c r="A20487" s="2">
        <v>4097</v>
      </c>
      <c r="B20487" s="2">
        <v>4097</v>
      </c>
      <c r="C20487" s="1" t="s">
        <v>0</v>
      </c>
      <c r="D20487" s="2">
        <v>173315</v>
      </c>
      <c r="E20487" s="1" t="s">
        <v>0</v>
      </c>
    </row>
    <row r="20488" spans="1:5" x14ac:dyDescent="0.25">
      <c r="A20488" s="1" t="s">
        <v>3719</v>
      </c>
      <c r="B20488" s="1" t="s">
        <v>10914</v>
      </c>
      <c r="C20488" s="1" t="s">
        <v>41123</v>
      </c>
      <c r="D20488" s="2">
        <v>173316</v>
      </c>
      <c r="E20488" s="1" t="s">
        <v>0</v>
      </c>
    </row>
    <row r="20489" spans="1:5" x14ac:dyDescent="0.25">
      <c r="A20489" s="1" t="s">
        <v>41124</v>
      </c>
      <c r="B20489" s="1" t="s">
        <v>55528</v>
      </c>
      <c r="C20489" s="1" t="s">
        <v>41125</v>
      </c>
      <c r="D20489" s="2">
        <v>173317</v>
      </c>
      <c r="E20489" s="1" t="s">
        <v>0</v>
      </c>
    </row>
    <row r="20490" spans="1:5" ht="409.5" x14ac:dyDescent="0.25">
      <c r="A20490" s="4" t="s">
        <v>41126</v>
      </c>
      <c r="B20490" s="1" t="s">
        <v>55529</v>
      </c>
      <c r="C20490" s="1" t="s">
        <v>41127</v>
      </c>
      <c r="D20490" s="2">
        <v>173318</v>
      </c>
      <c r="E20490" s="1" t="s">
        <v>0</v>
      </c>
    </row>
    <row r="20491" spans="1:5" x14ac:dyDescent="0.25">
      <c r="A20491" s="1" t="s">
        <v>41128</v>
      </c>
      <c r="B20491" s="1" t="s">
        <v>56851</v>
      </c>
      <c r="C20491" s="1" t="s">
        <v>41129</v>
      </c>
      <c r="D20491" s="2">
        <v>173319</v>
      </c>
      <c r="E20491" s="1" t="s">
        <v>0</v>
      </c>
    </row>
    <row r="20492" spans="1:5" x14ac:dyDescent="0.25">
      <c r="A20492" s="2">
        <v>4098</v>
      </c>
      <c r="B20492" s="2">
        <v>4098</v>
      </c>
      <c r="C20492" s="1" t="s">
        <v>0</v>
      </c>
      <c r="D20492" s="2">
        <v>173320</v>
      </c>
      <c r="E20492" s="1" t="s">
        <v>0</v>
      </c>
    </row>
    <row r="20493" spans="1:5" x14ac:dyDescent="0.25">
      <c r="A20493" s="1" t="s">
        <v>3720</v>
      </c>
      <c r="B20493" s="1" t="s">
        <v>10915</v>
      </c>
      <c r="C20493" s="1" t="s">
        <v>41130</v>
      </c>
      <c r="D20493" s="2">
        <v>173321</v>
      </c>
      <c r="E20493" s="1" t="s">
        <v>0</v>
      </c>
    </row>
    <row r="20494" spans="1:5" x14ac:dyDescent="0.25">
      <c r="A20494" s="1" t="s">
        <v>41131</v>
      </c>
      <c r="B20494" s="1" t="s">
        <v>59071</v>
      </c>
      <c r="C20494" s="1" t="s">
        <v>41132</v>
      </c>
      <c r="D20494" s="2">
        <v>173322</v>
      </c>
      <c r="E20494" s="1" t="s">
        <v>0</v>
      </c>
    </row>
    <row r="20495" spans="1:5" ht="409.5" x14ac:dyDescent="0.25">
      <c r="A20495" s="4" t="s">
        <v>41133</v>
      </c>
      <c r="B20495" s="1" t="s">
        <v>59072</v>
      </c>
      <c r="C20495" s="1" t="s">
        <v>41134</v>
      </c>
      <c r="D20495" s="2">
        <v>173323</v>
      </c>
      <c r="E20495" s="1" t="s">
        <v>0</v>
      </c>
    </row>
    <row r="20496" spans="1:5" x14ac:dyDescent="0.25">
      <c r="A20496" s="1" t="s">
        <v>41135</v>
      </c>
      <c r="B20496" s="1" t="s">
        <v>55530</v>
      </c>
      <c r="C20496" s="1" t="s">
        <v>41136</v>
      </c>
      <c r="D20496" s="2">
        <v>173324</v>
      </c>
      <c r="E20496" s="1" t="s">
        <v>0</v>
      </c>
    </row>
    <row r="20497" spans="1:5" x14ac:dyDescent="0.25">
      <c r="A20497" s="2">
        <v>4099</v>
      </c>
      <c r="B20497" s="2">
        <v>4099</v>
      </c>
      <c r="C20497" s="1" t="s">
        <v>0</v>
      </c>
      <c r="D20497" s="2">
        <v>173325</v>
      </c>
      <c r="E20497" s="1" t="s">
        <v>0</v>
      </c>
    </row>
    <row r="20498" spans="1:5" x14ac:dyDescent="0.25">
      <c r="A20498" s="1" t="s">
        <v>3721</v>
      </c>
      <c r="B20498" s="1" t="s">
        <v>10916</v>
      </c>
      <c r="C20498" s="1" t="s">
        <v>41137</v>
      </c>
      <c r="D20498" s="2">
        <v>173326</v>
      </c>
      <c r="E20498" s="1" t="s">
        <v>0</v>
      </c>
    </row>
    <row r="20499" spans="1:5" x14ac:dyDescent="0.25">
      <c r="A20499" s="1" t="s">
        <v>41138</v>
      </c>
      <c r="B20499" s="1" t="s">
        <v>55531</v>
      </c>
      <c r="C20499" s="1" t="s">
        <v>41139</v>
      </c>
      <c r="D20499" s="2">
        <v>173327</v>
      </c>
      <c r="E20499" s="1" t="s">
        <v>0</v>
      </c>
    </row>
    <row r="20500" spans="1:5" ht="409.5" x14ac:dyDescent="0.25">
      <c r="A20500" s="4" t="s">
        <v>41140</v>
      </c>
      <c r="B20500" s="1" t="s">
        <v>55532</v>
      </c>
      <c r="C20500" s="1" t="s">
        <v>41141</v>
      </c>
      <c r="D20500" s="2">
        <v>173328</v>
      </c>
      <c r="E20500" s="1" t="s">
        <v>0</v>
      </c>
    </row>
    <row r="20501" spans="1:5" x14ac:dyDescent="0.25">
      <c r="A20501" s="1" t="s">
        <v>41142</v>
      </c>
      <c r="B20501" s="1" t="s">
        <v>10917</v>
      </c>
      <c r="C20501" s="1" t="s">
        <v>41143</v>
      </c>
      <c r="D20501" s="2">
        <v>173329</v>
      </c>
      <c r="E20501" s="1" t="s">
        <v>0</v>
      </c>
    </row>
    <row r="20502" spans="1:5" x14ac:dyDescent="0.25">
      <c r="A20502" s="2">
        <v>4100</v>
      </c>
      <c r="B20502" s="2">
        <v>4100</v>
      </c>
      <c r="C20502" s="1" t="s">
        <v>0</v>
      </c>
      <c r="D20502" s="2">
        <v>173330</v>
      </c>
      <c r="E20502" s="1" t="s">
        <v>0</v>
      </c>
    </row>
    <row r="20503" spans="1:5" x14ac:dyDescent="0.25">
      <c r="A20503" s="1" t="s">
        <v>3722</v>
      </c>
      <c r="B20503" s="1" t="s">
        <v>10918</v>
      </c>
      <c r="C20503" s="1" t="s">
        <v>41144</v>
      </c>
      <c r="D20503" s="2">
        <v>173331</v>
      </c>
      <c r="E20503" s="1" t="s">
        <v>0</v>
      </c>
    </row>
    <row r="20504" spans="1:5" x14ac:dyDescent="0.25">
      <c r="A20504" s="1" t="s">
        <v>41145</v>
      </c>
      <c r="B20504" s="1" t="s">
        <v>63808</v>
      </c>
      <c r="C20504" s="1" t="s">
        <v>41146</v>
      </c>
      <c r="D20504" s="2">
        <v>173332</v>
      </c>
      <c r="E20504" s="1" t="s">
        <v>0</v>
      </c>
    </row>
    <row r="20505" spans="1:5" ht="409.5" x14ac:dyDescent="0.25">
      <c r="A20505" s="4" t="s">
        <v>41147</v>
      </c>
      <c r="B20505" s="1" t="s">
        <v>63809</v>
      </c>
      <c r="C20505" s="1" t="s">
        <v>41148</v>
      </c>
      <c r="D20505" s="2">
        <v>173333</v>
      </c>
      <c r="E20505" s="1" t="s">
        <v>0</v>
      </c>
    </row>
    <row r="20506" spans="1:5" x14ac:dyDescent="0.25">
      <c r="A20506" s="1" t="s">
        <v>13413</v>
      </c>
      <c r="B20506" s="1" t="s">
        <v>60845</v>
      </c>
      <c r="C20506" s="1" t="s">
        <v>13414</v>
      </c>
      <c r="D20506" s="2">
        <v>173334</v>
      </c>
      <c r="E20506" s="1" t="s">
        <v>0</v>
      </c>
    </row>
    <row r="20507" spans="1:5" x14ac:dyDescent="0.25">
      <c r="A20507" s="2">
        <v>4101</v>
      </c>
      <c r="B20507" s="2">
        <v>4101</v>
      </c>
      <c r="C20507" s="1" t="s">
        <v>0</v>
      </c>
      <c r="D20507" s="2">
        <v>173335</v>
      </c>
      <c r="E20507" s="1" t="s">
        <v>0</v>
      </c>
    </row>
    <row r="20508" spans="1:5" x14ac:dyDescent="0.25">
      <c r="A20508" s="1" t="s">
        <v>3723</v>
      </c>
      <c r="B20508" s="1" t="s">
        <v>50970</v>
      </c>
      <c r="C20508" s="1" t="s">
        <v>41149</v>
      </c>
      <c r="D20508" s="2">
        <v>173336</v>
      </c>
      <c r="E20508" s="1" t="s">
        <v>0</v>
      </c>
    </row>
    <row r="20509" spans="1:5" x14ac:dyDescent="0.25">
      <c r="A20509" s="1" t="s">
        <v>41150</v>
      </c>
      <c r="B20509" s="1" t="s">
        <v>58832</v>
      </c>
      <c r="C20509" s="1" t="s">
        <v>41151</v>
      </c>
      <c r="D20509" s="2">
        <v>173337</v>
      </c>
      <c r="E20509" s="1" t="s">
        <v>0</v>
      </c>
    </row>
    <row r="20510" spans="1:5" ht="409.5" x14ac:dyDescent="0.25">
      <c r="A20510" s="4" t="s">
        <v>41152</v>
      </c>
      <c r="B20510" s="1" t="s">
        <v>62860</v>
      </c>
      <c r="C20510" s="1" t="s">
        <v>41153</v>
      </c>
      <c r="D20510" s="2">
        <v>173338</v>
      </c>
      <c r="E20510" s="1" t="s">
        <v>0</v>
      </c>
    </row>
    <row r="20511" spans="1:5" x14ac:dyDescent="0.25">
      <c r="A20511" s="1" t="s">
        <v>41154</v>
      </c>
      <c r="B20511" s="1" t="s">
        <v>55533</v>
      </c>
      <c r="C20511" s="1" t="s">
        <v>41155</v>
      </c>
      <c r="D20511" s="2">
        <v>173339</v>
      </c>
      <c r="E20511" s="1" t="s">
        <v>0</v>
      </c>
    </row>
    <row r="20512" spans="1:5" x14ac:dyDescent="0.25">
      <c r="A20512" s="2">
        <v>4102</v>
      </c>
      <c r="B20512" s="2">
        <v>4102</v>
      </c>
      <c r="C20512" s="1" t="s">
        <v>0</v>
      </c>
      <c r="D20512" s="2">
        <v>173340</v>
      </c>
      <c r="E20512" s="1" t="s">
        <v>0</v>
      </c>
    </row>
    <row r="20513" spans="1:5" x14ac:dyDescent="0.25">
      <c r="A20513" s="1" t="s">
        <v>3724</v>
      </c>
      <c r="B20513" s="1" t="s">
        <v>10919</v>
      </c>
      <c r="C20513" s="1" t="s">
        <v>41156</v>
      </c>
      <c r="D20513" s="2">
        <v>173341</v>
      </c>
      <c r="E20513" s="1" t="s">
        <v>0</v>
      </c>
    </row>
    <row r="20514" spans="1:5" x14ac:dyDescent="0.25">
      <c r="A20514" s="1" t="s">
        <v>41157</v>
      </c>
      <c r="B20514" s="1" t="s">
        <v>62861</v>
      </c>
      <c r="C20514" s="1" t="s">
        <v>41158</v>
      </c>
      <c r="D20514" s="2">
        <v>173342</v>
      </c>
      <c r="E20514" s="1" t="s">
        <v>0</v>
      </c>
    </row>
    <row r="20515" spans="1:5" ht="409.5" x14ac:dyDescent="0.25">
      <c r="A20515" s="4" t="s">
        <v>41159</v>
      </c>
      <c r="B20515" s="1" t="s">
        <v>62862</v>
      </c>
      <c r="C20515" s="1" t="s">
        <v>41160</v>
      </c>
      <c r="D20515" s="2">
        <v>173343</v>
      </c>
      <c r="E20515" s="1" t="s">
        <v>0</v>
      </c>
    </row>
    <row r="20516" spans="1:5" x14ac:dyDescent="0.25">
      <c r="A20516" s="1" t="s">
        <v>41161</v>
      </c>
      <c r="B20516" s="1" t="s">
        <v>58545</v>
      </c>
      <c r="C20516" s="1" t="s">
        <v>41162</v>
      </c>
      <c r="D20516" s="2">
        <v>173344</v>
      </c>
      <c r="E20516" s="1" t="s">
        <v>0</v>
      </c>
    </row>
    <row r="20517" spans="1:5" x14ac:dyDescent="0.25">
      <c r="A20517" s="2">
        <v>4103</v>
      </c>
      <c r="B20517" s="2">
        <v>4103</v>
      </c>
      <c r="C20517" s="1" t="s">
        <v>0</v>
      </c>
      <c r="D20517" s="2">
        <v>173345</v>
      </c>
      <c r="E20517" s="1" t="s">
        <v>0</v>
      </c>
    </row>
    <row r="20518" spans="1:5" x14ac:dyDescent="0.25">
      <c r="A20518" s="1" t="s">
        <v>3725</v>
      </c>
      <c r="B20518" s="1" t="s">
        <v>10920</v>
      </c>
      <c r="C20518" s="1" t="s">
        <v>41163</v>
      </c>
      <c r="D20518" s="2">
        <v>173346</v>
      </c>
      <c r="E20518" s="1" t="s">
        <v>0</v>
      </c>
    </row>
    <row r="20519" spans="1:5" x14ac:dyDescent="0.25">
      <c r="A20519" s="1" t="s">
        <v>41164</v>
      </c>
      <c r="B20519" s="1" t="s">
        <v>10921</v>
      </c>
      <c r="C20519" s="1" t="s">
        <v>41165</v>
      </c>
      <c r="D20519" s="2">
        <v>173347</v>
      </c>
      <c r="E20519" s="1" t="s">
        <v>0</v>
      </c>
    </row>
    <row r="20520" spans="1:5" ht="409.5" x14ac:dyDescent="0.25">
      <c r="A20520" s="4" t="s">
        <v>41166</v>
      </c>
      <c r="B20520" s="1" t="s">
        <v>41167</v>
      </c>
      <c r="C20520" s="1" t="s">
        <v>41168</v>
      </c>
      <c r="D20520" s="2">
        <v>173348</v>
      </c>
      <c r="E20520" s="1" t="s">
        <v>0</v>
      </c>
    </row>
    <row r="20521" spans="1:5" x14ac:dyDescent="0.25">
      <c r="A20521" s="1" t="s">
        <v>41169</v>
      </c>
      <c r="B20521" s="1" t="s">
        <v>10922</v>
      </c>
      <c r="C20521" s="1" t="s">
        <v>41170</v>
      </c>
      <c r="D20521" s="2">
        <v>173349</v>
      </c>
      <c r="E20521" s="1" t="s">
        <v>0</v>
      </c>
    </row>
    <row r="20522" spans="1:5" x14ac:dyDescent="0.25">
      <c r="A20522" s="2">
        <v>4104</v>
      </c>
      <c r="B20522" s="2">
        <v>4104</v>
      </c>
      <c r="C20522" s="1" t="s">
        <v>0</v>
      </c>
      <c r="D20522" s="2">
        <v>173350</v>
      </c>
      <c r="E20522" s="1" t="s">
        <v>0</v>
      </c>
    </row>
    <row r="20523" spans="1:5" x14ac:dyDescent="0.25">
      <c r="A20523" s="1" t="s">
        <v>3726</v>
      </c>
      <c r="B20523" s="1" t="s">
        <v>10923</v>
      </c>
      <c r="C20523" s="1" t="s">
        <v>41171</v>
      </c>
      <c r="D20523" s="2">
        <v>173351</v>
      </c>
      <c r="E20523" s="1" t="s">
        <v>0</v>
      </c>
    </row>
    <row r="20524" spans="1:5" x14ac:dyDescent="0.25">
      <c r="A20524" s="1" t="s">
        <v>41172</v>
      </c>
      <c r="B20524" s="1" t="s">
        <v>10924</v>
      </c>
      <c r="C20524" s="1" t="s">
        <v>41173</v>
      </c>
      <c r="D20524" s="2">
        <v>173352</v>
      </c>
      <c r="E20524" s="1" t="s">
        <v>0</v>
      </c>
    </row>
    <row r="20525" spans="1:5" ht="409.5" x14ac:dyDescent="0.25">
      <c r="A20525" s="4" t="s">
        <v>41174</v>
      </c>
      <c r="B20525" s="1" t="s">
        <v>55534</v>
      </c>
      <c r="C20525" s="1" t="s">
        <v>41175</v>
      </c>
      <c r="D20525" s="2">
        <v>173353</v>
      </c>
      <c r="E20525" s="1" t="s">
        <v>0</v>
      </c>
    </row>
    <row r="20526" spans="1:5" x14ac:dyDescent="0.25">
      <c r="A20526" s="1" t="s">
        <v>41176</v>
      </c>
      <c r="B20526" s="1" t="s">
        <v>10925</v>
      </c>
      <c r="C20526" s="1" t="s">
        <v>41177</v>
      </c>
      <c r="D20526" s="2">
        <v>173354</v>
      </c>
      <c r="E20526" s="1" t="s">
        <v>0</v>
      </c>
    </row>
    <row r="20527" spans="1:5" x14ac:dyDescent="0.25">
      <c r="A20527" s="2">
        <v>4105</v>
      </c>
      <c r="B20527" s="2">
        <v>4105</v>
      </c>
      <c r="C20527" s="1" t="s">
        <v>0</v>
      </c>
      <c r="D20527" s="2">
        <v>173355</v>
      </c>
      <c r="E20527" s="1" t="s">
        <v>0</v>
      </c>
    </row>
    <row r="20528" spans="1:5" x14ac:dyDescent="0.25">
      <c r="A20528" s="1" t="s">
        <v>3727</v>
      </c>
      <c r="B20528" s="1" t="s">
        <v>10926</v>
      </c>
      <c r="C20528" s="1" t="s">
        <v>41178</v>
      </c>
      <c r="D20528" s="2">
        <v>173356</v>
      </c>
      <c r="E20528" s="1" t="s">
        <v>0</v>
      </c>
    </row>
    <row r="20529" spans="1:5" x14ac:dyDescent="0.25">
      <c r="A20529" s="1" t="s">
        <v>41179</v>
      </c>
      <c r="B20529" s="1" t="s">
        <v>55535</v>
      </c>
      <c r="C20529" s="1" t="s">
        <v>41180</v>
      </c>
      <c r="D20529" s="2">
        <v>173357</v>
      </c>
      <c r="E20529" s="1" t="s">
        <v>0</v>
      </c>
    </row>
    <row r="20530" spans="1:5" ht="409.5" x14ac:dyDescent="0.25">
      <c r="A20530" s="4" t="s">
        <v>41181</v>
      </c>
      <c r="B20530" s="1" t="s">
        <v>55536</v>
      </c>
      <c r="C20530" s="1" t="s">
        <v>41182</v>
      </c>
      <c r="D20530" s="2">
        <v>173358</v>
      </c>
      <c r="E20530" s="1" t="s">
        <v>0</v>
      </c>
    </row>
    <row r="20531" spans="1:5" x14ac:dyDescent="0.25">
      <c r="A20531" s="1" t="s">
        <v>41183</v>
      </c>
      <c r="B20531" s="1" t="s">
        <v>55537</v>
      </c>
      <c r="C20531" s="1" t="s">
        <v>41184</v>
      </c>
      <c r="D20531" s="2">
        <v>173359</v>
      </c>
      <c r="E20531" s="1" t="s">
        <v>0</v>
      </c>
    </row>
    <row r="20532" spans="1:5" x14ac:dyDescent="0.25">
      <c r="A20532" s="2">
        <v>4106</v>
      </c>
      <c r="B20532" s="2">
        <v>4106</v>
      </c>
      <c r="C20532" s="1" t="s">
        <v>0</v>
      </c>
      <c r="D20532" s="2">
        <v>173360</v>
      </c>
      <c r="E20532" s="1" t="s">
        <v>0</v>
      </c>
    </row>
    <row r="20533" spans="1:5" x14ac:dyDescent="0.25">
      <c r="A20533" s="1" t="s">
        <v>3728</v>
      </c>
      <c r="B20533" s="1" t="s">
        <v>10927</v>
      </c>
      <c r="C20533" s="1" t="s">
        <v>41185</v>
      </c>
      <c r="D20533" s="2">
        <v>173361</v>
      </c>
      <c r="E20533" s="1" t="s">
        <v>0</v>
      </c>
    </row>
    <row r="20534" spans="1:5" x14ac:dyDescent="0.25">
      <c r="A20534" s="1" t="s">
        <v>41186</v>
      </c>
      <c r="B20534" s="1" t="s">
        <v>62863</v>
      </c>
      <c r="C20534" s="1" t="s">
        <v>41187</v>
      </c>
      <c r="D20534" s="2">
        <v>173362</v>
      </c>
      <c r="E20534" s="1" t="s">
        <v>0</v>
      </c>
    </row>
    <row r="20535" spans="1:5" ht="409.5" x14ac:dyDescent="0.25">
      <c r="A20535" s="4" t="s">
        <v>41188</v>
      </c>
      <c r="B20535" s="1" t="s">
        <v>62864</v>
      </c>
      <c r="C20535" s="1" t="s">
        <v>41189</v>
      </c>
      <c r="D20535" s="2">
        <v>173363</v>
      </c>
      <c r="E20535" s="1" t="s">
        <v>0</v>
      </c>
    </row>
    <row r="20536" spans="1:5" x14ac:dyDescent="0.25">
      <c r="A20536" s="1" t="s">
        <v>41190</v>
      </c>
      <c r="B20536" s="1" t="s">
        <v>59675</v>
      </c>
      <c r="C20536" s="1" t="s">
        <v>41191</v>
      </c>
      <c r="D20536" s="2">
        <v>173364</v>
      </c>
      <c r="E20536" s="1" t="s">
        <v>0</v>
      </c>
    </row>
    <row r="20537" spans="1:5" x14ac:dyDescent="0.25">
      <c r="A20537" s="2">
        <v>4107</v>
      </c>
      <c r="B20537" s="2">
        <v>4107</v>
      </c>
      <c r="C20537" s="1" t="s">
        <v>0</v>
      </c>
      <c r="D20537" s="2">
        <v>173365</v>
      </c>
      <c r="E20537" s="1" t="s">
        <v>0</v>
      </c>
    </row>
    <row r="20538" spans="1:5" x14ac:dyDescent="0.25">
      <c r="A20538" s="1" t="s">
        <v>3729</v>
      </c>
      <c r="B20538" s="1" t="s">
        <v>10928</v>
      </c>
      <c r="C20538" s="1" t="s">
        <v>41192</v>
      </c>
      <c r="D20538" s="2">
        <v>173366</v>
      </c>
      <c r="E20538" s="1" t="s">
        <v>0</v>
      </c>
    </row>
    <row r="20539" spans="1:5" x14ac:dyDescent="0.25">
      <c r="A20539" s="1" t="s">
        <v>41193</v>
      </c>
      <c r="B20539" s="1" t="s">
        <v>55538</v>
      </c>
      <c r="C20539" s="1" t="s">
        <v>41194</v>
      </c>
      <c r="D20539" s="2">
        <v>173367</v>
      </c>
      <c r="E20539" s="1" t="s">
        <v>0</v>
      </c>
    </row>
    <row r="20540" spans="1:5" ht="409.5" x14ac:dyDescent="0.25">
      <c r="A20540" s="4" t="s">
        <v>41195</v>
      </c>
      <c r="B20540" s="1" t="s">
        <v>63485</v>
      </c>
      <c r="C20540" s="1" t="s">
        <v>41196</v>
      </c>
      <c r="D20540" s="2">
        <v>173368</v>
      </c>
      <c r="E20540" s="1" t="s">
        <v>0</v>
      </c>
    </row>
    <row r="20541" spans="1:5" x14ac:dyDescent="0.25">
      <c r="A20541" s="1" t="s">
        <v>41197</v>
      </c>
      <c r="B20541" s="1" t="s">
        <v>10929</v>
      </c>
      <c r="C20541" s="1" t="s">
        <v>41198</v>
      </c>
      <c r="D20541" s="2">
        <v>173369</v>
      </c>
      <c r="E20541" s="1" t="s">
        <v>0</v>
      </c>
    </row>
    <row r="20542" spans="1:5" x14ac:dyDescent="0.25">
      <c r="A20542" s="2">
        <v>4108</v>
      </c>
      <c r="B20542" s="2">
        <v>4108</v>
      </c>
      <c r="C20542" s="1" t="s">
        <v>0</v>
      </c>
      <c r="D20542" s="2">
        <v>173370</v>
      </c>
      <c r="E20542" s="1" t="s">
        <v>0</v>
      </c>
    </row>
    <row r="20543" spans="1:5" x14ac:dyDescent="0.25">
      <c r="A20543" s="1" t="s">
        <v>3730</v>
      </c>
      <c r="B20543" s="1" t="s">
        <v>10930</v>
      </c>
      <c r="C20543" s="1" t="s">
        <v>41199</v>
      </c>
      <c r="D20543" s="2">
        <v>173371</v>
      </c>
      <c r="E20543" s="1" t="s">
        <v>0</v>
      </c>
    </row>
    <row r="20544" spans="1:5" x14ac:dyDescent="0.25">
      <c r="A20544" s="1" t="s">
        <v>41200</v>
      </c>
      <c r="B20544" s="1" t="s">
        <v>55539</v>
      </c>
      <c r="C20544" s="1" t="s">
        <v>41201</v>
      </c>
      <c r="D20544" s="2">
        <v>173372</v>
      </c>
      <c r="E20544" s="1" t="s">
        <v>0</v>
      </c>
    </row>
    <row r="20545" spans="1:5" ht="409.5" x14ac:dyDescent="0.25">
      <c r="A20545" s="4" t="s">
        <v>41202</v>
      </c>
      <c r="B20545" s="1" t="s">
        <v>55540</v>
      </c>
      <c r="C20545" s="1" t="s">
        <v>41203</v>
      </c>
      <c r="D20545" s="2">
        <v>173373</v>
      </c>
      <c r="E20545" s="1" t="s">
        <v>0</v>
      </c>
    </row>
    <row r="20546" spans="1:5" x14ac:dyDescent="0.25">
      <c r="A20546" s="1" t="s">
        <v>41204</v>
      </c>
      <c r="B20546" s="1" t="s">
        <v>55541</v>
      </c>
      <c r="C20546" s="1" t="s">
        <v>41205</v>
      </c>
      <c r="D20546" s="2">
        <v>173374</v>
      </c>
      <c r="E20546" s="1" t="s">
        <v>0</v>
      </c>
    </row>
    <row r="20547" spans="1:5" x14ac:dyDescent="0.25">
      <c r="A20547" s="2">
        <v>4109</v>
      </c>
      <c r="B20547" s="2">
        <v>4109</v>
      </c>
      <c r="C20547" s="1" t="s">
        <v>0</v>
      </c>
      <c r="D20547" s="2">
        <v>173375</v>
      </c>
      <c r="E20547" s="1" t="s">
        <v>0</v>
      </c>
    </row>
    <row r="20548" spans="1:5" x14ac:dyDescent="0.25">
      <c r="A20548" s="1" t="s">
        <v>3731</v>
      </c>
      <c r="B20548" s="1" t="s">
        <v>10931</v>
      </c>
      <c r="C20548" s="1" t="s">
        <v>41206</v>
      </c>
      <c r="D20548" s="2">
        <v>173376</v>
      </c>
      <c r="E20548" s="1" t="s">
        <v>0</v>
      </c>
    </row>
    <row r="20549" spans="1:5" x14ac:dyDescent="0.25">
      <c r="A20549" s="1" t="s">
        <v>41207</v>
      </c>
      <c r="B20549" s="1" t="s">
        <v>55542</v>
      </c>
      <c r="C20549" s="1" t="s">
        <v>41208</v>
      </c>
      <c r="D20549" s="2">
        <v>173377</v>
      </c>
      <c r="E20549" s="1" t="s">
        <v>0</v>
      </c>
    </row>
    <row r="20550" spans="1:5" ht="409.5" x14ac:dyDescent="0.25">
      <c r="A20550" s="4" t="s">
        <v>41209</v>
      </c>
      <c r="B20550" s="1" t="s">
        <v>55543</v>
      </c>
      <c r="C20550" s="1" t="s">
        <v>41210</v>
      </c>
      <c r="D20550" s="2">
        <v>173378</v>
      </c>
      <c r="E20550" s="1" t="s">
        <v>0</v>
      </c>
    </row>
    <row r="20551" spans="1:5" x14ac:dyDescent="0.25">
      <c r="A20551" s="1" t="s">
        <v>41211</v>
      </c>
      <c r="B20551" s="1" t="s">
        <v>10932</v>
      </c>
      <c r="C20551" s="1" t="s">
        <v>41212</v>
      </c>
      <c r="D20551" s="2">
        <v>173379</v>
      </c>
      <c r="E20551" s="1" t="s">
        <v>0</v>
      </c>
    </row>
    <row r="20552" spans="1:5" x14ac:dyDescent="0.25">
      <c r="A20552" s="2">
        <v>4110</v>
      </c>
      <c r="B20552" s="2">
        <v>4110</v>
      </c>
      <c r="C20552" s="1" t="s">
        <v>0</v>
      </c>
      <c r="D20552" s="2">
        <v>173380</v>
      </c>
      <c r="E20552" s="1" t="s">
        <v>0</v>
      </c>
    </row>
    <row r="20553" spans="1:5" x14ac:dyDescent="0.25">
      <c r="A20553" s="1" t="s">
        <v>3732</v>
      </c>
      <c r="B20553" s="1" t="s">
        <v>10933</v>
      </c>
      <c r="C20553" s="1" t="s">
        <v>41213</v>
      </c>
      <c r="D20553" s="2">
        <v>173381</v>
      </c>
      <c r="E20553" s="1" t="s">
        <v>0</v>
      </c>
    </row>
    <row r="20554" spans="1:5" x14ac:dyDescent="0.25">
      <c r="A20554" s="1" t="s">
        <v>41214</v>
      </c>
      <c r="B20554" s="1" t="s">
        <v>55544</v>
      </c>
      <c r="C20554" s="1" t="s">
        <v>41215</v>
      </c>
      <c r="D20554" s="2">
        <v>173382</v>
      </c>
      <c r="E20554" s="1" t="s">
        <v>0</v>
      </c>
    </row>
    <row r="20555" spans="1:5" ht="409.5" x14ac:dyDescent="0.25">
      <c r="A20555" s="4" t="s">
        <v>41216</v>
      </c>
      <c r="B20555" s="1" t="s">
        <v>55545</v>
      </c>
      <c r="C20555" s="1" t="s">
        <v>41217</v>
      </c>
      <c r="D20555" s="2">
        <v>173383</v>
      </c>
      <c r="E20555" s="1" t="s">
        <v>0</v>
      </c>
    </row>
    <row r="20556" spans="1:5" x14ac:dyDescent="0.25">
      <c r="A20556" s="1" t="s">
        <v>41218</v>
      </c>
      <c r="B20556" s="1" t="s">
        <v>61309</v>
      </c>
      <c r="C20556" s="1" t="s">
        <v>41219</v>
      </c>
      <c r="D20556" s="2">
        <v>173384</v>
      </c>
      <c r="E20556" s="1" t="s">
        <v>0</v>
      </c>
    </row>
    <row r="20557" spans="1:5" x14ac:dyDescent="0.25">
      <c r="A20557" s="2">
        <v>4111</v>
      </c>
      <c r="B20557" s="2">
        <v>4111</v>
      </c>
      <c r="C20557" s="1" t="s">
        <v>0</v>
      </c>
      <c r="D20557" s="2">
        <v>173385</v>
      </c>
      <c r="E20557" s="1" t="s">
        <v>0</v>
      </c>
    </row>
    <row r="20558" spans="1:5" x14ac:dyDescent="0.25">
      <c r="A20558" s="1" t="s">
        <v>3733</v>
      </c>
      <c r="B20558" s="1" t="s">
        <v>10934</v>
      </c>
      <c r="C20558" s="1" t="s">
        <v>41220</v>
      </c>
      <c r="D20558" s="2">
        <v>173386</v>
      </c>
      <c r="E20558" s="1" t="s">
        <v>0</v>
      </c>
    </row>
    <row r="20559" spans="1:5" x14ac:dyDescent="0.25">
      <c r="A20559" s="1" t="s">
        <v>41221</v>
      </c>
      <c r="B20559" s="1" t="s">
        <v>62865</v>
      </c>
      <c r="C20559" s="1" t="s">
        <v>41222</v>
      </c>
      <c r="D20559" s="2">
        <v>173387</v>
      </c>
      <c r="E20559" s="1" t="s">
        <v>0</v>
      </c>
    </row>
    <row r="20560" spans="1:5" ht="409.5" x14ac:dyDescent="0.25">
      <c r="A20560" s="4" t="s">
        <v>41223</v>
      </c>
      <c r="B20560" s="1" t="s">
        <v>62866</v>
      </c>
      <c r="C20560" s="1" t="s">
        <v>41224</v>
      </c>
      <c r="D20560" s="2">
        <v>173388</v>
      </c>
      <c r="E20560" s="1" t="s">
        <v>0</v>
      </c>
    </row>
    <row r="20561" spans="1:5" x14ac:dyDescent="0.25">
      <c r="A20561" s="1" t="s">
        <v>41225</v>
      </c>
      <c r="B20561" s="1" t="s">
        <v>50971</v>
      </c>
      <c r="C20561" s="1" t="s">
        <v>41226</v>
      </c>
      <c r="D20561" s="2">
        <v>173389</v>
      </c>
      <c r="E20561" s="1" t="s">
        <v>0</v>
      </c>
    </row>
    <row r="20562" spans="1:5" x14ac:dyDescent="0.25">
      <c r="A20562" s="2">
        <v>4112</v>
      </c>
      <c r="B20562" s="2">
        <v>4112</v>
      </c>
      <c r="C20562" s="1" t="s">
        <v>0</v>
      </c>
      <c r="D20562" s="2">
        <v>173390</v>
      </c>
      <c r="E20562" s="1" t="s">
        <v>0</v>
      </c>
    </row>
    <row r="20563" spans="1:5" x14ac:dyDescent="0.25">
      <c r="A20563" s="1" t="s">
        <v>3734</v>
      </c>
      <c r="B20563" s="1" t="s">
        <v>10935</v>
      </c>
      <c r="C20563" s="1" t="s">
        <v>41227</v>
      </c>
      <c r="D20563" s="2">
        <v>173391</v>
      </c>
      <c r="E20563" s="1" t="s">
        <v>0</v>
      </c>
    </row>
    <row r="20564" spans="1:5" x14ac:dyDescent="0.25">
      <c r="A20564" s="1" t="s">
        <v>41228</v>
      </c>
      <c r="B20564" s="1" t="s">
        <v>10936</v>
      </c>
      <c r="C20564" s="1" t="s">
        <v>41229</v>
      </c>
      <c r="D20564" s="2">
        <v>173392</v>
      </c>
      <c r="E20564" s="1" t="s">
        <v>0</v>
      </c>
    </row>
    <row r="20565" spans="1:5" ht="409.5" x14ac:dyDescent="0.25">
      <c r="A20565" s="4" t="s">
        <v>41230</v>
      </c>
      <c r="B20565" s="1" t="s">
        <v>10937</v>
      </c>
      <c r="C20565" s="1" t="s">
        <v>41231</v>
      </c>
      <c r="D20565" s="2">
        <v>173393</v>
      </c>
      <c r="E20565" s="1" t="s">
        <v>0</v>
      </c>
    </row>
    <row r="20566" spans="1:5" x14ac:dyDescent="0.25">
      <c r="A20566" s="1" t="s">
        <v>41232</v>
      </c>
      <c r="B20566" s="1" t="s">
        <v>55546</v>
      </c>
      <c r="C20566" s="1" t="s">
        <v>41233</v>
      </c>
      <c r="D20566" s="2">
        <v>173394</v>
      </c>
      <c r="E20566" s="1" t="s">
        <v>0</v>
      </c>
    </row>
    <row r="20567" spans="1:5" x14ac:dyDescent="0.25">
      <c r="A20567" s="2">
        <v>4113</v>
      </c>
      <c r="B20567" s="2">
        <v>4113</v>
      </c>
      <c r="C20567" s="1" t="s">
        <v>0</v>
      </c>
      <c r="D20567" s="2">
        <v>173395</v>
      </c>
      <c r="E20567" s="1" t="s">
        <v>0</v>
      </c>
    </row>
    <row r="20568" spans="1:5" x14ac:dyDescent="0.25">
      <c r="A20568" s="1" t="s">
        <v>3735</v>
      </c>
      <c r="B20568" s="1" t="s">
        <v>10938</v>
      </c>
      <c r="C20568" s="1" t="s">
        <v>41234</v>
      </c>
      <c r="D20568" s="2">
        <v>173396</v>
      </c>
      <c r="E20568" s="1" t="s">
        <v>0</v>
      </c>
    </row>
    <row r="20569" spans="1:5" x14ac:dyDescent="0.25">
      <c r="A20569" s="1" t="s">
        <v>41235</v>
      </c>
      <c r="B20569" s="1" t="s">
        <v>63486</v>
      </c>
      <c r="C20569" s="1" t="s">
        <v>41236</v>
      </c>
      <c r="D20569" s="2">
        <v>173397</v>
      </c>
      <c r="E20569" s="1" t="s">
        <v>0</v>
      </c>
    </row>
    <row r="20570" spans="1:5" ht="409.5" x14ac:dyDescent="0.25">
      <c r="A20570" s="4" t="s">
        <v>41237</v>
      </c>
      <c r="B20570" s="1" t="s">
        <v>63487</v>
      </c>
      <c r="C20570" s="1" t="s">
        <v>41238</v>
      </c>
      <c r="D20570" s="2">
        <v>173398</v>
      </c>
      <c r="E20570" s="1" t="s">
        <v>0</v>
      </c>
    </row>
    <row r="20571" spans="1:5" x14ac:dyDescent="0.25">
      <c r="A20571" s="1" t="s">
        <v>41239</v>
      </c>
      <c r="B20571" s="1" t="s">
        <v>55547</v>
      </c>
      <c r="C20571" s="1" t="s">
        <v>41240</v>
      </c>
      <c r="D20571" s="2">
        <v>173399</v>
      </c>
      <c r="E20571" s="1" t="s">
        <v>0</v>
      </c>
    </row>
    <row r="20572" spans="1:5" x14ac:dyDescent="0.25">
      <c r="A20572" s="2">
        <v>4114</v>
      </c>
      <c r="B20572" s="2">
        <v>4114</v>
      </c>
      <c r="C20572" s="1" t="s">
        <v>0</v>
      </c>
      <c r="D20572" s="2">
        <v>173400</v>
      </c>
      <c r="E20572" s="1" t="s">
        <v>0</v>
      </c>
    </row>
    <row r="20573" spans="1:5" x14ac:dyDescent="0.25">
      <c r="A20573" s="1" t="s">
        <v>3736</v>
      </c>
      <c r="B20573" s="1" t="s">
        <v>10939</v>
      </c>
      <c r="C20573" s="1" t="s">
        <v>41241</v>
      </c>
      <c r="D20573" s="2">
        <v>173401</v>
      </c>
      <c r="E20573" s="1" t="s">
        <v>0</v>
      </c>
    </row>
    <row r="20574" spans="1:5" x14ac:dyDescent="0.25">
      <c r="A20574" s="1" t="s">
        <v>41242</v>
      </c>
      <c r="B20574" s="1" t="s">
        <v>63810</v>
      </c>
      <c r="C20574" s="1" t="s">
        <v>41243</v>
      </c>
      <c r="D20574" s="2">
        <v>173402</v>
      </c>
      <c r="E20574" s="1" t="s">
        <v>0</v>
      </c>
    </row>
    <row r="20575" spans="1:5" ht="409.5" x14ac:dyDescent="0.25">
      <c r="A20575" s="4" t="s">
        <v>41244</v>
      </c>
      <c r="B20575" s="1" t="s">
        <v>63811</v>
      </c>
      <c r="C20575" s="1" t="s">
        <v>41245</v>
      </c>
      <c r="D20575" s="2">
        <v>173403</v>
      </c>
      <c r="E20575" s="1" t="s">
        <v>0</v>
      </c>
    </row>
    <row r="20576" spans="1:5" x14ac:dyDescent="0.25">
      <c r="A20576" s="1" t="s">
        <v>41246</v>
      </c>
      <c r="B20576" s="1" t="s">
        <v>55548</v>
      </c>
      <c r="C20576" s="1" t="s">
        <v>41247</v>
      </c>
      <c r="D20576" s="2">
        <v>173404</v>
      </c>
      <c r="E20576" s="1" t="s">
        <v>0</v>
      </c>
    </row>
    <row r="20577" spans="1:5" x14ac:dyDescent="0.25">
      <c r="A20577" s="2">
        <v>4115</v>
      </c>
      <c r="B20577" s="2">
        <v>4115</v>
      </c>
      <c r="C20577" s="1" t="s">
        <v>0</v>
      </c>
      <c r="D20577" s="2">
        <v>173405</v>
      </c>
      <c r="E20577" s="1" t="s">
        <v>0</v>
      </c>
    </row>
    <row r="20578" spans="1:5" x14ac:dyDescent="0.25">
      <c r="A20578" s="1" t="s">
        <v>3737</v>
      </c>
      <c r="B20578" s="1" t="s">
        <v>10940</v>
      </c>
      <c r="C20578" s="1" t="s">
        <v>41248</v>
      </c>
      <c r="D20578" s="2">
        <v>173406</v>
      </c>
      <c r="E20578" s="1" t="s">
        <v>0</v>
      </c>
    </row>
    <row r="20579" spans="1:5" x14ac:dyDescent="0.25">
      <c r="A20579" s="1" t="s">
        <v>41249</v>
      </c>
      <c r="B20579" s="1" t="s">
        <v>55549</v>
      </c>
      <c r="C20579" s="1" t="s">
        <v>41250</v>
      </c>
      <c r="D20579" s="2">
        <v>173407</v>
      </c>
      <c r="E20579" s="1" t="s">
        <v>0</v>
      </c>
    </row>
    <row r="20580" spans="1:5" ht="409.5" x14ac:dyDescent="0.25">
      <c r="A20580" s="4" t="s">
        <v>41251</v>
      </c>
      <c r="B20580" s="1" t="s">
        <v>60210</v>
      </c>
      <c r="C20580" s="1" t="s">
        <v>41252</v>
      </c>
      <c r="D20580" s="2">
        <v>173408</v>
      </c>
      <c r="E20580" s="1" t="s">
        <v>0</v>
      </c>
    </row>
    <row r="20581" spans="1:5" x14ac:dyDescent="0.25">
      <c r="A20581" s="1" t="s">
        <v>41253</v>
      </c>
      <c r="B20581" s="1" t="s">
        <v>55550</v>
      </c>
      <c r="C20581" s="1" t="s">
        <v>41254</v>
      </c>
      <c r="D20581" s="2">
        <v>173409</v>
      </c>
      <c r="E20581" s="1" t="s">
        <v>0</v>
      </c>
    </row>
    <row r="20582" spans="1:5" x14ac:dyDescent="0.25">
      <c r="A20582" s="2">
        <v>4116</v>
      </c>
      <c r="B20582" s="2">
        <v>4116</v>
      </c>
      <c r="C20582" s="1" t="s">
        <v>0</v>
      </c>
      <c r="D20582" s="2">
        <v>173410</v>
      </c>
      <c r="E20582" s="1" t="s">
        <v>0</v>
      </c>
    </row>
    <row r="20583" spans="1:5" x14ac:dyDescent="0.25">
      <c r="A20583" s="1" t="s">
        <v>3738</v>
      </c>
      <c r="B20583" s="1" t="s">
        <v>60211</v>
      </c>
      <c r="C20583" s="1" t="s">
        <v>41255</v>
      </c>
      <c r="D20583" s="2">
        <v>173411</v>
      </c>
      <c r="E20583" s="1" t="s">
        <v>0</v>
      </c>
    </row>
    <row r="20584" spans="1:5" x14ac:dyDescent="0.25">
      <c r="A20584" s="1" t="s">
        <v>41256</v>
      </c>
      <c r="B20584" s="1" t="s">
        <v>62867</v>
      </c>
      <c r="C20584" s="1" t="s">
        <v>41257</v>
      </c>
      <c r="D20584" s="2">
        <v>173412</v>
      </c>
      <c r="E20584" s="1" t="s">
        <v>0</v>
      </c>
    </row>
    <row r="20585" spans="1:5" ht="409.5" x14ac:dyDescent="0.25">
      <c r="A20585" s="4" t="s">
        <v>41258</v>
      </c>
      <c r="B20585" s="1" t="s">
        <v>62868</v>
      </c>
      <c r="C20585" s="1" t="s">
        <v>41259</v>
      </c>
      <c r="D20585" s="2">
        <v>173413</v>
      </c>
      <c r="E20585" s="1" t="s">
        <v>0</v>
      </c>
    </row>
    <row r="20586" spans="1:5" x14ac:dyDescent="0.25">
      <c r="A20586" s="1" t="s">
        <v>41260</v>
      </c>
      <c r="B20586" s="1" t="s">
        <v>58833</v>
      </c>
      <c r="C20586" s="1" t="s">
        <v>41261</v>
      </c>
      <c r="D20586" s="2">
        <v>173414</v>
      </c>
      <c r="E20586" s="1" t="s">
        <v>0</v>
      </c>
    </row>
    <row r="20587" spans="1:5" x14ac:dyDescent="0.25">
      <c r="A20587" s="2">
        <v>4117</v>
      </c>
      <c r="B20587" s="2">
        <v>4117</v>
      </c>
      <c r="C20587" s="1" t="s">
        <v>0</v>
      </c>
      <c r="D20587" s="2">
        <v>173415</v>
      </c>
      <c r="E20587" s="1" t="s">
        <v>0</v>
      </c>
    </row>
    <row r="20588" spans="1:5" x14ac:dyDescent="0.25">
      <c r="A20588" s="1" t="s">
        <v>3739</v>
      </c>
      <c r="B20588" s="1" t="s">
        <v>60779</v>
      </c>
      <c r="C20588" s="1" t="s">
        <v>41262</v>
      </c>
      <c r="D20588" s="2">
        <v>173416</v>
      </c>
      <c r="E20588" s="1" t="s">
        <v>0</v>
      </c>
    </row>
    <row r="20589" spans="1:5" x14ac:dyDescent="0.25">
      <c r="A20589" s="1" t="s">
        <v>41263</v>
      </c>
      <c r="B20589" s="1" t="s">
        <v>10941</v>
      </c>
      <c r="C20589" s="1" t="s">
        <v>41264</v>
      </c>
      <c r="D20589" s="2">
        <v>173417</v>
      </c>
      <c r="E20589" s="1" t="s">
        <v>0</v>
      </c>
    </row>
    <row r="20590" spans="1:5" ht="409.5" x14ac:dyDescent="0.25">
      <c r="A20590" s="4" t="s">
        <v>41265</v>
      </c>
      <c r="B20590" s="1" t="s">
        <v>62869</v>
      </c>
      <c r="C20590" s="1" t="s">
        <v>41266</v>
      </c>
      <c r="D20590" s="2">
        <v>173418</v>
      </c>
      <c r="E20590" s="1" t="s">
        <v>0</v>
      </c>
    </row>
    <row r="20591" spans="1:5" x14ac:dyDescent="0.25">
      <c r="A20591" s="1" t="s">
        <v>41267</v>
      </c>
      <c r="B20591" s="1" t="s">
        <v>55551</v>
      </c>
      <c r="C20591" s="1" t="s">
        <v>41268</v>
      </c>
      <c r="D20591" s="2">
        <v>173419</v>
      </c>
      <c r="E20591" s="1" t="s">
        <v>0</v>
      </c>
    </row>
    <row r="20592" spans="1:5" x14ac:dyDescent="0.25">
      <c r="A20592" s="2">
        <v>4118</v>
      </c>
      <c r="B20592" s="2">
        <v>4118</v>
      </c>
      <c r="C20592" s="1" t="s">
        <v>0</v>
      </c>
      <c r="D20592" s="2">
        <v>173420</v>
      </c>
      <c r="E20592" s="1" t="s">
        <v>0</v>
      </c>
    </row>
    <row r="20593" spans="1:5" x14ac:dyDescent="0.25">
      <c r="A20593" s="1" t="s">
        <v>3740</v>
      </c>
      <c r="B20593" s="1" t="s">
        <v>63488</v>
      </c>
      <c r="C20593" s="1" t="s">
        <v>41269</v>
      </c>
      <c r="D20593" s="2">
        <v>173421</v>
      </c>
      <c r="E20593" s="1" t="s">
        <v>0</v>
      </c>
    </row>
    <row r="20594" spans="1:5" x14ac:dyDescent="0.25">
      <c r="A20594" s="1" t="s">
        <v>41270</v>
      </c>
      <c r="B20594" s="1" t="s">
        <v>63489</v>
      </c>
      <c r="C20594" s="1" t="s">
        <v>41271</v>
      </c>
      <c r="D20594" s="2">
        <v>173422</v>
      </c>
      <c r="E20594" s="1" t="s">
        <v>0</v>
      </c>
    </row>
    <row r="20595" spans="1:5" ht="409.5" x14ac:dyDescent="0.25">
      <c r="A20595" s="4" t="s">
        <v>41272</v>
      </c>
      <c r="B20595" s="1" t="s">
        <v>63490</v>
      </c>
      <c r="C20595" s="1" t="s">
        <v>41273</v>
      </c>
      <c r="D20595" s="2">
        <v>173423</v>
      </c>
      <c r="E20595" s="1" t="s">
        <v>0</v>
      </c>
    </row>
    <row r="20596" spans="1:5" x14ac:dyDescent="0.25">
      <c r="A20596" s="1" t="s">
        <v>41274</v>
      </c>
      <c r="B20596" s="1" t="s">
        <v>55552</v>
      </c>
      <c r="C20596" s="1" t="s">
        <v>41275</v>
      </c>
      <c r="D20596" s="2">
        <v>173424</v>
      </c>
      <c r="E20596" s="1" t="s">
        <v>0</v>
      </c>
    </row>
    <row r="20597" spans="1:5" x14ac:dyDescent="0.25">
      <c r="A20597" s="2">
        <v>4119</v>
      </c>
      <c r="B20597" s="2">
        <v>4119</v>
      </c>
      <c r="C20597" s="1" t="s">
        <v>0</v>
      </c>
      <c r="D20597" s="2">
        <v>173425</v>
      </c>
      <c r="E20597" s="1" t="s">
        <v>0</v>
      </c>
    </row>
    <row r="20598" spans="1:5" x14ac:dyDescent="0.25">
      <c r="A20598" s="1" t="s">
        <v>3741</v>
      </c>
      <c r="B20598" s="1" t="s">
        <v>10942</v>
      </c>
      <c r="C20598" s="1" t="s">
        <v>41276</v>
      </c>
      <c r="D20598" s="2">
        <v>173426</v>
      </c>
      <c r="E20598" s="1" t="s">
        <v>0</v>
      </c>
    </row>
    <row r="20599" spans="1:5" x14ac:dyDescent="0.25">
      <c r="A20599" s="1" t="s">
        <v>41277</v>
      </c>
      <c r="B20599" s="1" t="s">
        <v>63491</v>
      </c>
      <c r="C20599" s="1" t="s">
        <v>41278</v>
      </c>
      <c r="D20599" s="2">
        <v>173427</v>
      </c>
      <c r="E20599" s="1" t="s">
        <v>0</v>
      </c>
    </row>
    <row r="20600" spans="1:5" ht="409.5" x14ac:dyDescent="0.25">
      <c r="A20600" s="4" t="s">
        <v>41279</v>
      </c>
      <c r="B20600" s="1" t="s">
        <v>63492</v>
      </c>
      <c r="C20600" s="1" t="s">
        <v>41280</v>
      </c>
      <c r="D20600" s="2">
        <v>173428</v>
      </c>
      <c r="E20600" s="1" t="s">
        <v>0</v>
      </c>
    </row>
    <row r="20601" spans="1:5" x14ac:dyDescent="0.25">
      <c r="A20601" s="1" t="s">
        <v>41281</v>
      </c>
      <c r="B20601" s="1" t="s">
        <v>10943</v>
      </c>
      <c r="C20601" s="1" t="s">
        <v>41282</v>
      </c>
      <c r="D20601" s="2">
        <v>173429</v>
      </c>
      <c r="E20601" s="1" t="s">
        <v>0</v>
      </c>
    </row>
    <row r="20602" spans="1:5" x14ac:dyDescent="0.25">
      <c r="A20602" s="2">
        <v>4120</v>
      </c>
      <c r="B20602" s="2">
        <v>4120</v>
      </c>
      <c r="C20602" s="1" t="s">
        <v>0</v>
      </c>
      <c r="D20602" s="2">
        <v>173430</v>
      </c>
      <c r="E20602" s="1" t="s">
        <v>0</v>
      </c>
    </row>
    <row r="20603" spans="1:5" x14ac:dyDescent="0.25">
      <c r="A20603" s="1" t="s">
        <v>3742</v>
      </c>
      <c r="B20603" s="1" t="s">
        <v>10944</v>
      </c>
      <c r="C20603" s="1" t="s">
        <v>41283</v>
      </c>
      <c r="D20603" s="2">
        <v>173431</v>
      </c>
      <c r="E20603" s="1" t="s">
        <v>0</v>
      </c>
    </row>
    <row r="20604" spans="1:5" x14ac:dyDescent="0.25">
      <c r="A20604" s="1" t="s">
        <v>41284</v>
      </c>
      <c r="B20604" s="1" t="s">
        <v>13262</v>
      </c>
      <c r="C20604" s="1" t="s">
        <v>41285</v>
      </c>
      <c r="D20604" s="2">
        <v>173432</v>
      </c>
      <c r="E20604" s="1" t="s">
        <v>0</v>
      </c>
    </row>
    <row r="20605" spans="1:5" ht="409.5" x14ac:dyDescent="0.25">
      <c r="A20605" s="4" t="s">
        <v>41286</v>
      </c>
      <c r="B20605" s="1" t="s">
        <v>55553</v>
      </c>
      <c r="C20605" s="1" t="s">
        <v>41287</v>
      </c>
      <c r="D20605" s="2">
        <v>173433</v>
      </c>
      <c r="E20605" s="1" t="s">
        <v>0</v>
      </c>
    </row>
    <row r="20606" spans="1:5" x14ac:dyDescent="0.25">
      <c r="A20606" s="1" t="s">
        <v>41288</v>
      </c>
      <c r="B20606" s="1" t="s">
        <v>10945</v>
      </c>
      <c r="C20606" s="1" t="s">
        <v>41289</v>
      </c>
      <c r="D20606" s="2">
        <v>173434</v>
      </c>
      <c r="E20606" s="1" t="s">
        <v>0</v>
      </c>
    </row>
    <row r="20607" spans="1:5" x14ac:dyDescent="0.25">
      <c r="A20607" s="2">
        <v>4121</v>
      </c>
      <c r="B20607" s="2">
        <v>4121</v>
      </c>
      <c r="C20607" s="1" t="s">
        <v>0</v>
      </c>
      <c r="D20607" s="2">
        <v>173435</v>
      </c>
      <c r="E20607" s="1" t="s">
        <v>0</v>
      </c>
    </row>
    <row r="20608" spans="1:5" x14ac:dyDescent="0.25">
      <c r="A20608" s="1" t="s">
        <v>3743</v>
      </c>
      <c r="B20608" s="1" t="s">
        <v>10946</v>
      </c>
      <c r="C20608" s="1" t="s">
        <v>41290</v>
      </c>
      <c r="D20608" s="2">
        <v>173436</v>
      </c>
      <c r="E20608" s="1" t="s">
        <v>0</v>
      </c>
    </row>
    <row r="20609" spans="1:5" x14ac:dyDescent="0.25">
      <c r="A20609" s="1" t="s">
        <v>41291</v>
      </c>
      <c r="B20609" s="1" t="s">
        <v>60212</v>
      </c>
      <c r="C20609" s="1" t="s">
        <v>41292</v>
      </c>
      <c r="D20609" s="2">
        <v>173437</v>
      </c>
      <c r="E20609" s="1" t="s">
        <v>0</v>
      </c>
    </row>
    <row r="20610" spans="1:5" ht="409.5" x14ac:dyDescent="0.25">
      <c r="A20610" s="4" t="s">
        <v>41293</v>
      </c>
      <c r="B20610" s="1" t="s">
        <v>60213</v>
      </c>
      <c r="C20610" s="1" t="s">
        <v>41294</v>
      </c>
      <c r="D20610" s="2">
        <v>173438</v>
      </c>
      <c r="E20610" s="1" t="s">
        <v>0</v>
      </c>
    </row>
    <row r="20611" spans="1:5" x14ac:dyDescent="0.25">
      <c r="A20611" s="1" t="s">
        <v>41295</v>
      </c>
      <c r="B20611" s="1" t="s">
        <v>10947</v>
      </c>
      <c r="C20611" s="1" t="s">
        <v>41296</v>
      </c>
      <c r="D20611" s="2">
        <v>173439</v>
      </c>
      <c r="E20611" s="1" t="s">
        <v>0</v>
      </c>
    </row>
    <row r="20612" spans="1:5" x14ac:dyDescent="0.25">
      <c r="A20612" s="2">
        <v>4122</v>
      </c>
      <c r="B20612" s="2">
        <v>4122</v>
      </c>
      <c r="C20612" s="1" t="s">
        <v>0</v>
      </c>
      <c r="D20612" s="2">
        <v>173440</v>
      </c>
      <c r="E20612" s="1" t="s">
        <v>0</v>
      </c>
    </row>
    <row r="20613" spans="1:5" x14ac:dyDescent="0.25">
      <c r="A20613" s="1" t="s">
        <v>3744</v>
      </c>
      <c r="B20613" s="1" t="s">
        <v>10948</v>
      </c>
      <c r="C20613" s="1" t="s">
        <v>41297</v>
      </c>
      <c r="D20613" s="2">
        <v>173441</v>
      </c>
      <c r="E20613" s="1" t="s">
        <v>0</v>
      </c>
    </row>
    <row r="20614" spans="1:5" x14ac:dyDescent="0.25">
      <c r="A20614" s="1" t="s">
        <v>41298</v>
      </c>
      <c r="B20614" s="1" t="s">
        <v>10949</v>
      </c>
      <c r="C20614" s="1" t="s">
        <v>41299</v>
      </c>
      <c r="D20614" s="2">
        <v>173442</v>
      </c>
      <c r="E20614" s="1" t="s">
        <v>0</v>
      </c>
    </row>
    <row r="20615" spans="1:5" ht="409.5" x14ac:dyDescent="0.25">
      <c r="A20615" s="4" t="s">
        <v>41300</v>
      </c>
      <c r="B20615" s="1" t="s">
        <v>57972</v>
      </c>
      <c r="C20615" s="1" t="s">
        <v>41301</v>
      </c>
      <c r="D20615" s="2">
        <v>173443</v>
      </c>
      <c r="E20615" s="1" t="s">
        <v>0</v>
      </c>
    </row>
    <row r="20616" spans="1:5" x14ac:dyDescent="0.25">
      <c r="A20616" s="1" t="s">
        <v>41302</v>
      </c>
      <c r="B20616" s="1" t="s">
        <v>10950</v>
      </c>
      <c r="C20616" s="1" t="s">
        <v>41303</v>
      </c>
      <c r="D20616" s="2">
        <v>173444</v>
      </c>
      <c r="E20616" s="1" t="s">
        <v>0</v>
      </c>
    </row>
    <row r="20617" spans="1:5" x14ac:dyDescent="0.25">
      <c r="A20617" s="2">
        <v>4123</v>
      </c>
      <c r="B20617" s="2">
        <v>4123</v>
      </c>
      <c r="C20617" s="1" t="s">
        <v>0</v>
      </c>
      <c r="D20617" s="2">
        <v>173445</v>
      </c>
      <c r="E20617" s="1" t="s">
        <v>0</v>
      </c>
    </row>
    <row r="20618" spans="1:5" x14ac:dyDescent="0.25">
      <c r="A20618" s="1" t="s">
        <v>3745</v>
      </c>
      <c r="B20618" s="1" t="s">
        <v>10951</v>
      </c>
      <c r="C20618" s="1" t="s">
        <v>41304</v>
      </c>
      <c r="D20618" s="2">
        <v>173446</v>
      </c>
      <c r="E20618" s="1" t="s">
        <v>0</v>
      </c>
    </row>
    <row r="20619" spans="1:5" x14ac:dyDescent="0.25">
      <c r="A20619" s="1" t="s">
        <v>41305</v>
      </c>
      <c r="B20619" s="1" t="s">
        <v>60780</v>
      </c>
      <c r="C20619" s="1" t="s">
        <v>41306</v>
      </c>
      <c r="D20619" s="2">
        <v>173447</v>
      </c>
      <c r="E20619" s="1" t="s">
        <v>0</v>
      </c>
    </row>
    <row r="20620" spans="1:5" ht="409.5" x14ac:dyDescent="0.25">
      <c r="A20620" s="4" t="s">
        <v>41307</v>
      </c>
      <c r="B20620" s="1" t="s">
        <v>60781</v>
      </c>
      <c r="C20620" s="1" t="s">
        <v>41308</v>
      </c>
      <c r="D20620" s="2">
        <v>173448</v>
      </c>
      <c r="E20620" s="1" t="s">
        <v>0</v>
      </c>
    </row>
    <row r="20621" spans="1:5" x14ac:dyDescent="0.25">
      <c r="A20621" s="1" t="s">
        <v>41309</v>
      </c>
      <c r="B20621" s="1" t="s">
        <v>55554</v>
      </c>
      <c r="C20621" s="1" t="s">
        <v>41310</v>
      </c>
      <c r="D20621" s="2">
        <v>173449</v>
      </c>
      <c r="E20621" s="1" t="s">
        <v>0</v>
      </c>
    </row>
    <row r="20622" spans="1:5" x14ac:dyDescent="0.25">
      <c r="A20622" s="2">
        <v>4124</v>
      </c>
      <c r="B20622" s="2">
        <v>4124</v>
      </c>
      <c r="C20622" s="1" t="s">
        <v>0</v>
      </c>
      <c r="D20622" s="2">
        <v>173450</v>
      </c>
      <c r="E20622" s="1" t="s">
        <v>0</v>
      </c>
    </row>
    <row r="20623" spans="1:5" x14ac:dyDescent="0.25">
      <c r="A20623" s="1" t="s">
        <v>10952</v>
      </c>
      <c r="B20623" s="1" t="s">
        <v>10953</v>
      </c>
      <c r="C20623" s="1" t="s">
        <v>41311</v>
      </c>
      <c r="D20623" s="2">
        <v>173451</v>
      </c>
      <c r="E20623" s="1" t="s">
        <v>0</v>
      </c>
    </row>
    <row r="20624" spans="1:5" x14ac:dyDescent="0.25">
      <c r="A20624" s="1" t="s">
        <v>41312</v>
      </c>
      <c r="B20624" s="1" t="s">
        <v>55555</v>
      </c>
      <c r="C20624" s="1" t="s">
        <v>41313</v>
      </c>
      <c r="D20624" s="2">
        <v>173452</v>
      </c>
      <c r="E20624" s="1" t="s">
        <v>0</v>
      </c>
    </row>
    <row r="20625" spans="1:5" ht="409.5" x14ac:dyDescent="0.25">
      <c r="A20625" s="4" t="s">
        <v>41314</v>
      </c>
      <c r="B20625" s="1" t="s">
        <v>55556</v>
      </c>
      <c r="C20625" s="1" t="s">
        <v>41315</v>
      </c>
      <c r="D20625" s="2">
        <v>173453</v>
      </c>
      <c r="E20625" s="1" t="s">
        <v>0</v>
      </c>
    </row>
    <row r="20626" spans="1:5" x14ac:dyDescent="0.25">
      <c r="A20626" s="1" t="s">
        <v>41316</v>
      </c>
      <c r="B20626" s="1" t="s">
        <v>55557</v>
      </c>
      <c r="C20626" s="1" t="s">
        <v>41317</v>
      </c>
      <c r="D20626" s="2">
        <v>173454</v>
      </c>
      <c r="E20626" s="1" t="s">
        <v>0</v>
      </c>
    </row>
    <row r="20627" spans="1:5" x14ac:dyDescent="0.25">
      <c r="A20627" s="2">
        <v>4125</v>
      </c>
      <c r="B20627" s="2">
        <v>4125</v>
      </c>
      <c r="C20627" s="1" t="s">
        <v>0</v>
      </c>
      <c r="D20627" s="2">
        <v>173455</v>
      </c>
      <c r="E20627" s="1" t="s">
        <v>0</v>
      </c>
    </row>
    <row r="20628" spans="1:5" x14ac:dyDescent="0.25">
      <c r="A20628" s="1" t="s">
        <v>3746</v>
      </c>
      <c r="B20628" s="1" t="s">
        <v>10954</v>
      </c>
      <c r="C20628" s="1" t="s">
        <v>41318</v>
      </c>
      <c r="D20628" s="2">
        <v>173456</v>
      </c>
      <c r="E20628" s="1" t="s">
        <v>0</v>
      </c>
    </row>
    <row r="20629" spans="1:5" x14ac:dyDescent="0.25">
      <c r="A20629" s="1" t="s">
        <v>41319</v>
      </c>
      <c r="B20629" s="1" t="s">
        <v>10955</v>
      </c>
      <c r="C20629" s="1" t="s">
        <v>41320</v>
      </c>
      <c r="D20629" s="2">
        <v>173457</v>
      </c>
      <c r="E20629" s="1" t="s">
        <v>0</v>
      </c>
    </row>
    <row r="20630" spans="1:5" ht="409.5" x14ac:dyDescent="0.25">
      <c r="A20630" s="4" t="s">
        <v>41321</v>
      </c>
      <c r="B20630" s="1" t="s">
        <v>41322</v>
      </c>
      <c r="C20630" s="1" t="s">
        <v>41323</v>
      </c>
      <c r="D20630" s="2">
        <v>173458</v>
      </c>
      <c r="E20630" s="1" t="s">
        <v>0</v>
      </c>
    </row>
    <row r="20631" spans="1:5" x14ac:dyDescent="0.25">
      <c r="A20631" s="1" t="s">
        <v>41324</v>
      </c>
      <c r="B20631" s="1" t="s">
        <v>55558</v>
      </c>
      <c r="C20631" s="1" t="s">
        <v>41325</v>
      </c>
      <c r="D20631" s="2">
        <v>173459</v>
      </c>
      <c r="E20631" s="1" t="s">
        <v>0</v>
      </c>
    </row>
    <row r="20632" spans="1:5" x14ac:dyDescent="0.25">
      <c r="A20632" s="2">
        <v>4126</v>
      </c>
      <c r="B20632" s="2">
        <v>4126</v>
      </c>
      <c r="C20632" s="1" t="s">
        <v>0</v>
      </c>
      <c r="D20632" s="2">
        <v>173460</v>
      </c>
      <c r="E20632" s="1" t="s">
        <v>0</v>
      </c>
    </row>
    <row r="20633" spans="1:5" x14ac:dyDescent="0.25">
      <c r="A20633" s="1" t="s">
        <v>3747</v>
      </c>
      <c r="B20633" s="1" t="s">
        <v>10956</v>
      </c>
      <c r="C20633" s="1" t="s">
        <v>41326</v>
      </c>
      <c r="D20633" s="2">
        <v>173461</v>
      </c>
      <c r="E20633" s="1" t="s">
        <v>0</v>
      </c>
    </row>
    <row r="20634" spans="1:5" x14ac:dyDescent="0.25">
      <c r="A20634" s="1" t="s">
        <v>41327</v>
      </c>
      <c r="B20634" s="1" t="s">
        <v>10957</v>
      </c>
      <c r="C20634" s="1" t="s">
        <v>41328</v>
      </c>
      <c r="D20634" s="2">
        <v>173462</v>
      </c>
      <c r="E20634" s="1" t="s">
        <v>0</v>
      </c>
    </row>
    <row r="20635" spans="1:5" ht="409.5" x14ac:dyDescent="0.25">
      <c r="A20635" s="4" t="s">
        <v>41329</v>
      </c>
      <c r="B20635" s="1" t="s">
        <v>55559</v>
      </c>
      <c r="C20635" s="1" t="s">
        <v>41330</v>
      </c>
      <c r="D20635" s="2">
        <v>173463</v>
      </c>
      <c r="E20635" s="1" t="s">
        <v>0</v>
      </c>
    </row>
    <row r="20636" spans="1:5" x14ac:dyDescent="0.25">
      <c r="A20636" s="1" t="s">
        <v>41331</v>
      </c>
      <c r="B20636" s="1" t="s">
        <v>56852</v>
      </c>
      <c r="C20636" s="1" t="s">
        <v>41332</v>
      </c>
      <c r="D20636" s="2">
        <v>173464</v>
      </c>
      <c r="E20636" s="1" t="s">
        <v>0</v>
      </c>
    </row>
    <row r="20637" spans="1:5" x14ac:dyDescent="0.25">
      <c r="A20637" s="2">
        <v>4127</v>
      </c>
      <c r="B20637" s="2">
        <v>4127</v>
      </c>
      <c r="C20637" s="1" t="s">
        <v>0</v>
      </c>
      <c r="D20637" s="2">
        <v>173465</v>
      </c>
      <c r="E20637" s="1" t="s">
        <v>0</v>
      </c>
    </row>
    <row r="20638" spans="1:5" x14ac:dyDescent="0.25">
      <c r="A20638" s="1" t="s">
        <v>3748</v>
      </c>
      <c r="B20638" s="1" t="s">
        <v>10958</v>
      </c>
      <c r="C20638" s="1" t="s">
        <v>41333</v>
      </c>
      <c r="D20638" s="2">
        <v>173466</v>
      </c>
      <c r="E20638" s="1" t="s">
        <v>0</v>
      </c>
    </row>
    <row r="20639" spans="1:5" x14ac:dyDescent="0.25">
      <c r="A20639" s="1" t="s">
        <v>41334</v>
      </c>
      <c r="B20639" s="1" t="s">
        <v>60214</v>
      </c>
      <c r="C20639" s="1" t="s">
        <v>41335</v>
      </c>
      <c r="D20639" s="2">
        <v>173467</v>
      </c>
      <c r="E20639" s="1" t="s">
        <v>0</v>
      </c>
    </row>
    <row r="20640" spans="1:5" ht="409.5" x14ac:dyDescent="0.25">
      <c r="A20640" s="4" t="s">
        <v>41336</v>
      </c>
      <c r="B20640" s="1" t="s">
        <v>60215</v>
      </c>
      <c r="C20640" s="1" t="s">
        <v>41337</v>
      </c>
      <c r="D20640" s="2">
        <v>173468</v>
      </c>
      <c r="E20640" s="1" t="s">
        <v>0</v>
      </c>
    </row>
    <row r="20641" spans="1:5" x14ac:dyDescent="0.25">
      <c r="A20641" s="1" t="s">
        <v>41338</v>
      </c>
      <c r="B20641" s="1" t="s">
        <v>60216</v>
      </c>
      <c r="C20641" s="1" t="s">
        <v>41339</v>
      </c>
      <c r="D20641" s="2">
        <v>173469</v>
      </c>
      <c r="E20641" s="1" t="s">
        <v>0</v>
      </c>
    </row>
    <row r="20642" spans="1:5" x14ac:dyDescent="0.25">
      <c r="A20642" s="2">
        <v>4128</v>
      </c>
      <c r="B20642" s="2">
        <v>4128</v>
      </c>
      <c r="C20642" s="1" t="s">
        <v>0</v>
      </c>
      <c r="D20642" s="2">
        <v>173470</v>
      </c>
      <c r="E20642" s="1" t="s">
        <v>0</v>
      </c>
    </row>
    <row r="20643" spans="1:5" x14ac:dyDescent="0.25">
      <c r="A20643" s="1" t="s">
        <v>10959</v>
      </c>
      <c r="B20643" s="1" t="s">
        <v>10960</v>
      </c>
      <c r="C20643" s="1" t="s">
        <v>41340</v>
      </c>
      <c r="D20643" s="2">
        <v>173471</v>
      </c>
      <c r="E20643" s="1" t="s">
        <v>0</v>
      </c>
    </row>
    <row r="20644" spans="1:5" x14ac:dyDescent="0.25">
      <c r="A20644" s="1" t="s">
        <v>41341</v>
      </c>
      <c r="B20644" s="1" t="s">
        <v>61310</v>
      </c>
      <c r="C20644" s="1" t="s">
        <v>41342</v>
      </c>
      <c r="D20644" s="2">
        <v>173472</v>
      </c>
      <c r="E20644" s="1" t="s">
        <v>0</v>
      </c>
    </row>
    <row r="20645" spans="1:5" ht="409.5" x14ac:dyDescent="0.25">
      <c r="A20645" s="4" t="s">
        <v>41343</v>
      </c>
      <c r="B20645" s="1" t="s">
        <v>61311</v>
      </c>
      <c r="C20645" s="1" t="s">
        <v>41344</v>
      </c>
      <c r="D20645" s="2">
        <v>173473</v>
      </c>
      <c r="E20645" s="1" t="s">
        <v>0</v>
      </c>
    </row>
    <row r="20646" spans="1:5" x14ac:dyDescent="0.25">
      <c r="A20646" s="1" t="s">
        <v>41345</v>
      </c>
      <c r="B20646" s="1" t="s">
        <v>50972</v>
      </c>
      <c r="C20646" s="1" t="s">
        <v>41346</v>
      </c>
      <c r="D20646" s="2">
        <v>173474</v>
      </c>
      <c r="E20646" s="1" t="s">
        <v>0</v>
      </c>
    </row>
    <row r="20647" spans="1:5" x14ac:dyDescent="0.25">
      <c r="A20647" s="2">
        <v>4129</v>
      </c>
      <c r="B20647" s="2">
        <v>4129</v>
      </c>
      <c r="C20647" s="1" t="s">
        <v>0</v>
      </c>
      <c r="D20647" s="2">
        <v>173475</v>
      </c>
      <c r="E20647" s="1" t="s">
        <v>0</v>
      </c>
    </row>
    <row r="20648" spans="1:5" x14ac:dyDescent="0.25">
      <c r="A20648" s="1" t="s">
        <v>3749</v>
      </c>
      <c r="B20648" s="1" t="s">
        <v>10961</v>
      </c>
      <c r="C20648" s="1" t="s">
        <v>10962</v>
      </c>
      <c r="D20648" s="2">
        <v>173476</v>
      </c>
      <c r="E20648" s="1" t="s">
        <v>0</v>
      </c>
    </row>
    <row r="20649" spans="1:5" x14ac:dyDescent="0.25">
      <c r="A20649" s="1" t="s">
        <v>41347</v>
      </c>
      <c r="B20649" s="1" t="s">
        <v>55560</v>
      </c>
      <c r="C20649" s="1" t="s">
        <v>41348</v>
      </c>
      <c r="D20649" s="2">
        <v>173477</v>
      </c>
      <c r="E20649" s="1" t="s">
        <v>0</v>
      </c>
    </row>
    <row r="20650" spans="1:5" ht="409.5" x14ac:dyDescent="0.25">
      <c r="A20650" s="4" t="s">
        <v>41349</v>
      </c>
      <c r="B20650" s="1" t="s">
        <v>55561</v>
      </c>
      <c r="C20650" s="1" t="s">
        <v>41350</v>
      </c>
      <c r="D20650" s="2">
        <v>173478</v>
      </c>
      <c r="E20650" s="1" t="s">
        <v>0</v>
      </c>
    </row>
    <row r="20651" spans="1:5" x14ac:dyDescent="0.25">
      <c r="A20651" s="1" t="s">
        <v>41351</v>
      </c>
      <c r="B20651" s="1" t="s">
        <v>10963</v>
      </c>
      <c r="C20651" s="1" t="s">
        <v>41352</v>
      </c>
      <c r="D20651" s="2">
        <v>173479</v>
      </c>
      <c r="E20651" s="1" t="s">
        <v>0</v>
      </c>
    </row>
    <row r="20652" spans="1:5" x14ac:dyDescent="0.25">
      <c r="A20652" s="2">
        <v>4130</v>
      </c>
      <c r="B20652" s="2">
        <v>4130</v>
      </c>
      <c r="C20652" s="1" t="s">
        <v>0</v>
      </c>
      <c r="D20652" s="2">
        <v>173480</v>
      </c>
      <c r="E20652" s="1" t="s">
        <v>0</v>
      </c>
    </row>
    <row r="20653" spans="1:5" x14ac:dyDescent="0.25">
      <c r="A20653" s="1" t="s">
        <v>3750</v>
      </c>
      <c r="B20653" s="1" t="s">
        <v>10964</v>
      </c>
      <c r="C20653" s="1" t="s">
        <v>41353</v>
      </c>
      <c r="D20653" s="2">
        <v>173481</v>
      </c>
      <c r="E20653" s="1" t="s">
        <v>0</v>
      </c>
    </row>
    <row r="20654" spans="1:5" x14ac:dyDescent="0.25">
      <c r="A20654" s="1" t="s">
        <v>41354</v>
      </c>
      <c r="B20654" s="1" t="s">
        <v>56853</v>
      </c>
      <c r="C20654" s="1" t="s">
        <v>41355</v>
      </c>
      <c r="D20654" s="2">
        <v>173482</v>
      </c>
      <c r="E20654" s="1" t="s">
        <v>0</v>
      </c>
    </row>
    <row r="20655" spans="1:5" ht="409.5" x14ac:dyDescent="0.25">
      <c r="A20655" s="4" t="s">
        <v>41356</v>
      </c>
      <c r="B20655" s="1" t="s">
        <v>57973</v>
      </c>
      <c r="C20655" s="1" t="s">
        <v>41357</v>
      </c>
      <c r="D20655" s="2">
        <v>173483</v>
      </c>
      <c r="E20655" s="1" t="s">
        <v>0</v>
      </c>
    </row>
    <row r="20656" spans="1:5" x14ac:dyDescent="0.25">
      <c r="A20656" s="1" t="s">
        <v>41358</v>
      </c>
      <c r="B20656" s="1" t="s">
        <v>10965</v>
      </c>
      <c r="C20656" s="1" t="s">
        <v>41359</v>
      </c>
      <c r="D20656" s="2">
        <v>173484</v>
      </c>
      <c r="E20656" s="1" t="s">
        <v>0</v>
      </c>
    </row>
    <row r="20657" spans="1:5" x14ac:dyDescent="0.25">
      <c r="A20657" s="2">
        <v>4131</v>
      </c>
      <c r="B20657" s="2">
        <v>4131</v>
      </c>
      <c r="C20657" s="1" t="s">
        <v>0</v>
      </c>
      <c r="D20657" s="2">
        <v>173485</v>
      </c>
      <c r="E20657" s="1" t="s">
        <v>0</v>
      </c>
    </row>
    <row r="20658" spans="1:5" x14ac:dyDescent="0.25">
      <c r="A20658" s="1" t="s">
        <v>3751</v>
      </c>
      <c r="B20658" s="1" t="s">
        <v>55562</v>
      </c>
      <c r="C20658" s="1" t="s">
        <v>41360</v>
      </c>
      <c r="D20658" s="2">
        <v>173486</v>
      </c>
      <c r="E20658" s="1" t="s">
        <v>0</v>
      </c>
    </row>
    <row r="20659" spans="1:5" x14ac:dyDescent="0.25">
      <c r="A20659" s="1" t="s">
        <v>41361</v>
      </c>
      <c r="B20659" s="1" t="s">
        <v>55563</v>
      </c>
      <c r="C20659" s="1" t="s">
        <v>41362</v>
      </c>
      <c r="D20659" s="2">
        <v>173487</v>
      </c>
      <c r="E20659" s="1" t="s">
        <v>0</v>
      </c>
    </row>
    <row r="20660" spans="1:5" ht="409.5" x14ac:dyDescent="0.25">
      <c r="A20660" s="4" t="s">
        <v>41363</v>
      </c>
      <c r="B20660" s="1" t="s">
        <v>55564</v>
      </c>
      <c r="C20660" s="1" t="s">
        <v>41364</v>
      </c>
      <c r="D20660" s="2">
        <v>173488</v>
      </c>
      <c r="E20660" s="1" t="s">
        <v>0</v>
      </c>
    </row>
    <row r="20661" spans="1:5" x14ac:dyDescent="0.25">
      <c r="A20661" s="1" t="s">
        <v>41365</v>
      </c>
      <c r="B20661" s="1" t="s">
        <v>10966</v>
      </c>
      <c r="C20661" s="1" t="s">
        <v>41366</v>
      </c>
      <c r="D20661" s="2">
        <v>173489</v>
      </c>
      <c r="E20661" s="1" t="s">
        <v>0</v>
      </c>
    </row>
    <row r="20662" spans="1:5" x14ac:dyDescent="0.25">
      <c r="A20662" s="2">
        <v>4132</v>
      </c>
      <c r="B20662" s="2">
        <v>4132</v>
      </c>
      <c r="C20662" s="1" t="s">
        <v>0</v>
      </c>
      <c r="D20662" s="2">
        <v>173490</v>
      </c>
      <c r="E20662" s="1" t="s">
        <v>0</v>
      </c>
    </row>
    <row r="20663" spans="1:5" x14ac:dyDescent="0.25">
      <c r="A20663" s="1" t="s">
        <v>3752</v>
      </c>
      <c r="B20663" s="1" t="s">
        <v>60217</v>
      </c>
      <c r="C20663" s="1" t="s">
        <v>41367</v>
      </c>
      <c r="D20663" s="2">
        <v>173491</v>
      </c>
      <c r="E20663" s="1" t="s">
        <v>0</v>
      </c>
    </row>
    <row r="20664" spans="1:5" x14ac:dyDescent="0.25">
      <c r="A20664" s="1" t="s">
        <v>41368</v>
      </c>
      <c r="B20664" s="1" t="s">
        <v>10967</v>
      </c>
      <c r="C20664" s="1" t="s">
        <v>41369</v>
      </c>
      <c r="D20664" s="2">
        <v>173492</v>
      </c>
      <c r="E20664" s="1" t="s">
        <v>0</v>
      </c>
    </row>
    <row r="20665" spans="1:5" ht="409.5" x14ac:dyDescent="0.25">
      <c r="A20665" s="4" t="s">
        <v>41370</v>
      </c>
      <c r="B20665" s="1" t="s">
        <v>10968</v>
      </c>
      <c r="C20665" s="1" t="s">
        <v>41371</v>
      </c>
      <c r="D20665" s="2">
        <v>173493</v>
      </c>
      <c r="E20665" s="1" t="s">
        <v>0</v>
      </c>
    </row>
    <row r="20666" spans="1:5" x14ac:dyDescent="0.25">
      <c r="A20666" s="1" t="s">
        <v>41372</v>
      </c>
      <c r="B20666" s="1" t="s">
        <v>55565</v>
      </c>
      <c r="C20666" s="1" t="s">
        <v>41373</v>
      </c>
      <c r="D20666" s="2">
        <v>173494</v>
      </c>
      <c r="E20666" s="1" t="s">
        <v>0</v>
      </c>
    </row>
    <row r="20667" spans="1:5" x14ac:dyDescent="0.25">
      <c r="A20667" s="2">
        <v>4133</v>
      </c>
      <c r="B20667" s="2">
        <v>4133</v>
      </c>
      <c r="C20667" s="1" t="s">
        <v>0</v>
      </c>
      <c r="D20667" s="2">
        <v>173495</v>
      </c>
      <c r="E20667" s="1" t="s">
        <v>0</v>
      </c>
    </row>
    <row r="20668" spans="1:5" x14ac:dyDescent="0.25">
      <c r="A20668" s="1" t="s">
        <v>3753</v>
      </c>
      <c r="B20668" s="1" t="s">
        <v>10969</v>
      </c>
      <c r="C20668" s="1" t="s">
        <v>41374</v>
      </c>
      <c r="D20668" s="2">
        <v>173496</v>
      </c>
      <c r="E20668" s="1" t="s">
        <v>0</v>
      </c>
    </row>
    <row r="20669" spans="1:5" x14ac:dyDescent="0.25">
      <c r="A20669" s="1" t="s">
        <v>41375</v>
      </c>
      <c r="B20669" s="1" t="s">
        <v>55566</v>
      </c>
      <c r="C20669" s="1" t="s">
        <v>41376</v>
      </c>
      <c r="D20669" s="2">
        <v>173497</v>
      </c>
      <c r="E20669" s="1" t="s">
        <v>0</v>
      </c>
    </row>
    <row r="20670" spans="1:5" ht="409.5" x14ac:dyDescent="0.25">
      <c r="A20670" s="4" t="s">
        <v>41377</v>
      </c>
      <c r="B20670" s="1" t="s">
        <v>55567</v>
      </c>
      <c r="C20670" s="1" t="s">
        <v>41378</v>
      </c>
      <c r="D20670" s="2">
        <v>173498</v>
      </c>
      <c r="E20670" s="1" t="s">
        <v>0</v>
      </c>
    </row>
    <row r="20671" spans="1:5" x14ac:dyDescent="0.25">
      <c r="A20671" s="1" t="s">
        <v>41379</v>
      </c>
      <c r="B20671" s="1" t="s">
        <v>59073</v>
      </c>
      <c r="C20671" s="1" t="s">
        <v>41380</v>
      </c>
      <c r="D20671" s="2">
        <v>173499</v>
      </c>
      <c r="E20671" s="1" t="s">
        <v>0</v>
      </c>
    </row>
    <row r="20672" spans="1:5" x14ac:dyDescent="0.25">
      <c r="A20672" s="2">
        <v>4134</v>
      </c>
      <c r="B20672" s="2">
        <v>4134</v>
      </c>
      <c r="C20672" s="1" t="s">
        <v>0</v>
      </c>
      <c r="D20672" s="2">
        <v>173500</v>
      </c>
      <c r="E20672" s="1" t="s">
        <v>0</v>
      </c>
    </row>
    <row r="20673" spans="1:5" x14ac:dyDescent="0.25">
      <c r="A20673" s="1" t="s">
        <v>41381</v>
      </c>
      <c r="B20673" s="1" t="s">
        <v>10970</v>
      </c>
      <c r="C20673" s="1" t="s">
        <v>41382</v>
      </c>
      <c r="D20673" s="2">
        <v>173501</v>
      </c>
      <c r="E20673" s="1" t="s">
        <v>0</v>
      </c>
    </row>
    <row r="20674" spans="1:5" x14ac:dyDescent="0.25">
      <c r="A20674" s="1" t="s">
        <v>41383</v>
      </c>
      <c r="B20674" s="1" t="s">
        <v>55568</v>
      </c>
      <c r="C20674" s="1" t="s">
        <v>41384</v>
      </c>
      <c r="D20674" s="2">
        <v>173502</v>
      </c>
      <c r="E20674" s="1" t="s">
        <v>0</v>
      </c>
    </row>
    <row r="20675" spans="1:5" ht="409.5" x14ac:dyDescent="0.25">
      <c r="A20675" s="4" t="s">
        <v>41385</v>
      </c>
      <c r="B20675" s="1" t="s">
        <v>63493</v>
      </c>
      <c r="C20675" s="1" t="s">
        <v>41386</v>
      </c>
      <c r="D20675" s="2">
        <v>173503</v>
      </c>
      <c r="E20675" s="1" t="s">
        <v>0</v>
      </c>
    </row>
    <row r="20676" spans="1:5" x14ac:dyDescent="0.25">
      <c r="A20676" s="1" t="s">
        <v>41387</v>
      </c>
      <c r="B20676" s="1" t="s">
        <v>10971</v>
      </c>
      <c r="C20676" s="1" t="s">
        <v>41388</v>
      </c>
      <c r="D20676" s="2">
        <v>173504</v>
      </c>
      <c r="E20676" s="1" t="s">
        <v>0</v>
      </c>
    </row>
    <row r="20677" spans="1:5" x14ac:dyDescent="0.25">
      <c r="A20677" s="2">
        <v>4135</v>
      </c>
      <c r="B20677" s="2">
        <v>4135</v>
      </c>
      <c r="C20677" s="1" t="s">
        <v>0</v>
      </c>
      <c r="D20677" s="2">
        <v>173505</v>
      </c>
      <c r="E20677" s="1" t="s">
        <v>0</v>
      </c>
    </row>
    <row r="20678" spans="1:5" x14ac:dyDescent="0.25">
      <c r="A20678" s="1" t="s">
        <v>3754</v>
      </c>
      <c r="B20678" s="1" t="s">
        <v>10972</v>
      </c>
      <c r="C20678" s="1" t="s">
        <v>41389</v>
      </c>
      <c r="D20678" s="2">
        <v>173506</v>
      </c>
      <c r="E20678" s="1" t="s">
        <v>0</v>
      </c>
    </row>
    <row r="20679" spans="1:5" x14ac:dyDescent="0.25">
      <c r="A20679" s="1" t="s">
        <v>41390</v>
      </c>
      <c r="B20679" s="1" t="s">
        <v>55569</v>
      </c>
      <c r="C20679" s="1" t="s">
        <v>41391</v>
      </c>
      <c r="D20679" s="2">
        <v>173507</v>
      </c>
      <c r="E20679" s="1" t="s">
        <v>0</v>
      </c>
    </row>
    <row r="20680" spans="1:5" ht="409.5" x14ac:dyDescent="0.25">
      <c r="A20680" s="4" t="s">
        <v>41392</v>
      </c>
      <c r="B20680" s="1" t="s">
        <v>57974</v>
      </c>
      <c r="C20680" s="1" t="s">
        <v>41393</v>
      </c>
      <c r="D20680" s="2">
        <v>173508</v>
      </c>
      <c r="E20680" s="1" t="s">
        <v>0</v>
      </c>
    </row>
    <row r="20681" spans="1:5" x14ac:dyDescent="0.25">
      <c r="A20681" s="1" t="s">
        <v>41394</v>
      </c>
      <c r="B20681" s="1" t="s">
        <v>10973</v>
      </c>
      <c r="C20681" s="1" t="s">
        <v>41395</v>
      </c>
      <c r="D20681" s="2">
        <v>173509</v>
      </c>
      <c r="E20681" s="1" t="s">
        <v>0</v>
      </c>
    </row>
    <row r="20682" spans="1:5" x14ac:dyDescent="0.25">
      <c r="A20682" s="2">
        <v>4136</v>
      </c>
      <c r="B20682" s="2">
        <v>4136</v>
      </c>
      <c r="C20682" s="1" t="s">
        <v>0</v>
      </c>
      <c r="D20682" s="2">
        <v>173510</v>
      </c>
      <c r="E20682" s="1" t="s">
        <v>0</v>
      </c>
    </row>
    <row r="20683" spans="1:5" x14ac:dyDescent="0.25">
      <c r="A20683" s="1" t="s">
        <v>3755</v>
      </c>
      <c r="B20683" s="1" t="s">
        <v>10974</v>
      </c>
      <c r="C20683" s="1" t="s">
        <v>41396</v>
      </c>
      <c r="D20683" s="2">
        <v>173511</v>
      </c>
      <c r="E20683" s="1" t="s">
        <v>0</v>
      </c>
    </row>
    <row r="20684" spans="1:5" x14ac:dyDescent="0.25">
      <c r="A20684" s="1" t="s">
        <v>41397</v>
      </c>
      <c r="B20684" s="1" t="s">
        <v>10975</v>
      </c>
      <c r="C20684" s="1" t="s">
        <v>41398</v>
      </c>
      <c r="D20684" s="2">
        <v>173512</v>
      </c>
      <c r="E20684" s="1" t="s">
        <v>0</v>
      </c>
    </row>
    <row r="20685" spans="1:5" ht="409.5" x14ac:dyDescent="0.25">
      <c r="A20685" s="4" t="s">
        <v>41399</v>
      </c>
      <c r="B20685" s="1" t="s">
        <v>63494</v>
      </c>
      <c r="C20685" s="1" t="s">
        <v>41400</v>
      </c>
      <c r="D20685" s="2">
        <v>173513</v>
      </c>
      <c r="E20685" s="1" t="s">
        <v>0</v>
      </c>
    </row>
    <row r="20686" spans="1:5" x14ac:dyDescent="0.25">
      <c r="A20686" s="1" t="s">
        <v>41401</v>
      </c>
      <c r="B20686" s="1" t="s">
        <v>55570</v>
      </c>
      <c r="C20686" s="1" t="s">
        <v>41402</v>
      </c>
      <c r="D20686" s="2">
        <v>173514</v>
      </c>
      <c r="E20686" s="1" t="s">
        <v>0</v>
      </c>
    </row>
    <row r="20687" spans="1:5" x14ac:dyDescent="0.25">
      <c r="A20687" s="2">
        <v>4137</v>
      </c>
      <c r="B20687" s="2">
        <v>4137</v>
      </c>
      <c r="C20687" s="1" t="s">
        <v>0</v>
      </c>
      <c r="D20687" s="2">
        <v>173515</v>
      </c>
      <c r="E20687" s="1" t="s">
        <v>0</v>
      </c>
    </row>
    <row r="20688" spans="1:5" x14ac:dyDescent="0.25">
      <c r="A20688" s="1" t="s">
        <v>3756</v>
      </c>
      <c r="B20688" s="1" t="s">
        <v>10976</v>
      </c>
      <c r="C20688" s="1" t="s">
        <v>41403</v>
      </c>
      <c r="D20688" s="2">
        <v>173516</v>
      </c>
      <c r="E20688" s="1" t="s">
        <v>0</v>
      </c>
    </row>
    <row r="20689" spans="1:5" x14ac:dyDescent="0.25">
      <c r="A20689" s="1" t="s">
        <v>41404</v>
      </c>
      <c r="B20689" s="1" t="s">
        <v>55571</v>
      </c>
      <c r="C20689" s="1" t="s">
        <v>41405</v>
      </c>
      <c r="D20689" s="2">
        <v>173517</v>
      </c>
      <c r="E20689" s="1" t="s">
        <v>0</v>
      </c>
    </row>
    <row r="20690" spans="1:5" ht="409.5" x14ac:dyDescent="0.25">
      <c r="A20690" s="4" t="s">
        <v>41406</v>
      </c>
      <c r="B20690" s="1" t="s">
        <v>57975</v>
      </c>
      <c r="C20690" s="1" t="s">
        <v>41407</v>
      </c>
      <c r="D20690" s="2">
        <v>173518</v>
      </c>
      <c r="E20690" s="1" t="s">
        <v>0</v>
      </c>
    </row>
    <row r="20691" spans="1:5" x14ac:dyDescent="0.25">
      <c r="A20691" s="1" t="s">
        <v>14855</v>
      </c>
      <c r="B20691" s="1" t="s">
        <v>60879</v>
      </c>
      <c r="C20691" s="1" t="s">
        <v>14856</v>
      </c>
      <c r="D20691" s="2">
        <v>173519</v>
      </c>
      <c r="E20691" s="1" t="s">
        <v>0</v>
      </c>
    </row>
    <row r="20692" spans="1:5" x14ac:dyDescent="0.25">
      <c r="A20692" s="2">
        <v>4138</v>
      </c>
      <c r="B20692" s="2">
        <v>4138</v>
      </c>
      <c r="C20692" s="1" t="s">
        <v>0</v>
      </c>
      <c r="D20692" s="2">
        <v>173520</v>
      </c>
      <c r="E20692" s="1" t="s">
        <v>0</v>
      </c>
    </row>
    <row r="20693" spans="1:5" x14ac:dyDescent="0.25">
      <c r="A20693" s="1" t="s">
        <v>3757</v>
      </c>
      <c r="B20693" s="1" t="s">
        <v>10977</v>
      </c>
      <c r="C20693" s="1" t="s">
        <v>41408</v>
      </c>
      <c r="D20693" s="2">
        <v>173521</v>
      </c>
      <c r="E20693" s="1" t="s">
        <v>0</v>
      </c>
    </row>
    <row r="20694" spans="1:5" x14ac:dyDescent="0.25">
      <c r="A20694" s="1" t="s">
        <v>41409</v>
      </c>
      <c r="B20694" s="1" t="s">
        <v>59676</v>
      </c>
      <c r="C20694" s="1" t="s">
        <v>41410</v>
      </c>
      <c r="D20694" s="2">
        <v>173522</v>
      </c>
      <c r="E20694" s="1" t="s">
        <v>0</v>
      </c>
    </row>
    <row r="20695" spans="1:5" ht="409.5" x14ac:dyDescent="0.25">
      <c r="A20695" s="4" t="s">
        <v>41411</v>
      </c>
      <c r="B20695" s="1" t="s">
        <v>59677</v>
      </c>
      <c r="C20695" s="1" t="s">
        <v>41412</v>
      </c>
      <c r="D20695" s="2">
        <v>173523</v>
      </c>
      <c r="E20695" s="1" t="s">
        <v>0</v>
      </c>
    </row>
    <row r="20696" spans="1:5" x14ac:dyDescent="0.25">
      <c r="A20696" s="1" t="s">
        <v>41413</v>
      </c>
      <c r="B20696" s="1" t="s">
        <v>50973</v>
      </c>
      <c r="C20696" s="1" t="s">
        <v>41414</v>
      </c>
      <c r="D20696" s="2">
        <v>173524</v>
      </c>
      <c r="E20696" s="1" t="s">
        <v>0</v>
      </c>
    </row>
    <row r="20697" spans="1:5" x14ac:dyDescent="0.25">
      <c r="A20697" s="2">
        <v>4139</v>
      </c>
      <c r="B20697" s="2">
        <v>4139</v>
      </c>
      <c r="C20697" s="1" t="s">
        <v>0</v>
      </c>
      <c r="D20697" s="2">
        <v>173525</v>
      </c>
      <c r="E20697" s="1" t="s">
        <v>0</v>
      </c>
    </row>
    <row r="20698" spans="1:5" x14ac:dyDescent="0.25">
      <c r="A20698" s="1" t="s">
        <v>3758</v>
      </c>
      <c r="B20698" s="1" t="s">
        <v>10978</v>
      </c>
      <c r="C20698" s="1" t="s">
        <v>41415</v>
      </c>
      <c r="D20698" s="2">
        <v>173526</v>
      </c>
      <c r="E20698" s="1" t="s">
        <v>0</v>
      </c>
    </row>
    <row r="20699" spans="1:5" x14ac:dyDescent="0.25">
      <c r="A20699" s="1" t="s">
        <v>41416</v>
      </c>
      <c r="B20699" s="1" t="s">
        <v>62870</v>
      </c>
      <c r="C20699" s="1" t="s">
        <v>41417</v>
      </c>
      <c r="D20699" s="2">
        <v>173527</v>
      </c>
      <c r="E20699" s="1" t="s">
        <v>0</v>
      </c>
    </row>
    <row r="20700" spans="1:5" ht="409.5" x14ac:dyDescent="0.25">
      <c r="A20700" s="4" t="s">
        <v>41418</v>
      </c>
      <c r="B20700" s="1" t="s">
        <v>62871</v>
      </c>
      <c r="C20700" s="1" t="s">
        <v>41419</v>
      </c>
      <c r="D20700" s="2">
        <v>173528</v>
      </c>
      <c r="E20700" s="1" t="s">
        <v>0</v>
      </c>
    </row>
    <row r="20701" spans="1:5" x14ac:dyDescent="0.25">
      <c r="A20701" s="1" t="s">
        <v>41420</v>
      </c>
      <c r="B20701" s="1" t="s">
        <v>61312</v>
      </c>
      <c r="C20701" s="1" t="s">
        <v>41421</v>
      </c>
      <c r="D20701" s="2">
        <v>173529</v>
      </c>
      <c r="E20701" s="1" t="s">
        <v>0</v>
      </c>
    </row>
    <row r="20702" spans="1:5" x14ac:dyDescent="0.25">
      <c r="A20702" s="2">
        <v>4140</v>
      </c>
      <c r="B20702" s="2">
        <v>4140</v>
      </c>
      <c r="C20702" s="1" t="s">
        <v>0</v>
      </c>
      <c r="D20702" s="2">
        <v>173530</v>
      </c>
      <c r="E20702" s="1" t="s">
        <v>0</v>
      </c>
    </row>
    <row r="20703" spans="1:5" x14ac:dyDescent="0.25">
      <c r="A20703" s="1" t="s">
        <v>3759</v>
      </c>
      <c r="B20703" s="1" t="s">
        <v>56969</v>
      </c>
      <c r="C20703" s="1" t="s">
        <v>41422</v>
      </c>
      <c r="D20703" s="2">
        <v>173531</v>
      </c>
      <c r="E20703" s="1" t="s">
        <v>0</v>
      </c>
    </row>
    <row r="20704" spans="1:5" x14ac:dyDescent="0.25">
      <c r="A20704" s="1" t="s">
        <v>41423</v>
      </c>
      <c r="B20704" s="1" t="s">
        <v>62872</v>
      </c>
      <c r="C20704" s="1" t="s">
        <v>41424</v>
      </c>
      <c r="D20704" s="2">
        <v>173532</v>
      </c>
      <c r="E20704" s="1" t="s">
        <v>0</v>
      </c>
    </row>
    <row r="20705" spans="1:5" ht="409.5" x14ac:dyDescent="0.25">
      <c r="A20705" s="4" t="s">
        <v>41425</v>
      </c>
      <c r="B20705" s="1" t="s">
        <v>62873</v>
      </c>
      <c r="C20705" s="1" t="s">
        <v>41426</v>
      </c>
      <c r="D20705" s="2">
        <v>173533</v>
      </c>
      <c r="E20705" s="1" t="s">
        <v>0</v>
      </c>
    </row>
    <row r="20706" spans="1:5" x14ac:dyDescent="0.25">
      <c r="A20706" s="1" t="s">
        <v>41427</v>
      </c>
      <c r="B20706" s="1" t="s">
        <v>55572</v>
      </c>
      <c r="C20706" s="1" t="s">
        <v>41428</v>
      </c>
      <c r="D20706" s="2">
        <v>173534</v>
      </c>
      <c r="E20706" s="1" t="s">
        <v>0</v>
      </c>
    </row>
    <row r="20707" spans="1:5" x14ac:dyDescent="0.25">
      <c r="A20707" s="2">
        <v>4141</v>
      </c>
      <c r="B20707" s="2">
        <v>4141</v>
      </c>
      <c r="C20707" s="1" t="s">
        <v>0</v>
      </c>
      <c r="D20707" s="2">
        <v>173535</v>
      </c>
      <c r="E20707" s="1" t="s">
        <v>0</v>
      </c>
    </row>
    <row r="20708" spans="1:5" x14ac:dyDescent="0.25">
      <c r="A20708" s="1" t="s">
        <v>3760</v>
      </c>
      <c r="B20708" s="1" t="s">
        <v>10979</v>
      </c>
      <c r="C20708" s="1" t="s">
        <v>41429</v>
      </c>
      <c r="D20708" s="2">
        <v>173536</v>
      </c>
      <c r="E20708" s="1" t="s">
        <v>0</v>
      </c>
    </row>
    <row r="20709" spans="1:5" x14ac:dyDescent="0.25">
      <c r="A20709" s="1" t="s">
        <v>41430</v>
      </c>
      <c r="B20709" s="1" t="s">
        <v>10980</v>
      </c>
      <c r="C20709" s="1" t="s">
        <v>41431</v>
      </c>
      <c r="D20709" s="2">
        <v>173537</v>
      </c>
      <c r="E20709" s="1" t="s">
        <v>0</v>
      </c>
    </row>
    <row r="20710" spans="1:5" ht="409.5" x14ac:dyDescent="0.25">
      <c r="A20710" s="4" t="s">
        <v>41432</v>
      </c>
      <c r="B20710" s="1" t="s">
        <v>10981</v>
      </c>
      <c r="C20710" s="1" t="s">
        <v>41433</v>
      </c>
      <c r="D20710" s="2">
        <v>173538</v>
      </c>
      <c r="E20710" s="1" t="s">
        <v>0</v>
      </c>
    </row>
    <row r="20711" spans="1:5" x14ac:dyDescent="0.25">
      <c r="A20711" s="1" t="s">
        <v>41434</v>
      </c>
      <c r="B20711" s="1" t="s">
        <v>10982</v>
      </c>
      <c r="C20711" s="1" t="s">
        <v>41435</v>
      </c>
      <c r="D20711" s="2">
        <v>173539</v>
      </c>
      <c r="E20711" s="1" t="s">
        <v>0</v>
      </c>
    </row>
    <row r="20712" spans="1:5" x14ac:dyDescent="0.25">
      <c r="A20712" s="2">
        <v>4142</v>
      </c>
      <c r="B20712" s="2">
        <v>4142</v>
      </c>
      <c r="C20712" s="1" t="s">
        <v>0</v>
      </c>
      <c r="D20712" s="2">
        <v>173540</v>
      </c>
      <c r="E20712" s="1" t="s">
        <v>0</v>
      </c>
    </row>
    <row r="20713" spans="1:5" x14ac:dyDescent="0.25">
      <c r="A20713" s="1" t="s">
        <v>3761</v>
      </c>
      <c r="B20713" s="1" t="s">
        <v>57976</v>
      </c>
      <c r="C20713" s="1" t="s">
        <v>41436</v>
      </c>
      <c r="D20713" s="2">
        <v>173541</v>
      </c>
      <c r="E20713" s="1" t="s">
        <v>0</v>
      </c>
    </row>
    <row r="20714" spans="1:5" x14ac:dyDescent="0.25">
      <c r="A20714" s="1" t="s">
        <v>41437</v>
      </c>
      <c r="B20714" s="1" t="s">
        <v>57977</v>
      </c>
      <c r="C20714" s="1" t="s">
        <v>41438</v>
      </c>
      <c r="D20714" s="2">
        <v>173542</v>
      </c>
      <c r="E20714" s="1" t="s">
        <v>0</v>
      </c>
    </row>
    <row r="20715" spans="1:5" ht="409.5" x14ac:dyDescent="0.25">
      <c r="A20715" s="4" t="s">
        <v>41439</v>
      </c>
      <c r="B20715" s="1" t="s">
        <v>57978</v>
      </c>
      <c r="C20715" s="1" t="s">
        <v>41440</v>
      </c>
      <c r="D20715" s="2">
        <v>173543</v>
      </c>
      <c r="E20715" s="1" t="s">
        <v>0</v>
      </c>
    </row>
    <row r="20716" spans="1:5" x14ac:dyDescent="0.25">
      <c r="A20716" s="1" t="s">
        <v>41441</v>
      </c>
      <c r="B20716" s="1" t="s">
        <v>55573</v>
      </c>
      <c r="C20716" s="1" t="s">
        <v>41442</v>
      </c>
      <c r="D20716" s="2">
        <v>173544</v>
      </c>
      <c r="E20716" s="1" t="s">
        <v>0</v>
      </c>
    </row>
    <row r="20717" spans="1:5" x14ac:dyDescent="0.25">
      <c r="A20717" s="2">
        <v>4143</v>
      </c>
      <c r="B20717" s="2">
        <v>4143</v>
      </c>
      <c r="C20717" s="1" t="s">
        <v>0</v>
      </c>
      <c r="D20717" s="2">
        <v>173545</v>
      </c>
      <c r="E20717" s="1" t="s">
        <v>0</v>
      </c>
    </row>
    <row r="20718" spans="1:5" x14ac:dyDescent="0.25">
      <c r="A20718" s="1" t="s">
        <v>3762</v>
      </c>
      <c r="B20718" s="1" t="s">
        <v>10983</v>
      </c>
      <c r="C20718" s="1" t="s">
        <v>41443</v>
      </c>
      <c r="D20718" s="2">
        <v>173546</v>
      </c>
      <c r="E20718" s="1" t="s">
        <v>0</v>
      </c>
    </row>
    <row r="20719" spans="1:5" x14ac:dyDescent="0.25">
      <c r="A20719" s="1" t="s">
        <v>41444</v>
      </c>
      <c r="B20719" s="1" t="s">
        <v>10984</v>
      </c>
      <c r="C20719" s="1" t="s">
        <v>41445</v>
      </c>
      <c r="D20719" s="2">
        <v>173547</v>
      </c>
      <c r="E20719" s="1" t="s">
        <v>0</v>
      </c>
    </row>
    <row r="20720" spans="1:5" ht="409.5" x14ac:dyDescent="0.25">
      <c r="A20720" s="4" t="s">
        <v>41446</v>
      </c>
      <c r="B20720" s="1" t="s">
        <v>55574</v>
      </c>
      <c r="C20720" s="1" t="s">
        <v>41447</v>
      </c>
      <c r="D20720" s="2">
        <v>173548</v>
      </c>
      <c r="E20720" s="1" t="s">
        <v>0</v>
      </c>
    </row>
    <row r="20721" spans="1:5" x14ac:dyDescent="0.25">
      <c r="A20721" s="1" t="s">
        <v>41448</v>
      </c>
      <c r="B20721" s="1" t="s">
        <v>10985</v>
      </c>
      <c r="C20721" s="1" t="s">
        <v>41449</v>
      </c>
      <c r="D20721" s="2">
        <v>173549</v>
      </c>
      <c r="E20721" s="1" t="s">
        <v>0</v>
      </c>
    </row>
    <row r="20722" spans="1:5" x14ac:dyDescent="0.25">
      <c r="A20722" s="2">
        <v>4144</v>
      </c>
      <c r="B20722" s="2">
        <v>4144</v>
      </c>
      <c r="C20722" s="1" t="s">
        <v>0</v>
      </c>
      <c r="D20722" s="2">
        <v>173550</v>
      </c>
      <c r="E20722" s="1" t="s">
        <v>0</v>
      </c>
    </row>
    <row r="20723" spans="1:5" x14ac:dyDescent="0.25">
      <c r="A20723" s="1" t="s">
        <v>13263</v>
      </c>
      <c r="B20723" s="1" t="s">
        <v>10986</v>
      </c>
      <c r="C20723" s="1" t="s">
        <v>41450</v>
      </c>
      <c r="D20723" s="2">
        <v>173551</v>
      </c>
      <c r="E20723" s="1" t="s">
        <v>0</v>
      </c>
    </row>
    <row r="20724" spans="1:5" x14ac:dyDescent="0.25">
      <c r="A20724" s="1" t="s">
        <v>41451</v>
      </c>
      <c r="B20724" s="1" t="s">
        <v>60218</v>
      </c>
      <c r="C20724" s="1" t="s">
        <v>41452</v>
      </c>
      <c r="D20724" s="2">
        <v>173552</v>
      </c>
      <c r="E20724" s="1" t="s">
        <v>0</v>
      </c>
    </row>
    <row r="20725" spans="1:5" ht="409.5" x14ac:dyDescent="0.25">
      <c r="A20725" s="4" t="s">
        <v>41453</v>
      </c>
      <c r="B20725" s="1" t="s">
        <v>60219</v>
      </c>
      <c r="C20725" s="1" t="s">
        <v>41454</v>
      </c>
      <c r="D20725" s="2">
        <v>173553</v>
      </c>
      <c r="E20725" s="1" t="s">
        <v>0</v>
      </c>
    </row>
    <row r="20726" spans="1:5" x14ac:dyDescent="0.25">
      <c r="A20726" s="1" t="s">
        <v>41455</v>
      </c>
      <c r="B20726" s="1" t="s">
        <v>61313</v>
      </c>
      <c r="C20726" s="1" t="s">
        <v>41456</v>
      </c>
      <c r="D20726" s="2">
        <v>173554</v>
      </c>
      <c r="E20726" s="1" t="s">
        <v>0</v>
      </c>
    </row>
    <row r="20727" spans="1:5" x14ac:dyDescent="0.25">
      <c r="A20727" s="2">
        <v>4145</v>
      </c>
      <c r="B20727" s="2">
        <v>4145</v>
      </c>
      <c r="C20727" s="1" t="s">
        <v>0</v>
      </c>
      <c r="D20727" s="2">
        <v>173555</v>
      </c>
      <c r="E20727" s="1" t="s">
        <v>0</v>
      </c>
    </row>
    <row r="20728" spans="1:5" x14ac:dyDescent="0.25">
      <c r="A20728" s="1" t="s">
        <v>3763</v>
      </c>
      <c r="B20728" s="1" t="s">
        <v>60220</v>
      </c>
      <c r="C20728" s="1" t="s">
        <v>41457</v>
      </c>
      <c r="D20728" s="2">
        <v>173556</v>
      </c>
      <c r="E20728" s="1" t="s">
        <v>0</v>
      </c>
    </row>
    <row r="20729" spans="1:5" x14ac:dyDescent="0.25">
      <c r="A20729" s="1" t="s">
        <v>41458</v>
      </c>
      <c r="B20729" s="1" t="s">
        <v>60221</v>
      </c>
      <c r="C20729" s="1" t="s">
        <v>41459</v>
      </c>
      <c r="D20729" s="2">
        <v>173557</v>
      </c>
      <c r="E20729" s="1" t="s">
        <v>0</v>
      </c>
    </row>
    <row r="20730" spans="1:5" ht="409.5" x14ac:dyDescent="0.25">
      <c r="A20730" s="4" t="s">
        <v>41460</v>
      </c>
      <c r="B20730" s="1" t="s">
        <v>60222</v>
      </c>
      <c r="C20730" s="1" t="s">
        <v>41461</v>
      </c>
      <c r="D20730" s="2">
        <v>173558</v>
      </c>
      <c r="E20730" s="1" t="s">
        <v>0</v>
      </c>
    </row>
    <row r="20731" spans="1:5" x14ac:dyDescent="0.25">
      <c r="A20731" s="1" t="s">
        <v>41462</v>
      </c>
      <c r="B20731" s="1" t="s">
        <v>55575</v>
      </c>
      <c r="C20731" s="1" t="s">
        <v>41463</v>
      </c>
      <c r="D20731" s="2">
        <v>173559</v>
      </c>
      <c r="E20731" s="1" t="s">
        <v>0</v>
      </c>
    </row>
    <row r="20732" spans="1:5" x14ac:dyDescent="0.25">
      <c r="A20732" s="2">
        <v>4146</v>
      </c>
      <c r="B20732" s="2">
        <v>4146</v>
      </c>
      <c r="C20732" s="1" t="s">
        <v>0</v>
      </c>
      <c r="D20732" s="2">
        <v>173560</v>
      </c>
      <c r="E20732" s="1" t="s">
        <v>0</v>
      </c>
    </row>
    <row r="20733" spans="1:5" x14ac:dyDescent="0.25">
      <c r="A20733" s="1" t="s">
        <v>3764</v>
      </c>
      <c r="B20733" s="1" t="s">
        <v>50974</v>
      </c>
      <c r="C20733" s="1" t="s">
        <v>41464</v>
      </c>
      <c r="D20733" s="2">
        <v>173561</v>
      </c>
      <c r="E20733" s="1" t="s">
        <v>0</v>
      </c>
    </row>
    <row r="20734" spans="1:5" x14ac:dyDescent="0.25">
      <c r="A20734" s="1" t="s">
        <v>41465</v>
      </c>
      <c r="B20734" s="1" t="s">
        <v>55576</v>
      </c>
      <c r="C20734" s="1" t="s">
        <v>41466</v>
      </c>
      <c r="D20734" s="2">
        <v>173562</v>
      </c>
      <c r="E20734" s="1" t="s">
        <v>0</v>
      </c>
    </row>
    <row r="20735" spans="1:5" ht="409.5" x14ac:dyDescent="0.25">
      <c r="A20735" s="4" t="s">
        <v>41467</v>
      </c>
      <c r="B20735" s="1" t="s">
        <v>55577</v>
      </c>
      <c r="C20735" s="1" t="s">
        <v>41468</v>
      </c>
      <c r="D20735" s="2">
        <v>173563</v>
      </c>
      <c r="E20735" s="1" t="s">
        <v>0</v>
      </c>
    </row>
    <row r="20736" spans="1:5" x14ac:dyDescent="0.25">
      <c r="A20736" s="1" t="s">
        <v>41469</v>
      </c>
      <c r="B20736" s="1" t="s">
        <v>55578</v>
      </c>
      <c r="C20736" s="1" t="s">
        <v>41470</v>
      </c>
      <c r="D20736" s="2">
        <v>173564</v>
      </c>
      <c r="E20736" s="1" t="s">
        <v>0</v>
      </c>
    </row>
    <row r="20737" spans="1:5" x14ac:dyDescent="0.25">
      <c r="A20737" s="2">
        <v>4147</v>
      </c>
      <c r="B20737" s="2">
        <v>4147</v>
      </c>
      <c r="C20737" s="1" t="s">
        <v>0</v>
      </c>
      <c r="D20737" s="2">
        <v>173565</v>
      </c>
      <c r="E20737" s="1" t="s">
        <v>0</v>
      </c>
    </row>
    <row r="20738" spans="1:5" x14ac:dyDescent="0.25">
      <c r="A20738" s="1" t="s">
        <v>3765</v>
      </c>
      <c r="B20738" s="1" t="s">
        <v>10987</v>
      </c>
      <c r="C20738" s="1" t="s">
        <v>41471</v>
      </c>
      <c r="D20738" s="2">
        <v>173566</v>
      </c>
      <c r="E20738" s="1" t="s">
        <v>0</v>
      </c>
    </row>
    <row r="20739" spans="1:5" x14ac:dyDescent="0.25">
      <c r="A20739" s="1" t="s">
        <v>41472</v>
      </c>
      <c r="B20739" s="1" t="s">
        <v>55579</v>
      </c>
      <c r="C20739" s="1" t="s">
        <v>41473</v>
      </c>
      <c r="D20739" s="2">
        <v>173567</v>
      </c>
      <c r="E20739" s="1" t="s">
        <v>0</v>
      </c>
    </row>
    <row r="20740" spans="1:5" ht="409.5" x14ac:dyDescent="0.25">
      <c r="A20740" s="4" t="s">
        <v>41474</v>
      </c>
      <c r="B20740" s="1" t="s">
        <v>55580</v>
      </c>
      <c r="C20740" s="1" t="s">
        <v>41475</v>
      </c>
      <c r="D20740" s="2">
        <v>173568</v>
      </c>
      <c r="E20740" s="1" t="s">
        <v>0</v>
      </c>
    </row>
    <row r="20741" spans="1:5" x14ac:dyDescent="0.25">
      <c r="A20741" s="1" t="s">
        <v>41476</v>
      </c>
      <c r="B20741" s="1" t="s">
        <v>10988</v>
      </c>
      <c r="C20741" s="1" t="s">
        <v>41477</v>
      </c>
      <c r="D20741" s="2">
        <v>173569</v>
      </c>
      <c r="E20741" s="1" t="s">
        <v>0</v>
      </c>
    </row>
    <row r="20742" spans="1:5" x14ac:dyDescent="0.25">
      <c r="A20742" s="2">
        <v>4148</v>
      </c>
      <c r="B20742" s="2">
        <v>4148</v>
      </c>
      <c r="C20742" s="1" t="s">
        <v>0</v>
      </c>
      <c r="D20742" s="2">
        <v>173570</v>
      </c>
      <c r="E20742" s="1" t="s">
        <v>0</v>
      </c>
    </row>
    <row r="20743" spans="1:5" x14ac:dyDescent="0.25">
      <c r="A20743" s="1" t="s">
        <v>3766</v>
      </c>
      <c r="B20743" s="1" t="s">
        <v>10989</v>
      </c>
      <c r="C20743" s="1" t="s">
        <v>41478</v>
      </c>
      <c r="D20743" s="2">
        <v>173571</v>
      </c>
      <c r="E20743" s="1" t="s">
        <v>0</v>
      </c>
    </row>
    <row r="20744" spans="1:5" x14ac:dyDescent="0.25">
      <c r="A20744" s="1" t="s">
        <v>41479</v>
      </c>
      <c r="B20744" s="1" t="s">
        <v>55581</v>
      </c>
      <c r="C20744" s="1" t="s">
        <v>41480</v>
      </c>
      <c r="D20744" s="2">
        <v>173572</v>
      </c>
      <c r="E20744" s="1" t="s">
        <v>0</v>
      </c>
    </row>
    <row r="20745" spans="1:5" ht="409.5" x14ac:dyDescent="0.25">
      <c r="A20745" s="4" t="s">
        <v>41481</v>
      </c>
      <c r="B20745" s="1" t="s">
        <v>55582</v>
      </c>
      <c r="C20745" s="1" t="s">
        <v>41482</v>
      </c>
      <c r="D20745" s="2">
        <v>173573</v>
      </c>
      <c r="E20745" s="1" t="s">
        <v>0</v>
      </c>
    </row>
    <row r="20746" spans="1:5" x14ac:dyDescent="0.25">
      <c r="A20746" s="1" t="s">
        <v>41483</v>
      </c>
      <c r="B20746" s="1" t="s">
        <v>61314</v>
      </c>
      <c r="C20746" s="1" t="s">
        <v>41484</v>
      </c>
      <c r="D20746" s="2">
        <v>173574</v>
      </c>
      <c r="E20746" s="1" t="s">
        <v>0</v>
      </c>
    </row>
    <row r="20747" spans="1:5" x14ac:dyDescent="0.25">
      <c r="A20747" s="2">
        <v>4149</v>
      </c>
      <c r="B20747" s="2">
        <v>4149</v>
      </c>
      <c r="C20747" s="1" t="s">
        <v>0</v>
      </c>
      <c r="D20747" s="2">
        <v>173575</v>
      </c>
      <c r="E20747" s="1" t="s">
        <v>0</v>
      </c>
    </row>
    <row r="20748" spans="1:5" x14ac:dyDescent="0.25">
      <c r="A20748" s="1" t="s">
        <v>10990</v>
      </c>
      <c r="B20748" s="1" t="s">
        <v>10991</v>
      </c>
      <c r="C20748" s="1" t="s">
        <v>41485</v>
      </c>
      <c r="D20748" s="2">
        <v>173576</v>
      </c>
      <c r="E20748" s="1" t="s">
        <v>0</v>
      </c>
    </row>
    <row r="20749" spans="1:5" x14ac:dyDescent="0.25">
      <c r="A20749" s="1" t="s">
        <v>41486</v>
      </c>
      <c r="B20749" s="1" t="s">
        <v>10992</v>
      </c>
      <c r="C20749" s="1" t="s">
        <v>41487</v>
      </c>
      <c r="D20749" s="2">
        <v>173577</v>
      </c>
      <c r="E20749" s="1" t="s">
        <v>0</v>
      </c>
    </row>
    <row r="20750" spans="1:5" ht="409.5" x14ac:dyDescent="0.25">
      <c r="A20750" s="4" t="s">
        <v>41488</v>
      </c>
      <c r="B20750" s="1" t="s">
        <v>10993</v>
      </c>
      <c r="C20750" s="1" t="s">
        <v>41489</v>
      </c>
      <c r="D20750" s="2">
        <v>173578</v>
      </c>
      <c r="E20750" s="1" t="s">
        <v>0</v>
      </c>
    </row>
    <row r="20751" spans="1:5" x14ac:dyDescent="0.25">
      <c r="A20751" s="1" t="s">
        <v>41490</v>
      </c>
      <c r="B20751" s="1" t="s">
        <v>55583</v>
      </c>
      <c r="C20751" s="1" t="s">
        <v>41491</v>
      </c>
      <c r="D20751" s="2">
        <v>173579</v>
      </c>
      <c r="E20751" s="1" t="s">
        <v>0</v>
      </c>
    </row>
    <row r="20752" spans="1:5" x14ac:dyDescent="0.25">
      <c r="A20752" s="2">
        <v>4150</v>
      </c>
      <c r="B20752" s="2">
        <v>4150</v>
      </c>
      <c r="C20752" s="1" t="s">
        <v>0</v>
      </c>
      <c r="D20752" s="2">
        <v>173580</v>
      </c>
      <c r="E20752" s="1" t="s">
        <v>0</v>
      </c>
    </row>
    <row r="20753" spans="1:5" x14ac:dyDescent="0.25">
      <c r="A20753" s="1" t="s">
        <v>3767</v>
      </c>
      <c r="B20753" s="1" t="s">
        <v>55584</v>
      </c>
      <c r="C20753" s="1" t="s">
        <v>41492</v>
      </c>
      <c r="D20753" s="2">
        <v>173581</v>
      </c>
      <c r="E20753" s="1" t="s">
        <v>0</v>
      </c>
    </row>
    <row r="20754" spans="1:5" x14ac:dyDescent="0.25">
      <c r="A20754" s="1" t="s">
        <v>61873</v>
      </c>
      <c r="B20754" s="1" t="s">
        <v>56854</v>
      </c>
      <c r="C20754" s="1" t="s">
        <v>41493</v>
      </c>
      <c r="D20754" s="2">
        <v>173582</v>
      </c>
      <c r="E20754" s="1" t="s">
        <v>0</v>
      </c>
    </row>
    <row r="20755" spans="1:5" ht="409.5" x14ac:dyDescent="0.25">
      <c r="A20755" s="4" t="s">
        <v>61874</v>
      </c>
      <c r="B20755" s="1" t="s">
        <v>58546</v>
      </c>
      <c r="C20755" s="1" t="s">
        <v>41494</v>
      </c>
      <c r="D20755" s="2">
        <v>173583</v>
      </c>
      <c r="E20755" s="1" t="s">
        <v>0</v>
      </c>
    </row>
    <row r="20756" spans="1:5" x14ac:dyDescent="0.25">
      <c r="A20756" s="1" t="s">
        <v>41495</v>
      </c>
      <c r="B20756" s="1" t="s">
        <v>55585</v>
      </c>
      <c r="C20756" s="1" t="s">
        <v>41496</v>
      </c>
      <c r="D20756" s="2">
        <v>173584</v>
      </c>
      <c r="E20756" s="1" t="s">
        <v>0</v>
      </c>
    </row>
    <row r="20757" spans="1:5" x14ac:dyDescent="0.25">
      <c r="A20757" s="2">
        <v>4151</v>
      </c>
      <c r="B20757" s="2">
        <v>4151</v>
      </c>
      <c r="C20757" s="1" t="s">
        <v>0</v>
      </c>
      <c r="D20757" s="2">
        <v>173585</v>
      </c>
      <c r="E20757" s="1" t="s">
        <v>0</v>
      </c>
    </row>
    <row r="20758" spans="1:5" x14ac:dyDescent="0.25">
      <c r="A20758" s="1" t="s">
        <v>3768</v>
      </c>
      <c r="B20758" s="1" t="s">
        <v>10994</v>
      </c>
      <c r="C20758" s="1" t="s">
        <v>41497</v>
      </c>
      <c r="D20758" s="2">
        <v>173586</v>
      </c>
      <c r="E20758" s="1" t="s">
        <v>0</v>
      </c>
    </row>
    <row r="20759" spans="1:5" x14ac:dyDescent="0.25">
      <c r="A20759" s="1" t="s">
        <v>41498</v>
      </c>
      <c r="B20759" s="1" t="s">
        <v>55586</v>
      </c>
      <c r="C20759" s="1" t="s">
        <v>41499</v>
      </c>
      <c r="D20759" s="2">
        <v>173587</v>
      </c>
      <c r="E20759" s="1" t="s">
        <v>0</v>
      </c>
    </row>
    <row r="20760" spans="1:5" ht="409.5" x14ac:dyDescent="0.25">
      <c r="A20760" s="4" t="s">
        <v>41500</v>
      </c>
      <c r="B20760" s="1" t="s">
        <v>55587</v>
      </c>
      <c r="C20760" s="1" t="s">
        <v>41501</v>
      </c>
      <c r="D20760" s="2">
        <v>173588</v>
      </c>
      <c r="E20760" s="1" t="s">
        <v>0</v>
      </c>
    </row>
    <row r="20761" spans="1:5" x14ac:dyDescent="0.25">
      <c r="A20761" s="1" t="s">
        <v>41502</v>
      </c>
      <c r="B20761" s="1" t="s">
        <v>10995</v>
      </c>
      <c r="C20761" s="1" t="s">
        <v>41503</v>
      </c>
      <c r="D20761" s="2">
        <v>173589</v>
      </c>
      <c r="E20761" s="1" t="s">
        <v>0</v>
      </c>
    </row>
    <row r="20762" spans="1:5" x14ac:dyDescent="0.25">
      <c r="A20762" s="2">
        <v>4152</v>
      </c>
      <c r="B20762" s="2">
        <v>4152</v>
      </c>
      <c r="C20762" s="1" t="s">
        <v>0</v>
      </c>
      <c r="D20762" s="2">
        <v>173590</v>
      </c>
      <c r="E20762" s="1" t="s">
        <v>0</v>
      </c>
    </row>
    <row r="20763" spans="1:5" x14ac:dyDescent="0.25">
      <c r="A20763" s="1" t="s">
        <v>3769</v>
      </c>
      <c r="B20763" s="1" t="s">
        <v>10996</v>
      </c>
      <c r="C20763" s="1" t="s">
        <v>41504</v>
      </c>
      <c r="D20763" s="2">
        <v>173591</v>
      </c>
      <c r="E20763" s="1" t="s">
        <v>0</v>
      </c>
    </row>
    <row r="20764" spans="1:5" x14ac:dyDescent="0.25">
      <c r="A20764" s="1" t="s">
        <v>41505</v>
      </c>
      <c r="B20764" s="1" t="s">
        <v>10997</v>
      </c>
      <c r="C20764" s="1" t="s">
        <v>41506</v>
      </c>
      <c r="D20764" s="2">
        <v>173592</v>
      </c>
      <c r="E20764" s="1" t="s">
        <v>0</v>
      </c>
    </row>
    <row r="20765" spans="1:5" ht="409.5" x14ac:dyDescent="0.25">
      <c r="A20765" s="4" t="s">
        <v>41507</v>
      </c>
      <c r="B20765" s="1" t="s">
        <v>57606</v>
      </c>
      <c r="C20765" s="1" t="s">
        <v>41508</v>
      </c>
      <c r="D20765" s="2">
        <v>173593</v>
      </c>
      <c r="E20765" s="1" t="s">
        <v>0</v>
      </c>
    </row>
    <row r="20766" spans="1:5" x14ac:dyDescent="0.25">
      <c r="A20766" s="1" t="s">
        <v>41509</v>
      </c>
      <c r="B20766" s="1" t="s">
        <v>55588</v>
      </c>
      <c r="C20766" s="1" t="s">
        <v>41510</v>
      </c>
      <c r="D20766" s="2">
        <v>173594</v>
      </c>
      <c r="E20766" s="1" t="s">
        <v>0</v>
      </c>
    </row>
    <row r="20767" spans="1:5" x14ac:dyDescent="0.25">
      <c r="A20767" s="2">
        <v>4153</v>
      </c>
      <c r="B20767" s="2">
        <v>4153</v>
      </c>
      <c r="C20767" s="1" t="s">
        <v>0</v>
      </c>
      <c r="D20767" s="2">
        <v>173595</v>
      </c>
      <c r="E20767" s="1" t="s">
        <v>0</v>
      </c>
    </row>
    <row r="20768" spans="1:5" x14ac:dyDescent="0.25">
      <c r="A20768" s="1" t="s">
        <v>3770</v>
      </c>
      <c r="B20768" s="1" t="s">
        <v>10998</v>
      </c>
      <c r="C20768" s="1" t="s">
        <v>41511</v>
      </c>
      <c r="D20768" s="2">
        <v>173596</v>
      </c>
      <c r="E20768" s="1" t="s">
        <v>0</v>
      </c>
    </row>
    <row r="20769" spans="1:5" x14ac:dyDescent="0.25">
      <c r="A20769" s="1" t="s">
        <v>41512</v>
      </c>
      <c r="B20769" s="1" t="s">
        <v>55589</v>
      </c>
      <c r="C20769" s="1" t="s">
        <v>41513</v>
      </c>
      <c r="D20769" s="2">
        <v>173597</v>
      </c>
      <c r="E20769" s="1" t="s">
        <v>0</v>
      </c>
    </row>
    <row r="20770" spans="1:5" ht="409.5" x14ac:dyDescent="0.25">
      <c r="A20770" s="4" t="s">
        <v>41514</v>
      </c>
      <c r="B20770" s="1" t="s">
        <v>55590</v>
      </c>
      <c r="C20770" s="1" t="s">
        <v>41515</v>
      </c>
      <c r="D20770" s="2">
        <v>173598</v>
      </c>
      <c r="E20770" s="1" t="s">
        <v>0</v>
      </c>
    </row>
    <row r="20771" spans="1:5" x14ac:dyDescent="0.25">
      <c r="A20771" s="1" t="s">
        <v>41516</v>
      </c>
      <c r="B20771" s="1" t="s">
        <v>55591</v>
      </c>
      <c r="C20771" s="1" t="s">
        <v>41517</v>
      </c>
      <c r="D20771" s="2">
        <v>173599</v>
      </c>
      <c r="E20771" s="1" t="s">
        <v>0</v>
      </c>
    </row>
    <row r="20772" spans="1:5" x14ac:dyDescent="0.25">
      <c r="A20772" s="2">
        <v>4154</v>
      </c>
      <c r="B20772" s="2">
        <v>4154</v>
      </c>
      <c r="C20772" s="1" t="s">
        <v>0</v>
      </c>
      <c r="D20772" s="2">
        <v>173600</v>
      </c>
      <c r="E20772" s="1" t="s">
        <v>0</v>
      </c>
    </row>
    <row r="20773" spans="1:5" x14ac:dyDescent="0.25">
      <c r="A20773" s="1" t="s">
        <v>3771</v>
      </c>
      <c r="B20773" s="1" t="s">
        <v>10999</v>
      </c>
      <c r="C20773" s="1" t="s">
        <v>41518</v>
      </c>
      <c r="D20773" s="2">
        <v>173601</v>
      </c>
      <c r="E20773" s="1" t="s">
        <v>0</v>
      </c>
    </row>
    <row r="20774" spans="1:5" x14ac:dyDescent="0.25">
      <c r="A20774" s="1" t="s">
        <v>41519</v>
      </c>
      <c r="B20774" s="1" t="s">
        <v>41520</v>
      </c>
      <c r="C20774" s="1" t="s">
        <v>41521</v>
      </c>
      <c r="D20774" s="2">
        <v>173602</v>
      </c>
      <c r="E20774" s="1" t="s">
        <v>0</v>
      </c>
    </row>
    <row r="20775" spans="1:5" ht="409.5" x14ac:dyDescent="0.25">
      <c r="A20775" s="4" t="s">
        <v>41522</v>
      </c>
      <c r="B20775" s="1" t="s">
        <v>41523</v>
      </c>
      <c r="C20775" s="1" t="s">
        <v>41524</v>
      </c>
      <c r="D20775" s="2">
        <v>173603</v>
      </c>
      <c r="E20775" s="1" t="s">
        <v>0</v>
      </c>
    </row>
    <row r="20776" spans="1:5" x14ac:dyDescent="0.25">
      <c r="A20776" s="1" t="s">
        <v>41525</v>
      </c>
      <c r="B20776" s="1" t="s">
        <v>61315</v>
      </c>
      <c r="C20776" s="1" t="s">
        <v>41526</v>
      </c>
      <c r="D20776" s="2">
        <v>173604</v>
      </c>
      <c r="E20776" s="1" t="s">
        <v>0</v>
      </c>
    </row>
    <row r="20777" spans="1:5" x14ac:dyDescent="0.25">
      <c r="A20777" s="2">
        <v>4155</v>
      </c>
      <c r="B20777" s="2">
        <v>4155</v>
      </c>
      <c r="C20777" s="1" t="s">
        <v>0</v>
      </c>
      <c r="D20777" s="2">
        <v>173605</v>
      </c>
      <c r="E20777" s="1" t="s">
        <v>0</v>
      </c>
    </row>
    <row r="20778" spans="1:5" x14ac:dyDescent="0.25">
      <c r="A20778" s="1" t="s">
        <v>3772</v>
      </c>
      <c r="B20778" s="1" t="s">
        <v>11000</v>
      </c>
      <c r="C20778" s="1" t="s">
        <v>41527</v>
      </c>
      <c r="D20778" s="2">
        <v>173606</v>
      </c>
      <c r="E20778" s="1" t="s">
        <v>0</v>
      </c>
    </row>
    <row r="20779" spans="1:5" x14ac:dyDescent="0.25">
      <c r="A20779" s="1" t="s">
        <v>41528</v>
      </c>
      <c r="B20779" s="1" t="s">
        <v>50975</v>
      </c>
      <c r="C20779" s="1" t="s">
        <v>41529</v>
      </c>
      <c r="D20779" s="2">
        <v>173607</v>
      </c>
      <c r="E20779" s="1" t="s">
        <v>0</v>
      </c>
    </row>
    <row r="20780" spans="1:5" ht="409.5" x14ac:dyDescent="0.25">
      <c r="A20780" s="4" t="s">
        <v>64320</v>
      </c>
      <c r="B20780" s="1" t="s">
        <v>59678</v>
      </c>
      <c r="C20780" s="1" t="s">
        <v>41530</v>
      </c>
      <c r="D20780" s="2">
        <v>173608</v>
      </c>
      <c r="E20780" s="1" t="s">
        <v>0</v>
      </c>
    </row>
    <row r="20781" spans="1:5" x14ac:dyDescent="0.25">
      <c r="A20781" s="1" t="s">
        <v>41531</v>
      </c>
      <c r="B20781" s="1" t="s">
        <v>61316</v>
      </c>
      <c r="C20781" s="1" t="s">
        <v>41532</v>
      </c>
      <c r="D20781" s="2">
        <v>173609</v>
      </c>
      <c r="E20781" s="1" t="s">
        <v>0</v>
      </c>
    </row>
    <row r="20782" spans="1:5" x14ac:dyDescent="0.25">
      <c r="A20782" s="2">
        <v>4156</v>
      </c>
      <c r="B20782" s="2">
        <v>4156</v>
      </c>
      <c r="C20782" s="1" t="s">
        <v>0</v>
      </c>
      <c r="D20782" s="2">
        <v>173610</v>
      </c>
      <c r="E20782" s="1" t="s">
        <v>0</v>
      </c>
    </row>
    <row r="20783" spans="1:5" x14ac:dyDescent="0.25">
      <c r="A20783" s="1" t="s">
        <v>41533</v>
      </c>
      <c r="B20783" s="1" t="s">
        <v>55592</v>
      </c>
      <c r="C20783" s="1" t="s">
        <v>41534</v>
      </c>
      <c r="D20783" s="2">
        <v>173611</v>
      </c>
      <c r="E20783" s="1" t="s">
        <v>0</v>
      </c>
    </row>
    <row r="20784" spans="1:5" x14ac:dyDescent="0.25">
      <c r="A20784" s="1" t="s">
        <v>41535</v>
      </c>
      <c r="B20784" s="1" t="s">
        <v>55593</v>
      </c>
      <c r="C20784" s="1" t="s">
        <v>41536</v>
      </c>
      <c r="D20784" s="2">
        <v>173612</v>
      </c>
      <c r="E20784" s="1" t="s">
        <v>0</v>
      </c>
    </row>
    <row r="20785" spans="1:5" ht="409.5" x14ac:dyDescent="0.25">
      <c r="A20785" s="4" t="s">
        <v>41537</v>
      </c>
      <c r="B20785" s="1" t="s">
        <v>55594</v>
      </c>
      <c r="C20785" s="1" t="s">
        <v>41538</v>
      </c>
      <c r="D20785" s="2">
        <v>173613</v>
      </c>
      <c r="E20785" s="1" t="s">
        <v>0</v>
      </c>
    </row>
    <row r="20786" spans="1:5" x14ac:dyDescent="0.25">
      <c r="A20786" s="1" t="s">
        <v>41539</v>
      </c>
      <c r="B20786" s="1" t="s">
        <v>55595</v>
      </c>
      <c r="C20786" s="1" t="s">
        <v>41540</v>
      </c>
      <c r="D20786" s="2">
        <v>173614</v>
      </c>
      <c r="E20786" s="1" t="s">
        <v>0</v>
      </c>
    </row>
    <row r="20787" spans="1:5" x14ac:dyDescent="0.25">
      <c r="A20787" s="2">
        <v>4157</v>
      </c>
      <c r="B20787" s="2">
        <v>4157</v>
      </c>
      <c r="C20787" s="1" t="s">
        <v>0</v>
      </c>
      <c r="D20787" s="2">
        <v>173615</v>
      </c>
      <c r="E20787" s="1" t="s">
        <v>0</v>
      </c>
    </row>
    <row r="20788" spans="1:5" x14ac:dyDescent="0.25">
      <c r="A20788" s="1" t="s">
        <v>3773</v>
      </c>
      <c r="B20788" s="1" t="s">
        <v>11001</v>
      </c>
      <c r="C20788" s="1" t="s">
        <v>41541</v>
      </c>
      <c r="D20788" s="2">
        <v>173616</v>
      </c>
      <c r="E20788" s="1" t="s">
        <v>0</v>
      </c>
    </row>
    <row r="20789" spans="1:5" x14ac:dyDescent="0.25">
      <c r="A20789" s="1" t="s">
        <v>41542</v>
      </c>
      <c r="B20789" s="1" t="s">
        <v>11002</v>
      </c>
      <c r="C20789" s="1" t="s">
        <v>41543</v>
      </c>
      <c r="D20789" s="2">
        <v>173617</v>
      </c>
      <c r="E20789" s="1" t="s">
        <v>0</v>
      </c>
    </row>
    <row r="20790" spans="1:5" ht="409.5" x14ac:dyDescent="0.25">
      <c r="A20790" s="4" t="s">
        <v>41544</v>
      </c>
      <c r="B20790" s="1" t="s">
        <v>11003</v>
      </c>
      <c r="C20790" s="1" t="s">
        <v>41545</v>
      </c>
      <c r="D20790" s="2">
        <v>173618</v>
      </c>
      <c r="E20790" s="1" t="s">
        <v>0</v>
      </c>
    </row>
    <row r="20791" spans="1:5" x14ac:dyDescent="0.25">
      <c r="A20791" s="1" t="s">
        <v>14855</v>
      </c>
      <c r="B20791" s="1" t="s">
        <v>60879</v>
      </c>
      <c r="C20791" s="1" t="s">
        <v>14856</v>
      </c>
      <c r="D20791" s="2">
        <v>173619</v>
      </c>
      <c r="E20791" s="1" t="s">
        <v>0</v>
      </c>
    </row>
    <row r="20792" spans="1:5" x14ac:dyDescent="0.25">
      <c r="A20792" s="2">
        <v>4158</v>
      </c>
      <c r="B20792" s="2">
        <v>4158</v>
      </c>
      <c r="C20792" s="1" t="s">
        <v>0</v>
      </c>
      <c r="D20792" s="2">
        <v>173620</v>
      </c>
      <c r="E20792" s="1" t="s">
        <v>0</v>
      </c>
    </row>
    <row r="20793" spans="1:5" x14ac:dyDescent="0.25">
      <c r="A20793" s="1" t="s">
        <v>3774</v>
      </c>
      <c r="B20793" s="1" t="s">
        <v>58834</v>
      </c>
      <c r="C20793" s="1" t="s">
        <v>41546</v>
      </c>
      <c r="D20793" s="2">
        <v>173621</v>
      </c>
      <c r="E20793" s="1" t="s">
        <v>0</v>
      </c>
    </row>
    <row r="20794" spans="1:5" x14ac:dyDescent="0.25">
      <c r="A20794" s="1" t="s">
        <v>41547</v>
      </c>
      <c r="B20794" s="1" t="s">
        <v>62874</v>
      </c>
      <c r="C20794" s="1" t="s">
        <v>41548</v>
      </c>
      <c r="D20794" s="2">
        <v>173622</v>
      </c>
      <c r="E20794" s="1" t="s">
        <v>0</v>
      </c>
    </row>
    <row r="20795" spans="1:5" ht="409.5" x14ac:dyDescent="0.25">
      <c r="A20795" s="4" t="s">
        <v>41549</v>
      </c>
      <c r="B20795" s="1" t="s">
        <v>62875</v>
      </c>
      <c r="C20795" s="1" t="s">
        <v>41550</v>
      </c>
      <c r="D20795" s="2">
        <v>173623</v>
      </c>
      <c r="E20795" s="1" t="s">
        <v>0</v>
      </c>
    </row>
    <row r="20796" spans="1:5" x14ac:dyDescent="0.25">
      <c r="A20796" s="1" t="s">
        <v>41551</v>
      </c>
      <c r="B20796" s="1" t="s">
        <v>58835</v>
      </c>
      <c r="C20796" s="1" t="s">
        <v>41552</v>
      </c>
      <c r="D20796" s="2">
        <v>173624</v>
      </c>
      <c r="E20796" s="1" t="s">
        <v>0</v>
      </c>
    </row>
    <row r="20797" spans="1:5" x14ac:dyDescent="0.25">
      <c r="A20797" s="2">
        <v>4159</v>
      </c>
      <c r="B20797" s="2">
        <v>4159</v>
      </c>
      <c r="C20797" s="1" t="s">
        <v>0</v>
      </c>
      <c r="D20797" s="2">
        <v>173625</v>
      </c>
      <c r="E20797" s="1" t="s">
        <v>0</v>
      </c>
    </row>
    <row r="20798" spans="1:5" x14ac:dyDescent="0.25">
      <c r="A20798" s="1" t="s">
        <v>3775</v>
      </c>
      <c r="B20798" s="1" t="s">
        <v>11004</v>
      </c>
      <c r="C20798" s="1" t="s">
        <v>41553</v>
      </c>
      <c r="D20798" s="2">
        <v>173626</v>
      </c>
      <c r="E20798" s="1" t="s">
        <v>0</v>
      </c>
    </row>
    <row r="20799" spans="1:5" x14ac:dyDescent="0.25">
      <c r="A20799" s="1" t="s">
        <v>41554</v>
      </c>
      <c r="B20799" s="1" t="s">
        <v>55596</v>
      </c>
      <c r="C20799" s="1" t="s">
        <v>41555</v>
      </c>
      <c r="D20799" s="2">
        <v>173627</v>
      </c>
      <c r="E20799" s="1" t="s">
        <v>0</v>
      </c>
    </row>
    <row r="20800" spans="1:5" ht="409.5" x14ac:dyDescent="0.25">
      <c r="A20800" s="4" t="s">
        <v>41556</v>
      </c>
      <c r="B20800" s="1" t="s">
        <v>55597</v>
      </c>
      <c r="C20800" s="1" t="s">
        <v>41557</v>
      </c>
      <c r="D20800" s="2">
        <v>173628</v>
      </c>
      <c r="E20800" s="1" t="s">
        <v>0</v>
      </c>
    </row>
    <row r="20801" spans="1:5" x14ac:dyDescent="0.25">
      <c r="A20801" s="1" t="s">
        <v>41558</v>
      </c>
      <c r="B20801" s="1" t="s">
        <v>57319</v>
      </c>
      <c r="C20801" s="1" t="s">
        <v>41559</v>
      </c>
      <c r="D20801" s="2">
        <v>173629</v>
      </c>
      <c r="E20801" s="1" t="s">
        <v>0</v>
      </c>
    </row>
    <row r="20802" spans="1:5" x14ac:dyDescent="0.25">
      <c r="A20802" s="2">
        <v>4160</v>
      </c>
      <c r="B20802" s="2">
        <v>4160</v>
      </c>
      <c r="C20802" s="1" t="s">
        <v>0</v>
      </c>
      <c r="D20802" s="2">
        <v>173630</v>
      </c>
      <c r="E20802" s="1" t="s">
        <v>0</v>
      </c>
    </row>
    <row r="20803" spans="1:5" x14ac:dyDescent="0.25">
      <c r="A20803" s="1" t="s">
        <v>3776</v>
      </c>
      <c r="B20803" s="1" t="s">
        <v>11005</v>
      </c>
      <c r="C20803" s="1" t="s">
        <v>41560</v>
      </c>
      <c r="D20803" s="2">
        <v>173631</v>
      </c>
      <c r="E20803" s="1" t="s">
        <v>0</v>
      </c>
    </row>
    <row r="20804" spans="1:5" x14ac:dyDescent="0.25">
      <c r="A20804" s="1" t="s">
        <v>41561</v>
      </c>
      <c r="B20804" s="1" t="s">
        <v>55598</v>
      </c>
      <c r="C20804" s="1" t="s">
        <v>41562</v>
      </c>
      <c r="D20804" s="2">
        <v>173632</v>
      </c>
      <c r="E20804" s="1" t="s">
        <v>0</v>
      </c>
    </row>
    <row r="20805" spans="1:5" ht="409.5" x14ac:dyDescent="0.25">
      <c r="A20805" s="4" t="s">
        <v>41563</v>
      </c>
      <c r="B20805" s="1" t="s">
        <v>55599</v>
      </c>
      <c r="C20805" s="1" t="s">
        <v>41564</v>
      </c>
      <c r="D20805" s="2">
        <v>173633</v>
      </c>
      <c r="E20805" s="1" t="s">
        <v>0</v>
      </c>
    </row>
    <row r="20806" spans="1:5" x14ac:dyDescent="0.25">
      <c r="A20806" s="1" t="s">
        <v>41565</v>
      </c>
      <c r="B20806" s="1" t="s">
        <v>55600</v>
      </c>
      <c r="C20806" s="1" t="s">
        <v>41566</v>
      </c>
      <c r="D20806" s="2">
        <v>173634</v>
      </c>
      <c r="E20806" s="1" t="s">
        <v>0</v>
      </c>
    </row>
    <row r="20807" spans="1:5" x14ac:dyDescent="0.25">
      <c r="A20807" s="2">
        <v>4161</v>
      </c>
      <c r="B20807" s="2">
        <v>4161</v>
      </c>
      <c r="C20807" s="1" t="s">
        <v>0</v>
      </c>
      <c r="D20807" s="2">
        <v>173635</v>
      </c>
      <c r="E20807" s="1" t="s">
        <v>0</v>
      </c>
    </row>
    <row r="20808" spans="1:5" x14ac:dyDescent="0.25">
      <c r="A20808" s="1" t="s">
        <v>3777</v>
      </c>
      <c r="B20808" s="1" t="s">
        <v>11006</v>
      </c>
      <c r="C20808" s="1" t="s">
        <v>41567</v>
      </c>
      <c r="D20808" s="2">
        <v>173636</v>
      </c>
      <c r="E20808" s="1" t="s">
        <v>0</v>
      </c>
    </row>
    <row r="20809" spans="1:5" x14ac:dyDescent="0.25">
      <c r="A20809" s="1" t="s">
        <v>41568</v>
      </c>
      <c r="B20809" s="1" t="s">
        <v>60223</v>
      </c>
      <c r="C20809" s="1" t="s">
        <v>41569</v>
      </c>
      <c r="D20809" s="2">
        <v>173637</v>
      </c>
      <c r="E20809" s="1" t="s">
        <v>0</v>
      </c>
    </row>
    <row r="20810" spans="1:5" ht="409.5" x14ac:dyDescent="0.25">
      <c r="A20810" s="4" t="s">
        <v>41570</v>
      </c>
      <c r="B20810" s="1" t="s">
        <v>60224</v>
      </c>
      <c r="C20810" s="1" t="s">
        <v>41571</v>
      </c>
      <c r="D20810" s="2">
        <v>173638</v>
      </c>
      <c r="E20810" s="1" t="s">
        <v>0</v>
      </c>
    </row>
    <row r="20811" spans="1:5" x14ac:dyDescent="0.25">
      <c r="A20811" s="1" t="s">
        <v>41572</v>
      </c>
      <c r="B20811" s="1" t="s">
        <v>61317</v>
      </c>
      <c r="C20811" s="1" t="s">
        <v>41573</v>
      </c>
      <c r="D20811" s="2">
        <v>173639</v>
      </c>
      <c r="E20811" s="1" t="s">
        <v>0</v>
      </c>
    </row>
    <row r="20812" spans="1:5" x14ac:dyDescent="0.25">
      <c r="A20812" s="2">
        <v>4162</v>
      </c>
      <c r="B20812" s="2">
        <v>4162</v>
      </c>
      <c r="C20812" s="1" t="s">
        <v>0</v>
      </c>
      <c r="D20812" s="2">
        <v>173640</v>
      </c>
      <c r="E20812" s="1" t="s">
        <v>0</v>
      </c>
    </row>
    <row r="20813" spans="1:5" x14ac:dyDescent="0.25">
      <c r="A20813" s="1" t="s">
        <v>3778</v>
      </c>
      <c r="B20813" s="1" t="s">
        <v>55601</v>
      </c>
      <c r="C20813" s="1" t="s">
        <v>41574</v>
      </c>
      <c r="D20813" s="2">
        <v>173641</v>
      </c>
      <c r="E20813" s="1" t="s">
        <v>0</v>
      </c>
    </row>
    <row r="20814" spans="1:5" x14ac:dyDescent="0.25">
      <c r="A20814" s="1" t="s">
        <v>41575</v>
      </c>
      <c r="B20814" s="1" t="s">
        <v>55602</v>
      </c>
      <c r="C20814" s="1" t="s">
        <v>41576</v>
      </c>
      <c r="D20814" s="2">
        <v>173642</v>
      </c>
      <c r="E20814" s="1" t="s">
        <v>0</v>
      </c>
    </row>
    <row r="20815" spans="1:5" ht="409.5" x14ac:dyDescent="0.25">
      <c r="A20815" s="4" t="s">
        <v>41577</v>
      </c>
      <c r="B20815" s="1" t="s">
        <v>55603</v>
      </c>
      <c r="C20815" s="1" t="s">
        <v>41578</v>
      </c>
      <c r="D20815" s="2">
        <v>173643</v>
      </c>
      <c r="E20815" s="1" t="s">
        <v>0</v>
      </c>
    </row>
    <row r="20816" spans="1:5" x14ac:dyDescent="0.25">
      <c r="A20816" s="1" t="s">
        <v>41579</v>
      </c>
      <c r="B20816" s="1" t="s">
        <v>55604</v>
      </c>
      <c r="C20816" s="1" t="s">
        <v>41580</v>
      </c>
      <c r="D20816" s="2">
        <v>173644</v>
      </c>
      <c r="E20816" s="1" t="s">
        <v>0</v>
      </c>
    </row>
    <row r="20817" spans="1:5" x14ac:dyDescent="0.25">
      <c r="A20817" s="2">
        <v>4163</v>
      </c>
      <c r="B20817" s="2">
        <v>4163</v>
      </c>
      <c r="C20817" s="1" t="s">
        <v>0</v>
      </c>
      <c r="D20817" s="2">
        <v>173645</v>
      </c>
      <c r="E20817" s="1" t="s">
        <v>0</v>
      </c>
    </row>
    <row r="20818" spans="1:5" x14ac:dyDescent="0.25">
      <c r="A20818" s="1" t="s">
        <v>11007</v>
      </c>
      <c r="B20818" s="1" t="s">
        <v>11008</v>
      </c>
      <c r="C20818" s="1" t="s">
        <v>41581</v>
      </c>
      <c r="D20818" s="2">
        <v>173646</v>
      </c>
      <c r="E20818" s="1" t="s">
        <v>0</v>
      </c>
    </row>
    <row r="20819" spans="1:5" x14ac:dyDescent="0.25">
      <c r="A20819" s="1" t="s">
        <v>41582</v>
      </c>
      <c r="B20819" s="1" t="s">
        <v>11009</v>
      </c>
      <c r="C20819" s="1" t="s">
        <v>41583</v>
      </c>
      <c r="D20819" s="2">
        <v>173647</v>
      </c>
      <c r="E20819" s="1" t="s">
        <v>0</v>
      </c>
    </row>
    <row r="20820" spans="1:5" ht="409.5" x14ac:dyDescent="0.25">
      <c r="A20820" s="4" t="s">
        <v>41584</v>
      </c>
      <c r="B20820" s="1" t="s">
        <v>11010</v>
      </c>
      <c r="C20820" s="1" t="s">
        <v>41585</v>
      </c>
      <c r="D20820" s="2">
        <v>173648</v>
      </c>
      <c r="E20820" s="1" t="s">
        <v>0</v>
      </c>
    </row>
    <row r="20821" spans="1:5" x14ac:dyDescent="0.25">
      <c r="A20821" s="1" t="s">
        <v>41586</v>
      </c>
      <c r="B20821" s="1" t="s">
        <v>11011</v>
      </c>
      <c r="C20821" s="1" t="s">
        <v>41587</v>
      </c>
      <c r="D20821" s="2">
        <v>173649</v>
      </c>
      <c r="E20821" s="1" t="s">
        <v>0</v>
      </c>
    </row>
    <row r="20822" spans="1:5" x14ac:dyDescent="0.25">
      <c r="A20822" s="2">
        <v>4164</v>
      </c>
      <c r="B20822" s="2">
        <v>4164</v>
      </c>
      <c r="C20822" s="1" t="s">
        <v>0</v>
      </c>
      <c r="D20822" s="2">
        <v>173650</v>
      </c>
      <c r="E20822" s="1" t="s">
        <v>0</v>
      </c>
    </row>
    <row r="20823" spans="1:5" x14ac:dyDescent="0.25">
      <c r="A20823" s="1" t="s">
        <v>3779</v>
      </c>
      <c r="B20823" s="1" t="s">
        <v>55605</v>
      </c>
      <c r="C20823" s="1" t="s">
        <v>41588</v>
      </c>
      <c r="D20823" s="2">
        <v>173651</v>
      </c>
      <c r="E20823" s="1" t="s">
        <v>0</v>
      </c>
    </row>
    <row r="20824" spans="1:5" x14ac:dyDescent="0.25">
      <c r="A20824" s="1" t="s">
        <v>64321</v>
      </c>
      <c r="B20824" s="1" t="s">
        <v>63812</v>
      </c>
      <c r="C20824" s="1" t="s">
        <v>41589</v>
      </c>
      <c r="D20824" s="2">
        <v>173652</v>
      </c>
      <c r="E20824" s="1" t="s">
        <v>0</v>
      </c>
    </row>
    <row r="20825" spans="1:5" ht="409.5" x14ac:dyDescent="0.25">
      <c r="A20825" s="4" t="s">
        <v>64322</v>
      </c>
      <c r="B20825" s="1" t="s">
        <v>63813</v>
      </c>
      <c r="C20825" s="1" t="s">
        <v>41590</v>
      </c>
      <c r="D20825" s="2">
        <v>173653</v>
      </c>
      <c r="E20825" s="1" t="s">
        <v>0</v>
      </c>
    </row>
    <row r="20826" spans="1:5" x14ac:dyDescent="0.25">
      <c r="A20826" s="1" t="s">
        <v>41591</v>
      </c>
      <c r="B20826" s="1" t="s">
        <v>11012</v>
      </c>
      <c r="C20826" s="1" t="s">
        <v>41592</v>
      </c>
      <c r="D20826" s="2">
        <v>173654</v>
      </c>
      <c r="E20826" s="1" t="s">
        <v>0</v>
      </c>
    </row>
    <row r="20827" spans="1:5" x14ac:dyDescent="0.25">
      <c r="A20827" s="2">
        <v>4165</v>
      </c>
      <c r="B20827" s="2">
        <v>4165</v>
      </c>
      <c r="C20827" s="1" t="s">
        <v>0</v>
      </c>
      <c r="D20827" s="2">
        <v>173655</v>
      </c>
      <c r="E20827" s="1" t="s">
        <v>0</v>
      </c>
    </row>
    <row r="20828" spans="1:5" x14ac:dyDescent="0.25">
      <c r="A20828" s="1" t="s">
        <v>3780</v>
      </c>
      <c r="B20828" s="1" t="s">
        <v>11013</v>
      </c>
      <c r="C20828" s="1" t="s">
        <v>3527</v>
      </c>
      <c r="D20828" s="2">
        <v>173656</v>
      </c>
      <c r="E20828" s="1" t="s">
        <v>0</v>
      </c>
    </row>
    <row r="20829" spans="1:5" x14ac:dyDescent="0.25">
      <c r="A20829" s="1" t="s">
        <v>41593</v>
      </c>
      <c r="B20829" s="1" t="s">
        <v>13264</v>
      </c>
      <c r="C20829" s="1" t="s">
        <v>41594</v>
      </c>
      <c r="D20829" s="2">
        <v>173657</v>
      </c>
      <c r="E20829" s="1" t="s">
        <v>0</v>
      </c>
    </row>
    <row r="20830" spans="1:5" ht="409.5" x14ac:dyDescent="0.25">
      <c r="A20830" s="4" t="s">
        <v>41595</v>
      </c>
      <c r="B20830" s="1" t="s">
        <v>55606</v>
      </c>
      <c r="C20830" s="1" t="s">
        <v>41596</v>
      </c>
      <c r="D20830" s="2">
        <v>173658</v>
      </c>
      <c r="E20830" s="1" t="s">
        <v>0</v>
      </c>
    </row>
    <row r="20831" spans="1:5" x14ac:dyDescent="0.25">
      <c r="A20831" s="1" t="s">
        <v>41597</v>
      </c>
      <c r="B20831" s="1" t="s">
        <v>11014</v>
      </c>
      <c r="C20831" s="1" t="s">
        <v>41598</v>
      </c>
      <c r="D20831" s="2">
        <v>173659</v>
      </c>
      <c r="E20831" s="1" t="s">
        <v>0</v>
      </c>
    </row>
    <row r="20832" spans="1:5" x14ac:dyDescent="0.25">
      <c r="A20832" s="2">
        <v>4166</v>
      </c>
      <c r="B20832" s="2">
        <v>4166</v>
      </c>
      <c r="C20832" s="1" t="s">
        <v>0</v>
      </c>
      <c r="D20832" s="2">
        <v>173660</v>
      </c>
      <c r="E20832" s="1" t="s">
        <v>0</v>
      </c>
    </row>
    <row r="20833" spans="1:5" x14ac:dyDescent="0.25">
      <c r="A20833" s="1" t="s">
        <v>3781</v>
      </c>
      <c r="B20833" s="1" t="s">
        <v>11015</v>
      </c>
      <c r="C20833" s="1" t="s">
        <v>41599</v>
      </c>
      <c r="D20833" s="2">
        <v>173661</v>
      </c>
      <c r="E20833" s="1" t="s">
        <v>0</v>
      </c>
    </row>
    <row r="20834" spans="1:5" x14ac:dyDescent="0.25">
      <c r="A20834" s="1" t="s">
        <v>41600</v>
      </c>
      <c r="B20834" s="1" t="s">
        <v>11016</v>
      </c>
      <c r="C20834" s="1" t="s">
        <v>41601</v>
      </c>
      <c r="D20834" s="2">
        <v>173662</v>
      </c>
      <c r="E20834" s="1" t="s">
        <v>0</v>
      </c>
    </row>
    <row r="20835" spans="1:5" ht="409.5" x14ac:dyDescent="0.25">
      <c r="A20835" s="4" t="s">
        <v>41602</v>
      </c>
      <c r="B20835" s="1" t="s">
        <v>58836</v>
      </c>
      <c r="C20835" s="1" t="s">
        <v>41603</v>
      </c>
      <c r="D20835" s="2">
        <v>173663</v>
      </c>
      <c r="E20835" s="1" t="s">
        <v>0</v>
      </c>
    </row>
    <row r="20836" spans="1:5" x14ac:dyDescent="0.25">
      <c r="A20836" s="1" t="s">
        <v>41604</v>
      </c>
      <c r="B20836" s="1" t="s">
        <v>55607</v>
      </c>
      <c r="C20836" s="1" t="s">
        <v>41605</v>
      </c>
      <c r="D20836" s="2">
        <v>173664</v>
      </c>
      <c r="E20836" s="1" t="s">
        <v>0</v>
      </c>
    </row>
    <row r="20837" spans="1:5" x14ac:dyDescent="0.25">
      <c r="A20837" s="2">
        <v>4167</v>
      </c>
      <c r="B20837" s="2">
        <v>4167</v>
      </c>
      <c r="C20837" s="1" t="s">
        <v>0</v>
      </c>
      <c r="D20837" s="2">
        <v>173665</v>
      </c>
      <c r="E20837" s="1" t="s">
        <v>0</v>
      </c>
    </row>
    <row r="20838" spans="1:5" x14ac:dyDescent="0.25">
      <c r="A20838" s="1" t="s">
        <v>3782</v>
      </c>
      <c r="B20838" s="1" t="s">
        <v>11017</v>
      </c>
      <c r="C20838" s="1" t="s">
        <v>41606</v>
      </c>
      <c r="D20838" s="2">
        <v>173666</v>
      </c>
      <c r="E20838" s="1" t="s">
        <v>0</v>
      </c>
    </row>
    <row r="20839" spans="1:5" x14ac:dyDescent="0.25">
      <c r="A20839" s="1" t="s">
        <v>41607</v>
      </c>
      <c r="B20839" s="1" t="s">
        <v>11018</v>
      </c>
      <c r="C20839" s="1" t="s">
        <v>41608</v>
      </c>
      <c r="D20839" s="2">
        <v>173667</v>
      </c>
      <c r="E20839" s="1" t="s">
        <v>0</v>
      </c>
    </row>
    <row r="20840" spans="1:5" ht="409.5" x14ac:dyDescent="0.25">
      <c r="A20840" s="4" t="s">
        <v>41609</v>
      </c>
      <c r="B20840" s="1" t="s">
        <v>11019</v>
      </c>
      <c r="C20840" s="1" t="s">
        <v>41610</v>
      </c>
      <c r="D20840" s="2">
        <v>173668</v>
      </c>
      <c r="E20840" s="1" t="s">
        <v>0</v>
      </c>
    </row>
    <row r="20841" spans="1:5" x14ac:dyDescent="0.25">
      <c r="A20841" s="1" t="s">
        <v>41611</v>
      </c>
      <c r="B20841" s="1" t="s">
        <v>61318</v>
      </c>
      <c r="C20841" s="1" t="s">
        <v>41612</v>
      </c>
      <c r="D20841" s="2">
        <v>173669</v>
      </c>
      <c r="E20841" s="1" t="s">
        <v>0</v>
      </c>
    </row>
    <row r="20842" spans="1:5" x14ac:dyDescent="0.25">
      <c r="A20842" s="2">
        <v>4168</v>
      </c>
      <c r="B20842" s="2">
        <v>4168</v>
      </c>
      <c r="C20842" s="1" t="s">
        <v>0</v>
      </c>
      <c r="D20842" s="2">
        <v>173670</v>
      </c>
      <c r="E20842" s="1" t="s">
        <v>0</v>
      </c>
    </row>
    <row r="20843" spans="1:5" x14ac:dyDescent="0.25">
      <c r="A20843" s="1" t="s">
        <v>3783</v>
      </c>
      <c r="B20843" s="1" t="s">
        <v>55608</v>
      </c>
      <c r="C20843" s="1" t="s">
        <v>41613</v>
      </c>
      <c r="D20843" s="2">
        <v>173671</v>
      </c>
      <c r="E20843" s="1" t="s">
        <v>0</v>
      </c>
    </row>
    <row r="20844" spans="1:5" x14ac:dyDescent="0.25">
      <c r="A20844" s="1" t="s">
        <v>41614</v>
      </c>
      <c r="B20844" s="1" t="s">
        <v>55609</v>
      </c>
      <c r="C20844" s="1" t="s">
        <v>41615</v>
      </c>
      <c r="D20844" s="2">
        <v>173672</v>
      </c>
      <c r="E20844" s="1" t="s">
        <v>0</v>
      </c>
    </row>
    <row r="20845" spans="1:5" ht="409.5" x14ac:dyDescent="0.25">
      <c r="A20845" s="4" t="s">
        <v>41616</v>
      </c>
      <c r="B20845" s="1" t="s">
        <v>62876</v>
      </c>
      <c r="C20845" s="1" t="s">
        <v>41617</v>
      </c>
      <c r="D20845" s="2">
        <v>173673</v>
      </c>
      <c r="E20845" s="1" t="s">
        <v>0</v>
      </c>
    </row>
    <row r="20846" spans="1:5" x14ac:dyDescent="0.25">
      <c r="A20846" s="1" t="s">
        <v>41618</v>
      </c>
      <c r="B20846" s="1" t="s">
        <v>55610</v>
      </c>
      <c r="C20846" s="1" t="s">
        <v>41619</v>
      </c>
      <c r="D20846" s="2">
        <v>173674</v>
      </c>
      <c r="E20846" s="1" t="s">
        <v>0</v>
      </c>
    </row>
    <row r="20847" spans="1:5" x14ac:dyDescent="0.25">
      <c r="A20847" s="2">
        <v>4169</v>
      </c>
      <c r="B20847" s="2">
        <v>4169</v>
      </c>
      <c r="C20847" s="1" t="s">
        <v>0</v>
      </c>
      <c r="D20847" s="2">
        <v>173675</v>
      </c>
      <c r="E20847" s="1" t="s">
        <v>0</v>
      </c>
    </row>
    <row r="20848" spans="1:5" x14ac:dyDescent="0.25">
      <c r="A20848" s="1" t="s">
        <v>3784</v>
      </c>
      <c r="B20848" s="1" t="s">
        <v>11020</v>
      </c>
      <c r="C20848" s="1" t="s">
        <v>41620</v>
      </c>
      <c r="D20848" s="2">
        <v>173676</v>
      </c>
      <c r="E20848" s="1" t="s">
        <v>0</v>
      </c>
    </row>
    <row r="20849" spans="1:5" x14ac:dyDescent="0.25">
      <c r="A20849" s="1" t="s">
        <v>41621</v>
      </c>
      <c r="B20849" s="1" t="s">
        <v>13265</v>
      </c>
      <c r="C20849" s="1" t="s">
        <v>41622</v>
      </c>
      <c r="D20849" s="2">
        <v>173677</v>
      </c>
      <c r="E20849" s="1" t="s">
        <v>0</v>
      </c>
    </row>
    <row r="20850" spans="1:5" ht="409.5" x14ac:dyDescent="0.25">
      <c r="A20850" s="4" t="s">
        <v>41623</v>
      </c>
      <c r="B20850" s="1" t="s">
        <v>41624</v>
      </c>
      <c r="C20850" s="1" t="s">
        <v>41625</v>
      </c>
      <c r="D20850" s="2">
        <v>173678</v>
      </c>
      <c r="E20850" s="1" t="s">
        <v>0</v>
      </c>
    </row>
    <row r="20851" spans="1:5" x14ac:dyDescent="0.25">
      <c r="A20851" s="1" t="s">
        <v>41626</v>
      </c>
      <c r="B20851" s="1" t="s">
        <v>55611</v>
      </c>
      <c r="C20851" s="1" t="s">
        <v>41627</v>
      </c>
      <c r="D20851" s="2">
        <v>173679</v>
      </c>
      <c r="E20851" s="1" t="s">
        <v>0</v>
      </c>
    </row>
    <row r="20852" spans="1:5" x14ac:dyDescent="0.25">
      <c r="A20852" s="2">
        <v>4170</v>
      </c>
      <c r="B20852" s="2">
        <v>4170</v>
      </c>
      <c r="C20852" s="1" t="s">
        <v>0</v>
      </c>
      <c r="D20852" s="2">
        <v>173680</v>
      </c>
      <c r="E20852" s="1" t="s">
        <v>0</v>
      </c>
    </row>
    <row r="20853" spans="1:5" x14ac:dyDescent="0.25">
      <c r="A20853" s="1" t="s">
        <v>3785</v>
      </c>
      <c r="B20853" s="1" t="s">
        <v>11021</v>
      </c>
      <c r="C20853" s="1" t="s">
        <v>41628</v>
      </c>
      <c r="D20853" s="2">
        <v>173681</v>
      </c>
      <c r="E20853" s="1" t="s">
        <v>0</v>
      </c>
    </row>
    <row r="20854" spans="1:5" x14ac:dyDescent="0.25">
      <c r="A20854" s="1" t="s">
        <v>41629</v>
      </c>
      <c r="B20854" s="1" t="s">
        <v>50976</v>
      </c>
      <c r="C20854" s="1" t="s">
        <v>41630</v>
      </c>
      <c r="D20854" s="2">
        <v>173682</v>
      </c>
      <c r="E20854" s="1" t="s">
        <v>0</v>
      </c>
    </row>
    <row r="20855" spans="1:5" ht="409.5" x14ac:dyDescent="0.25">
      <c r="A20855" s="4" t="s">
        <v>41631</v>
      </c>
      <c r="B20855" s="1" t="s">
        <v>50977</v>
      </c>
      <c r="C20855" s="1" t="s">
        <v>41632</v>
      </c>
      <c r="D20855" s="2">
        <v>173683</v>
      </c>
      <c r="E20855" s="1" t="s">
        <v>0</v>
      </c>
    </row>
    <row r="20856" spans="1:5" x14ac:dyDescent="0.25">
      <c r="A20856" s="1" t="s">
        <v>41633</v>
      </c>
      <c r="B20856" s="1" t="s">
        <v>55612</v>
      </c>
      <c r="C20856" s="1" t="s">
        <v>41634</v>
      </c>
      <c r="D20856" s="2">
        <v>173684</v>
      </c>
      <c r="E20856" s="1" t="s">
        <v>0</v>
      </c>
    </row>
    <row r="20857" spans="1:5" x14ac:dyDescent="0.25">
      <c r="A20857" s="2">
        <v>4171</v>
      </c>
      <c r="B20857" s="2">
        <v>4171</v>
      </c>
      <c r="C20857" s="1" t="s">
        <v>0</v>
      </c>
      <c r="D20857" s="2">
        <v>173685</v>
      </c>
      <c r="E20857" s="1" t="s">
        <v>0</v>
      </c>
    </row>
    <row r="20858" spans="1:5" x14ac:dyDescent="0.25">
      <c r="A20858" s="1" t="s">
        <v>3786</v>
      </c>
      <c r="B20858" s="1" t="s">
        <v>60646</v>
      </c>
      <c r="C20858" s="1" t="s">
        <v>41635</v>
      </c>
      <c r="D20858" s="2">
        <v>173686</v>
      </c>
      <c r="E20858" s="1" t="s">
        <v>0</v>
      </c>
    </row>
    <row r="20859" spans="1:5" x14ac:dyDescent="0.25">
      <c r="A20859" s="1" t="s">
        <v>41636</v>
      </c>
      <c r="B20859" s="1" t="s">
        <v>60647</v>
      </c>
      <c r="C20859" s="1" t="s">
        <v>41637</v>
      </c>
      <c r="D20859" s="2">
        <v>173687</v>
      </c>
      <c r="E20859" s="1" t="s">
        <v>0</v>
      </c>
    </row>
    <row r="20860" spans="1:5" ht="409.5" x14ac:dyDescent="0.25">
      <c r="A20860" s="4" t="s">
        <v>41638</v>
      </c>
      <c r="B20860" s="1" t="s">
        <v>60648</v>
      </c>
      <c r="C20860" s="1" t="s">
        <v>41639</v>
      </c>
      <c r="D20860" s="2">
        <v>173688</v>
      </c>
      <c r="E20860" s="1" t="s">
        <v>0</v>
      </c>
    </row>
    <row r="20861" spans="1:5" x14ac:dyDescent="0.25">
      <c r="A20861" s="1" t="s">
        <v>41640</v>
      </c>
      <c r="B20861" s="1" t="s">
        <v>60649</v>
      </c>
      <c r="C20861" s="1" t="s">
        <v>41641</v>
      </c>
      <c r="D20861" s="2">
        <v>173689</v>
      </c>
      <c r="E20861" s="1" t="s">
        <v>0</v>
      </c>
    </row>
    <row r="20862" spans="1:5" x14ac:dyDescent="0.25">
      <c r="A20862" s="2">
        <v>4172</v>
      </c>
      <c r="B20862" s="2">
        <v>4172</v>
      </c>
      <c r="C20862" s="1" t="s">
        <v>0</v>
      </c>
      <c r="D20862" s="2">
        <v>173690</v>
      </c>
      <c r="E20862" s="1" t="s">
        <v>0</v>
      </c>
    </row>
    <row r="20863" spans="1:5" x14ac:dyDescent="0.25">
      <c r="A20863" s="1" t="s">
        <v>3787</v>
      </c>
      <c r="B20863" s="1" t="s">
        <v>11022</v>
      </c>
      <c r="C20863" s="1" t="s">
        <v>41642</v>
      </c>
      <c r="D20863" s="2">
        <v>173691</v>
      </c>
      <c r="E20863" s="1" t="s">
        <v>0</v>
      </c>
    </row>
    <row r="20864" spans="1:5" x14ac:dyDescent="0.25">
      <c r="A20864" s="1" t="s">
        <v>41643</v>
      </c>
      <c r="B20864" s="1" t="s">
        <v>58547</v>
      </c>
      <c r="C20864" s="1" t="s">
        <v>41644</v>
      </c>
      <c r="D20864" s="2">
        <v>173692</v>
      </c>
      <c r="E20864" s="1" t="s">
        <v>0</v>
      </c>
    </row>
    <row r="20865" spans="1:5" ht="409.5" x14ac:dyDescent="0.25">
      <c r="A20865" s="4" t="s">
        <v>41645</v>
      </c>
      <c r="B20865" s="1" t="s">
        <v>58548</v>
      </c>
      <c r="C20865" s="1" t="s">
        <v>41646</v>
      </c>
      <c r="D20865" s="2">
        <v>173693</v>
      </c>
      <c r="E20865" s="1" t="s">
        <v>0</v>
      </c>
    </row>
    <row r="20866" spans="1:5" x14ac:dyDescent="0.25">
      <c r="A20866" s="1" t="s">
        <v>41647</v>
      </c>
      <c r="B20866" s="1" t="s">
        <v>11023</v>
      </c>
      <c r="C20866" s="1" t="s">
        <v>41648</v>
      </c>
      <c r="D20866" s="2">
        <v>173694</v>
      </c>
      <c r="E20866" s="1" t="s">
        <v>0</v>
      </c>
    </row>
    <row r="20867" spans="1:5" x14ac:dyDescent="0.25">
      <c r="A20867" s="2">
        <v>4173</v>
      </c>
      <c r="B20867" s="2">
        <v>4173</v>
      </c>
      <c r="C20867" s="1" t="s">
        <v>0</v>
      </c>
      <c r="D20867" s="2">
        <v>173695</v>
      </c>
      <c r="E20867" s="1" t="s">
        <v>0</v>
      </c>
    </row>
    <row r="20868" spans="1:5" x14ac:dyDescent="0.25">
      <c r="A20868" s="1" t="s">
        <v>3788</v>
      </c>
      <c r="B20868" s="1" t="s">
        <v>55613</v>
      </c>
      <c r="C20868" s="1" t="s">
        <v>41649</v>
      </c>
      <c r="D20868" s="2">
        <v>173696</v>
      </c>
      <c r="E20868" s="1" t="s">
        <v>0</v>
      </c>
    </row>
    <row r="20869" spans="1:5" x14ac:dyDescent="0.25">
      <c r="A20869" s="1" t="s">
        <v>41650</v>
      </c>
      <c r="B20869" s="1" t="s">
        <v>61319</v>
      </c>
      <c r="C20869" s="1" t="s">
        <v>41651</v>
      </c>
      <c r="D20869" s="2">
        <v>173697</v>
      </c>
      <c r="E20869" s="1" t="s">
        <v>0</v>
      </c>
    </row>
    <row r="20870" spans="1:5" ht="409.5" x14ac:dyDescent="0.25">
      <c r="A20870" s="4" t="s">
        <v>41652</v>
      </c>
      <c r="B20870" s="1" t="s">
        <v>61320</v>
      </c>
      <c r="C20870" s="1" t="s">
        <v>41653</v>
      </c>
      <c r="D20870" s="2">
        <v>173698</v>
      </c>
      <c r="E20870" s="1" t="s">
        <v>0</v>
      </c>
    </row>
    <row r="20871" spans="1:5" x14ac:dyDescent="0.25">
      <c r="A20871" s="1" t="s">
        <v>41654</v>
      </c>
      <c r="B20871" s="1" t="s">
        <v>11024</v>
      </c>
      <c r="C20871" s="1" t="s">
        <v>41655</v>
      </c>
      <c r="D20871" s="2">
        <v>173699</v>
      </c>
      <c r="E20871" s="1" t="s">
        <v>0</v>
      </c>
    </row>
    <row r="20872" spans="1:5" x14ac:dyDescent="0.25">
      <c r="A20872" s="2">
        <v>4174</v>
      </c>
      <c r="B20872" s="2">
        <v>4174</v>
      </c>
      <c r="C20872" s="1" t="s">
        <v>0</v>
      </c>
      <c r="D20872" s="2">
        <v>173700</v>
      </c>
      <c r="E20872" s="1" t="s">
        <v>0</v>
      </c>
    </row>
    <row r="20873" spans="1:5" x14ac:dyDescent="0.25">
      <c r="A20873" s="1" t="s">
        <v>3789</v>
      </c>
      <c r="B20873" s="1" t="s">
        <v>11025</v>
      </c>
      <c r="C20873" s="1" t="s">
        <v>41656</v>
      </c>
      <c r="D20873" s="2">
        <v>173701</v>
      </c>
      <c r="E20873" s="1" t="s">
        <v>0</v>
      </c>
    </row>
    <row r="20874" spans="1:5" x14ac:dyDescent="0.25">
      <c r="A20874" s="1" t="s">
        <v>41657</v>
      </c>
      <c r="B20874" s="1" t="s">
        <v>13266</v>
      </c>
      <c r="C20874" s="1" t="s">
        <v>41658</v>
      </c>
      <c r="D20874" s="2">
        <v>173702</v>
      </c>
      <c r="E20874" s="1" t="s">
        <v>0</v>
      </c>
    </row>
    <row r="20875" spans="1:5" ht="409.5" x14ac:dyDescent="0.25">
      <c r="A20875" s="4" t="s">
        <v>41659</v>
      </c>
      <c r="B20875" s="1" t="s">
        <v>13267</v>
      </c>
      <c r="C20875" s="1" t="s">
        <v>41660</v>
      </c>
      <c r="D20875" s="2">
        <v>173703</v>
      </c>
      <c r="E20875" s="1" t="s">
        <v>0</v>
      </c>
    </row>
    <row r="20876" spans="1:5" x14ac:dyDescent="0.25">
      <c r="A20876" s="1" t="s">
        <v>41661</v>
      </c>
      <c r="B20876" s="1" t="s">
        <v>11026</v>
      </c>
      <c r="C20876" s="1" t="s">
        <v>41662</v>
      </c>
      <c r="D20876" s="2">
        <v>173704</v>
      </c>
      <c r="E20876" s="1" t="s">
        <v>0</v>
      </c>
    </row>
    <row r="20877" spans="1:5" x14ac:dyDescent="0.25">
      <c r="A20877" s="2">
        <v>4175</v>
      </c>
      <c r="B20877" s="2">
        <v>4175</v>
      </c>
      <c r="C20877" s="1" t="s">
        <v>0</v>
      </c>
      <c r="D20877" s="2">
        <v>173705</v>
      </c>
      <c r="E20877" s="1" t="s">
        <v>0</v>
      </c>
    </row>
    <row r="20878" spans="1:5" x14ac:dyDescent="0.25">
      <c r="A20878" s="1" t="s">
        <v>3790</v>
      </c>
      <c r="B20878" s="1" t="s">
        <v>55614</v>
      </c>
      <c r="C20878" s="1" t="s">
        <v>41663</v>
      </c>
      <c r="D20878" s="2">
        <v>173706</v>
      </c>
      <c r="E20878" s="1" t="s">
        <v>0</v>
      </c>
    </row>
    <row r="20879" spans="1:5" x14ac:dyDescent="0.25">
      <c r="A20879" s="1" t="s">
        <v>41664</v>
      </c>
      <c r="B20879" s="1" t="s">
        <v>61321</v>
      </c>
      <c r="C20879" s="1" t="s">
        <v>41665</v>
      </c>
      <c r="D20879" s="2">
        <v>173707</v>
      </c>
      <c r="E20879" s="1" t="s">
        <v>0</v>
      </c>
    </row>
    <row r="20880" spans="1:5" ht="409.5" x14ac:dyDescent="0.25">
      <c r="A20880" s="4" t="s">
        <v>41666</v>
      </c>
      <c r="B20880" s="1" t="s">
        <v>61322</v>
      </c>
      <c r="C20880" s="1" t="s">
        <v>41667</v>
      </c>
      <c r="D20880" s="2">
        <v>173708</v>
      </c>
      <c r="E20880" s="1" t="s">
        <v>0</v>
      </c>
    </row>
    <row r="20881" spans="1:5" x14ac:dyDescent="0.25">
      <c r="A20881" s="1" t="s">
        <v>41668</v>
      </c>
      <c r="B20881" s="1" t="s">
        <v>61323</v>
      </c>
      <c r="C20881" s="1" t="s">
        <v>41669</v>
      </c>
      <c r="D20881" s="2">
        <v>173709</v>
      </c>
      <c r="E20881" s="1" t="s">
        <v>0</v>
      </c>
    </row>
    <row r="20882" spans="1:5" x14ac:dyDescent="0.25">
      <c r="A20882" s="2">
        <v>4176</v>
      </c>
      <c r="B20882" s="2">
        <v>4176</v>
      </c>
      <c r="C20882" s="1" t="s">
        <v>0</v>
      </c>
      <c r="D20882" s="2">
        <v>173710</v>
      </c>
      <c r="E20882" s="1" t="s">
        <v>0</v>
      </c>
    </row>
    <row r="20883" spans="1:5" x14ac:dyDescent="0.25">
      <c r="A20883" s="1" t="s">
        <v>3791</v>
      </c>
      <c r="B20883" s="1" t="s">
        <v>11027</v>
      </c>
      <c r="C20883" s="1" t="s">
        <v>41670</v>
      </c>
      <c r="D20883" s="2">
        <v>173711</v>
      </c>
      <c r="E20883" s="1" t="s">
        <v>0</v>
      </c>
    </row>
    <row r="20884" spans="1:5" x14ac:dyDescent="0.25">
      <c r="A20884" s="1" t="s">
        <v>41671</v>
      </c>
      <c r="B20884" s="1" t="s">
        <v>55615</v>
      </c>
      <c r="C20884" s="1" t="s">
        <v>41672</v>
      </c>
      <c r="D20884" s="2">
        <v>173712</v>
      </c>
      <c r="E20884" s="1" t="s">
        <v>0</v>
      </c>
    </row>
    <row r="20885" spans="1:5" ht="409.5" x14ac:dyDescent="0.25">
      <c r="A20885" s="4" t="s">
        <v>41673</v>
      </c>
      <c r="B20885" s="1" t="s">
        <v>55616</v>
      </c>
      <c r="C20885" s="1" t="s">
        <v>41674</v>
      </c>
      <c r="D20885" s="2">
        <v>173713</v>
      </c>
      <c r="E20885" s="1" t="s">
        <v>0</v>
      </c>
    </row>
    <row r="20886" spans="1:5" x14ac:dyDescent="0.25">
      <c r="A20886" s="1" t="s">
        <v>41675</v>
      </c>
      <c r="B20886" s="1" t="s">
        <v>55617</v>
      </c>
      <c r="C20886" s="1" t="s">
        <v>41676</v>
      </c>
      <c r="D20886" s="2">
        <v>173714</v>
      </c>
      <c r="E20886" s="1" t="s">
        <v>0</v>
      </c>
    </row>
    <row r="20887" spans="1:5" x14ac:dyDescent="0.25">
      <c r="A20887" s="2">
        <v>4177</v>
      </c>
      <c r="B20887" s="2">
        <v>4177</v>
      </c>
      <c r="C20887" s="1" t="s">
        <v>0</v>
      </c>
      <c r="D20887" s="2">
        <v>173715</v>
      </c>
      <c r="E20887" s="1" t="s">
        <v>0</v>
      </c>
    </row>
    <row r="20888" spans="1:5" x14ac:dyDescent="0.25">
      <c r="A20888" s="1" t="s">
        <v>3792</v>
      </c>
      <c r="B20888" s="1" t="s">
        <v>11028</v>
      </c>
      <c r="C20888" s="1" t="s">
        <v>41677</v>
      </c>
      <c r="D20888" s="2">
        <v>173716</v>
      </c>
      <c r="E20888" s="1" t="s">
        <v>0</v>
      </c>
    </row>
    <row r="20889" spans="1:5" x14ac:dyDescent="0.25">
      <c r="A20889" s="1" t="s">
        <v>41678</v>
      </c>
      <c r="B20889" s="1" t="s">
        <v>62877</v>
      </c>
      <c r="C20889" s="1" t="s">
        <v>41679</v>
      </c>
      <c r="D20889" s="2">
        <v>173717</v>
      </c>
      <c r="E20889" s="1" t="s">
        <v>0</v>
      </c>
    </row>
    <row r="20890" spans="1:5" ht="409.5" x14ac:dyDescent="0.25">
      <c r="A20890" s="4" t="s">
        <v>41680</v>
      </c>
      <c r="B20890" s="1" t="s">
        <v>62878</v>
      </c>
      <c r="C20890" s="1" t="s">
        <v>41681</v>
      </c>
      <c r="D20890" s="2">
        <v>173718</v>
      </c>
      <c r="E20890" s="1" t="s">
        <v>0</v>
      </c>
    </row>
    <row r="20891" spans="1:5" x14ac:dyDescent="0.25">
      <c r="A20891" s="1" t="s">
        <v>41682</v>
      </c>
      <c r="B20891" s="1" t="s">
        <v>11029</v>
      </c>
      <c r="C20891" s="1" t="s">
        <v>41683</v>
      </c>
      <c r="D20891" s="2">
        <v>173719</v>
      </c>
      <c r="E20891" s="1" t="s">
        <v>0</v>
      </c>
    </row>
    <row r="20892" spans="1:5" x14ac:dyDescent="0.25">
      <c r="A20892" s="2">
        <v>4178</v>
      </c>
      <c r="B20892" s="2">
        <v>4178</v>
      </c>
      <c r="C20892" s="1" t="s">
        <v>0</v>
      </c>
      <c r="D20892" s="2">
        <v>173720</v>
      </c>
      <c r="E20892" s="1" t="s">
        <v>0</v>
      </c>
    </row>
    <row r="20893" spans="1:5" x14ac:dyDescent="0.25">
      <c r="A20893" s="1" t="s">
        <v>3793</v>
      </c>
      <c r="B20893" s="1" t="s">
        <v>11030</v>
      </c>
      <c r="C20893" s="1" t="s">
        <v>41684</v>
      </c>
      <c r="D20893" s="2">
        <v>173721</v>
      </c>
      <c r="E20893" s="1" t="s">
        <v>0</v>
      </c>
    </row>
    <row r="20894" spans="1:5" x14ac:dyDescent="0.25">
      <c r="A20894" s="1" t="s">
        <v>41685</v>
      </c>
      <c r="B20894" s="1" t="s">
        <v>55618</v>
      </c>
      <c r="C20894" s="1" t="s">
        <v>41686</v>
      </c>
      <c r="D20894" s="2">
        <v>173722</v>
      </c>
      <c r="E20894" s="1" t="s">
        <v>0</v>
      </c>
    </row>
    <row r="20895" spans="1:5" ht="409.5" x14ac:dyDescent="0.25">
      <c r="A20895" s="4" t="s">
        <v>41687</v>
      </c>
      <c r="B20895" s="1" t="s">
        <v>61324</v>
      </c>
      <c r="C20895" s="1" t="s">
        <v>41688</v>
      </c>
      <c r="D20895" s="2">
        <v>173723</v>
      </c>
      <c r="E20895" s="1" t="s">
        <v>0</v>
      </c>
    </row>
    <row r="20896" spans="1:5" x14ac:dyDescent="0.25">
      <c r="A20896" s="1" t="s">
        <v>14855</v>
      </c>
      <c r="B20896" s="1" t="s">
        <v>60879</v>
      </c>
      <c r="C20896" s="1" t="s">
        <v>14856</v>
      </c>
      <c r="D20896" s="2">
        <v>173724</v>
      </c>
      <c r="E20896" s="1" t="s">
        <v>0</v>
      </c>
    </row>
    <row r="20897" spans="1:5" x14ac:dyDescent="0.25">
      <c r="A20897" s="2">
        <v>4179</v>
      </c>
      <c r="B20897" s="2">
        <v>4179</v>
      </c>
      <c r="C20897" s="1" t="s">
        <v>0</v>
      </c>
      <c r="D20897" s="2">
        <v>173725</v>
      </c>
      <c r="E20897" s="1" t="s">
        <v>0</v>
      </c>
    </row>
    <row r="20898" spans="1:5" x14ac:dyDescent="0.25">
      <c r="A20898" s="1" t="s">
        <v>3794</v>
      </c>
      <c r="B20898" s="1" t="s">
        <v>11031</v>
      </c>
      <c r="C20898" s="1" t="s">
        <v>41689</v>
      </c>
      <c r="D20898" s="2">
        <v>173726</v>
      </c>
      <c r="E20898" s="1" t="s">
        <v>0</v>
      </c>
    </row>
    <row r="20899" spans="1:5" x14ac:dyDescent="0.25">
      <c r="A20899" s="1" t="s">
        <v>41690</v>
      </c>
      <c r="B20899" s="1" t="s">
        <v>50978</v>
      </c>
      <c r="C20899" s="1" t="s">
        <v>41691</v>
      </c>
      <c r="D20899" s="2">
        <v>173727</v>
      </c>
      <c r="E20899" s="1" t="s">
        <v>0</v>
      </c>
    </row>
    <row r="20900" spans="1:5" ht="409.5" x14ac:dyDescent="0.25">
      <c r="A20900" s="4" t="s">
        <v>41692</v>
      </c>
      <c r="B20900" s="1" t="s">
        <v>62879</v>
      </c>
      <c r="C20900" s="1" t="s">
        <v>41693</v>
      </c>
      <c r="D20900" s="2">
        <v>173728</v>
      </c>
      <c r="E20900" s="1" t="s">
        <v>0</v>
      </c>
    </row>
    <row r="20901" spans="1:5" x14ac:dyDescent="0.25">
      <c r="A20901" s="1" t="s">
        <v>41694</v>
      </c>
      <c r="B20901" s="1" t="s">
        <v>11032</v>
      </c>
      <c r="C20901" s="1" t="s">
        <v>41695</v>
      </c>
      <c r="D20901" s="2">
        <v>173729</v>
      </c>
      <c r="E20901" s="1" t="s">
        <v>0</v>
      </c>
    </row>
    <row r="20902" spans="1:5" x14ac:dyDescent="0.25">
      <c r="A20902" s="2">
        <v>4180</v>
      </c>
      <c r="B20902" s="2">
        <v>4180</v>
      </c>
      <c r="C20902" s="1" t="s">
        <v>0</v>
      </c>
      <c r="D20902" s="2">
        <v>173730</v>
      </c>
      <c r="E20902" s="1" t="s">
        <v>0</v>
      </c>
    </row>
    <row r="20903" spans="1:5" x14ac:dyDescent="0.25">
      <c r="A20903" s="1" t="s">
        <v>3795</v>
      </c>
      <c r="B20903" s="1" t="s">
        <v>11033</v>
      </c>
      <c r="C20903" s="1" t="s">
        <v>41696</v>
      </c>
      <c r="D20903" s="2">
        <v>173731</v>
      </c>
      <c r="E20903" s="1" t="s">
        <v>0</v>
      </c>
    </row>
    <row r="20904" spans="1:5" x14ac:dyDescent="0.25">
      <c r="A20904" s="1" t="s">
        <v>41697</v>
      </c>
      <c r="B20904" s="1" t="s">
        <v>55619</v>
      </c>
      <c r="C20904" s="1" t="s">
        <v>41698</v>
      </c>
      <c r="D20904" s="2">
        <v>173732</v>
      </c>
      <c r="E20904" s="1" t="s">
        <v>0</v>
      </c>
    </row>
    <row r="20905" spans="1:5" ht="409.5" x14ac:dyDescent="0.25">
      <c r="A20905" s="4" t="s">
        <v>41699</v>
      </c>
      <c r="B20905" s="1" t="s">
        <v>60520</v>
      </c>
      <c r="C20905" s="1" t="s">
        <v>41700</v>
      </c>
      <c r="D20905" s="2">
        <v>173733</v>
      </c>
      <c r="E20905" s="1" t="s">
        <v>0</v>
      </c>
    </row>
    <row r="20906" spans="1:5" x14ac:dyDescent="0.25">
      <c r="A20906" s="1" t="s">
        <v>41701</v>
      </c>
      <c r="B20906" s="1" t="s">
        <v>11034</v>
      </c>
      <c r="C20906" s="1" t="s">
        <v>41702</v>
      </c>
      <c r="D20906" s="2">
        <v>173734</v>
      </c>
      <c r="E20906" s="1" t="s">
        <v>0</v>
      </c>
    </row>
    <row r="20907" spans="1:5" x14ac:dyDescent="0.25">
      <c r="A20907" s="2">
        <v>4181</v>
      </c>
      <c r="B20907" s="2">
        <v>4181</v>
      </c>
      <c r="C20907" s="1" t="s">
        <v>0</v>
      </c>
      <c r="D20907" s="2">
        <v>173735</v>
      </c>
      <c r="E20907" s="1" t="s">
        <v>0</v>
      </c>
    </row>
    <row r="20908" spans="1:5" x14ac:dyDescent="0.25">
      <c r="A20908" s="1" t="s">
        <v>3796</v>
      </c>
      <c r="B20908" s="1" t="s">
        <v>11035</v>
      </c>
      <c r="C20908" s="1" t="s">
        <v>41703</v>
      </c>
      <c r="D20908" s="2">
        <v>173736</v>
      </c>
      <c r="E20908" s="1" t="s">
        <v>0</v>
      </c>
    </row>
    <row r="20909" spans="1:5" x14ac:dyDescent="0.25">
      <c r="A20909" s="1" t="s">
        <v>41704</v>
      </c>
      <c r="B20909" s="1" t="s">
        <v>11036</v>
      </c>
      <c r="C20909" s="1" t="s">
        <v>41705</v>
      </c>
      <c r="D20909" s="2">
        <v>173737</v>
      </c>
      <c r="E20909" s="1" t="s">
        <v>0</v>
      </c>
    </row>
    <row r="20910" spans="1:5" ht="409.5" x14ac:dyDescent="0.25">
      <c r="A20910" s="4" t="s">
        <v>41706</v>
      </c>
      <c r="B20910" s="1" t="s">
        <v>11037</v>
      </c>
      <c r="C20910" s="1" t="s">
        <v>41707</v>
      </c>
      <c r="D20910" s="2">
        <v>173738</v>
      </c>
      <c r="E20910" s="1" t="s">
        <v>0</v>
      </c>
    </row>
    <row r="20911" spans="1:5" x14ac:dyDescent="0.25">
      <c r="A20911" s="1" t="s">
        <v>41708</v>
      </c>
      <c r="B20911" s="1" t="s">
        <v>61325</v>
      </c>
      <c r="C20911" s="1" t="s">
        <v>41709</v>
      </c>
      <c r="D20911" s="2">
        <v>173739</v>
      </c>
      <c r="E20911" s="1" t="s">
        <v>0</v>
      </c>
    </row>
    <row r="20912" spans="1:5" x14ac:dyDescent="0.25">
      <c r="A20912" s="2">
        <v>4182</v>
      </c>
      <c r="B20912" s="2">
        <v>4182</v>
      </c>
      <c r="C20912" s="1" t="s">
        <v>0</v>
      </c>
      <c r="D20912" s="2">
        <v>173740</v>
      </c>
      <c r="E20912" s="1" t="s">
        <v>0</v>
      </c>
    </row>
    <row r="20913" spans="1:5" x14ac:dyDescent="0.25">
      <c r="A20913" s="1" t="s">
        <v>64323</v>
      </c>
      <c r="B20913" s="1" t="s">
        <v>50979</v>
      </c>
      <c r="C20913" s="1" t="s">
        <v>41710</v>
      </c>
      <c r="D20913" s="2">
        <v>173741</v>
      </c>
      <c r="E20913" s="1" t="s">
        <v>0</v>
      </c>
    </row>
    <row r="20914" spans="1:5" x14ac:dyDescent="0.25">
      <c r="A20914" s="1" t="s">
        <v>64324</v>
      </c>
      <c r="B20914" s="1" t="s">
        <v>50980</v>
      </c>
      <c r="C20914" s="1" t="s">
        <v>41711</v>
      </c>
      <c r="D20914" s="2">
        <v>173742</v>
      </c>
      <c r="E20914" s="1" t="s">
        <v>0</v>
      </c>
    </row>
    <row r="20915" spans="1:5" ht="409.5" x14ac:dyDescent="0.25">
      <c r="A20915" s="4" t="s">
        <v>64325</v>
      </c>
      <c r="B20915" s="1" t="s">
        <v>55620</v>
      </c>
      <c r="C20915" s="1" t="s">
        <v>41712</v>
      </c>
      <c r="D20915" s="2">
        <v>173743</v>
      </c>
      <c r="E20915" s="1" t="s">
        <v>0</v>
      </c>
    </row>
    <row r="20916" spans="1:5" x14ac:dyDescent="0.25">
      <c r="A20916" s="1" t="s">
        <v>41713</v>
      </c>
      <c r="B20916" s="1" t="s">
        <v>50981</v>
      </c>
      <c r="C20916" s="1" t="s">
        <v>41714</v>
      </c>
      <c r="D20916" s="2">
        <v>173744</v>
      </c>
      <c r="E20916" s="1" t="s">
        <v>0</v>
      </c>
    </row>
    <row r="20917" spans="1:5" x14ac:dyDescent="0.25">
      <c r="A20917" s="2">
        <v>4183</v>
      </c>
      <c r="B20917" s="2">
        <v>4183</v>
      </c>
      <c r="C20917" s="1" t="s">
        <v>0</v>
      </c>
      <c r="D20917" s="2">
        <v>173745</v>
      </c>
      <c r="E20917" s="1" t="s">
        <v>0</v>
      </c>
    </row>
    <row r="20918" spans="1:5" x14ac:dyDescent="0.25">
      <c r="A20918" s="1" t="s">
        <v>41715</v>
      </c>
      <c r="B20918" s="1" t="s">
        <v>11038</v>
      </c>
      <c r="C20918" s="1" t="s">
        <v>41716</v>
      </c>
      <c r="D20918" s="2">
        <v>173746</v>
      </c>
      <c r="E20918" s="1" t="s">
        <v>0</v>
      </c>
    </row>
    <row r="20919" spans="1:5" x14ac:dyDescent="0.25">
      <c r="A20919" s="1" t="s">
        <v>41717</v>
      </c>
      <c r="B20919" s="1" t="s">
        <v>60225</v>
      </c>
      <c r="C20919" s="1" t="s">
        <v>41718</v>
      </c>
      <c r="D20919" s="2">
        <v>173747</v>
      </c>
      <c r="E20919" s="1" t="s">
        <v>0</v>
      </c>
    </row>
    <row r="20920" spans="1:5" x14ac:dyDescent="0.25">
      <c r="A20920" s="1" t="s">
        <v>41717</v>
      </c>
      <c r="B20920" s="1" t="s">
        <v>60225</v>
      </c>
      <c r="C20920" s="1" t="s">
        <v>41718</v>
      </c>
      <c r="D20920" s="2">
        <v>173748</v>
      </c>
      <c r="E20920" s="1" t="s">
        <v>0</v>
      </c>
    </row>
    <row r="20921" spans="1:5" x14ac:dyDescent="0.25">
      <c r="A20921" s="1" t="s">
        <v>41719</v>
      </c>
      <c r="B20921" s="1" t="s">
        <v>55621</v>
      </c>
      <c r="C20921" s="1" t="s">
        <v>41720</v>
      </c>
      <c r="D20921" s="2">
        <v>173749</v>
      </c>
      <c r="E20921" s="1" t="s">
        <v>0</v>
      </c>
    </row>
    <row r="20922" spans="1:5" x14ac:dyDescent="0.25">
      <c r="A20922" s="2">
        <v>4184</v>
      </c>
      <c r="B20922" s="2">
        <v>4184</v>
      </c>
      <c r="C20922" s="1" t="s">
        <v>0</v>
      </c>
      <c r="D20922" s="2">
        <v>173750</v>
      </c>
      <c r="E20922" s="1" t="s">
        <v>0</v>
      </c>
    </row>
    <row r="20923" spans="1:5" x14ac:dyDescent="0.25">
      <c r="A20923" s="1" t="s">
        <v>3797</v>
      </c>
      <c r="B20923" s="1" t="s">
        <v>11039</v>
      </c>
      <c r="C20923" s="1" t="s">
        <v>41721</v>
      </c>
      <c r="D20923" s="2">
        <v>173751</v>
      </c>
      <c r="E20923" s="1" t="s">
        <v>0</v>
      </c>
    </row>
    <row r="20924" spans="1:5" x14ac:dyDescent="0.25">
      <c r="A20924" s="1" t="s">
        <v>41722</v>
      </c>
      <c r="B20924" s="1" t="s">
        <v>55622</v>
      </c>
      <c r="C20924" s="1" t="s">
        <v>41723</v>
      </c>
      <c r="D20924" s="2">
        <v>173752</v>
      </c>
      <c r="E20924" s="1" t="s">
        <v>0</v>
      </c>
    </row>
    <row r="20925" spans="1:5" ht="409.5" x14ac:dyDescent="0.25">
      <c r="A20925" s="4" t="s">
        <v>41724</v>
      </c>
      <c r="B20925" s="1" t="s">
        <v>55623</v>
      </c>
      <c r="C20925" s="1" t="s">
        <v>41725</v>
      </c>
      <c r="D20925" s="2">
        <v>173753</v>
      </c>
      <c r="E20925" s="1" t="s">
        <v>0</v>
      </c>
    </row>
    <row r="20926" spans="1:5" x14ac:dyDescent="0.25">
      <c r="A20926" s="1" t="s">
        <v>41726</v>
      </c>
      <c r="B20926" s="1" t="s">
        <v>11040</v>
      </c>
      <c r="C20926" s="1" t="s">
        <v>41727</v>
      </c>
      <c r="D20926" s="2">
        <v>173754</v>
      </c>
      <c r="E20926" s="1" t="s">
        <v>0</v>
      </c>
    </row>
    <row r="20927" spans="1:5" x14ac:dyDescent="0.25">
      <c r="A20927" s="2">
        <v>4185</v>
      </c>
      <c r="B20927" s="2">
        <v>4185</v>
      </c>
      <c r="C20927" s="1" t="s">
        <v>0</v>
      </c>
      <c r="D20927" s="2">
        <v>173755</v>
      </c>
      <c r="E20927" s="1" t="s">
        <v>0</v>
      </c>
    </row>
    <row r="20928" spans="1:5" x14ac:dyDescent="0.25">
      <c r="A20928" s="1" t="s">
        <v>3798</v>
      </c>
      <c r="B20928" s="1" t="s">
        <v>11041</v>
      </c>
      <c r="C20928" s="1" t="s">
        <v>41728</v>
      </c>
      <c r="D20928" s="2">
        <v>173756</v>
      </c>
      <c r="E20928" s="1" t="s">
        <v>0</v>
      </c>
    </row>
    <row r="20929" spans="1:5" x14ac:dyDescent="0.25">
      <c r="A20929" s="1" t="s">
        <v>41729</v>
      </c>
      <c r="B20929" s="1" t="s">
        <v>60650</v>
      </c>
      <c r="C20929" s="1" t="s">
        <v>41730</v>
      </c>
      <c r="D20929" s="2">
        <v>173757</v>
      </c>
      <c r="E20929" s="1" t="s">
        <v>0</v>
      </c>
    </row>
    <row r="20930" spans="1:5" ht="409.5" x14ac:dyDescent="0.25">
      <c r="A20930" s="4" t="s">
        <v>41731</v>
      </c>
      <c r="B20930" s="1" t="s">
        <v>60651</v>
      </c>
      <c r="C20930" s="1" t="s">
        <v>41732</v>
      </c>
      <c r="D20930" s="2">
        <v>173758</v>
      </c>
      <c r="E20930" s="1" t="s">
        <v>0</v>
      </c>
    </row>
    <row r="20931" spans="1:5" x14ac:dyDescent="0.25">
      <c r="A20931" s="1" t="s">
        <v>41733</v>
      </c>
      <c r="B20931" s="1" t="s">
        <v>11042</v>
      </c>
      <c r="C20931" s="1" t="s">
        <v>41734</v>
      </c>
      <c r="D20931" s="2">
        <v>173759</v>
      </c>
      <c r="E20931" s="1" t="s">
        <v>0</v>
      </c>
    </row>
    <row r="20932" spans="1:5" x14ac:dyDescent="0.25">
      <c r="A20932" s="2">
        <v>4186</v>
      </c>
      <c r="B20932" s="2">
        <v>4186</v>
      </c>
      <c r="C20932" s="1" t="s">
        <v>0</v>
      </c>
      <c r="D20932" s="2">
        <v>173760</v>
      </c>
      <c r="E20932" s="1" t="s">
        <v>0</v>
      </c>
    </row>
    <row r="20933" spans="1:5" x14ac:dyDescent="0.25">
      <c r="A20933" s="1" t="s">
        <v>11043</v>
      </c>
      <c r="B20933" s="1" t="s">
        <v>11044</v>
      </c>
      <c r="C20933" s="1" t="s">
        <v>41735</v>
      </c>
      <c r="D20933" s="2">
        <v>173761</v>
      </c>
      <c r="E20933" s="1" t="s">
        <v>0</v>
      </c>
    </row>
    <row r="20934" spans="1:5" x14ac:dyDescent="0.25">
      <c r="A20934" s="1" t="s">
        <v>41736</v>
      </c>
      <c r="B20934" s="1" t="s">
        <v>55624</v>
      </c>
      <c r="C20934" s="1" t="s">
        <v>41737</v>
      </c>
      <c r="D20934" s="2">
        <v>173762</v>
      </c>
      <c r="E20934" s="1" t="s">
        <v>0</v>
      </c>
    </row>
    <row r="20935" spans="1:5" ht="409.5" x14ac:dyDescent="0.25">
      <c r="A20935" s="4" t="s">
        <v>41738</v>
      </c>
      <c r="B20935" s="1" t="s">
        <v>55625</v>
      </c>
      <c r="C20935" s="1" t="s">
        <v>41739</v>
      </c>
      <c r="D20935" s="2">
        <v>173763</v>
      </c>
      <c r="E20935" s="1" t="s">
        <v>0</v>
      </c>
    </row>
    <row r="20936" spans="1:5" x14ac:dyDescent="0.25">
      <c r="A20936" s="1" t="s">
        <v>41740</v>
      </c>
      <c r="B20936" s="1" t="s">
        <v>61326</v>
      </c>
      <c r="C20936" s="1" t="s">
        <v>41741</v>
      </c>
      <c r="D20936" s="2">
        <v>173764</v>
      </c>
      <c r="E20936" s="1" t="s">
        <v>0</v>
      </c>
    </row>
    <row r="20937" spans="1:5" x14ac:dyDescent="0.25">
      <c r="A20937" s="2">
        <v>4187</v>
      </c>
      <c r="B20937" s="2">
        <v>4187</v>
      </c>
      <c r="C20937" s="1" t="s">
        <v>0</v>
      </c>
      <c r="D20937" s="2">
        <v>173765</v>
      </c>
      <c r="E20937" s="1" t="s">
        <v>0</v>
      </c>
    </row>
    <row r="20938" spans="1:5" x14ac:dyDescent="0.25">
      <c r="A20938" s="1" t="s">
        <v>3799</v>
      </c>
      <c r="B20938" s="1" t="s">
        <v>11045</v>
      </c>
      <c r="C20938" s="1" t="s">
        <v>41742</v>
      </c>
      <c r="D20938" s="2">
        <v>173766</v>
      </c>
      <c r="E20938" s="1" t="s">
        <v>0</v>
      </c>
    </row>
    <row r="20939" spans="1:5" x14ac:dyDescent="0.25">
      <c r="A20939" s="1" t="s">
        <v>41743</v>
      </c>
      <c r="B20939" s="1" t="s">
        <v>50982</v>
      </c>
      <c r="C20939" s="1" t="s">
        <v>41744</v>
      </c>
      <c r="D20939" s="2">
        <v>173767</v>
      </c>
      <c r="E20939" s="1" t="s">
        <v>0</v>
      </c>
    </row>
    <row r="20940" spans="1:5" ht="409.5" x14ac:dyDescent="0.25">
      <c r="A20940" s="4" t="s">
        <v>41745</v>
      </c>
      <c r="B20940" s="1" t="s">
        <v>50983</v>
      </c>
      <c r="C20940" s="1" t="s">
        <v>41746</v>
      </c>
      <c r="D20940" s="2">
        <v>173768</v>
      </c>
      <c r="E20940" s="1" t="s">
        <v>0</v>
      </c>
    </row>
    <row r="20941" spans="1:5" x14ac:dyDescent="0.25">
      <c r="A20941" s="1" t="s">
        <v>41747</v>
      </c>
      <c r="B20941" s="1" t="s">
        <v>11046</v>
      </c>
      <c r="C20941" s="1" t="s">
        <v>41748</v>
      </c>
      <c r="D20941" s="2">
        <v>173769</v>
      </c>
      <c r="E20941" s="1" t="s">
        <v>0</v>
      </c>
    </row>
    <row r="20942" spans="1:5" x14ac:dyDescent="0.25">
      <c r="A20942" s="2">
        <v>4188</v>
      </c>
      <c r="B20942" s="2">
        <v>4188</v>
      </c>
      <c r="C20942" s="1" t="s">
        <v>0</v>
      </c>
      <c r="D20942" s="2">
        <v>173770</v>
      </c>
      <c r="E20942" s="1" t="s">
        <v>0</v>
      </c>
    </row>
    <row r="20943" spans="1:5" x14ac:dyDescent="0.25">
      <c r="A20943" s="1" t="s">
        <v>3800</v>
      </c>
      <c r="B20943" s="1" t="s">
        <v>50984</v>
      </c>
      <c r="C20943" s="1" t="s">
        <v>41749</v>
      </c>
      <c r="D20943" s="2">
        <v>173771</v>
      </c>
      <c r="E20943" s="1" t="s">
        <v>0</v>
      </c>
    </row>
    <row r="20944" spans="1:5" x14ac:dyDescent="0.25">
      <c r="A20944" s="1" t="s">
        <v>41750</v>
      </c>
      <c r="B20944" s="1" t="s">
        <v>50985</v>
      </c>
      <c r="C20944" s="1" t="s">
        <v>41751</v>
      </c>
      <c r="D20944" s="2">
        <v>173772</v>
      </c>
      <c r="E20944" s="1" t="s">
        <v>0</v>
      </c>
    </row>
    <row r="20945" spans="1:5" ht="409.5" x14ac:dyDescent="0.25">
      <c r="A20945" s="4" t="s">
        <v>41752</v>
      </c>
      <c r="B20945" s="1" t="s">
        <v>50986</v>
      </c>
      <c r="C20945" s="1" t="s">
        <v>41753</v>
      </c>
      <c r="D20945" s="2">
        <v>173773</v>
      </c>
      <c r="E20945" s="1" t="s">
        <v>0</v>
      </c>
    </row>
    <row r="20946" spans="1:5" x14ac:dyDescent="0.25">
      <c r="A20946" s="1" t="s">
        <v>41754</v>
      </c>
      <c r="B20946" s="1" t="s">
        <v>57320</v>
      </c>
      <c r="C20946" s="1" t="s">
        <v>41755</v>
      </c>
      <c r="D20946" s="2">
        <v>173774</v>
      </c>
      <c r="E20946" s="1" t="s">
        <v>0</v>
      </c>
    </row>
    <row r="20947" spans="1:5" x14ac:dyDescent="0.25">
      <c r="A20947" s="2">
        <v>4189</v>
      </c>
      <c r="B20947" s="2">
        <v>4189</v>
      </c>
      <c r="C20947" s="1" t="s">
        <v>0</v>
      </c>
      <c r="D20947" s="2">
        <v>173775</v>
      </c>
      <c r="E20947" s="1" t="s">
        <v>0</v>
      </c>
    </row>
    <row r="20948" spans="1:5" x14ac:dyDescent="0.25">
      <c r="A20948" s="1" t="s">
        <v>3801</v>
      </c>
      <c r="B20948" s="1" t="s">
        <v>11047</v>
      </c>
      <c r="C20948" s="1" t="s">
        <v>41756</v>
      </c>
      <c r="D20948" s="2">
        <v>173776</v>
      </c>
      <c r="E20948" s="1" t="s">
        <v>0</v>
      </c>
    </row>
    <row r="20949" spans="1:5" x14ac:dyDescent="0.25">
      <c r="A20949" s="1" t="s">
        <v>41757</v>
      </c>
      <c r="B20949" s="1" t="s">
        <v>11048</v>
      </c>
      <c r="C20949" s="1" t="s">
        <v>41758</v>
      </c>
      <c r="D20949" s="2">
        <v>173777</v>
      </c>
      <c r="E20949" s="1" t="s">
        <v>0</v>
      </c>
    </row>
    <row r="20950" spans="1:5" ht="409.5" x14ac:dyDescent="0.25">
      <c r="A20950" s="4" t="s">
        <v>64326</v>
      </c>
      <c r="B20950" s="1" t="s">
        <v>55626</v>
      </c>
      <c r="C20950" s="1" t="s">
        <v>41759</v>
      </c>
      <c r="D20950" s="2">
        <v>173778</v>
      </c>
      <c r="E20950" s="1" t="s">
        <v>0</v>
      </c>
    </row>
    <row r="20951" spans="1:5" x14ac:dyDescent="0.25">
      <c r="A20951" s="1" t="s">
        <v>41760</v>
      </c>
      <c r="B20951" s="1" t="s">
        <v>11049</v>
      </c>
      <c r="C20951" s="1" t="s">
        <v>41761</v>
      </c>
      <c r="D20951" s="2">
        <v>173779</v>
      </c>
      <c r="E20951" s="1" t="s">
        <v>0</v>
      </c>
    </row>
    <row r="20952" spans="1:5" x14ac:dyDescent="0.25">
      <c r="A20952" s="2">
        <v>4190</v>
      </c>
      <c r="B20952" s="2">
        <v>4190</v>
      </c>
      <c r="C20952" s="1" t="s">
        <v>0</v>
      </c>
      <c r="D20952" s="2">
        <v>173780</v>
      </c>
      <c r="E20952" s="1" t="s">
        <v>0</v>
      </c>
    </row>
    <row r="20953" spans="1:5" x14ac:dyDescent="0.25">
      <c r="A20953" s="1" t="s">
        <v>3802</v>
      </c>
      <c r="B20953" s="1" t="s">
        <v>11050</v>
      </c>
      <c r="C20953" s="1" t="s">
        <v>41762</v>
      </c>
      <c r="D20953" s="2">
        <v>173781</v>
      </c>
      <c r="E20953" s="1" t="s">
        <v>0</v>
      </c>
    </row>
    <row r="20954" spans="1:5" x14ac:dyDescent="0.25">
      <c r="A20954" s="1" t="s">
        <v>41763</v>
      </c>
      <c r="B20954" s="1" t="s">
        <v>61327</v>
      </c>
      <c r="C20954" s="1" t="s">
        <v>41764</v>
      </c>
      <c r="D20954" s="2">
        <v>173782</v>
      </c>
      <c r="E20954" s="1" t="s">
        <v>0</v>
      </c>
    </row>
    <row r="20955" spans="1:5" ht="409.5" x14ac:dyDescent="0.25">
      <c r="A20955" s="4" t="s">
        <v>41765</v>
      </c>
      <c r="B20955" s="1" t="s">
        <v>61328</v>
      </c>
      <c r="C20955" s="1" t="s">
        <v>41766</v>
      </c>
      <c r="D20955" s="2">
        <v>173783</v>
      </c>
      <c r="E20955" s="1" t="s">
        <v>0</v>
      </c>
    </row>
    <row r="20956" spans="1:5" x14ac:dyDescent="0.25">
      <c r="A20956" s="1" t="s">
        <v>41767</v>
      </c>
      <c r="B20956" s="1" t="s">
        <v>50987</v>
      </c>
      <c r="C20956" s="1" t="s">
        <v>41768</v>
      </c>
      <c r="D20956" s="2">
        <v>173784</v>
      </c>
      <c r="E20956" s="1" t="s">
        <v>0</v>
      </c>
    </row>
    <row r="20957" spans="1:5" x14ac:dyDescent="0.25">
      <c r="A20957" s="2">
        <v>4191</v>
      </c>
      <c r="B20957" s="2">
        <v>4191</v>
      </c>
      <c r="C20957" s="1" t="s">
        <v>0</v>
      </c>
      <c r="D20957" s="2">
        <v>173785</v>
      </c>
      <c r="E20957" s="1" t="s">
        <v>0</v>
      </c>
    </row>
    <row r="20958" spans="1:5" x14ac:dyDescent="0.25">
      <c r="A20958" s="1" t="s">
        <v>3803</v>
      </c>
      <c r="B20958" s="1" t="s">
        <v>11051</v>
      </c>
      <c r="C20958" s="1" t="s">
        <v>41769</v>
      </c>
      <c r="D20958" s="2">
        <v>173786</v>
      </c>
      <c r="E20958" s="1" t="s">
        <v>0</v>
      </c>
    </row>
    <row r="20959" spans="1:5" x14ac:dyDescent="0.25">
      <c r="A20959" s="1" t="s">
        <v>41770</v>
      </c>
      <c r="B20959" s="1" t="s">
        <v>11052</v>
      </c>
      <c r="C20959" s="1" t="s">
        <v>41771</v>
      </c>
      <c r="D20959" s="2">
        <v>173787</v>
      </c>
      <c r="E20959" s="1" t="s">
        <v>0</v>
      </c>
    </row>
    <row r="20960" spans="1:5" ht="409.5" x14ac:dyDescent="0.25">
      <c r="A20960" s="4" t="s">
        <v>41772</v>
      </c>
      <c r="B20960" s="1" t="s">
        <v>11053</v>
      </c>
      <c r="C20960" s="1" t="s">
        <v>41773</v>
      </c>
      <c r="D20960" s="2">
        <v>173788</v>
      </c>
      <c r="E20960" s="1" t="s">
        <v>0</v>
      </c>
    </row>
    <row r="20961" spans="1:5" x14ac:dyDescent="0.25">
      <c r="A20961" s="1" t="s">
        <v>41774</v>
      </c>
      <c r="B20961" s="1" t="s">
        <v>11054</v>
      </c>
      <c r="C20961" s="1" t="s">
        <v>41775</v>
      </c>
      <c r="D20961" s="2">
        <v>173789</v>
      </c>
      <c r="E20961" s="1" t="s">
        <v>0</v>
      </c>
    </row>
    <row r="20962" spans="1:5" x14ac:dyDescent="0.25">
      <c r="A20962" s="2">
        <v>4192</v>
      </c>
      <c r="B20962" s="2">
        <v>4192</v>
      </c>
      <c r="C20962" s="1" t="s">
        <v>0</v>
      </c>
      <c r="D20962" s="2">
        <v>173790</v>
      </c>
      <c r="E20962" s="1" t="s">
        <v>0</v>
      </c>
    </row>
    <row r="20963" spans="1:5" x14ac:dyDescent="0.25">
      <c r="A20963" s="1" t="s">
        <v>3804</v>
      </c>
      <c r="B20963" s="1" t="s">
        <v>11055</v>
      </c>
      <c r="C20963" s="1" t="s">
        <v>41776</v>
      </c>
      <c r="D20963" s="2">
        <v>173791</v>
      </c>
      <c r="E20963" s="1" t="s">
        <v>0</v>
      </c>
    </row>
    <row r="20964" spans="1:5" x14ac:dyDescent="0.25">
      <c r="A20964" s="1" t="s">
        <v>41777</v>
      </c>
      <c r="B20964" s="1" t="s">
        <v>58549</v>
      </c>
      <c r="C20964" s="1" t="s">
        <v>41778</v>
      </c>
      <c r="D20964" s="2">
        <v>173792</v>
      </c>
      <c r="E20964" s="1" t="s">
        <v>0</v>
      </c>
    </row>
    <row r="20965" spans="1:5" ht="409.5" x14ac:dyDescent="0.25">
      <c r="A20965" s="4" t="s">
        <v>41779</v>
      </c>
      <c r="B20965" s="1" t="s">
        <v>58550</v>
      </c>
      <c r="C20965" s="1" t="s">
        <v>41780</v>
      </c>
      <c r="D20965" s="2">
        <v>173793</v>
      </c>
      <c r="E20965" s="1" t="s">
        <v>0</v>
      </c>
    </row>
    <row r="20966" spans="1:5" x14ac:dyDescent="0.25">
      <c r="A20966" s="1" t="s">
        <v>41781</v>
      </c>
      <c r="B20966" s="1" t="s">
        <v>11056</v>
      </c>
      <c r="C20966" s="1" t="s">
        <v>41782</v>
      </c>
      <c r="D20966" s="2">
        <v>173794</v>
      </c>
      <c r="E20966" s="1" t="s">
        <v>0</v>
      </c>
    </row>
    <row r="20967" spans="1:5" x14ac:dyDescent="0.25">
      <c r="A20967" s="2">
        <v>4193</v>
      </c>
      <c r="B20967" s="2">
        <v>4193</v>
      </c>
      <c r="C20967" s="1" t="s">
        <v>0</v>
      </c>
      <c r="D20967" s="2">
        <v>173795</v>
      </c>
      <c r="E20967" s="1" t="s">
        <v>0</v>
      </c>
    </row>
    <row r="20968" spans="1:5" x14ac:dyDescent="0.25">
      <c r="A20968" s="1" t="s">
        <v>3805</v>
      </c>
      <c r="B20968" s="1" t="s">
        <v>50988</v>
      </c>
      <c r="C20968" s="1" t="s">
        <v>41783</v>
      </c>
      <c r="D20968" s="2">
        <v>173796</v>
      </c>
      <c r="E20968" s="1" t="s">
        <v>0</v>
      </c>
    </row>
    <row r="20969" spans="1:5" x14ac:dyDescent="0.25">
      <c r="A20969" s="1" t="s">
        <v>41784</v>
      </c>
      <c r="B20969" s="1" t="s">
        <v>50989</v>
      </c>
      <c r="C20969" s="1" t="s">
        <v>41785</v>
      </c>
      <c r="D20969" s="2">
        <v>173797</v>
      </c>
      <c r="E20969" s="1" t="s">
        <v>0</v>
      </c>
    </row>
    <row r="20970" spans="1:5" ht="409.5" x14ac:dyDescent="0.25">
      <c r="A20970" s="4" t="s">
        <v>41786</v>
      </c>
      <c r="B20970" s="1" t="s">
        <v>50990</v>
      </c>
      <c r="C20970" s="1" t="s">
        <v>41787</v>
      </c>
      <c r="D20970" s="2">
        <v>173798</v>
      </c>
      <c r="E20970" s="1" t="s">
        <v>0</v>
      </c>
    </row>
    <row r="20971" spans="1:5" x14ac:dyDescent="0.25">
      <c r="A20971" s="1" t="s">
        <v>41788</v>
      </c>
      <c r="B20971" s="1" t="s">
        <v>11057</v>
      </c>
      <c r="C20971" s="1" t="s">
        <v>41789</v>
      </c>
      <c r="D20971" s="2">
        <v>173799</v>
      </c>
      <c r="E20971" s="1" t="s">
        <v>0</v>
      </c>
    </row>
    <row r="20972" spans="1:5" x14ac:dyDescent="0.25">
      <c r="A20972" s="2">
        <v>4194</v>
      </c>
      <c r="B20972" s="2">
        <v>4194</v>
      </c>
      <c r="C20972" s="1" t="s">
        <v>0</v>
      </c>
      <c r="D20972" s="2">
        <v>173800</v>
      </c>
      <c r="E20972" s="1" t="s">
        <v>0</v>
      </c>
    </row>
    <row r="20973" spans="1:5" x14ac:dyDescent="0.25">
      <c r="A20973" s="1" t="s">
        <v>3806</v>
      </c>
      <c r="B20973" s="1" t="s">
        <v>11058</v>
      </c>
      <c r="C20973" s="1" t="s">
        <v>41790</v>
      </c>
      <c r="D20973" s="2">
        <v>173801</v>
      </c>
      <c r="E20973" s="1" t="s">
        <v>0</v>
      </c>
    </row>
    <row r="20974" spans="1:5" x14ac:dyDescent="0.25">
      <c r="A20974" s="1" t="s">
        <v>41791</v>
      </c>
      <c r="B20974" s="1" t="s">
        <v>11059</v>
      </c>
      <c r="C20974" s="1" t="s">
        <v>41792</v>
      </c>
      <c r="D20974" s="2">
        <v>173802</v>
      </c>
      <c r="E20974" s="1" t="s">
        <v>0</v>
      </c>
    </row>
    <row r="20975" spans="1:5" ht="409.5" x14ac:dyDescent="0.25">
      <c r="A20975" s="4" t="s">
        <v>41793</v>
      </c>
      <c r="B20975" s="1" t="s">
        <v>11060</v>
      </c>
      <c r="C20975" s="1" t="s">
        <v>41794</v>
      </c>
      <c r="D20975" s="2">
        <v>173803</v>
      </c>
      <c r="E20975" s="1" t="s">
        <v>0</v>
      </c>
    </row>
    <row r="20976" spans="1:5" x14ac:dyDescent="0.25">
      <c r="A20976" s="1" t="s">
        <v>41795</v>
      </c>
      <c r="B20976" s="1" t="s">
        <v>11061</v>
      </c>
      <c r="C20976" s="1" t="s">
        <v>41796</v>
      </c>
      <c r="D20976" s="2">
        <v>173804</v>
      </c>
      <c r="E20976" s="1" t="s">
        <v>0</v>
      </c>
    </row>
    <row r="20977" spans="1:5" x14ac:dyDescent="0.25">
      <c r="A20977" s="2">
        <v>4195</v>
      </c>
      <c r="B20977" s="2">
        <v>4195</v>
      </c>
      <c r="C20977" s="1" t="s">
        <v>0</v>
      </c>
      <c r="D20977" s="2">
        <v>173805</v>
      </c>
      <c r="E20977" s="1" t="s">
        <v>0</v>
      </c>
    </row>
    <row r="20978" spans="1:5" x14ac:dyDescent="0.25">
      <c r="A20978" s="1" t="s">
        <v>3807</v>
      </c>
      <c r="B20978" s="1" t="s">
        <v>11062</v>
      </c>
      <c r="C20978" s="1" t="s">
        <v>41797</v>
      </c>
      <c r="D20978" s="2">
        <v>173806</v>
      </c>
      <c r="E20978" s="1" t="s">
        <v>0</v>
      </c>
    </row>
    <row r="20979" spans="1:5" x14ac:dyDescent="0.25">
      <c r="A20979" s="1" t="s">
        <v>41798</v>
      </c>
      <c r="B20979" s="1" t="s">
        <v>11063</v>
      </c>
      <c r="C20979" s="1" t="s">
        <v>41799</v>
      </c>
      <c r="D20979" s="2">
        <v>173807</v>
      </c>
      <c r="E20979" s="1" t="s">
        <v>0</v>
      </c>
    </row>
    <row r="20980" spans="1:5" ht="409.5" x14ac:dyDescent="0.25">
      <c r="A20980" s="4" t="s">
        <v>41800</v>
      </c>
      <c r="B20980" s="1" t="s">
        <v>55627</v>
      </c>
      <c r="C20980" s="1" t="s">
        <v>41801</v>
      </c>
      <c r="D20980" s="2">
        <v>173808</v>
      </c>
      <c r="E20980" s="1" t="s">
        <v>0</v>
      </c>
    </row>
    <row r="20981" spans="1:5" x14ac:dyDescent="0.25">
      <c r="A20981" s="1" t="s">
        <v>41802</v>
      </c>
      <c r="B20981" s="1" t="s">
        <v>55628</v>
      </c>
      <c r="C20981" s="1" t="s">
        <v>41803</v>
      </c>
      <c r="D20981" s="2">
        <v>173809</v>
      </c>
      <c r="E20981" s="1" t="s">
        <v>0</v>
      </c>
    </row>
    <row r="20982" spans="1:5" x14ac:dyDescent="0.25">
      <c r="A20982" s="2">
        <v>4196</v>
      </c>
      <c r="B20982" s="2">
        <v>4196</v>
      </c>
      <c r="C20982" s="1" t="s">
        <v>0</v>
      </c>
      <c r="D20982" s="2">
        <v>173810</v>
      </c>
      <c r="E20982" s="1" t="s">
        <v>0</v>
      </c>
    </row>
    <row r="20983" spans="1:5" x14ac:dyDescent="0.25">
      <c r="A20983" s="1" t="s">
        <v>3808</v>
      </c>
      <c r="B20983" s="1" t="s">
        <v>11064</v>
      </c>
      <c r="C20983" s="1" t="s">
        <v>41804</v>
      </c>
      <c r="D20983" s="2">
        <v>173811</v>
      </c>
      <c r="E20983" s="1" t="s">
        <v>0</v>
      </c>
    </row>
    <row r="20984" spans="1:5" x14ac:dyDescent="0.25">
      <c r="A20984" s="1" t="s">
        <v>41805</v>
      </c>
      <c r="B20984" s="1" t="s">
        <v>55629</v>
      </c>
      <c r="C20984" s="1" t="s">
        <v>41806</v>
      </c>
      <c r="D20984" s="2">
        <v>173812</v>
      </c>
      <c r="E20984" s="1" t="s">
        <v>0</v>
      </c>
    </row>
    <row r="20985" spans="1:5" ht="409.5" x14ac:dyDescent="0.25">
      <c r="A20985" s="4" t="s">
        <v>41807</v>
      </c>
      <c r="B20985" s="1" t="s">
        <v>55630</v>
      </c>
      <c r="C20985" s="1" t="s">
        <v>41808</v>
      </c>
      <c r="D20985" s="2">
        <v>173813</v>
      </c>
      <c r="E20985" s="1" t="s">
        <v>0</v>
      </c>
    </row>
    <row r="20986" spans="1:5" x14ac:dyDescent="0.25">
      <c r="A20986" s="1" t="s">
        <v>41809</v>
      </c>
      <c r="B20986" s="1" t="s">
        <v>55631</v>
      </c>
      <c r="C20986" s="1" t="s">
        <v>41810</v>
      </c>
      <c r="D20986" s="2">
        <v>173814</v>
      </c>
      <c r="E20986" s="1" t="s">
        <v>0</v>
      </c>
    </row>
    <row r="20987" spans="1:5" x14ac:dyDescent="0.25">
      <c r="A20987" s="2">
        <v>4197</v>
      </c>
      <c r="B20987" s="2">
        <v>4197</v>
      </c>
      <c r="C20987" s="1" t="s">
        <v>0</v>
      </c>
      <c r="D20987" s="2">
        <v>173815</v>
      </c>
      <c r="E20987" s="1" t="s">
        <v>0</v>
      </c>
    </row>
    <row r="20988" spans="1:5" x14ac:dyDescent="0.25">
      <c r="A20988" s="1" t="s">
        <v>3809</v>
      </c>
      <c r="B20988" s="1" t="s">
        <v>11065</v>
      </c>
      <c r="C20988" s="1" t="s">
        <v>41811</v>
      </c>
      <c r="D20988" s="2">
        <v>173816</v>
      </c>
      <c r="E20988" s="1" t="s">
        <v>0</v>
      </c>
    </row>
    <row r="20989" spans="1:5" x14ac:dyDescent="0.25">
      <c r="A20989" s="1" t="s">
        <v>41812</v>
      </c>
      <c r="B20989" s="1" t="s">
        <v>58944</v>
      </c>
      <c r="C20989" s="1" t="s">
        <v>41813</v>
      </c>
      <c r="D20989" s="2">
        <v>173817</v>
      </c>
      <c r="E20989" s="1" t="s">
        <v>0</v>
      </c>
    </row>
    <row r="20990" spans="1:5" ht="409.5" x14ac:dyDescent="0.25">
      <c r="A20990" s="4" t="s">
        <v>41814</v>
      </c>
      <c r="B20990" s="1" t="s">
        <v>60226</v>
      </c>
      <c r="C20990" s="1" t="s">
        <v>41815</v>
      </c>
      <c r="D20990" s="2">
        <v>173818</v>
      </c>
      <c r="E20990" s="1" t="s">
        <v>0</v>
      </c>
    </row>
    <row r="20991" spans="1:5" x14ac:dyDescent="0.25">
      <c r="A20991" s="1" t="s">
        <v>41816</v>
      </c>
      <c r="B20991" s="1" t="s">
        <v>55632</v>
      </c>
      <c r="C20991" s="1" t="s">
        <v>41817</v>
      </c>
      <c r="D20991" s="2">
        <v>173819</v>
      </c>
      <c r="E20991" s="1" t="s">
        <v>0</v>
      </c>
    </row>
    <row r="20992" spans="1:5" x14ac:dyDescent="0.25">
      <c r="A20992" s="2">
        <v>4198</v>
      </c>
      <c r="B20992" s="2">
        <v>4198</v>
      </c>
      <c r="C20992" s="1" t="s">
        <v>0</v>
      </c>
      <c r="D20992" s="2">
        <v>173820</v>
      </c>
      <c r="E20992" s="1" t="s">
        <v>0</v>
      </c>
    </row>
    <row r="20993" spans="1:5" x14ac:dyDescent="0.25">
      <c r="A20993" s="1" t="s">
        <v>3810</v>
      </c>
      <c r="B20993" s="1" t="s">
        <v>58837</v>
      </c>
      <c r="C20993" s="1" t="s">
        <v>41818</v>
      </c>
      <c r="D20993" s="2">
        <v>173821</v>
      </c>
      <c r="E20993" s="1" t="s">
        <v>0</v>
      </c>
    </row>
    <row r="20994" spans="1:5" x14ac:dyDescent="0.25">
      <c r="A20994" s="1" t="s">
        <v>41819</v>
      </c>
      <c r="B20994" s="1" t="s">
        <v>58838</v>
      </c>
      <c r="C20994" s="1" t="s">
        <v>41820</v>
      </c>
      <c r="D20994" s="2">
        <v>173822</v>
      </c>
      <c r="E20994" s="1" t="s">
        <v>0</v>
      </c>
    </row>
    <row r="20995" spans="1:5" ht="409.5" x14ac:dyDescent="0.25">
      <c r="A20995" s="4" t="s">
        <v>41821</v>
      </c>
      <c r="B20995" s="1" t="s">
        <v>58839</v>
      </c>
      <c r="C20995" s="1" t="s">
        <v>41822</v>
      </c>
      <c r="D20995" s="2">
        <v>173823</v>
      </c>
      <c r="E20995" s="1" t="s">
        <v>0</v>
      </c>
    </row>
    <row r="20996" spans="1:5" x14ac:dyDescent="0.25">
      <c r="A20996" s="1" t="s">
        <v>41823</v>
      </c>
      <c r="B20996" s="1" t="s">
        <v>11066</v>
      </c>
      <c r="C20996" s="1" t="s">
        <v>41824</v>
      </c>
      <c r="D20996" s="2">
        <v>173824</v>
      </c>
      <c r="E20996" s="1" t="s">
        <v>0</v>
      </c>
    </row>
    <row r="20997" spans="1:5" x14ac:dyDescent="0.25">
      <c r="A20997" s="2">
        <v>4199</v>
      </c>
      <c r="B20997" s="2">
        <v>4199</v>
      </c>
      <c r="C20997" s="1" t="s">
        <v>0</v>
      </c>
      <c r="D20997" s="2">
        <v>173825</v>
      </c>
      <c r="E20997" s="1" t="s">
        <v>0</v>
      </c>
    </row>
    <row r="20998" spans="1:5" x14ac:dyDescent="0.25">
      <c r="A20998" s="1" t="s">
        <v>3811</v>
      </c>
      <c r="B20998" s="1" t="s">
        <v>11067</v>
      </c>
      <c r="C20998" s="1" t="s">
        <v>41825</v>
      </c>
      <c r="D20998" s="2">
        <v>173826</v>
      </c>
      <c r="E20998" s="1" t="s">
        <v>0</v>
      </c>
    </row>
    <row r="20999" spans="1:5" x14ac:dyDescent="0.25">
      <c r="A20999" s="1" t="s">
        <v>41826</v>
      </c>
      <c r="B20999" s="1" t="s">
        <v>58551</v>
      </c>
      <c r="C20999" s="1" t="s">
        <v>41827</v>
      </c>
      <c r="D20999" s="2">
        <v>173827</v>
      </c>
      <c r="E20999" s="1" t="s">
        <v>0</v>
      </c>
    </row>
    <row r="21000" spans="1:5" ht="409.5" x14ac:dyDescent="0.25">
      <c r="A21000" s="4" t="s">
        <v>64327</v>
      </c>
      <c r="B21000" s="1" t="s">
        <v>64328</v>
      </c>
      <c r="C21000" s="1" t="s">
        <v>41828</v>
      </c>
      <c r="D21000" s="2">
        <v>173828</v>
      </c>
      <c r="E21000" s="1" t="s">
        <v>0</v>
      </c>
    </row>
    <row r="21001" spans="1:5" x14ac:dyDescent="0.25">
      <c r="A21001" s="1" t="s">
        <v>41829</v>
      </c>
      <c r="B21001" s="1" t="s">
        <v>11068</v>
      </c>
      <c r="C21001" s="1" t="s">
        <v>41830</v>
      </c>
      <c r="D21001" s="2">
        <v>173829</v>
      </c>
      <c r="E21001" s="1" t="s">
        <v>0</v>
      </c>
    </row>
    <row r="21002" spans="1:5" x14ac:dyDescent="0.25">
      <c r="A21002" s="2">
        <v>4200</v>
      </c>
      <c r="B21002" s="2">
        <v>4200</v>
      </c>
      <c r="C21002" s="1" t="s">
        <v>0</v>
      </c>
      <c r="D21002" s="2">
        <v>173830</v>
      </c>
      <c r="E21002" s="1" t="s">
        <v>0</v>
      </c>
    </row>
    <row r="21003" spans="1:5" x14ac:dyDescent="0.25">
      <c r="A21003" s="1" t="s">
        <v>3812</v>
      </c>
      <c r="B21003" s="1" t="s">
        <v>60227</v>
      </c>
      <c r="C21003" s="1" t="s">
        <v>41831</v>
      </c>
      <c r="D21003" s="2">
        <v>173831</v>
      </c>
      <c r="E21003" s="1" t="s">
        <v>0</v>
      </c>
    </row>
    <row r="21004" spans="1:5" x14ac:dyDescent="0.25">
      <c r="A21004" s="1" t="s">
        <v>41832</v>
      </c>
      <c r="B21004" s="1" t="s">
        <v>57093</v>
      </c>
      <c r="C21004" s="1" t="s">
        <v>41833</v>
      </c>
      <c r="D21004" s="2">
        <v>173832</v>
      </c>
      <c r="E21004" s="1" t="s">
        <v>0</v>
      </c>
    </row>
    <row r="21005" spans="1:5" ht="409.5" x14ac:dyDescent="0.25">
      <c r="A21005" s="4" t="s">
        <v>64329</v>
      </c>
      <c r="B21005" s="1" t="s">
        <v>57094</v>
      </c>
      <c r="C21005" s="1" t="s">
        <v>41834</v>
      </c>
      <c r="D21005" s="2">
        <v>173833</v>
      </c>
      <c r="E21005" s="1" t="s">
        <v>0</v>
      </c>
    </row>
    <row r="21006" spans="1:5" x14ac:dyDescent="0.25">
      <c r="A21006" s="1" t="s">
        <v>41835</v>
      </c>
      <c r="B21006" s="1" t="s">
        <v>11069</v>
      </c>
      <c r="C21006" s="1" t="s">
        <v>41836</v>
      </c>
      <c r="D21006" s="2">
        <v>173834</v>
      </c>
      <c r="E21006" s="1" t="s">
        <v>0</v>
      </c>
    </row>
    <row r="21007" spans="1:5" x14ac:dyDescent="0.25">
      <c r="A21007" s="2">
        <v>4201</v>
      </c>
      <c r="B21007" s="2">
        <v>4201</v>
      </c>
      <c r="C21007" s="1" t="s">
        <v>0</v>
      </c>
      <c r="D21007" s="2">
        <v>173835</v>
      </c>
      <c r="E21007" s="1" t="s">
        <v>0</v>
      </c>
    </row>
    <row r="21008" spans="1:5" x14ac:dyDescent="0.25">
      <c r="A21008" s="1" t="s">
        <v>3813</v>
      </c>
      <c r="B21008" s="1" t="s">
        <v>11070</v>
      </c>
      <c r="C21008" s="1" t="s">
        <v>41837</v>
      </c>
      <c r="D21008" s="2">
        <v>173836</v>
      </c>
      <c r="E21008" s="1" t="s">
        <v>0</v>
      </c>
    </row>
    <row r="21009" spans="1:5" x14ac:dyDescent="0.25">
      <c r="A21009" s="1" t="s">
        <v>41838</v>
      </c>
      <c r="B21009" s="1" t="s">
        <v>11071</v>
      </c>
      <c r="C21009" s="1" t="s">
        <v>41839</v>
      </c>
      <c r="D21009" s="2">
        <v>173837</v>
      </c>
      <c r="E21009" s="1" t="s">
        <v>0</v>
      </c>
    </row>
    <row r="21010" spans="1:5" ht="409.5" x14ac:dyDescent="0.25">
      <c r="A21010" s="4" t="s">
        <v>41840</v>
      </c>
      <c r="B21010" s="1" t="s">
        <v>55633</v>
      </c>
      <c r="C21010" s="1" t="s">
        <v>41841</v>
      </c>
      <c r="D21010" s="2">
        <v>173838</v>
      </c>
      <c r="E21010" s="1" t="s">
        <v>0</v>
      </c>
    </row>
    <row r="21011" spans="1:5" x14ac:dyDescent="0.25">
      <c r="A21011" s="1" t="s">
        <v>41842</v>
      </c>
      <c r="B21011" s="1" t="s">
        <v>55634</v>
      </c>
      <c r="C21011" s="1" t="s">
        <v>41843</v>
      </c>
      <c r="D21011" s="2">
        <v>173839</v>
      </c>
      <c r="E21011" s="1" t="s">
        <v>0</v>
      </c>
    </row>
    <row r="21012" spans="1:5" x14ac:dyDescent="0.25">
      <c r="A21012" s="2">
        <v>4202</v>
      </c>
      <c r="B21012" s="2">
        <v>4202</v>
      </c>
      <c r="C21012" s="1" t="s">
        <v>0</v>
      </c>
      <c r="D21012" s="2">
        <v>173840</v>
      </c>
      <c r="E21012" s="1" t="s">
        <v>0</v>
      </c>
    </row>
    <row r="21013" spans="1:5" x14ac:dyDescent="0.25">
      <c r="A21013" s="1" t="s">
        <v>3814</v>
      </c>
      <c r="B21013" s="1" t="s">
        <v>11072</v>
      </c>
      <c r="C21013" s="1" t="s">
        <v>41844</v>
      </c>
      <c r="D21013" s="2">
        <v>173841</v>
      </c>
      <c r="E21013" s="1" t="s">
        <v>0</v>
      </c>
    </row>
    <row r="21014" spans="1:5" x14ac:dyDescent="0.25">
      <c r="A21014" s="1" t="s">
        <v>41845</v>
      </c>
      <c r="B21014" s="1" t="s">
        <v>61329</v>
      </c>
      <c r="C21014" s="1" t="s">
        <v>41846</v>
      </c>
      <c r="D21014" s="2">
        <v>173842</v>
      </c>
      <c r="E21014" s="1" t="s">
        <v>0</v>
      </c>
    </row>
    <row r="21015" spans="1:5" ht="409.5" x14ac:dyDescent="0.25">
      <c r="A21015" s="4" t="s">
        <v>41847</v>
      </c>
      <c r="B21015" s="1" t="s">
        <v>61330</v>
      </c>
      <c r="C21015" s="1" t="s">
        <v>41848</v>
      </c>
      <c r="D21015" s="2">
        <v>173843</v>
      </c>
      <c r="E21015" s="1" t="s">
        <v>0</v>
      </c>
    </row>
    <row r="21016" spans="1:5" x14ac:dyDescent="0.25">
      <c r="A21016" s="1" t="s">
        <v>41849</v>
      </c>
      <c r="B21016" s="1" t="s">
        <v>55635</v>
      </c>
      <c r="C21016" s="1" t="s">
        <v>41850</v>
      </c>
      <c r="D21016" s="2">
        <v>173844</v>
      </c>
      <c r="E21016" s="1" t="s">
        <v>0</v>
      </c>
    </row>
    <row r="21017" spans="1:5" x14ac:dyDescent="0.25">
      <c r="A21017" s="2">
        <v>4203</v>
      </c>
      <c r="B21017" s="2">
        <v>4203</v>
      </c>
      <c r="C21017" s="1" t="s">
        <v>0</v>
      </c>
      <c r="D21017" s="2">
        <v>173845</v>
      </c>
      <c r="E21017" s="1" t="s">
        <v>0</v>
      </c>
    </row>
    <row r="21018" spans="1:5" x14ac:dyDescent="0.25">
      <c r="A21018" s="1" t="s">
        <v>41851</v>
      </c>
      <c r="B21018" s="1" t="s">
        <v>11073</v>
      </c>
      <c r="C21018" s="1" t="s">
        <v>41852</v>
      </c>
      <c r="D21018" s="2">
        <v>173846</v>
      </c>
      <c r="E21018" s="1" t="s">
        <v>0</v>
      </c>
    </row>
    <row r="21019" spans="1:5" x14ac:dyDescent="0.25">
      <c r="A21019" s="1" t="s">
        <v>41853</v>
      </c>
      <c r="B21019" s="1" t="s">
        <v>55636</v>
      </c>
      <c r="C21019" s="1" t="s">
        <v>41854</v>
      </c>
      <c r="D21019" s="2">
        <v>173847</v>
      </c>
      <c r="E21019" s="1" t="s">
        <v>0</v>
      </c>
    </row>
    <row r="21020" spans="1:5" ht="409.5" x14ac:dyDescent="0.25">
      <c r="A21020" s="4" t="s">
        <v>41855</v>
      </c>
      <c r="B21020" s="1" t="s">
        <v>55637</v>
      </c>
      <c r="C21020" s="1" t="s">
        <v>41856</v>
      </c>
      <c r="D21020" s="2">
        <v>173848</v>
      </c>
      <c r="E21020" s="1" t="s">
        <v>0</v>
      </c>
    </row>
    <row r="21021" spans="1:5" x14ac:dyDescent="0.25">
      <c r="A21021" s="1" t="s">
        <v>41857</v>
      </c>
      <c r="B21021" s="1" t="s">
        <v>55638</v>
      </c>
      <c r="C21021" s="1" t="s">
        <v>41858</v>
      </c>
      <c r="D21021" s="2">
        <v>173849</v>
      </c>
      <c r="E21021" s="1" t="s">
        <v>0</v>
      </c>
    </row>
    <row r="21022" spans="1:5" x14ac:dyDescent="0.25">
      <c r="A21022" s="2">
        <v>4204</v>
      </c>
      <c r="B21022" s="2">
        <v>4204</v>
      </c>
      <c r="C21022" s="1" t="s">
        <v>0</v>
      </c>
      <c r="D21022" s="2">
        <v>173850</v>
      </c>
      <c r="E21022" s="1" t="s">
        <v>0</v>
      </c>
    </row>
    <row r="21023" spans="1:5" x14ac:dyDescent="0.25">
      <c r="A21023" s="1" t="s">
        <v>3815</v>
      </c>
      <c r="B21023" s="1" t="s">
        <v>11074</v>
      </c>
      <c r="C21023" s="1" t="s">
        <v>41859</v>
      </c>
      <c r="D21023" s="2">
        <v>173851</v>
      </c>
      <c r="E21023" s="1" t="s">
        <v>0</v>
      </c>
    </row>
    <row r="21024" spans="1:5" x14ac:dyDescent="0.25">
      <c r="A21024" s="1" t="s">
        <v>41860</v>
      </c>
      <c r="B21024" s="1" t="s">
        <v>11075</v>
      </c>
      <c r="C21024" s="1" t="s">
        <v>41861</v>
      </c>
      <c r="D21024" s="2">
        <v>173852</v>
      </c>
      <c r="E21024" s="1" t="s">
        <v>0</v>
      </c>
    </row>
    <row r="21025" spans="1:5" ht="409.5" x14ac:dyDescent="0.25">
      <c r="A21025" s="4" t="s">
        <v>41862</v>
      </c>
      <c r="B21025" s="1" t="s">
        <v>55639</v>
      </c>
      <c r="C21025" s="1" t="s">
        <v>41863</v>
      </c>
      <c r="D21025" s="2">
        <v>173853</v>
      </c>
      <c r="E21025" s="1" t="s">
        <v>0</v>
      </c>
    </row>
    <row r="21026" spans="1:5" x14ac:dyDescent="0.25">
      <c r="A21026" s="1" t="s">
        <v>41864</v>
      </c>
      <c r="B21026" s="1" t="s">
        <v>11076</v>
      </c>
      <c r="C21026" s="1" t="s">
        <v>41865</v>
      </c>
      <c r="D21026" s="2">
        <v>173854</v>
      </c>
      <c r="E21026" s="1" t="s">
        <v>0</v>
      </c>
    </row>
    <row r="21027" spans="1:5" x14ac:dyDescent="0.25">
      <c r="A21027" s="2">
        <v>4205</v>
      </c>
      <c r="B21027" s="2">
        <v>4205</v>
      </c>
      <c r="C21027" s="1" t="s">
        <v>0</v>
      </c>
      <c r="D21027" s="2">
        <v>173855</v>
      </c>
      <c r="E21027" s="1" t="s">
        <v>0</v>
      </c>
    </row>
    <row r="21028" spans="1:5" x14ac:dyDescent="0.25">
      <c r="A21028" s="1" t="s">
        <v>3816</v>
      </c>
      <c r="B21028" s="1" t="s">
        <v>11077</v>
      </c>
      <c r="C21028" s="1" t="s">
        <v>41866</v>
      </c>
      <c r="D21028" s="2">
        <v>173856</v>
      </c>
      <c r="E21028" s="1" t="s">
        <v>0</v>
      </c>
    </row>
    <row r="21029" spans="1:5" x14ac:dyDescent="0.25">
      <c r="A21029" s="1" t="s">
        <v>41867</v>
      </c>
      <c r="B21029" s="1" t="s">
        <v>55640</v>
      </c>
      <c r="C21029" s="1" t="s">
        <v>41868</v>
      </c>
      <c r="D21029" s="2">
        <v>173857</v>
      </c>
      <c r="E21029" s="1" t="s">
        <v>0</v>
      </c>
    </row>
    <row r="21030" spans="1:5" ht="409.5" x14ac:dyDescent="0.25">
      <c r="A21030" s="4" t="s">
        <v>41869</v>
      </c>
      <c r="B21030" s="1" t="s">
        <v>58106</v>
      </c>
      <c r="C21030" s="1" t="s">
        <v>41870</v>
      </c>
      <c r="D21030" s="2">
        <v>173858</v>
      </c>
      <c r="E21030" s="1" t="s">
        <v>0</v>
      </c>
    </row>
    <row r="21031" spans="1:5" x14ac:dyDescent="0.25">
      <c r="A21031" s="1" t="s">
        <v>41871</v>
      </c>
      <c r="B21031" s="1" t="s">
        <v>55641</v>
      </c>
      <c r="C21031" s="1" t="s">
        <v>41872</v>
      </c>
      <c r="D21031" s="2">
        <v>173859</v>
      </c>
      <c r="E21031" s="1" t="s">
        <v>0</v>
      </c>
    </row>
    <row r="21032" spans="1:5" x14ac:dyDescent="0.25">
      <c r="A21032" s="2">
        <v>4206</v>
      </c>
      <c r="B21032" s="2">
        <v>4206</v>
      </c>
      <c r="C21032" s="1" t="s">
        <v>0</v>
      </c>
      <c r="D21032" s="2">
        <v>173860</v>
      </c>
      <c r="E21032" s="1" t="s">
        <v>0</v>
      </c>
    </row>
    <row r="21033" spans="1:5" x14ac:dyDescent="0.25">
      <c r="A21033" s="1" t="s">
        <v>3817</v>
      </c>
      <c r="B21033" s="1" t="s">
        <v>11078</v>
      </c>
      <c r="C21033" s="1" t="s">
        <v>41873</v>
      </c>
      <c r="D21033" s="2">
        <v>173861</v>
      </c>
      <c r="E21033" s="1" t="s">
        <v>0</v>
      </c>
    </row>
    <row r="21034" spans="1:5" x14ac:dyDescent="0.25">
      <c r="A21034" s="1" t="s">
        <v>41874</v>
      </c>
      <c r="B21034" s="1" t="s">
        <v>55642</v>
      </c>
      <c r="C21034" s="1" t="s">
        <v>41875</v>
      </c>
      <c r="D21034" s="2">
        <v>173862</v>
      </c>
      <c r="E21034" s="1" t="s">
        <v>0</v>
      </c>
    </row>
    <row r="21035" spans="1:5" ht="409.5" x14ac:dyDescent="0.25">
      <c r="A21035" s="4" t="s">
        <v>41876</v>
      </c>
      <c r="B21035" s="1" t="s">
        <v>55643</v>
      </c>
      <c r="C21035" s="1" t="s">
        <v>41877</v>
      </c>
      <c r="D21035" s="2">
        <v>173863</v>
      </c>
      <c r="E21035" s="1" t="s">
        <v>0</v>
      </c>
    </row>
    <row r="21036" spans="1:5" x14ac:dyDescent="0.25">
      <c r="A21036" s="1" t="s">
        <v>41878</v>
      </c>
      <c r="B21036" s="1" t="s">
        <v>11079</v>
      </c>
      <c r="C21036" s="1" t="s">
        <v>41879</v>
      </c>
      <c r="D21036" s="2">
        <v>173864</v>
      </c>
      <c r="E21036" s="1" t="s">
        <v>0</v>
      </c>
    </row>
    <row r="21037" spans="1:5" x14ac:dyDescent="0.25">
      <c r="A21037" s="2">
        <v>4207</v>
      </c>
      <c r="B21037" s="2">
        <v>4207</v>
      </c>
      <c r="C21037" s="1" t="s">
        <v>0</v>
      </c>
      <c r="D21037" s="2">
        <v>173865</v>
      </c>
      <c r="E21037" s="1" t="s">
        <v>0</v>
      </c>
    </row>
    <row r="21038" spans="1:5" x14ac:dyDescent="0.25">
      <c r="A21038" s="1" t="s">
        <v>3818</v>
      </c>
      <c r="B21038" s="1" t="s">
        <v>60228</v>
      </c>
      <c r="C21038" s="1" t="s">
        <v>41880</v>
      </c>
      <c r="D21038" s="2">
        <v>173866</v>
      </c>
      <c r="E21038" s="1" t="s">
        <v>0</v>
      </c>
    </row>
    <row r="21039" spans="1:5" x14ac:dyDescent="0.25">
      <c r="A21039" s="1" t="s">
        <v>41881</v>
      </c>
      <c r="B21039" s="1" t="s">
        <v>62880</v>
      </c>
      <c r="C21039" s="1" t="s">
        <v>41882</v>
      </c>
      <c r="D21039" s="2">
        <v>173867</v>
      </c>
      <c r="E21039" s="1" t="s">
        <v>0</v>
      </c>
    </row>
    <row r="21040" spans="1:5" ht="409.5" x14ac:dyDescent="0.25">
      <c r="A21040" s="4" t="s">
        <v>41883</v>
      </c>
      <c r="B21040" s="1" t="s">
        <v>62881</v>
      </c>
      <c r="C21040" s="1" t="s">
        <v>41884</v>
      </c>
      <c r="D21040" s="2">
        <v>173868</v>
      </c>
      <c r="E21040" s="1" t="s">
        <v>0</v>
      </c>
    </row>
    <row r="21041" spans="1:5" x14ac:dyDescent="0.25">
      <c r="A21041" s="1" t="s">
        <v>41885</v>
      </c>
      <c r="B21041" s="1" t="s">
        <v>61331</v>
      </c>
      <c r="C21041" s="1" t="s">
        <v>41886</v>
      </c>
      <c r="D21041" s="2">
        <v>173869</v>
      </c>
      <c r="E21041" s="1" t="s">
        <v>0</v>
      </c>
    </row>
    <row r="21042" spans="1:5" x14ac:dyDescent="0.25">
      <c r="A21042" s="2">
        <v>4208</v>
      </c>
      <c r="B21042" s="2">
        <v>4208</v>
      </c>
      <c r="C21042" s="1" t="s">
        <v>0</v>
      </c>
      <c r="D21042" s="2">
        <v>173870</v>
      </c>
      <c r="E21042" s="1" t="s">
        <v>0</v>
      </c>
    </row>
    <row r="21043" spans="1:5" x14ac:dyDescent="0.25">
      <c r="A21043" s="1" t="s">
        <v>3819</v>
      </c>
      <c r="B21043" s="1" t="s">
        <v>11080</v>
      </c>
      <c r="C21043" s="1" t="s">
        <v>41887</v>
      </c>
      <c r="D21043" s="2">
        <v>173871</v>
      </c>
      <c r="E21043" s="1" t="s">
        <v>0</v>
      </c>
    </row>
    <row r="21044" spans="1:5" x14ac:dyDescent="0.25">
      <c r="A21044" s="1" t="s">
        <v>41888</v>
      </c>
      <c r="B21044" s="1" t="s">
        <v>56855</v>
      </c>
      <c r="C21044" s="1" t="s">
        <v>41889</v>
      </c>
      <c r="D21044" s="2">
        <v>173872</v>
      </c>
      <c r="E21044" s="1" t="s">
        <v>0</v>
      </c>
    </row>
    <row r="21045" spans="1:5" ht="409.5" x14ac:dyDescent="0.25">
      <c r="A21045" s="4" t="s">
        <v>41890</v>
      </c>
      <c r="B21045" s="1" t="s">
        <v>56856</v>
      </c>
      <c r="C21045" s="1" t="s">
        <v>41891</v>
      </c>
      <c r="D21045" s="2">
        <v>173873</v>
      </c>
      <c r="E21045" s="1" t="s">
        <v>0</v>
      </c>
    </row>
    <row r="21046" spans="1:5" x14ac:dyDescent="0.25">
      <c r="A21046" s="1" t="s">
        <v>41892</v>
      </c>
      <c r="B21046" s="1" t="s">
        <v>56857</v>
      </c>
      <c r="C21046" s="1" t="s">
        <v>41893</v>
      </c>
      <c r="D21046" s="2">
        <v>173874</v>
      </c>
      <c r="E21046" s="1" t="s">
        <v>0</v>
      </c>
    </row>
    <row r="21047" spans="1:5" x14ac:dyDescent="0.25">
      <c r="A21047" s="2">
        <v>4209</v>
      </c>
      <c r="B21047" s="2">
        <v>4209</v>
      </c>
      <c r="C21047" s="1" t="s">
        <v>0</v>
      </c>
      <c r="D21047" s="2">
        <v>173875</v>
      </c>
      <c r="E21047" s="1" t="s">
        <v>0</v>
      </c>
    </row>
    <row r="21048" spans="1:5" x14ac:dyDescent="0.25">
      <c r="A21048" s="1" t="s">
        <v>3820</v>
      </c>
      <c r="B21048" s="1" t="s">
        <v>11081</v>
      </c>
      <c r="C21048" s="1" t="s">
        <v>41894</v>
      </c>
      <c r="D21048" s="2">
        <v>173876</v>
      </c>
      <c r="E21048" s="1" t="s">
        <v>0</v>
      </c>
    </row>
    <row r="21049" spans="1:5" x14ac:dyDescent="0.25">
      <c r="A21049" s="1" t="s">
        <v>41895</v>
      </c>
      <c r="B21049" s="1" t="s">
        <v>55644</v>
      </c>
      <c r="C21049" s="1" t="s">
        <v>41896</v>
      </c>
      <c r="D21049" s="2">
        <v>173877</v>
      </c>
      <c r="E21049" s="1" t="s">
        <v>0</v>
      </c>
    </row>
    <row r="21050" spans="1:5" ht="409.5" x14ac:dyDescent="0.25">
      <c r="A21050" s="4" t="s">
        <v>41897</v>
      </c>
      <c r="B21050" s="1" t="s">
        <v>55645</v>
      </c>
      <c r="C21050" s="1" t="s">
        <v>41898</v>
      </c>
      <c r="D21050" s="2">
        <v>173878</v>
      </c>
      <c r="E21050" s="1" t="s">
        <v>0</v>
      </c>
    </row>
    <row r="21051" spans="1:5" x14ac:dyDescent="0.25">
      <c r="A21051" s="1" t="s">
        <v>41899</v>
      </c>
      <c r="B21051" s="1" t="s">
        <v>50991</v>
      </c>
      <c r="C21051" s="1" t="s">
        <v>41900</v>
      </c>
      <c r="D21051" s="2">
        <v>173879</v>
      </c>
      <c r="E21051" s="1" t="s">
        <v>0</v>
      </c>
    </row>
    <row r="21052" spans="1:5" x14ac:dyDescent="0.25">
      <c r="A21052" s="2">
        <v>4210</v>
      </c>
      <c r="B21052" s="2">
        <v>4210</v>
      </c>
      <c r="C21052" s="1" t="s">
        <v>0</v>
      </c>
      <c r="D21052" s="2">
        <v>173880</v>
      </c>
      <c r="E21052" s="1" t="s">
        <v>0</v>
      </c>
    </row>
    <row r="21053" spans="1:5" x14ac:dyDescent="0.25">
      <c r="A21053" s="1" t="s">
        <v>3821</v>
      </c>
      <c r="B21053" s="1" t="s">
        <v>58840</v>
      </c>
      <c r="C21053" s="1" t="s">
        <v>41901</v>
      </c>
      <c r="D21053" s="2">
        <v>173881</v>
      </c>
      <c r="E21053" s="1" t="s">
        <v>0</v>
      </c>
    </row>
    <row r="21054" spans="1:5" x14ac:dyDescent="0.25">
      <c r="A21054" s="1" t="s">
        <v>41902</v>
      </c>
      <c r="B21054" s="1" t="s">
        <v>58841</v>
      </c>
      <c r="C21054" s="1" t="s">
        <v>41903</v>
      </c>
      <c r="D21054" s="2">
        <v>173882</v>
      </c>
      <c r="E21054" s="1" t="s">
        <v>0</v>
      </c>
    </row>
    <row r="21055" spans="1:5" ht="409.5" x14ac:dyDescent="0.25">
      <c r="A21055" s="4" t="s">
        <v>41904</v>
      </c>
      <c r="B21055" s="1" t="s">
        <v>58842</v>
      </c>
      <c r="C21055" s="1" t="s">
        <v>41905</v>
      </c>
      <c r="D21055" s="2">
        <v>173883</v>
      </c>
      <c r="E21055" s="1" t="s">
        <v>0</v>
      </c>
    </row>
    <row r="21056" spans="1:5" x14ac:dyDescent="0.25">
      <c r="A21056" s="1" t="s">
        <v>41906</v>
      </c>
      <c r="B21056" s="1" t="s">
        <v>55646</v>
      </c>
      <c r="C21056" s="1" t="s">
        <v>41907</v>
      </c>
      <c r="D21056" s="2">
        <v>173884</v>
      </c>
      <c r="E21056" s="1" t="s">
        <v>0</v>
      </c>
    </row>
    <row r="21057" spans="1:5" x14ac:dyDescent="0.25">
      <c r="A21057" s="2">
        <v>4211</v>
      </c>
      <c r="B21057" s="2">
        <v>4211</v>
      </c>
      <c r="C21057" s="1" t="s">
        <v>0</v>
      </c>
      <c r="D21057" s="2">
        <v>173885</v>
      </c>
      <c r="E21057" s="1" t="s">
        <v>0</v>
      </c>
    </row>
    <row r="21058" spans="1:5" x14ac:dyDescent="0.25">
      <c r="A21058" s="1" t="s">
        <v>3822</v>
      </c>
      <c r="B21058" s="1" t="s">
        <v>11082</v>
      </c>
      <c r="C21058" s="1" t="s">
        <v>41908</v>
      </c>
      <c r="D21058" s="2">
        <v>173886</v>
      </c>
      <c r="E21058" s="1" t="s">
        <v>0</v>
      </c>
    </row>
    <row r="21059" spans="1:5" x14ac:dyDescent="0.25">
      <c r="A21059" s="1" t="s">
        <v>41909</v>
      </c>
      <c r="B21059" s="1" t="s">
        <v>55647</v>
      </c>
      <c r="C21059" s="1" t="s">
        <v>41910</v>
      </c>
      <c r="D21059" s="2">
        <v>173887</v>
      </c>
      <c r="E21059" s="1" t="s">
        <v>0</v>
      </c>
    </row>
    <row r="21060" spans="1:5" ht="409.5" x14ac:dyDescent="0.25">
      <c r="A21060" s="4" t="s">
        <v>41911</v>
      </c>
      <c r="B21060" s="1" t="s">
        <v>57979</v>
      </c>
      <c r="C21060" s="1" t="s">
        <v>41912</v>
      </c>
      <c r="D21060" s="2">
        <v>173888</v>
      </c>
      <c r="E21060" s="1" t="s">
        <v>0</v>
      </c>
    </row>
    <row r="21061" spans="1:5" x14ac:dyDescent="0.25">
      <c r="A21061" s="1" t="s">
        <v>14855</v>
      </c>
      <c r="B21061" s="1" t="s">
        <v>60879</v>
      </c>
      <c r="C21061" s="1" t="s">
        <v>14856</v>
      </c>
      <c r="D21061" s="2">
        <v>173889</v>
      </c>
      <c r="E21061" s="1" t="s">
        <v>0</v>
      </c>
    </row>
    <row r="21062" spans="1:5" x14ac:dyDescent="0.25">
      <c r="A21062" s="2">
        <v>4212</v>
      </c>
      <c r="B21062" s="2">
        <v>4212</v>
      </c>
      <c r="C21062" s="1" t="s">
        <v>0</v>
      </c>
      <c r="D21062" s="2">
        <v>173890</v>
      </c>
      <c r="E21062" s="1" t="s">
        <v>0</v>
      </c>
    </row>
    <row r="21063" spans="1:5" x14ac:dyDescent="0.25">
      <c r="A21063" s="1" t="s">
        <v>3823</v>
      </c>
      <c r="B21063" s="1" t="s">
        <v>11083</v>
      </c>
      <c r="C21063" s="1" t="s">
        <v>41913</v>
      </c>
      <c r="D21063" s="2">
        <v>173891</v>
      </c>
      <c r="E21063" s="1" t="s">
        <v>0</v>
      </c>
    </row>
    <row r="21064" spans="1:5" x14ac:dyDescent="0.25">
      <c r="A21064" s="1" t="s">
        <v>41914</v>
      </c>
      <c r="B21064" s="1" t="s">
        <v>62882</v>
      </c>
      <c r="C21064" s="1" t="s">
        <v>41915</v>
      </c>
      <c r="D21064" s="2">
        <v>173892</v>
      </c>
      <c r="E21064" s="1" t="s">
        <v>0</v>
      </c>
    </row>
    <row r="21065" spans="1:5" ht="409.5" x14ac:dyDescent="0.25">
      <c r="A21065" s="4" t="s">
        <v>41916</v>
      </c>
      <c r="B21065" s="1" t="s">
        <v>62883</v>
      </c>
      <c r="C21065" s="1" t="s">
        <v>41917</v>
      </c>
      <c r="D21065" s="2">
        <v>173893</v>
      </c>
      <c r="E21065" s="1" t="s">
        <v>0</v>
      </c>
    </row>
    <row r="21066" spans="1:5" x14ac:dyDescent="0.25">
      <c r="A21066" s="1" t="s">
        <v>41918</v>
      </c>
      <c r="B21066" s="1" t="s">
        <v>55648</v>
      </c>
      <c r="C21066" s="1" t="s">
        <v>41919</v>
      </c>
      <c r="D21066" s="2">
        <v>173894</v>
      </c>
      <c r="E21066" s="1" t="s">
        <v>0</v>
      </c>
    </row>
    <row r="21067" spans="1:5" x14ac:dyDescent="0.25">
      <c r="A21067" s="2">
        <v>4213</v>
      </c>
      <c r="B21067" s="2">
        <v>4213</v>
      </c>
      <c r="C21067" s="1" t="s">
        <v>0</v>
      </c>
      <c r="D21067" s="2">
        <v>173895</v>
      </c>
      <c r="E21067" s="1" t="s">
        <v>0</v>
      </c>
    </row>
    <row r="21068" spans="1:5" x14ac:dyDescent="0.25">
      <c r="A21068" s="1" t="s">
        <v>3824</v>
      </c>
      <c r="B21068" s="1" t="s">
        <v>11084</v>
      </c>
      <c r="C21068" s="1" t="s">
        <v>41920</v>
      </c>
      <c r="D21068" s="2">
        <v>173896</v>
      </c>
      <c r="E21068" s="1" t="s">
        <v>0</v>
      </c>
    </row>
    <row r="21069" spans="1:5" x14ac:dyDescent="0.25">
      <c r="A21069" s="1" t="s">
        <v>41921</v>
      </c>
      <c r="B21069" s="1" t="s">
        <v>55649</v>
      </c>
      <c r="C21069" s="1" t="s">
        <v>41922</v>
      </c>
      <c r="D21069" s="2">
        <v>173897</v>
      </c>
      <c r="E21069" s="1" t="s">
        <v>0</v>
      </c>
    </row>
    <row r="21070" spans="1:5" ht="409.5" x14ac:dyDescent="0.25">
      <c r="A21070" s="4" t="s">
        <v>41923</v>
      </c>
      <c r="B21070" s="1" t="s">
        <v>55650</v>
      </c>
      <c r="C21070" s="1" t="s">
        <v>41924</v>
      </c>
      <c r="D21070" s="2">
        <v>173898</v>
      </c>
      <c r="E21070" s="1" t="s">
        <v>0</v>
      </c>
    </row>
    <row r="21071" spans="1:5" x14ac:dyDescent="0.25">
      <c r="A21071" s="1" t="s">
        <v>41925</v>
      </c>
      <c r="B21071" s="1" t="s">
        <v>11085</v>
      </c>
      <c r="C21071" s="1" t="s">
        <v>41926</v>
      </c>
      <c r="D21071" s="2">
        <v>173899</v>
      </c>
      <c r="E21071" s="1" t="s">
        <v>0</v>
      </c>
    </row>
    <row r="21072" spans="1:5" x14ac:dyDescent="0.25">
      <c r="A21072" s="2">
        <v>4214</v>
      </c>
      <c r="B21072" s="2">
        <v>4214</v>
      </c>
      <c r="C21072" s="1" t="s">
        <v>0</v>
      </c>
      <c r="D21072" s="2">
        <v>173900</v>
      </c>
      <c r="E21072" s="1" t="s">
        <v>0</v>
      </c>
    </row>
    <row r="21073" spans="1:5" x14ac:dyDescent="0.25">
      <c r="A21073" s="1" t="s">
        <v>3825</v>
      </c>
      <c r="B21073" s="1" t="s">
        <v>11086</v>
      </c>
      <c r="C21073" s="1" t="s">
        <v>41927</v>
      </c>
      <c r="D21073" s="2">
        <v>173901</v>
      </c>
      <c r="E21073" s="1" t="s">
        <v>0</v>
      </c>
    </row>
    <row r="21074" spans="1:5" x14ac:dyDescent="0.25">
      <c r="A21074" s="1" t="s">
        <v>41928</v>
      </c>
      <c r="B21074" s="1" t="s">
        <v>55651</v>
      </c>
      <c r="C21074" s="1" t="s">
        <v>41929</v>
      </c>
      <c r="D21074" s="2">
        <v>173902</v>
      </c>
      <c r="E21074" s="1" t="s">
        <v>0</v>
      </c>
    </row>
    <row r="21075" spans="1:5" ht="409.5" x14ac:dyDescent="0.25">
      <c r="A21075" s="4" t="s">
        <v>41930</v>
      </c>
      <c r="B21075" s="1" t="s">
        <v>62884</v>
      </c>
      <c r="C21075" s="1" t="s">
        <v>41931</v>
      </c>
      <c r="D21075" s="2">
        <v>173903</v>
      </c>
      <c r="E21075" s="1" t="s">
        <v>0</v>
      </c>
    </row>
    <row r="21076" spans="1:5" x14ac:dyDescent="0.25">
      <c r="A21076" s="1" t="s">
        <v>41932</v>
      </c>
      <c r="B21076" s="1" t="s">
        <v>55652</v>
      </c>
      <c r="C21076" s="1" t="s">
        <v>41933</v>
      </c>
      <c r="D21076" s="2">
        <v>173904</v>
      </c>
      <c r="E21076" s="1" t="s">
        <v>0</v>
      </c>
    </row>
    <row r="21077" spans="1:5" x14ac:dyDescent="0.25">
      <c r="A21077" s="2">
        <v>4215</v>
      </c>
      <c r="B21077" s="2">
        <v>4215</v>
      </c>
      <c r="C21077" s="1" t="s">
        <v>0</v>
      </c>
      <c r="D21077" s="2">
        <v>173905</v>
      </c>
      <c r="E21077" s="1" t="s">
        <v>0</v>
      </c>
    </row>
    <row r="21078" spans="1:5" x14ac:dyDescent="0.25">
      <c r="A21078" s="1" t="s">
        <v>3826</v>
      </c>
      <c r="B21078" s="1" t="s">
        <v>11087</v>
      </c>
      <c r="C21078" s="1" t="s">
        <v>41934</v>
      </c>
      <c r="D21078" s="2">
        <v>173906</v>
      </c>
      <c r="E21078" s="1" t="s">
        <v>0</v>
      </c>
    </row>
    <row r="21079" spans="1:5" x14ac:dyDescent="0.25">
      <c r="A21079" s="1" t="s">
        <v>41935</v>
      </c>
      <c r="B21079" s="1" t="s">
        <v>55653</v>
      </c>
      <c r="C21079" s="1" t="s">
        <v>41936</v>
      </c>
      <c r="D21079" s="2">
        <v>173907</v>
      </c>
      <c r="E21079" s="1" t="s">
        <v>0</v>
      </c>
    </row>
    <row r="21080" spans="1:5" ht="409.5" x14ac:dyDescent="0.25">
      <c r="A21080" s="4" t="s">
        <v>41937</v>
      </c>
      <c r="B21080" s="1" t="s">
        <v>55654</v>
      </c>
      <c r="C21080" s="1" t="s">
        <v>41938</v>
      </c>
      <c r="D21080" s="2">
        <v>173908</v>
      </c>
      <c r="E21080" s="1" t="s">
        <v>0</v>
      </c>
    </row>
    <row r="21081" spans="1:5" x14ac:dyDescent="0.25">
      <c r="A21081" s="1" t="s">
        <v>41939</v>
      </c>
      <c r="B21081" s="1" t="s">
        <v>57321</v>
      </c>
      <c r="C21081" s="1" t="s">
        <v>41940</v>
      </c>
      <c r="D21081" s="2">
        <v>173909</v>
      </c>
      <c r="E21081" s="1" t="s">
        <v>0</v>
      </c>
    </row>
    <row r="21082" spans="1:5" x14ac:dyDescent="0.25">
      <c r="A21082" s="2">
        <v>4216</v>
      </c>
      <c r="B21082" s="2">
        <v>4216</v>
      </c>
      <c r="C21082" s="1" t="s">
        <v>0</v>
      </c>
      <c r="D21082" s="2">
        <v>173910</v>
      </c>
      <c r="E21082" s="1" t="s">
        <v>0</v>
      </c>
    </row>
    <row r="21083" spans="1:5" x14ac:dyDescent="0.25">
      <c r="A21083" s="1" t="s">
        <v>3827</v>
      </c>
      <c r="B21083" s="1" t="s">
        <v>11088</v>
      </c>
      <c r="C21083" s="1" t="s">
        <v>41941</v>
      </c>
      <c r="D21083" s="2">
        <v>173911</v>
      </c>
      <c r="E21083" s="1" t="s">
        <v>0</v>
      </c>
    </row>
    <row r="21084" spans="1:5" x14ac:dyDescent="0.25">
      <c r="A21084" s="1" t="s">
        <v>41942</v>
      </c>
      <c r="B21084" s="1" t="s">
        <v>11089</v>
      </c>
      <c r="C21084" s="1" t="s">
        <v>41943</v>
      </c>
      <c r="D21084" s="2">
        <v>173912</v>
      </c>
      <c r="E21084" s="1" t="s">
        <v>0</v>
      </c>
    </row>
    <row r="21085" spans="1:5" ht="409.5" x14ac:dyDescent="0.25">
      <c r="A21085" s="4" t="s">
        <v>41944</v>
      </c>
      <c r="B21085" s="1" t="s">
        <v>63495</v>
      </c>
      <c r="C21085" s="1" t="s">
        <v>41945</v>
      </c>
      <c r="D21085" s="2">
        <v>173913</v>
      </c>
      <c r="E21085" s="1" t="s">
        <v>0</v>
      </c>
    </row>
    <row r="21086" spans="1:5" x14ac:dyDescent="0.25">
      <c r="A21086" s="1" t="s">
        <v>41946</v>
      </c>
      <c r="B21086" s="1" t="s">
        <v>11090</v>
      </c>
      <c r="C21086" s="1" t="s">
        <v>41947</v>
      </c>
      <c r="D21086" s="2">
        <v>173914</v>
      </c>
      <c r="E21086" s="1" t="s">
        <v>0</v>
      </c>
    </row>
    <row r="21087" spans="1:5" x14ac:dyDescent="0.25">
      <c r="A21087" s="2">
        <v>4217</v>
      </c>
      <c r="B21087" s="2">
        <v>4217</v>
      </c>
      <c r="C21087" s="1" t="s">
        <v>0</v>
      </c>
      <c r="D21087" s="2">
        <v>173915</v>
      </c>
      <c r="E21087" s="1" t="s">
        <v>0</v>
      </c>
    </row>
    <row r="21088" spans="1:5" x14ac:dyDescent="0.25">
      <c r="A21088" s="1" t="s">
        <v>3828</v>
      </c>
      <c r="B21088" s="1" t="s">
        <v>11091</v>
      </c>
      <c r="C21088" s="1" t="s">
        <v>41948</v>
      </c>
      <c r="D21088" s="2">
        <v>173916</v>
      </c>
      <c r="E21088" s="1" t="s">
        <v>0</v>
      </c>
    </row>
    <row r="21089" spans="1:5" x14ac:dyDescent="0.25">
      <c r="A21089" s="1" t="s">
        <v>41949</v>
      </c>
      <c r="B21089" s="1" t="s">
        <v>11092</v>
      </c>
      <c r="C21089" s="1" t="s">
        <v>41950</v>
      </c>
      <c r="D21089" s="2">
        <v>173917</v>
      </c>
      <c r="E21089" s="1" t="s">
        <v>0</v>
      </c>
    </row>
    <row r="21090" spans="1:5" ht="409.5" x14ac:dyDescent="0.25">
      <c r="A21090" s="4" t="s">
        <v>41951</v>
      </c>
      <c r="B21090" s="1" t="s">
        <v>11093</v>
      </c>
      <c r="C21090" s="1" t="s">
        <v>41952</v>
      </c>
      <c r="D21090" s="2">
        <v>173918</v>
      </c>
      <c r="E21090" s="1" t="s">
        <v>0</v>
      </c>
    </row>
    <row r="21091" spans="1:5" x14ac:dyDescent="0.25">
      <c r="A21091" s="1" t="s">
        <v>41953</v>
      </c>
      <c r="B21091" s="1" t="s">
        <v>55655</v>
      </c>
      <c r="C21091" s="1" t="s">
        <v>41954</v>
      </c>
      <c r="D21091" s="2">
        <v>173919</v>
      </c>
      <c r="E21091" s="1" t="s">
        <v>0</v>
      </c>
    </row>
    <row r="21092" spans="1:5" x14ac:dyDescent="0.25">
      <c r="A21092" s="2">
        <v>4218</v>
      </c>
      <c r="B21092" s="2">
        <v>4218</v>
      </c>
      <c r="C21092" s="1" t="s">
        <v>0</v>
      </c>
      <c r="D21092" s="2">
        <v>173920</v>
      </c>
      <c r="E21092" s="1" t="s">
        <v>0</v>
      </c>
    </row>
    <row r="21093" spans="1:5" x14ac:dyDescent="0.25">
      <c r="A21093" s="1" t="s">
        <v>3829</v>
      </c>
      <c r="B21093" s="1" t="s">
        <v>58945</v>
      </c>
      <c r="C21093" s="1" t="s">
        <v>41955</v>
      </c>
      <c r="D21093" s="2">
        <v>173921</v>
      </c>
      <c r="E21093" s="1" t="s">
        <v>0</v>
      </c>
    </row>
    <row r="21094" spans="1:5" x14ac:dyDescent="0.25">
      <c r="A21094" s="1" t="s">
        <v>41956</v>
      </c>
      <c r="B21094" s="1" t="s">
        <v>58946</v>
      </c>
      <c r="C21094" s="1" t="s">
        <v>41957</v>
      </c>
      <c r="D21094" s="2">
        <v>173922</v>
      </c>
      <c r="E21094" s="1" t="s">
        <v>0</v>
      </c>
    </row>
    <row r="21095" spans="1:5" ht="409.5" x14ac:dyDescent="0.25">
      <c r="A21095" s="4" t="s">
        <v>41958</v>
      </c>
      <c r="B21095" s="1" t="s">
        <v>58947</v>
      </c>
      <c r="C21095" s="1" t="s">
        <v>41959</v>
      </c>
      <c r="D21095" s="2">
        <v>173923</v>
      </c>
      <c r="E21095" s="1" t="s">
        <v>0</v>
      </c>
    </row>
    <row r="21096" spans="1:5" x14ac:dyDescent="0.25">
      <c r="A21096" s="1" t="s">
        <v>41960</v>
      </c>
      <c r="B21096" s="1" t="s">
        <v>55656</v>
      </c>
      <c r="C21096" s="1" t="s">
        <v>41961</v>
      </c>
      <c r="D21096" s="2">
        <v>173924</v>
      </c>
      <c r="E21096" s="1" t="s">
        <v>0</v>
      </c>
    </row>
    <row r="21097" spans="1:5" x14ac:dyDescent="0.25">
      <c r="A21097" s="2">
        <v>4219</v>
      </c>
      <c r="B21097" s="2">
        <v>4219</v>
      </c>
      <c r="C21097" s="1" t="s">
        <v>0</v>
      </c>
      <c r="D21097" s="2">
        <v>173925</v>
      </c>
      <c r="E21097" s="1" t="s">
        <v>0</v>
      </c>
    </row>
    <row r="21098" spans="1:5" x14ac:dyDescent="0.25">
      <c r="A21098" s="1" t="s">
        <v>3830</v>
      </c>
      <c r="B21098" s="1" t="s">
        <v>11094</v>
      </c>
      <c r="C21098" s="1" t="s">
        <v>41962</v>
      </c>
      <c r="D21098" s="2">
        <v>173926</v>
      </c>
      <c r="E21098" s="1" t="s">
        <v>0</v>
      </c>
    </row>
    <row r="21099" spans="1:5" x14ac:dyDescent="0.25">
      <c r="A21099" s="1" t="s">
        <v>41963</v>
      </c>
      <c r="B21099" s="1" t="s">
        <v>58552</v>
      </c>
      <c r="C21099" s="1" t="s">
        <v>41964</v>
      </c>
      <c r="D21099" s="2">
        <v>173927</v>
      </c>
      <c r="E21099" s="1" t="s">
        <v>0</v>
      </c>
    </row>
    <row r="21100" spans="1:5" ht="409.5" x14ac:dyDescent="0.25">
      <c r="A21100" s="4" t="s">
        <v>41965</v>
      </c>
      <c r="B21100" s="1" t="s">
        <v>58553</v>
      </c>
      <c r="C21100" s="1" t="s">
        <v>41966</v>
      </c>
      <c r="D21100" s="2">
        <v>173928</v>
      </c>
      <c r="E21100" s="1" t="s">
        <v>0</v>
      </c>
    </row>
    <row r="21101" spans="1:5" x14ac:dyDescent="0.25">
      <c r="A21101" s="1" t="s">
        <v>18619</v>
      </c>
      <c r="B21101" s="1" t="s">
        <v>60942</v>
      </c>
      <c r="C21101" s="1" t="s">
        <v>18620</v>
      </c>
      <c r="D21101" s="2">
        <v>173929</v>
      </c>
      <c r="E21101" s="1" t="s">
        <v>0</v>
      </c>
    </row>
    <row r="21102" spans="1:5" x14ac:dyDescent="0.25">
      <c r="A21102" s="2">
        <v>4220</v>
      </c>
      <c r="B21102" s="2">
        <v>4220</v>
      </c>
      <c r="C21102" s="1" t="s">
        <v>0</v>
      </c>
      <c r="D21102" s="2">
        <v>173930</v>
      </c>
      <c r="E21102" s="1" t="s">
        <v>0</v>
      </c>
    </row>
    <row r="21103" spans="1:5" x14ac:dyDescent="0.25">
      <c r="A21103" s="1" t="s">
        <v>3831</v>
      </c>
      <c r="B21103" s="1" t="s">
        <v>11095</v>
      </c>
      <c r="C21103" s="1" t="s">
        <v>41967</v>
      </c>
      <c r="D21103" s="2">
        <v>173931</v>
      </c>
      <c r="E21103" s="1" t="s">
        <v>0</v>
      </c>
    </row>
    <row r="21104" spans="1:5" x14ac:dyDescent="0.25">
      <c r="A21104" s="1" t="s">
        <v>41968</v>
      </c>
      <c r="B21104" s="1" t="s">
        <v>11096</v>
      </c>
      <c r="C21104" s="1" t="s">
        <v>41969</v>
      </c>
      <c r="D21104" s="2">
        <v>173932</v>
      </c>
      <c r="E21104" s="1" t="s">
        <v>0</v>
      </c>
    </row>
    <row r="21105" spans="1:5" ht="409.5" x14ac:dyDescent="0.25">
      <c r="A21105" s="4" t="s">
        <v>41970</v>
      </c>
      <c r="B21105" s="1" t="s">
        <v>11097</v>
      </c>
      <c r="C21105" s="1" t="s">
        <v>41971</v>
      </c>
      <c r="D21105" s="2">
        <v>173933</v>
      </c>
      <c r="E21105" s="1" t="s">
        <v>0</v>
      </c>
    </row>
    <row r="21106" spans="1:5" x14ac:dyDescent="0.25">
      <c r="A21106" s="1" t="s">
        <v>41972</v>
      </c>
      <c r="B21106" s="1" t="s">
        <v>11098</v>
      </c>
      <c r="C21106" s="1" t="s">
        <v>41973</v>
      </c>
      <c r="D21106" s="2">
        <v>173934</v>
      </c>
      <c r="E21106" s="1" t="s">
        <v>0</v>
      </c>
    </row>
    <row r="21107" spans="1:5" x14ac:dyDescent="0.25">
      <c r="A21107" s="2">
        <v>4221</v>
      </c>
      <c r="B21107" s="2">
        <v>4221</v>
      </c>
      <c r="C21107" s="1" t="s">
        <v>0</v>
      </c>
      <c r="D21107" s="2">
        <v>173935</v>
      </c>
      <c r="E21107" s="1" t="s">
        <v>0</v>
      </c>
    </row>
    <row r="21108" spans="1:5" x14ac:dyDescent="0.25">
      <c r="A21108" s="1" t="s">
        <v>3832</v>
      </c>
      <c r="B21108" s="1" t="s">
        <v>11099</v>
      </c>
      <c r="C21108" s="1" t="s">
        <v>41974</v>
      </c>
      <c r="D21108" s="2">
        <v>173936</v>
      </c>
      <c r="E21108" s="1" t="s">
        <v>0</v>
      </c>
    </row>
    <row r="21109" spans="1:5" x14ac:dyDescent="0.25">
      <c r="A21109" s="1" t="s">
        <v>41975</v>
      </c>
      <c r="B21109" s="1" t="s">
        <v>61332</v>
      </c>
      <c r="C21109" s="1" t="s">
        <v>41976</v>
      </c>
      <c r="D21109" s="2">
        <v>173937</v>
      </c>
      <c r="E21109" s="1" t="s">
        <v>0</v>
      </c>
    </row>
    <row r="21110" spans="1:5" ht="409.5" x14ac:dyDescent="0.25">
      <c r="A21110" s="4" t="s">
        <v>64330</v>
      </c>
      <c r="B21110" s="1" t="s">
        <v>61333</v>
      </c>
      <c r="C21110" s="1" t="s">
        <v>41977</v>
      </c>
      <c r="D21110" s="2">
        <v>173938</v>
      </c>
      <c r="E21110" s="1" t="s">
        <v>0</v>
      </c>
    </row>
    <row r="21111" spans="1:5" x14ac:dyDescent="0.25">
      <c r="A21111" s="1" t="s">
        <v>41978</v>
      </c>
      <c r="B21111" s="1" t="s">
        <v>55657</v>
      </c>
      <c r="C21111" s="1" t="s">
        <v>41979</v>
      </c>
      <c r="D21111" s="2">
        <v>173939</v>
      </c>
      <c r="E21111" s="1" t="s">
        <v>0</v>
      </c>
    </row>
    <row r="21112" spans="1:5" x14ac:dyDescent="0.25">
      <c r="A21112" s="2">
        <v>4222</v>
      </c>
      <c r="B21112" s="2">
        <v>4222</v>
      </c>
      <c r="C21112" s="1" t="s">
        <v>0</v>
      </c>
      <c r="D21112" s="2">
        <v>173940</v>
      </c>
      <c r="E21112" s="1" t="s">
        <v>0</v>
      </c>
    </row>
    <row r="21113" spans="1:5" x14ac:dyDescent="0.25">
      <c r="A21113" s="1" t="s">
        <v>3833</v>
      </c>
      <c r="B21113" s="1" t="s">
        <v>11100</v>
      </c>
      <c r="C21113" s="1" t="s">
        <v>41980</v>
      </c>
      <c r="D21113" s="2">
        <v>173941</v>
      </c>
      <c r="E21113" s="1" t="s">
        <v>0</v>
      </c>
    </row>
    <row r="21114" spans="1:5" x14ac:dyDescent="0.25">
      <c r="A21114" s="1" t="s">
        <v>41981</v>
      </c>
      <c r="B21114" s="1" t="s">
        <v>11101</v>
      </c>
      <c r="C21114" s="1" t="s">
        <v>41982</v>
      </c>
      <c r="D21114" s="2">
        <v>173942</v>
      </c>
      <c r="E21114" s="1" t="s">
        <v>0</v>
      </c>
    </row>
    <row r="21115" spans="1:5" ht="409.5" x14ac:dyDescent="0.25">
      <c r="A21115" s="4" t="s">
        <v>41983</v>
      </c>
      <c r="B21115" s="1" t="s">
        <v>62885</v>
      </c>
      <c r="C21115" s="1" t="s">
        <v>41984</v>
      </c>
      <c r="D21115" s="2">
        <v>173943</v>
      </c>
      <c r="E21115" s="1" t="s">
        <v>0</v>
      </c>
    </row>
    <row r="21116" spans="1:5" x14ac:dyDescent="0.25">
      <c r="A21116" s="1" t="s">
        <v>41985</v>
      </c>
      <c r="B21116" s="1" t="s">
        <v>55658</v>
      </c>
      <c r="C21116" s="1" t="s">
        <v>41986</v>
      </c>
      <c r="D21116" s="2">
        <v>173944</v>
      </c>
      <c r="E21116" s="1" t="s">
        <v>0</v>
      </c>
    </row>
    <row r="21117" spans="1:5" x14ac:dyDescent="0.25">
      <c r="A21117" s="2">
        <v>4223</v>
      </c>
      <c r="B21117" s="2">
        <v>4223</v>
      </c>
      <c r="C21117" s="1" t="s">
        <v>0</v>
      </c>
      <c r="D21117" s="2">
        <v>173945</v>
      </c>
      <c r="E21117" s="1" t="s">
        <v>0</v>
      </c>
    </row>
    <row r="21118" spans="1:5" x14ac:dyDescent="0.25">
      <c r="A21118" s="1" t="s">
        <v>3834</v>
      </c>
      <c r="B21118" s="1" t="s">
        <v>11102</v>
      </c>
      <c r="C21118" s="1" t="s">
        <v>41987</v>
      </c>
      <c r="D21118" s="2">
        <v>173946</v>
      </c>
      <c r="E21118" s="1" t="s">
        <v>0</v>
      </c>
    </row>
    <row r="21119" spans="1:5" x14ac:dyDescent="0.25">
      <c r="A21119" s="1" t="s">
        <v>41988</v>
      </c>
      <c r="B21119" s="1" t="s">
        <v>57607</v>
      </c>
      <c r="C21119" s="1" t="s">
        <v>41989</v>
      </c>
      <c r="D21119" s="2">
        <v>173947</v>
      </c>
      <c r="E21119" s="1" t="s">
        <v>0</v>
      </c>
    </row>
    <row r="21120" spans="1:5" ht="409.5" x14ac:dyDescent="0.25">
      <c r="A21120" s="4" t="s">
        <v>41990</v>
      </c>
      <c r="B21120" s="1" t="s">
        <v>57608</v>
      </c>
      <c r="C21120" s="1" t="s">
        <v>41991</v>
      </c>
      <c r="D21120" s="2">
        <v>173948</v>
      </c>
      <c r="E21120" s="1" t="s">
        <v>0</v>
      </c>
    </row>
    <row r="21121" spans="1:5" x14ac:dyDescent="0.25">
      <c r="A21121" s="1" t="s">
        <v>41992</v>
      </c>
      <c r="B21121" s="1" t="s">
        <v>57609</v>
      </c>
      <c r="C21121" s="1" t="s">
        <v>41993</v>
      </c>
      <c r="D21121" s="2">
        <v>173949</v>
      </c>
      <c r="E21121" s="1" t="s">
        <v>0</v>
      </c>
    </row>
    <row r="21122" spans="1:5" x14ac:dyDescent="0.25">
      <c r="A21122" s="2">
        <v>4224</v>
      </c>
      <c r="B21122" s="2">
        <v>4224</v>
      </c>
      <c r="C21122" s="1" t="s">
        <v>0</v>
      </c>
      <c r="D21122" s="2">
        <v>173950</v>
      </c>
      <c r="E21122" s="1" t="s">
        <v>0</v>
      </c>
    </row>
    <row r="21123" spans="1:5" x14ac:dyDescent="0.25">
      <c r="A21123" s="1" t="s">
        <v>11103</v>
      </c>
      <c r="B21123" s="1" t="s">
        <v>11104</v>
      </c>
      <c r="C21123" s="1" t="s">
        <v>41994</v>
      </c>
      <c r="D21123" s="2">
        <v>173951</v>
      </c>
      <c r="E21123" s="1" t="s">
        <v>0</v>
      </c>
    </row>
    <row r="21124" spans="1:5" x14ac:dyDescent="0.25">
      <c r="A21124" s="1" t="s">
        <v>41995</v>
      </c>
      <c r="B21124" s="1" t="s">
        <v>60782</v>
      </c>
      <c r="C21124" s="1" t="s">
        <v>41996</v>
      </c>
      <c r="D21124" s="2">
        <v>173952</v>
      </c>
      <c r="E21124" s="1" t="s">
        <v>0</v>
      </c>
    </row>
    <row r="21125" spans="1:5" ht="409.5" x14ac:dyDescent="0.25">
      <c r="A21125" s="4" t="s">
        <v>41997</v>
      </c>
      <c r="B21125" s="1" t="s">
        <v>60783</v>
      </c>
      <c r="C21125" s="1" t="s">
        <v>41998</v>
      </c>
      <c r="D21125" s="2">
        <v>173953</v>
      </c>
      <c r="E21125" s="1" t="s">
        <v>0</v>
      </c>
    </row>
    <row r="21126" spans="1:5" x14ac:dyDescent="0.25">
      <c r="A21126" s="1" t="s">
        <v>41999</v>
      </c>
      <c r="B21126" s="1" t="s">
        <v>55659</v>
      </c>
      <c r="C21126" s="1" t="s">
        <v>42000</v>
      </c>
      <c r="D21126" s="2">
        <v>173954</v>
      </c>
      <c r="E21126" s="1" t="s">
        <v>0</v>
      </c>
    </row>
    <row r="21127" spans="1:5" x14ac:dyDescent="0.25">
      <c r="A21127" s="2">
        <v>4225</v>
      </c>
      <c r="B21127" s="2">
        <v>4225</v>
      </c>
      <c r="C21127" s="1" t="s">
        <v>0</v>
      </c>
      <c r="D21127" s="2">
        <v>173955</v>
      </c>
      <c r="E21127" s="1" t="s">
        <v>0</v>
      </c>
    </row>
    <row r="21128" spans="1:5" x14ac:dyDescent="0.25">
      <c r="A21128" s="1" t="s">
        <v>3835</v>
      </c>
      <c r="B21128" s="1" t="s">
        <v>11105</v>
      </c>
      <c r="C21128" s="1" t="s">
        <v>42001</v>
      </c>
      <c r="D21128" s="2">
        <v>173956</v>
      </c>
      <c r="E21128" s="1" t="s">
        <v>0</v>
      </c>
    </row>
    <row r="21129" spans="1:5" x14ac:dyDescent="0.25">
      <c r="A21129" s="1" t="s">
        <v>42002</v>
      </c>
      <c r="B21129" s="1" t="s">
        <v>56858</v>
      </c>
      <c r="C21129" s="1" t="s">
        <v>42003</v>
      </c>
      <c r="D21129" s="2">
        <v>173957</v>
      </c>
      <c r="E21129" s="1" t="s">
        <v>0</v>
      </c>
    </row>
    <row r="21130" spans="1:5" ht="409.5" x14ac:dyDescent="0.25">
      <c r="A21130" s="4" t="s">
        <v>42004</v>
      </c>
      <c r="B21130" s="1" t="s">
        <v>61334</v>
      </c>
      <c r="C21130" s="1" t="s">
        <v>42005</v>
      </c>
      <c r="D21130" s="2">
        <v>173958</v>
      </c>
      <c r="E21130" s="1" t="s">
        <v>0</v>
      </c>
    </row>
    <row r="21131" spans="1:5" x14ac:dyDescent="0.25">
      <c r="A21131" s="1" t="s">
        <v>42006</v>
      </c>
      <c r="B21131" s="1" t="s">
        <v>11106</v>
      </c>
      <c r="C21131" s="1" t="s">
        <v>42007</v>
      </c>
      <c r="D21131" s="2">
        <v>173959</v>
      </c>
      <c r="E21131" s="1" t="s">
        <v>0</v>
      </c>
    </row>
    <row r="21132" spans="1:5" x14ac:dyDescent="0.25">
      <c r="A21132" s="2">
        <v>4226</v>
      </c>
      <c r="B21132" s="2">
        <v>4226</v>
      </c>
      <c r="C21132" s="1" t="s">
        <v>0</v>
      </c>
      <c r="D21132" s="2">
        <v>173960</v>
      </c>
      <c r="E21132" s="1" t="s">
        <v>0</v>
      </c>
    </row>
    <row r="21133" spans="1:5" x14ac:dyDescent="0.25">
      <c r="A21133" s="1" t="s">
        <v>3836</v>
      </c>
      <c r="B21133" s="1" t="s">
        <v>11107</v>
      </c>
      <c r="C21133" s="1" t="s">
        <v>42008</v>
      </c>
      <c r="D21133" s="2">
        <v>173961</v>
      </c>
      <c r="E21133" s="1" t="s">
        <v>0</v>
      </c>
    </row>
    <row r="21134" spans="1:5" x14ac:dyDescent="0.25">
      <c r="A21134" s="1" t="s">
        <v>42009</v>
      </c>
      <c r="B21134" s="1" t="s">
        <v>11108</v>
      </c>
      <c r="C21134" s="1" t="s">
        <v>42010</v>
      </c>
      <c r="D21134" s="2">
        <v>173962</v>
      </c>
      <c r="E21134" s="1" t="s">
        <v>0</v>
      </c>
    </row>
    <row r="21135" spans="1:5" ht="409.5" x14ac:dyDescent="0.25">
      <c r="A21135" s="4" t="s">
        <v>42011</v>
      </c>
      <c r="B21135" s="1" t="s">
        <v>56859</v>
      </c>
      <c r="C21135" s="1" t="s">
        <v>42012</v>
      </c>
      <c r="D21135" s="2">
        <v>173963</v>
      </c>
      <c r="E21135" s="1" t="s">
        <v>0</v>
      </c>
    </row>
    <row r="21136" spans="1:5" x14ac:dyDescent="0.25">
      <c r="A21136" s="1" t="s">
        <v>42013</v>
      </c>
      <c r="B21136" s="1" t="s">
        <v>11109</v>
      </c>
      <c r="C21136" s="1" t="s">
        <v>42014</v>
      </c>
      <c r="D21136" s="2">
        <v>173964</v>
      </c>
      <c r="E21136" s="1" t="s">
        <v>0</v>
      </c>
    </row>
    <row r="21137" spans="1:5" x14ac:dyDescent="0.25">
      <c r="A21137" s="2">
        <v>4227</v>
      </c>
      <c r="B21137" s="2">
        <v>4227</v>
      </c>
      <c r="C21137" s="1" t="s">
        <v>0</v>
      </c>
      <c r="D21137" s="2">
        <v>173965</v>
      </c>
      <c r="E21137" s="1" t="s">
        <v>0</v>
      </c>
    </row>
    <row r="21138" spans="1:5" x14ac:dyDescent="0.25">
      <c r="A21138" s="1" t="s">
        <v>3837</v>
      </c>
      <c r="B21138" s="1" t="s">
        <v>50992</v>
      </c>
      <c r="C21138" s="1" t="s">
        <v>42015</v>
      </c>
      <c r="D21138" s="2">
        <v>173966</v>
      </c>
      <c r="E21138" s="1" t="s">
        <v>0</v>
      </c>
    </row>
    <row r="21139" spans="1:5" x14ac:dyDescent="0.25">
      <c r="A21139" s="1" t="s">
        <v>42016</v>
      </c>
      <c r="B21139" s="1" t="s">
        <v>50993</v>
      </c>
      <c r="C21139" s="1" t="s">
        <v>42017</v>
      </c>
      <c r="D21139" s="2">
        <v>173967</v>
      </c>
      <c r="E21139" s="1" t="s">
        <v>0</v>
      </c>
    </row>
    <row r="21140" spans="1:5" ht="409.5" x14ac:dyDescent="0.25">
      <c r="A21140" s="4" t="s">
        <v>64331</v>
      </c>
      <c r="B21140" s="1" t="s">
        <v>56860</v>
      </c>
      <c r="C21140" s="1" t="s">
        <v>42018</v>
      </c>
      <c r="D21140" s="2">
        <v>173968</v>
      </c>
      <c r="E21140" s="1" t="s">
        <v>0</v>
      </c>
    </row>
    <row r="21141" spans="1:5" x14ac:dyDescent="0.25">
      <c r="A21141" s="1" t="s">
        <v>42019</v>
      </c>
      <c r="B21141" s="1" t="s">
        <v>55660</v>
      </c>
      <c r="C21141" s="1" t="s">
        <v>42020</v>
      </c>
      <c r="D21141" s="2">
        <v>173969</v>
      </c>
      <c r="E21141" s="1" t="s">
        <v>0</v>
      </c>
    </row>
    <row r="21142" spans="1:5" x14ac:dyDescent="0.25">
      <c r="A21142" s="2">
        <v>4228</v>
      </c>
      <c r="B21142" s="2">
        <v>4228</v>
      </c>
      <c r="C21142" s="1" t="s">
        <v>0</v>
      </c>
      <c r="D21142" s="2">
        <v>173970</v>
      </c>
      <c r="E21142" s="1" t="s">
        <v>0</v>
      </c>
    </row>
    <row r="21143" spans="1:5" x14ac:dyDescent="0.25">
      <c r="A21143" s="1" t="s">
        <v>3838</v>
      </c>
      <c r="B21143" s="1" t="s">
        <v>11110</v>
      </c>
      <c r="C21143" s="1" t="s">
        <v>42021</v>
      </c>
      <c r="D21143" s="2">
        <v>173971</v>
      </c>
      <c r="E21143" s="1" t="s">
        <v>0</v>
      </c>
    </row>
    <row r="21144" spans="1:5" x14ac:dyDescent="0.25">
      <c r="A21144" s="1" t="s">
        <v>42022</v>
      </c>
      <c r="B21144" s="1" t="s">
        <v>11111</v>
      </c>
      <c r="C21144" s="1" t="s">
        <v>42023</v>
      </c>
      <c r="D21144" s="2">
        <v>173972</v>
      </c>
      <c r="E21144" s="1" t="s">
        <v>0</v>
      </c>
    </row>
    <row r="21145" spans="1:5" ht="409.5" x14ac:dyDescent="0.25">
      <c r="A21145" s="4" t="s">
        <v>42024</v>
      </c>
      <c r="B21145" s="1" t="s">
        <v>55661</v>
      </c>
      <c r="C21145" s="1" t="s">
        <v>42025</v>
      </c>
      <c r="D21145" s="2">
        <v>173973</v>
      </c>
      <c r="E21145" s="1" t="s">
        <v>0</v>
      </c>
    </row>
    <row r="21146" spans="1:5" x14ac:dyDescent="0.25">
      <c r="A21146" s="1" t="s">
        <v>42026</v>
      </c>
      <c r="B21146" s="1" t="s">
        <v>55662</v>
      </c>
      <c r="C21146" s="1" t="s">
        <v>42027</v>
      </c>
      <c r="D21146" s="2">
        <v>173974</v>
      </c>
      <c r="E21146" s="1" t="s">
        <v>0</v>
      </c>
    </row>
    <row r="21147" spans="1:5" x14ac:dyDescent="0.25">
      <c r="A21147" s="2">
        <v>4229</v>
      </c>
      <c r="B21147" s="2">
        <v>4229</v>
      </c>
      <c r="C21147" s="1" t="s">
        <v>0</v>
      </c>
      <c r="D21147" s="2">
        <v>173975</v>
      </c>
      <c r="E21147" s="1" t="s">
        <v>0</v>
      </c>
    </row>
    <row r="21148" spans="1:5" x14ac:dyDescent="0.25">
      <c r="A21148" s="1" t="s">
        <v>3839</v>
      </c>
      <c r="B21148" s="1" t="s">
        <v>55663</v>
      </c>
      <c r="C21148" s="1" t="s">
        <v>42028</v>
      </c>
      <c r="D21148" s="2">
        <v>173976</v>
      </c>
      <c r="E21148" s="1" t="s">
        <v>0</v>
      </c>
    </row>
    <row r="21149" spans="1:5" x14ac:dyDescent="0.25">
      <c r="A21149" s="1" t="s">
        <v>42029</v>
      </c>
      <c r="B21149" s="1" t="s">
        <v>55664</v>
      </c>
      <c r="C21149" s="1" t="s">
        <v>42030</v>
      </c>
      <c r="D21149" s="2">
        <v>173977</v>
      </c>
      <c r="E21149" s="1" t="s">
        <v>0</v>
      </c>
    </row>
    <row r="21150" spans="1:5" ht="409.5" x14ac:dyDescent="0.25">
      <c r="A21150" s="4" t="s">
        <v>42031</v>
      </c>
      <c r="B21150" s="1" t="s">
        <v>60229</v>
      </c>
      <c r="C21150" s="1" t="s">
        <v>42032</v>
      </c>
      <c r="D21150" s="2">
        <v>173978</v>
      </c>
      <c r="E21150" s="1" t="s">
        <v>0</v>
      </c>
    </row>
    <row r="21151" spans="1:5" x14ac:dyDescent="0.25">
      <c r="A21151" s="1" t="s">
        <v>42033</v>
      </c>
      <c r="B21151" s="1" t="s">
        <v>55665</v>
      </c>
      <c r="C21151" s="1" t="s">
        <v>42034</v>
      </c>
      <c r="D21151" s="2">
        <v>173979</v>
      </c>
      <c r="E21151" s="1" t="s">
        <v>0</v>
      </c>
    </row>
    <row r="21152" spans="1:5" x14ac:dyDescent="0.25">
      <c r="A21152" s="2">
        <v>4230</v>
      </c>
      <c r="B21152" s="2">
        <v>4230</v>
      </c>
      <c r="C21152" s="1" t="s">
        <v>0</v>
      </c>
      <c r="D21152" s="2">
        <v>173980</v>
      </c>
      <c r="E21152" s="1" t="s">
        <v>0</v>
      </c>
    </row>
    <row r="21153" spans="1:5" x14ac:dyDescent="0.25">
      <c r="A21153" s="1" t="s">
        <v>3840</v>
      </c>
      <c r="B21153" s="1" t="s">
        <v>56970</v>
      </c>
      <c r="C21153" s="1" t="s">
        <v>42035</v>
      </c>
      <c r="D21153" s="2">
        <v>173981</v>
      </c>
      <c r="E21153" s="1" t="s">
        <v>0</v>
      </c>
    </row>
    <row r="21154" spans="1:5" x14ac:dyDescent="0.25">
      <c r="A21154" s="1" t="s">
        <v>42036</v>
      </c>
      <c r="B21154" s="1" t="s">
        <v>57980</v>
      </c>
      <c r="C21154" s="1" t="s">
        <v>42037</v>
      </c>
      <c r="D21154" s="2">
        <v>173982</v>
      </c>
      <c r="E21154" s="1" t="s">
        <v>0</v>
      </c>
    </row>
    <row r="21155" spans="1:5" ht="409.5" x14ac:dyDescent="0.25">
      <c r="A21155" s="4" t="s">
        <v>42038</v>
      </c>
      <c r="B21155" s="1" t="s">
        <v>62886</v>
      </c>
      <c r="C21155" s="1" t="s">
        <v>42039</v>
      </c>
      <c r="D21155" s="2">
        <v>173983</v>
      </c>
      <c r="E21155" s="1" t="s">
        <v>0</v>
      </c>
    </row>
    <row r="21156" spans="1:5" x14ac:dyDescent="0.25">
      <c r="A21156" s="1" t="s">
        <v>42040</v>
      </c>
      <c r="B21156" s="1" t="s">
        <v>11112</v>
      </c>
      <c r="C21156" s="1" t="s">
        <v>42041</v>
      </c>
      <c r="D21156" s="2">
        <v>173984</v>
      </c>
      <c r="E21156" s="1" t="s">
        <v>0</v>
      </c>
    </row>
    <row r="21157" spans="1:5" x14ac:dyDescent="0.25">
      <c r="A21157" s="2">
        <v>4231</v>
      </c>
      <c r="B21157" s="2">
        <v>4231</v>
      </c>
      <c r="C21157" s="1" t="s">
        <v>0</v>
      </c>
      <c r="D21157" s="2">
        <v>173985</v>
      </c>
      <c r="E21157" s="1" t="s">
        <v>0</v>
      </c>
    </row>
    <row r="21158" spans="1:5" x14ac:dyDescent="0.25">
      <c r="A21158" s="1" t="s">
        <v>3841</v>
      </c>
      <c r="B21158" s="1" t="s">
        <v>11113</v>
      </c>
      <c r="C21158" s="1" t="s">
        <v>42042</v>
      </c>
      <c r="D21158" s="2">
        <v>173986</v>
      </c>
      <c r="E21158" s="1" t="s">
        <v>0</v>
      </c>
    </row>
    <row r="21159" spans="1:5" x14ac:dyDescent="0.25">
      <c r="A21159" s="1" t="s">
        <v>42043</v>
      </c>
      <c r="B21159" s="1" t="s">
        <v>55666</v>
      </c>
      <c r="C21159" s="1" t="s">
        <v>42044</v>
      </c>
      <c r="D21159" s="2">
        <v>173987</v>
      </c>
      <c r="E21159" s="1" t="s">
        <v>0</v>
      </c>
    </row>
    <row r="21160" spans="1:5" ht="409.5" x14ac:dyDescent="0.25">
      <c r="A21160" s="4" t="s">
        <v>42045</v>
      </c>
      <c r="B21160" s="1" t="s">
        <v>62887</v>
      </c>
      <c r="C21160" s="1" t="s">
        <v>42046</v>
      </c>
      <c r="D21160" s="2">
        <v>173988</v>
      </c>
      <c r="E21160" s="1" t="s">
        <v>0</v>
      </c>
    </row>
    <row r="21161" spans="1:5" x14ac:dyDescent="0.25">
      <c r="A21161" s="1" t="s">
        <v>42047</v>
      </c>
      <c r="B21161" s="1" t="s">
        <v>55667</v>
      </c>
      <c r="C21161" s="1" t="s">
        <v>42048</v>
      </c>
      <c r="D21161" s="2">
        <v>173989</v>
      </c>
      <c r="E21161" s="1" t="s">
        <v>0</v>
      </c>
    </row>
    <row r="21162" spans="1:5" x14ac:dyDescent="0.25">
      <c r="A21162" s="2">
        <v>4232</v>
      </c>
      <c r="B21162" s="2">
        <v>4232</v>
      </c>
      <c r="C21162" s="1" t="s">
        <v>0</v>
      </c>
      <c r="D21162" s="2">
        <v>173990</v>
      </c>
      <c r="E21162" s="1" t="s">
        <v>0</v>
      </c>
    </row>
    <row r="21163" spans="1:5" x14ac:dyDescent="0.25">
      <c r="A21163" s="1" t="s">
        <v>3842</v>
      </c>
      <c r="B21163" s="1" t="s">
        <v>11114</v>
      </c>
      <c r="C21163" s="1" t="s">
        <v>42049</v>
      </c>
      <c r="D21163" s="2">
        <v>173991</v>
      </c>
      <c r="E21163" s="1" t="s">
        <v>0</v>
      </c>
    </row>
    <row r="21164" spans="1:5" x14ac:dyDescent="0.25">
      <c r="A21164" s="1" t="s">
        <v>42050</v>
      </c>
      <c r="B21164" s="1" t="s">
        <v>11115</v>
      </c>
      <c r="C21164" s="1" t="s">
        <v>42051</v>
      </c>
      <c r="D21164" s="2">
        <v>173992</v>
      </c>
      <c r="E21164" s="1" t="s">
        <v>0</v>
      </c>
    </row>
    <row r="21165" spans="1:5" ht="409.5" x14ac:dyDescent="0.25">
      <c r="A21165" s="4" t="s">
        <v>42052</v>
      </c>
      <c r="B21165" s="1" t="s">
        <v>11116</v>
      </c>
      <c r="C21165" s="1" t="s">
        <v>42053</v>
      </c>
      <c r="D21165" s="2">
        <v>173993</v>
      </c>
      <c r="E21165" s="1" t="s">
        <v>0</v>
      </c>
    </row>
    <row r="21166" spans="1:5" x14ac:dyDescent="0.25">
      <c r="A21166" s="1" t="s">
        <v>42054</v>
      </c>
      <c r="B21166" s="1" t="s">
        <v>55668</v>
      </c>
      <c r="C21166" s="1" t="s">
        <v>42055</v>
      </c>
      <c r="D21166" s="2">
        <v>173994</v>
      </c>
      <c r="E21166" s="1" t="s">
        <v>0</v>
      </c>
    </row>
    <row r="21167" spans="1:5" x14ac:dyDescent="0.25">
      <c r="A21167" s="2">
        <v>4233</v>
      </c>
      <c r="B21167" s="2">
        <v>4233</v>
      </c>
      <c r="C21167" s="1" t="s">
        <v>0</v>
      </c>
      <c r="D21167" s="2">
        <v>173995</v>
      </c>
      <c r="E21167" s="1" t="s">
        <v>0</v>
      </c>
    </row>
    <row r="21168" spans="1:5" x14ac:dyDescent="0.25">
      <c r="A21168" s="1" t="s">
        <v>3843</v>
      </c>
      <c r="B21168" s="1" t="s">
        <v>11117</v>
      </c>
      <c r="C21168" s="1" t="s">
        <v>42056</v>
      </c>
      <c r="D21168" s="2">
        <v>173996</v>
      </c>
      <c r="E21168" s="1" t="s">
        <v>0</v>
      </c>
    </row>
    <row r="21169" spans="1:5" x14ac:dyDescent="0.25">
      <c r="A21169" s="1" t="s">
        <v>42057</v>
      </c>
      <c r="B21169" s="1" t="s">
        <v>60461</v>
      </c>
      <c r="C21169" s="1" t="s">
        <v>42058</v>
      </c>
      <c r="D21169" s="2">
        <v>173997</v>
      </c>
      <c r="E21169" s="1" t="s">
        <v>0</v>
      </c>
    </row>
    <row r="21170" spans="1:5" ht="409.5" x14ac:dyDescent="0.25">
      <c r="A21170" s="4" t="s">
        <v>42059</v>
      </c>
      <c r="B21170" s="1" t="s">
        <v>60462</v>
      </c>
      <c r="C21170" s="1" t="s">
        <v>42060</v>
      </c>
      <c r="D21170" s="2">
        <v>173998</v>
      </c>
      <c r="E21170" s="1" t="s">
        <v>0</v>
      </c>
    </row>
    <row r="21171" spans="1:5" x14ac:dyDescent="0.25">
      <c r="A21171" s="1" t="s">
        <v>42061</v>
      </c>
      <c r="B21171" s="1" t="s">
        <v>55669</v>
      </c>
      <c r="C21171" s="1" t="s">
        <v>42062</v>
      </c>
      <c r="D21171" s="2">
        <v>173999</v>
      </c>
      <c r="E21171" s="1" t="s">
        <v>0</v>
      </c>
    </row>
    <row r="21172" spans="1:5" x14ac:dyDescent="0.25">
      <c r="A21172" s="2">
        <v>4234</v>
      </c>
      <c r="B21172" s="2">
        <v>4234</v>
      </c>
      <c r="C21172" s="1" t="s">
        <v>0</v>
      </c>
      <c r="D21172" s="2">
        <v>174000</v>
      </c>
      <c r="E21172" s="1" t="s">
        <v>0</v>
      </c>
    </row>
    <row r="21173" spans="1:5" x14ac:dyDescent="0.25">
      <c r="A21173" s="1" t="s">
        <v>3844</v>
      </c>
      <c r="B21173" s="1" t="s">
        <v>11118</v>
      </c>
      <c r="C21173" s="1" t="s">
        <v>42063</v>
      </c>
      <c r="D21173" s="2">
        <v>174001</v>
      </c>
      <c r="E21173" s="1" t="s">
        <v>0</v>
      </c>
    </row>
    <row r="21174" spans="1:5" x14ac:dyDescent="0.25">
      <c r="A21174" s="1" t="s">
        <v>42064</v>
      </c>
      <c r="B21174" s="1" t="s">
        <v>57981</v>
      </c>
      <c r="C21174" s="1" t="s">
        <v>42065</v>
      </c>
      <c r="D21174" s="2">
        <v>174002</v>
      </c>
      <c r="E21174" s="1" t="s">
        <v>0</v>
      </c>
    </row>
    <row r="21175" spans="1:5" ht="409.5" x14ac:dyDescent="0.25">
      <c r="A21175" s="4" t="s">
        <v>42066</v>
      </c>
      <c r="B21175" s="1" t="s">
        <v>57982</v>
      </c>
      <c r="C21175" s="1" t="s">
        <v>42067</v>
      </c>
      <c r="D21175" s="2">
        <v>174003</v>
      </c>
      <c r="E21175" s="1" t="s">
        <v>0</v>
      </c>
    </row>
    <row r="21176" spans="1:5" x14ac:dyDescent="0.25">
      <c r="A21176" s="1" t="s">
        <v>14855</v>
      </c>
      <c r="B21176" s="1" t="s">
        <v>60879</v>
      </c>
      <c r="C21176" s="1" t="s">
        <v>14856</v>
      </c>
      <c r="D21176" s="2">
        <v>174004</v>
      </c>
      <c r="E21176" s="1" t="s">
        <v>0</v>
      </c>
    </row>
    <row r="21177" spans="1:5" x14ac:dyDescent="0.25">
      <c r="A21177" s="2">
        <v>4235</v>
      </c>
      <c r="B21177" s="2">
        <v>4235</v>
      </c>
      <c r="C21177" s="1" t="s">
        <v>0</v>
      </c>
      <c r="D21177" s="2">
        <v>174005</v>
      </c>
      <c r="E21177" s="1" t="s">
        <v>0</v>
      </c>
    </row>
    <row r="21178" spans="1:5" x14ac:dyDescent="0.25">
      <c r="A21178" s="1" t="s">
        <v>3845</v>
      </c>
      <c r="B21178" s="1" t="s">
        <v>55670</v>
      </c>
      <c r="C21178" s="1" t="s">
        <v>42068</v>
      </c>
      <c r="D21178" s="2">
        <v>174006</v>
      </c>
      <c r="E21178" s="1" t="s">
        <v>0</v>
      </c>
    </row>
    <row r="21179" spans="1:5" x14ac:dyDescent="0.25">
      <c r="A21179" s="1" t="s">
        <v>42069</v>
      </c>
      <c r="B21179" s="1" t="s">
        <v>55671</v>
      </c>
      <c r="C21179" s="1" t="s">
        <v>42070</v>
      </c>
      <c r="D21179" s="2">
        <v>174007</v>
      </c>
      <c r="E21179" s="1" t="s">
        <v>0</v>
      </c>
    </row>
    <row r="21180" spans="1:5" ht="409.5" x14ac:dyDescent="0.25">
      <c r="A21180" s="4" t="s">
        <v>42071</v>
      </c>
      <c r="B21180" s="1" t="s">
        <v>60463</v>
      </c>
      <c r="C21180" s="1" t="s">
        <v>42072</v>
      </c>
      <c r="D21180" s="2">
        <v>174008</v>
      </c>
      <c r="E21180" s="1" t="s">
        <v>0</v>
      </c>
    </row>
    <row r="21181" spans="1:5" x14ac:dyDescent="0.25">
      <c r="A21181" s="1" t="s">
        <v>42073</v>
      </c>
      <c r="B21181" s="1" t="s">
        <v>57322</v>
      </c>
      <c r="C21181" s="1" t="s">
        <v>42074</v>
      </c>
      <c r="D21181" s="2">
        <v>174009</v>
      </c>
      <c r="E21181" s="1" t="s">
        <v>0</v>
      </c>
    </row>
    <row r="21182" spans="1:5" x14ac:dyDescent="0.25">
      <c r="A21182" s="2">
        <v>4236</v>
      </c>
      <c r="B21182" s="2">
        <v>4236</v>
      </c>
      <c r="C21182" s="1" t="s">
        <v>0</v>
      </c>
      <c r="D21182" s="2">
        <v>174010</v>
      </c>
      <c r="E21182" s="1" t="s">
        <v>0</v>
      </c>
    </row>
    <row r="21183" spans="1:5" x14ac:dyDescent="0.25">
      <c r="A21183" s="1" t="s">
        <v>11119</v>
      </c>
      <c r="B21183" s="1" t="s">
        <v>11120</v>
      </c>
      <c r="C21183" s="1" t="s">
        <v>42075</v>
      </c>
      <c r="D21183" s="2">
        <v>174011</v>
      </c>
      <c r="E21183" s="1" t="s">
        <v>0</v>
      </c>
    </row>
    <row r="21184" spans="1:5" x14ac:dyDescent="0.25">
      <c r="A21184" s="1" t="s">
        <v>42076</v>
      </c>
      <c r="B21184" s="1" t="s">
        <v>11121</v>
      </c>
      <c r="C21184" s="1" t="s">
        <v>42077</v>
      </c>
      <c r="D21184" s="2">
        <v>174012</v>
      </c>
      <c r="E21184" s="1" t="s">
        <v>0</v>
      </c>
    </row>
    <row r="21185" spans="1:5" ht="409.5" x14ac:dyDescent="0.25">
      <c r="A21185" s="4" t="s">
        <v>42078</v>
      </c>
      <c r="B21185" s="1" t="s">
        <v>57049</v>
      </c>
      <c r="C21185" s="1" t="s">
        <v>42079</v>
      </c>
      <c r="D21185" s="2">
        <v>174013</v>
      </c>
      <c r="E21185" s="1" t="s">
        <v>0</v>
      </c>
    </row>
    <row r="21186" spans="1:5" x14ac:dyDescent="0.25">
      <c r="A21186" s="1" t="s">
        <v>42080</v>
      </c>
      <c r="B21186" s="1" t="s">
        <v>55672</v>
      </c>
      <c r="C21186" s="1" t="s">
        <v>42081</v>
      </c>
      <c r="D21186" s="2">
        <v>174014</v>
      </c>
      <c r="E21186" s="1" t="s">
        <v>0</v>
      </c>
    </row>
    <row r="21187" spans="1:5" x14ac:dyDescent="0.25">
      <c r="A21187" s="2">
        <v>4237</v>
      </c>
      <c r="B21187" s="2">
        <v>4237</v>
      </c>
      <c r="C21187" s="1" t="s">
        <v>0</v>
      </c>
      <c r="D21187" s="2">
        <v>174015</v>
      </c>
      <c r="E21187" s="1" t="s">
        <v>0</v>
      </c>
    </row>
    <row r="21188" spans="1:5" x14ac:dyDescent="0.25">
      <c r="A21188" s="1" t="s">
        <v>3846</v>
      </c>
      <c r="B21188" s="1" t="s">
        <v>11122</v>
      </c>
      <c r="C21188" s="1" t="s">
        <v>42082</v>
      </c>
      <c r="D21188" s="2">
        <v>174016</v>
      </c>
      <c r="E21188" s="1" t="s">
        <v>0</v>
      </c>
    </row>
    <row r="21189" spans="1:5" x14ac:dyDescent="0.25">
      <c r="A21189" s="1" t="s">
        <v>42083</v>
      </c>
      <c r="B21189" s="1" t="s">
        <v>50994</v>
      </c>
      <c r="C21189" s="1" t="s">
        <v>42084</v>
      </c>
      <c r="D21189" s="2">
        <v>174017</v>
      </c>
      <c r="E21189" s="1" t="s">
        <v>0</v>
      </c>
    </row>
    <row r="21190" spans="1:5" ht="409.5" x14ac:dyDescent="0.25">
      <c r="A21190" s="4" t="s">
        <v>42085</v>
      </c>
      <c r="B21190" s="1" t="s">
        <v>50995</v>
      </c>
      <c r="C21190" s="1" t="s">
        <v>42086</v>
      </c>
      <c r="D21190" s="2">
        <v>174018</v>
      </c>
      <c r="E21190" s="1" t="s">
        <v>0</v>
      </c>
    </row>
    <row r="21191" spans="1:5" x14ac:dyDescent="0.25">
      <c r="A21191" s="1" t="s">
        <v>42087</v>
      </c>
      <c r="B21191" s="1" t="s">
        <v>11123</v>
      </c>
      <c r="C21191" s="1" t="s">
        <v>42088</v>
      </c>
      <c r="D21191" s="2">
        <v>174019</v>
      </c>
      <c r="E21191" s="1" t="s">
        <v>0</v>
      </c>
    </row>
    <row r="21192" spans="1:5" x14ac:dyDescent="0.25">
      <c r="A21192" s="2">
        <v>4238</v>
      </c>
      <c r="B21192" s="2">
        <v>4238</v>
      </c>
      <c r="C21192" s="1" t="s">
        <v>0</v>
      </c>
      <c r="D21192" s="2">
        <v>174020</v>
      </c>
      <c r="E21192" s="1" t="s">
        <v>0</v>
      </c>
    </row>
    <row r="21193" spans="1:5" x14ac:dyDescent="0.25">
      <c r="A21193" s="1" t="s">
        <v>3847</v>
      </c>
      <c r="B21193" s="1" t="s">
        <v>11124</v>
      </c>
      <c r="C21193" s="1" t="s">
        <v>42089</v>
      </c>
      <c r="D21193" s="2">
        <v>174021</v>
      </c>
      <c r="E21193" s="1" t="s">
        <v>0</v>
      </c>
    </row>
    <row r="21194" spans="1:5" x14ac:dyDescent="0.25">
      <c r="A21194" s="1" t="s">
        <v>42090</v>
      </c>
      <c r="B21194" s="1" t="s">
        <v>11125</v>
      </c>
      <c r="C21194" s="1" t="s">
        <v>42091</v>
      </c>
      <c r="D21194" s="2">
        <v>174022</v>
      </c>
      <c r="E21194" s="1" t="s">
        <v>0</v>
      </c>
    </row>
    <row r="21195" spans="1:5" ht="409.5" x14ac:dyDescent="0.25">
      <c r="A21195" s="4" t="s">
        <v>42092</v>
      </c>
      <c r="B21195" s="1" t="s">
        <v>61335</v>
      </c>
      <c r="C21195" s="1" t="s">
        <v>42093</v>
      </c>
      <c r="D21195" s="2">
        <v>174023</v>
      </c>
      <c r="E21195" s="1" t="s">
        <v>0</v>
      </c>
    </row>
    <row r="21196" spans="1:5" x14ac:dyDescent="0.25">
      <c r="A21196" s="1" t="s">
        <v>42094</v>
      </c>
      <c r="B21196" s="1" t="s">
        <v>55673</v>
      </c>
      <c r="C21196" s="1" t="s">
        <v>42095</v>
      </c>
      <c r="D21196" s="2">
        <v>174024</v>
      </c>
      <c r="E21196" s="1" t="s">
        <v>0</v>
      </c>
    </row>
    <row r="21197" spans="1:5" x14ac:dyDescent="0.25">
      <c r="A21197" s="2">
        <v>4239</v>
      </c>
      <c r="B21197" s="2">
        <v>4239</v>
      </c>
      <c r="C21197" s="1" t="s">
        <v>0</v>
      </c>
      <c r="D21197" s="2">
        <v>174025</v>
      </c>
      <c r="E21197" s="1" t="s">
        <v>0</v>
      </c>
    </row>
    <row r="21198" spans="1:5" x14ac:dyDescent="0.25">
      <c r="A21198" s="1" t="s">
        <v>3848</v>
      </c>
      <c r="B21198" s="1" t="s">
        <v>11126</v>
      </c>
      <c r="C21198" s="1" t="s">
        <v>42096</v>
      </c>
      <c r="D21198" s="2">
        <v>174026</v>
      </c>
      <c r="E21198" s="1" t="s">
        <v>0</v>
      </c>
    </row>
    <row r="21199" spans="1:5" x14ac:dyDescent="0.25">
      <c r="A21199" s="1" t="s">
        <v>42097</v>
      </c>
      <c r="B21199" s="1" t="s">
        <v>60652</v>
      </c>
      <c r="C21199" s="1" t="s">
        <v>42098</v>
      </c>
      <c r="D21199" s="2">
        <v>174027</v>
      </c>
      <c r="E21199" s="1" t="s">
        <v>0</v>
      </c>
    </row>
    <row r="21200" spans="1:5" ht="409.5" x14ac:dyDescent="0.25">
      <c r="A21200" s="4" t="s">
        <v>42099</v>
      </c>
      <c r="B21200" s="1" t="s">
        <v>60653</v>
      </c>
      <c r="C21200" s="1" t="s">
        <v>42100</v>
      </c>
      <c r="D21200" s="2">
        <v>174028</v>
      </c>
      <c r="E21200" s="1" t="s">
        <v>0</v>
      </c>
    </row>
    <row r="21201" spans="1:5" x14ac:dyDescent="0.25">
      <c r="A21201" s="1" t="s">
        <v>42101</v>
      </c>
      <c r="B21201" s="1" t="s">
        <v>55674</v>
      </c>
      <c r="C21201" s="1" t="s">
        <v>42102</v>
      </c>
      <c r="D21201" s="2">
        <v>174029</v>
      </c>
      <c r="E21201" s="1" t="s">
        <v>0</v>
      </c>
    </row>
    <row r="21202" spans="1:5" x14ac:dyDescent="0.25">
      <c r="A21202" s="2">
        <v>4240</v>
      </c>
      <c r="B21202" s="2">
        <v>4240</v>
      </c>
      <c r="C21202" s="1" t="s">
        <v>0</v>
      </c>
      <c r="D21202" s="2">
        <v>174030</v>
      </c>
      <c r="E21202" s="1" t="s">
        <v>0</v>
      </c>
    </row>
    <row r="21203" spans="1:5" x14ac:dyDescent="0.25">
      <c r="A21203" s="1" t="s">
        <v>3849</v>
      </c>
      <c r="B21203" s="1" t="s">
        <v>11127</v>
      </c>
      <c r="C21203" s="1" t="s">
        <v>42103</v>
      </c>
      <c r="D21203" s="2">
        <v>174031</v>
      </c>
      <c r="E21203" s="1" t="s">
        <v>0</v>
      </c>
    </row>
    <row r="21204" spans="1:5" x14ac:dyDescent="0.25">
      <c r="A21204" s="1" t="s">
        <v>42104</v>
      </c>
      <c r="B21204" s="1" t="s">
        <v>13268</v>
      </c>
      <c r="C21204" s="1" t="s">
        <v>42105</v>
      </c>
      <c r="D21204" s="2">
        <v>174032</v>
      </c>
      <c r="E21204" s="1" t="s">
        <v>0</v>
      </c>
    </row>
    <row r="21205" spans="1:5" ht="409.5" x14ac:dyDescent="0.25">
      <c r="A21205" s="4" t="s">
        <v>42106</v>
      </c>
      <c r="B21205" s="1" t="s">
        <v>55675</v>
      </c>
      <c r="C21205" s="1" t="s">
        <v>42107</v>
      </c>
      <c r="D21205" s="2">
        <v>174033</v>
      </c>
      <c r="E21205" s="1" t="s">
        <v>0</v>
      </c>
    </row>
    <row r="21206" spans="1:5" x14ac:dyDescent="0.25">
      <c r="A21206" s="1" t="s">
        <v>42108</v>
      </c>
      <c r="B21206" s="1" t="s">
        <v>11128</v>
      </c>
      <c r="C21206" s="1" t="s">
        <v>42109</v>
      </c>
      <c r="D21206" s="2">
        <v>174034</v>
      </c>
      <c r="E21206" s="1" t="s">
        <v>0</v>
      </c>
    </row>
    <row r="21207" spans="1:5" x14ac:dyDescent="0.25">
      <c r="A21207" s="2">
        <v>4241</v>
      </c>
      <c r="B21207" s="2">
        <v>4241</v>
      </c>
      <c r="C21207" s="1" t="s">
        <v>0</v>
      </c>
      <c r="D21207" s="2">
        <v>174035</v>
      </c>
      <c r="E21207" s="1" t="s">
        <v>0</v>
      </c>
    </row>
    <row r="21208" spans="1:5" x14ac:dyDescent="0.25">
      <c r="A21208" s="1" t="s">
        <v>3850</v>
      </c>
      <c r="B21208" s="1" t="s">
        <v>11129</v>
      </c>
      <c r="C21208" s="1" t="s">
        <v>42110</v>
      </c>
      <c r="D21208" s="2">
        <v>174036</v>
      </c>
      <c r="E21208" s="1" t="s">
        <v>0</v>
      </c>
    </row>
    <row r="21209" spans="1:5" x14ac:dyDescent="0.25">
      <c r="A21209" s="1" t="s">
        <v>42111</v>
      </c>
      <c r="B21209" s="1" t="s">
        <v>11130</v>
      </c>
      <c r="C21209" s="1" t="s">
        <v>42112</v>
      </c>
      <c r="D21209" s="2">
        <v>174037</v>
      </c>
      <c r="E21209" s="1" t="s">
        <v>0</v>
      </c>
    </row>
    <row r="21210" spans="1:5" x14ac:dyDescent="0.25">
      <c r="A21210" s="1" t="s">
        <v>42113</v>
      </c>
      <c r="B21210" s="1" t="s">
        <v>11131</v>
      </c>
      <c r="C21210" s="1" t="s">
        <v>42114</v>
      </c>
      <c r="D21210" s="2">
        <v>174038</v>
      </c>
      <c r="E21210" s="1" t="s">
        <v>0</v>
      </c>
    </row>
    <row r="21211" spans="1:5" x14ac:dyDescent="0.25">
      <c r="A21211" s="1" t="s">
        <v>42115</v>
      </c>
      <c r="B21211" s="1" t="s">
        <v>57323</v>
      </c>
      <c r="C21211" s="1" t="s">
        <v>42116</v>
      </c>
      <c r="D21211" s="2">
        <v>174039</v>
      </c>
      <c r="E21211" s="1" t="s">
        <v>0</v>
      </c>
    </row>
    <row r="21212" spans="1:5" x14ac:dyDescent="0.25">
      <c r="A21212" s="2">
        <v>4242</v>
      </c>
      <c r="B21212" s="2">
        <v>4242</v>
      </c>
      <c r="C21212" s="1" t="s">
        <v>0</v>
      </c>
      <c r="D21212" s="2">
        <v>174040</v>
      </c>
      <c r="E21212" s="1" t="s">
        <v>0</v>
      </c>
    </row>
    <row r="21213" spans="1:5" x14ac:dyDescent="0.25">
      <c r="A21213" s="1" t="s">
        <v>3851</v>
      </c>
      <c r="B21213" s="1" t="s">
        <v>60230</v>
      </c>
      <c r="C21213" s="1" t="s">
        <v>42117</v>
      </c>
      <c r="D21213" s="2">
        <v>174041</v>
      </c>
      <c r="E21213" s="1" t="s">
        <v>0</v>
      </c>
    </row>
    <row r="21214" spans="1:5" x14ac:dyDescent="0.25">
      <c r="A21214" s="1" t="s">
        <v>42118</v>
      </c>
      <c r="B21214" s="1" t="s">
        <v>55676</v>
      </c>
      <c r="C21214" s="1" t="s">
        <v>42119</v>
      </c>
      <c r="D21214" s="2">
        <v>174042</v>
      </c>
      <c r="E21214" s="1" t="s">
        <v>0</v>
      </c>
    </row>
    <row r="21215" spans="1:5" ht="409.5" x14ac:dyDescent="0.25">
      <c r="A21215" s="4" t="s">
        <v>42120</v>
      </c>
      <c r="B21215" s="1" t="s">
        <v>60464</v>
      </c>
      <c r="C21215" s="1" t="s">
        <v>42121</v>
      </c>
      <c r="D21215" s="2">
        <v>174043</v>
      </c>
      <c r="E21215" s="1" t="s">
        <v>0</v>
      </c>
    </row>
    <row r="21216" spans="1:5" x14ac:dyDescent="0.25">
      <c r="A21216" s="1" t="s">
        <v>42122</v>
      </c>
      <c r="B21216" s="1" t="s">
        <v>60231</v>
      </c>
      <c r="C21216" s="1" t="s">
        <v>42123</v>
      </c>
      <c r="D21216" s="2">
        <v>174044</v>
      </c>
      <c r="E21216" s="1" t="s">
        <v>0</v>
      </c>
    </row>
    <row r="21217" spans="1:5" x14ac:dyDescent="0.25">
      <c r="A21217" s="2">
        <v>4243</v>
      </c>
      <c r="B21217" s="2">
        <v>4243</v>
      </c>
      <c r="C21217" s="1" t="s">
        <v>0</v>
      </c>
      <c r="D21217" s="2">
        <v>174045</v>
      </c>
      <c r="E21217" s="1" t="s">
        <v>0</v>
      </c>
    </row>
    <row r="21218" spans="1:5" x14ac:dyDescent="0.25">
      <c r="A21218" s="1" t="s">
        <v>3852</v>
      </c>
      <c r="B21218" s="1" t="s">
        <v>11132</v>
      </c>
      <c r="C21218" s="1" t="s">
        <v>42124</v>
      </c>
      <c r="D21218" s="2">
        <v>174046</v>
      </c>
      <c r="E21218" s="1" t="s">
        <v>0</v>
      </c>
    </row>
    <row r="21219" spans="1:5" x14ac:dyDescent="0.25">
      <c r="A21219" s="1" t="s">
        <v>42125</v>
      </c>
      <c r="B21219" s="1" t="s">
        <v>55677</v>
      </c>
      <c r="C21219" s="1" t="s">
        <v>42126</v>
      </c>
      <c r="D21219" s="2">
        <v>174047</v>
      </c>
      <c r="E21219" s="1" t="s">
        <v>0</v>
      </c>
    </row>
    <row r="21220" spans="1:5" ht="409.5" x14ac:dyDescent="0.25">
      <c r="A21220" s="4" t="s">
        <v>42127</v>
      </c>
      <c r="B21220" s="1" t="s">
        <v>55678</v>
      </c>
      <c r="C21220" s="1" t="s">
        <v>42128</v>
      </c>
      <c r="D21220" s="2">
        <v>174048</v>
      </c>
      <c r="E21220" s="1" t="s">
        <v>0</v>
      </c>
    </row>
    <row r="21221" spans="1:5" x14ac:dyDescent="0.25">
      <c r="A21221" s="1" t="s">
        <v>42129</v>
      </c>
      <c r="B21221" s="1" t="s">
        <v>57324</v>
      </c>
      <c r="C21221" s="1" t="s">
        <v>42130</v>
      </c>
      <c r="D21221" s="2">
        <v>174049</v>
      </c>
      <c r="E21221" s="1" t="s">
        <v>0</v>
      </c>
    </row>
    <row r="21222" spans="1:5" x14ac:dyDescent="0.25">
      <c r="A21222" s="2">
        <v>4244</v>
      </c>
      <c r="B21222" s="2">
        <v>4244</v>
      </c>
      <c r="C21222" s="1" t="s">
        <v>0</v>
      </c>
      <c r="D21222" s="2">
        <v>174050</v>
      </c>
      <c r="E21222" s="1" t="s">
        <v>0</v>
      </c>
    </row>
    <row r="21223" spans="1:5" x14ac:dyDescent="0.25">
      <c r="A21223" s="1" t="s">
        <v>3853</v>
      </c>
      <c r="B21223" s="1" t="s">
        <v>11133</v>
      </c>
      <c r="C21223" s="1" t="s">
        <v>42131</v>
      </c>
      <c r="D21223" s="2">
        <v>174051</v>
      </c>
      <c r="E21223" s="1" t="s">
        <v>0</v>
      </c>
    </row>
    <row r="21224" spans="1:5" x14ac:dyDescent="0.25">
      <c r="A21224" s="1" t="s">
        <v>42132</v>
      </c>
      <c r="B21224" s="1" t="s">
        <v>63496</v>
      </c>
      <c r="C21224" s="1" t="s">
        <v>42133</v>
      </c>
      <c r="D21224" s="2">
        <v>174052</v>
      </c>
      <c r="E21224" s="1" t="s">
        <v>0</v>
      </c>
    </row>
    <row r="21225" spans="1:5" ht="409.5" x14ac:dyDescent="0.25">
      <c r="A21225" s="4" t="s">
        <v>42134</v>
      </c>
      <c r="B21225" s="1" t="s">
        <v>63497</v>
      </c>
      <c r="C21225" s="1" t="s">
        <v>42135</v>
      </c>
      <c r="D21225" s="2">
        <v>174053</v>
      </c>
      <c r="E21225" s="1" t="s">
        <v>0</v>
      </c>
    </row>
    <row r="21226" spans="1:5" x14ac:dyDescent="0.25">
      <c r="A21226" s="1" t="s">
        <v>42136</v>
      </c>
      <c r="B21226" s="1" t="s">
        <v>55679</v>
      </c>
      <c r="C21226" s="1" t="s">
        <v>42137</v>
      </c>
      <c r="D21226" s="2">
        <v>174054</v>
      </c>
      <c r="E21226" s="1" t="s">
        <v>0</v>
      </c>
    </row>
    <row r="21227" spans="1:5" x14ac:dyDescent="0.25">
      <c r="A21227" s="2">
        <v>4245</v>
      </c>
      <c r="B21227" s="2">
        <v>4245</v>
      </c>
      <c r="C21227" s="1" t="s">
        <v>0</v>
      </c>
      <c r="D21227" s="2">
        <v>174055</v>
      </c>
      <c r="E21227" s="1" t="s">
        <v>0</v>
      </c>
    </row>
    <row r="21228" spans="1:5" x14ac:dyDescent="0.25">
      <c r="A21228" s="1" t="s">
        <v>3854</v>
      </c>
      <c r="B21228" s="1" t="s">
        <v>57050</v>
      </c>
      <c r="C21228" s="1" t="s">
        <v>42138</v>
      </c>
      <c r="D21228" s="2">
        <v>174056</v>
      </c>
      <c r="E21228" s="1" t="s">
        <v>0</v>
      </c>
    </row>
    <row r="21229" spans="1:5" x14ac:dyDescent="0.25">
      <c r="A21229" s="1" t="s">
        <v>42139</v>
      </c>
      <c r="B21229" s="1" t="s">
        <v>57610</v>
      </c>
      <c r="C21229" s="1" t="s">
        <v>42140</v>
      </c>
      <c r="D21229" s="2">
        <v>174057</v>
      </c>
      <c r="E21229" s="1" t="s">
        <v>0</v>
      </c>
    </row>
    <row r="21230" spans="1:5" ht="409.5" x14ac:dyDescent="0.25">
      <c r="A21230" s="4" t="s">
        <v>42141</v>
      </c>
      <c r="B21230" s="1" t="s">
        <v>57611</v>
      </c>
      <c r="C21230" s="1" t="s">
        <v>42142</v>
      </c>
      <c r="D21230" s="2">
        <v>174058</v>
      </c>
      <c r="E21230" s="1" t="s">
        <v>0</v>
      </c>
    </row>
    <row r="21231" spans="1:5" x14ac:dyDescent="0.25">
      <c r="A21231" s="1" t="s">
        <v>42143</v>
      </c>
      <c r="B21231" s="1" t="s">
        <v>55680</v>
      </c>
      <c r="C21231" s="1" t="s">
        <v>42144</v>
      </c>
      <c r="D21231" s="2">
        <v>174059</v>
      </c>
      <c r="E21231" s="1" t="s">
        <v>0</v>
      </c>
    </row>
    <row r="21232" spans="1:5" x14ac:dyDescent="0.25">
      <c r="A21232" s="2">
        <v>4246</v>
      </c>
      <c r="B21232" s="2">
        <v>4246</v>
      </c>
      <c r="C21232" s="1" t="s">
        <v>0</v>
      </c>
      <c r="D21232" s="2">
        <v>174060</v>
      </c>
      <c r="E21232" s="1" t="s">
        <v>0</v>
      </c>
    </row>
    <row r="21233" spans="1:5" x14ac:dyDescent="0.25">
      <c r="A21233" s="1" t="s">
        <v>3855</v>
      </c>
      <c r="B21233" s="1" t="s">
        <v>61715</v>
      </c>
      <c r="C21233" s="1" t="s">
        <v>42145</v>
      </c>
      <c r="D21233" s="2">
        <v>174061</v>
      </c>
      <c r="E21233" s="1" t="s">
        <v>0</v>
      </c>
    </row>
    <row r="21234" spans="1:5" x14ac:dyDescent="0.25">
      <c r="A21234" s="1" t="s">
        <v>42146</v>
      </c>
      <c r="B21234" s="1" t="s">
        <v>11134</v>
      </c>
      <c r="C21234" s="1" t="s">
        <v>42147</v>
      </c>
      <c r="D21234" s="2">
        <v>174062</v>
      </c>
      <c r="E21234" s="1" t="s">
        <v>0</v>
      </c>
    </row>
    <row r="21235" spans="1:5" ht="409.5" x14ac:dyDescent="0.25">
      <c r="A21235" s="4" t="s">
        <v>42148</v>
      </c>
      <c r="B21235" s="1" t="s">
        <v>61716</v>
      </c>
      <c r="C21235" s="1" t="s">
        <v>42149</v>
      </c>
      <c r="D21235" s="2">
        <v>174063</v>
      </c>
      <c r="E21235" s="1" t="s">
        <v>0</v>
      </c>
    </row>
    <row r="21236" spans="1:5" x14ac:dyDescent="0.25">
      <c r="A21236" s="1" t="s">
        <v>42150</v>
      </c>
      <c r="B21236" s="1" t="s">
        <v>55681</v>
      </c>
      <c r="C21236" s="1" t="s">
        <v>42151</v>
      </c>
      <c r="D21236" s="2">
        <v>174064</v>
      </c>
      <c r="E21236" s="1" t="s">
        <v>0</v>
      </c>
    </row>
    <row r="21237" spans="1:5" x14ac:dyDescent="0.25">
      <c r="A21237" s="2">
        <v>4247</v>
      </c>
      <c r="B21237" s="2">
        <v>4247</v>
      </c>
      <c r="C21237" s="1" t="s">
        <v>0</v>
      </c>
      <c r="D21237" s="2">
        <v>174065</v>
      </c>
      <c r="E21237" s="1" t="s">
        <v>0</v>
      </c>
    </row>
    <row r="21238" spans="1:5" x14ac:dyDescent="0.25">
      <c r="A21238" s="1" t="s">
        <v>3856</v>
      </c>
      <c r="B21238" s="1" t="s">
        <v>11135</v>
      </c>
      <c r="C21238" s="1" t="s">
        <v>42152</v>
      </c>
      <c r="D21238" s="2">
        <v>174066</v>
      </c>
      <c r="E21238" s="1" t="s">
        <v>0</v>
      </c>
    </row>
    <row r="21239" spans="1:5" x14ac:dyDescent="0.25">
      <c r="A21239" s="1" t="s">
        <v>42153</v>
      </c>
      <c r="B21239" s="1" t="s">
        <v>11136</v>
      </c>
      <c r="C21239" s="1" t="s">
        <v>42154</v>
      </c>
      <c r="D21239" s="2">
        <v>174067</v>
      </c>
      <c r="E21239" s="1" t="s">
        <v>0</v>
      </c>
    </row>
    <row r="21240" spans="1:5" ht="409.5" x14ac:dyDescent="0.25">
      <c r="A21240" s="4" t="s">
        <v>42155</v>
      </c>
      <c r="B21240" s="1" t="s">
        <v>11137</v>
      </c>
      <c r="C21240" s="1" t="s">
        <v>42156</v>
      </c>
      <c r="D21240" s="2">
        <v>174068</v>
      </c>
      <c r="E21240" s="1" t="s">
        <v>0</v>
      </c>
    </row>
    <row r="21241" spans="1:5" x14ac:dyDescent="0.25">
      <c r="A21241" s="1" t="s">
        <v>42157</v>
      </c>
      <c r="B21241" s="1" t="s">
        <v>55682</v>
      </c>
      <c r="C21241" s="1" t="s">
        <v>42158</v>
      </c>
      <c r="D21241" s="2">
        <v>174069</v>
      </c>
      <c r="E21241" s="1" t="s">
        <v>0</v>
      </c>
    </row>
    <row r="21242" spans="1:5" x14ac:dyDescent="0.25">
      <c r="A21242" s="2">
        <v>4248</v>
      </c>
      <c r="B21242" s="2">
        <v>4248</v>
      </c>
      <c r="C21242" s="1" t="s">
        <v>0</v>
      </c>
      <c r="D21242" s="2">
        <v>174070</v>
      </c>
      <c r="E21242" s="1" t="s">
        <v>0</v>
      </c>
    </row>
    <row r="21243" spans="1:5" x14ac:dyDescent="0.25">
      <c r="A21243" s="1" t="s">
        <v>3857</v>
      </c>
      <c r="B21243" s="1" t="s">
        <v>57612</v>
      </c>
      <c r="C21243" s="1" t="s">
        <v>42159</v>
      </c>
      <c r="D21243" s="2">
        <v>174071</v>
      </c>
      <c r="E21243" s="1" t="s">
        <v>0</v>
      </c>
    </row>
    <row r="21244" spans="1:5" x14ac:dyDescent="0.25">
      <c r="A21244" s="1" t="s">
        <v>42160</v>
      </c>
      <c r="B21244" s="1" t="s">
        <v>55683</v>
      </c>
      <c r="C21244" s="1" t="s">
        <v>42161</v>
      </c>
      <c r="D21244" s="2">
        <v>174072</v>
      </c>
      <c r="E21244" s="1" t="s">
        <v>0</v>
      </c>
    </row>
    <row r="21245" spans="1:5" ht="409.5" x14ac:dyDescent="0.25">
      <c r="A21245" s="4" t="s">
        <v>61875</v>
      </c>
      <c r="B21245" s="1" t="s">
        <v>61876</v>
      </c>
      <c r="C21245" s="1" t="s">
        <v>42162</v>
      </c>
      <c r="D21245" s="2">
        <v>174073</v>
      </c>
      <c r="E21245" s="1" t="s">
        <v>0</v>
      </c>
    </row>
    <row r="21246" spans="1:5" x14ac:dyDescent="0.25">
      <c r="A21246" s="1" t="s">
        <v>42163</v>
      </c>
      <c r="B21246" s="1" t="s">
        <v>57613</v>
      </c>
      <c r="C21246" s="1" t="s">
        <v>42164</v>
      </c>
      <c r="D21246" s="2">
        <v>174074</v>
      </c>
      <c r="E21246" s="1" t="s">
        <v>0</v>
      </c>
    </row>
    <row r="21247" spans="1:5" x14ac:dyDescent="0.25">
      <c r="A21247" s="2">
        <v>4249</v>
      </c>
      <c r="B21247" s="2">
        <v>4249</v>
      </c>
      <c r="C21247" s="1" t="s">
        <v>0</v>
      </c>
      <c r="D21247" s="2">
        <v>174075</v>
      </c>
      <c r="E21247" s="1" t="s">
        <v>0</v>
      </c>
    </row>
    <row r="21248" spans="1:5" x14ac:dyDescent="0.25">
      <c r="A21248" s="1" t="s">
        <v>3858</v>
      </c>
      <c r="B21248" s="1" t="s">
        <v>11138</v>
      </c>
      <c r="C21248" s="1" t="s">
        <v>42165</v>
      </c>
      <c r="D21248" s="2">
        <v>174076</v>
      </c>
      <c r="E21248" s="1" t="s">
        <v>0</v>
      </c>
    </row>
    <row r="21249" spans="1:5" x14ac:dyDescent="0.25">
      <c r="A21249" s="1" t="s">
        <v>42166</v>
      </c>
      <c r="B21249" s="1" t="s">
        <v>55684</v>
      </c>
      <c r="C21249" s="1" t="s">
        <v>42167</v>
      </c>
      <c r="D21249" s="2">
        <v>174077</v>
      </c>
      <c r="E21249" s="1" t="s">
        <v>0</v>
      </c>
    </row>
    <row r="21250" spans="1:5" ht="409.5" x14ac:dyDescent="0.25">
      <c r="A21250" s="4" t="s">
        <v>42168</v>
      </c>
      <c r="B21250" s="1" t="s">
        <v>55685</v>
      </c>
      <c r="C21250" s="1" t="s">
        <v>42169</v>
      </c>
      <c r="D21250" s="2">
        <v>174078</v>
      </c>
      <c r="E21250" s="1" t="s">
        <v>0</v>
      </c>
    </row>
    <row r="21251" spans="1:5" x14ac:dyDescent="0.25">
      <c r="A21251" s="1" t="s">
        <v>42170</v>
      </c>
      <c r="B21251" s="1" t="s">
        <v>55686</v>
      </c>
      <c r="C21251" s="1" t="s">
        <v>42171</v>
      </c>
      <c r="D21251" s="2">
        <v>174079</v>
      </c>
      <c r="E21251" s="1" t="s">
        <v>0</v>
      </c>
    </row>
    <row r="21252" spans="1:5" x14ac:dyDescent="0.25">
      <c r="A21252" s="2">
        <v>4250</v>
      </c>
      <c r="B21252" s="2">
        <v>4250</v>
      </c>
      <c r="C21252" s="1" t="s">
        <v>0</v>
      </c>
      <c r="D21252" s="2">
        <v>174080</v>
      </c>
      <c r="E21252" s="1" t="s">
        <v>0</v>
      </c>
    </row>
    <row r="21253" spans="1:5" x14ac:dyDescent="0.25">
      <c r="A21253" s="1" t="s">
        <v>3859</v>
      </c>
      <c r="B21253" s="1" t="s">
        <v>11139</v>
      </c>
      <c r="C21253" s="1" t="s">
        <v>42172</v>
      </c>
      <c r="D21253" s="2">
        <v>174081</v>
      </c>
      <c r="E21253" s="1" t="s">
        <v>0</v>
      </c>
    </row>
    <row r="21254" spans="1:5" x14ac:dyDescent="0.25">
      <c r="A21254" s="1" t="s">
        <v>42173</v>
      </c>
      <c r="B21254" s="1" t="s">
        <v>55687</v>
      </c>
      <c r="C21254" s="1" t="s">
        <v>42174</v>
      </c>
      <c r="D21254" s="2">
        <v>174082</v>
      </c>
      <c r="E21254" s="1" t="s">
        <v>0</v>
      </c>
    </row>
    <row r="21255" spans="1:5" ht="409.5" x14ac:dyDescent="0.25">
      <c r="A21255" s="4" t="s">
        <v>42175</v>
      </c>
      <c r="B21255" s="1" t="s">
        <v>55688</v>
      </c>
      <c r="C21255" s="1" t="s">
        <v>42176</v>
      </c>
      <c r="D21255" s="2">
        <v>174083</v>
      </c>
      <c r="E21255" s="1" t="s">
        <v>0</v>
      </c>
    </row>
    <row r="21256" spans="1:5" x14ac:dyDescent="0.25">
      <c r="A21256" s="1" t="s">
        <v>42177</v>
      </c>
      <c r="B21256" s="1" t="s">
        <v>11140</v>
      </c>
      <c r="C21256" s="1" t="s">
        <v>42178</v>
      </c>
      <c r="D21256" s="2">
        <v>174084</v>
      </c>
      <c r="E21256" s="1" t="s">
        <v>0</v>
      </c>
    </row>
    <row r="21257" spans="1:5" x14ac:dyDescent="0.25">
      <c r="A21257" s="2">
        <v>4251</v>
      </c>
      <c r="B21257" s="2">
        <v>4251</v>
      </c>
      <c r="C21257" s="1" t="s">
        <v>0</v>
      </c>
      <c r="D21257" s="2">
        <v>174085</v>
      </c>
      <c r="E21257" s="1" t="s">
        <v>0</v>
      </c>
    </row>
    <row r="21258" spans="1:5" x14ac:dyDescent="0.25">
      <c r="A21258" s="1" t="s">
        <v>3860</v>
      </c>
      <c r="B21258" s="1" t="s">
        <v>56971</v>
      </c>
      <c r="C21258" s="1" t="s">
        <v>42179</v>
      </c>
      <c r="D21258" s="2">
        <v>174086</v>
      </c>
      <c r="E21258" s="1" t="s">
        <v>0</v>
      </c>
    </row>
    <row r="21259" spans="1:5" x14ac:dyDescent="0.25">
      <c r="A21259" s="1" t="s">
        <v>42180</v>
      </c>
      <c r="B21259" s="1" t="s">
        <v>13269</v>
      </c>
      <c r="C21259" s="1" t="s">
        <v>42181</v>
      </c>
      <c r="D21259" s="2">
        <v>174087</v>
      </c>
      <c r="E21259" s="1" t="s">
        <v>0</v>
      </c>
    </row>
    <row r="21260" spans="1:5" ht="409.5" x14ac:dyDescent="0.25">
      <c r="A21260" s="4" t="s">
        <v>42182</v>
      </c>
      <c r="B21260" s="1" t="s">
        <v>62888</v>
      </c>
      <c r="C21260" s="1" t="s">
        <v>42183</v>
      </c>
      <c r="D21260" s="2">
        <v>174088</v>
      </c>
      <c r="E21260" s="1" t="s">
        <v>0</v>
      </c>
    </row>
    <row r="21261" spans="1:5" x14ac:dyDescent="0.25">
      <c r="A21261" s="1" t="s">
        <v>42184</v>
      </c>
      <c r="B21261" s="1" t="s">
        <v>13270</v>
      </c>
      <c r="C21261" s="1" t="s">
        <v>42185</v>
      </c>
      <c r="D21261" s="2">
        <v>174089</v>
      </c>
      <c r="E21261" s="1" t="s">
        <v>0</v>
      </c>
    </row>
    <row r="21262" spans="1:5" x14ac:dyDescent="0.25">
      <c r="A21262" s="2">
        <v>4252</v>
      </c>
      <c r="B21262" s="2">
        <v>4252</v>
      </c>
      <c r="C21262" s="1" t="s">
        <v>0</v>
      </c>
      <c r="D21262" s="2">
        <v>174090</v>
      </c>
      <c r="E21262" s="1" t="s">
        <v>0</v>
      </c>
    </row>
    <row r="21263" spans="1:5" x14ac:dyDescent="0.25">
      <c r="A21263" s="1" t="s">
        <v>3861</v>
      </c>
      <c r="B21263" s="1" t="s">
        <v>11141</v>
      </c>
      <c r="C21263" s="1" t="s">
        <v>42186</v>
      </c>
      <c r="D21263" s="2">
        <v>174091</v>
      </c>
      <c r="E21263" s="1" t="s">
        <v>0</v>
      </c>
    </row>
    <row r="21264" spans="1:5" x14ac:dyDescent="0.25">
      <c r="A21264" s="1" t="s">
        <v>42187</v>
      </c>
      <c r="B21264" s="1" t="s">
        <v>62889</v>
      </c>
      <c r="C21264" s="1" t="s">
        <v>42188</v>
      </c>
      <c r="D21264" s="2">
        <v>174092</v>
      </c>
      <c r="E21264" s="1" t="s">
        <v>0</v>
      </c>
    </row>
    <row r="21265" spans="1:5" ht="409.5" x14ac:dyDescent="0.25">
      <c r="A21265" s="4" t="s">
        <v>42189</v>
      </c>
      <c r="B21265" s="1" t="s">
        <v>62890</v>
      </c>
      <c r="C21265" s="1" t="s">
        <v>42190</v>
      </c>
      <c r="D21265" s="2">
        <v>174093</v>
      </c>
      <c r="E21265" s="1" t="s">
        <v>0</v>
      </c>
    </row>
    <row r="21266" spans="1:5" x14ac:dyDescent="0.25">
      <c r="A21266" s="1" t="s">
        <v>42191</v>
      </c>
      <c r="B21266" s="1" t="s">
        <v>55689</v>
      </c>
      <c r="C21266" s="1" t="s">
        <v>42192</v>
      </c>
      <c r="D21266" s="2">
        <v>174094</v>
      </c>
      <c r="E21266" s="1" t="s">
        <v>0</v>
      </c>
    </row>
    <row r="21267" spans="1:5" x14ac:dyDescent="0.25">
      <c r="A21267" s="2">
        <v>4253</v>
      </c>
      <c r="B21267" s="2">
        <v>4253</v>
      </c>
      <c r="C21267" s="1" t="s">
        <v>0</v>
      </c>
      <c r="D21267" s="2">
        <v>174095</v>
      </c>
      <c r="E21267" s="1" t="s">
        <v>0</v>
      </c>
    </row>
    <row r="21268" spans="1:5" x14ac:dyDescent="0.25">
      <c r="A21268" s="1" t="s">
        <v>3862</v>
      </c>
      <c r="B21268" s="1" t="s">
        <v>11142</v>
      </c>
      <c r="C21268" s="1" t="s">
        <v>42193</v>
      </c>
      <c r="D21268" s="2">
        <v>174096</v>
      </c>
      <c r="E21268" s="1" t="s">
        <v>0</v>
      </c>
    </row>
    <row r="21269" spans="1:5" x14ac:dyDescent="0.25">
      <c r="A21269" s="1" t="s">
        <v>42194</v>
      </c>
      <c r="B21269" s="1" t="s">
        <v>58107</v>
      </c>
      <c r="C21269" s="1" t="s">
        <v>42195</v>
      </c>
      <c r="D21269" s="2">
        <v>174097</v>
      </c>
      <c r="E21269" s="1" t="s">
        <v>0</v>
      </c>
    </row>
    <row r="21270" spans="1:5" ht="409.5" x14ac:dyDescent="0.25">
      <c r="A21270" s="4" t="s">
        <v>42196</v>
      </c>
      <c r="B21270" s="1" t="s">
        <v>58108</v>
      </c>
      <c r="C21270" s="1" t="s">
        <v>42197</v>
      </c>
      <c r="D21270" s="2">
        <v>174098</v>
      </c>
      <c r="E21270" s="1" t="s">
        <v>0</v>
      </c>
    </row>
    <row r="21271" spans="1:5" x14ac:dyDescent="0.25">
      <c r="A21271" s="1" t="s">
        <v>13413</v>
      </c>
      <c r="B21271" s="1" t="s">
        <v>60845</v>
      </c>
      <c r="C21271" s="1" t="s">
        <v>13414</v>
      </c>
      <c r="D21271" s="2">
        <v>174099</v>
      </c>
      <c r="E21271" s="1" t="s">
        <v>0</v>
      </c>
    </row>
    <row r="21272" spans="1:5" x14ac:dyDescent="0.25">
      <c r="A21272" s="2">
        <v>4254</v>
      </c>
      <c r="B21272" s="2">
        <v>4254</v>
      </c>
      <c r="C21272" s="1" t="s">
        <v>0</v>
      </c>
      <c r="D21272" s="2">
        <v>174100</v>
      </c>
      <c r="E21272" s="1" t="s">
        <v>0</v>
      </c>
    </row>
    <row r="21273" spans="1:5" x14ac:dyDescent="0.25">
      <c r="A21273" s="1" t="s">
        <v>3863</v>
      </c>
      <c r="B21273" s="1" t="s">
        <v>11143</v>
      </c>
      <c r="C21273" s="1" t="s">
        <v>42198</v>
      </c>
      <c r="D21273" s="2">
        <v>174101</v>
      </c>
      <c r="E21273" s="1" t="s">
        <v>0</v>
      </c>
    </row>
    <row r="21274" spans="1:5" x14ac:dyDescent="0.25">
      <c r="A21274" s="1" t="s">
        <v>42199</v>
      </c>
      <c r="B21274" s="1" t="s">
        <v>55690</v>
      </c>
      <c r="C21274" s="1" t="s">
        <v>42200</v>
      </c>
      <c r="D21274" s="2">
        <v>174102</v>
      </c>
      <c r="E21274" s="1" t="s">
        <v>0</v>
      </c>
    </row>
    <row r="21275" spans="1:5" ht="409.5" x14ac:dyDescent="0.25">
      <c r="A21275" s="4" t="s">
        <v>42201</v>
      </c>
      <c r="B21275" s="1" t="s">
        <v>55691</v>
      </c>
      <c r="C21275" s="1" t="s">
        <v>42202</v>
      </c>
      <c r="D21275" s="2">
        <v>174103</v>
      </c>
      <c r="E21275" s="1" t="s">
        <v>0</v>
      </c>
    </row>
    <row r="21276" spans="1:5" x14ac:dyDescent="0.25">
      <c r="A21276" s="1" t="s">
        <v>42203</v>
      </c>
      <c r="B21276" s="1" t="s">
        <v>11144</v>
      </c>
      <c r="C21276" s="1" t="s">
        <v>42204</v>
      </c>
      <c r="D21276" s="2">
        <v>174104</v>
      </c>
      <c r="E21276" s="1" t="s">
        <v>0</v>
      </c>
    </row>
    <row r="21277" spans="1:5" x14ac:dyDescent="0.25">
      <c r="A21277" s="2">
        <v>4255</v>
      </c>
      <c r="B21277" s="2">
        <v>4255</v>
      </c>
      <c r="C21277" s="1" t="s">
        <v>0</v>
      </c>
      <c r="D21277" s="2">
        <v>174105</v>
      </c>
      <c r="E21277" s="1" t="s">
        <v>0</v>
      </c>
    </row>
    <row r="21278" spans="1:5" x14ac:dyDescent="0.25">
      <c r="A21278" s="1" t="s">
        <v>3864</v>
      </c>
      <c r="B21278" s="1" t="s">
        <v>11145</v>
      </c>
      <c r="C21278" s="1" t="s">
        <v>42205</v>
      </c>
      <c r="D21278" s="2">
        <v>174106</v>
      </c>
      <c r="E21278" s="1" t="s">
        <v>0</v>
      </c>
    </row>
    <row r="21279" spans="1:5" x14ac:dyDescent="0.25">
      <c r="A21279" s="1" t="s">
        <v>42206</v>
      </c>
      <c r="B21279" s="1" t="s">
        <v>62891</v>
      </c>
      <c r="C21279" s="1" t="s">
        <v>42207</v>
      </c>
      <c r="D21279" s="2">
        <v>174107</v>
      </c>
      <c r="E21279" s="1" t="s">
        <v>0</v>
      </c>
    </row>
    <row r="21280" spans="1:5" ht="409.5" x14ac:dyDescent="0.25">
      <c r="A21280" s="4" t="s">
        <v>42208</v>
      </c>
      <c r="B21280" s="1" t="s">
        <v>62892</v>
      </c>
      <c r="C21280" s="1" t="s">
        <v>42209</v>
      </c>
      <c r="D21280" s="2">
        <v>174108</v>
      </c>
      <c r="E21280" s="1" t="s">
        <v>0</v>
      </c>
    </row>
    <row r="21281" spans="1:5" x14ac:dyDescent="0.25">
      <c r="A21281" s="1" t="s">
        <v>42210</v>
      </c>
      <c r="B21281" s="1" t="s">
        <v>58554</v>
      </c>
      <c r="C21281" s="1" t="s">
        <v>42211</v>
      </c>
      <c r="D21281" s="2">
        <v>174109</v>
      </c>
      <c r="E21281" s="1" t="s">
        <v>0</v>
      </c>
    </row>
    <row r="21282" spans="1:5" x14ac:dyDescent="0.25">
      <c r="A21282" s="2">
        <v>4256</v>
      </c>
      <c r="B21282" s="2">
        <v>4256</v>
      </c>
      <c r="C21282" s="1" t="s">
        <v>0</v>
      </c>
      <c r="D21282" s="2">
        <v>174110</v>
      </c>
      <c r="E21282" s="1" t="s">
        <v>0</v>
      </c>
    </row>
    <row r="21283" spans="1:5" x14ac:dyDescent="0.25">
      <c r="A21283" s="1" t="s">
        <v>3865</v>
      </c>
      <c r="B21283" s="1" t="s">
        <v>60232</v>
      </c>
      <c r="C21283" s="1" t="s">
        <v>42212</v>
      </c>
      <c r="D21283" s="2">
        <v>174111</v>
      </c>
      <c r="E21283" s="1" t="s">
        <v>0</v>
      </c>
    </row>
    <row r="21284" spans="1:5" x14ac:dyDescent="0.25">
      <c r="A21284" s="1" t="s">
        <v>42213</v>
      </c>
      <c r="B21284" s="1" t="s">
        <v>55692</v>
      </c>
      <c r="C21284" s="1" t="s">
        <v>42214</v>
      </c>
      <c r="D21284" s="2">
        <v>174112</v>
      </c>
      <c r="E21284" s="1" t="s">
        <v>0</v>
      </c>
    </row>
    <row r="21285" spans="1:5" ht="409.5" x14ac:dyDescent="0.25">
      <c r="A21285" s="4" t="s">
        <v>42215</v>
      </c>
      <c r="B21285" s="1" t="s">
        <v>55693</v>
      </c>
      <c r="C21285" s="1" t="s">
        <v>42216</v>
      </c>
      <c r="D21285" s="2">
        <v>174113</v>
      </c>
      <c r="E21285" s="1" t="s">
        <v>0</v>
      </c>
    </row>
    <row r="21286" spans="1:5" x14ac:dyDescent="0.25">
      <c r="A21286" s="1" t="s">
        <v>42217</v>
      </c>
      <c r="B21286" s="1" t="s">
        <v>55694</v>
      </c>
      <c r="C21286" s="1" t="s">
        <v>42218</v>
      </c>
      <c r="D21286" s="2">
        <v>174114</v>
      </c>
      <c r="E21286" s="1" t="s">
        <v>0</v>
      </c>
    </row>
    <row r="21287" spans="1:5" x14ac:dyDescent="0.25">
      <c r="A21287" s="2">
        <v>4257</v>
      </c>
      <c r="B21287" s="2">
        <v>4257</v>
      </c>
      <c r="C21287" s="1" t="s">
        <v>0</v>
      </c>
      <c r="D21287" s="2">
        <v>174115</v>
      </c>
      <c r="E21287" s="1" t="s">
        <v>0</v>
      </c>
    </row>
    <row r="21288" spans="1:5" x14ac:dyDescent="0.25">
      <c r="A21288" s="1" t="s">
        <v>3866</v>
      </c>
      <c r="B21288" s="1" t="s">
        <v>60654</v>
      </c>
      <c r="C21288" s="1" t="s">
        <v>42219</v>
      </c>
      <c r="D21288" s="2">
        <v>174116</v>
      </c>
      <c r="E21288" s="1" t="s">
        <v>0</v>
      </c>
    </row>
    <row r="21289" spans="1:5" x14ac:dyDescent="0.25">
      <c r="A21289" s="1" t="s">
        <v>42220</v>
      </c>
      <c r="B21289" s="1" t="s">
        <v>11146</v>
      </c>
      <c r="C21289" s="1" t="s">
        <v>42221</v>
      </c>
      <c r="D21289" s="2">
        <v>174117</v>
      </c>
      <c r="E21289" s="1" t="s">
        <v>0</v>
      </c>
    </row>
    <row r="21290" spans="1:5" ht="409.5" x14ac:dyDescent="0.25">
      <c r="A21290" s="4" t="s">
        <v>42222</v>
      </c>
      <c r="B21290" s="1" t="s">
        <v>60655</v>
      </c>
      <c r="C21290" s="1" t="s">
        <v>42223</v>
      </c>
      <c r="D21290" s="2">
        <v>174118</v>
      </c>
      <c r="E21290" s="1" t="s">
        <v>0</v>
      </c>
    </row>
    <row r="21291" spans="1:5" x14ac:dyDescent="0.25">
      <c r="A21291" s="1" t="s">
        <v>42224</v>
      </c>
      <c r="B21291" s="1" t="s">
        <v>55695</v>
      </c>
      <c r="C21291" s="1" t="s">
        <v>42225</v>
      </c>
      <c r="D21291" s="2">
        <v>174119</v>
      </c>
      <c r="E21291" s="1" t="s">
        <v>0</v>
      </c>
    </row>
    <row r="21292" spans="1:5" x14ac:dyDescent="0.25">
      <c r="A21292" s="2">
        <v>4258</v>
      </c>
      <c r="B21292" s="2">
        <v>4258</v>
      </c>
      <c r="C21292" s="1" t="s">
        <v>0</v>
      </c>
      <c r="D21292" s="2">
        <v>174120</v>
      </c>
      <c r="E21292" s="1" t="s">
        <v>0</v>
      </c>
    </row>
    <row r="21293" spans="1:5" x14ac:dyDescent="0.25">
      <c r="A21293" s="1" t="s">
        <v>3867</v>
      </c>
      <c r="B21293" s="1" t="s">
        <v>11147</v>
      </c>
      <c r="C21293" s="1" t="s">
        <v>42226</v>
      </c>
      <c r="D21293" s="2">
        <v>174121</v>
      </c>
      <c r="E21293" s="1" t="s">
        <v>0</v>
      </c>
    </row>
    <row r="21294" spans="1:5" x14ac:dyDescent="0.25">
      <c r="A21294" s="1" t="s">
        <v>42227</v>
      </c>
      <c r="B21294" s="1" t="s">
        <v>63498</v>
      </c>
      <c r="C21294" s="1" t="s">
        <v>42228</v>
      </c>
      <c r="D21294" s="2">
        <v>174122</v>
      </c>
      <c r="E21294" s="1" t="s">
        <v>0</v>
      </c>
    </row>
    <row r="21295" spans="1:5" ht="409.5" x14ac:dyDescent="0.25">
      <c r="A21295" s="4" t="s">
        <v>42229</v>
      </c>
      <c r="B21295" s="1" t="s">
        <v>63499</v>
      </c>
      <c r="C21295" s="1" t="s">
        <v>42230</v>
      </c>
      <c r="D21295" s="2">
        <v>174123</v>
      </c>
      <c r="E21295" s="1" t="s">
        <v>0</v>
      </c>
    </row>
    <row r="21296" spans="1:5" x14ac:dyDescent="0.25">
      <c r="A21296" s="1" t="s">
        <v>42231</v>
      </c>
      <c r="B21296" s="1" t="s">
        <v>61336</v>
      </c>
      <c r="C21296" s="1" t="s">
        <v>42232</v>
      </c>
      <c r="D21296" s="2">
        <v>174124</v>
      </c>
      <c r="E21296" s="1" t="s">
        <v>0</v>
      </c>
    </row>
    <row r="21297" spans="1:5" x14ac:dyDescent="0.25">
      <c r="A21297" s="2">
        <v>4259</v>
      </c>
      <c r="B21297" s="2">
        <v>4259</v>
      </c>
      <c r="C21297" s="1" t="s">
        <v>0</v>
      </c>
      <c r="D21297" s="2">
        <v>174125</v>
      </c>
      <c r="E21297" s="1" t="s">
        <v>0</v>
      </c>
    </row>
    <row r="21298" spans="1:5" x14ac:dyDescent="0.25">
      <c r="A21298" s="1" t="s">
        <v>3868</v>
      </c>
      <c r="B21298" s="1" t="s">
        <v>11148</v>
      </c>
      <c r="C21298" s="1" t="s">
        <v>42233</v>
      </c>
      <c r="D21298" s="2">
        <v>174126</v>
      </c>
      <c r="E21298" s="1" t="s">
        <v>0</v>
      </c>
    </row>
    <row r="21299" spans="1:5" x14ac:dyDescent="0.25">
      <c r="A21299" s="1" t="s">
        <v>42234</v>
      </c>
      <c r="B21299" s="1" t="s">
        <v>11149</v>
      </c>
      <c r="C21299" s="1" t="s">
        <v>42235</v>
      </c>
      <c r="D21299" s="2">
        <v>174127</v>
      </c>
      <c r="E21299" s="1" t="s">
        <v>0</v>
      </c>
    </row>
    <row r="21300" spans="1:5" ht="409.5" x14ac:dyDescent="0.25">
      <c r="A21300" s="4" t="s">
        <v>42236</v>
      </c>
      <c r="B21300" s="1" t="s">
        <v>59679</v>
      </c>
      <c r="C21300" s="1" t="s">
        <v>42237</v>
      </c>
      <c r="D21300" s="2">
        <v>174128</v>
      </c>
      <c r="E21300" s="1" t="s">
        <v>0</v>
      </c>
    </row>
    <row r="21301" spans="1:5" x14ac:dyDescent="0.25">
      <c r="A21301" s="1" t="s">
        <v>42238</v>
      </c>
      <c r="B21301" s="1" t="s">
        <v>11150</v>
      </c>
      <c r="C21301" s="1" t="s">
        <v>42239</v>
      </c>
      <c r="D21301" s="2">
        <v>174129</v>
      </c>
      <c r="E21301" s="1" t="s">
        <v>0</v>
      </c>
    </row>
    <row r="21302" spans="1:5" x14ac:dyDescent="0.25">
      <c r="A21302" s="2">
        <v>4260</v>
      </c>
      <c r="B21302" s="2">
        <v>4260</v>
      </c>
      <c r="C21302" s="1" t="s">
        <v>0</v>
      </c>
      <c r="D21302" s="2">
        <v>174130</v>
      </c>
      <c r="E21302" s="1" t="s">
        <v>0</v>
      </c>
    </row>
    <row r="21303" spans="1:5" x14ac:dyDescent="0.25">
      <c r="A21303" s="1" t="s">
        <v>3869</v>
      </c>
      <c r="B21303" s="1" t="s">
        <v>55696</v>
      </c>
      <c r="C21303" s="1" t="s">
        <v>42240</v>
      </c>
      <c r="D21303" s="2">
        <v>174131</v>
      </c>
      <c r="E21303" s="1" t="s">
        <v>0</v>
      </c>
    </row>
    <row r="21304" spans="1:5" x14ac:dyDescent="0.25">
      <c r="A21304" s="1" t="s">
        <v>42241</v>
      </c>
      <c r="B21304" s="1" t="s">
        <v>55697</v>
      </c>
      <c r="C21304" s="1" t="s">
        <v>42242</v>
      </c>
      <c r="D21304" s="2">
        <v>174132</v>
      </c>
      <c r="E21304" s="1" t="s">
        <v>0</v>
      </c>
    </row>
    <row r="21305" spans="1:5" ht="409.5" x14ac:dyDescent="0.25">
      <c r="A21305" s="4" t="s">
        <v>42243</v>
      </c>
      <c r="B21305" s="1" t="s">
        <v>55698</v>
      </c>
      <c r="C21305" s="1" t="s">
        <v>42244</v>
      </c>
      <c r="D21305" s="2">
        <v>174133</v>
      </c>
      <c r="E21305" s="1" t="s">
        <v>0</v>
      </c>
    </row>
    <row r="21306" spans="1:5" x14ac:dyDescent="0.25">
      <c r="A21306" s="1" t="s">
        <v>42245</v>
      </c>
      <c r="B21306" s="1" t="s">
        <v>55699</v>
      </c>
      <c r="C21306" s="1" t="s">
        <v>42246</v>
      </c>
      <c r="D21306" s="2">
        <v>174134</v>
      </c>
      <c r="E21306" s="1" t="s">
        <v>0</v>
      </c>
    </row>
    <row r="21307" spans="1:5" x14ac:dyDescent="0.25">
      <c r="A21307" s="2">
        <v>4261</v>
      </c>
      <c r="B21307" s="2">
        <v>4261</v>
      </c>
      <c r="C21307" s="1" t="s">
        <v>0</v>
      </c>
      <c r="D21307" s="2">
        <v>174135</v>
      </c>
      <c r="E21307" s="1" t="s">
        <v>0</v>
      </c>
    </row>
    <row r="21308" spans="1:5" x14ac:dyDescent="0.25">
      <c r="A21308" s="1" t="s">
        <v>3870</v>
      </c>
      <c r="B21308" s="1" t="s">
        <v>11151</v>
      </c>
      <c r="C21308" s="1" t="s">
        <v>42247</v>
      </c>
      <c r="D21308" s="2">
        <v>174136</v>
      </c>
      <c r="E21308" s="1" t="s">
        <v>0</v>
      </c>
    </row>
    <row r="21309" spans="1:5" x14ac:dyDescent="0.25">
      <c r="A21309" s="1" t="s">
        <v>42248</v>
      </c>
      <c r="B21309" s="1" t="s">
        <v>55700</v>
      </c>
      <c r="C21309" s="1" t="s">
        <v>42249</v>
      </c>
      <c r="D21309" s="2">
        <v>174137</v>
      </c>
      <c r="E21309" s="1" t="s">
        <v>0</v>
      </c>
    </row>
    <row r="21310" spans="1:5" ht="409.5" x14ac:dyDescent="0.25">
      <c r="A21310" s="4" t="s">
        <v>42250</v>
      </c>
      <c r="B21310" s="1" t="s">
        <v>55701</v>
      </c>
      <c r="C21310" s="1" t="s">
        <v>42251</v>
      </c>
      <c r="D21310" s="2">
        <v>174138</v>
      </c>
      <c r="E21310" s="1" t="s">
        <v>0</v>
      </c>
    </row>
    <row r="21311" spans="1:5" x14ac:dyDescent="0.25">
      <c r="A21311" s="1" t="s">
        <v>42252</v>
      </c>
      <c r="B21311" s="1" t="s">
        <v>11152</v>
      </c>
      <c r="C21311" s="1" t="s">
        <v>42253</v>
      </c>
      <c r="D21311" s="2">
        <v>174139</v>
      </c>
      <c r="E21311" s="1" t="s">
        <v>0</v>
      </c>
    </row>
    <row r="21312" spans="1:5" x14ac:dyDescent="0.25">
      <c r="A21312" s="2">
        <v>4262</v>
      </c>
      <c r="B21312" s="2">
        <v>4262</v>
      </c>
      <c r="C21312" s="1" t="s">
        <v>0</v>
      </c>
      <c r="D21312" s="2">
        <v>174140</v>
      </c>
      <c r="E21312" s="1" t="s">
        <v>0</v>
      </c>
    </row>
    <row r="21313" spans="1:5" x14ac:dyDescent="0.25">
      <c r="A21313" s="1" t="s">
        <v>3871</v>
      </c>
      <c r="B21313" s="1" t="s">
        <v>50996</v>
      </c>
      <c r="C21313" s="1" t="s">
        <v>42254</v>
      </c>
      <c r="D21313" s="2">
        <v>174141</v>
      </c>
      <c r="E21313" s="1" t="s">
        <v>0</v>
      </c>
    </row>
    <row r="21314" spans="1:5" x14ac:dyDescent="0.25">
      <c r="A21314" s="1" t="s">
        <v>42255</v>
      </c>
      <c r="B21314" s="1" t="s">
        <v>63899</v>
      </c>
      <c r="C21314" s="1" t="s">
        <v>42256</v>
      </c>
      <c r="D21314" s="2">
        <v>174142</v>
      </c>
      <c r="E21314" s="1" t="s">
        <v>0</v>
      </c>
    </row>
    <row r="21315" spans="1:5" ht="409.5" x14ac:dyDescent="0.25">
      <c r="A21315" s="4" t="s">
        <v>42257</v>
      </c>
      <c r="B21315" s="1" t="s">
        <v>63900</v>
      </c>
      <c r="C21315" s="1" t="s">
        <v>42258</v>
      </c>
      <c r="D21315" s="2">
        <v>174143</v>
      </c>
      <c r="E21315" s="1" t="s">
        <v>0</v>
      </c>
    </row>
    <row r="21316" spans="1:5" x14ac:dyDescent="0.25">
      <c r="A21316" s="1" t="s">
        <v>42259</v>
      </c>
      <c r="B21316" s="1" t="s">
        <v>55702</v>
      </c>
      <c r="C21316" s="1" t="s">
        <v>42260</v>
      </c>
      <c r="D21316" s="2">
        <v>174144</v>
      </c>
      <c r="E21316" s="1" t="s">
        <v>0</v>
      </c>
    </row>
    <row r="21317" spans="1:5" x14ac:dyDescent="0.25">
      <c r="A21317" s="2">
        <v>4263</v>
      </c>
      <c r="B21317" s="2">
        <v>4263</v>
      </c>
      <c r="C21317" s="1" t="s">
        <v>0</v>
      </c>
      <c r="D21317" s="2">
        <v>174145</v>
      </c>
      <c r="E21317" s="1" t="s">
        <v>0</v>
      </c>
    </row>
    <row r="21318" spans="1:5" x14ac:dyDescent="0.25">
      <c r="A21318" s="1" t="s">
        <v>3872</v>
      </c>
      <c r="B21318" s="1" t="s">
        <v>11153</v>
      </c>
      <c r="C21318" s="1" t="s">
        <v>42261</v>
      </c>
      <c r="D21318" s="2">
        <v>174146</v>
      </c>
      <c r="E21318" s="1" t="s">
        <v>0</v>
      </c>
    </row>
    <row r="21319" spans="1:5" x14ac:dyDescent="0.25">
      <c r="A21319" s="1" t="s">
        <v>42262</v>
      </c>
      <c r="B21319" s="1" t="s">
        <v>55703</v>
      </c>
      <c r="C21319" s="1" t="s">
        <v>42263</v>
      </c>
      <c r="D21319" s="2">
        <v>174147</v>
      </c>
      <c r="E21319" s="1" t="s">
        <v>0</v>
      </c>
    </row>
    <row r="21320" spans="1:5" ht="409.5" x14ac:dyDescent="0.25">
      <c r="A21320" s="4" t="s">
        <v>42264</v>
      </c>
      <c r="B21320" s="1" t="s">
        <v>55704</v>
      </c>
      <c r="C21320" s="1" t="s">
        <v>42265</v>
      </c>
      <c r="D21320" s="2">
        <v>174148</v>
      </c>
      <c r="E21320" s="1" t="s">
        <v>0</v>
      </c>
    </row>
    <row r="21321" spans="1:5" x14ac:dyDescent="0.25">
      <c r="A21321" s="1" t="s">
        <v>42266</v>
      </c>
      <c r="B21321" s="1" t="s">
        <v>11154</v>
      </c>
      <c r="C21321" s="1" t="s">
        <v>42267</v>
      </c>
      <c r="D21321" s="2">
        <v>174149</v>
      </c>
      <c r="E21321" s="1" t="s">
        <v>0</v>
      </c>
    </row>
    <row r="21322" spans="1:5" x14ac:dyDescent="0.25">
      <c r="A21322" s="2">
        <v>4264</v>
      </c>
      <c r="B21322" s="2">
        <v>4264</v>
      </c>
      <c r="C21322" s="1" t="s">
        <v>0</v>
      </c>
      <c r="D21322" s="2">
        <v>174150</v>
      </c>
      <c r="E21322" s="1" t="s">
        <v>0</v>
      </c>
    </row>
    <row r="21323" spans="1:5" x14ac:dyDescent="0.25">
      <c r="A21323" s="1" t="s">
        <v>3873</v>
      </c>
      <c r="B21323" s="1" t="s">
        <v>50997</v>
      </c>
      <c r="C21323" s="1" t="s">
        <v>42268</v>
      </c>
      <c r="D21323" s="2">
        <v>174151</v>
      </c>
      <c r="E21323" s="1" t="s">
        <v>0</v>
      </c>
    </row>
    <row r="21324" spans="1:5" x14ac:dyDescent="0.25">
      <c r="A21324" s="1" t="s">
        <v>42269</v>
      </c>
      <c r="B21324" s="1" t="s">
        <v>55705</v>
      </c>
      <c r="C21324" s="1" t="s">
        <v>42270</v>
      </c>
      <c r="D21324" s="2">
        <v>174152</v>
      </c>
      <c r="E21324" s="1" t="s">
        <v>0</v>
      </c>
    </row>
    <row r="21325" spans="1:5" ht="409.5" x14ac:dyDescent="0.25">
      <c r="A21325" s="4" t="s">
        <v>42271</v>
      </c>
      <c r="B21325" s="1" t="s">
        <v>55706</v>
      </c>
      <c r="C21325" s="1" t="s">
        <v>42272</v>
      </c>
      <c r="D21325" s="2">
        <v>174153</v>
      </c>
      <c r="E21325" s="1" t="s">
        <v>0</v>
      </c>
    </row>
    <row r="21326" spans="1:5" x14ac:dyDescent="0.25">
      <c r="A21326" s="1" t="s">
        <v>42273</v>
      </c>
      <c r="B21326" s="1" t="s">
        <v>55707</v>
      </c>
      <c r="C21326" s="1" t="s">
        <v>42274</v>
      </c>
      <c r="D21326" s="2">
        <v>174154</v>
      </c>
      <c r="E21326" s="1" t="s">
        <v>0</v>
      </c>
    </row>
    <row r="21327" spans="1:5" x14ac:dyDescent="0.25">
      <c r="A21327" s="2">
        <v>4265</v>
      </c>
      <c r="B21327" s="2">
        <v>4265</v>
      </c>
      <c r="C21327" s="1" t="s">
        <v>0</v>
      </c>
      <c r="D21327" s="2">
        <v>174155</v>
      </c>
      <c r="E21327" s="1" t="s">
        <v>0</v>
      </c>
    </row>
    <row r="21328" spans="1:5" x14ac:dyDescent="0.25">
      <c r="A21328" s="1" t="s">
        <v>3874</v>
      </c>
      <c r="B21328" s="1" t="s">
        <v>60233</v>
      </c>
      <c r="C21328" s="1" t="s">
        <v>42275</v>
      </c>
      <c r="D21328" s="2">
        <v>174156</v>
      </c>
      <c r="E21328" s="1" t="s">
        <v>0</v>
      </c>
    </row>
    <row r="21329" spans="1:5" x14ac:dyDescent="0.25">
      <c r="A21329" s="1" t="s">
        <v>42276</v>
      </c>
      <c r="B21329" s="1" t="s">
        <v>55708</v>
      </c>
      <c r="C21329" s="1" t="s">
        <v>42277</v>
      </c>
      <c r="D21329" s="2">
        <v>174157</v>
      </c>
      <c r="E21329" s="1" t="s">
        <v>0</v>
      </c>
    </row>
    <row r="21330" spans="1:5" ht="409.5" x14ac:dyDescent="0.25">
      <c r="A21330" s="4" t="s">
        <v>42278</v>
      </c>
      <c r="B21330" s="1" t="s">
        <v>60234</v>
      </c>
      <c r="C21330" s="1" t="s">
        <v>42279</v>
      </c>
      <c r="D21330" s="2">
        <v>174158</v>
      </c>
      <c r="E21330" s="1" t="s">
        <v>0</v>
      </c>
    </row>
    <row r="21331" spans="1:5" x14ac:dyDescent="0.25">
      <c r="A21331" s="1" t="s">
        <v>42280</v>
      </c>
      <c r="B21331" s="1" t="s">
        <v>55709</v>
      </c>
      <c r="C21331" s="1" t="s">
        <v>42281</v>
      </c>
      <c r="D21331" s="2">
        <v>174159</v>
      </c>
      <c r="E21331" s="1" t="s">
        <v>0</v>
      </c>
    </row>
    <row r="21332" spans="1:5" x14ac:dyDescent="0.25">
      <c r="A21332" s="2">
        <v>4266</v>
      </c>
      <c r="B21332" s="2">
        <v>4266</v>
      </c>
      <c r="C21332" s="1" t="s">
        <v>0</v>
      </c>
      <c r="D21332" s="2">
        <v>174160</v>
      </c>
      <c r="E21332" s="1" t="s">
        <v>0</v>
      </c>
    </row>
    <row r="21333" spans="1:5" x14ac:dyDescent="0.25">
      <c r="A21333" s="1" t="s">
        <v>3875</v>
      </c>
      <c r="B21333" s="1" t="s">
        <v>11155</v>
      </c>
      <c r="C21333" s="1" t="s">
        <v>42282</v>
      </c>
      <c r="D21333" s="2">
        <v>174161</v>
      </c>
      <c r="E21333" s="1" t="s">
        <v>0</v>
      </c>
    </row>
    <row r="21334" spans="1:5" x14ac:dyDescent="0.25">
      <c r="A21334" s="1" t="s">
        <v>42283</v>
      </c>
      <c r="B21334" s="1" t="s">
        <v>57983</v>
      </c>
      <c r="C21334" s="1" t="s">
        <v>42284</v>
      </c>
      <c r="D21334" s="2">
        <v>174162</v>
      </c>
      <c r="E21334" s="1" t="s">
        <v>0</v>
      </c>
    </row>
    <row r="21335" spans="1:5" ht="409.5" x14ac:dyDescent="0.25">
      <c r="A21335" s="4" t="s">
        <v>64332</v>
      </c>
      <c r="B21335" s="1" t="s">
        <v>61717</v>
      </c>
      <c r="C21335" s="1" t="s">
        <v>42285</v>
      </c>
      <c r="D21335" s="2">
        <v>174163</v>
      </c>
      <c r="E21335" s="1" t="s">
        <v>0</v>
      </c>
    </row>
    <row r="21336" spans="1:5" x14ac:dyDescent="0.25">
      <c r="A21336" s="1" t="s">
        <v>42286</v>
      </c>
      <c r="B21336" s="1" t="s">
        <v>55710</v>
      </c>
      <c r="C21336" s="1" t="s">
        <v>42287</v>
      </c>
      <c r="D21336" s="2">
        <v>174164</v>
      </c>
      <c r="E21336" s="1" t="s">
        <v>0</v>
      </c>
    </row>
    <row r="21337" spans="1:5" x14ac:dyDescent="0.25">
      <c r="A21337" s="2">
        <v>4267</v>
      </c>
      <c r="B21337" s="2">
        <v>4267</v>
      </c>
      <c r="C21337" s="1" t="s">
        <v>0</v>
      </c>
      <c r="D21337" s="2">
        <v>174165</v>
      </c>
      <c r="E21337" s="1" t="s">
        <v>0</v>
      </c>
    </row>
    <row r="21338" spans="1:5" x14ac:dyDescent="0.25">
      <c r="A21338" s="1" t="s">
        <v>3876</v>
      </c>
      <c r="B21338" s="1" t="s">
        <v>11156</v>
      </c>
      <c r="C21338" s="1" t="s">
        <v>42288</v>
      </c>
      <c r="D21338" s="2">
        <v>174166</v>
      </c>
      <c r="E21338" s="1" t="s">
        <v>0</v>
      </c>
    </row>
    <row r="21339" spans="1:5" x14ac:dyDescent="0.25">
      <c r="A21339" s="1" t="s">
        <v>42289</v>
      </c>
      <c r="B21339" s="1" t="s">
        <v>57095</v>
      </c>
      <c r="C21339" s="1" t="s">
        <v>42290</v>
      </c>
      <c r="D21339" s="2">
        <v>174167</v>
      </c>
      <c r="E21339" s="1" t="s">
        <v>0</v>
      </c>
    </row>
    <row r="21340" spans="1:5" ht="409.5" x14ac:dyDescent="0.25">
      <c r="A21340" s="4" t="s">
        <v>42291</v>
      </c>
      <c r="B21340" s="1" t="s">
        <v>57096</v>
      </c>
      <c r="C21340" s="1" t="s">
        <v>42292</v>
      </c>
      <c r="D21340" s="2">
        <v>174168</v>
      </c>
      <c r="E21340" s="1" t="s">
        <v>0</v>
      </c>
    </row>
    <row r="21341" spans="1:5" x14ac:dyDescent="0.25">
      <c r="A21341" s="1" t="s">
        <v>42293</v>
      </c>
      <c r="B21341" s="1" t="s">
        <v>11157</v>
      </c>
      <c r="C21341" s="1" t="s">
        <v>42294</v>
      </c>
      <c r="D21341" s="2">
        <v>174169</v>
      </c>
      <c r="E21341" s="1" t="s">
        <v>0</v>
      </c>
    </row>
    <row r="21342" spans="1:5" x14ac:dyDescent="0.25">
      <c r="A21342" s="2">
        <v>4268</v>
      </c>
      <c r="B21342" s="2">
        <v>4268</v>
      </c>
      <c r="C21342" s="1" t="s">
        <v>0</v>
      </c>
      <c r="D21342" s="2">
        <v>174170</v>
      </c>
      <c r="E21342" s="1" t="s">
        <v>0</v>
      </c>
    </row>
    <row r="21343" spans="1:5" x14ac:dyDescent="0.25">
      <c r="A21343" s="1" t="s">
        <v>3877</v>
      </c>
      <c r="B21343" s="1" t="s">
        <v>11158</v>
      </c>
      <c r="C21343" s="1" t="s">
        <v>42295</v>
      </c>
      <c r="D21343" s="2">
        <v>174171</v>
      </c>
      <c r="E21343" s="1" t="s">
        <v>0</v>
      </c>
    </row>
    <row r="21344" spans="1:5" x14ac:dyDescent="0.25">
      <c r="A21344" s="1" t="s">
        <v>42296</v>
      </c>
      <c r="B21344" s="1" t="s">
        <v>50998</v>
      </c>
      <c r="C21344" s="1" t="s">
        <v>42297</v>
      </c>
      <c r="D21344" s="2">
        <v>174172</v>
      </c>
      <c r="E21344" s="1" t="s">
        <v>0</v>
      </c>
    </row>
    <row r="21345" spans="1:5" ht="409.5" x14ac:dyDescent="0.25">
      <c r="A21345" s="4" t="s">
        <v>42298</v>
      </c>
      <c r="B21345" s="1" t="s">
        <v>50999</v>
      </c>
      <c r="C21345" s="1" t="s">
        <v>42299</v>
      </c>
      <c r="D21345" s="2">
        <v>174173</v>
      </c>
      <c r="E21345" s="1" t="s">
        <v>0</v>
      </c>
    </row>
    <row r="21346" spans="1:5" x14ac:dyDescent="0.25">
      <c r="A21346" s="1" t="s">
        <v>42300</v>
      </c>
      <c r="B21346" s="1" t="s">
        <v>11159</v>
      </c>
      <c r="C21346" s="1" t="s">
        <v>42301</v>
      </c>
      <c r="D21346" s="2">
        <v>174174</v>
      </c>
      <c r="E21346" s="1" t="s">
        <v>0</v>
      </c>
    </row>
    <row r="21347" spans="1:5" x14ac:dyDescent="0.25">
      <c r="A21347" s="2">
        <v>4269</v>
      </c>
      <c r="B21347" s="2">
        <v>4269</v>
      </c>
      <c r="C21347" s="1" t="s">
        <v>0</v>
      </c>
      <c r="D21347" s="2">
        <v>174175</v>
      </c>
      <c r="E21347" s="1" t="s">
        <v>0</v>
      </c>
    </row>
    <row r="21348" spans="1:5" x14ac:dyDescent="0.25">
      <c r="A21348" s="1" t="s">
        <v>3878</v>
      </c>
      <c r="B21348" s="1" t="s">
        <v>11160</v>
      </c>
      <c r="C21348" s="1" t="s">
        <v>42302</v>
      </c>
      <c r="D21348" s="2">
        <v>174176</v>
      </c>
      <c r="E21348" s="1" t="s">
        <v>0</v>
      </c>
    </row>
    <row r="21349" spans="1:5" x14ac:dyDescent="0.25">
      <c r="A21349" s="1" t="s">
        <v>42303</v>
      </c>
      <c r="B21349" s="1" t="s">
        <v>62893</v>
      </c>
      <c r="C21349" s="1" t="s">
        <v>42304</v>
      </c>
      <c r="D21349" s="2">
        <v>174177</v>
      </c>
      <c r="E21349" s="1" t="s">
        <v>0</v>
      </c>
    </row>
    <row r="21350" spans="1:5" ht="409.5" x14ac:dyDescent="0.25">
      <c r="A21350" s="4" t="s">
        <v>42305</v>
      </c>
      <c r="B21350" s="1" t="s">
        <v>62894</v>
      </c>
      <c r="C21350" s="1" t="s">
        <v>42306</v>
      </c>
      <c r="D21350" s="2">
        <v>174178</v>
      </c>
      <c r="E21350" s="1" t="s">
        <v>0</v>
      </c>
    </row>
    <row r="21351" spans="1:5" x14ac:dyDescent="0.25">
      <c r="A21351" s="1" t="s">
        <v>42307</v>
      </c>
      <c r="B21351" s="1" t="s">
        <v>11161</v>
      </c>
      <c r="C21351" s="1" t="s">
        <v>42308</v>
      </c>
      <c r="D21351" s="2">
        <v>174179</v>
      </c>
      <c r="E21351" s="1" t="s">
        <v>0</v>
      </c>
    </row>
    <row r="21352" spans="1:5" x14ac:dyDescent="0.25">
      <c r="A21352" s="2">
        <v>4270</v>
      </c>
      <c r="B21352" s="2">
        <v>4270</v>
      </c>
      <c r="C21352" s="1" t="s">
        <v>0</v>
      </c>
      <c r="D21352" s="2">
        <v>174180</v>
      </c>
      <c r="E21352" s="1" t="s">
        <v>0</v>
      </c>
    </row>
    <row r="21353" spans="1:5" x14ac:dyDescent="0.25">
      <c r="A21353" s="1" t="s">
        <v>11162</v>
      </c>
      <c r="B21353" s="1" t="s">
        <v>11163</v>
      </c>
      <c r="C21353" s="1" t="s">
        <v>42309</v>
      </c>
      <c r="D21353" s="2">
        <v>174181</v>
      </c>
      <c r="E21353" s="1" t="s">
        <v>0</v>
      </c>
    </row>
    <row r="21354" spans="1:5" x14ac:dyDescent="0.25">
      <c r="A21354" s="1" t="s">
        <v>42310</v>
      </c>
      <c r="B21354" s="1" t="s">
        <v>55711</v>
      </c>
      <c r="C21354" s="1" t="s">
        <v>42311</v>
      </c>
      <c r="D21354" s="2">
        <v>174182</v>
      </c>
      <c r="E21354" s="1" t="s">
        <v>0</v>
      </c>
    </row>
    <row r="21355" spans="1:5" ht="409.5" x14ac:dyDescent="0.25">
      <c r="A21355" s="4" t="s">
        <v>42312</v>
      </c>
      <c r="B21355" s="1" t="s">
        <v>55712</v>
      </c>
      <c r="C21355" s="1" t="s">
        <v>42313</v>
      </c>
      <c r="D21355" s="2">
        <v>174183</v>
      </c>
      <c r="E21355" s="1" t="s">
        <v>0</v>
      </c>
    </row>
    <row r="21356" spans="1:5" x14ac:dyDescent="0.25">
      <c r="A21356" s="1" t="s">
        <v>42314</v>
      </c>
      <c r="B21356" s="1" t="s">
        <v>11164</v>
      </c>
      <c r="C21356" s="1" t="s">
        <v>42315</v>
      </c>
      <c r="D21356" s="2">
        <v>174184</v>
      </c>
      <c r="E21356" s="1" t="s">
        <v>0</v>
      </c>
    </row>
    <row r="21357" spans="1:5" x14ac:dyDescent="0.25">
      <c r="A21357" s="2">
        <v>4271</v>
      </c>
      <c r="B21357" s="2">
        <v>4271</v>
      </c>
      <c r="C21357" s="1" t="s">
        <v>0</v>
      </c>
      <c r="D21357" s="2">
        <v>174185</v>
      </c>
      <c r="E21357" s="1" t="s">
        <v>0</v>
      </c>
    </row>
    <row r="21358" spans="1:5" x14ac:dyDescent="0.25">
      <c r="A21358" s="1" t="s">
        <v>3879</v>
      </c>
      <c r="B21358" s="1" t="s">
        <v>11165</v>
      </c>
      <c r="C21358" s="1" t="s">
        <v>42316</v>
      </c>
      <c r="D21358" s="2">
        <v>174186</v>
      </c>
      <c r="E21358" s="1" t="s">
        <v>0</v>
      </c>
    </row>
    <row r="21359" spans="1:5" x14ac:dyDescent="0.25">
      <c r="A21359" s="1" t="s">
        <v>42317</v>
      </c>
      <c r="B21359" s="1" t="s">
        <v>11166</v>
      </c>
      <c r="C21359" s="1" t="s">
        <v>42318</v>
      </c>
      <c r="D21359" s="2">
        <v>174187</v>
      </c>
      <c r="E21359" s="1" t="s">
        <v>0</v>
      </c>
    </row>
    <row r="21360" spans="1:5" ht="409.5" x14ac:dyDescent="0.25">
      <c r="A21360" s="4" t="s">
        <v>42319</v>
      </c>
      <c r="B21360" s="1" t="s">
        <v>51000</v>
      </c>
      <c r="C21360" s="1" t="s">
        <v>42320</v>
      </c>
      <c r="D21360" s="2">
        <v>174188</v>
      </c>
      <c r="E21360" s="1" t="s">
        <v>0</v>
      </c>
    </row>
    <row r="21361" spans="1:5" x14ac:dyDescent="0.25">
      <c r="A21361" s="1" t="s">
        <v>42321</v>
      </c>
      <c r="B21361" s="1" t="s">
        <v>11167</v>
      </c>
      <c r="C21361" s="1" t="s">
        <v>42322</v>
      </c>
      <c r="D21361" s="2">
        <v>174189</v>
      </c>
      <c r="E21361" s="1" t="s">
        <v>0</v>
      </c>
    </row>
    <row r="21362" spans="1:5" x14ac:dyDescent="0.25">
      <c r="A21362" s="2">
        <v>4272</v>
      </c>
      <c r="B21362" s="2">
        <v>4272</v>
      </c>
      <c r="C21362" s="1" t="s">
        <v>0</v>
      </c>
      <c r="D21362" s="2">
        <v>174190</v>
      </c>
      <c r="E21362" s="1" t="s">
        <v>0</v>
      </c>
    </row>
    <row r="21363" spans="1:5" x14ac:dyDescent="0.25">
      <c r="A21363" s="1" t="s">
        <v>3880</v>
      </c>
      <c r="B21363" s="1" t="s">
        <v>11168</v>
      </c>
      <c r="C21363" s="1" t="s">
        <v>42323</v>
      </c>
      <c r="D21363" s="2">
        <v>174191</v>
      </c>
      <c r="E21363" s="1" t="s">
        <v>0</v>
      </c>
    </row>
    <row r="21364" spans="1:5" x14ac:dyDescent="0.25">
      <c r="A21364" s="1" t="s">
        <v>42324</v>
      </c>
      <c r="B21364" s="1" t="s">
        <v>62895</v>
      </c>
      <c r="C21364" s="1" t="s">
        <v>42325</v>
      </c>
      <c r="D21364" s="2">
        <v>174192</v>
      </c>
      <c r="E21364" s="1" t="s">
        <v>0</v>
      </c>
    </row>
    <row r="21365" spans="1:5" ht="409.5" x14ac:dyDescent="0.25">
      <c r="A21365" s="4" t="s">
        <v>42326</v>
      </c>
      <c r="B21365" s="1" t="s">
        <v>62896</v>
      </c>
      <c r="C21365" s="1" t="s">
        <v>42327</v>
      </c>
      <c r="D21365" s="2">
        <v>174193</v>
      </c>
      <c r="E21365" s="1" t="s">
        <v>0</v>
      </c>
    </row>
    <row r="21366" spans="1:5" x14ac:dyDescent="0.25">
      <c r="A21366" s="1" t="s">
        <v>42328</v>
      </c>
      <c r="B21366" s="1" t="s">
        <v>11169</v>
      </c>
      <c r="C21366" s="1" t="s">
        <v>42329</v>
      </c>
      <c r="D21366" s="2">
        <v>174194</v>
      </c>
      <c r="E21366" s="1" t="s">
        <v>0</v>
      </c>
    </row>
    <row r="21367" spans="1:5" x14ac:dyDescent="0.25">
      <c r="A21367" s="2">
        <v>4273</v>
      </c>
      <c r="B21367" s="2">
        <v>4273</v>
      </c>
      <c r="C21367" s="1" t="s">
        <v>0</v>
      </c>
      <c r="D21367" s="2">
        <v>174195</v>
      </c>
      <c r="E21367" s="1" t="s">
        <v>0</v>
      </c>
    </row>
    <row r="21368" spans="1:5" x14ac:dyDescent="0.25">
      <c r="A21368" s="1" t="s">
        <v>3881</v>
      </c>
      <c r="B21368" s="1" t="s">
        <v>11170</v>
      </c>
      <c r="C21368" s="1" t="s">
        <v>42330</v>
      </c>
      <c r="D21368" s="2">
        <v>174196</v>
      </c>
      <c r="E21368" s="1" t="s">
        <v>0</v>
      </c>
    </row>
    <row r="21369" spans="1:5" x14ac:dyDescent="0.25">
      <c r="A21369" s="1" t="s">
        <v>42331</v>
      </c>
      <c r="B21369" s="1" t="s">
        <v>55713</v>
      </c>
      <c r="C21369" s="1" t="s">
        <v>42332</v>
      </c>
      <c r="D21369" s="2">
        <v>174197</v>
      </c>
      <c r="E21369" s="1" t="s">
        <v>0</v>
      </c>
    </row>
    <row r="21370" spans="1:5" ht="409.5" x14ac:dyDescent="0.25">
      <c r="A21370" s="4" t="s">
        <v>42333</v>
      </c>
      <c r="B21370" s="1" t="s">
        <v>55714</v>
      </c>
      <c r="C21370" s="1" t="s">
        <v>42334</v>
      </c>
      <c r="D21370" s="2">
        <v>174198</v>
      </c>
      <c r="E21370" s="1" t="s">
        <v>0</v>
      </c>
    </row>
    <row r="21371" spans="1:5" x14ac:dyDescent="0.25">
      <c r="A21371" s="1" t="s">
        <v>42335</v>
      </c>
      <c r="B21371" s="1" t="s">
        <v>11171</v>
      </c>
      <c r="C21371" s="1" t="s">
        <v>42336</v>
      </c>
      <c r="D21371" s="2">
        <v>174199</v>
      </c>
      <c r="E21371" s="1" t="s">
        <v>0</v>
      </c>
    </row>
    <row r="21372" spans="1:5" x14ac:dyDescent="0.25">
      <c r="A21372" s="2">
        <v>4274</v>
      </c>
      <c r="B21372" s="2">
        <v>4274</v>
      </c>
      <c r="C21372" s="1" t="s">
        <v>0</v>
      </c>
      <c r="D21372" s="2">
        <v>174200</v>
      </c>
      <c r="E21372" s="1" t="s">
        <v>0</v>
      </c>
    </row>
    <row r="21373" spans="1:5" x14ac:dyDescent="0.25">
      <c r="A21373" s="1" t="s">
        <v>3882</v>
      </c>
      <c r="B21373" s="1" t="s">
        <v>11172</v>
      </c>
      <c r="C21373" s="1" t="s">
        <v>42337</v>
      </c>
      <c r="D21373" s="2">
        <v>174201</v>
      </c>
      <c r="E21373" s="1" t="s">
        <v>0</v>
      </c>
    </row>
    <row r="21374" spans="1:5" x14ac:dyDescent="0.25">
      <c r="A21374" s="1" t="s">
        <v>42338</v>
      </c>
      <c r="B21374" s="1" t="s">
        <v>11173</v>
      </c>
      <c r="C21374" s="1" t="s">
        <v>42339</v>
      </c>
      <c r="D21374" s="2">
        <v>174202</v>
      </c>
      <c r="E21374" s="1" t="s">
        <v>0</v>
      </c>
    </row>
    <row r="21375" spans="1:5" ht="409.5" x14ac:dyDescent="0.25">
      <c r="A21375" s="4" t="s">
        <v>42340</v>
      </c>
      <c r="B21375" s="1" t="s">
        <v>60828</v>
      </c>
      <c r="C21375" s="1" t="s">
        <v>42341</v>
      </c>
      <c r="D21375" s="2">
        <v>174203</v>
      </c>
      <c r="E21375" s="1" t="s">
        <v>0</v>
      </c>
    </row>
    <row r="21376" spans="1:5" x14ac:dyDescent="0.25">
      <c r="A21376" s="1" t="s">
        <v>42342</v>
      </c>
      <c r="B21376" s="1" t="s">
        <v>11174</v>
      </c>
      <c r="C21376" s="1" t="s">
        <v>42343</v>
      </c>
      <c r="D21376" s="2">
        <v>174204</v>
      </c>
      <c r="E21376" s="1" t="s">
        <v>0</v>
      </c>
    </row>
    <row r="21377" spans="1:5" x14ac:dyDescent="0.25">
      <c r="A21377" s="2">
        <v>4275</v>
      </c>
      <c r="B21377" s="2">
        <v>4275</v>
      </c>
      <c r="C21377" s="1" t="s">
        <v>0</v>
      </c>
      <c r="D21377" s="2">
        <v>174205</v>
      </c>
      <c r="E21377" s="1" t="s">
        <v>0</v>
      </c>
    </row>
    <row r="21378" spans="1:5" x14ac:dyDescent="0.25">
      <c r="A21378" s="1" t="s">
        <v>3883</v>
      </c>
      <c r="B21378" s="1" t="s">
        <v>11175</v>
      </c>
      <c r="C21378" s="1" t="s">
        <v>42344</v>
      </c>
      <c r="D21378" s="2">
        <v>174206</v>
      </c>
      <c r="E21378" s="1" t="s">
        <v>0</v>
      </c>
    </row>
    <row r="21379" spans="1:5" x14ac:dyDescent="0.25">
      <c r="A21379" s="1" t="s">
        <v>42345</v>
      </c>
      <c r="B21379" s="1" t="s">
        <v>61522</v>
      </c>
      <c r="C21379" s="1" t="s">
        <v>42346</v>
      </c>
      <c r="D21379" s="2">
        <v>174207</v>
      </c>
      <c r="E21379" s="1" t="s">
        <v>0</v>
      </c>
    </row>
    <row r="21380" spans="1:5" ht="409.5" x14ac:dyDescent="0.25">
      <c r="A21380" s="4" t="s">
        <v>42347</v>
      </c>
      <c r="B21380" s="1" t="s">
        <v>61523</v>
      </c>
      <c r="C21380" s="1" t="s">
        <v>42348</v>
      </c>
      <c r="D21380" s="2">
        <v>174208</v>
      </c>
      <c r="E21380" s="1" t="s">
        <v>0</v>
      </c>
    </row>
    <row r="21381" spans="1:5" x14ac:dyDescent="0.25">
      <c r="A21381" s="1" t="s">
        <v>42349</v>
      </c>
      <c r="B21381" s="1" t="s">
        <v>61524</v>
      </c>
      <c r="C21381" s="1" t="s">
        <v>42350</v>
      </c>
      <c r="D21381" s="2">
        <v>174209</v>
      </c>
      <c r="E21381" s="1" t="s">
        <v>0</v>
      </c>
    </row>
    <row r="21382" spans="1:5" x14ac:dyDescent="0.25">
      <c r="A21382" s="2">
        <v>4276</v>
      </c>
      <c r="B21382" s="2">
        <v>4276</v>
      </c>
      <c r="C21382" s="1" t="s">
        <v>0</v>
      </c>
      <c r="D21382" s="2">
        <v>174210</v>
      </c>
      <c r="E21382" s="1" t="s">
        <v>0</v>
      </c>
    </row>
    <row r="21383" spans="1:5" x14ac:dyDescent="0.25">
      <c r="A21383" s="1" t="s">
        <v>11176</v>
      </c>
      <c r="B21383" s="1" t="s">
        <v>11177</v>
      </c>
      <c r="C21383" s="1" t="s">
        <v>42351</v>
      </c>
      <c r="D21383" s="2">
        <v>174211</v>
      </c>
      <c r="E21383" s="1" t="s">
        <v>0</v>
      </c>
    </row>
    <row r="21384" spans="1:5" x14ac:dyDescent="0.25">
      <c r="A21384" s="1" t="s">
        <v>42352</v>
      </c>
      <c r="B21384" s="1" t="s">
        <v>55715</v>
      </c>
      <c r="C21384" s="1" t="s">
        <v>42353</v>
      </c>
      <c r="D21384" s="2">
        <v>174212</v>
      </c>
      <c r="E21384" s="1" t="s">
        <v>0</v>
      </c>
    </row>
    <row r="21385" spans="1:5" ht="409.5" x14ac:dyDescent="0.25">
      <c r="A21385" s="4" t="s">
        <v>42354</v>
      </c>
      <c r="B21385" s="1" t="s">
        <v>55716</v>
      </c>
      <c r="C21385" s="1" t="s">
        <v>42355</v>
      </c>
      <c r="D21385" s="2">
        <v>174213</v>
      </c>
      <c r="E21385" s="1" t="s">
        <v>0</v>
      </c>
    </row>
    <row r="21386" spans="1:5" x14ac:dyDescent="0.25">
      <c r="A21386" s="1" t="s">
        <v>42356</v>
      </c>
      <c r="B21386" s="1" t="s">
        <v>55717</v>
      </c>
      <c r="C21386" s="1" t="s">
        <v>42357</v>
      </c>
      <c r="D21386" s="2">
        <v>174214</v>
      </c>
      <c r="E21386" s="1" t="s">
        <v>0</v>
      </c>
    </row>
    <row r="21387" spans="1:5" x14ac:dyDescent="0.25">
      <c r="A21387" s="2">
        <v>4277</v>
      </c>
      <c r="B21387" s="2">
        <v>4277</v>
      </c>
      <c r="C21387" s="1" t="s">
        <v>0</v>
      </c>
      <c r="D21387" s="2">
        <v>174215</v>
      </c>
      <c r="E21387" s="1" t="s">
        <v>0</v>
      </c>
    </row>
    <row r="21388" spans="1:5" x14ac:dyDescent="0.25">
      <c r="A21388" s="1" t="s">
        <v>3884</v>
      </c>
      <c r="B21388" s="1" t="s">
        <v>11178</v>
      </c>
      <c r="C21388" s="1" t="s">
        <v>42358</v>
      </c>
      <c r="D21388" s="2">
        <v>174216</v>
      </c>
      <c r="E21388" s="1" t="s">
        <v>0</v>
      </c>
    </row>
    <row r="21389" spans="1:5" x14ac:dyDescent="0.25">
      <c r="A21389" s="1" t="s">
        <v>42359</v>
      </c>
      <c r="B21389" s="1" t="s">
        <v>13271</v>
      </c>
      <c r="C21389" s="1" t="s">
        <v>42360</v>
      </c>
      <c r="D21389" s="2">
        <v>174217</v>
      </c>
      <c r="E21389" s="1" t="s">
        <v>0</v>
      </c>
    </row>
    <row r="21390" spans="1:5" ht="409.5" x14ac:dyDescent="0.25">
      <c r="A21390" s="4" t="s">
        <v>42361</v>
      </c>
      <c r="B21390" s="1" t="s">
        <v>60235</v>
      </c>
      <c r="C21390" s="1" t="s">
        <v>42362</v>
      </c>
      <c r="D21390" s="2">
        <v>174218</v>
      </c>
      <c r="E21390" s="1" t="s">
        <v>0</v>
      </c>
    </row>
    <row r="21391" spans="1:5" x14ac:dyDescent="0.25">
      <c r="A21391" s="1" t="s">
        <v>42363</v>
      </c>
      <c r="B21391" s="1" t="s">
        <v>55718</v>
      </c>
      <c r="C21391" s="1" t="s">
        <v>42364</v>
      </c>
      <c r="D21391" s="2">
        <v>174219</v>
      </c>
      <c r="E21391" s="1" t="s">
        <v>0</v>
      </c>
    </row>
    <row r="21392" spans="1:5" x14ac:dyDescent="0.25">
      <c r="A21392" s="2">
        <v>4278</v>
      </c>
      <c r="B21392" s="2">
        <v>4278</v>
      </c>
      <c r="C21392" s="1" t="s">
        <v>0</v>
      </c>
      <c r="D21392" s="2">
        <v>174220</v>
      </c>
      <c r="E21392" s="1" t="s">
        <v>0</v>
      </c>
    </row>
    <row r="21393" spans="1:5" x14ac:dyDescent="0.25">
      <c r="A21393" s="1" t="s">
        <v>3885</v>
      </c>
      <c r="B21393" s="1" t="s">
        <v>58843</v>
      </c>
      <c r="C21393" s="1" t="s">
        <v>13347</v>
      </c>
      <c r="D21393" s="2">
        <v>174221</v>
      </c>
      <c r="E21393" s="1" t="s">
        <v>0</v>
      </c>
    </row>
    <row r="21394" spans="1:5" x14ac:dyDescent="0.25">
      <c r="A21394" s="1" t="s">
        <v>42365</v>
      </c>
      <c r="B21394" s="1" t="s">
        <v>62897</v>
      </c>
      <c r="C21394" s="1" t="s">
        <v>42366</v>
      </c>
      <c r="D21394" s="2">
        <v>174222</v>
      </c>
      <c r="E21394" s="1" t="s">
        <v>0</v>
      </c>
    </row>
    <row r="21395" spans="1:5" ht="409.5" x14ac:dyDescent="0.25">
      <c r="A21395" s="4" t="s">
        <v>42367</v>
      </c>
      <c r="B21395" s="1" t="s">
        <v>62898</v>
      </c>
      <c r="C21395" s="1" t="s">
        <v>42368</v>
      </c>
      <c r="D21395" s="2">
        <v>174223</v>
      </c>
      <c r="E21395" s="1" t="s">
        <v>0</v>
      </c>
    </row>
    <row r="21396" spans="1:5" x14ac:dyDescent="0.25">
      <c r="A21396" s="1" t="s">
        <v>26378</v>
      </c>
      <c r="B21396" s="1" t="s">
        <v>58737</v>
      </c>
      <c r="C21396" s="1" t="s">
        <v>26379</v>
      </c>
      <c r="D21396" s="2">
        <v>174224</v>
      </c>
      <c r="E21396" s="1" t="s">
        <v>0</v>
      </c>
    </row>
    <row r="21397" spans="1:5" x14ac:dyDescent="0.25">
      <c r="A21397" s="2">
        <v>4279</v>
      </c>
      <c r="B21397" s="2">
        <v>4279</v>
      </c>
      <c r="C21397" s="1" t="s">
        <v>0</v>
      </c>
      <c r="D21397" s="2">
        <v>174225</v>
      </c>
      <c r="E21397" s="1" t="s">
        <v>0</v>
      </c>
    </row>
    <row r="21398" spans="1:5" x14ac:dyDescent="0.25">
      <c r="A21398" s="1" t="s">
        <v>3886</v>
      </c>
      <c r="B21398" s="1" t="s">
        <v>11179</v>
      </c>
      <c r="C21398" s="1" t="s">
        <v>42369</v>
      </c>
      <c r="D21398" s="2">
        <v>174226</v>
      </c>
      <c r="E21398" s="1" t="s">
        <v>0</v>
      </c>
    </row>
    <row r="21399" spans="1:5" x14ac:dyDescent="0.25">
      <c r="A21399" s="1" t="s">
        <v>42370</v>
      </c>
      <c r="B21399" s="1" t="s">
        <v>55719</v>
      </c>
      <c r="C21399" s="1" t="s">
        <v>42371</v>
      </c>
      <c r="D21399" s="2">
        <v>174227</v>
      </c>
      <c r="E21399" s="1" t="s">
        <v>0</v>
      </c>
    </row>
    <row r="21400" spans="1:5" x14ac:dyDescent="0.25">
      <c r="A21400" s="1" t="s">
        <v>42372</v>
      </c>
      <c r="B21400" s="1" t="s">
        <v>55719</v>
      </c>
      <c r="C21400" s="1" t="s">
        <v>42371</v>
      </c>
      <c r="D21400" s="2">
        <v>174228</v>
      </c>
      <c r="E21400" s="1" t="s">
        <v>0</v>
      </c>
    </row>
    <row r="21401" spans="1:5" x14ac:dyDescent="0.25">
      <c r="A21401" s="1" t="s">
        <v>42373</v>
      </c>
      <c r="B21401" s="1" t="s">
        <v>55720</v>
      </c>
      <c r="C21401" s="1" t="s">
        <v>42374</v>
      </c>
      <c r="D21401" s="2">
        <v>174229</v>
      </c>
      <c r="E21401" s="1" t="s">
        <v>0</v>
      </c>
    </row>
    <row r="21402" spans="1:5" x14ac:dyDescent="0.25">
      <c r="A21402" s="2">
        <v>4280</v>
      </c>
      <c r="B21402" s="2">
        <v>4280</v>
      </c>
      <c r="C21402" s="1" t="s">
        <v>0</v>
      </c>
      <c r="D21402" s="2">
        <v>174230</v>
      </c>
      <c r="E21402" s="1" t="s">
        <v>0</v>
      </c>
    </row>
    <row r="21403" spans="1:5" x14ac:dyDescent="0.25">
      <c r="A21403" s="1" t="s">
        <v>3887</v>
      </c>
      <c r="B21403" s="1" t="s">
        <v>11180</v>
      </c>
      <c r="C21403" s="1" t="s">
        <v>42375</v>
      </c>
      <c r="D21403" s="2">
        <v>174231</v>
      </c>
      <c r="E21403" s="1" t="s">
        <v>0</v>
      </c>
    </row>
    <row r="21404" spans="1:5" x14ac:dyDescent="0.25">
      <c r="A21404" s="1" t="s">
        <v>42376</v>
      </c>
      <c r="B21404" s="1" t="s">
        <v>55721</v>
      </c>
      <c r="C21404" s="1" t="s">
        <v>42377</v>
      </c>
      <c r="D21404" s="2">
        <v>174232</v>
      </c>
      <c r="E21404" s="1" t="s">
        <v>0</v>
      </c>
    </row>
    <row r="21405" spans="1:5" ht="409.5" x14ac:dyDescent="0.25">
      <c r="A21405" s="4" t="s">
        <v>42378</v>
      </c>
      <c r="B21405" s="1" t="s">
        <v>61337</v>
      </c>
      <c r="C21405" s="1" t="s">
        <v>42379</v>
      </c>
      <c r="D21405" s="2">
        <v>174233</v>
      </c>
      <c r="E21405" s="1" t="s">
        <v>0</v>
      </c>
    </row>
    <row r="21406" spans="1:5" x14ac:dyDescent="0.25">
      <c r="A21406" s="1" t="s">
        <v>42380</v>
      </c>
      <c r="B21406" s="1" t="s">
        <v>11181</v>
      </c>
      <c r="C21406" s="1" t="s">
        <v>42381</v>
      </c>
      <c r="D21406" s="2">
        <v>174234</v>
      </c>
      <c r="E21406" s="1" t="s">
        <v>0</v>
      </c>
    </row>
    <row r="21407" spans="1:5" x14ac:dyDescent="0.25">
      <c r="A21407" s="2">
        <v>4281</v>
      </c>
      <c r="B21407" s="2">
        <v>4281</v>
      </c>
      <c r="C21407" s="1" t="s">
        <v>0</v>
      </c>
      <c r="D21407" s="2">
        <v>174235</v>
      </c>
      <c r="E21407" s="1" t="s">
        <v>0</v>
      </c>
    </row>
    <row r="21408" spans="1:5" x14ac:dyDescent="0.25">
      <c r="A21408" s="1" t="s">
        <v>13272</v>
      </c>
      <c r="B21408" s="1" t="s">
        <v>55722</v>
      </c>
      <c r="C21408" s="1" t="s">
        <v>42382</v>
      </c>
      <c r="D21408" s="2">
        <v>174236</v>
      </c>
      <c r="E21408" s="1" t="s">
        <v>0</v>
      </c>
    </row>
    <row r="21409" spans="1:5" x14ac:dyDescent="0.25">
      <c r="A21409" s="1" t="s">
        <v>42383</v>
      </c>
      <c r="B21409" s="1" t="s">
        <v>56861</v>
      </c>
      <c r="C21409" s="1" t="s">
        <v>42384</v>
      </c>
      <c r="D21409" s="2">
        <v>174237</v>
      </c>
      <c r="E21409" s="1" t="s">
        <v>0</v>
      </c>
    </row>
    <row r="21410" spans="1:5" ht="409.5" x14ac:dyDescent="0.25">
      <c r="A21410" s="4" t="s">
        <v>42385</v>
      </c>
      <c r="B21410" s="1" t="s">
        <v>56862</v>
      </c>
      <c r="C21410" s="1" t="s">
        <v>42386</v>
      </c>
      <c r="D21410" s="2">
        <v>174238</v>
      </c>
      <c r="E21410" s="1" t="s">
        <v>0</v>
      </c>
    </row>
    <row r="21411" spans="1:5" x14ac:dyDescent="0.25">
      <c r="A21411" s="1" t="s">
        <v>42387</v>
      </c>
      <c r="B21411" s="1" t="s">
        <v>55723</v>
      </c>
      <c r="C21411" s="1" t="s">
        <v>42388</v>
      </c>
      <c r="D21411" s="2">
        <v>174239</v>
      </c>
      <c r="E21411" s="1" t="s">
        <v>0</v>
      </c>
    </row>
    <row r="21412" spans="1:5" x14ac:dyDescent="0.25">
      <c r="A21412" s="2">
        <v>4282</v>
      </c>
      <c r="B21412" s="2">
        <v>4282</v>
      </c>
      <c r="C21412" s="1" t="s">
        <v>0</v>
      </c>
      <c r="D21412" s="2">
        <v>174240</v>
      </c>
      <c r="E21412" s="1" t="s">
        <v>0</v>
      </c>
    </row>
    <row r="21413" spans="1:5" x14ac:dyDescent="0.25">
      <c r="A21413" s="1" t="s">
        <v>11182</v>
      </c>
      <c r="B21413" s="1" t="s">
        <v>11183</v>
      </c>
      <c r="C21413" s="1" t="s">
        <v>42389</v>
      </c>
      <c r="D21413" s="2">
        <v>174241</v>
      </c>
      <c r="E21413" s="1" t="s">
        <v>0</v>
      </c>
    </row>
    <row r="21414" spans="1:5" x14ac:dyDescent="0.25">
      <c r="A21414" s="1" t="s">
        <v>42390</v>
      </c>
      <c r="B21414" s="1" t="s">
        <v>55724</v>
      </c>
      <c r="C21414" s="1" t="s">
        <v>42391</v>
      </c>
      <c r="D21414" s="2">
        <v>174242</v>
      </c>
      <c r="E21414" s="1" t="s">
        <v>0</v>
      </c>
    </row>
    <row r="21415" spans="1:5" ht="409.5" x14ac:dyDescent="0.25">
      <c r="A21415" s="4" t="s">
        <v>42392</v>
      </c>
      <c r="B21415" s="1" t="s">
        <v>56863</v>
      </c>
      <c r="C21415" s="1" t="s">
        <v>42393</v>
      </c>
      <c r="D21415" s="2">
        <v>174243</v>
      </c>
      <c r="E21415" s="1" t="s">
        <v>0</v>
      </c>
    </row>
    <row r="21416" spans="1:5" x14ac:dyDescent="0.25">
      <c r="A21416" s="1" t="s">
        <v>42394</v>
      </c>
      <c r="B21416" s="1" t="s">
        <v>55725</v>
      </c>
      <c r="C21416" s="1" t="s">
        <v>42395</v>
      </c>
      <c r="D21416" s="2">
        <v>174244</v>
      </c>
      <c r="E21416" s="1" t="s">
        <v>0</v>
      </c>
    </row>
    <row r="21417" spans="1:5" x14ac:dyDescent="0.25">
      <c r="A21417" s="2">
        <v>4283</v>
      </c>
      <c r="B21417" s="2">
        <v>4283</v>
      </c>
      <c r="C21417" s="1" t="s">
        <v>0</v>
      </c>
      <c r="D21417" s="2">
        <v>174245</v>
      </c>
      <c r="E21417" s="1" t="s">
        <v>0</v>
      </c>
    </row>
    <row r="21418" spans="1:5" x14ac:dyDescent="0.25">
      <c r="A21418" s="1" t="s">
        <v>3888</v>
      </c>
      <c r="B21418" s="1" t="s">
        <v>11184</v>
      </c>
      <c r="C21418" s="1" t="s">
        <v>42396</v>
      </c>
      <c r="D21418" s="2">
        <v>174246</v>
      </c>
      <c r="E21418" s="1" t="s">
        <v>0</v>
      </c>
    </row>
    <row r="21419" spans="1:5" x14ac:dyDescent="0.25">
      <c r="A21419" s="1" t="s">
        <v>42397</v>
      </c>
      <c r="B21419" s="1" t="s">
        <v>55726</v>
      </c>
      <c r="C21419" s="1" t="s">
        <v>42398</v>
      </c>
      <c r="D21419" s="2">
        <v>174247</v>
      </c>
      <c r="E21419" s="1" t="s">
        <v>0</v>
      </c>
    </row>
    <row r="21420" spans="1:5" ht="409.5" x14ac:dyDescent="0.25">
      <c r="A21420" s="4" t="s">
        <v>42399</v>
      </c>
      <c r="B21420" s="1" t="s">
        <v>63500</v>
      </c>
      <c r="C21420" s="1" t="s">
        <v>42400</v>
      </c>
      <c r="D21420" s="2">
        <v>174248</v>
      </c>
      <c r="E21420" s="1" t="s">
        <v>0</v>
      </c>
    </row>
    <row r="21421" spans="1:5" x14ac:dyDescent="0.25">
      <c r="A21421" s="1" t="s">
        <v>42401</v>
      </c>
      <c r="B21421" s="1" t="s">
        <v>11185</v>
      </c>
      <c r="C21421" s="1" t="s">
        <v>42402</v>
      </c>
      <c r="D21421" s="2">
        <v>174249</v>
      </c>
      <c r="E21421" s="1" t="s">
        <v>0</v>
      </c>
    </row>
    <row r="21422" spans="1:5" x14ac:dyDescent="0.25">
      <c r="A21422" s="2">
        <v>4284</v>
      </c>
      <c r="B21422" s="2">
        <v>4284</v>
      </c>
      <c r="C21422" s="1" t="s">
        <v>0</v>
      </c>
      <c r="D21422" s="2">
        <v>174250</v>
      </c>
      <c r="E21422" s="1" t="s">
        <v>0</v>
      </c>
    </row>
    <row r="21423" spans="1:5" x14ac:dyDescent="0.25">
      <c r="A21423" s="1" t="s">
        <v>3889</v>
      </c>
      <c r="B21423" s="1" t="s">
        <v>11186</v>
      </c>
      <c r="C21423" s="1" t="s">
        <v>42403</v>
      </c>
      <c r="D21423" s="2">
        <v>174251</v>
      </c>
      <c r="E21423" s="1" t="s">
        <v>0</v>
      </c>
    </row>
    <row r="21424" spans="1:5" x14ac:dyDescent="0.25">
      <c r="A21424" s="1" t="s">
        <v>42404</v>
      </c>
      <c r="B21424" s="1" t="s">
        <v>11187</v>
      </c>
      <c r="C21424" s="1" t="s">
        <v>42405</v>
      </c>
      <c r="D21424" s="2">
        <v>174252</v>
      </c>
      <c r="E21424" s="1" t="s">
        <v>0</v>
      </c>
    </row>
    <row r="21425" spans="1:5" ht="409.5" x14ac:dyDescent="0.25">
      <c r="A21425" s="4" t="s">
        <v>42406</v>
      </c>
      <c r="B21425" s="1" t="s">
        <v>58555</v>
      </c>
      <c r="C21425" s="1" t="s">
        <v>42407</v>
      </c>
      <c r="D21425" s="2">
        <v>174253</v>
      </c>
      <c r="E21425" s="1" t="s">
        <v>0</v>
      </c>
    </row>
    <row r="21426" spans="1:5" x14ac:dyDescent="0.25">
      <c r="A21426" s="1" t="s">
        <v>42408</v>
      </c>
      <c r="B21426" s="1" t="s">
        <v>11188</v>
      </c>
      <c r="C21426" s="1" t="s">
        <v>42409</v>
      </c>
      <c r="D21426" s="2">
        <v>174254</v>
      </c>
      <c r="E21426" s="1" t="s">
        <v>0</v>
      </c>
    </row>
    <row r="21427" spans="1:5" x14ac:dyDescent="0.25">
      <c r="A21427" s="2">
        <v>4285</v>
      </c>
      <c r="B21427" s="2">
        <v>4285</v>
      </c>
      <c r="C21427" s="1" t="s">
        <v>0</v>
      </c>
      <c r="D21427" s="2">
        <v>174255</v>
      </c>
      <c r="E21427" s="1" t="s">
        <v>0</v>
      </c>
    </row>
    <row r="21428" spans="1:5" x14ac:dyDescent="0.25">
      <c r="A21428" s="1" t="s">
        <v>3890</v>
      </c>
      <c r="B21428" s="1" t="s">
        <v>11189</v>
      </c>
      <c r="C21428" s="1" t="s">
        <v>42410</v>
      </c>
      <c r="D21428" s="2">
        <v>174256</v>
      </c>
      <c r="E21428" s="1" t="s">
        <v>0</v>
      </c>
    </row>
    <row r="21429" spans="1:5" x14ac:dyDescent="0.25">
      <c r="A21429" s="1" t="s">
        <v>42411</v>
      </c>
      <c r="B21429" s="1" t="s">
        <v>13273</v>
      </c>
      <c r="C21429" s="1" t="s">
        <v>42412</v>
      </c>
      <c r="D21429" s="2">
        <v>174257</v>
      </c>
      <c r="E21429" s="1" t="s">
        <v>0</v>
      </c>
    </row>
    <row r="21430" spans="1:5" ht="409.5" x14ac:dyDescent="0.25">
      <c r="A21430" s="4" t="s">
        <v>42413</v>
      </c>
      <c r="B21430" s="1" t="s">
        <v>60829</v>
      </c>
      <c r="C21430" s="1" t="s">
        <v>42414</v>
      </c>
      <c r="D21430" s="2">
        <v>174258</v>
      </c>
      <c r="E21430" s="1" t="s">
        <v>0</v>
      </c>
    </row>
    <row r="21431" spans="1:5" x14ac:dyDescent="0.25">
      <c r="A21431" s="1" t="s">
        <v>42415</v>
      </c>
      <c r="B21431" s="1" t="s">
        <v>11190</v>
      </c>
      <c r="C21431" s="1" t="s">
        <v>42416</v>
      </c>
      <c r="D21431" s="2">
        <v>174259</v>
      </c>
      <c r="E21431" s="1" t="s">
        <v>0</v>
      </c>
    </row>
    <row r="21432" spans="1:5" x14ac:dyDescent="0.25">
      <c r="A21432" s="2">
        <v>4286</v>
      </c>
      <c r="B21432" s="2">
        <v>4286</v>
      </c>
      <c r="C21432" s="1" t="s">
        <v>0</v>
      </c>
      <c r="D21432" s="2">
        <v>174260</v>
      </c>
      <c r="E21432" s="1" t="s">
        <v>0</v>
      </c>
    </row>
    <row r="21433" spans="1:5" x14ac:dyDescent="0.25">
      <c r="A21433" s="1" t="s">
        <v>3891</v>
      </c>
      <c r="B21433" s="1" t="s">
        <v>11191</v>
      </c>
      <c r="C21433" s="1" t="s">
        <v>42417</v>
      </c>
      <c r="D21433" s="2">
        <v>174261</v>
      </c>
      <c r="E21433" s="1" t="s">
        <v>0</v>
      </c>
    </row>
    <row r="21434" spans="1:5" x14ac:dyDescent="0.25">
      <c r="A21434" s="1" t="s">
        <v>42418</v>
      </c>
      <c r="B21434" s="1" t="s">
        <v>11192</v>
      </c>
      <c r="C21434" s="1" t="s">
        <v>42419</v>
      </c>
      <c r="D21434" s="2">
        <v>174262</v>
      </c>
      <c r="E21434" s="1" t="s">
        <v>0</v>
      </c>
    </row>
    <row r="21435" spans="1:5" ht="409.5" x14ac:dyDescent="0.25">
      <c r="A21435" s="4" t="s">
        <v>42420</v>
      </c>
      <c r="B21435" s="1" t="s">
        <v>11193</v>
      </c>
      <c r="C21435" s="1" t="s">
        <v>42421</v>
      </c>
      <c r="D21435" s="2">
        <v>174263</v>
      </c>
      <c r="E21435" s="1" t="s">
        <v>0</v>
      </c>
    </row>
    <row r="21436" spans="1:5" x14ac:dyDescent="0.25">
      <c r="A21436" s="1" t="s">
        <v>42422</v>
      </c>
      <c r="B21436" s="1" t="s">
        <v>11194</v>
      </c>
      <c r="C21436" s="1" t="s">
        <v>42423</v>
      </c>
      <c r="D21436" s="2">
        <v>174264</v>
      </c>
      <c r="E21436" s="1" t="s">
        <v>0</v>
      </c>
    </row>
    <row r="21437" spans="1:5" x14ac:dyDescent="0.25">
      <c r="A21437" s="2">
        <v>4287</v>
      </c>
      <c r="B21437" s="2">
        <v>4287</v>
      </c>
      <c r="C21437" s="1" t="s">
        <v>0</v>
      </c>
      <c r="D21437" s="2">
        <v>174265</v>
      </c>
      <c r="E21437" s="1" t="s">
        <v>0</v>
      </c>
    </row>
    <row r="21438" spans="1:5" x14ac:dyDescent="0.25">
      <c r="A21438" s="1" t="s">
        <v>3892</v>
      </c>
      <c r="B21438" s="1" t="s">
        <v>11195</v>
      </c>
      <c r="C21438" s="1" t="s">
        <v>42424</v>
      </c>
      <c r="D21438" s="2">
        <v>174266</v>
      </c>
      <c r="E21438" s="1" t="s">
        <v>0</v>
      </c>
    </row>
    <row r="21439" spans="1:5" x14ac:dyDescent="0.25">
      <c r="A21439" s="1" t="s">
        <v>42425</v>
      </c>
      <c r="B21439" s="1" t="s">
        <v>59074</v>
      </c>
      <c r="C21439" s="1" t="s">
        <v>42426</v>
      </c>
      <c r="D21439" s="2">
        <v>174267</v>
      </c>
      <c r="E21439" s="1" t="s">
        <v>0</v>
      </c>
    </row>
    <row r="21440" spans="1:5" ht="409.5" x14ac:dyDescent="0.25">
      <c r="A21440" s="4" t="s">
        <v>42427</v>
      </c>
      <c r="B21440" s="1" t="s">
        <v>59075</v>
      </c>
      <c r="C21440" s="1" t="s">
        <v>42428</v>
      </c>
      <c r="D21440" s="2">
        <v>174268</v>
      </c>
      <c r="E21440" s="1" t="s">
        <v>0</v>
      </c>
    </row>
    <row r="21441" spans="1:5" x14ac:dyDescent="0.25">
      <c r="A21441" s="1" t="s">
        <v>42429</v>
      </c>
      <c r="B21441" s="1" t="s">
        <v>11196</v>
      </c>
      <c r="C21441" s="1" t="s">
        <v>42430</v>
      </c>
      <c r="D21441" s="2">
        <v>174269</v>
      </c>
      <c r="E21441" s="1" t="s">
        <v>0</v>
      </c>
    </row>
    <row r="21442" spans="1:5" x14ac:dyDescent="0.25">
      <c r="A21442" s="2">
        <v>4288</v>
      </c>
      <c r="B21442" s="2">
        <v>4288</v>
      </c>
      <c r="C21442" s="1" t="s">
        <v>0</v>
      </c>
      <c r="D21442" s="2">
        <v>174270</v>
      </c>
      <c r="E21442" s="1" t="s">
        <v>0</v>
      </c>
    </row>
    <row r="21443" spans="1:5" x14ac:dyDescent="0.25">
      <c r="A21443" s="1" t="s">
        <v>3893</v>
      </c>
      <c r="B21443" s="1" t="s">
        <v>11197</v>
      </c>
      <c r="C21443" s="1" t="s">
        <v>42431</v>
      </c>
      <c r="D21443" s="2">
        <v>174271</v>
      </c>
      <c r="E21443" s="1" t="s">
        <v>0</v>
      </c>
    </row>
    <row r="21444" spans="1:5" x14ac:dyDescent="0.25">
      <c r="A21444" s="1" t="s">
        <v>42432</v>
      </c>
      <c r="B21444" s="1" t="s">
        <v>60784</v>
      </c>
      <c r="C21444" s="1" t="s">
        <v>42433</v>
      </c>
      <c r="D21444" s="2">
        <v>174272</v>
      </c>
      <c r="E21444" s="1" t="s">
        <v>0</v>
      </c>
    </row>
    <row r="21445" spans="1:5" ht="409.5" x14ac:dyDescent="0.25">
      <c r="A21445" s="4" t="s">
        <v>42434</v>
      </c>
      <c r="B21445" s="1" t="s">
        <v>60785</v>
      </c>
      <c r="C21445" s="1" t="s">
        <v>42435</v>
      </c>
      <c r="D21445" s="2">
        <v>174273</v>
      </c>
      <c r="E21445" s="1" t="s">
        <v>0</v>
      </c>
    </row>
    <row r="21446" spans="1:5" x14ac:dyDescent="0.25">
      <c r="A21446" s="1" t="s">
        <v>42436</v>
      </c>
      <c r="B21446" s="1" t="s">
        <v>55727</v>
      </c>
      <c r="C21446" s="1" t="s">
        <v>42437</v>
      </c>
      <c r="D21446" s="2">
        <v>174274</v>
      </c>
      <c r="E21446" s="1" t="s">
        <v>0</v>
      </c>
    </row>
    <row r="21447" spans="1:5" x14ac:dyDescent="0.25">
      <c r="A21447" s="2">
        <v>4289</v>
      </c>
      <c r="B21447" s="2">
        <v>4289</v>
      </c>
      <c r="C21447" s="1" t="s">
        <v>0</v>
      </c>
      <c r="D21447" s="2">
        <v>174275</v>
      </c>
      <c r="E21447" s="1" t="s">
        <v>0</v>
      </c>
    </row>
    <row r="21448" spans="1:5" x14ac:dyDescent="0.25">
      <c r="A21448" s="1" t="s">
        <v>11198</v>
      </c>
      <c r="B21448" s="1" t="s">
        <v>55728</v>
      </c>
      <c r="C21448" s="1" t="s">
        <v>42438</v>
      </c>
      <c r="D21448" s="2">
        <v>174276</v>
      </c>
      <c r="E21448" s="1" t="s">
        <v>0</v>
      </c>
    </row>
    <row r="21449" spans="1:5" x14ac:dyDescent="0.25">
      <c r="A21449" s="1" t="s">
        <v>42439</v>
      </c>
      <c r="B21449" s="1" t="s">
        <v>11199</v>
      </c>
      <c r="C21449" s="1" t="s">
        <v>42440</v>
      </c>
      <c r="D21449" s="2">
        <v>174277</v>
      </c>
      <c r="E21449" s="1" t="s">
        <v>0</v>
      </c>
    </row>
    <row r="21450" spans="1:5" ht="409.5" x14ac:dyDescent="0.25">
      <c r="A21450" s="4" t="s">
        <v>42441</v>
      </c>
      <c r="B21450" s="1" t="s">
        <v>57984</v>
      </c>
      <c r="C21450" s="1" t="s">
        <v>42442</v>
      </c>
      <c r="D21450" s="2">
        <v>174278</v>
      </c>
      <c r="E21450" s="1" t="s">
        <v>0</v>
      </c>
    </row>
    <row r="21451" spans="1:5" x14ac:dyDescent="0.25">
      <c r="A21451" s="1" t="s">
        <v>42443</v>
      </c>
      <c r="B21451" s="1" t="s">
        <v>55729</v>
      </c>
      <c r="C21451" s="1" t="s">
        <v>42444</v>
      </c>
      <c r="D21451" s="2">
        <v>174279</v>
      </c>
      <c r="E21451" s="1" t="s">
        <v>0</v>
      </c>
    </row>
    <row r="21452" spans="1:5" x14ac:dyDescent="0.25">
      <c r="A21452" s="2">
        <v>4290</v>
      </c>
      <c r="B21452" s="2">
        <v>4290</v>
      </c>
      <c r="C21452" s="1" t="s">
        <v>0</v>
      </c>
      <c r="D21452" s="2">
        <v>174280</v>
      </c>
      <c r="E21452" s="1" t="s">
        <v>0</v>
      </c>
    </row>
    <row r="21453" spans="1:5" x14ac:dyDescent="0.25">
      <c r="A21453" s="1" t="s">
        <v>3894</v>
      </c>
      <c r="B21453" s="1" t="s">
        <v>11200</v>
      </c>
      <c r="C21453" s="1" t="s">
        <v>42445</v>
      </c>
      <c r="D21453" s="2">
        <v>174281</v>
      </c>
      <c r="E21453" s="1" t="s">
        <v>0</v>
      </c>
    </row>
    <row r="21454" spans="1:5" x14ac:dyDescent="0.25">
      <c r="A21454" s="1" t="s">
        <v>42446</v>
      </c>
      <c r="B21454" s="1" t="s">
        <v>59076</v>
      </c>
      <c r="C21454" s="1" t="s">
        <v>42447</v>
      </c>
      <c r="D21454" s="2">
        <v>174282</v>
      </c>
      <c r="E21454" s="1" t="s">
        <v>0</v>
      </c>
    </row>
    <row r="21455" spans="1:5" ht="409.5" x14ac:dyDescent="0.25">
      <c r="A21455" s="4" t="s">
        <v>42448</v>
      </c>
      <c r="B21455" s="1" t="s">
        <v>59077</v>
      </c>
      <c r="C21455" s="1" t="s">
        <v>42449</v>
      </c>
      <c r="D21455" s="2">
        <v>174283</v>
      </c>
      <c r="E21455" s="1" t="s">
        <v>0</v>
      </c>
    </row>
    <row r="21456" spans="1:5" x14ac:dyDescent="0.25">
      <c r="A21456" s="1" t="s">
        <v>42450</v>
      </c>
      <c r="B21456" s="1" t="s">
        <v>59078</v>
      </c>
      <c r="C21456" s="1" t="s">
        <v>42451</v>
      </c>
      <c r="D21456" s="2">
        <v>174284</v>
      </c>
      <c r="E21456" s="1" t="s">
        <v>0</v>
      </c>
    </row>
    <row r="21457" spans="1:5" x14ac:dyDescent="0.25">
      <c r="A21457" s="2">
        <v>4291</v>
      </c>
      <c r="B21457" s="2">
        <v>4291</v>
      </c>
      <c r="C21457" s="1" t="s">
        <v>0</v>
      </c>
      <c r="D21457" s="2">
        <v>174285</v>
      </c>
      <c r="E21457" s="1" t="s">
        <v>0</v>
      </c>
    </row>
    <row r="21458" spans="1:5" x14ac:dyDescent="0.25">
      <c r="A21458" s="1" t="s">
        <v>3895</v>
      </c>
      <c r="B21458" s="1" t="s">
        <v>55730</v>
      </c>
      <c r="C21458" s="1" t="s">
        <v>42452</v>
      </c>
      <c r="D21458" s="2">
        <v>174286</v>
      </c>
      <c r="E21458" s="1" t="s">
        <v>0</v>
      </c>
    </row>
    <row r="21459" spans="1:5" x14ac:dyDescent="0.25">
      <c r="A21459" s="1" t="s">
        <v>42453</v>
      </c>
      <c r="B21459" s="1" t="s">
        <v>55731</v>
      </c>
      <c r="C21459" s="1" t="s">
        <v>42454</v>
      </c>
      <c r="D21459" s="2">
        <v>174287</v>
      </c>
      <c r="E21459" s="1" t="s">
        <v>0</v>
      </c>
    </row>
    <row r="21460" spans="1:5" ht="409.5" x14ac:dyDescent="0.25">
      <c r="A21460" s="4" t="s">
        <v>42455</v>
      </c>
      <c r="B21460" s="1" t="s">
        <v>55732</v>
      </c>
      <c r="C21460" s="1" t="s">
        <v>42456</v>
      </c>
      <c r="D21460" s="2">
        <v>174288</v>
      </c>
      <c r="E21460" s="1" t="s">
        <v>0</v>
      </c>
    </row>
    <row r="21461" spans="1:5" x14ac:dyDescent="0.25">
      <c r="A21461" s="1" t="s">
        <v>42457</v>
      </c>
      <c r="B21461" s="1" t="s">
        <v>55733</v>
      </c>
      <c r="C21461" s="1" t="s">
        <v>42458</v>
      </c>
      <c r="D21461" s="2">
        <v>174289</v>
      </c>
      <c r="E21461" s="1" t="s">
        <v>0</v>
      </c>
    </row>
    <row r="21462" spans="1:5" x14ac:dyDescent="0.25">
      <c r="A21462" s="2">
        <v>4292</v>
      </c>
      <c r="B21462" s="2">
        <v>4292</v>
      </c>
      <c r="C21462" s="1" t="s">
        <v>0</v>
      </c>
      <c r="D21462" s="2">
        <v>174290</v>
      </c>
      <c r="E21462" s="1" t="s">
        <v>0</v>
      </c>
    </row>
    <row r="21463" spans="1:5" x14ac:dyDescent="0.25">
      <c r="A21463" s="1" t="s">
        <v>3896</v>
      </c>
      <c r="B21463" s="1" t="s">
        <v>55734</v>
      </c>
      <c r="C21463" s="1" t="s">
        <v>42459</v>
      </c>
      <c r="D21463" s="2">
        <v>174291</v>
      </c>
      <c r="E21463" s="1" t="s">
        <v>0</v>
      </c>
    </row>
    <row r="21464" spans="1:5" x14ac:dyDescent="0.25">
      <c r="A21464" s="1" t="s">
        <v>42460</v>
      </c>
      <c r="B21464" s="1" t="s">
        <v>62899</v>
      </c>
      <c r="C21464" s="1" t="s">
        <v>42461</v>
      </c>
      <c r="D21464" s="2">
        <v>174292</v>
      </c>
      <c r="E21464" s="1" t="s">
        <v>0</v>
      </c>
    </row>
    <row r="21465" spans="1:5" ht="409.5" x14ac:dyDescent="0.25">
      <c r="A21465" s="4" t="s">
        <v>42462</v>
      </c>
      <c r="B21465" s="1" t="s">
        <v>62900</v>
      </c>
      <c r="C21465" s="1" t="s">
        <v>42463</v>
      </c>
      <c r="D21465" s="2">
        <v>174293</v>
      </c>
      <c r="E21465" s="1" t="s">
        <v>0</v>
      </c>
    </row>
    <row r="21466" spans="1:5" x14ac:dyDescent="0.25">
      <c r="A21466" s="1" t="s">
        <v>42464</v>
      </c>
      <c r="B21466" s="1" t="s">
        <v>11201</v>
      </c>
      <c r="C21466" s="1" t="s">
        <v>42465</v>
      </c>
      <c r="D21466" s="2">
        <v>174294</v>
      </c>
      <c r="E21466" s="1" t="s">
        <v>0</v>
      </c>
    </row>
    <row r="21467" spans="1:5" x14ac:dyDescent="0.25">
      <c r="A21467" s="2">
        <v>4293</v>
      </c>
      <c r="B21467" s="2">
        <v>4293</v>
      </c>
      <c r="C21467" s="1" t="s">
        <v>0</v>
      </c>
      <c r="D21467" s="2">
        <v>174295</v>
      </c>
      <c r="E21467" s="1" t="s">
        <v>0</v>
      </c>
    </row>
    <row r="21468" spans="1:5" x14ac:dyDescent="0.25">
      <c r="A21468" s="1" t="s">
        <v>3897</v>
      </c>
      <c r="B21468" s="1" t="s">
        <v>11202</v>
      </c>
      <c r="C21468" s="1" t="s">
        <v>42466</v>
      </c>
      <c r="D21468" s="2">
        <v>174296</v>
      </c>
      <c r="E21468" s="1" t="s">
        <v>0</v>
      </c>
    </row>
    <row r="21469" spans="1:5" x14ac:dyDescent="0.25">
      <c r="A21469" s="1" t="s">
        <v>42467</v>
      </c>
      <c r="B21469" s="1" t="s">
        <v>62901</v>
      </c>
      <c r="C21469" s="1" t="s">
        <v>42468</v>
      </c>
      <c r="D21469" s="2">
        <v>174297</v>
      </c>
      <c r="E21469" s="1" t="s">
        <v>0</v>
      </c>
    </row>
    <row r="21470" spans="1:5" ht="409.5" x14ac:dyDescent="0.25">
      <c r="A21470" s="4" t="s">
        <v>42469</v>
      </c>
      <c r="B21470" s="1" t="s">
        <v>62902</v>
      </c>
      <c r="C21470" s="1" t="s">
        <v>42470</v>
      </c>
      <c r="D21470" s="2">
        <v>174298</v>
      </c>
      <c r="E21470" s="1" t="s">
        <v>0</v>
      </c>
    </row>
    <row r="21471" spans="1:5" x14ac:dyDescent="0.25">
      <c r="A21471" s="1" t="s">
        <v>42471</v>
      </c>
      <c r="B21471" s="1" t="s">
        <v>61338</v>
      </c>
      <c r="C21471" s="1" t="s">
        <v>42472</v>
      </c>
      <c r="D21471" s="2">
        <v>174299</v>
      </c>
      <c r="E21471" s="1" t="s">
        <v>0</v>
      </c>
    </row>
    <row r="21472" spans="1:5" x14ac:dyDescent="0.25">
      <c r="A21472" s="2">
        <v>4294</v>
      </c>
      <c r="B21472" s="2">
        <v>4294</v>
      </c>
      <c r="C21472" s="1" t="s">
        <v>0</v>
      </c>
      <c r="D21472" s="2">
        <v>174300</v>
      </c>
      <c r="E21472" s="1" t="s">
        <v>0</v>
      </c>
    </row>
    <row r="21473" spans="1:5" x14ac:dyDescent="0.25">
      <c r="A21473" s="1" t="s">
        <v>3898</v>
      </c>
      <c r="B21473" s="1" t="s">
        <v>11203</v>
      </c>
      <c r="C21473" s="1" t="s">
        <v>42473</v>
      </c>
      <c r="D21473" s="2">
        <v>174301</v>
      </c>
      <c r="E21473" s="1" t="s">
        <v>0</v>
      </c>
    </row>
    <row r="21474" spans="1:5" x14ac:dyDescent="0.25">
      <c r="A21474" s="1" t="s">
        <v>42474</v>
      </c>
      <c r="B21474" s="1" t="s">
        <v>55735</v>
      </c>
      <c r="C21474" s="1" t="s">
        <v>42475</v>
      </c>
      <c r="D21474" s="2">
        <v>174302</v>
      </c>
      <c r="E21474" s="1" t="s">
        <v>0</v>
      </c>
    </row>
    <row r="21475" spans="1:5" ht="409.5" x14ac:dyDescent="0.25">
      <c r="A21475" s="4" t="s">
        <v>42476</v>
      </c>
      <c r="B21475" s="1" t="s">
        <v>55736</v>
      </c>
      <c r="C21475" s="1" t="s">
        <v>42477</v>
      </c>
      <c r="D21475" s="2">
        <v>174303</v>
      </c>
      <c r="E21475" s="1" t="s">
        <v>0</v>
      </c>
    </row>
    <row r="21476" spans="1:5" x14ac:dyDescent="0.25">
      <c r="A21476" s="1" t="s">
        <v>42478</v>
      </c>
      <c r="B21476" s="1" t="s">
        <v>11204</v>
      </c>
      <c r="C21476" s="1" t="s">
        <v>42479</v>
      </c>
      <c r="D21476" s="2">
        <v>174304</v>
      </c>
      <c r="E21476" s="1" t="s">
        <v>0</v>
      </c>
    </row>
    <row r="21477" spans="1:5" x14ac:dyDescent="0.25">
      <c r="A21477" s="2">
        <v>4295</v>
      </c>
      <c r="B21477" s="2">
        <v>4295</v>
      </c>
      <c r="C21477" s="1" t="s">
        <v>0</v>
      </c>
      <c r="D21477" s="2">
        <v>174305</v>
      </c>
      <c r="E21477" s="1" t="s">
        <v>0</v>
      </c>
    </row>
    <row r="21478" spans="1:5" x14ac:dyDescent="0.25">
      <c r="A21478" s="1" t="s">
        <v>3899</v>
      </c>
      <c r="B21478" s="1" t="s">
        <v>11205</v>
      </c>
      <c r="C21478" s="1" t="s">
        <v>42480</v>
      </c>
      <c r="D21478" s="2">
        <v>174306</v>
      </c>
      <c r="E21478" s="1" t="s">
        <v>0</v>
      </c>
    </row>
    <row r="21479" spans="1:5" x14ac:dyDescent="0.25">
      <c r="A21479" s="1" t="s">
        <v>42481</v>
      </c>
      <c r="B21479" s="1" t="s">
        <v>11206</v>
      </c>
      <c r="C21479" s="1" t="s">
        <v>42482</v>
      </c>
      <c r="D21479" s="2">
        <v>174307</v>
      </c>
      <c r="E21479" s="1" t="s">
        <v>0</v>
      </c>
    </row>
    <row r="21480" spans="1:5" ht="409.5" x14ac:dyDescent="0.25">
      <c r="A21480" s="4" t="s">
        <v>42483</v>
      </c>
      <c r="B21480" s="1" t="s">
        <v>55737</v>
      </c>
      <c r="C21480" s="1" t="s">
        <v>42484</v>
      </c>
      <c r="D21480" s="2">
        <v>174308</v>
      </c>
      <c r="E21480" s="1" t="s">
        <v>0</v>
      </c>
    </row>
    <row r="21481" spans="1:5" x14ac:dyDescent="0.25">
      <c r="A21481" s="1" t="s">
        <v>42485</v>
      </c>
      <c r="B21481" s="1" t="s">
        <v>55738</v>
      </c>
      <c r="C21481" s="1" t="s">
        <v>42486</v>
      </c>
      <c r="D21481" s="2">
        <v>174309</v>
      </c>
      <c r="E21481" s="1" t="s">
        <v>0</v>
      </c>
    </row>
    <row r="21482" spans="1:5" x14ac:dyDescent="0.25">
      <c r="A21482" s="2">
        <v>4296</v>
      </c>
      <c r="B21482" s="2">
        <v>4296</v>
      </c>
      <c r="C21482" s="1" t="s">
        <v>0</v>
      </c>
      <c r="D21482" s="2">
        <v>174310</v>
      </c>
      <c r="E21482" s="1" t="s">
        <v>0</v>
      </c>
    </row>
    <row r="21483" spans="1:5" x14ac:dyDescent="0.25">
      <c r="A21483" s="1" t="s">
        <v>3900</v>
      </c>
      <c r="B21483" s="1" t="s">
        <v>11207</v>
      </c>
      <c r="C21483" s="1" t="s">
        <v>42487</v>
      </c>
      <c r="D21483" s="2">
        <v>174311</v>
      </c>
      <c r="E21483" s="1" t="s">
        <v>0</v>
      </c>
    </row>
    <row r="21484" spans="1:5" x14ac:dyDescent="0.25">
      <c r="A21484" s="1" t="s">
        <v>42488</v>
      </c>
      <c r="B21484" s="1" t="s">
        <v>63814</v>
      </c>
      <c r="C21484" s="1" t="s">
        <v>42489</v>
      </c>
      <c r="D21484" s="2">
        <v>174312</v>
      </c>
      <c r="E21484" s="1" t="s">
        <v>0</v>
      </c>
    </row>
    <row r="21485" spans="1:5" ht="409.5" x14ac:dyDescent="0.25">
      <c r="A21485" s="4" t="s">
        <v>42490</v>
      </c>
      <c r="B21485" s="1" t="s">
        <v>63815</v>
      </c>
      <c r="C21485" s="1" t="s">
        <v>42491</v>
      </c>
      <c r="D21485" s="2">
        <v>174313</v>
      </c>
      <c r="E21485" s="1" t="s">
        <v>0</v>
      </c>
    </row>
    <row r="21486" spans="1:5" x14ac:dyDescent="0.25">
      <c r="A21486" s="1" t="s">
        <v>13413</v>
      </c>
      <c r="B21486" s="1" t="s">
        <v>60845</v>
      </c>
      <c r="C21486" s="1" t="s">
        <v>13414</v>
      </c>
      <c r="D21486" s="2">
        <v>174314</v>
      </c>
      <c r="E21486" s="1" t="s">
        <v>0</v>
      </c>
    </row>
    <row r="21487" spans="1:5" x14ac:dyDescent="0.25">
      <c r="A21487" s="2">
        <v>4297</v>
      </c>
      <c r="B21487" s="2">
        <v>4297</v>
      </c>
      <c r="C21487" s="1" t="s">
        <v>0</v>
      </c>
      <c r="D21487" s="2">
        <v>174315</v>
      </c>
      <c r="E21487" s="1" t="s">
        <v>0</v>
      </c>
    </row>
    <row r="21488" spans="1:5" x14ac:dyDescent="0.25">
      <c r="A21488" s="1" t="s">
        <v>3901</v>
      </c>
      <c r="B21488" s="1" t="s">
        <v>57614</v>
      </c>
      <c r="C21488" s="1" t="s">
        <v>42492</v>
      </c>
      <c r="D21488" s="2">
        <v>174316</v>
      </c>
      <c r="E21488" s="1" t="s">
        <v>0</v>
      </c>
    </row>
    <row r="21489" spans="1:5" x14ac:dyDescent="0.25">
      <c r="A21489" s="1" t="s">
        <v>42493</v>
      </c>
      <c r="B21489" s="1" t="s">
        <v>57615</v>
      </c>
      <c r="C21489" s="1" t="s">
        <v>42494</v>
      </c>
      <c r="D21489" s="2">
        <v>174317</v>
      </c>
      <c r="E21489" s="1" t="s">
        <v>0</v>
      </c>
    </row>
    <row r="21490" spans="1:5" ht="409.5" x14ac:dyDescent="0.25">
      <c r="A21490" s="4" t="s">
        <v>42495</v>
      </c>
      <c r="B21490" s="1" t="s">
        <v>57616</v>
      </c>
      <c r="C21490" s="1" t="s">
        <v>42496</v>
      </c>
      <c r="D21490" s="2">
        <v>174318</v>
      </c>
      <c r="E21490" s="1" t="s">
        <v>0</v>
      </c>
    </row>
    <row r="21491" spans="1:5" x14ac:dyDescent="0.25">
      <c r="A21491" s="1" t="s">
        <v>42497</v>
      </c>
      <c r="B21491" s="1" t="s">
        <v>57617</v>
      </c>
      <c r="C21491" s="1" t="s">
        <v>42498</v>
      </c>
      <c r="D21491" s="2">
        <v>174319</v>
      </c>
      <c r="E21491" s="1" t="s">
        <v>0</v>
      </c>
    </row>
    <row r="21492" spans="1:5" x14ac:dyDescent="0.25">
      <c r="A21492" s="2">
        <v>4298</v>
      </c>
      <c r="B21492" s="2">
        <v>4298</v>
      </c>
      <c r="C21492" s="1" t="s">
        <v>0</v>
      </c>
      <c r="D21492" s="2">
        <v>174320</v>
      </c>
      <c r="E21492" s="1" t="s">
        <v>0</v>
      </c>
    </row>
    <row r="21493" spans="1:5" x14ac:dyDescent="0.25">
      <c r="A21493" s="1" t="s">
        <v>3902</v>
      </c>
      <c r="B21493" s="1" t="s">
        <v>11208</v>
      </c>
      <c r="C21493" s="1" t="s">
        <v>42499</v>
      </c>
      <c r="D21493" s="2">
        <v>174321</v>
      </c>
      <c r="E21493" s="1" t="s">
        <v>0</v>
      </c>
    </row>
    <row r="21494" spans="1:5" x14ac:dyDescent="0.25">
      <c r="A21494" s="1" t="s">
        <v>42500</v>
      </c>
      <c r="B21494" s="1" t="s">
        <v>58556</v>
      </c>
      <c r="C21494" s="1" t="s">
        <v>42501</v>
      </c>
      <c r="D21494" s="2">
        <v>174322</v>
      </c>
      <c r="E21494" s="1" t="s">
        <v>0</v>
      </c>
    </row>
    <row r="21495" spans="1:5" ht="409.5" x14ac:dyDescent="0.25">
      <c r="A21495" s="4" t="s">
        <v>64333</v>
      </c>
      <c r="B21495" s="1" t="s">
        <v>60236</v>
      </c>
      <c r="C21495" s="1" t="s">
        <v>42502</v>
      </c>
      <c r="D21495" s="2">
        <v>174323</v>
      </c>
      <c r="E21495" s="1" t="s">
        <v>0</v>
      </c>
    </row>
    <row r="21496" spans="1:5" x14ac:dyDescent="0.25">
      <c r="A21496" s="1" t="s">
        <v>42503</v>
      </c>
      <c r="B21496" s="1" t="s">
        <v>55739</v>
      </c>
      <c r="C21496" s="1" t="s">
        <v>42504</v>
      </c>
      <c r="D21496" s="2">
        <v>174324</v>
      </c>
      <c r="E21496" s="1" t="s">
        <v>0</v>
      </c>
    </row>
    <row r="21497" spans="1:5" x14ac:dyDescent="0.25">
      <c r="A21497" s="2">
        <v>4299</v>
      </c>
      <c r="B21497" s="2">
        <v>4299</v>
      </c>
      <c r="C21497" s="1" t="s">
        <v>0</v>
      </c>
      <c r="D21497" s="2">
        <v>174325</v>
      </c>
      <c r="E21497" s="1" t="s">
        <v>0</v>
      </c>
    </row>
    <row r="21498" spans="1:5" x14ac:dyDescent="0.25">
      <c r="A21498" s="1" t="s">
        <v>11209</v>
      </c>
      <c r="B21498" s="1" t="s">
        <v>11210</v>
      </c>
      <c r="C21498" s="1" t="s">
        <v>42505</v>
      </c>
      <c r="D21498" s="2">
        <v>174326</v>
      </c>
      <c r="E21498" s="1" t="s">
        <v>0</v>
      </c>
    </row>
    <row r="21499" spans="1:5" x14ac:dyDescent="0.25">
      <c r="A21499" s="1" t="s">
        <v>42506</v>
      </c>
      <c r="B21499" s="1" t="s">
        <v>55740</v>
      </c>
      <c r="C21499" s="1" t="s">
        <v>42507</v>
      </c>
      <c r="D21499" s="2">
        <v>174327</v>
      </c>
      <c r="E21499" s="1" t="s">
        <v>0</v>
      </c>
    </row>
    <row r="21500" spans="1:5" ht="409.5" x14ac:dyDescent="0.25">
      <c r="A21500" s="4" t="s">
        <v>42508</v>
      </c>
      <c r="B21500" s="1" t="s">
        <v>55741</v>
      </c>
      <c r="C21500" s="1" t="s">
        <v>42509</v>
      </c>
      <c r="D21500" s="2">
        <v>174328</v>
      </c>
      <c r="E21500" s="1" t="s">
        <v>0</v>
      </c>
    </row>
    <row r="21501" spans="1:5" x14ac:dyDescent="0.25">
      <c r="A21501" s="1" t="s">
        <v>42510</v>
      </c>
      <c r="B21501" s="1" t="s">
        <v>55742</v>
      </c>
      <c r="C21501" s="1" t="s">
        <v>42511</v>
      </c>
      <c r="D21501" s="2">
        <v>174329</v>
      </c>
      <c r="E21501" s="1" t="s">
        <v>0</v>
      </c>
    </row>
    <row r="21502" spans="1:5" x14ac:dyDescent="0.25">
      <c r="A21502" s="2">
        <v>4300</v>
      </c>
      <c r="B21502" s="2">
        <v>4300</v>
      </c>
      <c r="C21502" s="1" t="s">
        <v>0</v>
      </c>
      <c r="D21502" s="2">
        <v>174330</v>
      </c>
      <c r="E21502" s="1" t="s">
        <v>0</v>
      </c>
    </row>
    <row r="21503" spans="1:5" x14ac:dyDescent="0.25">
      <c r="A21503" s="1" t="s">
        <v>3903</v>
      </c>
      <c r="B21503" s="1" t="s">
        <v>11211</v>
      </c>
      <c r="C21503" s="1" t="s">
        <v>42512</v>
      </c>
      <c r="D21503" s="2">
        <v>174331</v>
      </c>
      <c r="E21503" s="1" t="s">
        <v>0</v>
      </c>
    </row>
    <row r="21504" spans="1:5" x14ac:dyDescent="0.25">
      <c r="A21504" s="1" t="s">
        <v>42513</v>
      </c>
      <c r="B21504" s="1" t="s">
        <v>55743</v>
      </c>
      <c r="C21504" s="1" t="s">
        <v>42514</v>
      </c>
      <c r="D21504" s="2">
        <v>174332</v>
      </c>
      <c r="E21504" s="1" t="s">
        <v>0</v>
      </c>
    </row>
    <row r="21505" spans="1:5" ht="409.5" x14ac:dyDescent="0.25">
      <c r="A21505" s="4" t="s">
        <v>42515</v>
      </c>
      <c r="B21505" s="1" t="s">
        <v>55744</v>
      </c>
      <c r="C21505" s="1" t="s">
        <v>42516</v>
      </c>
      <c r="D21505" s="2">
        <v>174333</v>
      </c>
      <c r="E21505" s="1" t="s">
        <v>0</v>
      </c>
    </row>
    <row r="21506" spans="1:5" x14ac:dyDescent="0.25">
      <c r="A21506" s="1" t="s">
        <v>42517</v>
      </c>
      <c r="B21506" s="1" t="s">
        <v>11212</v>
      </c>
      <c r="C21506" s="1" t="s">
        <v>42518</v>
      </c>
      <c r="D21506" s="2">
        <v>174334</v>
      </c>
      <c r="E21506" s="1" t="s">
        <v>0</v>
      </c>
    </row>
    <row r="21507" spans="1:5" x14ac:dyDescent="0.25">
      <c r="A21507" s="2">
        <v>4301</v>
      </c>
      <c r="B21507" s="2">
        <v>4301</v>
      </c>
      <c r="C21507" s="1" t="s">
        <v>0</v>
      </c>
      <c r="D21507" s="2">
        <v>174335</v>
      </c>
      <c r="E21507" s="1" t="s">
        <v>0</v>
      </c>
    </row>
    <row r="21508" spans="1:5" x14ac:dyDescent="0.25">
      <c r="A21508" s="1" t="s">
        <v>3904</v>
      </c>
      <c r="B21508" s="1" t="s">
        <v>11213</v>
      </c>
      <c r="C21508" s="1" t="s">
        <v>42519</v>
      </c>
      <c r="D21508" s="2">
        <v>174336</v>
      </c>
      <c r="E21508" s="1" t="s">
        <v>0</v>
      </c>
    </row>
    <row r="21509" spans="1:5" x14ac:dyDescent="0.25">
      <c r="A21509" s="1" t="s">
        <v>42520</v>
      </c>
      <c r="B21509" s="1" t="s">
        <v>11214</v>
      </c>
      <c r="C21509" s="1" t="s">
        <v>42521</v>
      </c>
      <c r="D21509" s="2">
        <v>174337</v>
      </c>
      <c r="E21509" s="1" t="s">
        <v>0</v>
      </c>
    </row>
    <row r="21510" spans="1:5" ht="409.5" x14ac:dyDescent="0.25">
      <c r="A21510" s="4" t="s">
        <v>42522</v>
      </c>
      <c r="B21510" s="1" t="s">
        <v>11215</v>
      </c>
      <c r="C21510" s="1" t="s">
        <v>42523</v>
      </c>
      <c r="D21510" s="2">
        <v>174338</v>
      </c>
      <c r="E21510" s="1" t="s">
        <v>0</v>
      </c>
    </row>
    <row r="21511" spans="1:5" x14ac:dyDescent="0.25">
      <c r="A21511" s="1" t="s">
        <v>42524</v>
      </c>
      <c r="B21511" s="1" t="s">
        <v>55745</v>
      </c>
      <c r="C21511" s="1" t="s">
        <v>42525</v>
      </c>
      <c r="D21511" s="2">
        <v>174339</v>
      </c>
      <c r="E21511" s="1" t="s">
        <v>0</v>
      </c>
    </row>
    <row r="21512" spans="1:5" x14ac:dyDescent="0.25">
      <c r="A21512" s="2">
        <v>4302</v>
      </c>
      <c r="B21512" s="2">
        <v>4302</v>
      </c>
      <c r="C21512" s="1" t="s">
        <v>0</v>
      </c>
      <c r="D21512" s="2">
        <v>174340</v>
      </c>
      <c r="E21512" s="1" t="s">
        <v>0</v>
      </c>
    </row>
    <row r="21513" spans="1:5" x14ac:dyDescent="0.25">
      <c r="A21513" s="1" t="s">
        <v>3905</v>
      </c>
      <c r="B21513" s="1" t="s">
        <v>11216</v>
      </c>
      <c r="C21513" s="1" t="s">
        <v>42526</v>
      </c>
      <c r="D21513" s="2">
        <v>174341</v>
      </c>
      <c r="E21513" s="1" t="s">
        <v>0</v>
      </c>
    </row>
    <row r="21514" spans="1:5" x14ac:dyDescent="0.25">
      <c r="A21514" s="1" t="s">
        <v>42527</v>
      </c>
      <c r="B21514" s="1" t="s">
        <v>11217</v>
      </c>
      <c r="C21514" s="1" t="s">
        <v>42528</v>
      </c>
      <c r="D21514" s="2">
        <v>174342</v>
      </c>
      <c r="E21514" s="1" t="s">
        <v>0</v>
      </c>
    </row>
    <row r="21515" spans="1:5" ht="409.5" x14ac:dyDescent="0.25">
      <c r="A21515" s="4" t="s">
        <v>42529</v>
      </c>
      <c r="B21515" s="1" t="s">
        <v>63501</v>
      </c>
      <c r="C21515" s="1" t="s">
        <v>42530</v>
      </c>
      <c r="D21515" s="2">
        <v>174343</v>
      </c>
      <c r="E21515" s="1" t="s">
        <v>0</v>
      </c>
    </row>
    <row r="21516" spans="1:5" x14ac:dyDescent="0.25">
      <c r="A21516" s="1" t="s">
        <v>42531</v>
      </c>
      <c r="B21516" s="1" t="s">
        <v>61339</v>
      </c>
      <c r="C21516" s="1" t="s">
        <v>28098</v>
      </c>
      <c r="D21516" s="2">
        <v>174344</v>
      </c>
      <c r="E21516" s="1" t="s">
        <v>0</v>
      </c>
    </row>
    <row r="21517" spans="1:5" x14ac:dyDescent="0.25">
      <c r="A21517" s="2">
        <v>4303</v>
      </c>
      <c r="B21517" s="2">
        <v>4303</v>
      </c>
      <c r="C21517" s="1" t="s">
        <v>0</v>
      </c>
      <c r="D21517" s="2">
        <v>174345</v>
      </c>
      <c r="E21517" s="1" t="s">
        <v>0</v>
      </c>
    </row>
    <row r="21518" spans="1:5" x14ac:dyDescent="0.25">
      <c r="A21518" s="1" t="s">
        <v>3906</v>
      </c>
      <c r="B21518" s="1" t="s">
        <v>11218</v>
      </c>
      <c r="C21518" s="1" t="s">
        <v>42532</v>
      </c>
      <c r="D21518" s="2">
        <v>174346</v>
      </c>
      <c r="E21518" s="1" t="s">
        <v>0</v>
      </c>
    </row>
    <row r="21519" spans="1:5" x14ac:dyDescent="0.25">
      <c r="A21519" s="1" t="s">
        <v>42533</v>
      </c>
      <c r="B21519" s="1" t="s">
        <v>13274</v>
      </c>
      <c r="C21519" s="1" t="s">
        <v>42534</v>
      </c>
      <c r="D21519" s="2">
        <v>174347</v>
      </c>
      <c r="E21519" s="1" t="s">
        <v>0</v>
      </c>
    </row>
    <row r="21520" spans="1:5" ht="409.5" x14ac:dyDescent="0.25">
      <c r="A21520" s="4" t="s">
        <v>42535</v>
      </c>
      <c r="B21520" s="1" t="s">
        <v>13275</v>
      </c>
      <c r="C21520" s="1" t="s">
        <v>42536</v>
      </c>
      <c r="D21520" s="2">
        <v>174348</v>
      </c>
      <c r="E21520" s="1" t="s">
        <v>0</v>
      </c>
    </row>
    <row r="21521" spans="1:5" x14ac:dyDescent="0.25">
      <c r="A21521" s="1" t="s">
        <v>42537</v>
      </c>
      <c r="B21521" s="1" t="s">
        <v>11219</v>
      </c>
      <c r="C21521" s="1" t="s">
        <v>42538</v>
      </c>
      <c r="D21521" s="2">
        <v>174349</v>
      </c>
      <c r="E21521" s="1" t="s">
        <v>0</v>
      </c>
    </row>
    <row r="21522" spans="1:5" x14ac:dyDescent="0.25">
      <c r="A21522" s="2">
        <v>4304</v>
      </c>
      <c r="B21522" s="2">
        <v>4304</v>
      </c>
      <c r="C21522" s="1" t="s">
        <v>0</v>
      </c>
      <c r="D21522" s="2">
        <v>174350</v>
      </c>
      <c r="E21522" s="1" t="s">
        <v>0</v>
      </c>
    </row>
    <row r="21523" spans="1:5" x14ac:dyDescent="0.25">
      <c r="A21523" s="1" t="s">
        <v>42539</v>
      </c>
      <c r="B21523" s="1" t="s">
        <v>51001</v>
      </c>
      <c r="C21523" s="1" t="s">
        <v>42540</v>
      </c>
      <c r="D21523" s="2">
        <v>174351</v>
      </c>
      <c r="E21523" s="1" t="s">
        <v>0</v>
      </c>
    </row>
    <row r="21524" spans="1:5" x14ac:dyDescent="0.25">
      <c r="A21524" s="1" t="s">
        <v>42541</v>
      </c>
      <c r="B21524" s="1" t="s">
        <v>55746</v>
      </c>
      <c r="C21524" s="1" t="s">
        <v>42542</v>
      </c>
      <c r="D21524" s="2">
        <v>174352</v>
      </c>
      <c r="E21524" s="1" t="s">
        <v>0</v>
      </c>
    </row>
    <row r="21525" spans="1:5" ht="409.5" x14ac:dyDescent="0.25">
      <c r="A21525" s="4" t="s">
        <v>42543</v>
      </c>
      <c r="B21525" s="1" t="s">
        <v>55747</v>
      </c>
      <c r="C21525" s="1" t="s">
        <v>42544</v>
      </c>
      <c r="D21525" s="2">
        <v>174353</v>
      </c>
      <c r="E21525" s="1" t="s">
        <v>0</v>
      </c>
    </row>
    <row r="21526" spans="1:5" x14ac:dyDescent="0.25">
      <c r="A21526" s="1" t="s">
        <v>42545</v>
      </c>
      <c r="B21526" s="1" t="s">
        <v>61340</v>
      </c>
      <c r="C21526" s="1" t="s">
        <v>42546</v>
      </c>
      <c r="D21526" s="2">
        <v>174354</v>
      </c>
      <c r="E21526" s="1" t="s">
        <v>0</v>
      </c>
    </row>
    <row r="21527" spans="1:5" x14ac:dyDescent="0.25">
      <c r="A21527" s="2">
        <v>4305</v>
      </c>
      <c r="B21527" s="2">
        <v>4305</v>
      </c>
      <c r="C21527" s="1" t="s">
        <v>0</v>
      </c>
      <c r="D21527" s="2">
        <v>174355</v>
      </c>
      <c r="E21527" s="1" t="s">
        <v>0</v>
      </c>
    </row>
    <row r="21528" spans="1:5" x14ac:dyDescent="0.25">
      <c r="A21528" s="1" t="s">
        <v>3907</v>
      </c>
      <c r="B21528" s="1" t="s">
        <v>11220</v>
      </c>
      <c r="C21528" s="1" t="s">
        <v>42547</v>
      </c>
      <c r="D21528" s="2">
        <v>174356</v>
      </c>
      <c r="E21528" s="1" t="s">
        <v>0</v>
      </c>
    </row>
    <row r="21529" spans="1:5" x14ac:dyDescent="0.25">
      <c r="A21529" s="1" t="s">
        <v>42548</v>
      </c>
      <c r="B21529" s="1" t="s">
        <v>55748</v>
      </c>
      <c r="C21529" s="1" t="s">
        <v>42549</v>
      </c>
      <c r="D21529" s="2">
        <v>174357</v>
      </c>
      <c r="E21529" s="1" t="s">
        <v>0</v>
      </c>
    </row>
    <row r="21530" spans="1:5" ht="409.5" x14ac:dyDescent="0.25">
      <c r="A21530" s="4" t="s">
        <v>42550</v>
      </c>
      <c r="B21530" s="1" t="s">
        <v>55749</v>
      </c>
      <c r="C21530" s="1" t="s">
        <v>42551</v>
      </c>
      <c r="D21530" s="2">
        <v>174358</v>
      </c>
      <c r="E21530" s="1" t="s">
        <v>0</v>
      </c>
    </row>
    <row r="21531" spans="1:5" x14ac:dyDescent="0.25">
      <c r="A21531" s="1" t="s">
        <v>42552</v>
      </c>
      <c r="B21531" s="1" t="s">
        <v>11221</v>
      </c>
      <c r="C21531" s="1" t="s">
        <v>42553</v>
      </c>
      <c r="D21531" s="2">
        <v>174359</v>
      </c>
      <c r="E21531" s="1" t="s">
        <v>0</v>
      </c>
    </row>
    <row r="21532" spans="1:5" x14ac:dyDescent="0.25">
      <c r="A21532" s="2">
        <v>4306</v>
      </c>
      <c r="B21532" s="2">
        <v>4306</v>
      </c>
      <c r="C21532" s="1" t="s">
        <v>0</v>
      </c>
      <c r="D21532" s="2">
        <v>174360</v>
      </c>
      <c r="E21532" s="1" t="s">
        <v>0</v>
      </c>
    </row>
    <row r="21533" spans="1:5" x14ac:dyDescent="0.25">
      <c r="A21533" s="1" t="s">
        <v>3908</v>
      </c>
      <c r="B21533" s="1" t="s">
        <v>11222</v>
      </c>
      <c r="C21533" s="1" t="s">
        <v>42554</v>
      </c>
      <c r="D21533" s="2">
        <v>174361</v>
      </c>
      <c r="E21533" s="1" t="s">
        <v>0</v>
      </c>
    </row>
    <row r="21534" spans="1:5" x14ac:dyDescent="0.25">
      <c r="A21534" s="1" t="s">
        <v>42555</v>
      </c>
      <c r="B21534" s="1" t="s">
        <v>57618</v>
      </c>
      <c r="C21534" s="1" t="s">
        <v>42556</v>
      </c>
      <c r="D21534" s="2">
        <v>174362</v>
      </c>
      <c r="E21534" s="1" t="s">
        <v>0</v>
      </c>
    </row>
    <row r="21535" spans="1:5" ht="409.5" x14ac:dyDescent="0.25">
      <c r="A21535" s="4" t="s">
        <v>42557</v>
      </c>
      <c r="B21535" s="1" t="s">
        <v>60237</v>
      </c>
      <c r="C21535" s="1" t="s">
        <v>42558</v>
      </c>
      <c r="D21535" s="2">
        <v>174363</v>
      </c>
      <c r="E21535" s="1" t="s">
        <v>0</v>
      </c>
    </row>
    <row r="21536" spans="1:5" x14ac:dyDescent="0.25">
      <c r="A21536" s="1" t="s">
        <v>42559</v>
      </c>
      <c r="B21536" s="1" t="s">
        <v>55750</v>
      </c>
      <c r="C21536" s="1" t="s">
        <v>42560</v>
      </c>
      <c r="D21536" s="2">
        <v>174364</v>
      </c>
      <c r="E21536" s="1" t="s">
        <v>0</v>
      </c>
    </row>
    <row r="21537" spans="1:5" x14ac:dyDescent="0.25">
      <c r="A21537" s="2">
        <v>4307</v>
      </c>
      <c r="B21537" s="2">
        <v>4307</v>
      </c>
      <c r="C21537" s="1" t="s">
        <v>0</v>
      </c>
      <c r="D21537" s="2">
        <v>174365</v>
      </c>
      <c r="E21537" s="1" t="s">
        <v>0</v>
      </c>
    </row>
    <row r="21538" spans="1:5" x14ac:dyDescent="0.25">
      <c r="A21538" s="1" t="s">
        <v>3909</v>
      </c>
      <c r="B21538" s="1" t="s">
        <v>11223</v>
      </c>
      <c r="C21538" s="1" t="s">
        <v>42561</v>
      </c>
      <c r="D21538" s="2">
        <v>174366</v>
      </c>
      <c r="E21538" s="1" t="s">
        <v>0</v>
      </c>
    </row>
    <row r="21539" spans="1:5" x14ac:dyDescent="0.25">
      <c r="A21539" s="1" t="s">
        <v>42562</v>
      </c>
      <c r="B21539" s="1" t="s">
        <v>63816</v>
      </c>
      <c r="C21539" s="1" t="s">
        <v>42563</v>
      </c>
      <c r="D21539" s="2">
        <v>174367</v>
      </c>
      <c r="E21539" s="1" t="s">
        <v>0</v>
      </c>
    </row>
    <row r="21540" spans="1:5" ht="409.5" x14ac:dyDescent="0.25">
      <c r="A21540" s="4" t="s">
        <v>42564</v>
      </c>
      <c r="B21540" s="1" t="s">
        <v>63817</v>
      </c>
      <c r="C21540" s="1" t="s">
        <v>42565</v>
      </c>
      <c r="D21540" s="2">
        <v>174368</v>
      </c>
      <c r="E21540" s="1" t="s">
        <v>0</v>
      </c>
    </row>
    <row r="21541" spans="1:5" x14ac:dyDescent="0.25">
      <c r="A21541" s="1" t="s">
        <v>42566</v>
      </c>
      <c r="B21541" s="1" t="s">
        <v>55751</v>
      </c>
      <c r="C21541" s="1" t="s">
        <v>42567</v>
      </c>
      <c r="D21541" s="2">
        <v>174369</v>
      </c>
      <c r="E21541" s="1" t="s">
        <v>0</v>
      </c>
    </row>
    <row r="21542" spans="1:5" x14ac:dyDescent="0.25">
      <c r="A21542" s="2">
        <v>4308</v>
      </c>
      <c r="B21542" s="2">
        <v>4308</v>
      </c>
      <c r="C21542" s="1" t="s">
        <v>0</v>
      </c>
      <c r="D21542" s="2">
        <v>174370</v>
      </c>
      <c r="E21542" s="1" t="s">
        <v>0</v>
      </c>
    </row>
    <row r="21543" spans="1:5" x14ac:dyDescent="0.25">
      <c r="A21543" s="1" t="s">
        <v>3910</v>
      </c>
      <c r="B21543" s="1" t="s">
        <v>11224</v>
      </c>
      <c r="C21543" s="1" t="s">
        <v>42568</v>
      </c>
      <c r="D21543" s="2">
        <v>174371</v>
      </c>
      <c r="E21543" s="1" t="s">
        <v>0</v>
      </c>
    </row>
    <row r="21544" spans="1:5" x14ac:dyDescent="0.25">
      <c r="A21544" s="1" t="s">
        <v>42569</v>
      </c>
      <c r="B21544" s="1" t="s">
        <v>62903</v>
      </c>
      <c r="C21544" s="1" t="s">
        <v>42570</v>
      </c>
      <c r="D21544" s="2">
        <v>174372</v>
      </c>
      <c r="E21544" s="1" t="s">
        <v>0</v>
      </c>
    </row>
    <row r="21545" spans="1:5" ht="409.5" x14ac:dyDescent="0.25">
      <c r="A21545" s="4" t="s">
        <v>42571</v>
      </c>
      <c r="B21545" s="1" t="s">
        <v>62904</v>
      </c>
      <c r="C21545" s="1" t="s">
        <v>42572</v>
      </c>
      <c r="D21545" s="2">
        <v>174373</v>
      </c>
      <c r="E21545" s="1" t="s">
        <v>0</v>
      </c>
    </row>
    <row r="21546" spans="1:5" x14ac:dyDescent="0.25">
      <c r="A21546" s="1" t="s">
        <v>42573</v>
      </c>
      <c r="B21546" s="1" t="s">
        <v>58557</v>
      </c>
      <c r="C21546" s="1" t="s">
        <v>42574</v>
      </c>
      <c r="D21546" s="2">
        <v>174374</v>
      </c>
      <c r="E21546" s="1" t="s">
        <v>0</v>
      </c>
    </row>
    <row r="21547" spans="1:5" x14ac:dyDescent="0.25">
      <c r="A21547" s="2">
        <v>4309</v>
      </c>
      <c r="B21547" s="2">
        <v>4309</v>
      </c>
      <c r="C21547" s="1" t="s">
        <v>0</v>
      </c>
      <c r="D21547" s="2">
        <v>174375</v>
      </c>
      <c r="E21547" s="1" t="s">
        <v>0</v>
      </c>
    </row>
    <row r="21548" spans="1:5" x14ac:dyDescent="0.25">
      <c r="A21548" s="1" t="s">
        <v>11225</v>
      </c>
      <c r="B21548" s="1" t="s">
        <v>11226</v>
      </c>
      <c r="C21548" s="1" t="s">
        <v>42575</v>
      </c>
      <c r="D21548" s="2">
        <v>174376</v>
      </c>
      <c r="E21548" s="1" t="s">
        <v>0</v>
      </c>
    </row>
    <row r="21549" spans="1:5" x14ac:dyDescent="0.25">
      <c r="A21549" s="1" t="s">
        <v>42576</v>
      </c>
      <c r="B21549" s="1" t="s">
        <v>63502</v>
      </c>
      <c r="C21549" s="1" t="s">
        <v>42577</v>
      </c>
      <c r="D21549" s="2">
        <v>174377</v>
      </c>
      <c r="E21549" s="1" t="s">
        <v>0</v>
      </c>
    </row>
    <row r="21550" spans="1:5" ht="409.5" x14ac:dyDescent="0.25">
      <c r="A21550" s="4" t="s">
        <v>42578</v>
      </c>
      <c r="B21550" s="1" t="s">
        <v>63503</v>
      </c>
      <c r="C21550" s="1" t="s">
        <v>42579</v>
      </c>
      <c r="D21550" s="2">
        <v>174378</v>
      </c>
      <c r="E21550" s="1" t="s">
        <v>0</v>
      </c>
    </row>
    <row r="21551" spans="1:5" x14ac:dyDescent="0.25">
      <c r="A21551" s="1" t="s">
        <v>42580</v>
      </c>
      <c r="B21551" s="1" t="s">
        <v>11227</v>
      </c>
      <c r="C21551" s="1" t="s">
        <v>42581</v>
      </c>
      <c r="D21551" s="2">
        <v>174379</v>
      </c>
      <c r="E21551" s="1" t="s">
        <v>0</v>
      </c>
    </row>
    <row r="21552" spans="1:5" x14ac:dyDescent="0.25">
      <c r="A21552" s="2">
        <v>4310</v>
      </c>
      <c r="B21552" s="2">
        <v>4310</v>
      </c>
      <c r="C21552" s="1" t="s">
        <v>0</v>
      </c>
      <c r="D21552" s="2">
        <v>174380</v>
      </c>
      <c r="E21552" s="1" t="s">
        <v>0</v>
      </c>
    </row>
    <row r="21553" spans="1:5" x14ac:dyDescent="0.25">
      <c r="A21553" s="1" t="s">
        <v>3911</v>
      </c>
      <c r="B21553" s="1" t="s">
        <v>11228</v>
      </c>
      <c r="C21553" s="1" t="s">
        <v>42582</v>
      </c>
      <c r="D21553" s="2">
        <v>174381</v>
      </c>
      <c r="E21553" s="1" t="s">
        <v>0</v>
      </c>
    </row>
    <row r="21554" spans="1:5" x14ac:dyDescent="0.25">
      <c r="A21554" s="1" t="s">
        <v>42583</v>
      </c>
      <c r="B21554" s="1" t="s">
        <v>59079</v>
      </c>
      <c r="C21554" s="1" t="s">
        <v>42584</v>
      </c>
      <c r="D21554" s="2">
        <v>174382</v>
      </c>
      <c r="E21554" s="1" t="s">
        <v>0</v>
      </c>
    </row>
    <row r="21555" spans="1:5" ht="409.5" x14ac:dyDescent="0.25">
      <c r="A21555" s="4" t="s">
        <v>42585</v>
      </c>
      <c r="B21555" s="1" t="s">
        <v>59080</v>
      </c>
      <c r="C21555" s="1" t="s">
        <v>42586</v>
      </c>
      <c r="D21555" s="2">
        <v>174383</v>
      </c>
      <c r="E21555" s="1" t="s">
        <v>0</v>
      </c>
    </row>
    <row r="21556" spans="1:5" x14ac:dyDescent="0.25">
      <c r="A21556" s="1" t="s">
        <v>42587</v>
      </c>
      <c r="B21556" s="1" t="s">
        <v>11229</v>
      </c>
      <c r="C21556" s="1" t="s">
        <v>42588</v>
      </c>
      <c r="D21556" s="2">
        <v>174384</v>
      </c>
      <c r="E21556" s="1" t="s">
        <v>0</v>
      </c>
    </row>
    <row r="21557" spans="1:5" x14ac:dyDescent="0.25">
      <c r="A21557" s="2">
        <v>4311</v>
      </c>
      <c r="B21557" s="2">
        <v>4311</v>
      </c>
      <c r="C21557" s="1" t="s">
        <v>0</v>
      </c>
      <c r="D21557" s="2">
        <v>174385</v>
      </c>
      <c r="E21557" s="1" t="s">
        <v>0</v>
      </c>
    </row>
    <row r="21558" spans="1:5" x14ac:dyDescent="0.25">
      <c r="A21558" s="1" t="s">
        <v>3912</v>
      </c>
      <c r="B21558" s="1" t="s">
        <v>11230</v>
      </c>
      <c r="C21558" s="1" t="s">
        <v>42589</v>
      </c>
      <c r="D21558" s="2">
        <v>174386</v>
      </c>
      <c r="E21558" s="1" t="s">
        <v>0</v>
      </c>
    </row>
    <row r="21559" spans="1:5" x14ac:dyDescent="0.25">
      <c r="A21559" s="1" t="s">
        <v>42590</v>
      </c>
      <c r="B21559" s="1" t="s">
        <v>11231</v>
      </c>
      <c r="C21559" s="1" t="s">
        <v>42591</v>
      </c>
      <c r="D21559" s="2">
        <v>174387</v>
      </c>
      <c r="E21559" s="1" t="s">
        <v>0</v>
      </c>
    </row>
    <row r="21560" spans="1:5" ht="409.5" x14ac:dyDescent="0.25">
      <c r="A21560" s="4" t="s">
        <v>42592</v>
      </c>
      <c r="B21560" s="1" t="s">
        <v>11232</v>
      </c>
      <c r="C21560" s="1" t="s">
        <v>42593</v>
      </c>
      <c r="D21560" s="2">
        <v>174388</v>
      </c>
      <c r="E21560" s="1" t="s">
        <v>0</v>
      </c>
    </row>
    <row r="21561" spans="1:5" x14ac:dyDescent="0.25">
      <c r="A21561" s="1" t="s">
        <v>42594</v>
      </c>
      <c r="B21561" s="1" t="s">
        <v>55752</v>
      </c>
      <c r="C21561" s="1" t="s">
        <v>42595</v>
      </c>
      <c r="D21561" s="2">
        <v>174389</v>
      </c>
      <c r="E21561" s="1" t="s">
        <v>0</v>
      </c>
    </row>
    <row r="21562" spans="1:5" x14ac:dyDescent="0.25">
      <c r="A21562" s="2">
        <v>4312</v>
      </c>
      <c r="B21562" s="2">
        <v>4312</v>
      </c>
      <c r="C21562" s="1" t="s">
        <v>0</v>
      </c>
      <c r="D21562" s="2">
        <v>174390</v>
      </c>
      <c r="E21562" s="1" t="s">
        <v>0</v>
      </c>
    </row>
    <row r="21563" spans="1:5" x14ac:dyDescent="0.25">
      <c r="A21563" s="1" t="s">
        <v>3913</v>
      </c>
      <c r="B21563" s="1" t="s">
        <v>55753</v>
      </c>
      <c r="C21563" s="1" t="s">
        <v>42596</v>
      </c>
      <c r="D21563" s="2">
        <v>174391</v>
      </c>
      <c r="E21563" s="1" t="s">
        <v>0</v>
      </c>
    </row>
    <row r="21564" spans="1:5" x14ac:dyDescent="0.25">
      <c r="A21564" s="1" t="s">
        <v>42597</v>
      </c>
      <c r="B21564" s="1" t="s">
        <v>55754</v>
      </c>
      <c r="C21564" s="1" t="s">
        <v>42598</v>
      </c>
      <c r="D21564" s="2">
        <v>174392</v>
      </c>
      <c r="E21564" s="1" t="s">
        <v>0</v>
      </c>
    </row>
    <row r="21565" spans="1:5" ht="409.5" x14ac:dyDescent="0.25">
      <c r="A21565" s="4" t="s">
        <v>64334</v>
      </c>
      <c r="B21565" s="1" t="s">
        <v>55755</v>
      </c>
      <c r="C21565" s="1" t="s">
        <v>42599</v>
      </c>
      <c r="D21565" s="2">
        <v>174393</v>
      </c>
      <c r="E21565" s="1" t="s">
        <v>0</v>
      </c>
    </row>
    <row r="21566" spans="1:5" x14ac:dyDescent="0.25">
      <c r="A21566" s="1" t="s">
        <v>42600</v>
      </c>
      <c r="B21566" s="1" t="s">
        <v>55756</v>
      </c>
      <c r="C21566" s="1" t="s">
        <v>42601</v>
      </c>
      <c r="D21566" s="2">
        <v>174394</v>
      </c>
      <c r="E21566" s="1" t="s">
        <v>0</v>
      </c>
    </row>
    <row r="21567" spans="1:5" x14ac:dyDescent="0.25">
      <c r="A21567" s="2">
        <v>4313</v>
      </c>
      <c r="B21567" s="2">
        <v>4313</v>
      </c>
      <c r="C21567" s="1" t="s">
        <v>0</v>
      </c>
      <c r="D21567" s="2">
        <v>174395</v>
      </c>
      <c r="E21567" s="1" t="s">
        <v>0</v>
      </c>
    </row>
    <row r="21568" spans="1:5" x14ac:dyDescent="0.25">
      <c r="A21568" s="1" t="s">
        <v>3914</v>
      </c>
      <c r="B21568" s="1" t="s">
        <v>11233</v>
      </c>
      <c r="C21568" s="1" t="s">
        <v>42602</v>
      </c>
      <c r="D21568" s="2">
        <v>174396</v>
      </c>
      <c r="E21568" s="1" t="s">
        <v>0</v>
      </c>
    </row>
    <row r="21569" spans="1:5" x14ac:dyDescent="0.25">
      <c r="A21569" s="1" t="s">
        <v>42603</v>
      </c>
      <c r="B21569" s="1" t="s">
        <v>57985</v>
      </c>
      <c r="C21569" s="1" t="s">
        <v>42604</v>
      </c>
      <c r="D21569" s="2">
        <v>174397</v>
      </c>
      <c r="E21569" s="1" t="s">
        <v>0</v>
      </c>
    </row>
    <row r="21570" spans="1:5" ht="409.5" x14ac:dyDescent="0.25">
      <c r="A21570" s="4" t="s">
        <v>64335</v>
      </c>
      <c r="B21570" s="1" t="s">
        <v>57986</v>
      </c>
      <c r="C21570" s="1" t="s">
        <v>42605</v>
      </c>
      <c r="D21570" s="2">
        <v>174398</v>
      </c>
      <c r="E21570" s="1" t="s">
        <v>0</v>
      </c>
    </row>
    <row r="21571" spans="1:5" x14ac:dyDescent="0.25">
      <c r="A21571" s="1" t="s">
        <v>42606</v>
      </c>
      <c r="B21571" s="1" t="s">
        <v>55757</v>
      </c>
      <c r="C21571" s="1" t="s">
        <v>42607</v>
      </c>
      <c r="D21571" s="2">
        <v>174399</v>
      </c>
      <c r="E21571" s="1" t="s">
        <v>0</v>
      </c>
    </row>
    <row r="21572" spans="1:5" x14ac:dyDescent="0.25">
      <c r="A21572" s="2">
        <v>4314</v>
      </c>
      <c r="B21572" s="2">
        <v>4314</v>
      </c>
      <c r="C21572" s="1" t="s">
        <v>0</v>
      </c>
      <c r="D21572" s="2">
        <v>174400</v>
      </c>
      <c r="E21572" s="1" t="s">
        <v>0</v>
      </c>
    </row>
    <row r="21573" spans="1:5" x14ac:dyDescent="0.25">
      <c r="A21573" s="1" t="s">
        <v>13276</v>
      </c>
      <c r="B21573" s="1" t="s">
        <v>11234</v>
      </c>
      <c r="C21573" s="1" t="s">
        <v>42608</v>
      </c>
      <c r="D21573" s="2">
        <v>174401</v>
      </c>
      <c r="E21573" s="1" t="s">
        <v>0</v>
      </c>
    </row>
    <row r="21574" spans="1:5" x14ac:dyDescent="0.25">
      <c r="A21574" s="1" t="s">
        <v>42609</v>
      </c>
      <c r="B21574" s="1" t="s">
        <v>55758</v>
      </c>
      <c r="C21574" s="1" t="s">
        <v>42610</v>
      </c>
      <c r="D21574" s="2">
        <v>174402</v>
      </c>
      <c r="E21574" s="1" t="s">
        <v>0</v>
      </c>
    </row>
    <row r="21575" spans="1:5" ht="409.5" x14ac:dyDescent="0.25">
      <c r="A21575" s="4" t="s">
        <v>42611</v>
      </c>
      <c r="B21575" s="1" t="s">
        <v>58558</v>
      </c>
      <c r="C21575" s="1" t="s">
        <v>42612</v>
      </c>
      <c r="D21575" s="2">
        <v>174403</v>
      </c>
      <c r="E21575" s="1" t="s">
        <v>0</v>
      </c>
    </row>
    <row r="21576" spans="1:5" x14ac:dyDescent="0.25">
      <c r="A21576" s="1" t="s">
        <v>42613</v>
      </c>
      <c r="B21576" s="1" t="s">
        <v>55759</v>
      </c>
      <c r="C21576" s="1" t="s">
        <v>42614</v>
      </c>
      <c r="D21576" s="2">
        <v>174404</v>
      </c>
      <c r="E21576" s="1" t="s">
        <v>0</v>
      </c>
    </row>
    <row r="21577" spans="1:5" x14ac:dyDescent="0.25">
      <c r="A21577" s="2">
        <v>4315</v>
      </c>
      <c r="B21577" s="2">
        <v>4315</v>
      </c>
      <c r="C21577" s="1" t="s">
        <v>0</v>
      </c>
      <c r="D21577" s="2">
        <v>174405</v>
      </c>
      <c r="E21577" s="1" t="s">
        <v>0</v>
      </c>
    </row>
    <row r="21578" spans="1:5" x14ac:dyDescent="0.25">
      <c r="A21578" s="1" t="s">
        <v>3915</v>
      </c>
      <c r="B21578" s="1" t="s">
        <v>11235</v>
      </c>
      <c r="C21578" s="1" t="s">
        <v>42615</v>
      </c>
      <c r="D21578" s="2">
        <v>174406</v>
      </c>
      <c r="E21578" s="1" t="s">
        <v>0</v>
      </c>
    </row>
    <row r="21579" spans="1:5" x14ac:dyDescent="0.25">
      <c r="A21579" s="1" t="s">
        <v>42616</v>
      </c>
      <c r="B21579" s="1" t="s">
        <v>63818</v>
      </c>
      <c r="C21579" s="1" t="s">
        <v>42617</v>
      </c>
      <c r="D21579" s="2">
        <v>174407</v>
      </c>
      <c r="E21579" s="1" t="s">
        <v>0</v>
      </c>
    </row>
    <row r="21580" spans="1:5" ht="409.5" x14ac:dyDescent="0.25">
      <c r="A21580" s="4" t="s">
        <v>42618</v>
      </c>
      <c r="B21580" s="1" t="s">
        <v>63819</v>
      </c>
      <c r="C21580" s="1" t="s">
        <v>42619</v>
      </c>
      <c r="D21580" s="2">
        <v>174408</v>
      </c>
      <c r="E21580" s="1" t="s">
        <v>0</v>
      </c>
    </row>
    <row r="21581" spans="1:5" x14ac:dyDescent="0.25">
      <c r="A21581" s="1" t="s">
        <v>42620</v>
      </c>
      <c r="B21581" s="1" t="s">
        <v>55760</v>
      </c>
      <c r="C21581" s="1" t="s">
        <v>42621</v>
      </c>
      <c r="D21581" s="2">
        <v>174409</v>
      </c>
      <c r="E21581" s="1" t="s">
        <v>0</v>
      </c>
    </row>
    <row r="21582" spans="1:5" x14ac:dyDescent="0.25">
      <c r="A21582" s="2">
        <v>4316</v>
      </c>
      <c r="B21582" s="2">
        <v>4316</v>
      </c>
      <c r="C21582" s="1" t="s">
        <v>0</v>
      </c>
      <c r="D21582" s="2">
        <v>174410</v>
      </c>
      <c r="E21582" s="1" t="s">
        <v>0</v>
      </c>
    </row>
    <row r="21583" spans="1:5" x14ac:dyDescent="0.25">
      <c r="A21583" s="1" t="s">
        <v>3916</v>
      </c>
      <c r="B21583" s="1" t="s">
        <v>55761</v>
      </c>
      <c r="C21583" s="1" t="s">
        <v>42622</v>
      </c>
      <c r="D21583" s="2">
        <v>174411</v>
      </c>
      <c r="E21583" s="1" t="s">
        <v>0</v>
      </c>
    </row>
    <row r="21584" spans="1:5" x14ac:dyDescent="0.25">
      <c r="A21584" s="1" t="s">
        <v>42623</v>
      </c>
      <c r="B21584" s="1" t="s">
        <v>55762</v>
      </c>
      <c r="C21584" s="1" t="s">
        <v>42624</v>
      </c>
      <c r="D21584" s="2">
        <v>174412</v>
      </c>
      <c r="E21584" s="1" t="s">
        <v>0</v>
      </c>
    </row>
    <row r="21585" spans="1:5" ht="409.5" x14ac:dyDescent="0.25">
      <c r="A21585" s="4" t="s">
        <v>42625</v>
      </c>
      <c r="B21585" s="1" t="s">
        <v>55763</v>
      </c>
      <c r="C21585" s="1" t="s">
        <v>42626</v>
      </c>
      <c r="D21585" s="2">
        <v>174413</v>
      </c>
      <c r="E21585" s="1" t="s">
        <v>0</v>
      </c>
    </row>
    <row r="21586" spans="1:5" x14ac:dyDescent="0.25">
      <c r="A21586" s="1" t="s">
        <v>42627</v>
      </c>
      <c r="B21586" s="1" t="s">
        <v>11236</v>
      </c>
      <c r="C21586" s="1" t="s">
        <v>42628</v>
      </c>
      <c r="D21586" s="2">
        <v>174414</v>
      </c>
      <c r="E21586" s="1" t="s">
        <v>0</v>
      </c>
    </row>
    <row r="21587" spans="1:5" x14ac:dyDescent="0.25">
      <c r="A21587" s="2">
        <v>4317</v>
      </c>
      <c r="B21587" s="2">
        <v>4317</v>
      </c>
      <c r="C21587" s="1" t="s">
        <v>0</v>
      </c>
      <c r="D21587" s="2">
        <v>174415</v>
      </c>
      <c r="E21587" s="1" t="s">
        <v>0</v>
      </c>
    </row>
    <row r="21588" spans="1:5" x14ac:dyDescent="0.25">
      <c r="A21588" s="1" t="s">
        <v>3917</v>
      </c>
      <c r="B21588" s="1" t="s">
        <v>55764</v>
      </c>
      <c r="C21588" s="1" t="s">
        <v>42629</v>
      </c>
      <c r="D21588" s="2">
        <v>174416</v>
      </c>
      <c r="E21588" s="1" t="s">
        <v>0</v>
      </c>
    </row>
    <row r="21589" spans="1:5" x14ac:dyDescent="0.25">
      <c r="A21589" s="1" t="s">
        <v>42630</v>
      </c>
      <c r="B21589" s="1" t="s">
        <v>55765</v>
      </c>
      <c r="C21589" s="1" t="s">
        <v>42631</v>
      </c>
      <c r="D21589" s="2">
        <v>174417</v>
      </c>
      <c r="E21589" s="1" t="s">
        <v>0</v>
      </c>
    </row>
    <row r="21590" spans="1:5" ht="409.5" x14ac:dyDescent="0.25">
      <c r="A21590" s="4" t="s">
        <v>42632</v>
      </c>
      <c r="B21590" s="1" t="s">
        <v>55766</v>
      </c>
      <c r="C21590" s="1" t="s">
        <v>42633</v>
      </c>
      <c r="D21590" s="2">
        <v>174418</v>
      </c>
      <c r="E21590" s="1" t="s">
        <v>0</v>
      </c>
    </row>
    <row r="21591" spans="1:5" x14ac:dyDescent="0.25">
      <c r="A21591" s="1" t="s">
        <v>42634</v>
      </c>
      <c r="B21591" s="1" t="s">
        <v>55767</v>
      </c>
      <c r="C21591" s="1" t="s">
        <v>42635</v>
      </c>
      <c r="D21591" s="2">
        <v>174419</v>
      </c>
      <c r="E21591" s="1" t="s">
        <v>0</v>
      </c>
    </row>
    <row r="21592" spans="1:5" x14ac:dyDescent="0.25">
      <c r="A21592" s="2">
        <v>4318</v>
      </c>
      <c r="B21592" s="2">
        <v>4318</v>
      </c>
      <c r="C21592" s="1" t="s">
        <v>0</v>
      </c>
      <c r="D21592" s="2">
        <v>174420</v>
      </c>
      <c r="E21592" s="1" t="s">
        <v>0</v>
      </c>
    </row>
    <row r="21593" spans="1:5" x14ac:dyDescent="0.25">
      <c r="A21593" s="1" t="s">
        <v>3918</v>
      </c>
      <c r="B21593" s="1" t="s">
        <v>58559</v>
      </c>
      <c r="C21593" s="1" t="s">
        <v>42636</v>
      </c>
      <c r="D21593" s="2">
        <v>174421</v>
      </c>
      <c r="E21593" s="1" t="s">
        <v>0</v>
      </c>
    </row>
    <row r="21594" spans="1:5" x14ac:dyDescent="0.25">
      <c r="A21594" s="1" t="s">
        <v>42637</v>
      </c>
      <c r="B21594" s="1" t="s">
        <v>62905</v>
      </c>
      <c r="C21594" s="1" t="s">
        <v>42638</v>
      </c>
      <c r="D21594" s="2">
        <v>174422</v>
      </c>
      <c r="E21594" s="1" t="s">
        <v>0</v>
      </c>
    </row>
    <row r="21595" spans="1:5" ht="409.5" x14ac:dyDescent="0.25">
      <c r="A21595" s="4" t="s">
        <v>42639</v>
      </c>
      <c r="B21595" s="1" t="s">
        <v>62906</v>
      </c>
      <c r="C21595" s="1" t="s">
        <v>42640</v>
      </c>
      <c r="D21595" s="2">
        <v>174423</v>
      </c>
      <c r="E21595" s="1" t="s">
        <v>0</v>
      </c>
    </row>
    <row r="21596" spans="1:5" x14ac:dyDescent="0.25">
      <c r="A21596" s="1" t="s">
        <v>42641</v>
      </c>
      <c r="B21596" s="1" t="s">
        <v>55768</v>
      </c>
      <c r="C21596" s="1" t="s">
        <v>42642</v>
      </c>
      <c r="D21596" s="2">
        <v>174424</v>
      </c>
      <c r="E21596" s="1" t="s">
        <v>0</v>
      </c>
    </row>
    <row r="21597" spans="1:5" x14ac:dyDescent="0.25">
      <c r="A21597" s="2">
        <v>4319</v>
      </c>
      <c r="B21597" s="2">
        <v>4319</v>
      </c>
      <c r="C21597" s="1" t="s">
        <v>0</v>
      </c>
      <c r="D21597" s="2">
        <v>174425</v>
      </c>
      <c r="E21597" s="1" t="s">
        <v>0</v>
      </c>
    </row>
    <row r="21598" spans="1:5" x14ac:dyDescent="0.25">
      <c r="A21598" s="1" t="s">
        <v>3919</v>
      </c>
      <c r="B21598" s="1" t="s">
        <v>55769</v>
      </c>
      <c r="C21598" s="1" t="s">
        <v>42643</v>
      </c>
      <c r="D21598" s="2">
        <v>174426</v>
      </c>
      <c r="E21598" s="1" t="s">
        <v>0</v>
      </c>
    </row>
    <row r="21599" spans="1:5" x14ac:dyDescent="0.25">
      <c r="A21599" s="1" t="s">
        <v>42644</v>
      </c>
      <c r="B21599" s="1" t="s">
        <v>55770</v>
      </c>
      <c r="C21599" s="1" t="s">
        <v>42645</v>
      </c>
      <c r="D21599" s="2">
        <v>174427</v>
      </c>
      <c r="E21599" s="1" t="s">
        <v>0</v>
      </c>
    </row>
    <row r="21600" spans="1:5" ht="409.5" x14ac:dyDescent="0.25">
      <c r="A21600" s="4" t="s">
        <v>42646</v>
      </c>
      <c r="B21600" s="1" t="s">
        <v>55771</v>
      </c>
      <c r="C21600" s="1" t="s">
        <v>42647</v>
      </c>
      <c r="D21600" s="2">
        <v>174428</v>
      </c>
      <c r="E21600" s="1" t="s">
        <v>0</v>
      </c>
    </row>
    <row r="21601" spans="1:5" x14ac:dyDescent="0.25">
      <c r="A21601" s="1" t="s">
        <v>42648</v>
      </c>
      <c r="B21601" s="1" t="s">
        <v>11237</v>
      </c>
      <c r="C21601" s="1" t="s">
        <v>42649</v>
      </c>
      <c r="D21601" s="2">
        <v>174429</v>
      </c>
      <c r="E21601" s="1" t="s">
        <v>0</v>
      </c>
    </row>
    <row r="21602" spans="1:5" x14ac:dyDescent="0.25">
      <c r="A21602" s="2">
        <v>4320</v>
      </c>
      <c r="B21602" s="2">
        <v>4320</v>
      </c>
      <c r="C21602" s="1" t="s">
        <v>0</v>
      </c>
      <c r="D21602" s="2">
        <v>174430</v>
      </c>
      <c r="E21602" s="1" t="s">
        <v>0</v>
      </c>
    </row>
    <row r="21603" spans="1:5" x14ac:dyDescent="0.25">
      <c r="A21603" s="1" t="s">
        <v>3920</v>
      </c>
      <c r="B21603" s="1" t="s">
        <v>11238</v>
      </c>
      <c r="C21603" s="1" t="s">
        <v>42650</v>
      </c>
      <c r="D21603" s="2">
        <v>174431</v>
      </c>
      <c r="E21603" s="1" t="s">
        <v>0</v>
      </c>
    </row>
    <row r="21604" spans="1:5" x14ac:dyDescent="0.25">
      <c r="A21604" s="1" t="s">
        <v>42651</v>
      </c>
      <c r="B21604" s="1" t="s">
        <v>55772</v>
      </c>
      <c r="C21604" s="1" t="s">
        <v>42652</v>
      </c>
      <c r="D21604" s="2">
        <v>174432</v>
      </c>
      <c r="E21604" s="1" t="s">
        <v>0</v>
      </c>
    </row>
    <row r="21605" spans="1:5" ht="409.5" x14ac:dyDescent="0.25">
      <c r="A21605" s="4" t="s">
        <v>42653</v>
      </c>
      <c r="B21605" s="1" t="s">
        <v>55773</v>
      </c>
      <c r="C21605" s="1" t="s">
        <v>42654</v>
      </c>
      <c r="D21605" s="2">
        <v>174433</v>
      </c>
      <c r="E21605" s="1" t="s">
        <v>0</v>
      </c>
    </row>
    <row r="21606" spans="1:5" x14ac:dyDescent="0.25">
      <c r="A21606" s="1" t="s">
        <v>42655</v>
      </c>
      <c r="B21606" s="1" t="s">
        <v>55774</v>
      </c>
      <c r="C21606" s="1" t="s">
        <v>42656</v>
      </c>
      <c r="D21606" s="2">
        <v>174434</v>
      </c>
      <c r="E21606" s="1" t="s">
        <v>0</v>
      </c>
    </row>
    <row r="21607" spans="1:5" x14ac:dyDescent="0.25">
      <c r="A21607" s="2">
        <v>4321</v>
      </c>
      <c r="B21607" s="2">
        <v>4321</v>
      </c>
      <c r="C21607" s="1" t="s">
        <v>0</v>
      </c>
      <c r="D21607" s="2">
        <v>174435</v>
      </c>
      <c r="E21607" s="1" t="s">
        <v>0</v>
      </c>
    </row>
    <row r="21608" spans="1:5" x14ac:dyDescent="0.25">
      <c r="A21608" s="1" t="s">
        <v>3921</v>
      </c>
      <c r="B21608" s="1" t="s">
        <v>11239</v>
      </c>
      <c r="C21608" s="1" t="s">
        <v>42657</v>
      </c>
      <c r="D21608" s="2">
        <v>174436</v>
      </c>
      <c r="E21608" s="1" t="s">
        <v>0</v>
      </c>
    </row>
    <row r="21609" spans="1:5" x14ac:dyDescent="0.25">
      <c r="A21609" s="1" t="s">
        <v>42658</v>
      </c>
      <c r="B21609" s="1" t="s">
        <v>57051</v>
      </c>
      <c r="C21609" s="1" t="s">
        <v>42659</v>
      </c>
      <c r="D21609" s="2">
        <v>174437</v>
      </c>
      <c r="E21609" s="1" t="s">
        <v>0</v>
      </c>
    </row>
    <row r="21610" spans="1:5" ht="409.5" x14ac:dyDescent="0.25">
      <c r="A21610" s="4" t="s">
        <v>42660</v>
      </c>
      <c r="B21610" s="1" t="s">
        <v>57052</v>
      </c>
      <c r="C21610" s="1" t="s">
        <v>42661</v>
      </c>
      <c r="D21610" s="2">
        <v>174438</v>
      </c>
      <c r="E21610" s="1" t="s">
        <v>0</v>
      </c>
    </row>
    <row r="21611" spans="1:5" x14ac:dyDescent="0.25">
      <c r="A21611" s="1" t="s">
        <v>42662</v>
      </c>
      <c r="B21611" s="1" t="s">
        <v>61341</v>
      </c>
      <c r="C21611" s="1" t="s">
        <v>42663</v>
      </c>
      <c r="D21611" s="2">
        <v>174439</v>
      </c>
      <c r="E21611" s="1" t="s">
        <v>0</v>
      </c>
    </row>
    <row r="21612" spans="1:5" x14ac:dyDescent="0.25">
      <c r="A21612" s="2">
        <v>4322</v>
      </c>
      <c r="B21612" s="2">
        <v>4322</v>
      </c>
      <c r="C21612" s="1" t="s">
        <v>0</v>
      </c>
      <c r="D21612" s="2">
        <v>174440</v>
      </c>
      <c r="E21612" s="1" t="s">
        <v>0</v>
      </c>
    </row>
    <row r="21613" spans="1:5" x14ac:dyDescent="0.25">
      <c r="A21613" s="1" t="s">
        <v>3922</v>
      </c>
      <c r="B21613" s="1" t="s">
        <v>11240</v>
      </c>
      <c r="C21613" s="1" t="s">
        <v>42664</v>
      </c>
      <c r="D21613" s="2">
        <v>174441</v>
      </c>
      <c r="E21613" s="1" t="s">
        <v>0</v>
      </c>
    </row>
    <row r="21614" spans="1:5" x14ac:dyDescent="0.25">
      <c r="A21614" s="1" t="s">
        <v>42665</v>
      </c>
      <c r="B21614" s="1" t="s">
        <v>11241</v>
      </c>
      <c r="C21614" s="1" t="s">
        <v>42666</v>
      </c>
      <c r="D21614" s="2">
        <v>174442</v>
      </c>
      <c r="E21614" s="1" t="s">
        <v>0</v>
      </c>
    </row>
    <row r="21615" spans="1:5" ht="409.5" x14ac:dyDescent="0.25">
      <c r="A21615" s="4" t="s">
        <v>42667</v>
      </c>
      <c r="B21615" s="1" t="s">
        <v>62907</v>
      </c>
      <c r="C21615" s="1" t="s">
        <v>42668</v>
      </c>
      <c r="D21615" s="2">
        <v>174443</v>
      </c>
      <c r="E21615" s="1" t="s">
        <v>0</v>
      </c>
    </row>
    <row r="21616" spans="1:5" x14ac:dyDescent="0.25">
      <c r="A21616" s="1" t="s">
        <v>42669</v>
      </c>
      <c r="B21616" s="1" t="s">
        <v>55775</v>
      </c>
      <c r="C21616" s="1" t="s">
        <v>42670</v>
      </c>
      <c r="D21616" s="2">
        <v>174444</v>
      </c>
      <c r="E21616" s="1" t="s">
        <v>0</v>
      </c>
    </row>
    <row r="21617" spans="1:5" x14ac:dyDescent="0.25">
      <c r="A21617" s="2">
        <v>4323</v>
      </c>
      <c r="B21617" s="2">
        <v>4323</v>
      </c>
      <c r="C21617" s="1" t="s">
        <v>0</v>
      </c>
      <c r="D21617" s="2">
        <v>174445</v>
      </c>
      <c r="E21617" s="1" t="s">
        <v>0</v>
      </c>
    </row>
    <row r="21618" spans="1:5" x14ac:dyDescent="0.25">
      <c r="A21618" s="1" t="s">
        <v>3923</v>
      </c>
      <c r="B21618" s="1" t="s">
        <v>11242</v>
      </c>
      <c r="C21618" s="1" t="s">
        <v>42671</v>
      </c>
      <c r="D21618" s="2">
        <v>174446</v>
      </c>
      <c r="E21618" s="1" t="s">
        <v>0</v>
      </c>
    </row>
    <row r="21619" spans="1:5" x14ac:dyDescent="0.25">
      <c r="A21619" s="1" t="s">
        <v>42672</v>
      </c>
      <c r="B21619" s="1" t="s">
        <v>11243</v>
      </c>
      <c r="C21619" s="1" t="s">
        <v>42673</v>
      </c>
      <c r="D21619" s="2">
        <v>174447</v>
      </c>
      <c r="E21619" s="1" t="s">
        <v>0</v>
      </c>
    </row>
    <row r="21620" spans="1:5" ht="409.5" x14ac:dyDescent="0.25">
      <c r="A21620" s="4" t="s">
        <v>42674</v>
      </c>
      <c r="B21620" s="1" t="s">
        <v>11244</v>
      </c>
      <c r="C21620" s="1" t="s">
        <v>42675</v>
      </c>
      <c r="D21620" s="2">
        <v>174448</v>
      </c>
      <c r="E21620" s="1" t="s">
        <v>0</v>
      </c>
    </row>
    <row r="21621" spans="1:5" x14ac:dyDescent="0.25">
      <c r="A21621" s="1" t="s">
        <v>42676</v>
      </c>
      <c r="B21621" s="1" t="s">
        <v>55776</v>
      </c>
      <c r="C21621" s="1" t="s">
        <v>42677</v>
      </c>
      <c r="D21621" s="2">
        <v>174449</v>
      </c>
      <c r="E21621" s="1" t="s">
        <v>0</v>
      </c>
    </row>
    <row r="21622" spans="1:5" x14ac:dyDescent="0.25">
      <c r="A21622" s="2">
        <v>4324</v>
      </c>
      <c r="B21622" s="2">
        <v>4324</v>
      </c>
      <c r="C21622" s="1" t="s">
        <v>0</v>
      </c>
      <c r="D21622" s="2">
        <v>174450</v>
      </c>
      <c r="E21622" s="1" t="s">
        <v>0</v>
      </c>
    </row>
    <row r="21623" spans="1:5" x14ac:dyDescent="0.25">
      <c r="A21623" s="1" t="s">
        <v>3924</v>
      </c>
      <c r="B21623" s="1" t="s">
        <v>11245</v>
      </c>
      <c r="C21623" s="1" t="s">
        <v>42678</v>
      </c>
      <c r="D21623" s="2">
        <v>174451</v>
      </c>
      <c r="E21623" s="1" t="s">
        <v>0</v>
      </c>
    </row>
    <row r="21624" spans="1:5" x14ac:dyDescent="0.25">
      <c r="A21624" s="1" t="s">
        <v>42679</v>
      </c>
      <c r="B21624" s="1" t="s">
        <v>11246</v>
      </c>
      <c r="C21624" s="1" t="s">
        <v>42680</v>
      </c>
      <c r="D21624" s="2">
        <v>174452</v>
      </c>
      <c r="E21624" s="1" t="s">
        <v>0</v>
      </c>
    </row>
    <row r="21625" spans="1:5" ht="409.5" x14ac:dyDescent="0.25">
      <c r="A21625" s="4" t="s">
        <v>42681</v>
      </c>
      <c r="B21625" s="1" t="s">
        <v>57987</v>
      </c>
      <c r="C21625" s="1" t="s">
        <v>42682</v>
      </c>
      <c r="D21625" s="2">
        <v>174453</v>
      </c>
      <c r="E21625" s="1" t="s">
        <v>0</v>
      </c>
    </row>
    <row r="21626" spans="1:5" x14ac:dyDescent="0.25">
      <c r="A21626" s="1" t="s">
        <v>42683</v>
      </c>
      <c r="B21626" s="1" t="s">
        <v>55777</v>
      </c>
      <c r="C21626" s="1" t="s">
        <v>42684</v>
      </c>
      <c r="D21626" s="2">
        <v>174454</v>
      </c>
      <c r="E21626" s="1" t="s">
        <v>0</v>
      </c>
    </row>
    <row r="21627" spans="1:5" x14ac:dyDescent="0.25">
      <c r="A21627" s="2">
        <v>4325</v>
      </c>
      <c r="B21627" s="2">
        <v>4325</v>
      </c>
      <c r="C21627" s="1" t="s">
        <v>0</v>
      </c>
      <c r="D21627" s="2">
        <v>174455</v>
      </c>
      <c r="E21627" s="1" t="s">
        <v>0</v>
      </c>
    </row>
    <row r="21628" spans="1:5" x14ac:dyDescent="0.25">
      <c r="A21628" s="1" t="s">
        <v>3925</v>
      </c>
      <c r="B21628" s="1" t="s">
        <v>55778</v>
      </c>
      <c r="C21628" s="1" t="s">
        <v>42685</v>
      </c>
      <c r="D21628" s="2">
        <v>174456</v>
      </c>
      <c r="E21628" s="1" t="s">
        <v>0</v>
      </c>
    </row>
    <row r="21629" spans="1:5" x14ac:dyDescent="0.25">
      <c r="A21629" s="1" t="s">
        <v>42686</v>
      </c>
      <c r="B21629" s="1" t="s">
        <v>57988</v>
      </c>
      <c r="C21629" s="1" t="s">
        <v>42687</v>
      </c>
      <c r="D21629" s="2">
        <v>174457</v>
      </c>
      <c r="E21629" s="1" t="s">
        <v>0</v>
      </c>
    </row>
    <row r="21630" spans="1:5" ht="409.5" x14ac:dyDescent="0.25">
      <c r="A21630" s="4" t="s">
        <v>42688</v>
      </c>
      <c r="B21630" s="1" t="s">
        <v>57989</v>
      </c>
      <c r="C21630" s="1" t="s">
        <v>42689</v>
      </c>
      <c r="D21630" s="2">
        <v>174458</v>
      </c>
      <c r="E21630" s="1" t="s">
        <v>0</v>
      </c>
    </row>
    <row r="21631" spans="1:5" x14ac:dyDescent="0.25">
      <c r="A21631" s="1" t="s">
        <v>42690</v>
      </c>
      <c r="B21631" s="1" t="s">
        <v>11247</v>
      </c>
      <c r="C21631" s="1" t="s">
        <v>42691</v>
      </c>
      <c r="D21631" s="2">
        <v>174459</v>
      </c>
      <c r="E21631" s="1" t="s">
        <v>0</v>
      </c>
    </row>
    <row r="21632" spans="1:5" x14ac:dyDescent="0.25">
      <c r="A21632" s="2">
        <v>4326</v>
      </c>
      <c r="B21632" s="2">
        <v>4326</v>
      </c>
      <c r="C21632" s="1" t="s">
        <v>0</v>
      </c>
      <c r="D21632" s="2">
        <v>174460</v>
      </c>
      <c r="E21632" s="1" t="s">
        <v>0</v>
      </c>
    </row>
    <row r="21633" spans="1:5" x14ac:dyDescent="0.25">
      <c r="A21633" s="1" t="s">
        <v>42692</v>
      </c>
      <c r="B21633" s="1" t="s">
        <v>11248</v>
      </c>
      <c r="C21633" s="1" t="s">
        <v>42693</v>
      </c>
      <c r="D21633" s="2">
        <v>174461</v>
      </c>
      <c r="E21633" s="1" t="s">
        <v>0</v>
      </c>
    </row>
    <row r="21634" spans="1:5" x14ac:dyDescent="0.25">
      <c r="A21634" s="1" t="s">
        <v>42694</v>
      </c>
      <c r="B21634" s="1" t="s">
        <v>57325</v>
      </c>
      <c r="C21634" s="1" t="s">
        <v>42695</v>
      </c>
      <c r="D21634" s="2">
        <v>174462</v>
      </c>
      <c r="E21634" s="1" t="s">
        <v>0</v>
      </c>
    </row>
    <row r="21635" spans="1:5" ht="409.5" x14ac:dyDescent="0.25">
      <c r="A21635" s="4" t="s">
        <v>42696</v>
      </c>
      <c r="B21635" s="1" t="s">
        <v>60786</v>
      </c>
      <c r="C21635" s="1" t="s">
        <v>42697</v>
      </c>
      <c r="D21635" s="2">
        <v>174463</v>
      </c>
      <c r="E21635" s="1" t="s">
        <v>0</v>
      </c>
    </row>
    <row r="21636" spans="1:5" x14ac:dyDescent="0.25">
      <c r="A21636" s="1" t="s">
        <v>42698</v>
      </c>
      <c r="B21636" s="1" t="s">
        <v>61342</v>
      </c>
      <c r="C21636" s="1" t="s">
        <v>42699</v>
      </c>
      <c r="D21636" s="2">
        <v>174464</v>
      </c>
      <c r="E21636" s="1" t="s">
        <v>0</v>
      </c>
    </row>
    <row r="21637" spans="1:5" x14ac:dyDescent="0.25">
      <c r="A21637" s="2">
        <v>4327</v>
      </c>
      <c r="B21637" s="2">
        <v>4327</v>
      </c>
      <c r="C21637" s="1" t="s">
        <v>0</v>
      </c>
      <c r="D21637" s="2">
        <v>174465</v>
      </c>
      <c r="E21637" s="1" t="s">
        <v>0</v>
      </c>
    </row>
    <row r="21638" spans="1:5" x14ac:dyDescent="0.25">
      <c r="A21638" s="1" t="s">
        <v>3926</v>
      </c>
      <c r="B21638" s="1" t="s">
        <v>11249</v>
      </c>
      <c r="C21638" s="1" t="s">
        <v>42700</v>
      </c>
      <c r="D21638" s="2">
        <v>174466</v>
      </c>
      <c r="E21638" s="1" t="s">
        <v>0</v>
      </c>
    </row>
    <row r="21639" spans="1:5" x14ac:dyDescent="0.25">
      <c r="A21639" s="1" t="s">
        <v>42701</v>
      </c>
      <c r="B21639" s="1" t="s">
        <v>62908</v>
      </c>
      <c r="C21639" s="1" t="s">
        <v>42702</v>
      </c>
      <c r="D21639" s="2">
        <v>174467</v>
      </c>
      <c r="E21639" s="1" t="s">
        <v>0</v>
      </c>
    </row>
    <row r="21640" spans="1:5" ht="409.5" x14ac:dyDescent="0.25">
      <c r="A21640" s="4" t="s">
        <v>42703</v>
      </c>
      <c r="B21640" s="1" t="s">
        <v>62909</v>
      </c>
      <c r="C21640" s="1" t="s">
        <v>42704</v>
      </c>
      <c r="D21640" s="2">
        <v>174468</v>
      </c>
      <c r="E21640" s="1" t="s">
        <v>0</v>
      </c>
    </row>
    <row r="21641" spans="1:5" x14ac:dyDescent="0.25">
      <c r="A21641" s="1" t="s">
        <v>42705</v>
      </c>
      <c r="B21641" s="1" t="s">
        <v>11250</v>
      </c>
      <c r="C21641" s="1" t="s">
        <v>42706</v>
      </c>
      <c r="D21641" s="2">
        <v>174469</v>
      </c>
      <c r="E21641" s="1" t="s">
        <v>0</v>
      </c>
    </row>
    <row r="21642" spans="1:5" x14ac:dyDescent="0.25">
      <c r="A21642" s="2">
        <v>4328</v>
      </c>
      <c r="B21642" s="2">
        <v>4328</v>
      </c>
      <c r="C21642" s="1" t="s">
        <v>0</v>
      </c>
      <c r="D21642" s="2">
        <v>174470</v>
      </c>
      <c r="E21642" s="1" t="s">
        <v>0</v>
      </c>
    </row>
    <row r="21643" spans="1:5" x14ac:dyDescent="0.25">
      <c r="A21643" s="1" t="s">
        <v>3927</v>
      </c>
      <c r="B21643" s="1" t="s">
        <v>11251</v>
      </c>
      <c r="C21643" s="1" t="s">
        <v>42707</v>
      </c>
      <c r="D21643" s="2">
        <v>174471</v>
      </c>
      <c r="E21643" s="1" t="s">
        <v>0</v>
      </c>
    </row>
    <row r="21644" spans="1:5" x14ac:dyDescent="0.25">
      <c r="A21644" s="1" t="s">
        <v>42708</v>
      </c>
      <c r="B21644" s="1" t="s">
        <v>60238</v>
      </c>
      <c r="C21644" s="1" t="s">
        <v>42709</v>
      </c>
      <c r="D21644" s="2">
        <v>174472</v>
      </c>
      <c r="E21644" s="1" t="s">
        <v>0</v>
      </c>
    </row>
    <row r="21645" spans="1:5" ht="409.5" x14ac:dyDescent="0.25">
      <c r="A21645" s="4" t="s">
        <v>42710</v>
      </c>
      <c r="B21645" s="1" t="s">
        <v>60239</v>
      </c>
      <c r="C21645" s="1" t="s">
        <v>42711</v>
      </c>
      <c r="D21645" s="2">
        <v>174473</v>
      </c>
      <c r="E21645" s="1" t="s">
        <v>0</v>
      </c>
    </row>
    <row r="21646" spans="1:5" x14ac:dyDescent="0.25">
      <c r="A21646" s="1" t="s">
        <v>42712</v>
      </c>
      <c r="B21646" s="1" t="s">
        <v>55779</v>
      </c>
      <c r="C21646" s="1" t="s">
        <v>42713</v>
      </c>
      <c r="D21646" s="2">
        <v>174474</v>
      </c>
      <c r="E21646" s="1" t="s">
        <v>0</v>
      </c>
    </row>
    <row r="21647" spans="1:5" x14ac:dyDescent="0.25">
      <c r="A21647" s="2">
        <v>4329</v>
      </c>
      <c r="B21647" s="2">
        <v>4329</v>
      </c>
      <c r="C21647" s="1" t="s">
        <v>0</v>
      </c>
      <c r="D21647" s="2">
        <v>174475</v>
      </c>
      <c r="E21647" s="1" t="s">
        <v>0</v>
      </c>
    </row>
    <row r="21648" spans="1:5" x14ac:dyDescent="0.25">
      <c r="A21648" s="1" t="s">
        <v>3928</v>
      </c>
      <c r="B21648" s="1" t="s">
        <v>60240</v>
      </c>
      <c r="C21648" s="1" t="s">
        <v>42714</v>
      </c>
      <c r="D21648" s="2">
        <v>174476</v>
      </c>
      <c r="E21648" s="1" t="s">
        <v>0</v>
      </c>
    </row>
    <row r="21649" spans="1:5" x14ac:dyDescent="0.25">
      <c r="A21649" s="1" t="s">
        <v>42715</v>
      </c>
      <c r="B21649" s="1" t="s">
        <v>55780</v>
      </c>
      <c r="C21649" s="1" t="s">
        <v>42716</v>
      </c>
      <c r="D21649" s="2">
        <v>174477</v>
      </c>
      <c r="E21649" s="1" t="s">
        <v>0</v>
      </c>
    </row>
    <row r="21650" spans="1:5" ht="409.5" x14ac:dyDescent="0.25">
      <c r="A21650" s="4" t="s">
        <v>42717</v>
      </c>
      <c r="B21650" s="1" t="s">
        <v>60241</v>
      </c>
      <c r="C21650" s="1" t="s">
        <v>42718</v>
      </c>
      <c r="D21650" s="2">
        <v>174478</v>
      </c>
      <c r="E21650" s="1" t="s">
        <v>0</v>
      </c>
    </row>
    <row r="21651" spans="1:5" x14ac:dyDescent="0.25">
      <c r="A21651" s="1" t="s">
        <v>42719</v>
      </c>
      <c r="B21651" s="1" t="s">
        <v>60242</v>
      </c>
      <c r="C21651" s="1" t="s">
        <v>42720</v>
      </c>
      <c r="D21651" s="2">
        <v>174479</v>
      </c>
      <c r="E21651" s="1" t="s">
        <v>0</v>
      </c>
    </row>
    <row r="21652" spans="1:5" x14ac:dyDescent="0.25">
      <c r="A21652" s="2">
        <v>4330</v>
      </c>
      <c r="B21652" s="2">
        <v>4330</v>
      </c>
      <c r="C21652" s="1" t="s">
        <v>0</v>
      </c>
      <c r="D21652" s="2">
        <v>174480</v>
      </c>
      <c r="E21652" s="1" t="s">
        <v>0</v>
      </c>
    </row>
    <row r="21653" spans="1:5" x14ac:dyDescent="0.25">
      <c r="A21653" s="1" t="s">
        <v>11252</v>
      </c>
      <c r="B21653" s="1" t="s">
        <v>11253</v>
      </c>
      <c r="C21653" s="1" t="s">
        <v>42721</v>
      </c>
      <c r="D21653" s="2">
        <v>174481</v>
      </c>
      <c r="E21653" s="1" t="s">
        <v>0</v>
      </c>
    </row>
    <row r="21654" spans="1:5" x14ac:dyDescent="0.25">
      <c r="A21654" s="1" t="s">
        <v>64336</v>
      </c>
      <c r="B21654" s="1" t="s">
        <v>55781</v>
      </c>
      <c r="C21654" s="1" t="s">
        <v>42722</v>
      </c>
      <c r="D21654" s="2">
        <v>174482</v>
      </c>
      <c r="E21654" s="1" t="s">
        <v>0</v>
      </c>
    </row>
    <row r="21655" spans="1:5" ht="409.5" x14ac:dyDescent="0.25">
      <c r="A21655" s="4" t="s">
        <v>64337</v>
      </c>
      <c r="B21655" s="1" t="s">
        <v>55782</v>
      </c>
      <c r="C21655" s="1" t="s">
        <v>42723</v>
      </c>
      <c r="D21655" s="2">
        <v>174483</v>
      </c>
      <c r="E21655" s="1" t="s">
        <v>0</v>
      </c>
    </row>
    <row r="21656" spans="1:5" x14ac:dyDescent="0.25">
      <c r="A21656" s="1" t="s">
        <v>42724</v>
      </c>
      <c r="B21656" s="1" t="s">
        <v>11254</v>
      </c>
      <c r="C21656" s="1" t="s">
        <v>42725</v>
      </c>
      <c r="D21656" s="2">
        <v>174484</v>
      </c>
      <c r="E21656" s="1" t="s">
        <v>0</v>
      </c>
    </row>
    <row r="21657" spans="1:5" x14ac:dyDescent="0.25">
      <c r="A21657" s="2">
        <v>4331</v>
      </c>
      <c r="B21657" s="2">
        <v>4331</v>
      </c>
      <c r="C21657" s="1" t="s">
        <v>0</v>
      </c>
      <c r="D21657" s="2">
        <v>174485</v>
      </c>
      <c r="E21657" s="1" t="s">
        <v>0</v>
      </c>
    </row>
    <row r="21658" spans="1:5" x14ac:dyDescent="0.25">
      <c r="A21658" s="1" t="s">
        <v>42726</v>
      </c>
      <c r="B21658" s="1" t="s">
        <v>58109</v>
      </c>
      <c r="C21658" s="1" t="s">
        <v>42727</v>
      </c>
      <c r="D21658" s="2">
        <v>174486</v>
      </c>
      <c r="E21658" s="1" t="s">
        <v>0</v>
      </c>
    </row>
    <row r="21659" spans="1:5" x14ac:dyDescent="0.25">
      <c r="A21659" s="1" t="s">
        <v>42728</v>
      </c>
      <c r="B21659" s="1" t="s">
        <v>58110</v>
      </c>
      <c r="C21659" s="1" t="s">
        <v>42729</v>
      </c>
      <c r="D21659" s="2">
        <v>174487</v>
      </c>
      <c r="E21659" s="1" t="s">
        <v>0</v>
      </c>
    </row>
    <row r="21660" spans="1:5" ht="409.5" x14ac:dyDescent="0.25">
      <c r="A21660" s="4" t="s">
        <v>42730</v>
      </c>
      <c r="B21660" s="1" t="s">
        <v>58111</v>
      </c>
      <c r="C21660" s="1" t="s">
        <v>42731</v>
      </c>
      <c r="D21660" s="2">
        <v>174488</v>
      </c>
      <c r="E21660" s="1" t="s">
        <v>0</v>
      </c>
    </row>
    <row r="21661" spans="1:5" x14ac:dyDescent="0.25">
      <c r="A21661" s="1" t="s">
        <v>42732</v>
      </c>
      <c r="B21661" s="1" t="s">
        <v>58112</v>
      </c>
      <c r="C21661" s="1" t="s">
        <v>42733</v>
      </c>
      <c r="D21661" s="2">
        <v>174489</v>
      </c>
      <c r="E21661" s="1" t="s">
        <v>0</v>
      </c>
    </row>
    <row r="21662" spans="1:5" x14ac:dyDescent="0.25">
      <c r="A21662" s="2">
        <v>4332</v>
      </c>
      <c r="B21662" s="2">
        <v>4332</v>
      </c>
      <c r="C21662" s="1" t="s">
        <v>0</v>
      </c>
      <c r="D21662" s="2">
        <v>174490</v>
      </c>
      <c r="E21662" s="1" t="s">
        <v>0</v>
      </c>
    </row>
    <row r="21663" spans="1:5" x14ac:dyDescent="0.25">
      <c r="A21663" s="1" t="s">
        <v>3929</v>
      </c>
      <c r="B21663" s="1" t="s">
        <v>11255</v>
      </c>
      <c r="C21663" s="1" t="s">
        <v>42734</v>
      </c>
      <c r="D21663" s="2">
        <v>174491</v>
      </c>
      <c r="E21663" s="1" t="s">
        <v>0</v>
      </c>
    </row>
    <row r="21664" spans="1:5" x14ac:dyDescent="0.25">
      <c r="A21664" s="1" t="s">
        <v>42735</v>
      </c>
      <c r="B21664" s="1" t="s">
        <v>55783</v>
      </c>
      <c r="C21664" s="1" t="s">
        <v>42736</v>
      </c>
      <c r="D21664" s="2">
        <v>174492</v>
      </c>
      <c r="E21664" s="1" t="s">
        <v>0</v>
      </c>
    </row>
    <row r="21665" spans="1:5" ht="409.5" x14ac:dyDescent="0.25">
      <c r="A21665" s="4" t="s">
        <v>42737</v>
      </c>
      <c r="B21665" s="1" t="s">
        <v>55784</v>
      </c>
      <c r="C21665" s="1" t="s">
        <v>42738</v>
      </c>
      <c r="D21665" s="2">
        <v>174493</v>
      </c>
      <c r="E21665" s="1" t="s">
        <v>0</v>
      </c>
    </row>
    <row r="21666" spans="1:5" x14ac:dyDescent="0.25">
      <c r="A21666" s="1" t="s">
        <v>42739</v>
      </c>
      <c r="B21666" s="1" t="s">
        <v>11256</v>
      </c>
      <c r="C21666" s="1" t="s">
        <v>42740</v>
      </c>
      <c r="D21666" s="2">
        <v>174494</v>
      </c>
      <c r="E21666" s="1" t="s">
        <v>0</v>
      </c>
    </row>
    <row r="21667" spans="1:5" x14ac:dyDescent="0.25">
      <c r="A21667" s="2">
        <v>4333</v>
      </c>
      <c r="B21667" s="2">
        <v>4333</v>
      </c>
      <c r="C21667" s="1" t="s">
        <v>0</v>
      </c>
      <c r="D21667" s="2">
        <v>174495</v>
      </c>
      <c r="E21667" s="1" t="s">
        <v>0</v>
      </c>
    </row>
    <row r="21668" spans="1:5" x14ac:dyDescent="0.25">
      <c r="A21668" s="1" t="s">
        <v>3930</v>
      </c>
      <c r="B21668" s="1" t="s">
        <v>11257</v>
      </c>
      <c r="C21668" s="1" t="s">
        <v>42741</v>
      </c>
      <c r="D21668" s="2">
        <v>174496</v>
      </c>
      <c r="E21668" s="1" t="s">
        <v>0</v>
      </c>
    </row>
    <row r="21669" spans="1:5" x14ac:dyDescent="0.25">
      <c r="A21669" s="1" t="s">
        <v>42742</v>
      </c>
      <c r="B21669" s="1" t="s">
        <v>55785</v>
      </c>
      <c r="C21669" s="1" t="s">
        <v>42743</v>
      </c>
      <c r="D21669" s="2">
        <v>174497</v>
      </c>
      <c r="E21669" s="1" t="s">
        <v>0</v>
      </c>
    </row>
    <row r="21670" spans="1:5" ht="409.5" x14ac:dyDescent="0.25">
      <c r="A21670" s="4" t="s">
        <v>42744</v>
      </c>
      <c r="B21670" s="1" t="s">
        <v>55786</v>
      </c>
      <c r="C21670" s="1" t="s">
        <v>42745</v>
      </c>
      <c r="D21670" s="2">
        <v>174498</v>
      </c>
      <c r="E21670" s="1" t="s">
        <v>0</v>
      </c>
    </row>
    <row r="21671" spans="1:5" x14ac:dyDescent="0.25">
      <c r="A21671" s="1" t="s">
        <v>42746</v>
      </c>
      <c r="B21671" s="1" t="s">
        <v>55787</v>
      </c>
      <c r="C21671" s="1" t="s">
        <v>42747</v>
      </c>
      <c r="D21671" s="2">
        <v>174499</v>
      </c>
      <c r="E21671" s="1" t="s">
        <v>0</v>
      </c>
    </row>
    <row r="21672" spans="1:5" x14ac:dyDescent="0.25">
      <c r="A21672" s="2">
        <v>4334</v>
      </c>
      <c r="B21672" s="2">
        <v>4334</v>
      </c>
      <c r="C21672" s="1" t="s">
        <v>0</v>
      </c>
      <c r="D21672" s="2">
        <v>174500</v>
      </c>
      <c r="E21672" s="1" t="s">
        <v>0</v>
      </c>
    </row>
    <row r="21673" spans="1:5" x14ac:dyDescent="0.25">
      <c r="A21673" s="1" t="s">
        <v>3931</v>
      </c>
      <c r="B21673" s="1" t="s">
        <v>11258</v>
      </c>
      <c r="C21673" s="1" t="s">
        <v>42748</v>
      </c>
      <c r="D21673" s="2">
        <v>174501</v>
      </c>
      <c r="E21673" s="1" t="s">
        <v>0</v>
      </c>
    </row>
    <row r="21674" spans="1:5" x14ac:dyDescent="0.25">
      <c r="A21674" s="1" t="s">
        <v>42749</v>
      </c>
      <c r="B21674" s="1" t="s">
        <v>57990</v>
      </c>
      <c r="C21674" s="1" t="s">
        <v>42750</v>
      </c>
      <c r="D21674" s="2">
        <v>174502</v>
      </c>
      <c r="E21674" s="1" t="s">
        <v>0</v>
      </c>
    </row>
    <row r="21675" spans="1:5" ht="409.5" x14ac:dyDescent="0.25">
      <c r="A21675" s="4" t="s">
        <v>42751</v>
      </c>
      <c r="B21675" s="1" t="s">
        <v>57991</v>
      </c>
      <c r="C21675" s="1" t="s">
        <v>42752</v>
      </c>
      <c r="D21675" s="2">
        <v>174503</v>
      </c>
      <c r="E21675" s="1" t="s">
        <v>0</v>
      </c>
    </row>
    <row r="21676" spans="1:5" x14ac:dyDescent="0.25">
      <c r="A21676" s="1" t="s">
        <v>42753</v>
      </c>
      <c r="B21676" s="1" t="s">
        <v>11259</v>
      </c>
      <c r="C21676" s="1" t="s">
        <v>42754</v>
      </c>
      <c r="D21676" s="2">
        <v>174504</v>
      </c>
      <c r="E21676" s="1" t="s">
        <v>0</v>
      </c>
    </row>
    <row r="21677" spans="1:5" x14ac:dyDescent="0.25">
      <c r="A21677" s="2">
        <v>4335</v>
      </c>
      <c r="B21677" s="2">
        <v>4335</v>
      </c>
      <c r="C21677" s="1" t="s">
        <v>0</v>
      </c>
      <c r="D21677" s="2">
        <v>174505</v>
      </c>
      <c r="E21677" s="1" t="s">
        <v>0</v>
      </c>
    </row>
    <row r="21678" spans="1:5" x14ac:dyDescent="0.25">
      <c r="A21678" s="1" t="s">
        <v>3932</v>
      </c>
      <c r="B21678" s="1" t="s">
        <v>11260</v>
      </c>
      <c r="C21678" s="1" t="s">
        <v>42755</v>
      </c>
      <c r="D21678" s="2">
        <v>174506</v>
      </c>
      <c r="E21678" s="1" t="s">
        <v>0</v>
      </c>
    </row>
    <row r="21679" spans="1:5" x14ac:dyDescent="0.25">
      <c r="A21679" s="1" t="s">
        <v>42756</v>
      </c>
      <c r="B21679" s="1" t="s">
        <v>51002</v>
      </c>
      <c r="C21679" s="1" t="s">
        <v>42757</v>
      </c>
      <c r="D21679" s="2">
        <v>174507</v>
      </c>
      <c r="E21679" s="1" t="s">
        <v>0</v>
      </c>
    </row>
    <row r="21680" spans="1:5" ht="409.5" x14ac:dyDescent="0.25">
      <c r="A21680" s="4" t="s">
        <v>42758</v>
      </c>
      <c r="B21680" s="1" t="s">
        <v>63504</v>
      </c>
      <c r="C21680" s="1" t="s">
        <v>42759</v>
      </c>
      <c r="D21680" s="2">
        <v>174508</v>
      </c>
      <c r="E21680" s="1" t="s">
        <v>0</v>
      </c>
    </row>
    <row r="21681" spans="1:5" x14ac:dyDescent="0.25">
      <c r="A21681" s="1" t="s">
        <v>42760</v>
      </c>
      <c r="B21681" s="1" t="s">
        <v>11261</v>
      </c>
      <c r="C21681" s="1" t="s">
        <v>42761</v>
      </c>
      <c r="D21681" s="2">
        <v>174509</v>
      </c>
      <c r="E21681" s="1" t="s">
        <v>0</v>
      </c>
    </row>
    <row r="21682" spans="1:5" x14ac:dyDescent="0.25">
      <c r="A21682" s="2">
        <v>4336</v>
      </c>
      <c r="B21682" s="2">
        <v>4336</v>
      </c>
      <c r="C21682" s="1" t="s">
        <v>0</v>
      </c>
      <c r="D21682" s="2">
        <v>174510</v>
      </c>
      <c r="E21682" s="1" t="s">
        <v>0</v>
      </c>
    </row>
    <row r="21683" spans="1:5" x14ac:dyDescent="0.25">
      <c r="A21683" s="1" t="s">
        <v>3933</v>
      </c>
      <c r="B21683" s="1" t="s">
        <v>11262</v>
      </c>
      <c r="C21683" s="1" t="s">
        <v>42762</v>
      </c>
      <c r="D21683" s="2">
        <v>174511</v>
      </c>
      <c r="E21683" s="1" t="s">
        <v>0</v>
      </c>
    </row>
    <row r="21684" spans="1:5" x14ac:dyDescent="0.25">
      <c r="A21684" s="1" t="s">
        <v>42763</v>
      </c>
      <c r="B21684" s="1" t="s">
        <v>60243</v>
      </c>
      <c r="C21684" s="1" t="s">
        <v>42764</v>
      </c>
      <c r="D21684" s="2">
        <v>174512</v>
      </c>
      <c r="E21684" s="1" t="s">
        <v>0</v>
      </c>
    </row>
    <row r="21685" spans="1:5" ht="409.5" x14ac:dyDescent="0.25">
      <c r="A21685" s="4" t="s">
        <v>42765</v>
      </c>
      <c r="B21685" s="1" t="s">
        <v>60244</v>
      </c>
      <c r="C21685" s="1" t="s">
        <v>42766</v>
      </c>
      <c r="D21685" s="2">
        <v>174513</v>
      </c>
      <c r="E21685" s="1" t="s">
        <v>0</v>
      </c>
    </row>
    <row r="21686" spans="1:5" x14ac:dyDescent="0.25">
      <c r="A21686" s="1" t="s">
        <v>42767</v>
      </c>
      <c r="B21686" s="1" t="s">
        <v>55788</v>
      </c>
      <c r="C21686" s="1" t="s">
        <v>42768</v>
      </c>
      <c r="D21686" s="2">
        <v>174514</v>
      </c>
      <c r="E21686" s="1" t="s">
        <v>0</v>
      </c>
    </row>
    <row r="21687" spans="1:5" x14ac:dyDescent="0.25">
      <c r="A21687" s="2">
        <v>4337</v>
      </c>
      <c r="B21687" s="2">
        <v>4337</v>
      </c>
      <c r="C21687" s="1" t="s">
        <v>0</v>
      </c>
      <c r="D21687" s="2">
        <v>174515</v>
      </c>
      <c r="E21687" s="1" t="s">
        <v>0</v>
      </c>
    </row>
    <row r="21688" spans="1:5" x14ac:dyDescent="0.25">
      <c r="A21688" s="1" t="s">
        <v>3934</v>
      </c>
      <c r="B21688" s="1" t="s">
        <v>11263</v>
      </c>
      <c r="C21688" s="1" t="s">
        <v>42769</v>
      </c>
      <c r="D21688" s="2">
        <v>174516</v>
      </c>
      <c r="E21688" s="1" t="s">
        <v>0</v>
      </c>
    </row>
    <row r="21689" spans="1:5" x14ac:dyDescent="0.25">
      <c r="A21689" s="1" t="s">
        <v>42770</v>
      </c>
      <c r="B21689" s="1" t="s">
        <v>11264</v>
      </c>
      <c r="C21689" s="1" t="s">
        <v>42771</v>
      </c>
      <c r="D21689" s="2">
        <v>174517</v>
      </c>
      <c r="E21689" s="1" t="s">
        <v>0</v>
      </c>
    </row>
    <row r="21690" spans="1:5" ht="409.5" x14ac:dyDescent="0.25">
      <c r="A21690" s="4" t="s">
        <v>42772</v>
      </c>
      <c r="B21690" s="1" t="s">
        <v>11265</v>
      </c>
      <c r="C21690" s="1" t="s">
        <v>42773</v>
      </c>
      <c r="D21690" s="2">
        <v>174518</v>
      </c>
      <c r="E21690" s="1" t="s">
        <v>0</v>
      </c>
    </row>
    <row r="21691" spans="1:5" x14ac:dyDescent="0.25">
      <c r="A21691" s="1" t="s">
        <v>42774</v>
      </c>
      <c r="B21691" s="1" t="s">
        <v>55789</v>
      </c>
      <c r="C21691" s="1" t="s">
        <v>42775</v>
      </c>
      <c r="D21691" s="2">
        <v>174519</v>
      </c>
      <c r="E21691" s="1" t="s">
        <v>0</v>
      </c>
    </row>
    <row r="21692" spans="1:5" x14ac:dyDescent="0.25">
      <c r="A21692" s="2">
        <v>4338</v>
      </c>
      <c r="B21692" s="2">
        <v>4338</v>
      </c>
      <c r="C21692" s="1" t="s">
        <v>0</v>
      </c>
      <c r="D21692" s="2">
        <v>174520</v>
      </c>
      <c r="E21692" s="1" t="s">
        <v>0</v>
      </c>
    </row>
    <row r="21693" spans="1:5" x14ac:dyDescent="0.25">
      <c r="A21693" s="1" t="s">
        <v>3935</v>
      </c>
      <c r="B21693" s="1" t="s">
        <v>11266</v>
      </c>
      <c r="C21693" s="1" t="s">
        <v>42776</v>
      </c>
      <c r="D21693" s="2">
        <v>174521</v>
      </c>
      <c r="E21693" s="1" t="s">
        <v>0</v>
      </c>
    </row>
    <row r="21694" spans="1:5" x14ac:dyDescent="0.25">
      <c r="A21694" s="1" t="s">
        <v>42777</v>
      </c>
      <c r="B21694" s="1" t="s">
        <v>59081</v>
      </c>
      <c r="C21694" s="1" t="s">
        <v>42778</v>
      </c>
      <c r="D21694" s="2">
        <v>174522</v>
      </c>
      <c r="E21694" s="1" t="s">
        <v>0</v>
      </c>
    </row>
    <row r="21695" spans="1:5" ht="409.5" x14ac:dyDescent="0.25">
      <c r="A21695" s="4" t="s">
        <v>42779</v>
      </c>
      <c r="B21695" s="1" t="s">
        <v>59082</v>
      </c>
      <c r="C21695" s="1" t="s">
        <v>42780</v>
      </c>
      <c r="D21695" s="2">
        <v>174523</v>
      </c>
      <c r="E21695" s="1" t="s">
        <v>0</v>
      </c>
    </row>
    <row r="21696" spans="1:5" x14ac:dyDescent="0.25">
      <c r="A21696" s="1" t="s">
        <v>42781</v>
      </c>
      <c r="B21696" s="1" t="s">
        <v>11267</v>
      </c>
      <c r="C21696" s="1" t="s">
        <v>42782</v>
      </c>
      <c r="D21696" s="2">
        <v>174524</v>
      </c>
      <c r="E21696" s="1" t="s">
        <v>0</v>
      </c>
    </row>
    <row r="21697" spans="1:5" x14ac:dyDescent="0.25">
      <c r="A21697" s="2">
        <v>4339</v>
      </c>
      <c r="B21697" s="2">
        <v>4339</v>
      </c>
      <c r="C21697" s="1" t="s">
        <v>0</v>
      </c>
      <c r="D21697" s="2">
        <v>174525</v>
      </c>
      <c r="E21697" s="1" t="s">
        <v>0</v>
      </c>
    </row>
    <row r="21698" spans="1:5" x14ac:dyDescent="0.25">
      <c r="A21698" s="1" t="s">
        <v>3936</v>
      </c>
      <c r="B21698" s="1" t="s">
        <v>11268</v>
      </c>
      <c r="C21698" s="1" t="s">
        <v>42783</v>
      </c>
      <c r="D21698" s="2">
        <v>174526</v>
      </c>
      <c r="E21698" s="1" t="s">
        <v>0</v>
      </c>
    </row>
    <row r="21699" spans="1:5" x14ac:dyDescent="0.25">
      <c r="A21699" s="1" t="s">
        <v>42784</v>
      </c>
      <c r="B21699" s="1" t="s">
        <v>63916</v>
      </c>
      <c r="C21699" s="1" t="s">
        <v>42785</v>
      </c>
      <c r="D21699" s="2">
        <v>174527</v>
      </c>
      <c r="E21699" s="1" t="s">
        <v>0</v>
      </c>
    </row>
    <row r="21700" spans="1:5" ht="409.5" x14ac:dyDescent="0.25">
      <c r="A21700" s="4" t="s">
        <v>42786</v>
      </c>
      <c r="B21700" s="1" t="s">
        <v>63917</v>
      </c>
      <c r="C21700" s="1" t="s">
        <v>42787</v>
      </c>
      <c r="D21700" s="2">
        <v>174528</v>
      </c>
      <c r="E21700" s="1" t="s">
        <v>0</v>
      </c>
    </row>
    <row r="21701" spans="1:5" x14ac:dyDescent="0.25">
      <c r="A21701" s="1" t="s">
        <v>42788</v>
      </c>
      <c r="B21701" s="1" t="s">
        <v>55790</v>
      </c>
      <c r="C21701" s="1" t="s">
        <v>42789</v>
      </c>
      <c r="D21701" s="2">
        <v>174529</v>
      </c>
      <c r="E21701" s="1" t="s">
        <v>0</v>
      </c>
    </row>
    <row r="21702" spans="1:5" x14ac:dyDescent="0.25">
      <c r="A21702" s="2">
        <v>4340</v>
      </c>
      <c r="B21702" s="2">
        <v>4340</v>
      </c>
      <c r="C21702" s="1" t="s">
        <v>0</v>
      </c>
      <c r="D21702" s="2">
        <v>174530</v>
      </c>
      <c r="E21702" s="1" t="s">
        <v>0</v>
      </c>
    </row>
    <row r="21703" spans="1:5" x14ac:dyDescent="0.25">
      <c r="A21703" s="1" t="s">
        <v>3937</v>
      </c>
      <c r="B21703" s="1" t="s">
        <v>11269</v>
      </c>
      <c r="C21703" s="1" t="s">
        <v>42790</v>
      </c>
      <c r="D21703" s="2">
        <v>174531</v>
      </c>
      <c r="E21703" s="1" t="s">
        <v>0</v>
      </c>
    </row>
    <row r="21704" spans="1:5" x14ac:dyDescent="0.25">
      <c r="A21704" s="1" t="s">
        <v>42791</v>
      </c>
      <c r="B21704" s="1" t="s">
        <v>60245</v>
      </c>
      <c r="C21704" s="1" t="s">
        <v>42792</v>
      </c>
      <c r="D21704" s="2">
        <v>174532</v>
      </c>
      <c r="E21704" s="1" t="s">
        <v>0</v>
      </c>
    </row>
    <row r="21705" spans="1:5" ht="409.5" x14ac:dyDescent="0.25">
      <c r="A21705" s="4" t="s">
        <v>42793</v>
      </c>
      <c r="B21705" s="1" t="s">
        <v>60246</v>
      </c>
      <c r="C21705" s="1" t="s">
        <v>42794</v>
      </c>
      <c r="D21705" s="2">
        <v>174533</v>
      </c>
      <c r="E21705" s="1" t="s">
        <v>0</v>
      </c>
    </row>
    <row r="21706" spans="1:5" x14ac:dyDescent="0.25">
      <c r="A21706" s="1" t="s">
        <v>42795</v>
      </c>
      <c r="B21706" s="1" t="s">
        <v>55791</v>
      </c>
      <c r="C21706" s="1" t="s">
        <v>42796</v>
      </c>
      <c r="D21706" s="2">
        <v>174534</v>
      </c>
      <c r="E21706" s="1" t="s">
        <v>0</v>
      </c>
    </row>
    <row r="21707" spans="1:5" x14ac:dyDescent="0.25">
      <c r="A21707" s="2">
        <v>4341</v>
      </c>
      <c r="B21707" s="2">
        <v>4341</v>
      </c>
      <c r="C21707" s="1" t="s">
        <v>0</v>
      </c>
      <c r="D21707" s="2">
        <v>174535</v>
      </c>
      <c r="E21707" s="1" t="s">
        <v>0</v>
      </c>
    </row>
    <row r="21708" spans="1:5" x14ac:dyDescent="0.25">
      <c r="A21708" s="1" t="s">
        <v>3938</v>
      </c>
      <c r="B21708" s="1" t="s">
        <v>11270</v>
      </c>
      <c r="C21708" s="1" t="s">
        <v>42797</v>
      </c>
      <c r="D21708" s="2">
        <v>174536</v>
      </c>
      <c r="E21708" s="1" t="s">
        <v>0</v>
      </c>
    </row>
    <row r="21709" spans="1:5" x14ac:dyDescent="0.25">
      <c r="A21709" s="1" t="s">
        <v>42798</v>
      </c>
      <c r="B21709" s="1" t="s">
        <v>55792</v>
      </c>
      <c r="C21709" s="1" t="s">
        <v>42799</v>
      </c>
      <c r="D21709" s="2">
        <v>174537</v>
      </c>
      <c r="E21709" s="1" t="s">
        <v>0</v>
      </c>
    </row>
    <row r="21710" spans="1:5" ht="409.5" x14ac:dyDescent="0.25">
      <c r="A21710" s="4" t="s">
        <v>42800</v>
      </c>
      <c r="B21710" s="1" t="s">
        <v>55793</v>
      </c>
      <c r="C21710" s="1" t="s">
        <v>42801</v>
      </c>
      <c r="D21710" s="2">
        <v>174538</v>
      </c>
      <c r="E21710" s="1" t="s">
        <v>0</v>
      </c>
    </row>
    <row r="21711" spans="1:5" x14ac:dyDescent="0.25">
      <c r="A21711" s="1" t="s">
        <v>42802</v>
      </c>
      <c r="B21711" s="1" t="s">
        <v>11271</v>
      </c>
      <c r="C21711" s="1" t="s">
        <v>42803</v>
      </c>
      <c r="D21711" s="2">
        <v>174539</v>
      </c>
      <c r="E21711" s="1" t="s">
        <v>0</v>
      </c>
    </row>
    <row r="21712" spans="1:5" x14ac:dyDescent="0.25">
      <c r="A21712" s="2">
        <v>4342</v>
      </c>
      <c r="B21712" s="2">
        <v>4342</v>
      </c>
      <c r="C21712" s="1" t="s">
        <v>0</v>
      </c>
      <c r="D21712" s="2">
        <v>174540</v>
      </c>
      <c r="E21712" s="1" t="s">
        <v>0</v>
      </c>
    </row>
    <row r="21713" spans="1:5" x14ac:dyDescent="0.25">
      <c r="A21713" s="1" t="s">
        <v>3939</v>
      </c>
      <c r="B21713" s="1" t="s">
        <v>11272</v>
      </c>
      <c r="C21713" s="1" t="s">
        <v>42804</v>
      </c>
      <c r="D21713" s="2">
        <v>174541</v>
      </c>
      <c r="E21713" s="1" t="s">
        <v>0</v>
      </c>
    </row>
    <row r="21714" spans="1:5" x14ac:dyDescent="0.25">
      <c r="A21714" s="1" t="s">
        <v>42805</v>
      </c>
      <c r="B21714" s="1" t="s">
        <v>62910</v>
      </c>
      <c r="C21714" s="1" t="s">
        <v>42806</v>
      </c>
      <c r="D21714" s="2">
        <v>174542</v>
      </c>
      <c r="E21714" s="1" t="s">
        <v>0</v>
      </c>
    </row>
    <row r="21715" spans="1:5" ht="409.5" x14ac:dyDescent="0.25">
      <c r="A21715" s="4" t="s">
        <v>42807</v>
      </c>
      <c r="B21715" s="1" t="s">
        <v>62911</v>
      </c>
      <c r="C21715" s="1" t="s">
        <v>42808</v>
      </c>
      <c r="D21715" s="2">
        <v>174543</v>
      </c>
      <c r="E21715" s="1" t="s">
        <v>0</v>
      </c>
    </row>
    <row r="21716" spans="1:5" x14ac:dyDescent="0.25">
      <c r="A21716" s="1" t="s">
        <v>42809</v>
      </c>
      <c r="B21716" s="1" t="s">
        <v>55794</v>
      </c>
      <c r="C21716" s="1" t="s">
        <v>42810</v>
      </c>
      <c r="D21716" s="2">
        <v>174544</v>
      </c>
      <c r="E21716" s="1" t="s">
        <v>0</v>
      </c>
    </row>
    <row r="21717" spans="1:5" x14ac:dyDescent="0.25">
      <c r="A21717" s="2">
        <v>4343</v>
      </c>
      <c r="B21717" s="2">
        <v>4343</v>
      </c>
      <c r="C21717" s="1" t="s">
        <v>0</v>
      </c>
      <c r="D21717" s="2">
        <v>174545</v>
      </c>
      <c r="E21717" s="1" t="s">
        <v>0</v>
      </c>
    </row>
    <row r="21718" spans="1:5" x14ac:dyDescent="0.25">
      <c r="A21718" s="1" t="s">
        <v>3940</v>
      </c>
      <c r="B21718" s="1" t="s">
        <v>55795</v>
      </c>
      <c r="C21718" s="1" t="s">
        <v>42811</v>
      </c>
      <c r="D21718" s="2">
        <v>174546</v>
      </c>
      <c r="E21718" s="1" t="s">
        <v>0</v>
      </c>
    </row>
    <row r="21719" spans="1:5" x14ac:dyDescent="0.25">
      <c r="A21719" s="1" t="s">
        <v>42812</v>
      </c>
      <c r="B21719" s="1" t="s">
        <v>55796</v>
      </c>
      <c r="C21719" s="1" t="s">
        <v>42813</v>
      </c>
      <c r="D21719" s="2">
        <v>174547</v>
      </c>
      <c r="E21719" s="1" t="s">
        <v>0</v>
      </c>
    </row>
    <row r="21720" spans="1:5" ht="409.5" x14ac:dyDescent="0.25">
      <c r="A21720" s="4" t="s">
        <v>42814</v>
      </c>
      <c r="B21720" s="1" t="s">
        <v>55797</v>
      </c>
      <c r="C21720" s="1" t="s">
        <v>42815</v>
      </c>
      <c r="D21720" s="2">
        <v>174548</v>
      </c>
      <c r="E21720" s="1" t="s">
        <v>0</v>
      </c>
    </row>
    <row r="21721" spans="1:5" x14ac:dyDescent="0.25">
      <c r="A21721" s="1" t="s">
        <v>42816</v>
      </c>
      <c r="B21721" s="1" t="s">
        <v>55798</v>
      </c>
      <c r="C21721" s="1" t="s">
        <v>42817</v>
      </c>
      <c r="D21721" s="2">
        <v>174549</v>
      </c>
      <c r="E21721" s="1" t="s">
        <v>0</v>
      </c>
    </row>
    <row r="21722" spans="1:5" x14ac:dyDescent="0.25">
      <c r="A21722" s="2">
        <v>4344</v>
      </c>
      <c r="B21722" s="2">
        <v>4344</v>
      </c>
      <c r="C21722" s="1" t="s">
        <v>0</v>
      </c>
      <c r="D21722" s="2">
        <v>174550</v>
      </c>
      <c r="E21722" s="1" t="s">
        <v>0</v>
      </c>
    </row>
    <row r="21723" spans="1:5" x14ac:dyDescent="0.25">
      <c r="A21723" s="1" t="s">
        <v>13277</v>
      </c>
      <c r="B21723" s="1" t="s">
        <v>11273</v>
      </c>
      <c r="C21723" s="1" t="s">
        <v>42818</v>
      </c>
      <c r="D21723" s="2">
        <v>174551</v>
      </c>
      <c r="E21723" s="1" t="s">
        <v>0</v>
      </c>
    </row>
    <row r="21724" spans="1:5" x14ac:dyDescent="0.25">
      <c r="A21724" s="1" t="s">
        <v>42819</v>
      </c>
      <c r="B21724" s="1" t="s">
        <v>56864</v>
      </c>
      <c r="C21724" s="1" t="s">
        <v>42820</v>
      </c>
      <c r="D21724" s="2">
        <v>174552</v>
      </c>
      <c r="E21724" s="1" t="s">
        <v>0</v>
      </c>
    </row>
    <row r="21725" spans="1:5" ht="409.5" x14ac:dyDescent="0.25">
      <c r="A21725" s="4" t="s">
        <v>42821</v>
      </c>
      <c r="B21725" s="1" t="s">
        <v>56865</v>
      </c>
      <c r="C21725" s="1" t="s">
        <v>42822</v>
      </c>
      <c r="D21725" s="2">
        <v>174553</v>
      </c>
      <c r="E21725" s="1" t="s">
        <v>0</v>
      </c>
    </row>
    <row r="21726" spans="1:5" x14ac:dyDescent="0.25">
      <c r="A21726" s="1" t="s">
        <v>42823</v>
      </c>
      <c r="B21726" s="1" t="s">
        <v>55799</v>
      </c>
      <c r="C21726" s="1" t="s">
        <v>42824</v>
      </c>
      <c r="D21726" s="2">
        <v>174554</v>
      </c>
      <c r="E21726" s="1" t="s">
        <v>0</v>
      </c>
    </row>
    <row r="21727" spans="1:5" x14ac:dyDescent="0.25">
      <c r="A21727" s="2">
        <v>4345</v>
      </c>
      <c r="B21727" s="2">
        <v>4345</v>
      </c>
      <c r="C21727" s="1" t="s">
        <v>0</v>
      </c>
      <c r="D21727" s="2">
        <v>174555</v>
      </c>
      <c r="E21727" s="1" t="s">
        <v>0</v>
      </c>
    </row>
    <row r="21728" spans="1:5" x14ac:dyDescent="0.25">
      <c r="A21728" s="1" t="s">
        <v>11274</v>
      </c>
      <c r="B21728" s="1" t="s">
        <v>11275</v>
      </c>
      <c r="C21728" s="1" t="s">
        <v>42825</v>
      </c>
      <c r="D21728" s="2">
        <v>174556</v>
      </c>
      <c r="E21728" s="1" t="s">
        <v>0</v>
      </c>
    </row>
    <row r="21729" spans="1:5" x14ac:dyDescent="0.25">
      <c r="A21729" s="1" t="s">
        <v>42826</v>
      </c>
      <c r="B21729" s="1" t="s">
        <v>55800</v>
      </c>
      <c r="C21729" s="1" t="s">
        <v>42827</v>
      </c>
      <c r="D21729" s="2">
        <v>174557</v>
      </c>
      <c r="E21729" s="1" t="s">
        <v>0</v>
      </c>
    </row>
    <row r="21730" spans="1:5" ht="409.5" x14ac:dyDescent="0.25">
      <c r="A21730" s="4" t="s">
        <v>42828</v>
      </c>
      <c r="B21730" s="1" t="s">
        <v>55801</v>
      </c>
      <c r="C21730" s="1" t="s">
        <v>42829</v>
      </c>
      <c r="D21730" s="2">
        <v>174558</v>
      </c>
      <c r="E21730" s="1" t="s">
        <v>0</v>
      </c>
    </row>
    <row r="21731" spans="1:5" x14ac:dyDescent="0.25">
      <c r="A21731" s="1" t="s">
        <v>42830</v>
      </c>
      <c r="B21731" s="1" t="s">
        <v>55802</v>
      </c>
      <c r="C21731" s="1" t="s">
        <v>42831</v>
      </c>
      <c r="D21731" s="2">
        <v>174559</v>
      </c>
      <c r="E21731" s="1" t="s">
        <v>0</v>
      </c>
    </row>
    <row r="21732" spans="1:5" x14ac:dyDescent="0.25">
      <c r="A21732" s="2">
        <v>4346</v>
      </c>
      <c r="B21732" s="2">
        <v>4346</v>
      </c>
      <c r="C21732" s="1" t="s">
        <v>0</v>
      </c>
      <c r="D21732" s="2">
        <v>174560</v>
      </c>
      <c r="E21732" s="1" t="s">
        <v>0</v>
      </c>
    </row>
    <row r="21733" spans="1:5" x14ac:dyDescent="0.25">
      <c r="A21733" s="1" t="s">
        <v>3941</v>
      </c>
      <c r="B21733" s="1" t="s">
        <v>11276</v>
      </c>
      <c r="C21733" s="1" t="s">
        <v>42832</v>
      </c>
      <c r="D21733" s="2">
        <v>174561</v>
      </c>
      <c r="E21733" s="1" t="s">
        <v>0</v>
      </c>
    </row>
    <row r="21734" spans="1:5" x14ac:dyDescent="0.25">
      <c r="A21734" s="1" t="s">
        <v>42833</v>
      </c>
      <c r="B21734" s="1" t="s">
        <v>11277</v>
      </c>
      <c r="C21734" s="1" t="s">
        <v>42834</v>
      </c>
      <c r="D21734" s="2">
        <v>174562</v>
      </c>
      <c r="E21734" s="1" t="s">
        <v>0</v>
      </c>
    </row>
    <row r="21735" spans="1:5" ht="409.5" x14ac:dyDescent="0.25">
      <c r="A21735" s="4" t="s">
        <v>42835</v>
      </c>
      <c r="B21735" s="1" t="s">
        <v>11278</v>
      </c>
      <c r="C21735" s="1" t="s">
        <v>42836</v>
      </c>
      <c r="D21735" s="2">
        <v>174563</v>
      </c>
      <c r="E21735" s="1" t="s">
        <v>0</v>
      </c>
    </row>
    <row r="21736" spans="1:5" x14ac:dyDescent="0.25">
      <c r="A21736" s="1" t="s">
        <v>42837</v>
      </c>
      <c r="B21736" s="1" t="s">
        <v>55803</v>
      </c>
      <c r="C21736" s="1" t="s">
        <v>42838</v>
      </c>
      <c r="D21736" s="2">
        <v>174564</v>
      </c>
      <c r="E21736" s="1" t="s">
        <v>0</v>
      </c>
    </row>
    <row r="21737" spans="1:5" x14ac:dyDescent="0.25">
      <c r="A21737" s="2">
        <v>4347</v>
      </c>
      <c r="B21737" s="2">
        <v>4347</v>
      </c>
      <c r="C21737" s="1" t="s">
        <v>0</v>
      </c>
      <c r="D21737" s="2">
        <v>174565</v>
      </c>
      <c r="E21737" s="1" t="s">
        <v>0</v>
      </c>
    </row>
    <row r="21738" spans="1:5" x14ac:dyDescent="0.25">
      <c r="A21738" s="1" t="s">
        <v>3942</v>
      </c>
      <c r="B21738" s="1" t="s">
        <v>11279</v>
      </c>
      <c r="C21738" s="1" t="s">
        <v>42839</v>
      </c>
      <c r="D21738" s="2">
        <v>174566</v>
      </c>
      <c r="E21738" s="1" t="s">
        <v>0</v>
      </c>
    </row>
    <row r="21739" spans="1:5" x14ac:dyDescent="0.25">
      <c r="A21739" s="1" t="s">
        <v>42840</v>
      </c>
      <c r="B21739" s="1" t="s">
        <v>55804</v>
      </c>
      <c r="C21739" s="1" t="s">
        <v>42841</v>
      </c>
      <c r="D21739" s="2">
        <v>174567</v>
      </c>
      <c r="E21739" s="1" t="s">
        <v>0</v>
      </c>
    </row>
    <row r="21740" spans="1:5" ht="409.5" x14ac:dyDescent="0.25">
      <c r="A21740" s="4" t="s">
        <v>42842</v>
      </c>
      <c r="B21740" s="1" t="s">
        <v>57681</v>
      </c>
      <c r="C21740" s="1" t="s">
        <v>42843</v>
      </c>
      <c r="D21740" s="2">
        <v>174568</v>
      </c>
      <c r="E21740" s="1" t="s">
        <v>0</v>
      </c>
    </row>
    <row r="21741" spans="1:5" x14ac:dyDescent="0.25">
      <c r="A21741" s="1" t="s">
        <v>42844</v>
      </c>
      <c r="B21741" s="1" t="s">
        <v>11280</v>
      </c>
      <c r="C21741" s="1" t="s">
        <v>42845</v>
      </c>
      <c r="D21741" s="2">
        <v>174569</v>
      </c>
      <c r="E21741" s="1" t="s">
        <v>0</v>
      </c>
    </row>
    <row r="21742" spans="1:5" x14ac:dyDescent="0.25">
      <c r="A21742" s="2">
        <v>4348</v>
      </c>
      <c r="B21742" s="2">
        <v>4348</v>
      </c>
      <c r="C21742" s="1" t="s">
        <v>0</v>
      </c>
      <c r="D21742" s="2">
        <v>174570</v>
      </c>
      <c r="E21742" s="1" t="s">
        <v>0</v>
      </c>
    </row>
    <row r="21743" spans="1:5" x14ac:dyDescent="0.25">
      <c r="A21743" s="1" t="s">
        <v>3943</v>
      </c>
      <c r="B21743" s="1" t="s">
        <v>11281</v>
      </c>
      <c r="C21743" s="1" t="s">
        <v>42846</v>
      </c>
      <c r="D21743" s="2">
        <v>174571</v>
      </c>
      <c r="E21743" s="1" t="s">
        <v>0</v>
      </c>
    </row>
    <row r="21744" spans="1:5" x14ac:dyDescent="0.25">
      <c r="A21744" s="1" t="s">
        <v>42847</v>
      </c>
      <c r="B21744" s="1" t="s">
        <v>55805</v>
      </c>
      <c r="C21744" s="1" t="s">
        <v>42848</v>
      </c>
      <c r="D21744" s="2">
        <v>174572</v>
      </c>
      <c r="E21744" s="1" t="s">
        <v>0</v>
      </c>
    </row>
    <row r="21745" spans="1:5" ht="409.5" x14ac:dyDescent="0.25">
      <c r="A21745" s="4" t="s">
        <v>42849</v>
      </c>
      <c r="B21745" s="1" t="s">
        <v>55806</v>
      </c>
      <c r="C21745" s="1" t="s">
        <v>42850</v>
      </c>
      <c r="D21745" s="2">
        <v>174573</v>
      </c>
      <c r="E21745" s="1" t="s">
        <v>0</v>
      </c>
    </row>
    <row r="21746" spans="1:5" x14ac:dyDescent="0.25">
      <c r="A21746" s="1" t="s">
        <v>42851</v>
      </c>
      <c r="B21746" s="1" t="s">
        <v>55807</v>
      </c>
      <c r="C21746" s="1" t="s">
        <v>42852</v>
      </c>
      <c r="D21746" s="2">
        <v>174574</v>
      </c>
      <c r="E21746" s="1" t="s">
        <v>0</v>
      </c>
    </row>
    <row r="21747" spans="1:5" x14ac:dyDescent="0.25">
      <c r="A21747" s="2">
        <v>4349</v>
      </c>
      <c r="B21747" s="2">
        <v>4349</v>
      </c>
      <c r="C21747" s="1" t="s">
        <v>0</v>
      </c>
      <c r="D21747" s="2">
        <v>174575</v>
      </c>
      <c r="E21747" s="1" t="s">
        <v>0</v>
      </c>
    </row>
    <row r="21748" spans="1:5" x14ac:dyDescent="0.25">
      <c r="A21748" s="1" t="s">
        <v>3944</v>
      </c>
      <c r="B21748" s="1" t="s">
        <v>11282</v>
      </c>
      <c r="C21748" s="1" t="s">
        <v>42853</v>
      </c>
      <c r="D21748" s="2">
        <v>174576</v>
      </c>
      <c r="E21748" s="1" t="s">
        <v>0</v>
      </c>
    </row>
    <row r="21749" spans="1:5" x14ac:dyDescent="0.25">
      <c r="A21749" s="1" t="s">
        <v>42854</v>
      </c>
      <c r="B21749" s="1" t="s">
        <v>11283</v>
      </c>
      <c r="C21749" s="1" t="s">
        <v>42855</v>
      </c>
      <c r="D21749" s="2">
        <v>174577</v>
      </c>
      <c r="E21749" s="1" t="s">
        <v>0</v>
      </c>
    </row>
    <row r="21750" spans="1:5" ht="409.5" x14ac:dyDescent="0.25">
      <c r="A21750" s="4" t="s">
        <v>42856</v>
      </c>
      <c r="B21750" s="1" t="s">
        <v>13278</v>
      </c>
      <c r="C21750" s="1" t="s">
        <v>42857</v>
      </c>
      <c r="D21750" s="2">
        <v>174578</v>
      </c>
      <c r="E21750" s="1" t="s">
        <v>0</v>
      </c>
    </row>
    <row r="21751" spans="1:5" x14ac:dyDescent="0.25">
      <c r="A21751" s="1" t="s">
        <v>42858</v>
      </c>
      <c r="B21751" s="1" t="s">
        <v>55808</v>
      </c>
      <c r="C21751" s="1" t="s">
        <v>42859</v>
      </c>
      <c r="D21751" s="2">
        <v>174579</v>
      </c>
      <c r="E21751" s="1" t="s">
        <v>0</v>
      </c>
    </row>
    <row r="21752" spans="1:5" x14ac:dyDescent="0.25">
      <c r="A21752" s="2">
        <v>4350</v>
      </c>
      <c r="B21752" s="2">
        <v>4350</v>
      </c>
      <c r="C21752" s="1" t="s">
        <v>0</v>
      </c>
      <c r="D21752" s="2">
        <v>174580</v>
      </c>
      <c r="E21752" s="1" t="s">
        <v>0</v>
      </c>
    </row>
    <row r="21753" spans="1:5" x14ac:dyDescent="0.25">
      <c r="A21753" s="1" t="s">
        <v>42860</v>
      </c>
      <c r="B21753" s="1" t="s">
        <v>13279</v>
      </c>
      <c r="C21753" s="1" t="s">
        <v>42861</v>
      </c>
      <c r="D21753" s="2">
        <v>174581</v>
      </c>
      <c r="E21753" s="1" t="s">
        <v>0</v>
      </c>
    </row>
    <row r="21754" spans="1:5" x14ac:dyDescent="0.25">
      <c r="A21754" s="1" t="s">
        <v>42862</v>
      </c>
      <c r="B21754" s="1" t="s">
        <v>55809</v>
      </c>
      <c r="C21754" s="1" t="s">
        <v>42863</v>
      </c>
      <c r="D21754" s="2">
        <v>174582</v>
      </c>
      <c r="E21754" s="1" t="s">
        <v>0</v>
      </c>
    </row>
    <row r="21755" spans="1:5" ht="409.5" x14ac:dyDescent="0.25">
      <c r="A21755" s="4" t="s">
        <v>42864</v>
      </c>
      <c r="B21755" s="1" t="s">
        <v>55810</v>
      </c>
      <c r="C21755" s="1" t="s">
        <v>42865</v>
      </c>
      <c r="D21755" s="2">
        <v>174583</v>
      </c>
      <c r="E21755" s="1" t="s">
        <v>0</v>
      </c>
    </row>
    <row r="21756" spans="1:5" x14ac:dyDescent="0.25">
      <c r="A21756" s="1" t="s">
        <v>42866</v>
      </c>
      <c r="B21756" s="1" t="s">
        <v>11284</v>
      </c>
      <c r="C21756" s="1" t="s">
        <v>42867</v>
      </c>
      <c r="D21756" s="2">
        <v>174584</v>
      </c>
      <c r="E21756" s="1" t="s">
        <v>0</v>
      </c>
    </row>
    <row r="21757" spans="1:5" x14ac:dyDescent="0.25">
      <c r="A21757" s="2">
        <v>4351</v>
      </c>
      <c r="B21757" s="2">
        <v>4351</v>
      </c>
      <c r="C21757" s="1" t="s">
        <v>0</v>
      </c>
      <c r="D21757" s="2">
        <v>174585</v>
      </c>
      <c r="E21757" s="1" t="s">
        <v>0</v>
      </c>
    </row>
    <row r="21758" spans="1:5" x14ac:dyDescent="0.25">
      <c r="A21758" s="1" t="s">
        <v>3945</v>
      </c>
      <c r="B21758" s="1" t="s">
        <v>11285</v>
      </c>
      <c r="C21758" s="1" t="s">
        <v>42868</v>
      </c>
      <c r="D21758" s="2">
        <v>174586</v>
      </c>
      <c r="E21758" s="1" t="s">
        <v>0</v>
      </c>
    </row>
    <row r="21759" spans="1:5" x14ac:dyDescent="0.25">
      <c r="A21759" s="1" t="s">
        <v>42869</v>
      </c>
      <c r="B21759" s="1" t="s">
        <v>57619</v>
      </c>
      <c r="C21759" s="1" t="s">
        <v>42870</v>
      </c>
      <c r="D21759" s="2">
        <v>174587</v>
      </c>
      <c r="E21759" s="1" t="s">
        <v>0</v>
      </c>
    </row>
    <row r="21760" spans="1:5" ht="409.5" x14ac:dyDescent="0.25">
      <c r="A21760" s="4" t="s">
        <v>42871</v>
      </c>
      <c r="B21760" s="1" t="s">
        <v>57992</v>
      </c>
      <c r="C21760" s="1" t="s">
        <v>42872</v>
      </c>
      <c r="D21760" s="2">
        <v>174588</v>
      </c>
      <c r="E21760" s="1" t="s">
        <v>0</v>
      </c>
    </row>
    <row r="21761" spans="1:5" x14ac:dyDescent="0.25">
      <c r="A21761" s="1" t="s">
        <v>42873</v>
      </c>
      <c r="B21761" s="1" t="s">
        <v>57620</v>
      </c>
      <c r="C21761" s="1" t="s">
        <v>42874</v>
      </c>
      <c r="D21761" s="2">
        <v>174589</v>
      </c>
      <c r="E21761" s="1" t="s">
        <v>0</v>
      </c>
    </row>
    <row r="21762" spans="1:5" x14ac:dyDescent="0.25">
      <c r="A21762" s="2">
        <v>4352</v>
      </c>
      <c r="B21762" s="2">
        <v>4352</v>
      </c>
      <c r="C21762" s="1" t="s">
        <v>0</v>
      </c>
      <c r="D21762" s="2">
        <v>174590</v>
      </c>
      <c r="E21762" s="1" t="s">
        <v>0</v>
      </c>
    </row>
    <row r="21763" spans="1:5" x14ac:dyDescent="0.25">
      <c r="A21763" s="1" t="s">
        <v>3946</v>
      </c>
      <c r="B21763" s="1" t="s">
        <v>11286</v>
      </c>
      <c r="C21763" s="1" t="s">
        <v>42875</v>
      </c>
      <c r="D21763" s="2">
        <v>174591</v>
      </c>
      <c r="E21763" s="1" t="s">
        <v>0</v>
      </c>
    </row>
    <row r="21764" spans="1:5" x14ac:dyDescent="0.25">
      <c r="A21764" s="1" t="s">
        <v>42876</v>
      </c>
      <c r="B21764" s="1" t="s">
        <v>55811</v>
      </c>
      <c r="C21764" s="1" t="s">
        <v>42877</v>
      </c>
      <c r="D21764" s="2">
        <v>174592</v>
      </c>
      <c r="E21764" s="1" t="s">
        <v>0</v>
      </c>
    </row>
    <row r="21765" spans="1:5" ht="409.5" x14ac:dyDescent="0.25">
      <c r="A21765" s="4" t="s">
        <v>42878</v>
      </c>
      <c r="B21765" s="1" t="s">
        <v>55812</v>
      </c>
      <c r="C21765" s="1" t="s">
        <v>42879</v>
      </c>
      <c r="D21765" s="2">
        <v>174593</v>
      </c>
      <c r="E21765" s="1" t="s">
        <v>0</v>
      </c>
    </row>
    <row r="21766" spans="1:5" x14ac:dyDescent="0.25">
      <c r="A21766" s="1" t="s">
        <v>42880</v>
      </c>
      <c r="B21766" s="1" t="s">
        <v>57326</v>
      </c>
      <c r="C21766" s="1" t="s">
        <v>42881</v>
      </c>
      <c r="D21766" s="2">
        <v>174594</v>
      </c>
      <c r="E21766" s="1" t="s">
        <v>0</v>
      </c>
    </row>
    <row r="21767" spans="1:5" x14ac:dyDescent="0.25">
      <c r="A21767" s="2">
        <v>4353</v>
      </c>
      <c r="B21767" s="2">
        <v>4353</v>
      </c>
      <c r="C21767" s="1" t="s">
        <v>0</v>
      </c>
      <c r="D21767" s="2">
        <v>174595</v>
      </c>
      <c r="E21767" s="1" t="s">
        <v>0</v>
      </c>
    </row>
    <row r="21768" spans="1:5" x14ac:dyDescent="0.25">
      <c r="A21768" s="1" t="s">
        <v>3947</v>
      </c>
      <c r="B21768" s="1" t="s">
        <v>11287</v>
      </c>
      <c r="C21768" s="1" t="s">
        <v>42882</v>
      </c>
      <c r="D21768" s="2">
        <v>174596</v>
      </c>
      <c r="E21768" s="1" t="s">
        <v>0</v>
      </c>
    </row>
    <row r="21769" spans="1:5" x14ac:dyDescent="0.25">
      <c r="A21769" s="1" t="s">
        <v>42883</v>
      </c>
      <c r="B21769" s="1" t="s">
        <v>60247</v>
      </c>
      <c r="C21769" s="1" t="s">
        <v>42884</v>
      </c>
      <c r="D21769" s="2">
        <v>174597</v>
      </c>
      <c r="E21769" s="1" t="s">
        <v>0</v>
      </c>
    </row>
    <row r="21770" spans="1:5" ht="409.5" x14ac:dyDescent="0.25">
      <c r="A21770" s="4" t="s">
        <v>42885</v>
      </c>
      <c r="B21770" s="1" t="s">
        <v>62912</v>
      </c>
      <c r="C21770" s="1" t="s">
        <v>42886</v>
      </c>
      <c r="D21770" s="2">
        <v>174598</v>
      </c>
      <c r="E21770" s="1" t="s">
        <v>0</v>
      </c>
    </row>
    <row r="21771" spans="1:5" x14ac:dyDescent="0.25">
      <c r="A21771" s="1" t="s">
        <v>42887</v>
      </c>
      <c r="B21771" s="1" t="s">
        <v>60248</v>
      </c>
      <c r="C21771" s="1" t="s">
        <v>42888</v>
      </c>
      <c r="D21771" s="2">
        <v>174599</v>
      </c>
      <c r="E21771" s="1" t="s">
        <v>0</v>
      </c>
    </row>
    <row r="21772" spans="1:5" x14ac:dyDescent="0.25">
      <c r="A21772" s="2">
        <v>4354</v>
      </c>
      <c r="B21772" s="2">
        <v>4354</v>
      </c>
      <c r="C21772" s="1" t="s">
        <v>0</v>
      </c>
      <c r="D21772" s="2">
        <v>174600</v>
      </c>
      <c r="E21772" s="1" t="s">
        <v>0</v>
      </c>
    </row>
    <row r="21773" spans="1:5" x14ac:dyDescent="0.25">
      <c r="A21773" s="1" t="s">
        <v>3948</v>
      </c>
      <c r="B21773" s="1" t="s">
        <v>11288</v>
      </c>
      <c r="C21773" s="1" t="s">
        <v>42889</v>
      </c>
      <c r="D21773" s="2">
        <v>174601</v>
      </c>
      <c r="E21773" s="1" t="s">
        <v>0</v>
      </c>
    </row>
    <row r="21774" spans="1:5" x14ac:dyDescent="0.25">
      <c r="A21774" s="1" t="s">
        <v>42890</v>
      </c>
      <c r="B21774" s="1" t="s">
        <v>60787</v>
      </c>
      <c r="C21774" s="1" t="s">
        <v>42891</v>
      </c>
      <c r="D21774" s="2">
        <v>174602</v>
      </c>
      <c r="E21774" s="1" t="s">
        <v>0</v>
      </c>
    </row>
    <row r="21775" spans="1:5" ht="409.5" x14ac:dyDescent="0.25">
      <c r="A21775" s="4" t="s">
        <v>42892</v>
      </c>
      <c r="B21775" s="1" t="s">
        <v>60788</v>
      </c>
      <c r="C21775" s="1" t="s">
        <v>42893</v>
      </c>
      <c r="D21775" s="2">
        <v>174603</v>
      </c>
      <c r="E21775" s="1" t="s">
        <v>0</v>
      </c>
    </row>
    <row r="21776" spans="1:5" x14ac:dyDescent="0.25">
      <c r="A21776" s="1" t="s">
        <v>42894</v>
      </c>
      <c r="B21776" s="1" t="s">
        <v>55813</v>
      </c>
      <c r="C21776" s="1" t="s">
        <v>42895</v>
      </c>
      <c r="D21776" s="2">
        <v>174604</v>
      </c>
      <c r="E21776" s="1" t="s">
        <v>0</v>
      </c>
    </row>
    <row r="21777" spans="1:5" x14ac:dyDescent="0.25">
      <c r="A21777" s="2">
        <v>4355</v>
      </c>
      <c r="B21777" s="2">
        <v>4355</v>
      </c>
      <c r="C21777" s="1" t="s">
        <v>0</v>
      </c>
      <c r="D21777" s="2">
        <v>174605</v>
      </c>
      <c r="E21777" s="1" t="s">
        <v>0</v>
      </c>
    </row>
    <row r="21778" spans="1:5" x14ac:dyDescent="0.25">
      <c r="A21778" s="1" t="s">
        <v>3949</v>
      </c>
      <c r="B21778" s="1" t="s">
        <v>11289</v>
      </c>
      <c r="C21778" s="1" t="s">
        <v>42896</v>
      </c>
      <c r="D21778" s="2">
        <v>174606</v>
      </c>
      <c r="E21778" s="1" t="s">
        <v>0</v>
      </c>
    </row>
    <row r="21779" spans="1:5" x14ac:dyDescent="0.25">
      <c r="A21779" s="1" t="s">
        <v>42897</v>
      </c>
      <c r="B21779" s="1" t="s">
        <v>62913</v>
      </c>
      <c r="C21779" s="1" t="s">
        <v>42898</v>
      </c>
      <c r="D21779" s="2">
        <v>174607</v>
      </c>
      <c r="E21779" s="1" t="s">
        <v>0</v>
      </c>
    </row>
    <row r="21780" spans="1:5" ht="409.5" x14ac:dyDescent="0.25">
      <c r="A21780" s="4" t="s">
        <v>42899</v>
      </c>
      <c r="B21780" s="1" t="s">
        <v>63505</v>
      </c>
      <c r="C21780" s="1" t="s">
        <v>42900</v>
      </c>
      <c r="D21780" s="2">
        <v>174608</v>
      </c>
      <c r="E21780" s="1" t="s">
        <v>0</v>
      </c>
    </row>
    <row r="21781" spans="1:5" x14ac:dyDescent="0.25">
      <c r="A21781" s="1" t="s">
        <v>42901</v>
      </c>
      <c r="B21781" s="1" t="s">
        <v>11290</v>
      </c>
      <c r="C21781" s="1" t="s">
        <v>42902</v>
      </c>
      <c r="D21781" s="2">
        <v>174609</v>
      </c>
      <c r="E21781" s="1" t="s">
        <v>0</v>
      </c>
    </row>
    <row r="21782" spans="1:5" x14ac:dyDescent="0.25">
      <c r="A21782" s="2">
        <v>4356</v>
      </c>
      <c r="B21782" s="2">
        <v>4356</v>
      </c>
      <c r="C21782" s="1" t="s">
        <v>0</v>
      </c>
      <c r="D21782" s="2">
        <v>174610</v>
      </c>
      <c r="E21782" s="1" t="s">
        <v>0</v>
      </c>
    </row>
    <row r="21783" spans="1:5" x14ac:dyDescent="0.25">
      <c r="A21783" s="1" t="s">
        <v>3950</v>
      </c>
      <c r="B21783" s="1" t="s">
        <v>11291</v>
      </c>
      <c r="C21783" s="1" t="s">
        <v>42903</v>
      </c>
      <c r="D21783" s="2">
        <v>174611</v>
      </c>
      <c r="E21783" s="1" t="s">
        <v>0</v>
      </c>
    </row>
    <row r="21784" spans="1:5" x14ac:dyDescent="0.25">
      <c r="A21784" s="1" t="s">
        <v>42904</v>
      </c>
      <c r="B21784" s="1" t="s">
        <v>51003</v>
      </c>
      <c r="C21784" s="1" t="s">
        <v>42905</v>
      </c>
      <c r="D21784" s="2">
        <v>174612</v>
      </c>
      <c r="E21784" s="1" t="s">
        <v>0</v>
      </c>
    </row>
    <row r="21785" spans="1:5" ht="409.5" x14ac:dyDescent="0.25">
      <c r="A21785" s="4" t="s">
        <v>42906</v>
      </c>
      <c r="B21785" s="1" t="s">
        <v>51004</v>
      </c>
      <c r="C21785" s="1" t="s">
        <v>42907</v>
      </c>
      <c r="D21785" s="2">
        <v>174613</v>
      </c>
      <c r="E21785" s="1" t="s">
        <v>0</v>
      </c>
    </row>
    <row r="21786" spans="1:5" x14ac:dyDescent="0.25">
      <c r="A21786" s="1" t="s">
        <v>42908</v>
      </c>
      <c r="B21786" s="1" t="s">
        <v>61343</v>
      </c>
      <c r="C21786" s="1" t="s">
        <v>42909</v>
      </c>
      <c r="D21786" s="2">
        <v>174614</v>
      </c>
      <c r="E21786" s="1" t="s">
        <v>0</v>
      </c>
    </row>
    <row r="21787" spans="1:5" x14ac:dyDescent="0.25">
      <c r="A21787" s="2">
        <v>4357</v>
      </c>
      <c r="B21787" s="2">
        <v>4357</v>
      </c>
      <c r="C21787" s="1" t="s">
        <v>0</v>
      </c>
      <c r="D21787" s="2">
        <v>174615</v>
      </c>
      <c r="E21787" s="1" t="s">
        <v>0</v>
      </c>
    </row>
    <row r="21788" spans="1:5" x14ac:dyDescent="0.25">
      <c r="A21788" s="1" t="s">
        <v>3951</v>
      </c>
      <c r="B21788" s="1" t="s">
        <v>60249</v>
      </c>
      <c r="C21788" s="1" t="s">
        <v>42910</v>
      </c>
      <c r="D21788" s="2">
        <v>174616</v>
      </c>
      <c r="E21788" s="1" t="s">
        <v>0</v>
      </c>
    </row>
    <row r="21789" spans="1:5" x14ac:dyDescent="0.25">
      <c r="A21789" s="1" t="s">
        <v>42911</v>
      </c>
      <c r="B21789" s="1" t="s">
        <v>11292</v>
      </c>
      <c r="C21789" s="1" t="s">
        <v>42912</v>
      </c>
      <c r="D21789" s="2">
        <v>174617</v>
      </c>
      <c r="E21789" s="1" t="s">
        <v>0</v>
      </c>
    </row>
    <row r="21790" spans="1:5" ht="409.5" x14ac:dyDescent="0.25">
      <c r="A21790" s="4" t="s">
        <v>42913</v>
      </c>
      <c r="B21790" s="1" t="s">
        <v>60250</v>
      </c>
      <c r="C21790" s="1" t="s">
        <v>42914</v>
      </c>
      <c r="D21790" s="2">
        <v>174618</v>
      </c>
      <c r="E21790" s="1" t="s">
        <v>0</v>
      </c>
    </row>
    <row r="21791" spans="1:5" x14ac:dyDescent="0.25">
      <c r="A21791" s="1" t="s">
        <v>42915</v>
      </c>
      <c r="B21791" s="1" t="s">
        <v>56866</v>
      </c>
      <c r="C21791" s="1" t="s">
        <v>42916</v>
      </c>
      <c r="D21791" s="2">
        <v>174619</v>
      </c>
      <c r="E21791" s="1" t="s">
        <v>0</v>
      </c>
    </row>
    <row r="21792" spans="1:5" x14ac:dyDescent="0.25">
      <c r="A21792" s="2">
        <v>4358</v>
      </c>
      <c r="B21792" s="2">
        <v>4358</v>
      </c>
      <c r="C21792" s="1" t="s">
        <v>0</v>
      </c>
      <c r="D21792" s="2">
        <v>174620</v>
      </c>
      <c r="E21792" s="1" t="s">
        <v>0</v>
      </c>
    </row>
    <row r="21793" spans="1:5" x14ac:dyDescent="0.25">
      <c r="A21793" s="1" t="s">
        <v>3952</v>
      </c>
      <c r="B21793" s="1" t="s">
        <v>11293</v>
      </c>
      <c r="C21793" s="1" t="s">
        <v>42917</v>
      </c>
      <c r="D21793" s="2">
        <v>174621</v>
      </c>
      <c r="E21793" s="1" t="s">
        <v>0</v>
      </c>
    </row>
    <row r="21794" spans="1:5" x14ac:dyDescent="0.25">
      <c r="A21794" s="1" t="s">
        <v>42918</v>
      </c>
      <c r="B21794" s="1" t="s">
        <v>11294</v>
      </c>
      <c r="C21794" s="1" t="s">
        <v>42919</v>
      </c>
      <c r="D21794" s="2">
        <v>174622</v>
      </c>
      <c r="E21794" s="1" t="s">
        <v>0</v>
      </c>
    </row>
    <row r="21795" spans="1:5" ht="409.5" x14ac:dyDescent="0.25">
      <c r="A21795" s="4" t="s">
        <v>42920</v>
      </c>
      <c r="B21795" s="1" t="s">
        <v>57621</v>
      </c>
      <c r="C21795" s="1" t="s">
        <v>42921</v>
      </c>
      <c r="D21795" s="2">
        <v>174623</v>
      </c>
      <c r="E21795" s="1" t="s">
        <v>0</v>
      </c>
    </row>
    <row r="21796" spans="1:5" x14ac:dyDescent="0.25">
      <c r="A21796" s="1" t="s">
        <v>42922</v>
      </c>
      <c r="B21796" s="1" t="s">
        <v>55814</v>
      </c>
      <c r="C21796" s="1" t="s">
        <v>42923</v>
      </c>
      <c r="D21796" s="2">
        <v>174624</v>
      </c>
      <c r="E21796" s="1" t="s">
        <v>0</v>
      </c>
    </row>
    <row r="21797" spans="1:5" x14ac:dyDescent="0.25">
      <c r="A21797" s="2">
        <v>4359</v>
      </c>
      <c r="B21797" s="2">
        <v>4359</v>
      </c>
      <c r="C21797" s="1" t="s">
        <v>0</v>
      </c>
      <c r="D21797" s="2">
        <v>174625</v>
      </c>
      <c r="E21797" s="1" t="s">
        <v>0</v>
      </c>
    </row>
    <row r="21798" spans="1:5" x14ac:dyDescent="0.25">
      <c r="A21798" s="1" t="s">
        <v>3953</v>
      </c>
      <c r="B21798" s="1" t="s">
        <v>55815</v>
      </c>
      <c r="C21798" s="1" t="s">
        <v>42924</v>
      </c>
      <c r="D21798" s="2">
        <v>174626</v>
      </c>
      <c r="E21798" s="1" t="s">
        <v>0</v>
      </c>
    </row>
    <row r="21799" spans="1:5" x14ac:dyDescent="0.25">
      <c r="A21799" s="1" t="s">
        <v>42925</v>
      </c>
      <c r="B21799" s="1" t="s">
        <v>11295</v>
      </c>
      <c r="C21799" s="1" t="s">
        <v>42926</v>
      </c>
      <c r="D21799" s="2">
        <v>174627</v>
      </c>
      <c r="E21799" s="1" t="s">
        <v>0</v>
      </c>
    </row>
    <row r="21800" spans="1:5" ht="409.5" x14ac:dyDescent="0.25">
      <c r="A21800" s="4" t="s">
        <v>42927</v>
      </c>
      <c r="B21800" s="1" t="s">
        <v>55816</v>
      </c>
      <c r="C21800" s="1" t="s">
        <v>42928</v>
      </c>
      <c r="D21800" s="2">
        <v>174628</v>
      </c>
      <c r="E21800" s="1" t="s">
        <v>0</v>
      </c>
    </row>
    <row r="21801" spans="1:5" x14ac:dyDescent="0.25">
      <c r="A21801" s="1" t="s">
        <v>42929</v>
      </c>
      <c r="B21801" s="1" t="s">
        <v>55817</v>
      </c>
      <c r="C21801" s="1" t="s">
        <v>42930</v>
      </c>
      <c r="D21801" s="2">
        <v>174629</v>
      </c>
      <c r="E21801" s="1" t="s">
        <v>0</v>
      </c>
    </row>
    <row r="21802" spans="1:5" x14ac:dyDescent="0.25">
      <c r="A21802" s="2">
        <v>4360</v>
      </c>
      <c r="B21802" s="2">
        <v>4360</v>
      </c>
      <c r="C21802" s="1" t="s">
        <v>0</v>
      </c>
      <c r="D21802" s="2">
        <v>174630</v>
      </c>
      <c r="E21802" s="1" t="s">
        <v>0</v>
      </c>
    </row>
    <row r="21803" spans="1:5" x14ac:dyDescent="0.25">
      <c r="A21803" s="1" t="s">
        <v>3954</v>
      </c>
      <c r="B21803" s="1" t="s">
        <v>11296</v>
      </c>
      <c r="C21803" s="1" t="s">
        <v>42931</v>
      </c>
      <c r="D21803" s="2">
        <v>174631</v>
      </c>
      <c r="E21803" s="1" t="s">
        <v>0</v>
      </c>
    </row>
    <row r="21804" spans="1:5" x14ac:dyDescent="0.25">
      <c r="A21804" s="1" t="s">
        <v>42932</v>
      </c>
      <c r="B21804" s="1" t="s">
        <v>62914</v>
      </c>
      <c r="C21804" s="1" t="s">
        <v>42933</v>
      </c>
      <c r="D21804" s="2">
        <v>174632</v>
      </c>
      <c r="E21804" s="1" t="s">
        <v>0</v>
      </c>
    </row>
    <row r="21805" spans="1:5" ht="409.5" x14ac:dyDescent="0.25">
      <c r="A21805" s="4" t="s">
        <v>42934</v>
      </c>
      <c r="B21805" s="1" t="s">
        <v>62915</v>
      </c>
      <c r="C21805" s="1" t="s">
        <v>42935</v>
      </c>
      <c r="D21805" s="2">
        <v>174633</v>
      </c>
      <c r="E21805" s="1" t="s">
        <v>0</v>
      </c>
    </row>
    <row r="21806" spans="1:5" x14ac:dyDescent="0.25">
      <c r="A21806" s="1" t="s">
        <v>42936</v>
      </c>
      <c r="B21806" s="1" t="s">
        <v>55818</v>
      </c>
      <c r="C21806" s="1" t="s">
        <v>42937</v>
      </c>
      <c r="D21806" s="2">
        <v>174634</v>
      </c>
      <c r="E21806" s="1" t="s">
        <v>0</v>
      </c>
    </row>
    <row r="21807" spans="1:5" x14ac:dyDescent="0.25">
      <c r="A21807" s="2">
        <v>4361</v>
      </c>
      <c r="B21807" s="2">
        <v>4361</v>
      </c>
      <c r="C21807" s="1" t="s">
        <v>0</v>
      </c>
      <c r="D21807" s="2">
        <v>174635</v>
      </c>
      <c r="E21807" s="1" t="s">
        <v>0</v>
      </c>
    </row>
    <row r="21808" spans="1:5" x14ac:dyDescent="0.25">
      <c r="A21808" s="1" t="s">
        <v>3955</v>
      </c>
      <c r="B21808" s="1" t="s">
        <v>11297</v>
      </c>
      <c r="C21808" s="1" t="s">
        <v>42938</v>
      </c>
      <c r="D21808" s="2">
        <v>174636</v>
      </c>
      <c r="E21808" s="1" t="s">
        <v>0</v>
      </c>
    </row>
    <row r="21809" spans="1:5" x14ac:dyDescent="0.25">
      <c r="A21809" s="1" t="s">
        <v>42939</v>
      </c>
      <c r="B21809" s="1" t="s">
        <v>55819</v>
      </c>
      <c r="C21809" s="1" t="s">
        <v>42940</v>
      </c>
      <c r="D21809" s="2">
        <v>174637</v>
      </c>
      <c r="E21809" s="1" t="s">
        <v>0</v>
      </c>
    </row>
    <row r="21810" spans="1:5" ht="409.5" x14ac:dyDescent="0.25">
      <c r="A21810" s="4" t="s">
        <v>42941</v>
      </c>
      <c r="B21810" s="1" t="s">
        <v>62916</v>
      </c>
      <c r="C21810" s="1" t="s">
        <v>42942</v>
      </c>
      <c r="D21810" s="2">
        <v>174638</v>
      </c>
      <c r="E21810" s="1" t="s">
        <v>0</v>
      </c>
    </row>
    <row r="21811" spans="1:5" x14ac:dyDescent="0.25">
      <c r="A21811" s="1" t="s">
        <v>42943</v>
      </c>
      <c r="B21811" s="1" t="s">
        <v>61344</v>
      </c>
      <c r="C21811" s="1" t="s">
        <v>42944</v>
      </c>
      <c r="D21811" s="2">
        <v>174639</v>
      </c>
      <c r="E21811" s="1" t="s">
        <v>0</v>
      </c>
    </row>
    <row r="21812" spans="1:5" x14ac:dyDescent="0.25">
      <c r="A21812" s="2">
        <v>4362</v>
      </c>
      <c r="B21812" s="2">
        <v>4362</v>
      </c>
      <c r="C21812" s="1" t="s">
        <v>0</v>
      </c>
      <c r="D21812" s="2">
        <v>174640</v>
      </c>
      <c r="E21812" s="1" t="s">
        <v>0</v>
      </c>
    </row>
    <row r="21813" spans="1:5" x14ac:dyDescent="0.25">
      <c r="A21813" s="1" t="s">
        <v>3956</v>
      </c>
      <c r="B21813" s="1" t="s">
        <v>11298</v>
      </c>
      <c r="C21813" s="1" t="s">
        <v>42945</v>
      </c>
      <c r="D21813" s="2">
        <v>174641</v>
      </c>
      <c r="E21813" s="1" t="s">
        <v>0</v>
      </c>
    </row>
    <row r="21814" spans="1:5" x14ac:dyDescent="0.25">
      <c r="A21814" s="1" t="s">
        <v>42946</v>
      </c>
      <c r="B21814" s="1" t="s">
        <v>11299</v>
      </c>
      <c r="C21814" s="1" t="s">
        <v>42947</v>
      </c>
      <c r="D21814" s="2">
        <v>174642</v>
      </c>
      <c r="E21814" s="1" t="s">
        <v>0</v>
      </c>
    </row>
    <row r="21815" spans="1:5" ht="409.5" x14ac:dyDescent="0.25">
      <c r="A21815" s="4" t="s">
        <v>42948</v>
      </c>
      <c r="B21815" s="1" t="s">
        <v>11300</v>
      </c>
      <c r="C21815" s="1" t="s">
        <v>42949</v>
      </c>
      <c r="D21815" s="2">
        <v>174643</v>
      </c>
      <c r="E21815" s="1" t="s">
        <v>0</v>
      </c>
    </row>
    <row r="21816" spans="1:5" x14ac:dyDescent="0.25">
      <c r="A21816" s="1" t="s">
        <v>42950</v>
      </c>
      <c r="B21816" s="1" t="s">
        <v>55820</v>
      </c>
      <c r="C21816" s="1" t="s">
        <v>42951</v>
      </c>
      <c r="D21816" s="2">
        <v>174644</v>
      </c>
      <c r="E21816" s="1" t="s">
        <v>0</v>
      </c>
    </row>
    <row r="21817" spans="1:5" x14ac:dyDescent="0.25">
      <c r="A21817" s="2">
        <v>4363</v>
      </c>
      <c r="B21817" s="2">
        <v>4363</v>
      </c>
      <c r="C21817" s="1" t="s">
        <v>0</v>
      </c>
      <c r="D21817" s="2">
        <v>174645</v>
      </c>
      <c r="E21817" s="1" t="s">
        <v>0</v>
      </c>
    </row>
    <row r="21818" spans="1:5" x14ac:dyDescent="0.25">
      <c r="A21818" s="1" t="s">
        <v>3957</v>
      </c>
      <c r="B21818" s="1" t="s">
        <v>55821</v>
      </c>
      <c r="C21818" s="1" t="s">
        <v>42952</v>
      </c>
      <c r="D21818" s="2">
        <v>174646</v>
      </c>
      <c r="E21818" s="1" t="s">
        <v>0</v>
      </c>
    </row>
    <row r="21819" spans="1:5" x14ac:dyDescent="0.25">
      <c r="A21819" s="1" t="s">
        <v>42953</v>
      </c>
      <c r="B21819" s="1" t="s">
        <v>58113</v>
      </c>
      <c r="C21819" s="1" t="s">
        <v>42954</v>
      </c>
      <c r="D21819" s="2">
        <v>174647</v>
      </c>
      <c r="E21819" s="1" t="s">
        <v>0</v>
      </c>
    </row>
    <row r="21820" spans="1:5" ht="409.5" x14ac:dyDescent="0.25">
      <c r="A21820" s="4" t="s">
        <v>42955</v>
      </c>
      <c r="B21820" s="1" t="s">
        <v>58114</v>
      </c>
      <c r="C21820" s="1" t="s">
        <v>42956</v>
      </c>
      <c r="D21820" s="2">
        <v>174648</v>
      </c>
      <c r="E21820" s="1" t="s">
        <v>0</v>
      </c>
    </row>
    <row r="21821" spans="1:5" x14ac:dyDescent="0.25">
      <c r="A21821" s="1" t="s">
        <v>42957</v>
      </c>
      <c r="B21821" s="1" t="s">
        <v>55822</v>
      </c>
      <c r="C21821" s="1" t="s">
        <v>42958</v>
      </c>
      <c r="D21821" s="2">
        <v>174649</v>
      </c>
      <c r="E21821" s="1" t="s">
        <v>0</v>
      </c>
    </row>
    <row r="21822" spans="1:5" x14ac:dyDescent="0.25">
      <c r="A21822" s="2">
        <v>4364</v>
      </c>
      <c r="B21822" s="2">
        <v>4364</v>
      </c>
      <c r="C21822" s="1" t="s">
        <v>0</v>
      </c>
      <c r="D21822" s="2">
        <v>174650</v>
      </c>
      <c r="E21822" s="1" t="s">
        <v>0</v>
      </c>
    </row>
    <row r="21823" spans="1:5" x14ac:dyDescent="0.25">
      <c r="A21823" s="1" t="s">
        <v>3958</v>
      </c>
      <c r="B21823" s="1" t="s">
        <v>11301</v>
      </c>
      <c r="C21823" s="1" t="s">
        <v>42959</v>
      </c>
      <c r="D21823" s="2">
        <v>174651</v>
      </c>
      <c r="E21823" s="1" t="s">
        <v>0</v>
      </c>
    </row>
    <row r="21824" spans="1:5" x14ac:dyDescent="0.25">
      <c r="A21824" s="1" t="s">
        <v>42960</v>
      </c>
      <c r="B21824" s="1" t="s">
        <v>55823</v>
      </c>
      <c r="C21824" s="1" t="s">
        <v>42961</v>
      </c>
      <c r="D21824" s="2">
        <v>174652</v>
      </c>
      <c r="E21824" s="1" t="s">
        <v>0</v>
      </c>
    </row>
    <row r="21825" spans="1:5" ht="409.5" x14ac:dyDescent="0.25">
      <c r="A21825" s="4" t="s">
        <v>42962</v>
      </c>
      <c r="B21825" s="1" t="s">
        <v>55824</v>
      </c>
      <c r="C21825" s="1" t="s">
        <v>42963</v>
      </c>
      <c r="D21825" s="2">
        <v>174653</v>
      </c>
      <c r="E21825" s="1" t="s">
        <v>0</v>
      </c>
    </row>
    <row r="21826" spans="1:5" x14ac:dyDescent="0.25">
      <c r="A21826" s="1" t="s">
        <v>42964</v>
      </c>
      <c r="B21826" s="1" t="s">
        <v>55825</v>
      </c>
      <c r="C21826" s="1" t="s">
        <v>42965</v>
      </c>
      <c r="D21826" s="2">
        <v>174654</v>
      </c>
      <c r="E21826" s="1" t="s">
        <v>0</v>
      </c>
    </row>
    <row r="21827" spans="1:5" x14ac:dyDescent="0.25">
      <c r="A21827" s="2">
        <v>4365</v>
      </c>
      <c r="B21827" s="2">
        <v>4365</v>
      </c>
      <c r="C21827" s="1" t="s">
        <v>0</v>
      </c>
      <c r="D21827" s="2">
        <v>174655</v>
      </c>
      <c r="E21827" s="1" t="s">
        <v>0</v>
      </c>
    </row>
    <row r="21828" spans="1:5" x14ac:dyDescent="0.25">
      <c r="A21828" s="1" t="s">
        <v>3959</v>
      </c>
      <c r="B21828" s="1" t="s">
        <v>11302</v>
      </c>
      <c r="C21828" s="1" t="s">
        <v>42966</v>
      </c>
      <c r="D21828" s="2">
        <v>174656</v>
      </c>
      <c r="E21828" s="1" t="s">
        <v>0</v>
      </c>
    </row>
    <row r="21829" spans="1:5" x14ac:dyDescent="0.25">
      <c r="A21829" s="1" t="s">
        <v>42967</v>
      </c>
      <c r="B21829" s="1" t="s">
        <v>55826</v>
      </c>
      <c r="C21829" s="1" t="s">
        <v>42968</v>
      </c>
      <c r="D21829" s="2">
        <v>174657</v>
      </c>
      <c r="E21829" s="1" t="s">
        <v>0</v>
      </c>
    </row>
    <row r="21830" spans="1:5" ht="409.5" x14ac:dyDescent="0.25">
      <c r="A21830" s="4" t="s">
        <v>42969</v>
      </c>
      <c r="B21830" s="1" t="s">
        <v>59083</v>
      </c>
      <c r="C21830" s="1" t="s">
        <v>42970</v>
      </c>
      <c r="D21830" s="2">
        <v>174658</v>
      </c>
      <c r="E21830" s="1" t="s">
        <v>0</v>
      </c>
    </row>
    <row r="21831" spans="1:5" x14ac:dyDescent="0.25">
      <c r="A21831" s="1" t="s">
        <v>42971</v>
      </c>
      <c r="B21831" s="1" t="s">
        <v>11303</v>
      </c>
      <c r="C21831" s="1" t="s">
        <v>42972</v>
      </c>
      <c r="D21831" s="2">
        <v>174659</v>
      </c>
      <c r="E21831" s="1" t="s">
        <v>0</v>
      </c>
    </row>
    <row r="21832" spans="1:5" x14ac:dyDescent="0.25">
      <c r="A21832" s="2">
        <v>4366</v>
      </c>
      <c r="B21832" s="2">
        <v>4366</v>
      </c>
      <c r="C21832" s="1" t="s">
        <v>0</v>
      </c>
      <c r="D21832" s="2">
        <v>174660</v>
      </c>
      <c r="E21832" s="1" t="s">
        <v>0</v>
      </c>
    </row>
    <row r="21833" spans="1:5" x14ac:dyDescent="0.25">
      <c r="A21833" s="1" t="s">
        <v>3960</v>
      </c>
      <c r="B21833" s="1" t="s">
        <v>11304</v>
      </c>
      <c r="C21833" s="1" t="s">
        <v>42973</v>
      </c>
      <c r="D21833" s="2">
        <v>174661</v>
      </c>
      <c r="E21833" s="1" t="s">
        <v>0</v>
      </c>
    </row>
    <row r="21834" spans="1:5" x14ac:dyDescent="0.25">
      <c r="A21834" s="1" t="s">
        <v>42974</v>
      </c>
      <c r="B21834" s="1" t="s">
        <v>11305</v>
      </c>
      <c r="C21834" s="1" t="s">
        <v>42975</v>
      </c>
      <c r="D21834" s="2">
        <v>174662</v>
      </c>
      <c r="E21834" s="1" t="s">
        <v>0</v>
      </c>
    </row>
    <row r="21835" spans="1:5" ht="409.5" x14ac:dyDescent="0.25">
      <c r="A21835" s="4" t="s">
        <v>42976</v>
      </c>
      <c r="B21835" s="1" t="s">
        <v>42977</v>
      </c>
      <c r="C21835" s="1" t="s">
        <v>42978</v>
      </c>
      <c r="D21835" s="2">
        <v>174663</v>
      </c>
      <c r="E21835" s="1" t="s">
        <v>0</v>
      </c>
    </row>
    <row r="21836" spans="1:5" x14ac:dyDescent="0.25">
      <c r="A21836" s="1" t="s">
        <v>42979</v>
      </c>
      <c r="B21836" s="1" t="s">
        <v>55827</v>
      </c>
      <c r="C21836" s="1" t="s">
        <v>42980</v>
      </c>
      <c r="D21836" s="2">
        <v>174664</v>
      </c>
      <c r="E21836" s="1" t="s">
        <v>0</v>
      </c>
    </row>
    <row r="21837" spans="1:5" x14ac:dyDescent="0.25">
      <c r="A21837" s="2">
        <v>4367</v>
      </c>
      <c r="B21837" s="2">
        <v>4367</v>
      </c>
      <c r="C21837" s="1" t="s">
        <v>0</v>
      </c>
      <c r="D21837" s="2">
        <v>174665</v>
      </c>
      <c r="E21837" s="1" t="s">
        <v>0</v>
      </c>
    </row>
    <row r="21838" spans="1:5" x14ac:dyDescent="0.25">
      <c r="A21838" s="1" t="s">
        <v>3961</v>
      </c>
      <c r="B21838" s="1" t="s">
        <v>11306</v>
      </c>
      <c r="C21838" s="1" t="s">
        <v>42981</v>
      </c>
      <c r="D21838" s="2">
        <v>174666</v>
      </c>
      <c r="E21838" s="1" t="s">
        <v>0</v>
      </c>
    </row>
    <row r="21839" spans="1:5" x14ac:dyDescent="0.25">
      <c r="A21839" s="1" t="s">
        <v>42982</v>
      </c>
      <c r="B21839" s="1" t="s">
        <v>63820</v>
      </c>
      <c r="C21839" s="1" t="s">
        <v>42983</v>
      </c>
      <c r="D21839" s="2">
        <v>174667</v>
      </c>
      <c r="E21839" s="1" t="s">
        <v>0</v>
      </c>
    </row>
    <row r="21840" spans="1:5" ht="409.5" x14ac:dyDescent="0.25">
      <c r="A21840" s="4" t="s">
        <v>42984</v>
      </c>
      <c r="B21840" s="1" t="s">
        <v>63821</v>
      </c>
      <c r="C21840" s="1" t="s">
        <v>42985</v>
      </c>
      <c r="D21840" s="2">
        <v>174668</v>
      </c>
      <c r="E21840" s="1" t="s">
        <v>0</v>
      </c>
    </row>
    <row r="21841" spans="1:5" x14ac:dyDescent="0.25">
      <c r="A21841" s="1" t="s">
        <v>24111</v>
      </c>
      <c r="B21841" s="1" t="s">
        <v>57175</v>
      </c>
      <c r="C21841" s="1" t="s">
        <v>24112</v>
      </c>
      <c r="D21841" s="2">
        <v>174669</v>
      </c>
      <c r="E21841" s="1" t="s">
        <v>0</v>
      </c>
    </row>
    <row r="21842" spans="1:5" x14ac:dyDescent="0.25">
      <c r="A21842" s="2">
        <v>4368</v>
      </c>
      <c r="B21842" s="2">
        <v>4368</v>
      </c>
      <c r="C21842" s="1" t="s">
        <v>0</v>
      </c>
      <c r="D21842" s="2">
        <v>174670</v>
      </c>
      <c r="E21842" s="1" t="s">
        <v>0</v>
      </c>
    </row>
    <row r="21843" spans="1:5" x14ac:dyDescent="0.25">
      <c r="A21843" s="1" t="s">
        <v>3962</v>
      </c>
      <c r="B21843" s="1" t="s">
        <v>11307</v>
      </c>
      <c r="C21843" s="1" t="s">
        <v>42986</v>
      </c>
      <c r="D21843" s="2">
        <v>174671</v>
      </c>
      <c r="E21843" s="1" t="s">
        <v>0</v>
      </c>
    </row>
    <row r="21844" spans="1:5" x14ac:dyDescent="0.25">
      <c r="A21844" s="1" t="s">
        <v>42987</v>
      </c>
      <c r="B21844" s="1" t="s">
        <v>55828</v>
      </c>
      <c r="C21844" s="1" t="s">
        <v>42988</v>
      </c>
      <c r="D21844" s="2">
        <v>174672</v>
      </c>
      <c r="E21844" s="1" t="s">
        <v>0</v>
      </c>
    </row>
    <row r="21845" spans="1:5" ht="409.5" x14ac:dyDescent="0.25">
      <c r="A21845" s="4" t="s">
        <v>42989</v>
      </c>
      <c r="B21845" s="1" t="s">
        <v>55829</v>
      </c>
      <c r="C21845" s="1" t="s">
        <v>42990</v>
      </c>
      <c r="D21845" s="2">
        <v>174673</v>
      </c>
      <c r="E21845" s="1" t="s">
        <v>0</v>
      </c>
    </row>
    <row r="21846" spans="1:5" x14ac:dyDescent="0.25">
      <c r="A21846" s="1" t="s">
        <v>42991</v>
      </c>
      <c r="B21846" s="1" t="s">
        <v>57327</v>
      </c>
      <c r="C21846" s="1" t="s">
        <v>42992</v>
      </c>
      <c r="D21846" s="2">
        <v>174674</v>
      </c>
      <c r="E21846" s="1" t="s">
        <v>0</v>
      </c>
    </row>
    <row r="21847" spans="1:5" x14ac:dyDescent="0.25">
      <c r="A21847" s="2">
        <v>4369</v>
      </c>
      <c r="B21847" s="2">
        <v>4369</v>
      </c>
      <c r="C21847" s="1" t="s">
        <v>0</v>
      </c>
      <c r="D21847" s="2">
        <v>174675</v>
      </c>
      <c r="E21847" s="1" t="s">
        <v>0</v>
      </c>
    </row>
    <row r="21848" spans="1:5" x14ac:dyDescent="0.25">
      <c r="A21848" s="1" t="s">
        <v>3963</v>
      </c>
      <c r="B21848" s="1" t="s">
        <v>11308</v>
      </c>
      <c r="C21848" s="1" t="s">
        <v>42993</v>
      </c>
      <c r="D21848" s="2">
        <v>174676</v>
      </c>
      <c r="E21848" s="1" t="s">
        <v>0</v>
      </c>
    </row>
    <row r="21849" spans="1:5" x14ac:dyDescent="0.25">
      <c r="A21849" s="1" t="s">
        <v>42994</v>
      </c>
      <c r="B21849" s="1" t="s">
        <v>11309</v>
      </c>
      <c r="C21849" s="1" t="s">
        <v>42995</v>
      </c>
      <c r="D21849" s="2">
        <v>174677</v>
      </c>
      <c r="E21849" s="1" t="s">
        <v>0</v>
      </c>
    </row>
    <row r="21850" spans="1:5" ht="409.5" x14ac:dyDescent="0.25">
      <c r="A21850" s="4" t="s">
        <v>42996</v>
      </c>
      <c r="B21850" s="1" t="s">
        <v>58560</v>
      </c>
      <c r="C21850" s="1" t="s">
        <v>42997</v>
      </c>
      <c r="D21850" s="2">
        <v>174678</v>
      </c>
      <c r="E21850" s="1" t="s">
        <v>0</v>
      </c>
    </row>
    <row r="21851" spans="1:5" x14ac:dyDescent="0.25">
      <c r="A21851" s="1" t="s">
        <v>42998</v>
      </c>
      <c r="B21851" s="1" t="s">
        <v>55830</v>
      </c>
      <c r="C21851" s="1" t="s">
        <v>42999</v>
      </c>
      <c r="D21851" s="2">
        <v>174679</v>
      </c>
      <c r="E21851" s="1" t="s">
        <v>0</v>
      </c>
    </row>
    <row r="21852" spans="1:5" x14ac:dyDescent="0.25">
      <c r="A21852" s="2">
        <v>4370</v>
      </c>
      <c r="B21852" s="2">
        <v>4370</v>
      </c>
      <c r="C21852" s="1" t="s">
        <v>0</v>
      </c>
      <c r="D21852" s="2">
        <v>174680</v>
      </c>
      <c r="E21852" s="1" t="s">
        <v>0</v>
      </c>
    </row>
    <row r="21853" spans="1:5" x14ac:dyDescent="0.25">
      <c r="A21853" s="1" t="s">
        <v>3964</v>
      </c>
      <c r="B21853" s="1" t="s">
        <v>11310</v>
      </c>
      <c r="C21853" s="1" t="s">
        <v>3964</v>
      </c>
      <c r="D21853" s="2">
        <v>174681</v>
      </c>
      <c r="E21853" s="1" t="s">
        <v>0</v>
      </c>
    </row>
    <row r="21854" spans="1:5" x14ac:dyDescent="0.25">
      <c r="A21854" s="1" t="s">
        <v>43000</v>
      </c>
      <c r="B21854" s="1" t="s">
        <v>55831</v>
      </c>
      <c r="C21854" s="1" t="s">
        <v>43001</v>
      </c>
      <c r="D21854" s="2">
        <v>174682</v>
      </c>
      <c r="E21854" s="1" t="s">
        <v>0</v>
      </c>
    </row>
    <row r="21855" spans="1:5" ht="409.5" x14ac:dyDescent="0.25">
      <c r="A21855" s="4" t="s">
        <v>43002</v>
      </c>
      <c r="B21855" s="1" t="s">
        <v>58561</v>
      </c>
      <c r="C21855" s="1" t="s">
        <v>43003</v>
      </c>
      <c r="D21855" s="2">
        <v>174683</v>
      </c>
      <c r="E21855" s="1" t="s">
        <v>0</v>
      </c>
    </row>
    <row r="21856" spans="1:5" x14ac:dyDescent="0.25">
      <c r="A21856" s="1" t="s">
        <v>43004</v>
      </c>
      <c r="B21856" s="1" t="s">
        <v>11311</v>
      </c>
      <c r="C21856" s="1" t="s">
        <v>43005</v>
      </c>
      <c r="D21856" s="2">
        <v>174684</v>
      </c>
      <c r="E21856" s="1" t="s">
        <v>0</v>
      </c>
    </row>
    <row r="21857" spans="1:5" x14ac:dyDescent="0.25">
      <c r="A21857" s="2">
        <v>4371</v>
      </c>
      <c r="B21857" s="2">
        <v>4371</v>
      </c>
      <c r="C21857" s="1" t="s">
        <v>0</v>
      </c>
      <c r="D21857" s="2">
        <v>174685</v>
      </c>
      <c r="E21857" s="1" t="s">
        <v>0</v>
      </c>
    </row>
    <row r="21858" spans="1:5" x14ac:dyDescent="0.25">
      <c r="A21858" s="1" t="s">
        <v>3965</v>
      </c>
      <c r="B21858" s="1" t="s">
        <v>55832</v>
      </c>
      <c r="C21858" s="1" t="s">
        <v>43006</v>
      </c>
      <c r="D21858" s="2">
        <v>174686</v>
      </c>
      <c r="E21858" s="1" t="s">
        <v>0</v>
      </c>
    </row>
    <row r="21859" spans="1:5" x14ac:dyDescent="0.25">
      <c r="A21859" s="1" t="s">
        <v>43007</v>
      </c>
      <c r="B21859" s="1" t="s">
        <v>61345</v>
      </c>
      <c r="C21859" s="1" t="s">
        <v>43008</v>
      </c>
      <c r="D21859" s="2">
        <v>174687</v>
      </c>
      <c r="E21859" s="1" t="s">
        <v>0</v>
      </c>
    </row>
    <row r="21860" spans="1:5" ht="409.5" x14ac:dyDescent="0.25">
      <c r="A21860" s="4" t="s">
        <v>64338</v>
      </c>
      <c r="B21860" s="1" t="s">
        <v>61346</v>
      </c>
      <c r="C21860" s="1" t="s">
        <v>43009</v>
      </c>
      <c r="D21860" s="2">
        <v>174688</v>
      </c>
      <c r="E21860" s="1" t="s">
        <v>0</v>
      </c>
    </row>
    <row r="21861" spans="1:5" x14ac:dyDescent="0.25">
      <c r="A21861" s="1" t="s">
        <v>43010</v>
      </c>
      <c r="B21861" s="1" t="s">
        <v>11312</v>
      </c>
      <c r="C21861" s="1" t="s">
        <v>43011</v>
      </c>
      <c r="D21861" s="2">
        <v>174689</v>
      </c>
      <c r="E21861" s="1" t="s">
        <v>0</v>
      </c>
    </row>
    <row r="21862" spans="1:5" x14ac:dyDescent="0.25">
      <c r="A21862" s="2">
        <v>4372</v>
      </c>
      <c r="B21862" s="2">
        <v>4372</v>
      </c>
      <c r="C21862" s="1" t="s">
        <v>0</v>
      </c>
      <c r="D21862" s="2">
        <v>174690</v>
      </c>
      <c r="E21862" s="1" t="s">
        <v>0</v>
      </c>
    </row>
    <row r="21863" spans="1:5" x14ac:dyDescent="0.25">
      <c r="A21863" s="1" t="s">
        <v>3966</v>
      </c>
      <c r="B21863" s="1" t="s">
        <v>11313</v>
      </c>
      <c r="C21863" s="1" t="s">
        <v>43012</v>
      </c>
      <c r="D21863" s="2">
        <v>174691</v>
      </c>
      <c r="E21863" s="1" t="s">
        <v>0</v>
      </c>
    </row>
    <row r="21864" spans="1:5" x14ac:dyDescent="0.25">
      <c r="A21864" s="1" t="s">
        <v>43013</v>
      </c>
      <c r="B21864" s="1" t="s">
        <v>55833</v>
      </c>
      <c r="C21864" s="1" t="s">
        <v>43014</v>
      </c>
      <c r="D21864" s="2">
        <v>174692</v>
      </c>
      <c r="E21864" s="1" t="s">
        <v>0</v>
      </c>
    </row>
    <row r="21865" spans="1:5" ht="409.5" x14ac:dyDescent="0.25">
      <c r="A21865" s="4" t="s">
        <v>43015</v>
      </c>
      <c r="B21865" s="1" t="s">
        <v>63822</v>
      </c>
      <c r="C21865" s="1" t="s">
        <v>43016</v>
      </c>
      <c r="D21865" s="2">
        <v>174693</v>
      </c>
      <c r="E21865" s="1" t="s">
        <v>0</v>
      </c>
    </row>
    <row r="21866" spans="1:5" x14ac:dyDescent="0.25">
      <c r="A21866" s="1" t="s">
        <v>43017</v>
      </c>
      <c r="B21866" s="1" t="s">
        <v>55834</v>
      </c>
      <c r="C21866" s="1" t="s">
        <v>43018</v>
      </c>
      <c r="D21866" s="2">
        <v>174694</v>
      </c>
      <c r="E21866" s="1" t="s">
        <v>0</v>
      </c>
    </row>
    <row r="21867" spans="1:5" x14ac:dyDescent="0.25">
      <c r="A21867" s="2">
        <v>4373</v>
      </c>
      <c r="B21867" s="2">
        <v>4373</v>
      </c>
      <c r="C21867" s="1" t="s">
        <v>0</v>
      </c>
      <c r="D21867" s="2">
        <v>174695</v>
      </c>
      <c r="E21867" s="1" t="s">
        <v>0</v>
      </c>
    </row>
    <row r="21868" spans="1:5" x14ac:dyDescent="0.25">
      <c r="A21868" s="1" t="s">
        <v>3967</v>
      </c>
      <c r="B21868" s="1" t="s">
        <v>11314</v>
      </c>
      <c r="C21868" s="1" t="s">
        <v>43019</v>
      </c>
      <c r="D21868" s="2">
        <v>174696</v>
      </c>
      <c r="E21868" s="1" t="s">
        <v>0</v>
      </c>
    </row>
    <row r="21869" spans="1:5" x14ac:dyDescent="0.25">
      <c r="A21869" s="1" t="s">
        <v>43020</v>
      </c>
      <c r="B21869" s="1" t="s">
        <v>11315</v>
      </c>
      <c r="C21869" s="1" t="s">
        <v>43021</v>
      </c>
      <c r="D21869" s="2">
        <v>174697</v>
      </c>
      <c r="E21869" s="1" t="s">
        <v>0</v>
      </c>
    </row>
    <row r="21870" spans="1:5" ht="409.5" x14ac:dyDescent="0.25">
      <c r="A21870" s="4" t="s">
        <v>43022</v>
      </c>
      <c r="B21870" s="1" t="s">
        <v>11316</v>
      </c>
      <c r="C21870" s="1" t="s">
        <v>43023</v>
      </c>
      <c r="D21870" s="2">
        <v>174698</v>
      </c>
      <c r="E21870" s="1" t="s">
        <v>0</v>
      </c>
    </row>
    <row r="21871" spans="1:5" x14ac:dyDescent="0.25">
      <c r="A21871" s="1" t="s">
        <v>43024</v>
      </c>
      <c r="B21871" s="1" t="s">
        <v>55835</v>
      </c>
      <c r="C21871" s="1" t="s">
        <v>43025</v>
      </c>
      <c r="D21871" s="2">
        <v>174699</v>
      </c>
      <c r="E21871" s="1" t="s">
        <v>0</v>
      </c>
    </row>
    <row r="21872" spans="1:5" x14ac:dyDescent="0.25">
      <c r="A21872" s="2">
        <v>4374</v>
      </c>
      <c r="B21872" s="2">
        <v>4374</v>
      </c>
      <c r="C21872" s="1" t="s">
        <v>0</v>
      </c>
      <c r="D21872" s="2">
        <v>174700</v>
      </c>
      <c r="E21872" s="1" t="s">
        <v>0</v>
      </c>
    </row>
    <row r="21873" spans="1:5" x14ac:dyDescent="0.25">
      <c r="A21873" s="1" t="s">
        <v>3968</v>
      </c>
      <c r="B21873" s="1" t="s">
        <v>11317</v>
      </c>
      <c r="C21873" s="1" t="s">
        <v>43026</v>
      </c>
      <c r="D21873" s="2">
        <v>174701</v>
      </c>
      <c r="E21873" s="1" t="s">
        <v>0</v>
      </c>
    </row>
    <row r="21874" spans="1:5" x14ac:dyDescent="0.25">
      <c r="A21874" s="1" t="s">
        <v>43027</v>
      </c>
      <c r="B21874" s="1" t="s">
        <v>55836</v>
      </c>
      <c r="C21874" s="1" t="s">
        <v>43028</v>
      </c>
      <c r="D21874" s="2">
        <v>174702</v>
      </c>
      <c r="E21874" s="1" t="s">
        <v>0</v>
      </c>
    </row>
    <row r="21875" spans="1:5" ht="409.5" x14ac:dyDescent="0.25">
      <c r="A21875" s="4" t="s">
        <v>43029</v>
      </c>
      <c r="B21875" s="1" t="s">
        <v>55837</v>
      </c>
      <c r="C21875" s="1" t="s">
        <v>43030</v>
      </c>
      <c r="D21875" s="2">
        <v>174703</v>
      </c>
      <c r="E21875" s="1" t="s">
        <v>0</v>
      </c>
    </row>
    <row r="21876" spans="1:5" x14ac:dyDescent="0.25">
      <c r="A21876" s="1" t="s">
        <v>43031</v>
      </c>
      <c r="B21876" s="1" t="s">
        <v>11318</v>
      </c>
      <c r="C21876" s="1" t="s">
        <v>43032</v>
      </c>
      <c r="D21876" s="2">
        <v>174704</v>
      </c>
      <c r="E21876" s="1" t="s">
        <v>0</v>
      </c>
    </row>
    <row r="21877" spans="1:5" x14ac:dyDescent="0.25">
      <c r="A21877" s="2">
        <v>4375</v>
      </c>
      <c r="B21877" s="2">
        <v>4375</v>
      </c>
      <c r="C21877" s="1" t="s">
        <v>0</v>
      </c>
      <c r="D21877" s="2">
        <v>174705</v>
      </c>
      <c r="E21877" s="1" t="s">
        <v>0</v>
      </c>
    </row>
    <row r="21878" spans="1:5" x14ac:dyDescent="0.25">
      <c r="A21878" s="1" t="s">
        <v>3969</v>
      </c>
      <c r="B21878" s="1" t="s">
        <v>11319</v>
      </c>
      <c r="C21878" s="1" t="s">
        <v>43033</v>
      </c>
      <c r="D21878" s="2">
        <v>174706</v>
      </c>
      <c r="E21878" s="1" t="s">
        <v>0</v>
      </c>
    </row>
    <row r="21879" spans="1:5" x14ac:dyDescent="0.25">
      <c r="A21879" s="1" t="s">
        <v>43034</v>
      </c>
      <c r="B21879" s="1" t="s">
        <v>51005</v>
      </c>
      <c r="C21879" s="1" t="s">
        <v>43035</v>
      </c>
      <c r="D21879" s="2">
        <v>174707</v>
      </c>
      <c r="E21879" s="1" t="s">
        <v>0</v>
      </c>
    </row>
    <row r="21880" spans="1:5" ht="409.5" x14ac:dyDescent="0.25">
      <c r="A21880" s="4" t="s">
        <v>43036</v>
      </c>
      <c r="B21880" s="1" t="s">
        <v>51006</v>
      </c>
      <c r="C21880" s="1" t="s">
        <v>43037</v>
      </c>
      <c r="D21880" s="2">
        <v>174708</v>
      </c>
      <c r="E21880" s="1" t="s">
        <v>0</v>
      </c>
    </row>
    <row r="21881" spans="1:5" x14ac:dyDescent="0.25">
      <c r="A21881" s="1" t="s">
        <v>43038</v>
      </c>
      <c r="B21881" s="1" t="s">
        <v>57328</v>
      </c>
      <c r="C21881" s="1" t="s">
        <v>43039</v>
      </c>
      <c r="D21881" s="2">
        <v>174709</v>
      </c>
      <c r="E21881" s="1" t="s">
        <v>0</v>
      </c>
    </row>
    <row r="21882" spans="1:5" x14ac:dyDescent="0.25">
      <c r="A21882" s="2">
        <v>4376</v>
      </c>
      <c r="B21882" s="2">
        <v>4376</v>
      </c>
      <c r="C21882" s="1" t="s">
        <v>0</v>
      </c>
      <c r="D21882" s="2">
        <v>174710</v>
      </c>
      <c r="E21882" s="1" t="s">
        <v>0</v>
      </c>
    </row>
    <row r="21883" spans="1:5" x14ac:dyDescent="0.25">
      <c r="A21883" s="1" t="s">
        <v>3970</v>
      </c>
      <c r="B21883" s="1" t="s">
        <v>11320</v>
      </c>
      <c r="C21883" s="1" t="s">
        <v>43040</v>
      </c>
      <c r="D21883" s="2">
        <v>174711</v>
      </c>
      <c r="E21883" s="1" t="s">
        <v>0</v>
      </c>
    </row>
    <row r="21884" spans="1:5" x14ac:dyDescent="0.25">
      <c r="A21884" s="1" t="s">
        <v>43041</v>
      </c>
      <c r="B21884" s="1" t="s">
        <v>55838</v>
      </c>
      <c r="C21884" s="1" t="s">
        <v>43042</v>
      </c>
      <c r="D21884" s="2">
        <v>174712</v>
      </c>
      <c r="E21884" s="1" t="s">
        <v>0</v>
      </c>
    </row>
    <row r="21885" spans="1:5" ht="409.5" x14ac:dyDescent="0.25">
      <c r="A21885" s="4" t="s">
        <v>43043</v>
      </c>
      <c r="B21885" s="1" t="s">
        <v>55839</v>
      </c>
      <c r="C21885" s="1" t="s">
        <v>43044</v>
      </c>
      <c r="D21885" s="2">
        <v>174713</v>
      </c>
      <c r="E21885" s="1" t="s">
        <v>0</v>
      </c>
    </row>
    <row r="21886" spans="1:5" x14ac:dyDescent="0.25">
      <c r="A21886" s="1" t="s">
        <v>43045</v>
      </c>
      <c r="B21886" s="1" t="s">
        <v>11321</v>
      </c>
      <c r="C21886" s="1" t="s">
        <v>43046</v>
      </c>
      <c r="D21886" s="2">
        <v>174714</v>
      </c>
      <c r="E21886" s="1" t="s">
        <v>0</v>
      </c>
    </row>
    <row r="21887" spans="1:5" x14ac:dyDescent="0.25">
      <c r="A21887" s="2">
        <v>4377</v>
      </c>
      <c r="B21887" s="2">
        <v>4377</v>
      </c>
      <c r="C21887" s="1" t="s">
        <v>0</v>
      </c>
      <c r="D21887" s="2">
        <v>174715</v>
      </c>
      <c r="E21887" s="1" t="s">
        <v>0</v>
      </c>
    </row>
    <row r="21888" spans="1:5" x14ac:dyDescent="0.25">
      <c r="A21888" s="1" t="s">
        <v>3971</v>
      </c>
      <c r="B21888" s="1" t="s">
        <v>51007</v>
      </c>
      <c r="C21888" s="1" t="s">
        <v>43047</v>
      </c>
      <c r="D21888" s="2">
        <v>174716</v>
      </c>
      <c r="E21888" s="1" t="s">
        <v>0</v>
      </c>
    </row>
    <row r="21889" spans="1:5" x14ac:dyDescent="0.25">
      <c r="A21889" s="1" t="s">
        <v>43048</v>
      </c>
      <c r="B21889" s="1" t="s">
        <v>55840</v>
      </c>
      <c r="C21889" s="1" t="s">
        <v>43049</v>
      </c>
      <c r="D21889" s="2">
        <v>174717</v>
      </c>
      <c r="E21889" s="1" t="s">
        <v>0</v>
      </c>
    </row>
    <row r="21890" spans="1:5" ht="409.5" x14ac:dyDescent="0.25">
      <c r="A21890" s="4" t="s">
        <v>64339</v>
      </c>
      <c r="B21890" s="1" t="s">
        <v>55841</v>
      </c>
      <c r="C21890" s="1" t="s">
        <v>43050</v>
      </c>
      <c r="D21890" s="2">
        <v>174718</v>
      </c>
      <c r="E21890" s="1" t="s">
        <v>0</v>
      </c>
    </row>
    <row r="21891" spans="1:5" x14ac:dyDescent="0.25">
      <c r="A21891" s="1" t="s">
        <v>13413</v>
      </c>
      <c r="B21891" s="1" t="s">
        <v>60845</v>
      </c>
      <c r="C21891" s="1" t="s">
        <v>13414</v>
      </c>
      <c r="D21891" s="2">
        <v>174719</v>
      </c>
      <c r="E21891" s="1" t="s">
        <v>0</v>
      </c>
    </row>
    <row r="21892" spans="1:5" x14ac:dyDescent="0.25">
      <c r="A21892" s="2">
        <v>4378</v>
      </c>
      <c r="B21892" s="2">
        <v>4378</v>
      </c>
      <c r="C21892" s="1" t="s">
        <v>0</v>
      </c>
      <c r="D21892" s="2">
        <v>174720</v>
      </c>
      <c r="E21892" s="1" t="s">
        <v>0</v>
      </c>
    </row>
    <row r="21893" spans="1:5" x14ac:dyDescent="0.25">
      <c r="A21893" s="1" t="s">
        <v>3972</v>
      </c>
      <c r="B21893" s="1" t="s">
        <v>11322</v>
      </c>
      <c r="C21893" s="1" t="s">
        <v>43051</v>
      </c>
      <c r="D21893" s="2">
        <v>174721</v>
      </c>
      <c r="E21893" s="1" t="s">
        <v>0</v>
      </c>
    </row>
    <row r="21894" spans="1:5" x14ac:dyDescent="0.25">
      <c r="A21894" s="1" t="s">
        <v>43052</v>
      </c>
      <c r="B21894" s="1" t="s">
        <v>55842</v>
      </c>
      <c r="C21894" s="1" t="s">
        <v>43053</v>
      </c>
      <c r="D21894" s="2">
        <v>174722</v>
      </c>
      <c r="E21894" s="1" t="s">
        <v>0</v>
      </c>
    </row>
    <row r="21895" spans="1:5" ht="409.5" x14ac:dyDescent="0.25">
      <c r="A21895" s="4" t="s">
        <v>43054</v>
      </c>
      <c r="B21895" s="1" t="s">
        <v>58844</v>
      </c>
      <c r="C21895" s="1" t="s">
        <v>43055</v>
      </c>
      <c r="D21895" s="2">
        <v>174723</v>
      </c>
      <c r="E21895" s="1" t="s">
        <v>0</v>
      </c>
    </row>
    <row r="21896" spans="1:5" x14ac:dyDescent="0.25">
      <c r="A21896" s="1" t="s">
        <v>43056</v>
      </c>
      <c r="B21896" s="1" t="s">
        <v>11323</v>
      </c>
      <c r="C21896" s="1" t="s">
        <v>43057</v>
      </c>
      <c r="D21896" s="2">
        <v>174724</v>
      </c>
      <c r="E21896" s="1" t="s">
        <v>0</v>
      </c>
    </row>
    <row r="21897" spans="1:5" x14ac:dyDescent="0.25">
      <c r="A21897" s="2">
        <v>4379</v>
      </c>
      <c r="B21897" s="2">
        <v>4379</v>
      </c>
      <c r="C21897" s="1" t="s">
        <v>0</v>
      </c>
      <c r="D21897" s="2">
        <v>174725</v>
      </c>
      <c r="E21897" s="1" t="s">
        <v>0</v>
      </c>
    </row>
    <row r="21898" spans="1:5" x14ac:dyDescent="0.25">
      <c r="A21898" s="1" t="s">
        <v>3973</v>
      </c>
      <c r="B21898" s="1" t="s">
        <v>56972</v>
      </c>
      <c r="C21898" s="1" t="s">
        <v>43058</v>
      </c>
      <c r="D21898" s="2">
        <v>174726</v>
      </c>
      <c r="E21898" s="1" t="s">
        <v>0</v>
      </c>
    </row>
    <row r="21899" spans="1:5" x14ac:dyDescent="0.25">
      <c r="A21899" s="1" t="s">
        <v>43059</v>
      </c>
      <c r="B21899" s="1" t="s">
        <v>58562</v>
      </c>
      <c r="C21899" s="1" t="s">
        <v>43060</v>
      </c>
      <c r="D21899" s="2">
        <v>174727</v>
      </c>
      <c r="E21899" s="1" t="s">
        <v>0</v>
      </c>
    </row>
    <row r="21900" spans="1:5" ht="409.5" x14ac:dyDescent="0.25">
      <c r="A21900" s="4" t="s">
        <v>43061</v>
      </c>
      <c r="B21900" s="1" t="s">
        <v>58563</v>
      </c>
      <c r="C21900" s="1" t="s">
        <v>43062</v>
      </c>
      <c r="D21900" s="2">
        <v>174728</v>
      </c>
      <c r="E21900" s="1" t="s">
        <v>0</v>
      </c>
    </row>
    <row r="21901" spans="1:5" x14ac:dyDescent="0.25">
      <c r="A21901" s="1" t="s">
        <v>35634</v>
      </c>
      <c r="B21901" s="1" t="s">
        <v>61218</v>
      </c>
      <c r="C21901" s="1" t="s">
        <v>35635</v>
      </c>
      <c r="D21901" s="2">
        <v>174729</v>
      </c>
      <c r="E21901" s="1" t="s">
        <v>0</v>
      </c>
    </row>
    <row r="21902" spans="1:5" x14ac:dyDescent="0.25">
      <c r="A21902" s="2">
        <v>4380</v>
      </c>
      <c r="B21902" s="2">
        <v>4380</v>
      </c>
      <c r="C21902" s="1" t="s">
        <v>0</v>
      </c>
      <c r="D21902" s="2">
        <v>174730</v>
      </c>
      <c r="E21902" s="1" t="s">
        <v>0</v>
      </c>
    </row>
    <row r="21903" spans="1:5" x14ac:dyDescent="0.25">
      <c r="A21903" s="1" t="s">
        <v>3974</v>
      </c>
      <c r="B21903" s="1" t="s">
        <v>11324</v>
      </c>
      <c r="C21903" s="1" t="s">
        <v>43063</v>
      </c>
      <c r="D21903" s="2">
        <v>174731</v>
      </c>
      <c r="E21903" s="1" t="s">
        <v>0</v>
      </c>
    </row>
    <row r="21904" spans="1:5" x14ac:dyDescent="0.25">
      <c r="A21904" s="1" t="s">
        <v>43064</v>
      </c>
      <c r="B21904" s="1" t="s">
        <v>55843</v>
      </c>
      <c r="C21904" s="1" t="s">
        <v>43065</v>
      </c>
      <c r="D21904" s="2">
        <v>174732</v>
      </c>
      <c r="E21904" s="1" t="s">
        <v>0</v>
      </c>
    </row>
    <row r="21905" spans="1:5" ht="409.5" x14ac:dyDescent="0.25">
      <c r="A21905" s="4" t="s">
        <v>64340</v>
      </c>
      <c r="B21905" s="1" t="s">
        <v>55844</v>
      </c>
      <c r="C21905" s="1" t="s">
        <v>43066</v>
      </c>
      <c r="D21905" s="2">
        <v>174733</v>
      </c>
      <c r="E21905" s="1" t="s">
        <v>0</v>
      </c>
    </row>
    <row r="21906" spans="1:5" x14ac:dyDescent="0.25">
      <c r="A21906" s="1" t="s">
        <v>43067</v>
      </c>
      <c r="B21906" s="1" t="s">
        <v>11325</v>
      </c>
      <c r="C21906" s="1" t="s">
        <v>43068</v>
      </c>
      <c r="D21906" s="2">
        <v>174734</v>
      </c>
      <c r="E21906" s="1" t="s">
        <v>0</v>
      </c>
    </row>
    <row r="21907" spans="1:5" x14ac:dyDescent="0.25">
      <c r="A21907" s="2">
        <v>4381</v>
      </c>
      <c r="B21907" s="2">
        <v>4381</v>
      </c>
      <c r="C21907" s="1" t="s">
        <v>0</v>
      </c>
      <c r="D21907" s="2">
        <v>174735</v>
      </c>
      <c r="E21907" s="1" t="s">
        <v>0</v>
      </c>
    </row>
    <row r="21908" spans="1:5" x14ac:dyDescent="0.25">
      <c r="A21908" s="1" t="s">
        <v>3975</v>
      </c>
      <c r="B21908" s="1" t="s">
        <v>60251</v>
      </c>
      <c r="C21908" s="1" t="s">
        <v>43069</v>
      </c>
      <c r="D21908" s="2">
        <v>174736</v>
      </c>
      <c r="E21908" s="1" t="s">
        <v>0</v>
      </c>
    </row>
    <row r="21909" spans="1:5" x14ac:dyDescent="0.25">
      <c r="A21909" s="1" t="s">
        <v>43070</v>
      </c>
      <c r="B21909" s="1" t="s">
        <v>60252</v>
      </c>
      <c r="C21909" s="1" t="s">
        <v>43071</v>
      </c>
      <c r="D21909" s="2">
        <v>174737</v>
      </c>
      <c r="E21909" s="1" t="s">
        <v>0</v>
      </c>
    </row>
    <row r="21910" spans="1:5" ht="409.5" x14ac:dyDescent="0.25">
      <c r="A21910" s="4" t="s">
        <v>43072</v>
      </c>
      <c r="B21910" s="1" t="s">
        <v>60253</v>
      </c>
      <c r="C21910" s="1" t="s">
        <v>43073</v>
      </c>
      <c r="D21910" s="2">
        <v>174738</v>
      </c>
      <c r="E21910" s="1" t="s">
        <v>0</v>
      </c>
    </row>
    <row r="21911" spans="1:5" x14ac:dyDescent="0.25">
      <c r="A21911" s="1" t="s">
        <v>43074</v>
      </c>
      <c r="B21911" s="1" t="s">
        <v>60254</v>
      </c>
      <c r="C21911" s="1" t="s">
        <v>43075</v>
      </c>
      <c r="D21911" s="2">
        <v>174739</v>
      </c>
      <c r="E21911" s="1" t="s">
        <v>0</v>
      </c>
    </row>
    <row r="21912" spans="1:5" x14ac:dyDescent="0.25">
      <c r="A21912" s="2">
        <v>4382</v>
      </c>
      <c r="B21912" s="2">
        <v>4382</v>
      </c>
      <c r="C21912" s="1" t="s">
        <v>0</v>
      </c>
      <c r="D21912" s="2">
        <v>174740</v>
      </c>
      <c r="E21912" s="1" t="s">
        <v>0</v>
      </c>
    </row>
    <row r="21913" spans="1:5" x14ac:dyDescent="0.25">
      <c r="A21913" s="1" t="s">
        <v>3976</v>
      </c>
      <c r="B21913" s="1" t="s">
        <v>11326</v>
      </c>
      <c r="C21913" s="1" t="s">
        <v>43076</v>
      </c>
      <c r="D21913" s="2">
        <v>174741</v>
      </c>
      <c r="E21913" s="1" t="s">
        <v>0</v>
      </c>
    </row>
    <row r="21914" spans="1:5" x14ac:dyDescent="0.25">
      <c r="A21914" s="1" t="s">
        <v>43077</v>
      </c>
      <c r="B21914" s="1" t="s">
        <v>11327</v>
      </c>
      <c r="C21914" s="1" t="s">
        <v>43078</v>
      </c>
      <c r="D21914" s="2">
        <v>174742</v>
      </c>
      <c r="E21914" s="1" t="s">
        <v>0</v>
      </c>
    </row>
    <row r="21915" spans="1:5" ht="409.5" x14ac:dyDescent="0.25">
      <c r="A21915" s="4" t="s">
        <v>43079</v>
      </c>
      <c r="B21915" s="1" t="s">
        <v>55845</v>
      </c>
      <c r="C21915" s="1" t="s">
        <v>43080</v>
      </c>
      <c r="D21915" s="2">
        <v>174743</v>
      </c>
      <c r="E21915" s="1" t="s">
        <v>0</v>
      </c>
    </row>
    <row r="21916" spans="1:5" x14ac:dyDescent="0.25">
      <c r="A21916" s="1" t="s">
        <v>43081</v>
      </c>
      <c r="B21916" s="1" t="s">
        <v>55846</v>
      </c>
      <c r="C21916" s="1" t="s">
        <v>43082</v>
      </c>
      <c r="D21916" s="2">
        <v>174744</v>
      </c>
      <c r="E21916" s="1" t="s">
        <v>0</v>
      </c>
    </row>
    <row r="21917" spans="1:5" x14ac:dyDescent="0.25">
      <c r="A21917" s="2">
        <v>4383</v>
      </c>
      <c r="B21917" s="2">
        <v>4383</v>
      </c>
      <c r="C21917" s="1" t="s">
        <v>0</v>
      </c>
      <c r="D21917" s="2">
        <v>174745</v>
      </c>
      <c r="E21917" s="1" t="s">
        <v>0</v>
      </c>
    </row>
    <row r="21918" spans="1:5" x14ac:dyDescent="0.25">
      <c r="A21918" s="1" t="s">
        <v>3977</v>
      </c>
      <c r="B21918" s="1" t="s">
        <v>11328</v>
      </c>
      <c r="C21918" s="1" t="s">
        <v>43083</v>
      </c>
      <c r="D21918" s="2">
        <v>174746</v>
      </c>
      <c r="E21918" s="1" t="s">
        <v>0</v>
      </c>
    </row>
    <row r="21919" spans="1:5" x14ac:dyDescent="0.25">
      <c r="A21919" s="1" t="s">
        <v>43084</v>
      </c>
      <c r="B21919" s="1" t="s">
        <v>55847</v>
      </c>
      <c r="C21919" s="1" t="s">
        <v>43085</v>
      </c>
      <c r="D21919" s="2">
        <v>174747</v>
      </c>
      <c r="E21919" s="1" t="s">
        <v>0</v>
      </c>
    </row>
    <row r="21920" spans="1:5" ht="409.5" x14ac:dyDescent="0.25">
      <c r="A21920" s="4" t="s">
        <v>43086</v>
      </c>
      <c r="B21920" s="1" t="s">
        <v>63506</v>
      </c>
      <c r="C21920" s="1" t="s">
        <v>43087</v>
      </c>
      <c r="D21920" s="2">
        <v>174748</v>
      </c>
      <c r="E21920" s="1" t="s">
        <v>0</v>
      </c>
    </row>
    <row r="21921" spans="1:5" x14ac:dyDescent="0.25">
      <c r="A21921" s="1" t="s">
        <v>43088</v>
      </c>
      <c r="B21921" s="1" t="s">
        <v>55848</v>
      </c>
      <c r="C21921" s="1" t="s">
        <v>43089</v>
      </c>
      <c r="D21921" s="2">
        <v>174749</v>
      </c>
      <c r="E21921" s="1" t="s">
        <v>0</v>
      </c>
    </row>
    <row r="21922" spans="1:5" x14ac:dyDescent="0.25">
      <c r="A21922" s="2">
        <v>4384</v>
      </c>
      <c r="B21922" s="2">
        <v>4384</v>
      </c>
      <c r="C21922" s="1" t="s">
        <v>0</v>
      </c>
      <c r="D21922" s="2">
        <v>174750</v>
      </c>
      <c r="E21922" s="1" t="s">
        <v>0</v>
      </c>
    </row>
    <row r="21923" spans="1:5" x14ac:dyDescent="0.25">
      <c r="A21923" s="1" t="s">
        <v>3978</v>
      </c>
      <c r="B21923" s="1" t="s">
        <v>11329</v>
      </c>
      <c r="C21923" s="1" t="s">
        <v>43090</v>
      </c>
      <c r="D21923" s="2">
        <v>174751</v>
      </c>
      <c r="E21923" s="1" t="s">
        <v>0</v>
      </c>
    </row>
    <row r="21924" spans="1:5" x14ac:dyDescent="0.25">
      <c r="A21924" s="1" t="s">
        <v>43091</v>
      </c>
      <c r="B21924" s="1" t="s">
        <v>55849</v>
      </c>
      <c r="C21924" s="1" t="s">
        <v>43092</v>
      </c>
      <c r="D21924" s="2">
        <v>174752</v>
      </c>
      <c r="E21924" s="1" t="s">
        <v>0</v>
      </c>
    </row>
    <row r="21925" spans="1:5" ht="409.5" x14ac:dyDescent="0.25">
      <c r="A21925" s="4" t="s">
        <v>43093</v>
      </c>
      <c r="B21925" s="1" t="s">
        <v>61347</v>
      </c>
      <c r="C21925" s="1" t="s">
        <v>43094</v>
      </c>
      <c r="D21925" s="2">
        <v>174753</v>
      </c>
      <c r="E21925" s="1" t="s">
        <v>0</v>
      </c>
    </row>
    <row r="21926" spans="1:5" x14ac:dyDescent="0.25">
      <c r="A21926" s="1" t="s">
        <v>43095</v>
      </c>
      <c r="B21926" s="1" t="s">
        <v>51008</v>
      </c>
      <c r="C21926" s="1" t="s">
        <v>43096</v>
      </c>
      <c r="D21926" s="2">
        <v>174754</v>
      </c>
      <c r="E21926" s="1" t="s">
        <v>0</v>
      </c>
    </row>
    <row r="21927" spans="1:5" x14ac:dyDescent="0.25">
      <c r="A21927" s="2">
        <v>4385</v>
      </c>
      <c r="B21927" s="2">
        <v>4385</v>
      </c>
      <c r="C21927" s="1" t="s">
        <v>0</v>
      </c>
      <c r="D21927" s="2">
        <v>174755</v>
      </c>
      <c r="E21927" s="1" t="s">
        <v>0</v>
      </c>
    </row>
    <row r="21928" spans="1:5" x14ac:dyDescent="0.25">
      <c r="A21928" s="1" t="s">
        <v>3979</v>
      </c>
      <c r="B21928" s="1" t="s">
        <v>11330</v>
      </c>
      <c r="C21928" s="1" t="s">
        <v>43097</v>
      </c>
      <c r="D21928" s="2">
        <v>174756</v>
      </c>
      <c r="E21928" s="1" t="s">
        <v>0</v>
      </c>
    </row>
    <row r="21929" spans="1:5" x14ac:dyDescent="0.25">
      <c r="A21929" s="1" t="s">
        <v>43098</v>
      </c>
      <c r="B21929" s="1" t="s">
        <v>55850</v>
      </c>
      <c r="C21929" s="1" t="s">
        <v>43099</v>
      </c>
      <c r="D21929" s="2">
        <v>174757</v>
      </c>
      <c r="E21929" s="1" t="s">
        <v>0</v>
      </c>
    </row>
    <row r="21930" spans="1:5" ht="409.5" x14ac:dyDescent="0.25">
      <c r="A21930" s="4" t="s">
        <v>43100</v>
      </c>
      <c r="B21930" s="1" t="s">
        <v>55851</v>
      </c>
      <c r="C21930" s="1" t="s">
        <v>43101</v>
      </c>
      <c r="D21930" s="2">
        <v>174758</v>
      </c>
      <c r="E21930" s="1" t="s">
        <v>0</v>
      </c>
    </row>
    <row r="21931" spans="1:5" x14ac:dyDescent="0.25">
      <c r="A21931" s="1" t="s">
        <v>43102</v>
      </c>
      <c r="B21931" s="1" t="s">
        <v>11331</v>
      </c>
      <c r="C21931" s="1" t="s">
        <v>43103</v>
      </c>
      <c r="D21931" s="2">
        <v>174759</v>
      </c>
      <c r="E21931" s="1" t="s">
        <v>0</v>
      </c>
    </row>
    <row r="21932" spans="1:5" x14ac:dyDescent="0.25">
      <c r="A21932" s="2">
        <v>4386</v>
      </c>
      <c r="B21932" s="2">
        <v>4386</v>
      </c>
      <c r="C21932" s="1" t="s">
        <v>0</v>
      </c>
      <c r="D21932" s="2">
        <v>174760</v>
      </c>
      <c r="E21932" s="1" t="s">
        <v>0</v>
      </c>
    </row>
    <row r="21933" spans="1:5" x14ac:dyDescent="0.25">
      <c r="A21933" s="1" t="s">
        <v>3980</v>
      </c>
      <c r="B21933" s="1" t="s">
        <v>11332</v>
      </c>
      <c r="C21933" s="1" t="s">
        <v>43104</v>
      </c>
      <c r="D21933" s="2">
        <v>174761</v>
      </c>
      <c r="E21933" s="1" t="s">
        <v>0</v>
      </c>
    </row>
    <row r="21934" spans="1:5" x14ac:dyDescent="0.25">
      <c r="A21934" s="1" t="s">
        <v>43105</v>
      </c>
      <c r="B21934" s="1" t="s">
        <v>55852</v>
      </c>
      <c r="C21934" s="1" t="s">
        <v>43106</v>
      </c>
      <c r="D21934" s="2">
        <v>174762</v>
      </c>
      <c r="E21934" s="1" t="s">
        <v>0</v>
      </c>
    </row>
    <row r="21935" spans="1:5" ht="409.5" x14ac:dyDescent="0.25">
      <c r="A21935" s="4" t="s">
        <v>43107</v>
      </c>
      <c r="B21935" s="1" t="s">
        <v>55853</v>
      </c>
      <c r="C21935" s="1" t="s">
        <v>43108</v>
      </c>
      <c r="D21935" s="2">
        <v>174763</v>
      </c>
      <c r="E21935" s="1" t="s">
        <v>0</v>
      </c>
    </row>
    <row r="21936" spans="1:5" x14ac:dyDescent="0.25">
      <c r="A21936" s="1" t="s">
        <v>13413</v>
      </c>
      <c r="B21936" s="1" t="s">
        <v>60845</v>
      </c>
      <c r="C21936" s="1" t="s">
        <v>13414</v>
      </c>
      <c r="D21936" s="2">
        <v>174764</v>
      </c>
      <c r="E21936" s="1" t="s">
        <v>0</v>
      </c>
    </row>
    <row r="21937" spans="1:5" x14ac:dyDescent="0.25">
      <c r="A21937" s="2">
        <v>4387</v>
      </c>
      <c r="B21937" s="2">
        <v>4387</v>
      </c>
      <c r="C21937" s="1" t="s">
        <v>0</v>
      </c>
      <c r="D21937" s="2">
        <v>174765</v>
      </c>
      <c r="E21937" s="1" t="s">
        <v>0</v>
      </c>
    </row>
    <row r="21938" spans="1:5" x14ac:dyDescent="0.25">
      <c r="A21938" s="1" t="s">
        <v>3981</v>
      </c>
      <c r="B21938" s="1" t="s">
        <v>11333</v>
      </c>
      <c r="C21938" s="1" t="s">
        <v>43109</v>
      </c>
      <c r="D21938" s="2">
        <v>174766</v>
      </c>
      <c r="E21938" s="1" t="s">
        <v>0</v>
      </c>
    </row>
    <row r="21939" spans="1:5" x14ac:dyDescent="0.25">
      <c r="A21939" s="1" t="s">
        <v>43110</v>
      </c>
      <c r="B21939" s="1" t="s">
        <v>63901</v>
      </c>
      <c r="C21939" s="1" t="s">
        <v>43111</v>
      </c>
      <c r="D21939" s="2">
        <v>174767</v>
      </c>
      <c r="E21939" s="1" t="s">
        <v>0</v>
      </c>
    </row>
    <row r="21940" spans="1:5" ht="409.5" x14ac:dyDescent="0.25">
      <c r="A21940" s="4" t="s">
        <v>43112</v>
      </c>
      <c r="B21940" s="1" t="s">
        <v>63902</v>
      </c>
      <c r="C21940" s="1" t="s">
        <v>43113</v>
      </c>
      <c r="D21940" s="2">
        <v>174768</v>
      </c>
      <c r="E21940" s="1" t="s">
        <v>0</v>
      </c>
    </row>
    <row r="21941" spans="1:5" x14ac:dyDescent="0.25">
      <c r="A21941" s="1" t="s">
        <v>43114</v>
      </c>
      <c r="B21941" s="1" t="s">
        <v>11334</v>
      </c>
      <c r="C21941" s="1" t="s">
        <v>43115</v>
      </c>
      <c r="D21941" s="2">
        <v>174769</v>
      </c>
      <c r="E21941" s="1" t="s">
        <v>0</v>
      </c>
    </row>
    <row r="21942" spans="1:5" x14ac:dyDescent="0.25">
      <c r="A21942" s="2">
        <v>4388</v>
      </c>
      <c r="B21942" s="2">
        <v>4388</v>
      </c>
      <c r="C21942" s="1" t="s">
        <v>0</v>
      </c>
      <c r="D21942" s="2">
        <v>174770</v>
      </c>
      <c r="E21942" s="1" t="s">
        <v>0</v>
      </c>
    </row>
    <row r="21943" spans="1:5" x14ac:dyDescent="0.25">
      <c r="A21943" s="1" t="s">
        <v>3982</v>
      </c>
      <c r="B21943" s="1" t="s">
        <v>11335</v>
      </c>
      <c r="C21943" s="1" t="s">
        <v>43116</v>
      </c>
      <c r="D21943" s="2">
        <v>174771</v>
      </c>
      <c r="E21943" s="1" t="s">
        <v>0</v>
      </c>
    </row>
    <row r="21944" spans="1:5" x14ac:dyDescent="0.25">
      <c r="A21944" s="1" t="s">
        <v>43117</v>
      </c>
      <c r="B21944" s="1" t="s">
        <v>60789</v>
      </c>
      <c r="C21944" s="1" t="s">
        <v>43118</v>
      </c>
      <c r="D21944" s="2">
        <v>174772</v>
      </c>
      <c r="E21944" s="1" t="s">
        <v>0</v>
      </c>
    </row>
    <row r="21945" spans="1:5" ht="409.5" x14ac:dyDescent="0.25">
      <c r="A21945" s="4" t="s">
        <v>43119</v>
      </c>
      <c r="B21945" s="1" t="s">
        <v>60790</v>
      </c>
      <c r="C21945" s="1" t="s">
        <v>43120</v>
      </c>
      <c r="D21945" s="2">
        <v>174773</v>
      </c>
      <c r="E21945" s="1" t="s">
        <v>0</v>
      </c>
    </row>
    <row r="21946" spans="1:5" x14ac:dyDescent="0.25">
      <c r="A21946" s="1" t="s">
        <v>43121</v>
      </c>
      <c r="B21946" s="1" t="s">
        <v>11336</v>
      </c>
      <c r="C21946" s="1" t="s">
        <v>43122</v>
      </c>
      <c r="D21946" s="2">
        <v>174774</v>
      </c>
      <c r="E21946" s="1" t="s">
        <v>0</v>
      </c>
    </row>
    <row r="21947" spans="1:5" x14ac:dyDescent="0.25">
      <c r="A21947" s="2">
        <v>4389</v>
      </c>
      <c r="B21947" s="2">
        <v>4389</v>
      </c>
      <c r="C21947" s="1" t="s">
        <v>0</v>
      </c>
      <c r="D21947" s="2">
        <v>174775</v>
      </c>
      <c r="E21947" s="1" t="s">
        <v>0</v>
      </c>
    </row>
    <row r="21948" spans="1:5" x14ac:dyDescent="0.25">
      <c r="A21948" s="1" t="s">
        <v>3983</v>
      </c>
      <c r="B21948" s="1" t="s">
        <v>57622</v>
      </c>
      <c r="C21948" s="1" t="s">
        <v>43123</v>
      </c>
      <c r="D21948" s="2">
        <v>174776</v>
      </c>
      <c r="E21948" s="1" t="s">
        <v>0</v>
      </c>
    </row>
    <row r="21949" spans="1:5" x14ac:dyDescent="0.25">
      <c r="A21949" s="1" t="s">
        <v>43124</v>
      </c>
      <c r="B21949" s="1" t="s">
        <v>57623</v>
      </c>
      <c r="C21949" s="1" t="s">
        <v>43125</v>
      </c>
      <c r="D21949" s="2">
        <v>174777</v>
      </c>
      <c r="E21949" s="1" t="s">
        <v>0</v>
      </c>
    </row>
    <row r="21950" spans="1:5" ht="409.5" x14ac:dyDescent="0.25">
      <c r="A21950" s="4" t="s">
        <v>43126</v>
      </c>
      <c r="B21950" s="1" t="s">
        <v>57624</v>
      </c>
      <c r="C21950" s="1" t="s">
        <v>43127</v>
      </c>
      <c r="D21950" s="2">
        <v>174778</v>
      </c>
      <c r="E21950" s="1" t="s">
        <v>0</v>
      </c>
    </row>
    <row r="21951" spans="1:5" x14ac:dyDescent="0.25">
      <c r="A21951" s="1" t="s">
        <v>43128</v>
      </c>
      <c r="B21951" s="1" t="s">
        <v>57625</v>
      </c>
      <c r="C21951" s="1" t="s">
        <v>43129</v>
      </c>
      <c r="D21951" s="2">
        <v>174779</v>
      </c>
      <c r="E21951" s="1" t="s">
        <v>0</v>
      </c>
    </row>
    <row r="21952" spans="1:5" x14ac:dyDescent="0.25">
      <c r="A21952" s="2">
        <v>4390</v>
      </c>
      <c r="B21952" s="2">
        <v>4390</v>
      </c>
      <c r="C21952" s="1" t="s">
        <v>0</v>
      </c>
      <c r="D21952" s="2">
        <v>174780</v>
      </c>
      <c r="E21952" s="1" t="s">
        <v>0</v>
      </c>
    </row>
    <row r="21953" spans="1:5" x14ac:dyDescent="0.25">
      <c r="A21953" s="1" t="s">
        <v>3984</v>
      </c>
      <c r="B21953" s="1" t="s">
        <v>11337</v>
      </c>
      <c r="C21953" s="1" t="s">
        <v>43130</v>
      </c>
      <c r="D21953" s="2">
        <v>174781</v>
      </c>
      <c r="E21953" s="1" t="s">
        <v>0</v>
      </c>
    </row>
    <row r="21954" spans="1:5" x14ac:dyDescent="0.25">
      <c r="A21954" s="1" t="s">
        <v>43131</v>
      </c>
      <c r="B21954" s="1" t="s">
        <v>60791</v>
      </c>
      <c r="C21954" s="1" t="s">
        <v>43132</v>
      </c>
      <c r="D21954" s="2">
        <v>174782</v>
      </c>
      <c r="E21954" s="1" t="s">
        <v>0</v>
      </c>
    </row>
    <row r="21955" spans="1:5" ht="409.5" x14ac:dyDescent="0.25">
      <c r="A21955" s="4" t="s">
        <v>43133</v>
      </c>
      <c r="B21955" s="1" t="s">
        <v>60792</v>
      </c>
      <c r="C21955" s="1" t="s">
        <v>43134</v>
      </c>
      <c r="D21955" s="2">
        <v>174783</v>
      </c>
      <c r="E21955" s="1" t="s">
        <v>0</v>
      </c>
    </row>
    <row r="21956" spans="1:5" x14ac:dyDescent="0.25">
      <c r="A21956" s="1" t="s">
        <v>43135</v>
      </c>
      <c r="B21956" s="1" t="s">
        <v>11338</v>
      </c>
      <c r="C21956" s="1" t="s">
        <v>43136</v>
      </c>
      <c r="D21956" s="2">
        <v>174784</v>
      </c>
      <c r="E21956" s="1" t="s">
        <v>0</v>
      </c>
    </row>
    <row r="21957" spans="1:5" x14ac:dyDescent="0.25">
      <c r="A21957" s="2">
        <v>4391</v>
      </c>
      <c r="B21957" s="2">
        <v>4391</v>
      </c>
      <c r="C21957" s="1" t="s">
        <v>0</v>
      </c>
      <c r="D21957" s="2">
        <v>174785</v>
      </c>
      <c r="E21957" s="1" t="s">
        <v>0</v>
      </c>
    </row>
    <row r="21958" spans="1:5" x14ac:dyDescent="0.25">
      <c r="A21958" s="1" t="s">
        <v>3985</v>
      </c>
      <c r="B21958" s="1" t="s">
        <v>11339</v>
      </c>
      <c r="C21958" s="1" t="s">
        <v>43137</v>
      </c>
      <c r="D21958" s="2">
        <v>174786</v>
      </c>
      <c r="E21958" s="1" t="s">
        <v>0</v>
      </c>
    </row>
    <row r="21959" spans="1:5" x14ac:dyDescent="0.25">
      <c r="A21959" s="1" t="s">
        <v>43138</v>
      </c>
      <c r="B21959" s="1" t="s">
        <v>11340</v>
      </c>
      <c r="C21959" s="1" t="s">
        <v>43139</v>
      </c>
      <c r="D21959" s="2">
        <v>174787</v>
      </c>
      <c r="E21959" s="1" t="s">
        <v>0</v>
      </c>
    </row>
    <row r="21960" spans="1:5" ht="409.5" x14ac:dyDescent="0.25">
      <c r="A21960" s="4" t="s">
        <v>43140</v>
      </c>
      <c r="B21960" s="1" t="s">
        <v>60255</v>
      </c>
      <c r="C21960" s="1" t="s">
        <v>43141</v>
      </c>
      <c r="D21960" s="2">
        <v>174788</v>
      </c>
      <c r="E21960" s="1" t="s">
        <v>0</v>
      </c>
    </row>
    <row r="21961" spans="1:5" x14ac:dyDescent="0.25">
      <c r="A21961" s="1" t="s">
        <v>43142</v>
      </c>
      <c r="B21961" s="1" t="s">
        <v>55854</v>
      </c>
      <c r="C21961" s="1" t="s">
        <v>43143</v>
      </c>
      <c r="D21961" s="2">
        <v>174789</v>
      </c>
      <c r="E21961" s="1" t="s">
        <v>0</v>
      </c>
    </row>
    <row r="21962" spans="1:5" x14ac:dyDescent="0.25">
      <c r="A21962" s="2">
        <v>4392</v>
      </c>
      <c r="B21962" s="2">
        <v>4392</v>
      </c>
      <c r="C21962" s="1" t="s">
        <v>0</v>
      </c>
      <c r="D21962" s="2">
        <v>174790</v>
      </c>
      <c r="E21962" s="1" t="s">
        <v>0</v>
      </c>
    </row>
    <row r="21963" spans="1:5" x14ac:dyDescent="0.25">
      <c r="A21963" s="1" t="s">
        <v>3986</v>
      </c>
      <c r="B21963" s="1" t="s">
        <v>11341</v>
      </c>
      <c r="C21963" s="1" t="s">
        <v>43144</v>
      </c>
      <c r="D21963" s="2">
        <v>174791</v>
      </c>
      <c r="E21963" s="1" t="s">
        <v>0</v>
      </c>
    </row>
    <row r="21964" spans="1:5" x14ac:dyDescent="0.25">
      <c r="A21964" s="1" t="s">
        <v>43145</v>
      </c>
      <c r="B21964" s="1" t="s">
        <v>62917</v>
      </c>
      <c r="C21964" s="1" t="s">
        <v>43146</v>
      </c>
      <c r="D21964" s="2">
        <v>174792</v>
      </c>
      <c r="E21964" s="1" t="s">
        <v>0</v>
      </c>
    </row>
    <row r="21965" spans="1:5" ht="409.5" x14ac:dyDescent="0.25">
      <c r="A21965" s="4" t="s">
        <v>43147</v>
      </c>
      <c r="B21965" s="1" t="s">
        <v>62918</v>
      </c>
      <c r="C21965" s="1" t="s">
        <v>43148</v>
      </c>
      <c r="D21965" s="2">
        <v>174793</v>
      </c>
      <c r="E21965" s="1" t="s">
        <v>0</v>
      </c>
    </row>
    <row r="21966" spans="1:5" x14ac:dyDescent="0.25">
      <c r="A21966" s="1" t="s">
        <v>43149</v>
      </c>
      <c r="B21966" s="1" t="s">
        <v>62919</v>
      </c>
      <c r="C21966" s="1" t="s">
        <v>43150</v>
      </c>
      <c r="D21966" s="2">
        <v>174794</v>
      </c>
      <c r="E21966" s="1" t="s">
        <v>0</v>
      </c>
    </row>
    <row r="21967" spans="1:5" x14ac:dyDescent="0.25">
      <c r="A21967" s="2">
        <v>4393</v>
      </c>
      <c r="B21967" s="2">
        <v>4393</v>
      </c>
      <c r="C21967" s="1" t="s">
        <v>0</v>
      </c>
      <c r="D21967" s="2">
        <v>174795</v>
      </c>
      <c r="E21967" s="1" t="s">
        <v>0</v>
      </c>
    </row>
    <row r="21968" spans="1:5" x14ac:dyDescent="0.25">
      <c r="A21968" s="1" t="s">
        <v>3987</v>
      </c>
      <c r="B21968" s="1" t="s">
        <v>11342</v>
      </c>
      <c r="C21968" s="1" t="s">
        <v>43151</v>
      </c>
      <c r="D21968" s="2">
        <v>174796</v>
      </c>
      <c r="E21968" s="1" t="s">
        <v>0</v>
      </c>
    </row>
    <row r="21969" spans="1:5" x14ac:dyDescent="0.25">
      <c r="A21969" s="1" t="s">
        <v>43152</v>
      </c>
      <c r="B21969" s="1" t="s">
        <v>51009</v>
      </c>
      <c r="C21969" s="1" t="s">
        <v>43153</v>
      </c>
      <c r="D21969" s="2">
        <v>174797</v>
      </c>
      <c r="E21969" s="1" t="s">
        <v>0</v>
      </c>
    </row>
    <row r="21970" spans="1:5" ht="409.5" x14ac:dyDescent="0.25">
      <c r="A21970" s="4" t="s">
        <v>43154</v>
      </c>
      <c r="B21970" s="1" t="s">
        <v>51010</v>
      </c>
      <c r="C21970" s="1" t="s">
        <v>43155</v>
      </c>
      <c r="D21970" s="2">
        <v>174798</v>
      </c>
      <c r="E21970" s="1" t="s">
        <v>0</v>
      </c>
    </row>
    <row r="21971" spans="1:5" x14ac:dyDescent="0.25">
      <c r="A21971" s="1" t="s">
        <v>43156</v>
      </c>
      <c r="B21971" s="1" t="s">
        <v>55855</v>
      </c>
      <c r="C21971" s="1" t="s">
        <v>43157</v>
      </c>
      <c r="D21971" s="2">
        <v>174799</v>
      </c>
      <c r="E21971" s="1" t="s">
        <v>0</v>
      </c>
    </row>
    <row r="21972" spans="1:5" x14ac:dyDescent="0.25">
      <c r="A21972" s="2">
        <v>4394</v>
      </c>
      <c r="B21972" s="2">
        <v>4394</v>
      </c>
      <c r="C21972" s="1" t="s">
        <v>0</v>
      </c>
      <c r="D21972" s="2">
        <v>174800</v>
      </c>
      <c r="E21972" s="1" t="s">
        <v>0</v>
      </c>
    </row>
    <row r="21973" spans="1:5" x14ac:dyDescent="0.25">
      <c r="A21973" s="1" t="s">
        <v>3988</v>
      </c>
      <c r="B21973" s="1" t="s">
        <v>11343</v>
      </c>
      <c r="C21973" s="1" t="s">
        <v>43158</v>
      </c>
      <c r="D21973" s="2">
        <v>174801</v>
      </c>
      <c r="E21973" s="1" t="s">
        <v>0</v>
      </c>
    </row>
    <row r="21974" spans="1:5" x14ac:dyDescent="0.25">
      <c r="A21974" s="1" t="s">
        <v>43159</v>
      </c>
      <c r="B21974" s="1" t="s">
        <v>11344</v>
      </c>
      <c r="C21974" s="1" t="s">
        <v>43160</v>
      </c>
      <c r="D21974" s="2">
        <v>174802</v>
      </c>
      <c r="E21974" s="1" t="s">
        <v>0</v>
      </c>
    </row>
    <row r="21975" spans="1:5" ht="409.5" x14ac:dyDescent="0.25">
      <c r="A21975" s="4" t="s">
        <v>43161</v>
      </c>
      <c r="B21975" s="1" t="s">
        <v>60465</v>
      </c>
      <c r="C21975" s="1" t="s">
        <v>43162</v>
      </c>
      <c r="D21975" s="2">
        <v>174803</v>
      </c>
      <c r="E21975" s="1" t="s">
        <v>0</v>
      </c>
    </row>
    <row r="21976" spans="1:5" x14ac:dyDescent="0.25">
      <c r="A21976" s="1" t="s">
        <v>43163</v>
      </c>
      <c r="B21976" s="1" t="s">
        <v>55856</v>
      </c>
      <c r="C21976" s="1" t="s">
        <v>43164</v>
      </c>
      <c r="D21976" s="2">
        <v>174804</v>
      </c>
      <c r="E21976" s="1" t="s">
        <v>0</v>
      </c>
    </row>
    <row r="21977" spans="1:5" x14ac:dyDescent="0.25">
      <c r="A21977" s="2">
        <v>4395</v>
      </c>
      <c r="B21977" s="2">
        <v>4395</v>
      </c>
      <c r="C21977" s="1" t="s">
        <v>0</v>
      </c>
      <c r="D21977" s="2">
        <v>174805</v>
      </c>
      <c r="E21977" s="1" t="s">
        <v>0</v>
      </c>
    </row>
    <row r="21978" spans="1:5" x14ac:dyDescent="0.25">
      <c r="A21978" s="1" t="s">
        <v>3989</v>
      </c>
      <c r="B21978" s="1" t="s">
        <v>60256</v>
      </c>
      <c r="C21978" s="1" t="s">
        <v>11345</v>
      </c>
      <c r="D21978" s="2">
        <v>174806</v>
      </c>
      <c r="E21978" s="1" t="s">
        <v>0</v>
      </c>
    </row>
    <row r="21979" spans="1:5" x14ac:dyDescent="0.25">
      <c r="A21979" s="1" t="s">
        <v>43165</v>
      </c>
      <c r="B21979" s="1" t="s">
        <v>60257</v>
      </c>
      <c r="C21979" s="1" t="s">
        <v>43166</v>
      </c>
      <c r="D21979" s="2">
        <v>174807</v>
      </c>
      <c r="E21979" s="1" t="s">
        <v>0</v>
      </c>
    </row>
    <row r="21980" spans="1:5" ht="409.5" x14ac:dyDescent="0.25">
      <c r="A21980" s="4" t="s">
        <v>43167</v>
      </c>
      <c r="B21980" s="1" t="s">
        <v>60258</v>
      </c>
      <c r="C21980" s="1" t="s">
        <v>43168</v>
      </c>
      <c r="D21980" s="2">
        <v>174808</v>
      </c>
      <c r="E21980" s="1" t="s">
        <v>0</v>
      </c>
    </row>
    <row r="21981" spans="1:5" x14ac:dyDescent="0.25">
      <c r="A21981" s="1" t="s">
        <v>43169</v>
      </c>
      <c r="B21981" s="1" t="s">
        <v>60259</v>
      </c>
      <c r="C21981" s="1" t="s">
        <v>43170</v>
      </c>
      <c r="D21981" s="2">
        <v>174809</v>
      </c>
      <c r="E21981" s="1" t="s">
        <v>0</v>
      </c>
    </row>
    <row r="21982" spans="1:5" x14ac:dyDescent="0.25">
      <c r="A21982" s="2">
        <v>4396</v>
      </c>
      <c r="B21982" s="2">
        <v>4396</v>
      </c>
      <c r="C21982" s="1" t="s">
        <v>0</v>
      </c>
      <c r="D21982" s="2">
        <v>174810</v>
      </c>
      <c r="E21982" s="1" t="s">
        <v>0</v>
      </c>
    </row>
    <row r="21983" spans="1:5" x14ac:dyDescent="0.25">
      <c r="A21983" s="1" t="s">
        <v>11346</v>
      </c>
      <c r="B21983" s="1" t="s">
        <v>11347</v>
      </c>
      <c r="C21983" s="1" t="s">
        <v>43171</v>
      </c>
      <c r="D21983" s="2">
        <v>174811</v>
      </c>
      <c r="E21983" s="1" t="s">
        <v>0</v>
      </c>
    </row>
    <row r="21984" spans="1:5" x14ac:dyDescent="0.25">
      <c r="A21984" s="1" t="s">
        <v>43172</v>
      </c>
      <c r="B21984" s="1" t="s">
        <v>11348</v>
      </c>
      <c r="C21984" s="1" t="s">
        <v>43173</v>
      </c>
      <c r="D21984" s="2">
        <v>174812</v>
      </c>
      <c r="E21984" s="1" t="s">
        <v>0</v>
      </c>
    </row>
    <row r="21985" spans="1:5" ht="409.5" x14ac:dyDescent="0.25">
      <c r="A21985" s="4" t="s">
        <v>43174</v>
      </c>
      <c r="B21985" s="1" t="s">
        <v>63507</v>
      </c>
      <c r="C21985" s="1" t="s">
        <v>43175</v>
      </c>
      <c r="D21985" s="2">
        <v>174813</v>
      </c>
      <c r="E21985" s="1" t="s">
        <v>0</v>
      </c>
    </row>
    <row r="21986" spans="1:5" x14ac:dyDescent="0.25">
      <c r="A21986" s="1" t="s">
        <v>43176</v>
      </c>
      <c r="B21986" s="1" t="s">
        <v>11349</v>
      </c>
      <c r="C21986" s="1" t="s">
        <v>43177</v>
      </c>
      <c r="D21986" s="2">
        <v>174814</v>
      </c>
      <c r="E21986" s="1" t="s">
        <v>0</v>
      </c>
    </row>
    <row r="21987" spans="1:5" x14ac:dyDescent="0.25">
      <c r="A21987" s="2">
        <v>4397</v>
      </c>
      <c r="B21987" s="2">
        <v>4397</v>
      </c>
      <c r="C21987" s="1" t="s">
        <v>0</v>
      </c>
      <c r="D21987" s="2">
        <v>174815</v>
      </c>
      <c r="E21987" s="1" t="s">
        <v>0</v>
      </c>
    </row>
    <row r="21988" spans="1:5" x14ac:dyDescent="0.25">
      <c r="A21988" s="1" t="s">
        <v>3990</v>
      </c>
      <c r="B21988" s="1" t="s">
        <v>11350</v>
      </c>
      <c r="C21988" s="1" t="s">
        <v>43178</v>
      </c>
      <c r="D21988" s="2">
        <v>174816</v>
      </c>
      <c r="E21988" s="1" t="s">
        <v>0</v>
      </c>
    </row>
    <row r="21989" spans="1:5" x14ac:dyDescent="0.25">
      <c r="A21989" s="1" t="s">
        <v>43179</v>
      </c>
      <c r="B21989" s="1" t="s">
        <v>11351</v>
      </c>
      <c r="C21989" s="1" t="s">
        <v>43180</v>
      </c>
      <c r="D21989" s="2">
        <v>174817</v>
      </c>
      <c r="E21989" s="1" t="s">
        <v>0</v>
      </c>
    </row>
    <row r="21990" spans="1:5" ht="409.5" x14ac:dyDescent="0.25">
      <c r="A21990" s="4" t="s">
        <v>43181</v>
      </c>
      <c r="B21990" s="1" t="s">
        <v>57993</v>
      </c>
      <c r="C21990" s="1" t="s">
        <v>43182</v>
      </c>
      <c r="D21990" s="2">
        <v>174818</v>
      </c>
      <c r="E21990" s="1" t="s">
        <v>0</v>
      </c>
    </row>
    <row r="21991" spans="1:5" x14ac:dyDescent="0.25">
      <c r="A21991" s="1" t="s">
        <v>43183</v>
      </c>
      <c r="B21991" s="1" t="s">
        <v>55857</v>
      </c>
      <c r="C21991" s="1" t="s">
        <v>43184</v>
      </c>
      <c r="D21991" s="2">
        <v>174819</v>
      </c>
      <c r="E21991" s="1" t="s">
        <v>0</v>
      </c>
    </row>
    <row r="21992" spans="1:5" x14ac:dyDescent="0.25">
      <c r="A21992" s="2">
        <v>4398</v>
      </c>
      <c r="B21992" s="2">
        <v>4398</v>
      </c>
      <c r="C21992" s="1" t="s">
        <v>0</v>
      </c>
      <c r="D21992" s="2">
        <v>174820</v>
      </c>
      <c r="E21992" s="1" t="s">
        <v>0</v>
      </c>
    </row>
    <row r="21993" spans="1:5" x14ac:dyDescent="0.25">
      <c r="A21993" s="1" t="s">
        <v>3991</v>
      </c>
      <c r="B21993" s="1" t="s">
        <v>59680</v>
      </c>
      <c r="C21993" s="1" t="s">
        <v>43185</v>
      </c>
      <c r="D21993" s="2">
        <v>174821</v>
      </c>
      <c r="E21993" s="1" t="s">
        <v>0</v>
      </c>
    </row>
    <row r="21994" spans="1:5" x14ac:dyDescent="0.25">
      <c r="A21994" s="1" t="s">
        <v>43186</v>
      </c>
      <c r="B21994" s="1" t="s">
        <v>59681</v>
      </c>
      <c r="C21994" s="1" t="s">
        <v>43187</v>
      </c>
      <c r="D21994" s="2">
        <v>174822</v>
      </c>
      <c r="E21994" s="1" t="s">
        <v>0</v>
      </c>
    </row>
    <row r="21995" spans="1:5" ht="409.5" x14ac:dyDescent="0.25">
      <c r="A21995" s="4" t="s">
        <v>43188</v>
      </c>
      <c r="B21995" s="1" t="s">
        <v>59682</v>
      </c>
      <c r="C21995" s="1" t="s">
        <v>43189</v>
      </c>
      <c r="D21995" s="2">
        <v>174823</v>
      </c>
      <c r="E21995" s="1" t="s">
        <v>0</v>
      </c>
    </row>
    <row r="21996" spans="1:5" x14ac:dyDescent="0.25">
      <c r="A21996" s="1" t="s">
        <v>43190</v>
      </c>
      <c r="B21996" s="1" t="s">
        <v>59683</v>
      </c>
      <c r="C21996" s="1" t="s">
        <v>43191</v>
      </c>
      <c r="D21996" s="2">
        <v>174824</v>
      </c>
      <c r="E21996" s="1" t="s">
        <v>0</v>
      </c>
    </row>
    <row r="21997" spans="1:5" x14ac:dyDescent="0.25">
      <c r="A21997" s="2">
        <v>4399</v>
      </c>
      <c r="B21997" s="2">
        <v>4399</v>
      </c>
      <c r="C21997" s="1" t="s">
        <v>0</v>
      </c>
      <c r="D21997" s="2">
        <v>174825</v>
      </c>
      <c r="E21997" s="1" t="s">
        <v>0</v>
      </c>
    </row>
    <row r="21998" spans="1:5" x14ac:dyDescent="0.25">
      <c r="A21998" s="1" t="s">
        <v>3992</v>
      </c>
      <c r="B21998" s="1" t="s">
        <v>11352</v>
      </c>
      <c r="C21998" s="1" t="s">
        <v>43192</v>
      </c>
      <c r="D21998" s="2">
        <v>174826</v>
      </c>
      <c r="E21998" s="1" t="s">
        <v>0</v>
      </c>
    </row>
    <row r="21999" spans="1:5" x14ac:dyDescent="0.25">
      <c r="A21999" s="1" t="s">
        <v>43193</v>
      </c>
      <c r="B21999" s="1" t="s">
        <v>43194</v>
      </c>
      <c r="C21999" s="1" t="s">
        <v>43195</v>
      </c>
      <c r="D21999" s="2">
        <v>174827</v>
      </c>
      <c r="E21999" s="1" t="s">
        <v>0</v>
      </c>
    </row>
    <row r="22000" spans="1:5" ht="409.5" x14ac:dyDescent="0.25">
      <c r="A22000" s="4" t="s">
        <v>43196</v>
      </c>
      <c r="B22000" s="1" t="s">
        <v>55858</v>
      </c>
      <c r="C22000" s="1" t="s">
        <v>43197</v>
      </c>
      <c r="D22000" s="2">
        <v>174828</v>
      </c>
      <c r="E22000" s="1" t="s">
        <v>0</v>
      </c>
    </row>
    <row r="22001" spans="1:5" x14ac:dyDescent="0.25">
      <c r="A22001" s="1" t="s">
        <v>43198</v>
      </c>
      <c r="B22001" s="1" t="s">
        <v>11353</v>
      </c>
      <c r="C22001" s="1" t="s">
        <v>43199</v>
      </c>
      <c r="D22001" s="2">
        <v>174829</v>
      </c>
      <c r="E22001" s="1" t="s">
        <v>0</v>
      </c>
    </row>
    <row r="22002" spans="1:5" x14ac:dyDescent="0.25">
      <c r="A22002" s="2">
        <v>4400</v>
      </c>
      <c r="B22002" s="2">
        <v>4400</v>
      </c>
      <c r="C22002" s="1" t="s">
        <v>0</v>
      </c>
      <c r="D22002" s="2">
        <v>174830</v>
      </c>
      <c r="E22002" s="1" t="s">
        <v>0</v>
      </c>
    </row>
    <row r="22003" spans="1:5" x14ac:dyDescent="0.25">
      <c r="A22003" s="1" t="s">
        <v>3993</v>
      </c>
      <c r="B22003" s="1" t="s">
        <v>11354</v>
      </c>
      <c r="C22003" s="1" t="s">
        <v>43200</v>
      </c>
      <c r="D22003" s="2">
        <v>174831</v>
      </c>
      <c r="E22003" s="1" t="s">
        <v>0</v>
      </c>
    </row>
    <row r="22004" spans="1:5" x14ac:dyDescent="0.25">
      <c r="A22004" s="1" t="s">
        <v>43201</v>
      </c>
      <c r="B22004" s="1" t="s">
        <v>58115</v>
      </c>
      <c r="C22004" s="1" t="s">
        <v>43202</v>
      </c>
      <c r="D22004" s="2">
        <v>174832</v>
      </c>
      <c r="E22004" s="1" t="s">
        <v>0</v>
      </c>
    </row>
    <row r="22005" spans="1:5" ht="409.5" x14ac:dyDescent="0.25">
      <c r="A22005" s="4" t="s">
        <v>43203</v>
      </c>
      <c r="B22005" s="1" t="s">
        <v>58116</v>
      </c>
      <c r="C22005" s="1" t="s">
        <v>43204</v>
      </c>
      <c r="D22005" s="2">
        <v>174833</v>
      </c>
      <c r="E22005" s="1" t="s">
        <v>0</v>
      </c>
    </row>
    <row r="22006" spans="1:5" x14ac:dyDescent="0.25">
      <c r="A22006" s="1" t="s">
        <v>43205</v>
      </c>
      <c r="B22006" s="1" t="s">
        <v>11355</v>
      </c>
      <c r="C22006" s="1" t="s">
        <v>43206</v>
      </c>
      <c r="D22006" s="2">
        <v>174834</v>
      </c>
      <c r="E22006" s="1" t="s">
        <v>0</v>
      </c>
    </row>
    <row r="22007" spans="1:5" x14ac:dyDescent="0.25">
      <c r="A22007" s="2">
        <v>4401</v>
      </c>
      <c r="B22007" s="2">
        <v>4401</v>
      </c>
      <c r="C22007" s="1" t="s">
        <v>0</v>
      </c>
      <c r="D22007" s="2">
        <v>174835</v>
      </c>
      <c r="E22007" s="1" t="s">
        <v>0</v>
      </c>
    </row>
    <row r="22008" spans="1:5" x14ac:dyDescent="0.25">
      <c r="A22008" s="1" t="s">
        <v>3994</v>
      </c>
      <c r="B22008" s="1" t="s">
        <v>11356</v>
      </c>
      <c r="C22008" s="1" t="s">
        <v>43207</v>
      </c>
      <c r="D22008" s="2">
        <v>174836</v>
      </c>
      <c r="E22008" s="1" t="s">
        <v>0</v>
      </c>
    </row>
    <row r="22009" spans="1:5" x14ac:dyDescent="0.25">
      <c r="A22009" s="1" t="s">
        <v>43208</v>
      </c>
      <c r="B22009" s="1" t="s">
        <v>60260</v>
      </c>
      <c r="C22009" s="1" t="s">
        <v>43209</v>
      </c>
      <c r="D22009" s="2">
        <v>174837</v>
      </c>
      <c r="E22009" s="1" t="s">
        <v>0</v>
      </c>
    </row>
    <row r="22010" spans="1:5" ht="409.5" x14ac:dyDescent="0.25">
      <c r="A22010" s="4" t="s">
        <v>43210</v>
      </c>
      <c r="B22010" s="1" t="s">
        <v>60261</v>
      </c>
      <c r="C22010" s="1" t="s">
        <v>43211</v>
      </c>
      <c r="D22010" s="2">
        <v>174838</v>
      </c>
      <c r="E22010" s="1" t="s">
        <v>0</v>
      </c>
    </row>
    <row r="22011" spans="1:5" x14ac:dyDescent="0.25">
      <c r="A22011" s="1" t="s">
        <v>15303</v>
      </c>
      <c r="B22011" s="1" t="s">
        <v>60888</v>
      </c>
      <c r="C22011" s="1" t="s">
        <v>15304</v>
      </c>
      <c r="D22011" s="2">
        <v>174839</v>
      </c>
      <c r="E22011" s="1" t="s">
        <v>0</v>
      </c>
    </row>
    <row r="22012" spans="1:5" x14ac:dyDescent="0.25">
      <c r="A22012" s="2">
        <v>4402</v>
      </c>
      <c r="B22012" s="2">
        <v>4402</v>
      </c>
      <c r="C22012" s="1" t="s">
        <v>0</v>
      </c>
      <c r="D22012" s="2">
        <v>174840</v>
      </c>
      <c r="E22012" s="1" t="s">
        <v>0</v>
      </c>
    </row>
    <row r="22013" spans="1:5" x14ac:dyDescent="0.25">
      <c r="A22013" s="1" t="s">
        <v>3995</v>
      </c>
      <c r="B22013" s="1" t="s">
        <v>11357</v>
      </c>
      <c r="C22013" s="1" t="s">
        <v>43212</v>
      </c>
      <c r="D22013" s="2">
        <v>174841</v>
      </c>
      <c r="E22013" s="1" t="s">
        <v>0</v>
      </c>
    </row>
    <row r="22014" spans="1:5" x14ac:dyDescent="0.25">
      <c r="A22014" s="1" t="s">
        <v>43213</v>
      </c>
      <c r="B22014" s="1" t="s">
        <v>11358</v>
      </c>
      <c r="C22014" s="1" t="s">
        <v>43214</v>
      </c>
      <c r="D22014" s="2">
        <v>174842</v>
      </c>
      <c r="E22014" s="1" t="s">
        <v>0</v>
      </c>
    </row>
    <row r="22015" spans="1:5" ht="409.5" x14ac:dyDescent="0.25">
      <c r="A22015" s="4" t="s">
        <v>43215</v>
      </c>
      <c r="B22015" s="1" t="s">
        <v>11359</v>
      </c>
      <c r="C22015" s="1" t="s">
        <v>43216</v>
      </c>
      <c r="D22015" s="2">
        <v>174843</v>
      </c>
      <c r="E22015" s="1" t="s">
        <v>0</v>
      </c>
    </row>
    <row r="22016" spans="1:5" x14ac:dyDescent="0.25">
      <c r="A22016" s="1" t="s">
        <v>43217</v>
      </c>
      <c r="B22016" s="1" t="s">
        <v>11360</v>
      </c>
      <c r="C22016" s="1" t="s">
        <v>43218</v>
      </c>
      <c r="D22016" s="2">
        <v>174844</v>
      </c>
      <c r="E22016" s="1" t="s">
        <v>0</v>
      </c>
    </row>
    <row r="22017" spans="1:5" x14ac:dyDescent="0.25">
      <c r="A22017" s="2">
        <v>4403</v>
      </c>
      <c r="B22017" s="2">
        <v>4403</v>
      </c>
      <c r="C22017" s="1" t="s">
        <v>0</v>
      </c>
      <c r="D22017" s="2">
        <v>174845</v>
      </c>
      <c r="E22017" s="1" t="s">
        <v>0</v>
      </c>
    </row>
    <row r="22018" spans="1:5" x14ac:dyDescent="0.25">
      <c r="A22018" s="1" t="s">
        <v>3996</v>
      </c>
      <c r="B22018" s="1" t="s">
        <v>11361</v>
      </c>
      <c r="C22018" s="1" t="s">
        <v>43219</v>
      </c>
      <c r="D22018" s="2">
        <v>174846</v>
      </c>
      <c r="E22018" s="1" t="s">
        <v>0</v>
      </c>
    </row>
    <row r="22019" spans="1:5" x14ac:dyDescent="0.25">
      <c r="A22019" s="1" t="s">
        <v>43220</v>
      </c>
      <c r="B22019" s="1" t="s">
        <v>11362</v>
      </c>
      <c r="C22019" s="1" t="s">
        <v>43221</v>
      </c>
      <c r="D22019" s="2">
        <v>174847</v>
      </c>
      <c r="E22019" s="1" t="s">
        <v>0</v>
      </c>
    </row>
    <row r="22020" spans="1:5" ht="409.5" x14ac:dyDescent="0.25">
      <c r="A22020" s="4" t="s">
        <v>43222</v>
      </c>
      <c r="B22020" s="1" t="s">
        <v>11363</v>
      </c>
      <c r="C22020" s="1" t="s">
        <v>43223</v>
      </c>
      <c r="D22020" s="2">
        <v>174848</v>
      </c>
      <c r="E22020" s="1" t="s">
        <v>0</v>
      </c>
    </row>
    <row r="22021" spans="1:5" x14ac:dyDescent="0.25">
      <c r="A22021" s="1" t="s">
        <v>43224</v>
      </c>
      <c r="B22021" s="1" t="s">
        <v>55859</v>
      </c>
      <c r="C22021" s="1" t="s">
        <v>43225</v>
      </c>
      <c r="D22021" s="2">
        <v>174849</v>
      </c>
      <c r="E22021" s="1" t="s">
        <v>0</v>
      </c>
    </row>
    <row r="22022" spans="1:5" x14ac:dyDescent="0.25">
      <c r="A22022" s="2">
        <v>4404</v>
      </c>
      <c r="B22022" s="2">
        <v>4404</v>
      </c>
      <c r="C22022" s="1" t="s">
        <v>0</v>
      </c>
      <c r="D22022" s="2">
        <v>174850</v>
      </c>
      <c r="E22022" s="1" t="s">
        <v>0</v>
      </c>
    </row>
    <row r="22023" spans="1:5" x14ac:dyDescent="0.25">
      <c r="A22023" s="1" t="s">
        <v>3997</v>
      </c>
      <c r="B22023" s="1" t="s">
        <v>11364</v>
      </c>
      <c r="C22023" s="1" t="s">
        <v>43226</v>
      </c>
      <c r="D22023" s="2">
        <v>174851</v>
      </c>
      <c r="E22023" s="1" t="s">
        <v>0</v>
      </c>
    </row>
    <row r="22024" spans="1:5" x14ac:dyDescent="0.25">
      <c r="A22024" s="1" t="s">
        <v>43227</v>
      </c>
      <c r="B22024" s="1" t="s">
        <v>11365</v>
      </c>
      <c r="C22024" s="1" t="s">
        <v>43228</v>
      </c>
      <c r="D22024" s="2">
        <v>174852</v>
      </c>
      <c r="E22024" s="1" t="s">
        <v>0</v>
      </c>
    </row>
    <row r="22025" spans="1:5" ht="409.5" x14ac:dyDescent="0.25">
      <c r="A22025" s="4" t="s">
        <v>43229</v>
      </c>
      <c r="B22025" s="1" t="s">
        <v>57626</v>
      </c>
      <c r="C22025" s="1" t="s">
        <v>43230</v>
      </c>
      <c r="D22025" s="2">
        <v>174853</v>
      </c>
      <c r="E22025" s="1" t="s">
        <v>0</v>
      </c>
    </row>
    <row r="22026" spans="1:5" x14ac:dyDescent="0.25">
      <c r="A22026" s="1" t="s">
        <v>43231</v>
      </c>
      <c r="B22026" s="1" t="s">
        <v>55860</v>
      </c>
      <c r="C22026" s="1" t="s">
        <v>43232</v>
      </c>
      <c r="D22026" s="2">
        <v>174854</v>
      </c>
      <c r="E22026" s="1" t="s">
        <v>0</v>
      </c>
    </row>
    <row r="22027" spans="1:5" x14ac:dyDescent="0.25">
      <c r="A22027" s="2">
        <v>4405</v>
      </c>
      <c r="B22027" s="2">
        <v>4405</v>
      </c>
      <c r="C22027" s="1" t="s">
        <v>0</v>
      </c>
      <c r="D22027" s="2">
        <v>174855</v>
      </c>
      <c r="E22027" s="1" t="s">
        <v>0</v>
      </c>
    </row>
    <row r="22028" spans="1:5" x14ac:dyDescent="0.25">
      <c r="A22028" s="1" t="s">
        <v>3998</v>
      </c>
      <c r="B22028" s="1" t="s">
        <v>11366</v>
      </c>
      <c r="C22028" s="1" t="s">
        <v>43233</v>
      </c>
      <c r="D22028" s="2">
        <v>174856</v>
      </c>
      <c r="E22028" s="1" t="s">
        <v>0</v>
      </c>
    </row>
    <row r="22029" spans="1:5" x14ac:dyDescent="0.25">
      <c r="A22029" s="1" t="s">
        <v>43234</v>
      </c>
      <c r="B22029" s="1" t="s">
        <v>62920</v>
      </c>
      <c r="C22029" s="1" t="s">
        <v>43235</v>
      </c>
      <c r="D22029" s="2">
        <v>174857</v>
      </c>
      <c r="E22029" s="1" t="s">
        <v>0</v>
      </c>
    </row>
    <row r="22030" spans="1:5" ht="409.5" x14ac:dyDescent="0.25">
      <c r="A22030" s="4" t="s">
        <v>61877</v>
      </c>
      <c r="B22030" s="1" t="s">
        <v>62921</v>
      </c>
      <c r="C22030" s="1" t="s">
        <v>43236</v>
      </c>
      <c r="D22030" s="2">
        <v>174858</v>
      </c>
      <c r="E22030" s="1" t="s">
        <v>0</v>
      </c>
    </row>
    <row r="22031" spans="1:5" x14ac:dyDescent="0.25">
      <c r="A22031" s="1" t="s">
        <v>43237</v>
      </c>
      <c r="B22031" s="1" t="s">
        <v>11367</v>
      </c>
      <c r="C22031" s="1" t="s">
        <v>43238</v>
      </c>
      <c r="D22031" s="2">
        <v>174859</v>
      </c>
      <c r="E22031" s="1" t="s">
        <v>0</v>
      </c>
    </row>
    <row r="22032" spans="1:5" x14ac:dyDescent="0.25">
      <c r="A22032" s="2">
        <v>4406</v>
      </c>
      <c r="B22032" s="2">
        <v>4406</v>
      </c>
      <c r="C22032" s="1" t="s">
        <v>0</v>
      </c>
      <c r="D22032" s="2">
        <v>174860</v>
      </c>
      <c r="E22032" s="1" t="s">
        <v>0</v>
      </c>
    </row>
    <row r="22033" spans="1:5" x14ac:dyDescent="0.25">
      <c r="A22033" s="1" t="s">
        <v>11368</v>
      </c>
      <c r="B22033" s="1" t="s">
        <v>55861</v>
      </c>
      <c r="C22033" s="1" t="s">
        <v>43239</v>
      </c>
      <c r="D22033" s="2">
        <v>174861</v>
      </c>
      <c r="E22033" s="1" t="s">
        <v>0</v>
      </c>
    </row>
    <row r="22034" spans="1:5" x14ac:dyDescent="0.25">
      <c r="A22034" s="1" t="s">
        <v>43240</v>
      </c>
      <c r="B22034" s="1" t="s">
        <v>60262</v>
      </c>
      <c r="C22034" s="1" t="s">
        <v>43241</v>
      </c>
      <c r="D22034" s="2">
        <v>174862</v>
      </c>
      <c r="E22034" s="1" t="s">
        <v>0</v>
      </c>
    </row>
    <row r="22035" spans="1:5" ht="409.5" x14ac:dyDescent="0.25">
      <c r="A22035" s="4" t="s">
        <v>43242</v>
      </c>
      <c r="B22035" s="1" t="s">
        <v>60263</v>
      </c>
      <c r="C22035" s="1" t="s">
        <v>43243</v>
      </c>
      <c r="D22035" s="2">
        <v>174863</v>
      </c>
      <c r="E22035" s="1" t="s">
        <v>0</v>
      </c>
    </row>
    <row r="22036" spans="1:5" x14ac:dyDescent="0.25">
      <c r="A22036" s="1" t="s">
        <v>43244</v>
      </c>
      <c r="B22036" s="1" t="s">
        <v>11369</v>
      </c>
      <c r="C22036" s="1" t="s">
        <v>43245</v>
      </c>
      <c r="D22036" s="2">
        <v>174864</v>
      </c>
      <c r="E22036" s="1" t="s">
        <v>0</v>
      </c>
    </row>
    <row r="22037" spans="1:5" x14ac:dyDescent="0.25">
      <c r="A22037" s="2">
        <v>4407</v>
      </c>
      <c r="B22037" s="2">
        <v>4407</v>
      </c>
      <c r="C22037" s="1" t="s">
        <v>0</v>
      </c>
      <c r="D22037" s="2">
        <v>174865</v>
      </c>
      <c r="E22037" s="1" t="s">
        <v>0</v>
      </c>
    </row>
    <row r="22038" spans="1:5" x14ac:dyDescent="0.25">
      <c r="A22038" s="1" t="s">
        <v>3999</v>
      </c>
      <c r="B22038" s="1" t="s">
        <v>11370</v>
      </c>
      <c r="C22038" s="1" t="s">
        <v>43246</v>
      </c>
      <c r="D22038" s="2">
        <v>174866</v>
      </c>
      <c r="E22038" s="1" t="s">
        <v>0</v>
      </c>
    </row>
    <row r="22039" spans="1:5" x14ac:dyDescent="0.25">
      <c r="A22039" s="1" t="s">
        <v>43247</v>
      </c>
      <c r="B22039" s="1" t="s">
        <v>51011</v>
      </c>
      <c r="C22039" s="1" t="s">
        <v>43248</v>
      </c>
      <c r="D22039" s="2">
        <v>174867</v>
      </c>
      <c r="E22039" s="1" t="s">
        <v>0</v>
      </c>
    </row>
    <row r="22040" spans="1:5" ht="409.5" x14ac:dyDescent="0.25">
      <c r="A22040" s="4" t="s">
        <v>43249</v>
      </c>
      <c r="B22040" s="1" t="s">
        <v>58564</v>
      </c>
      <c r="C22040" s="1" t="s">
        <v>43250</v>
      </c>
      <c r="D22040" s="2">
        <v>174868</v>
      </c>
      <c r="E22040" s="1" t="s">
        <v>0</v>
      </c>
    </row>
    <row r="22041" spans="1:5" x14ac:dyDescent="0.25">
      <c r="A22041" s="1" t="s">
        <v>43251</v>
      </c>
      <c r="B22041" s="1" t="s">
        <v>11371</v>
      </c>
      <c r="C22041" s="1" t="s">
        <v>43252</v>
      </c>
      <c r="D22041" s="2">
        <v>174869</v>
      </c>
      <c r="E22041" s="1" t="s">
        <v>0</v>
      </c>
    </row>
    <row r="22042" spans="1:5" x14ac:dyDescent="0.25">
      <c r="A22042" s="2">
        <v>4408</v>
      </c>
      <c r="B22042" s="2">
        <v>4408</v>
      </c>
      <c r="C22042" s="1" t="s">
        <v>0</v>
      </c>
      <c r="D22042" s="2">
        <v>174870</v>
      </c>
      <c r="E22042" s="1" t="s">
        <v>0</v>
      </c>
    </row>
    <row r="22043" spans="1:5" x14ac:dyDescent="0.25">
      <c r="A22043" s="1" t="s">
        <v>4000</v>
      </c>
      <c r="B22043" s="1" t="s">
        <v>11372</v>
      </c>
      <c r="C22043" s="1" t="s">
        <v>43253</v>
      </c>
      <c r="D22043" s="2">
        <v>174871</v>
      </c>
      <c r="E22043" s="1" t="s">
        <v>0</v>
      </c>
    </row>
    <row r="22044" spans="1:5" x14ac:dyDescent="0.25">
      <c r="A22044" s="1" t="s">
        <v>43254</v>
      </c>
      <c r="B22044" s="1" t="s">
        <v>11373</v>
      </c>
      <c r="C22044" s="1" t="s">
        <v>43255</v>
      </c>
      <c r="D22044" s="2">
        <v>174872</v>
      </c>
      <c r="E22044" s="1" t="s">
        <v>0</v>
      </c>
    </row>
    <row r="22045" spans="1:5" ht="409.5" x14ac:dyDescent="0.25">
      <c r="A22045" s="4" t="s">
        <v>43256</v>
      </c>
      <c r="B22045" s="1" t="s">
        <v>51012</v>
      </c>
      <c r="C22045" s="1" t="s">
        <v>43257</v>
      </c>
      <c r="D22045" s="2">
        <v>174873</v>
      </c>
      <c r="E22045" s="1" t="s">
        <v>0</v>
      </c>
    </row>
    <row r="22046" spans="1:5" x14ac:dyDescent="0.25">
      <c r="A22046" s="1" t="s">
        <v>43258</v>
      </c>
      <c r="B22046" s="1" t="s">
        <v>55862</v>
      </c>
      <c r="C22046" s="1" t="s">
        <v>43259</v>
      </c>
      <c r="D22046" s="2">
        <v>174874</v>
      </c>
      <c r="E22046" s="1" t="s">
        <v>0</v>
      </c>
    </row>
    <row r="22047" spans="1:5" x14ac:dyDescent="0.25">
      <c r="A22047" s="2">
        <v>4409</v>
      </c>
      <c r="B22047" s="2">
        <v>4409</v>
      </c>
      <c r="C22047" s="1" t="s">
        <v>0</v>
      </c>
      <c r="D22047" s="2">
        <v>174875</v>
      </c>
      <c r="E22047" s="1" t="s">
        <v>0</v>
      </c>
    </row>
    <row r="22048" spans="1:5" x14ac:dyDescent="0.25">
      <c r="A22048" s="1" t="s">
        <v>4001</v>
      </c>
      <c r="B22048" s="1" t="s">
        <v>11374</v>
      </c>
      <c r="C22048" s="1" t="s">
        <v>43260</v>
      </c>
      <c r="D22048" s="2">
        <v>174876</v>
      </c>
      <c r="E22048" s="1" t="s">
        <v>0</v>
      </c>
    </row>
    <row r="22049" spans="1:5" x14ac:dyDescent="0.25">
      <c r="A22049" s="1" t="s">
        <v>43261</v>
      </c>
      <c r="B22049" s="1" t="s">
        <v>63903</v>
      </c>
      <c r="C22049" s="1" t="s">
        <v>43262</v>
      </c>
      <c r="D22049" s="2">
        <v>174877</v>
      </c>
      <c r="E22049" s="1" t="s">
        <v>0</v>
      </c>
    </row>
    <row r="22050" spans="1:5" ht="409.5" x14ac:dyDescent="0.25">
      <c r="A22050" s="4" t="s">
        <v>43263</v>
      </c>
      <c r="B22050" s="1" t="s">
        <v>63904</v>
      </c>
      <c r="C22050" s="1" t="s">
        <v>43264</v>
      </c>
      <c r="D22050" s="2">
        <v>174878</v>
      </c>
      <c r="E22050" s="1" t="s">
        <v>0</v>
      </c>
    </row>
    <row r="22051" spans="1:5" x14ac:dyDescent="0.25">
      <c r="A22051" s="1" t="s">
        <v>43265</v>
      </c>
      <c r="B22051" s="1" t="s">
        <v>55863</v>
      </c>
      <c r="C22051" s="1" t="s">
        <v>43266</v>
      </c>
      <c r="D22051" s="2">
        <v>174879</v>
      </c>
      <c r="E22051" s="1" t="s">
        <v>0</v>
      </c>
    </row>
    <row r="22052" spans="1:5" x14ac:dyDescent="0.25">
      <c r="A22052" s="2">
        <v>4410</v>
      </c>
      <c r="B22052" s="2">
        <v>4410</v>
      </c>
      <c r="C22052" s="1" t="s">
        <v>0</v>
      </c>
      <c r="D22052" s="2">
        <v>174880</v>
      </c>
      <c r="E22052" s="1" t="s">
        <v>0</v>
      </c>
    </row>
    <row r="22053" spans="1:5" x14ac:dyDescent="0.25">
      <c r="A22053" s="1" t="s">
        <v>4002</v>
      </c>
      <c r="B22053" s="1" t="s">
        <v>11375</v>
      </c>
      <c r="C22053" s="1" t="s">
        <v>43267</v>
      </c>
      <c r="D22053" s="2">
        <v>174881</v>
      </c>
      <c r="E22053" s="1" t="s">
        <v>0</v>
      </c>
    </row>
    <row r="22054" spans="1:5" x14ac:dyDescent="0.25">
      <c r="A22054" s="1" t="s">
        <v>43268</v>
      </c>
      <c r="B22054" s="1" t="s">
        <v>61348</v>
      </c>
      <c r="C22054" s="1" t="s">
        <v>43269</v>
      </c>
      <c r="D22054" s="2">
        <v>174882</v>
      </c>
      <c r="E22054" s="1" t="s">
        <v>0</v>
      </c>
    </row>
    <row r="22055" spans="1:5" ht="409.5" x14ac:dyDescent="0.25">
      <c r="A22055" s="4" t="s">
        <v>43270</v>
      </c>
      <c r="B22055" s="1" t="s">
        <v>61349</v>
      </c>
      <c r="C22055" s="1" t="s">
        <v>43271</v>
      </c>
      <c r="D22055" s="2">
        <v>174883</v>
      </c>
      <c r="E22055" s="1" t="s">
        <v>0</v>
      </c>
    </row>
    <row r="22056" spans="1:5" x14ac:dyDescent="0.25">
      <c r="A22056" s="1" t="s">
        <v>43272</v>
      </c>
      <c r="B22056" s="1" t="s">
        <v>51013</v>
      </c>
      <c r="C22056" s="1" t="s">
        <v>43273</v>
      </c>
      <c r="D22056" s="2">
        <v>174884</v>
      </c>
      <c r="E22056" s="1" t="s">
        <v>0</v>
      </c>
    </row>
    <row r="22057" spans="1:5" x14ac:dyDescent="0.25">
      <c r="A22057" s="2">
        <v>4411</v>
      </c>
      <c r="B22057" s="2">
        <v>4411</v>
      </c>
      <c r="C22057" s="1" t="s">
        <v>0</v>
      </c>
      <c r="D22057" s="2">
        <v>174885</v>
      </c>
      <c r="E22057" s="1" t="s">
        <v>0</v>
      </c>
    </row>
    <row r="22058" spans="1:5" x14ac:dyDescent="0.25">
      <c r="A22058" s="1" t="s">
        <v>4003</v>
      </c>
      <c r="B22058" s="1" t="s">
        <v>57627</v>
      </c>
      <c r="C22058" s="1" t="s">
        <v>43274</v>
      </c>
      <c r="D22058" s="2">
        <v>174886</v>
      </c>
      <c r="E22058" s="1" t="s">
        <v>0</v>
      </c>
    </row>
    <row r="22059" spans="1:5" x14ac:dyDescent="0.25">
      <c r="A22059" s="1" t="s">
        <v>43275</v>
      </c>
      <c r="B22059" s="1" t="s">
        <v>55864</v>
      </c>
      <c r="C22059" s="1" t="s">
        <v>43276</v>
      </c>
      <c r="D22059" s="2">
        <v>174887</v>
      </c>
      <c r="E22059" s="1" t="s">
        <v>0</v>
      </c>
    </row>
    <row r="22060" spans="1:5" ht="409.5" x14ac:dyDescent="0.25">
      <c r="A22060" s="4" t="s">
        <v>43277</v>
      </c>
      <c r="B22060" s="1" t="s">
        <v>57994</v>
      </c>
      <c r="C22060" s="1" t="s">
        <v>43278</v>
      </c>
      <c r="D22060" s="2">
        <v>174888</v>
      </c>
      <c r="E22060" s="1" t="s">
        <v>0</v>
      </c>
    </row>
    <row r="22061" spans="1:5" x14ac:dyDescent="0.25">
      <c r="A22061" s="1" t="s">
        <v>43279</v>
      </c>
      <c r="B22061" s="1" t="s">
        <v>57628</v>
      </c>
      <c r="C22061" s="1" t="s">
        <v>43280</v>
      </c>
      <c r="D22061" s="2">
        <v>174889</v>
      </c>
      <c r="E22061" s="1" t="s">
        <v>0</v>
      </c>
    </row>
    <row r="22062" spans="1:5" x14ac:dyDescent="0.25">
      <c r="A22062" s="2">
        <v>4412</v>
      </c>
      <c r="B22062" s="2">
        <v>4412</v>
      </c>
      <c r="C22062" s="1" t="s">
        <v>0</v>
      </c>
      <c r="D22062" s="2">
        <v>174890</v>
      </c>
      <c r="E22062" s="1" t="s">
        <v>0</v>
      </c>
    </row>
    <row r="22063" spans="1:5" x14ac:dyDescent="0.25">
      <c r="A22063" s="1" t="s">
        <v>4004</v>
      </c>
      <c r="B22063" s="1" t="s">
        <v>60521</v>
      </c>
      <c r="C22063" s="1" t="s">
        <v>43281</v>
      </c>
      <c r="D22063" s="2">
        <v>174891</v>
      </c>
      <c r="E22063" s="1" t="s">
        <v>0</v>
      </c>
    </row>
    <row r="22064" spans="1:5" x14ac:dyDescent="0.25">
      <c r="A22064" s="1" t="s">
        <v>61878</v>
      </c>
      <c r="B22064" s="1" t="s">
        <v>62922</v>
      </c>
      <c r="C22064" s="1" t="s">
        <v>43282</v>
      </c>
      <c r="D22064" s="2">
        <v>174892</v>
      </c>
      <c r="E22064" s="1" t="s">
        <v>0</v>
      </c>
    </row>
    <row r="22065" spans="1:5" ht="409.5" x14ac:dyDescent="0.25">
      <c r="A22065" s="4" t="s">
        <v>61879</v>
      </c>
      <c r="B22065" s="1" t="s">
        <v>62923</v>
      </c>
      <c r="C22065" s="1" t="s">
        <v>43283</v>
      </c>
      <c r="D22065" s="2">
        <v>174893</v>
      </c>
      <c r="E22065" s="1" t="s">
        <v>0</v>
      </c>
    </row>
    <row r="22066" spans="1:5" x14ac:dyDescent="0.25">
      <c r="A22066" s="1" t="s">
        <v>26657</v>
      </c>
      <c r="B22066" s="1" t="s">
        <v>57199</v>
      </c>
      <c r="C22066" s="1" t="s">
        <v>26658</v>
      </c>
      <c r="D22066" s="2">
        <v>174894</v>
      </c>
      <c r="E22066" s="1" t="s">
        <v>0</v>
      </c>
    </row>
    <row r="22067" spans="1:5" x14ac:dyDescent="0.25">
      <c r="A22067" s="2">
        <v>4413</v>
      </c>
      <c r="B22067" s="2">
        <v>4413</v>
      </c>
      <c r="C22067" s="1" t="s">
        <v>0</v>
      </c>
      <c r="D22067" s="2">
        <v>174895</v>
      </c>
      <c r="E22067" s="1" t="s">
        <v>0</v>
      </c>
    </row>
    <row r="22068" spans="1:5" x14ac:dyDescent="0.25">
      <c r="A22068" s="1" t="s">
        <v>4005</v>
      </c>
      <c r="B22068" s="1" t="s">
        <v>11376</v>
      </c>
      <c r="C22068" s="1" t="s">
        <v>43284</v>
      </c>
      <c r="D22068" s="2">
        <v>174896</v>
      </c>
      <c r="E22068" s="1" t="s">
        <v>0</v>
      </c>
    </row>
    <row r="22069" spans="1:5" x14ac:dyDescent="0.25">
      <c r="A22069" s="1" t="s">
        <v>43285</v>
      </c>
      <c r="B22069" s="1" t="s">
        <v>11377</v>
      </c>
      <c r="C22069" s="1" t="s">
        <v>43286</v>
      </c>
      <c r="D22069" s="2">
        <v>174897</v>
      </c>
      <c r="E22069" s="1" t="s">
        <v>0</v>
      </c>
    </row>
    <row r="22070" spans="1:5" ht="409.5" x14ac:dyDescent="0.25">
      <c r="A22070" s="4" t="s">
        <v>43287</v>
      </c>
      <c r="B22070" s="1" t="s">
        <v>13280</v>
      </c>
      <c r="C22070" s="1" t="s">
        <v>43288</v>
      </c>
      <c r="D22070" s="2">
        <v>174898</v>
      </c>
      <c r="E22070" s="1" t="s">
        <v>0</v>
      </c>
    </row>
    <row r="22071" spans="1:5" x14ac:dyDescent="0.25">
      <c r="A22071" s="1" t="s">
        <v>43289</v>
      </c>
      <c r="B22071" s="1" t="s">
        <v>11378</v>
      </c>
      <c r="C22071" s="1" t="s">
        <v>43290</v>
      </c>
      <c r="D22071" s="2">
        <v>174899</v>
      </c>
      <c r="E22071" s="1" t="s">
        <v>0</v>
      </c>
    </row>
    <row r="22072" spans="1:5" x14ac:dyDescent="0.25">
      <c r="A22072" s="2">
        <v>4414</v>
      </c>
      <c r="B22072" s="2">
        <v>4414</v>
      </c>
      <c r="C22072" s="1" t="s">
        <v>0</v>
      </c>
      <c r="D22072" s="2">
        <v>174900</v>
      </c>
      <c r="E22072" s="1" t="s">
        <v>0</v>
      </c>
    </row>
    <row r="22073" spans="1:5" x14ac:dyDescent="0.25">
      <c r="A22073" s="1" t="s">
        <v>4006</v>
      </c>
      <c r="B22073" s="1" t="s">
        <v>11379</v>
      </c>
      <c r="C22073" s="1" t="s">
        <v>43291</v>
      </c>
      <c r="D22073" s="2">
        <v>174901</v>
      </c>
      <c r="E22073" s="1" t="s">
        <v>0</v>
      </c>
    </row>
    <row r="22074" spans="1:5" x14ac:dyDescent="0.25">
      <c r="A22074" s="1" t="s">
        <v>43292</v>
      </c>
      <c r="B22074" s="1" t="s">
        <v>11380</v>
      </c>
      <c r="C22074" s="1" t="s">
        <v>43293</v>
      </c>
      <c r="D22074" s="2">
        <v>174902</v>
      </c>
      <c r="E22074" s="1" t="s">
        <v>0</v>
      </c>
    </row>
    <row r="22075" spans="1:5" ht="409.5" x14ac:dyDescent="0.25">
      <c r="A22075" s="4" t="s">
        <v>43294</v>
      </c>
      <c r="B22075" s="1" t="s">
        <v>55865</v>
      </c>
      <c r="C22075" s="1" t="s">
        <v>43295</v>
      </c>
      <c r="D22075" s="2">
        <v>174903</v>
      </c>
      <c r="E22075" s="1" t="s">
        <v>0</v>
      </c>
    </row>
    <row r="22076" spans="1:5" x14ac:dyDescent="0.25">
      <c r="A22076" s="1" t="s">
        <v>43296</v>
      </c>
      <c r="B22076" s="1" t="s">
        <v>11381</v>
      </c>
      <c r="C22076" s="1" t="s">
        <v>43297</v>
      </c>
      <c r="D22076" s="2">
        <v>174904</v>
      </c>
      <c r="E22076" s="1" t="s">
        <v>0</v>
      </c>
    </row>
    <row r="22077" spans="1:5" x14ac:dyDescent="0.25">
      <c r="A22077" s="2">
        <v>4415</v>
      </c>
      <c r="B22077" s="2">
        <v>4415</v>
      </c>
      <c r="C22077" s="1" t="s">
        <v>0</v>
      </c>
      <c r="D22077" s="2">
        <v>174905</v>
      </c>
      <c r="E22077" s="1" t="s">
        <v>0</v>
      </c>
    </row>
    <row r="22078" spans="1:5" x14ac:dyDescent="0.25">
      <c r="A22078" s="1" t="s">
        <v>4007</v>
      </c>
      <c r="B22078" s="1" t="s">
        <v>11382</v>
      </c>
      <c r="C22078" s="1" t="s">
        <v>43298</v>
      </c>
      <c r="D22078" s="2">
        <v>174906</v>
      </c>
      <c r="E22078" s="1" t="s">
        <v>0</v>
      </c>
    </row>
    <row r="22079" spans="1:5" x14ac:dyDescent="0.25">
      <c r="A22079" s="1" t="s">
        <v>43299</v>
      </c>
      <c r="B22079" s="1" t="s">
        <v>55866</v>
      </c>
      <c r="C22079" s="1" t="s">
        <v>43300</v>
      </c>
      <c r="D22079" s="2">
        <v>174907</v>
      </c>
      <c r="E22079" s="1" t="s">
        <v>0</v>
      </c>
    </row>
    <row r="22080" spans="1:5" ht="409.5" x14ac:dyDescent="0.25">
      <c r="A22080" s="4" t="s">
        <v>43301</v>
      </c>
      <c r="B22080" s="1" t="s">
        <v>57995</v>
      </c>
      <c r="C22080" s="1" t="s">
        <v>43302</v>
      </c>
      <c r="D22080" s="2">
        <v>174908</v>
      </c>
      <c r="E22080" s="1" t="s">
        <v>0</v>
      </c>
    </row>
    <row r="22081" spans="1:5" x14ac:dyDescent="0.25">
      <c r="A22081" s="1" t="s">
        <v>43303</v>
      </c>
      <c r="B22081" s="1" t="s">
        <v>55867</v>
      </c>
      <c r="C22081" s="1" t="s">
        <v>43304</v>
      </c>
      <c r="D22081" s="2">
        <v>174909</v>
      </c>
      <c r="E22081" s="1" t="s">
        <v>0</v>
      </c>
    </row>
    <row r="22082" spans="1:5" x14ac:dyDescent="0.25">
      <c r="A22082" s="2">
        <v>4416</v>
      </c>
      <c r="B22082" s="2">
        <v>4416</v>
      </c>
      <c r="C22082" s="1" t="s">
        <v>0</v>
      </c>
      <c r="D22082" s="2">
        <v>174910</v>
      </c>
      <c r="E22082" s="1" t="s">
        <v>0</v>
      </c>
    </row>
    <row r="22083" spans="1:5" x14ac:dyDescent="0.25">
      <c r="A22083" s="1" t="s">
        <v>4008</v>
      </c>
      <c r="B22083" s="1" t="s">
        <v>11383</v>
      </c>
      <c r="C22083" s="1" t="s">
        <v>43305</v>
      </c>
      <c r="D22083" s="2">
        <v>174911</v>
      </c>
      <c r="E22083" s="1" t="s">
        <v>0</v>
      </c>
    </row>
    <row r="22084" spans="1:5" x14ac:dyDescent="0.25">
      <c r="A22084" s="1" t="s">
        <v>43306</v>
      </c>
      <c r="B22084" s="1" t="s">
        <v>11384</v>
      </c>
      <c r="C22084" s="1" t="s">
        <v>43307</v>
      </c>
      <c r="D22084" s="2">
        <v>174912</v>
      </c>
      <c r="E22084" s="1" t="s">
        <v>0</v>
      </c>
    </row>
    <row r="22085" spans="1:5" ht="409.5" x14ac:dyDescent="0.25">
      <c r="A22085" s="4" t="s">
        <v>43308</v>
      </c>
      <c r="B22085" s="1" t="s">
        <v>55868</v>
      </c>
      <c r="C22085" s="1" t="s">
        <v>43309</v>
      </c>
      <c r="D22085" s="2">
        <v>174913</v>
      </c>
      <c r="E22085" s="1" t="s">
        <v>0</v>
      </c>
    </row>
    <row r="22086" spans="1:5" x14ac:dyDescent="0.25">
      <c r="A22086" s="1" t="s">
        <v>43310</v>
      </c>
      <c r="B22086" s="1" t="s">
        <v>11385</v>
      </c>
      <c r="C22086" s="1" t="s">
        <v>43311</v>
      </c>
      <c r="D22086" s="2">
        <v>174914</v>
      </c>
      <c r="E22086" s="1" t="s">
        <v>0</v>
      </c>
    </row>
    <row r="22087" spans="1:5" x14ac:dyDescent="0.25">
      <c r="A22087" s="2">
        <v>4417</v>
      </c>
      <c r="B22087" s="2">
        <v>4417</v>
      </c>
      <c r="C22087" s="1" t="s">
        <v>0</v>
      </c>
      <c r="D22087" s="2">
        <v>174915</v>
      </c>
      <c r="E22087" s="1" t="s">
        <v>0</v>
      </c>
    </row>
    <row r="22088" spans="1:5" x14ac:dyDescent="0.25">
      <c r="A22088" s="1" t="s">
        <v>4009</v>
      </c>
      <c r="B22088" s="1" t="s">
        <v>11386</v>
      </c>
      <c r="C22088" s="1" t="s">
        <v>43312</v>
      </c>
      <c r="D22088" s="2">
        <v>174916</v>
      </c>
      <c r="E22088" s="1" t="s">
        <v>0</v>
      </c>
    </row>
    <row r="22089" spans="1:5" x14ac:dyDescent="0.25">
      <c r="A22089" s="1" t="s">
        <v>43313</v>
      </c>
      <c r="B22089" s="1" t="s">
        <v>51014</v>
      </c>
      <c r="C22089" s="1" t="s">
        <v>43314</v>
      </c>
      <c r="D22089" s="2">
        <v>174917</v>
      </c>
      <c r="E22089" s="1" t="s">
        <v>0</v>
      </c>
    </row>
    <row r="22090" spans="1:5" ht="409.5" x14ac:dyDescent="0.25">
      <c r="A22090" s="4" t="s">
        <v>43315</v>
      </c>
      <c r="B22090" s="1" t="s">
        <v>51015</v>
      </c>
      <c r="C22090" s="1" t="s">
        <v>43316</v>
      </c>
      <c r="D22090" s="2">
        <v>174918</v>
      </c>
      <c r="E22090" s="1" t="s">
        <v>0</v>
      </c>
    </row>
    <row r="22091" spans="1:5" x14ac:dyDescent="0.25">
      <c r="A22091" s="1" t="s">
        <v>43317</v>
      </c>
      <c r="B22091" s="1" t="s">
        <v>11387</v>
      </c>
      <c r="C22091" s="1" t="s">
        <v>43318</v>
      </c>
      <c r="D22091" s="2">
        <v>174919</v>
      </c>
      <c r="E22091" s="1" t="s">
        <v>0</v>
      </c>
    </row>
    <row r="22092" spans="1:5" x14ac:dyDescent="0.25">
      <c r="A22092" s="2">
        <v>4418</v>
      </c>
      <c r="B22092" s="2">
        <v>4418</v>
      </c>
      <c r="C22092" s="1" t="s">
        <v>0</v>
      </c>
      <c r="D22092" s="2">
        <v>174920</v>
      </c>
      <c r="E22092" s="1" t="s">
        <v>0</v>
      </c>
    </row>
    <row r="22093" spans="1:5" x14ac:dyDescent="0.25">
      <c r="A22093" s="1" t="s">
        <v>4010</v>
      </c>
      <c r="B22093" s="1" t="s">
        <v>11388</v>
      </c>
      <c r="C22093" s="1" t="s">
        <v>43319</v>
      </c>
      <c r="D22093" s="2">
        <v>174921</v>
      </c>
      <c r="E22093" s="1" t="s">
        <v>0</v>
      </c>
    </row>
    <row r="22094" spans="1:5" x14ac:dyDescent="0.25">
      <c r="A22094" s="1" t="s">
        <v>43320</v>
      </c>
      <c r="B22094" s="1" t="s">
        <v>55869</v>
      </c>
      <c r="C22094" s="1" t="s">
        <v>43321</v>
      </c>
      <c r="D22094" s="2">
        <v>174922</v>
      </c>
      <c r="E22094" s="1" t="s">
        <v>0</v>
      </c>
    </row>
    <row r="22095" spans="1:5" ht="409.5" x14ac:dyDescent="0.25">
      <c r="A22095" s="4" t="s">
        <v>64341</v>
      </c>
      <c r="B22095" s="1" t="s">
        <v>55870</v>
      </c>
      <c r="C22095" s="1" t="s">
        <v>43322</v>
      </c>
      <c r="D22095" s="2">
        <v>174923</v>
      </c>
      <c r="E22095" s="1" t="s">
        <v>0</v>
      </c>
    </row>
    <row r="22096" spans="1:5" x14ac:dyDescent="0.25">
      <c r="A22096" s="1" t="s">
        <v>43323</v>
      </c>
      <c r="B22096" s="1" t="s">
        <v>11389</v>
      </c>
      <c r="C22096" s="1" t="s">
        <v>43324</v>
      </c>
      <c r="D22096" s="2">
        <v>174924</v>
      </c>
      <c r="E22096" s="1" t="s">
        <v>0</v>
      </c>
    </row>
    <row r="22097" spans="1:5" x14ac:dyDescent="0.25">
      <c r="A22097" s="2">
        <v>4419</v>
      </c>
      <c r="B22097" s="2">
        <v>4419</v>
      </c>
      <c r="C22097" s="1" t="s">
        <v>0</v>
      </c>
      <c r="D22097" s="2">
        <v>174925</v>
      </c>
      <c r="E22097" s="1" t="s">
        <v>0</v>
      </c>
    </row>
    <row r="22098" spans="1:5" x14ac:dyDescent="0.25">
      <c r="A22098" s="1" t="s">
        <v>4011</v>
      </c>
      <c r="B22098" s="1" t="s">
        <v>11390</v>
      </c>
      <c r="C22098" s="1" t="s">
        <v>43325</v>
      </c>
      <c r="D22098" s="2">
        <v>174926</v>
      </c>
      <c r="E22098" s="1" t="s">
        <v>0</v>
      </c>
    </row>
    <row r="22099" spans="1:5" x14ac:dyDescent="0.25">
      <c r="A22099" s="1" t="s">
        <v>43326</v>
      </c>
      <c r="B22099" s="1" t="s">
        <v>58565</v>
      </c>
      <c r="C22099" s="1" t="s">
        <v>43327</v>
      </c>
      <c r="D22099" s="2">
        <v>174927</v>
      </c>
      <c r="E22099" s="1" t="s">
        <v>0</v>
      </c>
    </row>
    <row r="22100" spans="1:5" ht="409.5" x14ac:dyDescent="0.25">
      <c r="A22100" s="4" t="s">
        <v>43328</v>
      </c>
      <c r="B22100" s="1" t="s">
        <v>60522</v>
      </c>
      <c r="C22100" s="1" t="s">
        <v>43329</v>
      </c>
      <c r="D22100" s="2">
        <v>174928</v>
      </c>
      <c r="E22100" s="1" t="s">
        <v>0</v>
      </c>
    </row>
    <row r="22101" spans="1:5" x14ac:dyDescent="0.25">
      <c r="A22101" s="1" t="s">
        <v>43330</v>
      </c>
      <c r="B22101" s="1" t="s">
        <v>55871</v>
      </c>
      <c r="C22101" s="1" t="s">
        <v>43331</v>
      </c>
      <c r="D22101" s="2">
        <v>174929</v>
      </c>
      <c r="E22101" s="1" t="s">
        <v>0</v>
      </c>
    </row>
    <row r="22102" spans="1:5" x14ac:dyDescent="0.25">
      <c r="A22102" s="2">
        <v>4420</v>
      </c>
      <c r="B22102" s="2">
        <v>4420</v>
      </c>
      <c r="C22102" s="1" t="s">
        <v>0</v>
      </c>
      <c r="D22102" s="2">
        <v>174930</v>
      </c>
      <c r="E22102" s="1" t="s">
        <v>0</v>
      </c>
    </row>
    <row r="22103" spans="1:5" x14ac:dyDescent="0.25">
      <c r="A22103" s="1" t="s">
        <v>4012</v>
      </c>
      <c r="B22103" s="1" t="s">
        <v>11391</v>
      </c>
      <c r="C22103" s="1" t="s">
        <v>43332</v>
      </c>
      <c r="D22103" s="2">
        <v>174931</v>
      </c>
      <c r="E22103" s="1" t="s">
        <v>0</v>
      </c>
    </row>
    <row r="22104" spans="1:5" x14ac:dyDescent="0.25">
      <c r="A22104" s="1" t="s">
        <v>43333</v>
      </c>
      <c r="B22104" s="1" t="s">
        <v>55872</v>
      </c>
      <c r="C22104" s="1" t="s">
        <v>43334</v>
      </c>
      <c r="D22104" s="2">
        <v>174932</v>
      </c>
      <c r="E22104" s="1" t="s">
        <v>0</v>
      </c>
    </row>
    <row r="22105" spans="1:5" ht="409.5" x14ac:dyDescent="0.25">
      <c r="A22105" s="4" t="s">
        <v>43335</v>
      </c>
      <c r="B22105" s="1" t="s">
        <v>60466</v>
      </c>
      <c r="C22105" s="1" t="s">
        <v>43336</v>
      </c>
      <c r="D22105" s="2">
        <v>174933</v>
      </c>
      <c r="E22105" s="1" t="s">
        <v>0</v>
      </c>
    </row>
    <row r="22106" spans="1:5" x14ac:dyDescent="0.25">
      <c r="A22106" s="1" t="s">
        <v>21207</v>
      </c>
      <c r="B22106" s="1" t="s">
        <v>60987</v>
      </c>
      <c r="C22106" s="1" t="s">
        <v>21208</v>
      </c>
      <c r="D22106" s="2">
        <v>174934</v>
      </c>
      <c r="E22106" s="1" t="s">
        <v>0</v>
      </c>
    </row>
    <row r="22107" spans="1:5" x14ac:dyDescent="0.25">
      <c r="A22107" s="2">
        <v>4421</v>
      </c>
      <c r="B22107" s="2">
        <v>4421</v>
      </c>
      <c r="C22107" s="1" t="s">
        <v>0</v>
      </c>
      <c r="D22107" s="2">
        <v>174935</v>
      </c>
      <c r="E22107" s="1" t="s">
        <v>0</v>
      </c>
    </row>
    <row r="22108" spans="1:5" x14ac:dyDescent="0.25">
      <c r="A22108" s="1" t="s">
        <v>4013</v>
      </c>
      <c r="B22108" s="1" t="s">
        <v>11392</v>
      </c>
      <c r="C22108" s="1" t="s">
        <v>43337</v>
      </c>
      <c r="D22108" s="2">
        <v>174936</v>
      </c>
      <c r="E22108" s="1" t="s">
        <v>0</v>
      </c>
    </row>
    <row r="22109" spans="1:5" x14ac:dyDescent="0.25">
      <c r="A22109" s="1" t="s">
        <v>64342</v>
      </c>
      <c r="B22109" s="1" t="s">
        <v>11393</v>
      </c>
      <c r="C22109" s="1" t="s">
        <v>43338</v>
      </c>
      <c r="D22109" s="2">
        <v>174937</v>
      </c>
      <c r="E22109" s="1" t="s">
        <v>0</v>
      </c>
    </row>
    <row r="22110" spans="1:5" ht="409.5" x14ac:dyDescent="0.25">
      <c r="A22110" s="4" t="s">
        <v>64343</v>
      </c>
      <c r="B22110" s="1" t="s">
        <v>59684</v>
      </c>
      <c r="C22110" s="1" t="s">
        <v>43339</v>
      </c>
      <c r="D22110" s="2">
        <v>174938</v>
      </c>
      <c r="E22110" s="1" t="s">
        <v>0</v>
      </c>
    </row>
    <row r="22111" spans="1:5" x14ac:dyDescent="0.25">
      <c r="A22111" s="1" t="s">
        <v>43340</v>
      </c>
      <c r="B22111" s="1" t="s">
        <v>11394</v>
      </c>
      <c r="C22111" s="1" t="s">
        <v>43341</v>
      </c>
      <c r="D22111" s="2">
        <v>174939</v>
      </c>
      <c r="E22111" s="1" t="s">
        <v>0</v>
      </c>
    </row>
    <row r="22112" spans="1:5" x14ac:dyDescent="0.25">
      <c r="A22112" s="2">
        <v>4422</v>
      </c>
      <c r="B22112" s="2">
        <v>4422</v>
      </c>
      <c r="C22112" s="1" t="s">
        <v>0</v>
      </c>
      <c r="D22112" s="2">
        <v>174940</v>
      </c>
      <c r="E22112" s="1" t="s">
        <v>0</v>
      </c>
    </row>
    <row r="22113" spans="1:5" x14ac:dyDescent="0.25">
      <c r="A22113" s="1" t="s">
        <v>4014</v>
      </c>
      <c r="B22113" s="1" t="s">
        <v>11395</v>
      </c>
      <c r="C22113" s="1" t="s">
        <v>43342</v>
      </c>
      <c r="D22113" s="2">
        <v>174941</v>
      </c>
      <c r="E22113" s="1" t="s">
        <v>0</v>
      </c>
    </row>
    <row r="22114" spans="1:5" x14ac:dyDescent="0.25">
      <c r="A22114" s="1" t="s">
        <v>43343</v>
      </c>
      <c r="B22114" s="1" t="s">
        <v>55873</v>
      </c>
      <c r="C22114" s="1" t="s">
        <v>43344</v>
      </c>
      <c r="D22114" s="2">
        <v>174942</v>
      </c>
      <c r="E22114" s="1" t="s">
        <v>0</v>
      </c>
    </row>
    <row r="22115" spans="1:5" ht="409.5" x14ac:dyDescent="0.25">
      <c r="A22115" s="4" t="s">
        <v>43345</v>
      </c>
      <c r="B22115" s="1" t="s">
        <v>60467</v>
      </c>
      <c r="C22115" s="1" t="s">
        <v>43346</v>
      </c>
      <c r="D22115" s="2">
        <v>174943</v>
      </c>
      <c r="E22115" s="1" t="s">
        <v>0</v>
      </c>
    </row>
    <row r="22116" spans="1:5" x14ac:dyDescent="0.25">
      <c r="A22116" s="1" t="s">
        <v>43347</v>
      </c>
      <c r="B22116" s="1" t="s">
        <v>61350</v>
      </c>
      <c r="C22116" s="1" t="s">
        <v>43348</v>
      </c>
      <c r="D22116" s="2">
        <v>174944</v>
      </c>
      <c r="E22116" s="1" t="s">
        <v>0</v>
      </c>
    </row>
    <row r="22117" spans="1:5" x14ac:dyDescent="0.25">
      <c r="A22117" s="2">
        <v>4423</v>
      </c>
      <c r="B22117" s="2">
        <v>4423</v>
      </c>
      <c r="C22117" s="1" t="s">
        <v>0</v>
      </c>
      <c r="D22117" s="2">
        <v>174945</v>
      </c>
      <c r="E22117" s="1" t="s">
        <v>0</v>
      </c>
    </row>
    <row r="22118" spans="1:5" x14ac:dyDescent="0.25">
      <c r="A22118" s="1" t="s">
        <v>4015</v>
      </c>
      <c r="B22118" s="1" t="s">
        <v>11396</v>
      </c>
      <c r="C22118" s="1" t="s">
        <v>43349</v>
      </c>
      <c r="D22118" s="2">
        <v>174946</v>
      </c>
      <c r="E22118" s="1" t="s">
        <v>0</v>
      </c>
    </row>
    <row r="22119" spans="1:5" x14ac:dyDescent="0.25">
      <c r="A22119" s="1" t="s">
        <v>43350</v>
      </c>
      <c r="B22119" s="1" t="s">
        <v>58566</v>
      </c>
      <c r="C22119" s="1" t="s">
        <v>43351</v>
      </c>
      <c r="D22119" s="2">
        <v>174947</v>
      </c>
      <c r="E22119" s="1" t="s">
        <v>0</v>
      </c>
    </row>
    <row r="22120" spans="1:5" ht="409.5" x14ac:dyDescent="0.25">
      <c r="A22120" s="4" t="s">
        <v>43352</v>
      </c>
      <c r="B22120" s="1" t="s">
        <v>58567</v>
      </c>
      <c r="C22120" s="1" t="s">
        <v>43353</v>
      </c>
      <c r="D22120" s="2">
        <v>174948</v>
      </c>
      <c r="E22120" s="1" t="s">
        <v>0</v>
      </c>
    </row>
    <row r="22121" spans="1:5" x14ac:dyDescent="0.25">
      <c r="A22121" s="1" t="s">
        <v>43354</v>
      </c>
      <c r="B22121" s="1" t="s">
        <v>58568</v>
      </c>
      <c r="C22121" s="1" t="s">
        <v>43355</v>
      </c>
      <c r="D22121" s="2">
        <v>174949</v>
      </c>
      <c r="E22121" s="1" t="s">
        <v>0</v>
      </c>
    </row>
    <row r="22122" spans="1:5" x14ac:dyDescent="0.25">
      <c r="A22122" s="2">
        <v>4424</v>
      </c>
      <c r="B22122" s="2">
        <v>4424</v>
      </c>
      <c r="C22122" s="1" t="s">
        <v>0</v>
      </c>
      <c r="D22122" s="2">
        <v>174950</v>
      </c>
      <c r="E22122" s="1" t="s">
        <v>0</v>
      </c>
    </row>
    <row r="22123" spans="1:5" x14ac:dyDescent="0.25">
      <c r="A22123" s="1" t="s">
        <v>4016</v>
      </c>
      <c r="B22123" s="1" t="s">
        <v>11397</v>
      </c>
      <c r="C22123" s="1" t="s">
        <v>43356</v>
      </c>
      <c r="D22123" s="2">
        <v>174951</v>
      </c>
      <c r="E22123" s="1" t="s">
        <v>0</v>
      </c>
    </row>
    <row r="22124" spans="1:5" x14ac:dyDescent="0.25">
      <c r="A22124" s="1" t="s">
        <v>43357</v>
      </c>
      <c r="B22124" s="1" t="s">
        <v>11398</v>
      </c>
      <c r="C22124" s="1" t="s">
        <v>43358</v>
      </c>
      <c r="D22124" s="2">
        <v>174952</v>
      </c>
      <c r="E22124" s="1" t="s">
        <v>0</v>
      </c>
    </row>
    <row r="22125" spans="1:5" ht="409.5" x14ac:dyDescent="0.25">
      <c r="A22125" s="4" t="s">
        <v>43359</v>
      </c>
      <c r="B22125" s="1" t="s">
        <v>55874</v>
      </c>
      <c r="C22125" s="1" t="s">
        <v>43360</v>
      </c>
      <c r="D22125" s="2">
        <v>174953</v>
      </c>
      <c r="E22125" s="1" t="s">
        <v>0</v>
      </c>
    </row>
    <row r="22126" spans="1:5" x14ac:dyDescent="0.25">
      <c r="A22126" s="1" t="s">
        <v>43361</v>
      </c>
      <c r="B22126" s="1" t="s">
        <v>11399</v>
      </c>
      <c r="C22126" s="1" t="s">
        <v>43362</v>
      </c>
      <c r="D22126" s="2">
        <v>174954</v>
      </c>
      <c r="E22126" s="1" t="s">
        <v>0</v>
      </c>
    </row>
    <row r="22127" spans="1:5" x14ac:dyDescent="0.25">
      <c r="A22127" s="2">
        <v>4425</v>
      </c>
      <c r="B22127" s="2">
        <v>4425</v>
      </c>
      <c r="C22127" s="1" t="s">
        <v>0</v>
      </c>
      <c r="D22127" s="2">
        <v>174955</v>
      </c>
      <c r="E22127" s="1" t="s">
        <v>0</v>
      </c>
    </row>
    <row r="22128" spans="1:5" x14ac:dyDescent="0.25">
      <c r="A22128" s="1" t="s">
        <v>4017</v>
      </c>
      <c r="B22128" s="1" t="s">
        <v>11400</v>
      </c>
      <c r="C22128" s="1" t="s">
        <v>43363</v>
      </c>
      <c r="D22128" s="2">
        <v>174956</v>
      </c>
      <c r="E22128" s="1" t="s">
        <v>0</v>
      </c>
    </row>
    <row r="22129" spans="1:5" x14ac:dyDescent="0.25">
      <c r="A22129" s="1" t="s">
        <v>43364</v>
      </c>
      <c r="B22129" s="1" t="s">
        <v>11401</v>
      </c>
      <c r="C22129" s="1" t="s">
        <v>43365</v>
      </c>
      <c r="D22129" s="2">
        <v>174957</v>
      </c>
      <c r="E22129" s="1" t="s">
        <v>0</v>
      </c>
    </row>
    <row r="22130" spans="1:5" ht="409.5" x14ac:dyDescent="0.25">
      <c r="A22130" s="4" t="s">
        <v>43366</v>
      </c>
      <c r="B22130" s="1" t="s">
        <v>55875</v>
      </c>
      <c r="C22130" s="1" t="s">
        <v>43367</v>
      </c>
      <c r="D22130" s="2">
        <v>174958</v>
      </c>
      <c r="E22130" s="1" t="s">
        <v>0</v>
      </c>
    </row>
    <row r="22131" spans="1:5" x14ac:dyDescent="0.25">
      <c r="A22131" s="1" t="s">
        <v>43368</v>
      </c>
      <c r="B22131" s="1" t="s">
        <v>11402</v>
      </c>
      <c r="C22131" s="1" t="s">
        <v>43369</v>
      </c>
      <c r="D22131" s="2">
        <v>174959</v>
      </c>
      <c r="E22131" s="1" t="s">
        <v>0</v>
      </c>
    </row>
    <row r="22132" spans="1:5" x14ac:dyDescent="0.25">
      <c r="A22132" s="2">
        <v>4426</v>
      </c>
      <c r="B22132" s="2">
        <v>4426</v>
      </c>
      <c r="C22132" s="1" t="s">
        <v>0</v>
      </c>
      <c r="D22132" s="2">
        <v>174960</v>
      </c>
      <c r="E22132" s="1" t="s">
        <v>0</v>
      </c>
    </row>
    <row r="22133" spans="1:5" x14ac:dyDescent="0.25">
      <c r="A22133" s="1" t="s">
        <v>11403</v>
      </c>
      <c r="B22133" s="1" t="s">
        <v>57629</v>
      </c>
      <c r="C22133" s="1" t="s">
        <v>43370</v>
      </c>
      <c r="D22133" s="2">
        <v>174961</v>
      </c>
      <c r="E22133" s="1" t="s">
        <v>0</v>
      </c>
    </row>
    <row r="22134" spans="1:5" x14ac:dyDescent="0.25">
      <c r="A22134" s="1" t="s">
        <v>43371</v>
      </c>
      <c r="B22134" s="1" t="s">
        <v>60264</v>
      </c>
      <c r="C22134" s="1" t="s">
        <v>43372</v>
      </c>
      <c r="D22134" s="2">
        <v>174962</v>
      </c>
      <c r="E22134" s="1" t="s">
        <v>0</v>
      </c>
    </row>
    <row r="22135" spans="1:5" ht="409.5" x14ac:dyDescent="0.25">
      <c r="A22135" s="4" t="s">
        <v>43373</v>
      </c>
      <c r="B22135" s="1" t="s">
        <v>60265</v>
      </c>
      <c r="C22135" s="1" t="s">
        <v>43374</v>
      </c>
      <c r="D22135" s="2">
        <v>174963</v>
      </c>
      <c r="E22135" s="1" t="s">
        <v>0</v>
      </c>
    </row>
    <row r="22136" spans="1:5" x14ac:dyDescent="0.25">
      <c r="A22136" s="1" t="s">
        <v>43375</v>
      </c>
      <c r="B22136" s="1" t="s">
        <v>57630</v>
      </c>
      <c r="C22136" s="1" t="s">
        <v>43376</v>
      </c>
      <c r="D22136" s="2">
        <v>174964</v>
      </c>
      <c r="E22136" s="1" t="s">
        <v>0</v>
      </c>
    </row>
    <row r="22137" spans="1:5" x14ac:dyDescent="0.25">
      <c r="A22137" s="2">
        <v>4427</v>
      </c>
      <c r="B22137" s="2">
        <v>4427</v>
      </c>
      <c r="C22137" s="1" t="s">
        <v>0</v>
      </c>
      <c r="D22137" s="2">
        <v>174965</v>
      </c>
      <c r="E22137" s="1" t="s">
        <v>0</v>
      </c>
    </row>
    <row r="22138" spans="1:5" x14ac:dyDescent="0.25">
      <c r="A22138" s="1" t="s">
        <v>4018</v>
      </c>
      <c r="B22138" s="1" t="s">
        <v>11404</v>
      </c>
      <c r="C22138" s="1" t="s">
        <v>43377</v>
      </c>
      <c r="D22138" s="2">
        <v>174966</v>
      </c>
      <c r="E22138" s="1" t="s">
        <v>0</v>
      </c>
    </row>
    <row r="22139" spans="1:5" x14ac:dyDescent="0.25">
      <c r="A22139" s="1" t="s">
        <v>43378</v>
      </c>
      <c r="B22139" s="1" t="s">
        <v>11405</v>
      </c>
      <c r="C22139" s="1" t="s">
        <v>43379</v>
      </c>
      <c r="D22139" s="2">
        <v>174967</v>
      </c>
      <c r="E22139" s="1" t="s">
        <v>0</v>
      </c>
    </row>
    <row r="22140" spans="1:5" ht="409.5" x14ac:dyDescent="0.25">
      <c r="A22140" s="4" t="s">
        <v>43380</v>
      </c>
      <c r="B22140" s="1" t="s">
        <v>63508</v>
      </c>
      <c r="C22140" s="1" t="s">
        <v>43381</v>
      </c>
      <c r="D22140" s="2">
        <v>174968</v>
      </c>
      <c r="E22140" s="1" t="s">
        <v>0</v>
      </c>
    </row>
    <row r="22141" spans="1:5" x14ac:dyDescent="0.25">
      <c r="A22141" s="1" t="s">
        <v>43382</v>
      </c>
      <c r="B22141" s="1" t="s">
        <v>55876</v>
      </c>
      <c r="C22141" s="1" t="s">
        <v>43383</v>
      </c>
      <c r="D22141" s="2">
        <v>174969</v>
      </c>
      <c r="E22141" s="1" t="s">
        <v>0</v>
      </c>
    </row>
    <row r="22142" spans="1:5" x14ac:dyDescent="0.25">
      <c r="A22142" s="2">
        <v>4428</v>
      </c>
      <c r="B22142" s="2">
        <v>4428</v>
      </c>
      <c r="C22142" s="1" t="s">
        <v>0</v>
      </c>
      <c r="D22142" s="2">
        <v>174970</v>
      </c>
      <c r="E22142" s="1" t="s">
        <v>0</v>
      </c>
    </row>
    <row r="22143" spans="1:5" x14ac:dyDescent="0.25">
      <c r="A22143" s="1" t="s">
        <v>4019</v>
      </c>
      <c r="B22143" s="1" t="s">
        <v>11406</v>
      </c>
      <c r="C22143" s="1" t="s">
        <v>43384</v>
      </c>
      <c r="D22143" s="2">
        <v>174971</v>
      </c>
      <c r="E22143" s="1" t="s">
        <v>0</v>
      </c>
    </row>
    <row r="22144" spans="1:5" x14ac:dyDescent="0.25">
      <c r="A22144" s="1" t="s">
        <v>43385</v>
      </c>
      <c r="B22144" s="1" t="s">
        <v>62924</v>
      </c>
      <c r="C22144" s="1" t="s">
        <v>43386</v>
      </c>
      <c r="D22144" s="2">
        <v>174972</v>
      </c>
      <c r="E22144" s="1" t="s">
        <v>0</v>
      </c>
    </row>
    <row r="22145" spans="1:5" ht="409.5" x14ac:dyDescent="0.25">
      <c r="A22145" s="4" t="s">
        <v>43387</v>
      </c>
      <c r="B22145" s="1" t="s">
        <v>62925</v>
      </c>
      <c r="C22145" s="1" t="s">
        <v>43388</v>
      </c>
      <c r="D22145" s="2">
        <v>174973</v>
      </c>
      <c r="E22145" s="1" t="s">
        <v>0</v>
      </c>
    </row>
    <row r="22146" spans="1:5" x14ac:dyDescent="0.25">
      <c r="A22146" s="1" t="s">
        <v>43389</v>
      </c>
      <c r="B22146" s="1" t="s">
        <v>55877</v>
      </c>
      <c r="C22146" s="1" t="s">
        <v>43390</v>
      </c>
      <c r="D22146" s="2">
        <v>174974</v>
      </c>
      <c r="E22146" s="1" t="s">
        <v>0</v>
      </c>
    </row>
    <row r="22147" spans="1:5" x14ac:dyDescent="0.25">
      <c r="A22147" s="2">
        <v>4429</v>
      </c>
      <c r="B22147" s="2">
        <v>4429</v>
      </c>
      <c r="C22147" s="1" t="s">
        <v>0</v>
      </c>
      <c r="D22147" s="2">
        <v>174975</v>
      </c>
      <c r="E22147" s="1" t="s">
        <v>0</v>
      </c>
    </row>
    <row r="22148" spans="1:5" x14ac:dyDescent="0.25">
      <c r="A22148" s="1" t="s">
        <v>43391</v>
      </c>
      <c r="B22148" s="1" t="s">
        <v>11407</v>
      </c>
      <c r="C22148" s="1" t="s">
        <v>43392</v>
      </c>
      <c r="D22148" s="2">
        <v>174976</v>
      </c>
      <c r="E22148" s="1" t="s">
        <v>0</v>
      </c>
    </row>
    <row r="22149" spans="1:5" x14ac:dyDescent="0.25">
      <c r="A22149" s="1" t="s">
        <v>43393</v>
      </c>
      <c r="B22149" s="1" t="s">
        <v>11408</v>
      </c>
      <c r="C22149" s="1" t="s">
        <v>43394</v>
      </c>
      <c r="D22149" s="2">
        <v>174977</v>
      </c>
      <c r="E22149" s="1" t="s">
        <v>0</v>
      </c>
    </row>
    <row r="22150" spans="1:5" ht="409.5" x14ac:dyDescent="0.25">
      <c r="A22150" s="4" t="s">
        <v>43395</v>
      </c>
      <c r="B22150" s="1" t="s">
        <v>55878</v>
      </c>
      <c r="C22150" s="1" t="s">
        <v>43396</v>
      </c>
      <c r="D22150" s="2">
        <v>174978</v>
      </c>
      <c r="E22150" s="1" t="s">
        <v>0</v>
      </c>
    </row>
    <row r="22151" spans="1:5" x14ac:dyDescent="0.25">
      <c r="A22151" s="1" t="s">
        <v>43397</v>
      </c>
      <c r="B22151" s="1" t="s">
        <v>11409</v>
      </c>
      <c r="C22151" s="1" t="s">
        <v>43398</v>
      </c>
      <c r="D22151" s="2">
        <v>174979</v>
      </c>
      <c r="E22151" s="1" t="s">
        <v>0</v>
      </c>
    </row>
    <row r="22152" spans="1:5" x14ac:dyDescent="0.25">
      <c r="A22152" s="2">
        <v>4430</v>
      </c>
      <c r="B22152" s="2">
        <v>4430</v>
      </c>
      <c r="C22152" s="1" t="s">
        <v>0</v>
      </c>
      <c r="D22152" s="2">
        <v>174980</v>
      </c>
      <c r="E22152" s="1" t="s">
        <v>0</v>
      </c>
    </row>
    <row r="22153" spans="1:5" x14ac:dyDescent="0.25">
      <c r="A22153" s="1" t="s">
        <v>4020</v>
      </c>
      <c r="B22153" s="1" t="s">
        <v>11410</v>
      </c>
      <c r="C22153" s="1" t="s">
        <v>43399</v>
      </c>
      <c r="D22153" s="2">
        <v>174981</v>
      </c>
      <c r="E22153" s="1" t="s">
        <v>0</v>
      </c>
    </row>
    <row r="22154" spans="1:5" x14ac:dyDescent="0.25">
      <c r="A22154" s="1" t="s">
        <v>43400</v>
      </c>
      <c r="B22154" s="1" t="s">
        <v>55879</v>
      </c>
      <c r="C22154" s="1" t="s">
        <v>43401</v>
      </c>
      <c r="D22154" s="2">
        <v>174982</v>
      </c>
      <c r="E22154" s="1" t="s">
        <v>0</v>
      </c>
    </row>
    <row r="22155" spans="1:5" ht="409.5" x14ac:dyDescent="0.25">
      <c r="A22155" s="4" t="s">
        <v>43402</v>
      </c>
      <c r="B22155" s="1" t="s">
        <v>55880</v>
      </c>
      <c r="C22155" s="1" t="s">
        <v>43403</v>
      </c>
      <c r="D22155" s="2">
        <v>174983</v>
      </c>
      <c r="E22155" s="1" t="s">
        <v>0</v>
      </c>
    </row>
    <row r="22156" spans="1:5" x14ac:dyDescent="0.25">
      <c r="A22156" s="1" t="s">
        <v>43404</v>
      </c>
      <c r="B22156" s="1" t="s">
        <v>61351</v>
      </c>
      <c r="C22156" s="1" t="s">
        <v>43405</v>
      </c>
      <c r="D22156" s="2">
        <v>174984</v>
      </c>
      <c r="E22156" s="1" t="s">
        <v>0</v>
      </c>
    </row>
    <row r="22157" spans="1:5" x14ac:dyDescent="0.25">
      <c r="A22157" s="2">
        <v>4431</v>
      </c>
      <c r="B22157" s="2">
        <v>4431</v>
      </c>
      <c r="C22157" s="1" t="s">
        <v>0</v>
      </c>
      <c r="D22157" s="2">
        <v>174985</v>
      </c>
      <c r="E22157" s="1" t="s">
        <v>0</v>
      </c>
    </row>
    <row r="22158" spans="1:5" x14ac:dyDescent="0.25">
      <c r="A22158" s="1" t="s">
        <v>4021</v>
      </c>
      <c r="B22158" s="1" t="s">
        <v>11411</v>
      </c>
      <c r="C22158" s="1" t="s">
        <v>43406</v>
      </c>
      <c r="D22158" s="2">
        <v>174986</v>
      </c>
      <c r="E22158" s="1" t="s">
        <v>0</v>
      </c>
    </row>
    <row r="22159" spans="1:5" x14ac:dyDescent="0.25">
      <c r="A22159" s="1" t="s">
        <v>61880</v>
      </c>
      <c r="B22159" s="1" t="s">
        <v>58569</v>
      </c>
      <c r="C22159" s="1" t="s">
        <v>61881</v>
      </c>
      <c r="D22159" s="2">
        <v>174987</v>
      </c>
      <c r="E22159" s="1" t="s">
        <v>0</v>
      </c>
    </row>
    <row r="22160" spans="1:5" ht="409.5" x14ac:dyDescent="0.25">
      <c r="A22160" s="4" t="s">
        <v>61882</v>
      </c>
      <c r="B22160" s="1" t="s">
        <v>60656</v>
      </c>
      <c r="C22160" s="1" t="s">
        <v>43407</v>
      </c>
      <c r="D22160" s="2">
        <v>174988</v>
      </c>
      <c r="E22160" s="1" t="s">
        <v>0</v>
      </c>
    </row>
    <row r="22161" spans="1:5" x14ac:dyDescent="0.25">
      <c r="A22161" s="1" t="s">
        <v>43408</v>
      </c>
      <c r="B22161" s="1" t="s">
        <v>55881</v>
      </c>
      <c r="C22161" s="1" t="s">
        <v>43409</v>
      </c>
      <c r="D22161" s="2">
        <v>174989</v>
      </c>
      <c r="E22161" s="1" t="s">
        <v>0</v>
      </c>
    </row>
    <row r="22162" spans="1:5" x14ac:dyDescent="0.25">
      <c r="A22162" s="2">
        <v>4432</v>
      </c>
      <c r="B22162" s="2">
        <v>4432</v>
      </c>
      <c r="C22162" s="1" t="s">
        <v>0</v>
      </c>
      <c r="D22162" s="2">
        <v>174990</v>
      </c>
      <c r="E22162" s="1" t="s">
        <v>0</v>
      </c>
    </row>
    <row r="22163" spans="1:5" x14ac:dyDescent="0.25">
      <c r="A22163" s="1" t="s">
        <v>4022</v>
      </c>
      <c r="B22163" s="1" t="s">
        <v>11412</v>
      </c>
      <c r="C22163" s="1" t="s">
        <v>43410</v>
      </c>
      <c r="D22163" s="2">
        <v>174991</v>
      </c>
      <c r="E22163" s="1" t="s">
        <v>0</v>
      </c>
    </row>
    <row r="22164" spans="1:5" x14ac:dyDescent="0.25">
      <c r="A22164" s="1" t="s">
        <v>43411</v>
      </c>
      <c r="B22164" s="1" t="s">
        <v>55882</v>
      </c>
      <c r="C22164" s="1" t="s">
        <v>43412</v>
      </c>
      <c r="D22164" s="2">
        <v>174992</v>
      </c>
      <c r="E22164" s="1" t="s">
        <v>0</v>
      </c>
    </row>
    <row r="22165" spans="1:5" ht="409.5" x14ac:dyDescent="0.25">
      <c r="A22165" s="4" t="s">
        <v>43413</v>
      </c>
      <c r="B22165" s="1" t="s">
        <v>55883</v>
      </c>
      <c r="C22165" s="1" t="s">
        <v>43414</v>
      </c>
      <c r="D22165" s="2">
        <v>174993</v>
      </c>
      <c r="E22165" s="1" t="s">
        <v>0</v>
      </c>
    </row>
    <row r="22166" spans="1:5" x14ac:dyDescent="0.25">
      <c r="A22166" s="1" t="s">
        <v>43415</v>
      </c>
      <c r="B22166" s="1" t="s">
        <v>55884</v>
      </c>
      <c r="C22166" s="1" t="s">
        <v>43416</v>
      </c>
      <c r="D22166" s="2">
        <v>174994</v>
      </c>
      <c r="E22166" s="1" t="s">
        <v>0</v>
      </c>
    </row>
    <row r="22167" spans="1:5" x14ac:dyDescent="0.25">
      <c r="A22167" s="2">
        <v>4433</v>
      </c>
      <c r="B22167" s="2">
        <v>4433</v>
      </c>
      <c r="C22167" s="1" t="s">
        <v>0</v>
      </c>
      <c r="D22167" s="2">
        <v>174995</v>
      </c>
      <c r="E22167" s="1" t="s">
        <v>0</v>
      </c>
    </row>
    <row r="22168" spans="1:5" x14ac:dyDescent="0.25">
      <c r="A22168" s="1" t="s">
        <v>4023</v>
      </c>
      <c r="B22168" s="1" t="s">
        <v>11413</v>
      </c>
      <c r="C22168" s="1" t="s">
        <v>43417</v>
      </c>
      <c r="D22168" s="2">
        <v>174996</v>
      </c>
      <c r="E22168" s="1" t="s">
        <v>0</v>
      </c>
    </row>
    <row r="22169" spans="1:5" x14ac:dyDescent="0.25">
      <c r="A22169" s="1" t="s">
        <v>43418</v>
      </c>
      <c r="B22169" s="1" t="s">
        <v>55885</v>
      </c>
      <c r="C22169" s="1" t="s">
        <v>43419</v>
      </c>
      <c r="D22169" s="2">
        <v>174997</v>
      </c>
      <c r="E22169" s="1" t="s">
        <v>0</v>
      </c>
    </row>
    <row r="22170" spans="1:5" ht="409.5" x14ac:dyDescent="0.25">
      <c r="A22170" s="4" t="s">
        <v>43420</v>
      </c>
      <c r="B22170" s="1" t="s">
        <v>55886</v>
      </c>
      <c r="C22170" s="1" t="s">
        <v>43421</v>
      </c>
      <c r="D22170" s="2">
        <v>174998</v>
      </c>
      <c r="E22170" s="1" t="s">
        <v>0</v>
      </c>
    </row>
    <row r="22171" spans="1:5" x14ac:dyDescent="0.25">
      <c r="A22171" s="1" t="s">
        <v>43422</v>
      </c>
      <c r="B22171" s="1" t="s">
        <v>55887</v>
      </c>
      <c r="C22171" s="1" t="s">
        <v>43423</v>
      </c>
      <c r="D22171" s="2">
        <v>174999</v>
      </c>
      <c r="E22171" s="1" t="s">
        <v>0</v>
      </c>
    </row>
    <row r="22172" spans="1:5" x14ac:dyDescent="0.25">
      <c r="A22172" s="2">
        <v>4434</v>
      </c>
      <c r="B22172" s="2">
        <v>4434</v>
      </c>
      <c r="C22172" s="1" t="s">
        <v>0</v>
      </c>
      <c r="D22172" s="2">
        <v>175000</v>
      </c>
      <c r="E22172" s="1" t="s">
        <v>0</v>
      </c>
    </row>
    <row r="22173" spans="1:5" x14ac:dyDescent="0.25">
      <c r="A22173" s="1" t="s">
        <v>4024</v>
      </c>
      <c r="B22173" s="1" t="s">
        <v>11414</v>
      </c>
      <c r="C22173" s="1" t="s">
        <v>43424</v>
      </c>
      <c r="D22173" s="2">
        <v>175001</v>
      </c>
      <c r="E22173" s="1" t="s">
        <v>0</v>
      </c>
    </row>
    <row r="22174" spans="1:5" x14ac:dyDescent="0.25">
      <c r="A22174" s="1" t="s">
        <v>43425</v>
      </c>
      <c r="B22174" s="1" t="s">
        <v>11415</v>
      </c>
      <c r="C22174" s="1" t="s">
        <v>43426</v>
      </c>
      <c r="D22174" s="2">
        <v>175002</v>
      </c>
      <c r="E22174" s="1" t="s">
        <v>0</v>
      </c>
    </row>
    <row r="22175" spans="1:5" ht="409.5" x14ac:dyDescent="0.25">
      <c r="A22175" s="4" t="s">
        <v>43427</v>
      </c>
      <c r="B22175" s="1" t="s">
        <v>58570</v>
      </c>
      <c r="C22175" s="1" t="s">
        <v>43428</v>
      </c>
      <c r="D22175" s="2">
        <v>175003</v>
      </c>
      <c r="E22175" s="1" t="s">
        <v>0</v>
      </c>
    </row>
    <row r="22176" spans="1:5" x14ac:dyDescent="0.25">
      <c r="A22176" s="1" t="s">
        <v>43429</v>
      </c>
      <c r="B22176" s="1" t="s">
        <v>55888</v>
      </c>
      <c r="C22176" s="1" t="s">
        <v>43430</v>
      </c>
      <c r="D22176" s="2">
        <v>175004</v>
      </c>
      <c r="E22176" s="1" t="s">
        <v>0</v>
      </c>
    </row>
    <row r="22177" spans="1:5" x14ac:dyDescent="0.25">
      <c r="A22177" s="2">
        <v>4435</v>
      </c>
      <c r="B22177" s="2">
        <v>4435</v>
      </c>
      <c r="C22177" s="1" t="s">
        <v>0</v>
      </c>
      <c r="D22177" s="2">
        <v>175005</v>
      </c>
      <c r="E22177" s="1" t="s">
        <v>0</v>
      </c>
    </row>
    <row r="22178" spans="1:5" x14ac:dyDescent="0.25">
      <c r="A22178" s="1" t="s">
        <v>4025</v>
      </c>
      <c r="B22178" s="1" t="s">
        <v>11416</v>
      </c>
      <c r="C22178" s="1" t="s">
        <v>43431</v>
      </c>
      <c r="D22178" s="2">
        <v>175006</v>
      </c>
      <c r="E22178" s="1" t="s">
        <v>0</v>
      </c>
    </row>
    <row r="22179" spans="1:5" x14ac:dyDescent="0.25">
      <c r="A22179" s="1" t="s">
        <v>43432</v>
      </c>
      <c r="B22179" s="1" t="s">
        <v>55889</v>
      </c>
      <c r="C22179" s="1" t="s">
        <v>43433</v>
      </c>
      <c r="D22179" s="2">
        <v>175007</v>
      </c>
      <c r="E22179" s="1" t="s">
        <v>0</v>
      </c>
    </row>
    <row r="22180" spans="1:5" ht="409.5" x14ac:dyDescent="0.25">
      <c r="A22180" s="4" t="s">
        <v>43434</v>
      </c>
      <c r="B22180" s="1" t="s">
        <v>55890</v>
      </c>
      <c r="C22180" s="1" t="s">
        <v>43435</v>
      </c>
      <c r="D22180" s="2">
        <v>175008</v>
      </c>
      <c r="E22180" s="1" t="s">
        <v>0</v>
      </c>
    </row>
    <row r="22181" spans="1:5" x14ac:dyDescent="0.25">
      <c r="A22181" s="1" t="s">
        <v>43436</v>
      </c>
      <c r="B22181" s="1" t="s">
        <v>55891</v>
      </c>
      <c r="C22181" s="1" t="s">
        <v>43437</v>
      </c>
      <c r="D22181" s="2">
        <v>175009</v>
      </c>
      <c r="E22181" s="1" t="s">
        <v>0</v>
      </c>
    </row>
    <row r="22182" spans="1:5" x14ac:dyDescent="0.25">
      <c r="A22182" s="2">
        <v>4436</v>
      </c>
      <c r="B22182" s="2">
        <v>4436</v>
      </c>
      <c r="C22182" s="1" t="s">
        <v>0</v>
      </c>
      <c r="D22182" s="2">
        <v>175010</v>
      </c>
      <c r="E22182" s="1" t="s">
        <v>0</v>
      </c>
    </row>
    <row r="22183" spans="1:5" x14ac:dyDescent="0.25">
      <c r="A22183" s="1" t="s">
        <v>43438</v>
      </c>
      <c r="B22183" s="1" t="s">
        <v>59084</v>
      </c>
      <c r="C22183" s="1" t="s">
        <v>43439</v>
      </c>
      <c r="D22183" s="2">
        <v>175011</v>
      </c>
      <c r="E22183" s="1" t="s">
        <v>0</v>
      </c>
    </row>
    <row r="22184" spans="1:5" x14ac:dyDescent="0.25">
      <c r="A22184" s="1" t="s">
        <v>43440</v>
      </c>
      <c r="B22184" s="1" t="s">
        <v>59085</v>
      </c>
      <c r="C22184" s="1" t="s">
        <v>43441</v>
      </c>
      <c r="D22184" s="2">
        <v>175012</v>
      </c>
      <c r="E22184" s="1" t="s">
        <v>0</v>
      </c>
    </row>
    <row r="22185" spans="1:5" ht="409.5" x14ac:dyDescent="0.25">
      <c r="A22185" s="4" t="s">
        <v>43442</v>
      </c>
      <c r="B22185" s="1" t="s">
        <v>59086</v>
      </c>
      <c r="C22185" s="1" t="s">
        <v>43443</v>
      </c>
      <c r="D22185" s="2">
        <v>175013</v>
      </c>
      <c r="E22185" s="1" t="s">
        <v>0</v>
      </c>
    </row>
    <row r="22186" spans="1:5" x14ac:dyDescent="0.25">
      <c r="A22186" s="1" t="s">
        <v>43444</v>
      </c>
      <c r="B22186" s="1" t="s">
        <v>11417</v>
      </c>
      <c r="C22186" s="1" t="s">
        <v>43445</v>
      </c>
      <c r="D22186" s="2">
        <v>175014</v>
      </c>
      <c r="E22186" s="1" t="s">
        <v>0</v>
      </c>
    </row>
    <row r="22187" spans="1:5" x14ac:dyDescent="0.25">
      <c r="A22187" s="2">
        <v>4437</v>
      </c>
      <c r="B22187" s="2">
        <v>4437</v>
      </c>
      <c r="C22187" s="1" t="s">
        <v>0</v>
      </c>
      <c r="D22187" s="2">
        <v>175015</v>
      </c>
      <c r="E22187" s="1" t="s">
        <v>0</v>
      </c>
    </row>
    <row r="22188" spans="1:5" x14ac:dyDescent="0.25">
      <c r="A22188" s="1" t="s">
        <v>4026</v>
      </c>
      <c r="B22188" s="1" t="s">
        <v>11418</v>
      </c>
      <c r="C22188" s="1" t="s">
        <v>43446</v>
      </c>
      <c r="D22188" s="2">
        <v>175016</v>
      </c>
      <c r="E22188" s="1" t="s">
        <v>0</v>
      </c>
    </row>
    <row r="22189" spans="1:5" x14ac:dyDescent="0.25">
      <c r="A22189" s="1" t="s">
        <v>43447</v>
      </c>
      <c r="B22189" s="1" t="s">
        <v>62926</v>
      </c>
      <c r="C22189" s="1" t="s">
        <v>43448</v>
      </c>
      <c r="D22189" s="2">
        <v>175017</v>
      </c>
      <c r="E22189" s="1" t="s">
        <v>0</v>
      </c>
    </row>
    <row r="22190" spans="1:5" ht="409.5" x14ac:dyDescent="0.25">
      <c r="A22190" s="4" t="s">
        <v>43449</v>
      </c>
      <c r="B22190" s="1" t="s">
        <v>62927</v>
      </c>
      <c r="C22190" s="1" t="s">
        <v>43450</v>
      </c>
      <c r="D22190" s="2">
        <v>175018</v>
      </c>
      <c r="E22190" s="1" t="s">
        <v>0</v>
      </c>
    </row>
    <row r="22191" spans="1:5" x14ac:dyDescent="0.25">
      <c r="A22191" s="1" t="s">
        <v>43451</v>
      </c>
      <c r="B22191" s="1" t="s">
        <v>55892</v>
      </c>
      <c r="C22191" s="1" t="s">
        <v>43452</v>
      </c>
      <c r="D22191" s="2">
        <v>175019</v>
      </c>
      <c r="E22191" s="1" t="s">
        <v>0</v>
      </c>
    </row>
    <row r="22192" spans="1:5" x14ac:dyDescent="0.25">
      <c r="A22192" s="2">
        <v>4438</v>
      </c>
      <c r="B22192" s="2">
        <v>4438</v>
      </c>
      <c r="C22192" s="1" t="s">
        <v>0</v>
      </c>
      <c r="D22192" s="2">
        <v>175020</v>
      </c>
      <c r="E22192" s="1" t="s">
        <v>0</v>
      </c>
    </row>
    <row r="22193" spans="1:5" x14ac:dyDescent="0.25">
      <c r="A22193" s="1" t="s">
        <v>4027</v>
      </c>
      <c r="B22193" s="1" t="s">
        <v>11419</v>
      </c>
      <c r="C22193" s="1" t="s">
        <v>43453</v>
      </c>
      <c r="D22193" s="2">
        <v>175021</v>
      </c>
      <c r="E22193" s="1" t="s">
        <v>0</v>
      </c>
    </row>
    <row r="22194" spans="1:5" x14ac:dyDescent="0.25">
      <c r="A22194" s="1" t="s">
        <v>43454</v>
      </c>
      <c r="B22194" s="1" t="s">
        <v>11420</v>
      </c>
      <c r="C22194" s="1" t="s">
        <v>43455</v>
      </c>
      <c r="D22194" s="2">
        <v>175022</v>
      </c>
      <c r="E22194" s="1" t="s">
        <v>0</v>
      </c>
    </row>
    <row r="22195" spans="1:5" ht="409.5" x14ac:dyDescent="0.25">
      <c r="A22195" s="4" t="s">
        <v>43456</v>
      </c>
      <c r="B22195" s="1" t="s">
        <v>60793</v>
      </c>
      <c r="C22195" s="1" t="s">
        <v>43457</v>
      </c>
      <c r="D22195" s="2">
        <v>175023</v>
      </c>
      <c r="E22195" s="1" t="s">
        <v>0</v>
      </c>
    </row>
    <row r="22196" spans="1:5" x14ac:dyDescent="0.25">
      <c r="A22196" s="1" t="s">
        <v>43458</v>
      </c>
      <c r="B22196" s="1" t="s">
        <v>11421</v>
      </c>
      <c r="C22196" s="1" t="s">
        <v>43459</v>
      </c>
      <c r="D22196" s="2">
        <v>175024</v>
      </c>
      <c r="E22196" s="1" t="s">
        <v>0</v>
      </c>
    </row>
    <row r="22197" spans="1:5" x14ac:dyDescent="0.25">
      <c r="A22197" s="2">
        <v>4439</v>
      </c>
      <c r="B22197" s="2">
        <v>4439</v>
      </c>
      <c r="C22197" s="1" t="s">
        <v>0</v>
      </c>
      <c r="D22197" s="2">
        <v>175025</v>
      </c>
      <c r="E22197" s="1" t="s">
        <v>0</v>
      </c>
    </row>
    <row r="22198" spans="1:5" x14ac:dyDescent="0.25">
      <c r="A22198" s="1" t="s">
        <v>4028</v>
      </c>
      <c r="B22198" s="1" t="s">
        <v>11422</v>
      </c>
      <c r="C22198" s="1" t="s">
        <v>43460</v>
      </c>
      <c r="D22198" s="2">
        <v>175026</v>
      </c>
      <c r="E22198" s="1" t="s">
        <v>0</v>
      </c>
    </row>
    <row r="22199" spans="1:5" x14ac:dyDescent="0.25">
      <c r="A22199" s="1" t="s">
        <v>43461</v>
      </c>
      <c r="B22199" s="1" t="s">
        <v>57631</v>
      </c>
      <c r="C22199" s="1" t="s">
        <v>43462</v>
      </c>
      <c r="D22199" s="2">
        <v>175027</v>
      </c>
      <c r="E22199" s="1" t="s">
        <v>0</v>
      </c>
    </row>
    <row r="22200" spans="1:5" ht="409.5" x14ac:dyDescent="0.25">
      <c r="A22200" s="4" t="s">
        <v>43463</v>
      </c>
      <c r="B22200" s="1" t="s">
        <v>62928</v>
      </c>
      <c r="C22200" s="1" t="s">
        <v>43464</v>
      </c>
      <c r="D22200" s="2">
        <v>175028</v>
      </c>
      <c r="E22200" s="1" t="s">
        <v>0</v>
      </c>
    </row>
    <row r="22201" spans="1:5" x14ac:dyDescent="0.25">
      <c r="A22201" s="1" t="s">
        <v>43465</v>
      </c>
      <c r="B22201" s="1" t="s">
        <v>55893</v>
      </c>
      <c r="C22201" s="1" t="s">
        <v>43466</v>
      </c>
      <c r="D22201" s="2">
        <v>175029</v>
      </c>
      <c r="E22201" s="1" t="s">
        <v>0</v>
      </c>
    </row>
    <row r="22202" spans="1:5" x14ac:dyDescent="0.25">
      <c r="A22202" s="2">
        <v>4440</v>
      </c>
      <c r="B22202" s="2">
        <v>4440</v>
      </c>
      <c r="C22202" s="1" t="s">
        <v>0</v>
      </c>
      <c r="D22202" s="2">
        <v>175030</v>
      </c>
      <c r="E22202" s="1" t="s">
        <v>0</v>
      </c>
    </row>
    <row r="22203" spans="1:5" x14ac:dyDescent="0.25">
      <c r="A22203" s="1" t="s">
        <v>4029</v>
      </c>
      <c r="B22203" s="1" t="s">
        <v>11423</v>
      </c>
      <c r="C22203" s="1" t="s">
        <v>43467</v>
      </c>
      <c r="D22203" s="2">
        <v>175031</v>
      </c>
      <c r="E22203" s="1" t="s">
        <v>0</v>
      </c>
    </row>
    <row r="22204" spans="1:5" x14ac:dyDescent="0.25">
      <c r="A22204" s="1" t="s">
        <v>43468</v>
      </c>
      <c r="B22204" s="1" t="s">
        <v>51016</v>
      </c>
      <c r="C22204" s="1" t="s">
        <v>43469</v>
      </c>
      <c r="D22204" s="2">
        <v>175032</v>
      </c>
      <c r="E22204" s="1" t="s">
        <v>0</v>
      </c>
    </row>
    <row r="22205" spans="1:5" ht="409.5" x14ac:dyDescent="0.25">
      <c r="A22205" s="4" t="s">
        <v>43470</v>
      </c>
      <c r="B22205" s="1" t="s">
        <v>51017</v>
      </c>
      <c r="C22205" s="1" t="s">
        <v>43471</v>
      </c>
      <c r="D22205" s="2">
        <v>175033</v>
      </c>
      <c r="E22205" s="1" t="s">
        <v>0</v>
      </c>
    </row>
    <row r="22206" spans="1:5" x14ac:dyDescent="0.25">
      <c r="A22206" s="1" t="s">
        <v>43472</v>
      </c>
      <c r="B22206" s="1" t="s">
        <v>55894</v>
      </c>
      <c r="C22206" s="1" t="s">
        <v>43473</v>
      </c>
      <c r="D22206" s="2">
        <v>175034</v>
      </c>
      <c r="E22206" s="1" t="s">
        <v>0</v>
      </c>
    </row>
    <row r="22207" spans="1:5" x14ac:dyDescent="0.25">
      <c r="A22207" s="2">
        <v>4441</v>
      </c>
      <c r="B22207" s="2">
        <v>4441</v>
      </c>
      <c r="C22207" s="1" t="s">
        <v>0</v>
      </c>
      <c r="D22207" s="2">
        <v>175035</v>
      </c>
      <c r="E22207" s="1" t="s">
        <v>0</v>
      </c>
    </row>
    <row r="22208" spans="1:5" x14ac:dyDescent="0.25">
      <c r="A22208" s="1" t="s">
        <v>4030</v>
      </c>
      <c r="B22208" s="1" t="s">
        <v>11424</v>
      </c>
      <c r="C22208" s="1" t="s">
        <v>43474</v>
      </c>
      <c r="D22208" s="2">
        <v>175036</v>
      </c>
      <c r="E22208" s="1" t="s">
        <v>0</v>
      </c>
    </row>
    <row r="22209" spans="1:5" x14ac:dyDescent="0.25">
      <c r="A22209" s="1" t="s">
        <v>43475</v>
      </c>
      <c r="B22209" s="1" t="s">
        <v>11425</v>
      </c>
      <c r="C22209" s="1" t="s">
        <v>43476</v>
      </c>
      <c r="D22209" s="2">
        <v>175037</v>
      </c>
      <c r="E22209" s="1" t="s">
        <v>0</v>
      </c>
    </row>
    <row r="22210" spans="1:5" ht="409.5" x14ac:dyDescent="0.25">
      <c r="A22210" s="4" t="s">
        <v>43477</v>
      </c>
      <c r="B22210" s="1" t="s">
        <v>11426</v>
      </c>
      <c r="C22210" s="1" t="s">
        <v>43478</v>
      </c>
      <c r="D22210" s="2">
        <v>175038</v>
      </c>
      <c r="E22210" s="1" t="s">
        <v>0</v>
      </c>
    </row>
    <row r="22211" spans="1:5" x14ac:dyDescent="0.25">
      <c r="A22211" s="1" t="s">
        <v>43479</v>
      </c>
      <c r="B22211" s="1" t="s">
        <v>55895</v>
      </c>
      <c r="C22211" s="1" t="s">
        <v>43480</v>
      </c>
      <c r="D22211" s="2">
        <v>175039</v>
      </c>
      <c r="E22211" s="1" t="s">
        <v>0</v>
      </c>
    </row>
    <row r="22212" spans="1:5" x14ac:dyDescent="0.25">
      <c r="A22212" s="2">
        <v>4442</v>
      </c>
      <c r="B22212" s="2">
        <v>4442</v>
      </c>
      <c r="C22212" s="1" t="s">
        <v>0</v>
      </c>
      <c r="D22212" s="2">
        <v>175040</v>
      </c>
      <c r="E22212" s="1" t="s">
        <v>0</v>
      </c>
    </row>
    <row r="22213" spans="1:5" x14ac:dyDescent="0.25">
      <c r="A22213" s="1" t="s">
        <v>4031</v>
      </c>
      <c r="B22213" s="1" t="s">
        <v>11427</v>
      </c>
      <c r="C22213" s="1" t="s">
        <v>43481</v>
      </c>
      <c r="D22213" s="2">
        <v>175041</v>
      </c>
      <c r="E22213" s="1" t="s">
        <v>0</v>
      </c>
    </row>
    <row r="22214" spans="1:5" x14ac:dyDescent="0.25">
      <c r="A22214" s="1" t="s">
        <v>43482</v>
      </c>
      <c r="B22214" s="1" t="s">
        <v>55896</v>
      </c>
      <c r="C22214" s="1" t="s">
        <v>43483</v>
      </c>
      <c r="D22214" s="2">
        <v>175042</v>
      </c>
      <c r="E22214" s="1" t="s">
        <v>0</v>
      </c>
    </row>
    <row r="22215" spans="1:5" ht="409.5" x14ac:dyDescent="0.25">
      <c r="A22215" s="4" t="s">
        <v>64344</v>
      </c>
      <c r="B22215" s="1" t="s">
        <v>63509</v>
      </c>
      <c r="C22215" s="1" t="s">
        <v>43484</v>
      </c>
      <c r="D22215" s="2">
        <v>175043</v>
      </c>
      <c r="E22215" s="1" t="s">
        <v>0</v>
      </c>
    </row>
    <row r="22216" spans="1:5" x14ac:dyDescent="0.25">
      <c r="A22216" s="1" t="s">
        <v>43485</v>
      </c>
      <c r="B22216" s="1" t="s">
        <v>55897</v>
      </c>
      <c r="C22216" s="1" t="s">
        <v>43486</v>
      </c>
      <c r="D22216" s="2">
        <v>175044</v>
      </c>
      <c r="E22216" s="1" t="s">
        <v>0</v>
      </c>
    </row>
    <row r="22217" spans="1:5" x14ac:dyDescent="0.25">
      <c r="A22217" s="2">
        <v>4443</v>
      </c>
      <c r="B22217" s="2">
        <v>4443</v>
      </c>
      <c r="C22217" s="1" t="s">
        <v>0</v>
      </c>
      <c r="D22217" s="2">
        <v>175045</v>
      </c>
      <c r="E22217" s="1" t="s">
        <v>0</v>
      </c>
    </row>
    <row r="22218" spans="1:5" x14ac:dyDescent="0.25">
      <c r="A22218" s="1" t="s">
        <v>4032</v>
      </c>
      <c r="B22218" s="1" t="s">
        <v>11428</v>
      </c>
      <c r="C22218" s="1" t="s">
        <v>43487</v>
      </c>
      <c r="D22218" s="2">
        <v>175046</v>
      </c>
      <c r="E22218" s="1" t="s">
        <v>0</v>
      </c>
    </row>
    <row r="22219" spans="1:5" x14ac:dyDescent="0.25">
      <c r="A22219" s="1" t="s">
        <v>43488</v>
      </c>
      <c r="B22219" s="1" t="s">
        <v>11429</v>
      </c>
      <c r="C22219" s="1" t="s">
        <v>43489</v>
      </c>
      <c r="D22219" s="2">
        <v>175047</v>
      </c>
      <c r="E22219" s="1" t="s">
        <v>0</v>
      </c>
    </row>
    <row r="22220" spans="1:5" ht="409.5" x14ac:dyDescent="0.25">
      <c r="A22220" s="4" t="s">
        <v>43490</v>
      </c>
      <c r="B22220" s="1" t="s">
        <v>63905</v>
      </c>
      <c r="C22220" s="1" t="s">
        <v>43491</v>
      </c>
      <c r="D22220" s="2">
        <v>175048</v>
      </c>
      <c r="E22220" s="1" t="s">
        <v>0</v>
      </c>
    </row>
    <row r="22221" spans="1:5" x14ac:dyDescent="0.25">
      <c r="A22221" s="1" t="s">
        <v>43492</v>
      </c>
      <c r="B22221" s="1" t="s">
        <v>11430</v>
      </c>
      <c r="C22221" s="1" t="s">
        <v>43493</v>
      </c>
      <c r="D22221" s="2">
        <v>175049</v>
      </c>
      <c r="E22221" s="1" t="s">
        <v>0</v>
      </c>
    </row>
    <row r="22222" spans="1:5" x14ac:dyDescent="0.25">
      <c r="A22222" s="2">
        <v>4444</v>
      </c>
      <c r="B22222" s="2">
        <v>4444</v>
      </c>
      <c r="C22222" s="1" t="s">
        <v>0</v>
      </c>
      <c r="D22222" s="2">
        <v>175050</v>
      </c>
      <c r="E22222" s="1" t="s">
        <v>0</v>
      </c>
    </row>
    <row r="22223" spans="1:5" x14ac:dyDescent="0.25">
      <c r="A22223" s="1" t="s">
        <v>4033</v>
      </c>
      <c r="B22223" s="1" t="s">
        <v>11431</v>
      </c>
      <c r="C22223" s="1" t="s">
        <v>43494</v>
      </c>
      <c r="D22223" s="2">
        <v>175051</v>
      </c>
      <c r="E22223" s="1" t="s">
        <v>0</v>
      </c>
    </row>
    <row r="22224" spans="1:5" x14ac:dyDescent="0.25">
      <c r="A22224" s="1" t="s">
        <v>43495</v>
      </c>
      <c r="B22224" s="1" t="s">
        <v>11432</v>
      </c>
      <c r="C22224" s="1" t="s">
        <v>43496</v>
      </c>
      <c r="D22224" s="2">
        <v>175052</v>
      </c>
      <c r="E22224" s="1" t="s">
        <v>0</v>
      </c>
    </row>
    <row r="22225" spans="1:5" ht="409.5" x14ac:dyDescent="0.25">
      <c r="A22225" s="4" t="s">
        <v>43497</v>
      </c>
      <c r="B22225" s="1" t="s">
        <v>62929</v>
      </c>
      <c r="C22225" s="1" t="s">
        <v>43498</v>
      </c>
      <c r="D22225" s="2">
        <v>175053</v>
      </c>
      <c r="E22225" s="1" t="s">
        <v>0</v>
      </c>
    </row>
    <row r="22226" spans="1:5" x14ac:dyDescent="0.25">
      <c r="A22226" s="1" t="s">
        <v>43499</v>
      </c>
      <c r="B22226" s="1" t="s">
        <v>55898</v>
      </c>
      <c r="C22226" s="1" t="s">
        <v>43500</v>
      </c>
      <c r="D22226" s="2">
        <v>175054</v>
      </c>
      <c r="E22226" s="1" t="s">
        <v>0</v>
      </c>
    </row>
    <row r="22227" spans="1:5" x14ac:dyDescent="0.25">
      <c r="A22227" s="2">
        <v>4445</v>
      </c>
      <c r="B22227" s="2">
        <v>4445</v>
      </c>
      <c r="C22227" s="1" t="s">
        <v>0</v>
      </c>
      <c r="D22227" s="2">
        <v>175055</v>
      </c>
      <c r="E22227" s="1" t="s">
        <v>0</v>
      </c>
    </row>
    <row r="22228" spans="1:5" x14ac:dyDescent="0.25">
      <c r="A22228" s="1" t="s">
        <v>4034</v>
      </c>
      <c r="B22228" s="1" t="s">
        <v>11433</v>
      </c>
      <c r="C22228" s="1" t="s">
        <v>43501</v>
      </c>
      <c r="D22228" s="2">
        <v>175056</v>
      </c>
      <c r="E22228" s="1" t="s">
        <v>0</v>
      </c>
    </row>
    <row r="22229" spans="1:5" x14ac:dyDescent="0.25">
      <c r="A22229" s="1" t="s">
        <v>43502</v>
      </c>
      <c r="B22229" s="1" t="s">
        <v>11434</v>
      </c>
      <c r="C22229" s="1" t="s">
        <v>43503</v>
      </c>
      <c r="D22229" s="2">
        <v>175057</v>
      </c>
      <c r="E22229" s="1" t="s">
        <v>0</v>
      </c>
    </row>
    <row r="22230" spans="1:5" ht="409.5" x14ac:dyDescent="0.25">
      <c r="A22230" s="4" t="s">
        <v>43504</v>
      </c>
      <c r="B22230" s="1" t="s">
        <v>51018</v>
      </c>
      <c r="C22230" s="1" t="s">
        <v>43505</v>
      </c>
      <c r="D22230" s="2">
        <v>175058</v>
      </c>
      <c r="E22230" s="1" t="s">
        <v>0</v>
      </c>
    </row>
    <row r="22231" spans="1:5" x14ac:dyDescent="0.25">
      <c r="A22231" s="1" t="s">
        <v>43506</v>
      </c>
      <c r="B22231" s="1" t="s">
        <v>11435</v>
      </c>
      <c r="C22231" s="1" t="s">
        <v>43507</v>
      </c>
      <c r="D22231" s="2">
        <v>175059</v>
      </c>
      <c r="E22231" s="1" t="s">
        <v>0</v>
      </c>
    </row>
    <row r="22232" spans="1:5" x14ac:dyDescent="0.25">
      <c r="A22232" s="2">
        <v>4446</v>
      </c>
      <c r="B22232" s="2">
        <v>4446</v>
      </c>
      <c r="C22232" s="1" t="s">
        <v>0</v>
      </c>
      <c r="D22232" s="2">
        <v>175060</v>
      </c>
      <c r="E22232" s="1" t="s">
        <v>0</v>
      </c>
    </row>
    <row r="22233" spans="1:5" x14ac:dyDescent="0.25">
      <c r="A22233" s="1" t="s">
        <v>4035</v>
      </c>
      <c r="B22233" s="1" t="s">
        <v>11436</v>
      </c>
      <c r="C22233" s="1" t="s">
        <v>43508</v>
      </c>
      <c r="D22233" s="2">
        <v>175061</v>
      </c>
      <c r="E22233" s="1" t="s">
        <v>0</v>
      </c>
    </row>
    <row r="22234" spans="1:5" x14ac:dyDescent="0.25">
      <c r="A22234" s="1" t="s">
        <v>43509</v>
      </c>
      <c r="B22234" s="1" t="s">
        <v>62930</v>
      </c>
      <c r="C22234" s="1" t="s">
        <v>43510</v>
      </c>
      <c r="D22234" s="2">
        <v>175062</v>
      </c>
      <c r="E22234" s="1" t="s">
        <v>0</v>
      </c>
    </row>
    <row r="22235" spans="1:5" ht="409.5" x14ac:dyDescent="0.25">
      <c r="A22235" s="4" t="s">
        <v>43511</v>
      </c>
      <c r="B22235" s="1" t="s">
        <v>62931</v>
      </c>
      <c r="C22235" s="1" t="s">
        <v>43512</v>
      </c>
      <c r="D22235" s="2">
        <v>175063</v>
      </c>
      <c r="E22235" s="1" t="s">
        <v>0</v>
      </c>
    </row>
    <row r="22236" spans="1:5" x14ac:dyDescent="0.25">
      <c r="A22236" s="1" t="s">
        <v>43513</v>
      </c>
      <c r="B22236" s="1" t="s">
        <v>11437</v>
      </c>
      <c r="C22236" s="1" t="s">
        <v>43514</v>
      </c>
      <c r="D22236" s="2">
        <v>175064</v>
      </c>
      <c r="E22236" s="1" t="s">
        <v>0</v>
      </c>
    </row>
    <row r="22237" spans="1:5" x14ac:dyDescent="0.25">
      <c r="A22237" s="2">
        <v>4447</v>
      </c>
      <c r="B22237" s="2">
        <v>4447</v>
      </c>
      <c r="C22237" s="1" t="s">
        <v>0</v>
      </c>
      <c r="D22237" s="2">
        <v>175065</v>
      </c>
      <c r="E22237" s="1" t="s">
        <v>0</v>
      </c>
    </row>
    <row r="22238" spans="1:5" x14ac:dyDescent="0.25">
      <c r="A22238" s="1" t="s">
        <v>4036</v>
      </c>
      <c r="B22238" s="1" t="s">
        <v>11438</v>
      </c>
      <c r="C22238" s="1" t="s">
        <v>43515</v>
      </c>
      <c r="D22238" s="2">
        <v>175066</v>
      </c>
      <c r="E22238" s="1" t="s">
        <v>0</v>
      </c>
    </row>
    <row r="22239" spans="1:5" x14ac:dyDescent="0.25">
      <c r="A22239" s="1" t="s">
        <v>43516</v>
      </c>
      <c r="B22239" s="1" t="s">
        <v>11439</v>
      </c>
      <c r="C22239" s="1" t="s">
        <v>43517</v>
      </c>
      <c r="D22239" s="2">
        <v>175067</v>
      </c>
      <c r="E22239" s="1" t="s">
        <v>0</v>
      </c>
    </row>
    <row r="22240" spans="1:5" ht="409.5" x14ac:dyDescent="0.25">
      <c r="A22240" s="4" t="s">
        <v>43518</v>
      </c>
      <c r="B22240" s="1" t="s">
        <v>62932</v>
      </c>
      <c r="C22240" s="1" t="s">
        <v>43519</v>
      </c>
      <c r="D22240" s="2">
        <v>175068</v>
      </c>
      <c r="E22240" s="1" t="s">
        <v>0</v>
      </c>
    </row>
    <row r="22241" spans="1:5" x14ac:dyDescent="0.25">
      <c r="A22241" s="1" t="s">
        <v>43520</v>
      </c>
      <c r="B22241" s="1" t="s">
        <v>55899</v>
      </c>
      <c r="C22241" s="1" t="s">
        <v>43521</v>
      </c>
      <c r="D22241" s="2">
        <v>175069</v>
      </c>
      <c r="E22241" s="1" t="s">
        <v>0</v>
      </c>
    </row>
    <row r="22242" spans="1:5" x14ac:dyDescent="0.25">
      <c r="A22242" s="2">
        <v>4448</v>
      </c>
      <c r="B22242" s="2">
        <v>4448</v>
      </c>
      <c r="C22242" s="1" t="s">
        <v>0</v>
      </c>
      <c r="D22242" s="2">
        <v>175070</v>
      </c>
      <c r="E22242" s="1" t="s">
        <v>0</v>
      </c>
    </row>
    <row r="22243" spans="1:5" x14ac:dyDescent="0.25">
      <c r="A22243" s="1" t="s">
        <v>11440</v>
      </c>
      <c r="B22243" s="1" t="s">
        <v>11441</v>
      </c>
      <c r="C22243" s="1" t="s">
        <v>43522</v>
      </c>
      <c r="D22243" s="2">
        <v>175071</v>
      </c>
      <c r="E22243" s="1" t="s">
        <v>0</v>
      </c>
    </row>
    <row r="22244" spans="1:5" x14ac:dyDescent="0.25">
      <c r="A22244" s="1" t="s">
        <v>43523</v>
      </c>
      <c r="B22244" s="1" t="s">
        <v>62933</v>
      </c>
      <c r="C22244" s="1" t="s">
        <v>43524</v>
      </c>
      <c r="D22244" s="2">
        <v>175072</v>
      </c>
      <c r="E22244" s="1" t="s">
        <v>0</v>
      </c>
    </row>
    <row r="22245" spans="1:5" ht="409.5" x14ac:dyDescent="0.25">
      <c r="A22245" s="4" t="s">
        <v>43525</v>
      </c>
      <c r="B22245" s="1" t="s">
        <v>62934</v>
      </c>
      <c r="C22245" s="1" t="s">
        <v>43526</v>
      </c>
      <c r="D22245" s="2">
        <v>175073</v>
      </c>
      <c r="E22245" s="1" t="s">
        <v>0</v>
      </c>
    </row>
    <row r="22246" spans="1:5" x14ac:dyDescent="0.25">
      <c r="A22246" s="1" t="s">
        <v>43527</v>
      </c>
      <c r="B22246" s="1" t="s">
        <v>55900</v>
      </c>
      <c r="C22246" s="1" t="s">
        <v>43528</v>
      </c>
      <c r="D22246" s="2">
        <v>175074</v>
      </c>
      <c r="E22246" s="1" t="s">
        <v>0</v>
      </c>
    </row>
    <row r="22247" spans="1:5" x14ac:dyDescent="0.25">
      <c r="A22247" s="2">
        <v>4449</v>
      </c>
      <c r="B22247" s="2">
        <v>4449</v>
      </c>
      <c r="C22247" s="1" t="s">
        <v>0</v>
      </c>
      <c r="D22247" s="2">
        <v>175075</v>
      </c>
      <c r="E22247" s="1" t="s">
        <v>0</v>
      </c>
    </row>
    <row r="22248" spans="1:5" x14ac:dyDescent="0.25">
      <c r="A22248" s="1" t="s">
        <v>4037</v>
      </c>
      <c r="B22248" s="1" t="s">
        <v>11442</v>
      </c>
      <c r="C22248" s="1" t="s">
        <v>43529</v>
      </c>
      <c r="D22248" s="2">
        <v>175076</v>
      </c>
      <c r="E22248" s="1" t="s">
        <v>0</v>
      </c>
    </row>
    <row r="22249" spans="1:5" x14ac:dyDescent="0.25">
      <c r="A22249" s="1" t="s">
        <v>43530</v>
      </c>
      <c r="B22249" s="1" t="s">
        <v>11443</v>
      </c>
      <c r="C22249" s="1" t="s">
        <v>43531</v>
      </c>
      <c r="D22249" s="2">
        <v>175077</v>
      </c>
      <c r="E22249" s="1" t="s">
        <v>0</v>
      </c>
    </row>
    <row r="22250" spans="1:5" ht="409.5" x14ac:dyDescent="0.25">
      <c r="A22250" s="4" t="s">
        <v>43532</v>
      </c>
      <c r="B22250" s="1" t="s">
        <v>11444</v>
      </c>
      <c r="C22250" s="1" t="s">
        <v>43533</v>
      </c>
      <c r="D22250" s="2">
        <v>175078</v>
      </c>
      <c r="E22250" s="1" t="s">
        <v>0</v>
      </c>
    </row>
    <row r="22251" spans="1:5" x14ac:dyDescent="0.25">
      <c r="A22251" s="1" t="s">
        <v>43534</v>
      </c>
      <c r="B22251" s="1" t="s">
        <v>55901</v>
      </c>
      <c r="C22251" s="1" t="s">
        <v>43535</v>
      </c>
      <c r="D22251" s="2">
        <v>175079</v>
      </c>
      <c r="E22251" s="1" t="s">
        <v>0</v>
      </c>
    </row>
    <row r="22252" spans="1:5" x14ac:dyDescent="0.25">
      <c r="A22252" s="2">
        <v>4450</v>
      </c>
      <c r="B22252" s="2">
        <v>4450</v>
      </c>
      <c r="C22252" s="1" t="s">
        <v>0</v>
      </c>
      <c r="D22252" s="2">
        <v>175080</v>
      </c>
      <c r="E22252" s="1" t="s">
        <v>0</v>
      </c>
    </row>
    <row r="22253" spans="1:5" x14ac:dyDescent="0.25">
      <c r="A22253" s="1" t="s">
        <v>4038</v>
      </c>
      <c r="B22253" s="1" t="s">
        <v>11445</v>
      </c>
      <c r="C22253" s="1" t="s">
        <v>43536</v>
      </c>
      <c r="D22253" s="2">
        <v>175081</v>
      </c>
      <c r="E22253" s="1" t="s">
        <v>0</v>
      </c>
    </row>
    <row r="22254" spans="1:5" x14ac:dyDescent="0.25">
      <c r="A22254" s="1" t="s">
        <v>43537</v>
      </c>
      <c r="B22254" s="1" t="s">
        <v>55902</v>
      </c>
      <c r="C22254" s="1" t="s">
        <v>43538</v>
      </c>
      <c r="D22254" s="2">
        <v>175082</v>
      </c>
      <c r="E22254" s="1" t="s">
        <v>0</v>
      </c>
    </row>
    <row r="22255" spans="1:5" ht="409.5" x14ac:dyDescent="0.25">
      <c r="A22255" s="4" t="s">
        <v>43539</v>
      </c>
      <c r="B22255" s="1" t="s">
        <v>55903</v>
      </c>
      <c r="C22255" s="1" t="s">
        <v>43540</v>
      </c>
      <c r="D22255" s="2">
        <v>175083</v>
      </c>
      <c r="E22255" s="1" t="s">
        <v>0</v>
      </c>
    </row>
    <row r="22256" spans="1:5" x14ac:dyDescent="0.25">
      <c r="A22256" s="1" t="s">
        <v>43541</v>
      </c>
      <c r="B22256" s="1" t="s">
        <v>61352</v>
      </c>
      <c r="C22256" s="1" t="s">
        <v>43542</v>
      </c>
      <c r="D22256" s="2">
        <v>175084</v>
      </c>
      <c r="E22256" s="1" t="s">
        <v>0</v>
      </c>
    </row>
    <row r="22257" spans="1:5" x14ac:dyDescent="0.25">
      <c r="A22257" s="2">
        <v>4451</v>
      </c>
      <c r="B22257" s="2">
        <v>4451</v>
      </c>
      <c r="C22257" s="1" t="s">
        <v>0</v>
      </c>
      <c r="D22257" s="2">
        <v>175085</v>
      </c>
      <c r="E22257" s="1" t="s">
        <v>0</v>
      </c>
    </row>
    <row r="22258" spans="1:5" x14ac:dyDescent="0.25">
      <c r="A22258" s="1" t="s">
        <v>4039</v>
      </c>
      <c r="B22258" s="1" t="s">
        <v>11446</v>
      </c>
      <c r="C22258" s="1" t="s">
        <v>43543</v>
      </c>
      <c r="D22258" s="2">
        <v>175086</v>
      </c>
      <c r="E22258" s="1" t="s">
        <v>0</v>
      </c>
    </row>
    <row r="22259" spans="1:5" x14ac:dyDescent="0.25">
      <c r="A22259" s="1" t="s">
        <v>43544</v>
      </c>
      <c r="B22259" s="1" t="s">
        <v>55904</v>
      </c>
      <c r="C22259" s="1" t="s">
        <v>43545</v>
      </c>
      <c r="D22259" s="2">
        <v>175087</v>
      </c>
      <c r="E22259" s="1" t="s">
        <v>0</v>
      </c>
    </row>
    <row r="22260" spans="1:5" ht="409.5" x14ac:dyDescent="0.25">
      <c r="A22260" s="4" t="s">
        <v>43546</v>
      </c>
      <c r="B22260" s="1" t="s">
        <v>58117</v>
      </c>
      <c r="C22260" s="1" t="s">
        <v>43547</v>
      </c>
      <c r="D22260" s="2">
        <v>175088</v>
      </c>
      <c r="E22260" s="1" t="s">
        <v>0</v>
      </c>
    </row>
    <row r="22261" spans="1:5" x14ac:dyDescent="0.25">
      <c r="A22261" s="1" t="s">
        <v>43548</v>
      </c>
      <c r="B22261" s="1" t="s">
        <v>11447</v>
      </c>
      <c r="C22261" s="1" t="s">
        <v>43549</v>
      </c>
      <c r="D22261" s="2">
        <v>175089</v>
      </c>
      <c r="E22261" s="1" t="s">
        <v>0</v>
      </c>
    </row>
    <row r="22262" spans="1:5" x14ac:dyDescent="0.25">
      <c r="A22262" s="2">
        <v>4452</v>
      </c>
      <c r="B22262" s="2">
        <v>4452</v>
      </c>
      <c r="C22262" s="1" t="s">
        <v>0</v>
      </c>
      <c r="D22262" s="2">
        <v>175090</v>
      </c>
      <c r="E22262" s="1" t="s">
        <v>0</v>
      </c>
    </row>
    <row r="22263" spans="1:5" x14ac:dyDescent="0.25">
      <c r="A22263" s="1" t="s">
        <v>4040</v>
      </c>
      <c r="B22263" s="1" t="s">
        <v>11448</v>
      </c>
      <c r="C22263" s="1" t="s">
        <v>43550</v>
      </c>
      <c r="D22263" s="2">
        <v>175091</v>
      </c>
      <c r="E22263" s="1" t="s">
        <v>0</v>
      </c>
    </row>
    <row r="22264" spans="1:5" x14ac:dyDescent="0.25">
      <c r="A22264" s="1" t="s">
        <v>43551</v>
      </c>
      <c r="B22264" s="1" t="s">
        <v>51019</v>
      </c>
      <c r="C22264" s="1" t="s">
        <v>43552</v>
      </c>
      <c r="D22264" s="2">
        <v>175092</v>
      </c>
      <c r="E22264" s="1" t="s">
        <v>0</v>
      </c>
    </row>
    <row r="22265" spans="1:5" ht="409.5" x14ac:dyDescent="0.25">
      <c r="A22265" s="4" t="s">
        <v>43553</v>
      </c>
      <c r="B22265" s="1" t="s">
        <v>55905</v>
      </c>
      <c r="C22265" s="1" t="s">
        <v>43554</v>
      </c>
      <c r="D22265" s="2">
        <v>175093</v>
      </c>
      <c r="E22265" s="1" t="s">
        <v>0</v>
      </c>
    </row>
    <row r="22266" spans="1:5" x14ac:dyDescent="0.25">
      <c r="A22266" s="1" t="s">
        <v>43555</v>
      </c>
      <c r="B22266" s="1" t="s">
        <v>51020</v>
      </c>
      <c r="C22266" s="1" t="s">
        <v>43556</v>
      </c>
      <c r="D22266" s="2">
        <v>175094</v>
      </c>
      <c r="E22266" s="1" t="s">
        <v>0</v>
      </c>
    </row>
    <row r="22267" spans="1:5" x14ac:dyDescent="0.25">
      <c r="A22267" s="2">
        <v>4453</v>
      </c>
      <c r="B22267" s="2">
        <v>4453</v>
      </c>
      <c r="C22267" s="1" t="s">
        <v>0</v>
      </c>
      <c r="D22267" s="2">
        <v>175095</v>
      </c>
      <c r="E22267" s="1" t="s">
        <v>0</v>
      </c>
    </row>
    <row r="22268" spans="1:5" x14ac:dyDescent="0.25">
      <c r="A22268" s="1" t="s">
        <v>4041</v>
      </c>
      <c r="B22268" s="1" t="s">
        <v>55906</v>
      </c>
      <c r="C22268" s="1" t="s">
        <v>43557</v>
      </c>
      <c r="D22268" s="2">
        <v>175096</v>
      </c>
      <c r="E22268" s="1" t="s">
        <v>0</v>
      </c>
    </row>
    <row r="22269" spans="1:5" x14ac:dyDescent="0.25">
      <c r="A22269" s="1" t="s">
        <v>43558</v>
      </c>
      <c r="B22269" s="1" t="s">
        <v>62935</v>
      </c>
      <c r="C22269" s="1" t="s">
        <v>43559</v>
      </c>
      <c r="D22269" s="2">
        <v>175097</v>
      </c>
      <c r="E22269" s="1" t="s">
        <v>0</v>
      </c>
    </row>
    <row r="22270" spans="1:5" ht="409.5" x14ac:dyDescent="0.25">
      <c r="A22270" s="4" t="s">
        <v>43560</v>
      </c>
      <c r="B22270" s="1" t="s">
        <v>62936</v>
      </c>
      <c r="C22270" s="1" t="s">
        <v>43561</v>
      </c>
      <c r="D22270" s="2">
        <v>175098</v>
      </c>
      <c r="E22270" s="1" t="s">
        <v>0</v>
      </c>
    </row>
    <row r="22271" spans="1:5" x14ac:dyDescent="0.25">
      <c r="A22271" s="1" t="s">
        <v>43562</v>
      </c>
      <c r="B22271" s="1" t="s">
        <v>61353</v>
      </c>
      <c r="C22271" s="1" t="s">
        <v>43563</v>
      </c>
      <c r="D22271" s="2">
        <v>175099</v>
      </c>
      <c r="E22271" s="1" t="s">
        <v>0</v>
      </c>
    </row>
    <row r="22272" spans="1:5" x14ac:dyDescent="0.25">
      <c r="A22272" s="2">
        <v>4454</v>
      </c>
      <c r="B22272" s="2">
        <v>4454</v>
      </c>
      <c r="C22272" s="1" t="s">
        <v>0</v>
      </c>
      <c r="D22272" s="2">
        <v>175100</v>
      </c>
      <c r="E22272" s="1" t="s">
        <v>0</v>
      </c>
    </row>
    <row r="22273" spans="1:5" x14ac:dyDescent="0.25">
      <c r="A22273" s="1" t="s">
        <v>4042</v>
      </c>
      <c r="B22273" s="1" t="s">
        <v>11449</v>
      </c>
      <c r="C22273" s="1" t="s">
        <v>43564</v>
      </c>
      <c r="D22273" s="2">
        <v>175101</v>
      </c>
      <c r="E22273" s="1" t="s">
        <v>0</v>
      </c>
    </row>
    <row r="22274" spans="1:5" x14ac:dyDescent="0.25">
      <c r="A22274" s="1" t="s">
        <v>43565</v>
      </c>
      <c r="B22274" s="1" t="s">
        <v>56867</v>
      </c>
      <c r="C22274" s="1" t="s">
        <v>43566</v>
      </c>
      <c r="D22274" s="2">
        <v>175102</v>
      </c>
      <c r="E22274" s="1" t="s">
        <v>0</v>
      </c>
    </row>
    <row r="22275" spans="1:5" ht="409.5" x14ac:dyDescent="0.25">
      <c r="A22275" s="4" t="s">
        <v>43567</v>
      </c>
      <c r="B22275" s="1" t="s">
        <v>56868</v>
      </c>
      <c r="C22275" s="1" t="s">
        <v>43568</v>
      </c>
      <c r="D22275" s="2">
        <v>175103</v>
      </c>
      <c r="E22275" s="1" t="s">
        <v>0</v>
      </c>
    </row>
    <row r="22276" spans="1:5" x14ac:dyDescent="0.25">
      <c r="A22276" s="1" t="s">
        <v>43569</v>
      </c>
      <c r="B22276" s="1" t="s">
        <v>55907</v>
      </c>
      <c r="C22276" s="1" t="s">
        <v>43570</v>
      </c>
      <c r="D22276" s="2">
        <v>175104</v>
      </c>
      <c r="E22276" s="1" t="s">
        <v>0</v>
      </c>
    </row>
    <row r="22277" spans="1:5" x14ac:dyDescent="0.25">
      <c r="A22277" s="2">
        <v>4455</v>
      </c>
      <c r="B22277" s="2">
        <v>4455</v>
      </c>
      <c r="C22277" s="1" t="s">
        <v>0</v>
      </c>
      <c r="D22277" s="2">
        <v>175105</v>
      </c>
      <c r="E22277" s="1" t="s">
        <v>0</v>
      </c>
    </row>
    <row r="22278" spans="1:5" x14ac:dyDescent="0.25">
      <c r="A22278" s="1" t="s">
        <v>11450</v>
      </c>
      <c r="B22278" s="1" t="s">
        <v>56973</v>
      </c>
      <c r="C22278" s="1" t="s">
        <v>43571</v>
      </c>
      <c r="D22278" s="2">
        <v>175106</v>
      </c>
      <c r="E22278" s="1" t="s">
        <v>0</v>
      </c>
    </row>
    <row r="22279" spans="1:5" x14ac:dyDescent="0.25">
      <c r="A22279" s="1" t="s">
        <v>43572</v>
      </c>
      <c r="B22279" s="1" t="s">
        <v>62937</v>
      </c>
      <c r="C22279" s="1" t="s">
        <v>43573</v>
      </c>
      <c r="D22279" s="2">
        <v>175107</v>
      </c>
      <c r="E22279" s="1" t="s">
        <v>0</v>
      </c>
    </row>
    <row r="22280" spans="1:5" ht="409.5" x14ac:dyDescent="0.25">
      <c r="A22280" s="4" t="s">
        <v>43574</v>
      </c>
      <c r="B22280" s="1" t="s">
        <v>62938</v>
      </c>
      <c r="C22280" s="1" t="s">
        <v>43575</v>
      </c>
      <c r="D22280" s="2">
        <v>175108</v>
      </c>
      <c r="E22280" s="1" t="s">
        <v>0</v>
      </c>
    </row>
    <row r="22281" spans="1:5" x14ac:dyDescent="0.25">
      <c r="A22281" s="1" t="s">
        <v>43576</v>
      </c>
      <c r="B22281" s="1" t="s">
        <v>55908</v>
      </c>
      <c r="C22281" s="1" t="s">
        <v>43577</v>
      </c>
      <c r="D22281" s="2">
        <v>175109</v>
      </c>
      <c r="E22281" s="1" t="s">
        <v>0</v>
      </c>
    </row>
    <row r="22282" spans="1:5" x14ac:dyDescent="0.25">
      <c r="A22282" s="2">
        <v>4456</v>
      </c>
      <c r="B22282" s="2">
        <v>4456</v>
      </c>
      <c r="C22282" s="1" t="s">
        <v>0</v>
      </c>
      <c r="D22282" s="2">
        <v>175110</v>
      </c>
      <c r="E22282" s="1" t="s">
        <v>0</v>
      </c>
    </row>
    <row r="22283" spans="1:5" x14ac:dyDescent="0.25">
      <c r="A22283" s="1" t="s">
        <v>4043</v>
      </c>
      <c r="B22283" s="1" t="s">
        <v>11451</v>
      </c>
      <c r="C22283" s="1" t="s">
        <v>43578</v>
      </c>
      <c r="D22283" s="2">
        <v>175111</v>
      </c>
      <c r="E22283" s="1" t="s">
        <v>0</v>
      </c>
    </row>
    <row r="22284" spans="1:5" x14ac:dyDescent="0.25">
      <c r="A22284" s="1" t="s">
        <v>43579</v>
      </c>
      <c r="B22284" s="1" t="s">
        <v>11452</v>
      </c>
      <c r="C22284" s="1" t="s">
        <v>43580</v>
      </c>
      <c r="D22284" s="2">
        <v>175112</v>
      </c>
      <c r="E22284" s="1" t="s">
        <v>0</v>
      </c>
    </row>
    <row r="22285" spans="1:5" ht="409.5" x14ac:dyDescent="0.25">
      <c r="A22285" s="4" t="s">
        <v>43581</v>
      </c>
      <c r="B22285" s="1" t="s">
        <v>58948</v>
      </c>
      <c r="C22285" s="1" t="s">
        <v>43582</v>
      </c>
      <c r="D22285" s="2">
        <v>175113</v>
      </c>
      <c r="E22285" s="1" t="s">
        <v>0</v>
      </c>
    </row>
    <row r="22286" spans="1:5" x14ac:dyDescent="0.25">
      <c r="A22286" s="1" t="s">
        <v>43583</v>
      </c>
      <c r="B22286" s="1" t="s">
        <v>11453</v>
      </c>
      <c r="C22286" s="1" t="s">
        <v>43584</v>
      </c>
      <c r="D22286" s="2">
        <v>175114</v>
      </c>
      <c r="E22286" s="1" t="s">
        <v>0</v>
      </c>
    </row>
    <row r="22287" spans="1:5" x14ac:dyDescent="0.25">
      <c r="A22287" s="2">
        <v>4457</v>
      </c>
      <c r="B22287" s="2">
        <v>4457</v>
      </c>
      <c r="C22287" s="1" t="s">
        <v>0</v>
      </c>
      <c r="D22287" s="2">
        <v>175115</v>
      </c>
      <c r="E22287" s="1" t="s">
        <v>0</v>
      </c>
    </row>
    <row r="22288" spans="1:5" x14ac:dyDescent="0.25">
      <c r="A22288" s="1" t="s">
        <v>4044</v>
      </c>
      <c r="B22288" s="1" t="s">
        <v>11454</v>
      </c>
      <c r="C22288" s="1" t="s">
        <v>43585</v>
      </c>
      <c r="D22288" s="2">
        <v>175116</v>
      </c>
      <c r="E22288" s="1" t="s">
        <v>0</v>
      </c>
    </row>
    <row r="22289" spans="1:5" x14ac:dyDescent="0.25">
      <c r="A22289" s="1" t="s">
        <v>43586</v>
      </c>
      <c r="B22289" s="1" t="s">
        <v>11455</v>
      </c>
      <c r="C22289" s="1" t="s">
        <v>43587</v>
      </c>
      <c r="D22289" s="2">
        <v>175117</v>
      </c>
      <c r="E22289" s="1" t="s">
        <v>0</v>
      </c>
    </row>
    <row r="22290" spans="1:5" ht="409.5" x14ac:dyDescent="0.25">
      <c r="A22290" s="4" t="s">
        <v>43588</v>
      </c>
      <c r="B22290" s="1" t="s">
        <v>55909</v>
      </c>
      <c r="C22290" s="1" t="s">
        <v>43589</v>
      </c>
      <c r="D22290" s="2">
        <v>175118</v>
      </c>
      <c r="E22290" s="1" t="s">
        <v>0</v>
      </c>
    </row>
    <row r="22291" spans="1:5" x14ac:dyDescent="0.25">
      <c r="A22291" s="1" t="s">
        <v>43590</v>
      </c>
      <c r="B22291" s="1" t="s">
        <v>11456</v>
      </c>
      <c r="C22291" s="1" t="s">
        <v>43591</v>
      </c>
      <c r="D22291" s="2">
        <v>175119</v>
      </c>
      <c r="E22291" s="1" t="s">
        <v>0</v>
      </c>
    </row>
    <row r="22292" spans="1:5" x14ac:dyDescent="0.25">
      <c r="A22292" s="2">
        <v>4458</v>
      </c>
      <c r="B22292" s="2">
        <v>4458</v>
      </c>
      <c r="C22292" s="1" t="s">
        <v>0</v>
      </c>
      <c r="D22292" s="2">
        <v>175120</v>
      </c>
      <c r="E22292" s="1" t="s">
        <v>0</v>
      </c>
    </row>
    <row r="22293" spans="1:5" x14ac:dyDescent="0.25">
      <c r="A22293" s="1" t="s">
        <v>43592</v>
      </c>
      <c r="B22293" s="1" t="s">
        <v>11457</v>
      </c>
      <c r="C22293" s="1" t="s">
        <v>43593</v>
      </c>
      <c r="D22293" s="2">
        <v>175121</v>
      </c>
      <c r="E22293" s="1" t="s">
        <v>0</v>
      </c>
    </row>
    <row r="22294" spans="1:5" x14ac:dyDescent="0.25">
      <c r="A22294" s="1" t="s">
        <v>43594</v>
      </c>
      <c r="B22294" s="1" t="s">
        <v>13281</v>
      </c>
      <c r="C22294" s="1" t="s">
        <v>43595</v>
      </c>
      <c r="D22294" s="2">
        <v>175122</v>
      </c>
      <c r="E22294" s="1" t="s">
        <v>0</v>
      </c>
    </row>
    <row r="22295" spans="1:5" ht="409.5" x14ac:dyDescent="0.25">
      <c r="A22295" s="4" t="s">
        <v>43596</v>
      </c>
      <c r="B22295" s="1" t="s">
        <v>59709</v>
      </c>
      <c r="C22295" s="1" t="s">
        <v>43597</v>
      </c>
      <c r="D22295" s="2">
        <v>175123</v>
      </c>
      <c r="E22295" s="1" t="s">
        <v>0</v>
      </c>
    </row>
    <row r="22296" spans="1:5" x14ac:dyDescent="0.25">
      <c r="A22296" s="1" t="s">
        <v>43598</v>
      </c>
      <c r="B22296" s="1" t="s">
        <v>55910</v>
      </c>
      <c r="C22296" s="1" t="s">
        <v>43599</v>
      </c>
      <c r="D22296" s="2">
        <v>175124</v>
      </c>
      <c r="E22296" s="1" t="s">
        <v>0</v>
      </c>
    </row>
    <row r="22297" spans="1:5" x14ac:dyDescent="0.25">
      <c r="A22297" s="2">
        <v>4459</v>
      </c>
      <c r="B22297" s="2">
        <v>4459</v>
      </c>
      <c r="C22297" s="1" t="s">
        <v>0</v>
      </c>
      <c r="D22297" s="2">
        <v>175125</v>
      </c>
      <c r="E22297" s="1" t="s">
        <v>0</v>
      </c>
    </row>
    <row r="22298" spans="1:5" x14ac:dyDescent="0.25">
      <c r="A22298" s="1" t="s">
        <v>4045</v>
      </c>
      <c r="B22298" s="1" t="s">
        <v>11458</v>
      </c>
      <c r="C22298" s="1" t="s">
        <v>43600</v>
      </c>
      <c r="D22298" s="2">
        <v>175126</v>
      </c>
      <c r="E22298" s="1" t="s">
        <v>0</v>
      </c>
    </row>
    <row r="22299" spans="1:5" x14ac:dyDescent="0.25">
      <c r="A22299" s="1" t="s">
        <v>43601</v>
      </c>
      <c r="B22299" s="1" t="s">
        <v>51021</v>
      </c>
      <c r="C22299" s="1" t="s">
        <v>43602</v>
      </c>
      <c r="D22299" s="2">
        <v>175127</v>
      </c>
      <c r="E22299" s="1" t="s">
        <v>0</v>
      </c>
    </row>
    <row r="22300" spans="1:5" ht="409.5" x14ac:dyDescent="0.25">
      <c r="A22300" s="4" t="s">
        <v>43603</v>
      </c>
      <c r="B22300" s="1" t="s">
        <v>55911</v>
      </c>
      <c r="C22300" s="1" t="s">
        <v>43604</v>
      </c>
      <c r="D22300" s="2">
        <v>175128</v>
      </c>
      <c r="E22300" s="1" t="s">
        <v>0</v>
      </c>
    </row>
    <row r="22301" spans="1:5" x14ac:dyDescent="0.25">
      <c r="A22301" s="1" t="s">
        <v>43605</v>
      </c>
      <c r="B22301" s="1" t="s">
        <v>11459</v>
      </c>
      <c r="C22301" s="1" t="s">
        <v>43606</v>
      </c>
      <c r="D22301" s="2">
        <v>175129</v>
      </c>
      <c r="E22301" s="1" t="s">
        <v>0</v>
      </c>
    </row>
    <row r="22302" spans="1:5" x14ac:dyDescent="0.25">
      <c r="A22302" s="2">
        <v>4460</v>
      </c>
      <c r="B22302" s="2">
        <v>4460</v>
      </c>
      <c r="C22302" s="1" t="s">
        <v>0</v>
      </c>
      <c r="D22302" s="2">
        <v>175130</v>
      </c>
      <c r="E22302" s="1" t="s">
        <v>0</v>
      </c>
    </row>
    <row r="22303" spans="1:5" x14ac:dyDescent="0.25">
      <c r="A22303" s="1" t="s">
        <v>4046</v>
      </c>
      <c r="B22303" s="1" t="s">
        <v>11460</v>
      </c>
      <c r="C22303" s="1" t="s">
        <v>43607</v>
      </c>
      <c r="D22303" s="2">
        <v>175131</v>
      </c>
      <c r="E22303" s="1" t="s">
        <v>0</v>
      </c>
    </row>
    <row r="22304" spans="1:5" x14ac:dyDescent="0.25">
      <c r="A22304" s="1" t="s">
        <v>43608</v>
      </c>
      <c r="B22304" s="1" t="s">
        <v>62939</v>
      </c>
      <c r="C22304" s="1" t="s">
        <v>43609</v>
      </c>
      <c r="D22304" s="2">
        <v>175132</v>
      </c>
      <c r="E22304" s="1" t="s">
        <v>0</v>
      </c>
    </row>
    <row r="22305" spans="1:5" ht="409.5" x14ac:dyDescent="0.25">
      <c r="A22305" s="4" t="s">
        <v>43610</v>
      </c>
      <c r="B22305" s="1" t="s">
        <v>62940</v>
      </c>
      <c r="C22305" s="1" t="s">
        <v>43611</v>
      </c>
      <c r="D22305" s="2">
        <v>175133</v>
      </c>
      <c r="E22305" s="1" t="s">
        <v>0</v>
      </c>
    </row>
    <row r="22306" spans="1:5" x14ac:dyDescent="0.25">
      <c r="A22306" s="1" t="s">
        <v>43612</v>
      </c>
      <c r="B22306" s="1" t="s">
        <v>55912</v>
      </c>
      <c r="C22306" s="1" t="s">
        <v>43613</v>
      </c>
      <c r="D22306" s="2">
        <v>175134</v>
      </c>
      <c r="E22306" s="1" t="s">
        <v>0</v>
      </c>
    </row>
    <row r="22307" spans="1:5" x14ac:dyDescent="0.25">
      <c r="A22307" s="2">
        <v>4461</v>
      </c>
      <c r="B22307" s="2">
        <v>4461</v>
      </c>
      <c r="C22307" s="1" t="s">
        <v>0</v>
      </c>
      <c r="D22307" s="2">
        <v>175135</v>
      </c>
      <c r="E22307" s="1" t="s">
        <v>0</v>
      </c>
    </row>
    <row r="22308" spans="1:5" x14ac:dyDescent="0.25">
      <c r="A22308" s="1" t="s">
        <v>4047</v>
      </c>
      <c r="B22308" s="1" t="s">
        <v>11461</v>
      </c>
      <c r="C22308" s="1" t="s">
        <v>43614</v>
      </c>
      <c r="D22308" s="2">
        <v>175136</v>
      </c>
      <c r="E22308" s="1" t="s">
        <v>0</v>
      </c>
    </row>
    <row r="22309" spans="1:5" x14ac:dyDescent="0.25">
      <c r="A22309" s="1" t="s">
        <v>43615</v>
      </c>
      <c r="B22309" s="1" t="s">
        <v>55913</v>
      </c>
      <c r="C22309" s="1" t="s">
        <v>43616</v>
      </c>
      <c r="D22309" s="2">
        <v>175137</v>
      </c>
      <c r="E22309" s="1" t="s">
        <v>0</v>
      </c>
    </row>
    <row r="22310" spans="1:5" ht="409.5" x14ac:dyDescent="0.25">
      <c r="A22310" s="4" t="s">
        <v>43617</v>
      </c>
      <c r="B22310" s="1" t="s">
        <v>58571</v>
      </c>
      <c r="C22310" s="1" t="s">
        <v>43618</v>
      </c>
      <c r="D22310" s="2">
        <v>175138</v>
      </c>
      <c r="E22310" s="1" t="s">
        <v>0</v>
      </c>
    </row>
    <row r="22311" spans="1:5" x14ac:dyDescent="0.25">
      <c r="A22311" s="1" t="s">
        <v>43619</v>
      </c>
      <c r="B22311" s="1" t="s">
        <v>11462</v>
      </c>
      <c r="C22311" s="1" t="s">
        <v>43620</v>
      </c>
      <c r="D22311" s="2">
        <v>175139</v>
      </c>
      <c r="E22311" s="1" t="s">
        <v>0</v>
      </c>
    </row>
    <row r="22312" spans="1:5" x14ac:dyDescent="0.25">
      <c r="A22312" s="2">
        <v>4462</v>
      </c>
      <c r="B22312" s="2">
        <v>4462</v>
      </c>
      <c r="C22312" s="1" t="s">
        <v>0</v>
      </c>
      <c r="D22312" s="2">
        <v>175140</v>
      </c>
      <c r="E22312" s="1" t="s">
        <v>0</v>
      </c>
    </row>
    <row r="22313" spans="1:5" x14ac:dyDescent="0.25">
      <c r="A22313" s="1" t="s">
        <v>4048</v>
      </c>
      <c r="B22313" s="1" t="s">
        <v>11463</v>
      </c>
      <c r="C22313" s="1" t="s">
        <v>43621</v>
      </c>
      <c r="D22313" s="2">
        <v>175141</v>
      </c>
      <c r="E22313" s="1" t="s">
        <v>0</v>
      </c>
    </row>
    <row r="22314" spans="1:5" x14ac:dyDescent="0.25">
      <c r="A22314" s="1" t="s">
        <v>43622</v>
      </c>
      <c r="B22314" s="1" t="s">
        <v>55914</v>
      </c>
      <c r="C22314" s="1" t="s">
        <v>43623</v>
      </c>
      <c r="D22314" s="2">
        <v>175142</v>
      </c>
      <c r="E22314" s="1" t="s">
        <v>0</v>
      </c>
    </row>
    <row r="22315" spans="1:5" ht="409.5" x14ac:dyDescent="0.25">
      <c r="A22315" s="4" t="s">
        <v>43624</v>
      </c>
      <c r="B22315" s="1" t="s">
        <v>57053</v>
      </c>
      <c r="C22315" s="1" t="s">
        <v>43625</v>
      </c>
      <c r="D22315" s="2">
        <v>175143</v>
      </c>
      <c r="E22315" s="1" t="s">
        <v>0</v>
      </c>
    </row>
    <row r="22316" spans="1:5" x14ac:dyDescent="0.25">
      <c r="A22316" s="1" t="s">
        <v>43626</v>
      </c>
      <c r="B22316" s="1" t="s">
        <v>55915</v>
      </c>
      <c r="C22316" s="1" t="s">
        <v>43627</v>
      </c>
      <c r="D22316" s="2">
        <v>175144</v>
      </c>
      <c r="E22316" s="1" t="s">
        <v>0</v>
      </c>
    </row>
    <row r="22317" spans="1:5" x14ac:dyDescent="0.25">
      <c r="A22317" s="2">
        <v>4463</v>
      </c>
      <c r="B22317" s="2">
        <v>4463</v>
      </c>
      <c r="C22317" s="1" t="s">
        <v>0</v>
      </c>
      <c r="D22317" s="2">
        <v>175145</v>
      </c>
      <c r="E22317" s="1" t="s">
        <v>0</v>
      </c>
    </row>
    <row r="22318" spans="1:5" x14ac:dyDescent="0.25">
      <c r="A22318" s="1" t="s">
        <v>4049</v>
      </c>
      <c r="B22318" s="1" t="s">
        <v>51022</v>
      </c>
      <c r="C22318" s="1" t="s">
        <v>43628</v>
      </c>
      <c r="D22318" s="2">
        <v>175146</v>
      </c>
      <c r="E22318" s="1" t="s">
        <v>0</v>
      </c>
    </row>
    <row r="22319" spans="1:5" x14ac:dyDescent="0.25">
      <c r="A22319" s="1" t="s">
        <v>43629</v>
      </c>
      <c r="B22319" s="1" t="s">
        <v>63823</v>
      </c>
      <c r="C22319" s="1" t="s">
        <v>43630</v>
      </c>
      <c r="D22319" s="2">
        <v>175147</v>
      </c>
      <c r="E22319" s="1" t="s">
        <v>0</v>
      </c>
    </row>
    <row r="22320" spans="1:5" ht="409.5" x14ac:dyDescent="0.25">
      <c r="A22320" s="4" t="s">
        <v>43631</v>
      </c>
      <c r="B22320" s="1" t="s">
        <v>63824</v>
      </c>
      <c r="C22320" s="1" t="s">
        <v>43632</v>
      </c>
      <c r="D22320" s="2">
        <v>175148</v>
      </c>
      <c r="E22320" s="1" t="s">
        <v>0</v>
      </c>
    </row>
    <row r="22321" spans="1:5" x14ac:dyDescent="0.25">
      <c r="A22321" s="1" t="s">
        <v>43633</v>
      </c>
      <c r="B22321" s="1" t="s">
        <v>55916</v>
      </c>
      <c r="C22321" s="1" t="s">
        <v>43634</v>
      </c>
      <c r="D22321" s="2">
        <v>175149</v>
      </c>
      <c r="E22321" s="1" t="s">
        <v>0</v>
      </c>
    </row>
    <row r="22322" spans="1:5" x14ac:dyDescent="0.25">
      <c r="A22322" s="2">
        <v>4464</v>
      </c>
      <c r="B22322" s="2">
        <v>4464</v>
      </c>
      <c r="C22322" s="1" t="s">
        <v>0</v>
      </c>
      <c r="D22322" s="2">
        <v>175150</v>
      </c>
      <c r="E22322" s="1" t="s">
        <v>0</v>
      </c>
    </row>
    <row r="22323" spans="1:5" x14ac:dyDescent="0.25">
      <c r="A22323" s="1" t="s">
        <v>4050</v>
      </c>
      <c r="B22323" s="1" t="s">
        <v>11464</v>
      </c>
      <c r="C22323" s="1" t="s">
        <v>43635</v>
      </c>
      <c r="D22323" s="2">
        <v>175151</v>
      </c>
      <c r="E22323" s="1" t="s">
        <v>0</v>
      </c>
    </row>
    <row r="22324" spans="1:5" x14ac:dyDescent="0.25">
      <c r="A22324" s="1" t="s">
        <v>43636</v>
      </c>
      <c r="B22324" s="1" t="s">
        <v>11465</v>
      </c>
      <c r="C22324" s="1" t="s">
        <v>43637</v>
      </c>
      <c r="D22324" s="2">
        <v>175152</v>
      </c>
      <c r="E22324" s="1" t="s">
        <v>0</v>
      </c>
    </row>
    <row r="22325" spans="1:5" ht="409.5" x14ac:dyDescent="0.25">
      <c r="A22325" s="4" t="s">
        <v>43638</v>
      </c>
      <c r="B22325" s="1" t="s">
        <v>43639</v>
      </c>
      <c r="C22325" s="1" t="s">
        <v>43640</v>
      </c>
      <c r="D22325" s="2">
        <v>175153</v>
      </c>
      <c r="E22325" s="1" t="s">
        <v>0</v>
      </c>
    </row>
    <row r="22326" spans="1:5" x14ac:dyDescent="0.25">
      <c r="A22326" s="1" t="s">
        <v>43641</v>
      </c>
      <c r="B22326" s="1" t="s">
        <v>61354</v>
      </c>
      <c r="C22326" s="1" t="s">
        <v>43642</v>
      </c>
      <c r="D22326" s="2">
        <v>175154</v>
      </c>
      <c r="E22326" s="1" t="s">
        <v>0</v>
      </c>
    </row>
    <row r="22327" spans="1:5" x14ac:dyDescent="0.25">
      <c r="A22327" s="2">
        <v>4465</v>
      </c>
      <c r="B22327" s="2">
        <v>4465</v>
      </c>
      <c r="C22327" s="1" t="s">
        <v>0</v>
      </c>
      <c r="D22327" s="2">
        <v>175155</v>
      </c>
      <c r="E22327" s="1" t="s">
        <v>0</v>
      </c>
    </row>
    <row r="22328" spans="1:5" x14ac:dyDescent="0.25">
      <c r="A22328" s="1" t="s">
        <v>4051</v>
      </c>
      <c r="B22328" s="1" t="s">
        <v>11466</v>
      </c>
      <c r="C22328" s="1" t="s">
        <v>43643</v>
      </c>
      <c r="D22328" s="2">
        <v>175156</v>
      </c>
      <c r="E22328" s="1" t="s">
        <v>0</v>
      </c>
    </row>
    <row r="22329" spans="1:5" x14ac:dyDescent="0.25">
      <c r="A22329" s="1" t="s">
        <v>43644</v>
      </c>
      <c r="B22329" s="1" t="s">
        <v>58845</v>
      </c>
      <c r="C22329" s="1" t="s">
        <v>43645</v>
      </c>
      <c r="D22329" s="2">
        <v>175157</v>
      </c>
      <c r="E22329" s="1" t="s">
        <v>0</v>
      </c>
    </row>
    <row r="22330" spans="1:5" ht="409.5" x14ac:dyDescent="0.25">
      <c r="A22330" s="4" t="s">
        <v>43646</v>
      </c>
      <c r="B22330" s="1" t="s">
        <v>58846</v>
      </c>
      <c r="C22330" s="1" t="s">
        <v>43647</v>
      </c>
      <c r="D22330" s="2">
        <v>175158</v>
      </c>
      <c r="E22330" s="1" t="s">
        <v>0</v>
      </c>
    </row>
    <row r="22331" spans="1:5" x14ac:dyDescent="0.25">
      <c r="A22331" s="1" t="s">
        <v>43648</v>
      </c>
      <c r="B22331" s="1" t="s">
        <v>55917</v>
      </c>
      <c r="C22331" s="1" t="s">
        <v>43649</v>
      </c>
      <c r="D22331" s="2">
        <v>175159</v>
      </c>
      <c r="E22331" s="1" t="s">
        <v>0</v>
      </c>
    </row>
    <row r="22332" spans="1:5" x14ac:dyDescent="0.25">
      <c r="A22332" s="2">
        <v>4466</v>
      </c>
      <c r="B22332" s="2">
        <v>4466</v>
      </c>
      <c r="C22332" s="1" t="s">
        <v>0</v>
      </c>
      <c r="D22332" s="2">
        <v>175160</v>
      </c>
      <c r="E22332" s="1" t="s">
        <v>0</v>
      </c>
    </row>
    <row r="22333" spans="1:5" x14ac:dyDescent="0.25">
      <c r="A22333" s="1" t="s">
        <v>4052</v>
      </c>
      <c r="B22333" s="1" t="s">
        <v>11467</v>
      </c>
      <c r="C22333" s="1" t="s">
        <v>43650</v>
      </c>
      <c r="D22333" s="2">
        <v>175161</v>
      </c>
      <c r="E22333" s="1" t="s">
        <v>0</v>
      </c>
    </row>
    <row r="22334" spans="1:5" x14ac:dyDescent="0.25">
      <c r="A22334" s="1" t="s">
        <v>43651</v>
      </c>
      <c r="B22334" s="1" t="s">
        <v>59087</v>
      </c>
      <c r="C22334" s="1" t="s">
        <v>43652</v>
      </c>
      <c r="D22334" s="2">
        <v>175162</v>
      </c>
      <c r="E22334" s="1" t="s">
        <v>0</v>
      </c>
    </row>
    <row r="22335" spans="1:5" ht="409.5" x14ac:dyDescent="0.25">
      <c r="A22335" s="4" t="s">
        <v>43653</v>
      </c>
      <c r="B22335" s="1" t="s">
        <v>59088</v>
      </c>
      <c r="C22335" s="1" t="s">
        <v>43654</v>
      </c>
      <c r="D22335" s="2">
        <v>175163</v>
      </c>
      <c r="E22335" s="1" t="s">
        <v>0</v>
      </c>
    </row>
    <row r="22336" spans="1:5" x14ac:dyDescent="0.25">
      <c r="A22336" s="1" t="s">
        <v>43655</v>
      </c>
      <c r="B22336" s="1" t="s">
        <v>11468</v>
      </c>
      <c r="C22336" s="1" t="s">
        <v>43656</v>
      </c>
      <c r="D22336" s="2">
        <v>175164</v>
      </c>
      <c r="E22336" s="1" t="s">
        <v>0</v>
      </c>
    </row>
    <row r="22337" spans="1:5" x14ac:dyDescent="0.25">
      <c r="A22337" s="2">
        <v>4467</v>
      </c>
      <c r="B22337" s="2">
        <v>4467</v>
      </c>
      <c r="C22337" s="1" t="s">
        <v>0</v>
      </c>
      <c r="D22337" s="2">
        <v>175165</v>
      </c>
      <c r="E22337" s="1" t="s">
        <v>0</v>
      </c>
    </row>
    <row r="22338" spans="1:5" x14ac:dyDescent="0.25">
      <c r="A22338" s="1" t="s">
        <v>4053</v>
      </c>
      <c r="B22338" s="1" t="s">
        <v>51023</v>
      </c>
      <c r="C22338" s="1" t="s">
        <v>43657</v>
      </c>
      <c r="D22338" s="2">
        <v>175166</v>
      </c>
      <c r="E22338" s="1" t="s">
        <v>0</v>
      </c>
    </row>
    <row r="22339" spans="1:5" x14ac:dyDescent="0.25">
      <c r="A22339" s="1" t="s">
        <v>43658</v>
      </c>
      <c r="B22339" s="1" t="s">
        <v>55918</v>
      </c>
      <c r="C22339" s="1" t="s">
        <v>43659</v>
      </c>
      <c r="D22339" s="2">
        <v>175167</v>
      </c>
      <c r="E22339" s="1" t="s">
        <v>0</v>
      </c>
    </row>
    <row r="22340" spans="1:5" ht="409.5" x14ac:dyDescent="0.25">
      <c r="A22340" s="4" t="s">
        <v>43660</v>
      </c>
      <c r="B22340" s="1" t="s">
        <v>55919</v>
      </c>
      <c r="C22340" s="1" t="s">
        <v>43661</v>
      </c>
      <c r="D22340" s="2">
        <v>175168</v>
      </c>
      <c r="E22340" s="1" t="s">
        <v>0</v>
      </c>
    </row>
    <row r="22341" spans="1:5" x14ac:dyDescent="0.25">
      <c r="A22341" s="1" t="s">
        <v>43662</v>
      </c>
      <c r="B22341" s="1" t="s">
        <v>11469</v>
      </c>
      <c r="C22341" s="1" t="s">
        <v>43663</v>
      </c>
      <c r="D22341" s="2">
        <v>175169</v>
      </c>
      <c r="E22341" s="1" t="s">
        <v>0</v>
      </c>
    </row>
    <row r="22342" spans="1:5" x14ac:dyDescent="0.25">
      <c r="A22342" s="2">
        <v>4468</v>
      </c>
      <c r="B22342" s="2">
        <v>4468</v>
      </c>
      <c r="C22342" s="1" t="s">
        <v>0</v>
      </c>
      <c r="D22342" s="2">
        <v>175170</v>
      </c>
      <c r="E22342" s="1" t="s">
        <v>0</v>
      </c>
    </row>
    <row r="22343" spans="1:5" x14ac:dyDescent="0.25">
      <c r="A22343" s="1" t="s">
        <v>4054</v>
      </c>
      <c r="B22343" s="1" t="s">
        <v>11470</v>
      </c>
      <c r="C22343" s="1" t="s">
        <v>43664</v>
      </c>
      <c r="D22343" s="2">
        <v>175171</v>
      </c>
      <c r="E22343" s="1" t="s">
        <v>0</v>
      </c>
    </row>
    <row r="22344" spans="1:5" x14ac:dyDescent="0.25">
      <c r="A22344" s="1" t="s">
        <v>43665</v>
      </c>
      <c r="B22344" s="1" t="s">
        <v>11471</v>
      </c>
      <c r="C22344" s="1" t="s">
        <v>43666</v>
      </c>
      <c r="D22344" s="2">
        <v>175172</v>
      </c>
      <c r="E22344" s="1" t="s">
        <v>0</v>
      </c>
    </row>
    <row r="22345" spans="1:5" ht="409.5" x14ac:dyDescent="0.25">
      <c r="A22345" s="4" t="s">
        <v>43667</v>
      </c>
      <c r="B22345" s="1" t="s">
        <v>43668</v>
      </c>
      <c r="C22345" s="1" t="s">
        <v>43669</v>
      </c>
      <c r="D22345" s="2">
        <v>175173</v>
      </c>
      <c r="E22345" s="1" t="s">
        <v>0</v>
      </c>
    </row>
    <row r="22346" spans="1:5" x14ac:dyDescent="0.25">
      <c r="A22346" s="1" t="s">
        <v>43670</v>
      </c>
      <c r="B22346" s="1" t="s">
        <v>11472</v>
      </c>
      <c r="C22346" s="1" t="s">
        <v>43671</v>
      </c>
      <c r="D22346" s="2">
        <v>175174</v>
      </c>
      <c r="E22346" s="1" t="s">
        <v>0</v>
      </c>
    </row>
    <row r="22347" spans="1:5" x14ac:dyDescent="0.25">
      <c r="A22347" s="2">
        <v>4469</v>
      </c>
      <c r="B22347" s="2">
        <v>4469</v>
      </c>
      <c r="C22347" s="1" t="s">
        <v>0</v>
      </c>
      <c r="D22347" s="2">
        <v>175175</v>
      </c>
      <c r="E22347" s="1" t="s">
        <v>0</v>
      </c>
    </row>
    <row r="22348" spans="1:5" x14ac:dyDescent="0.25">
      <c r="A22348" s="1" t="s">
        <v>4055</v>
      </c>
      <c r="B22348" s="1" t="s">
        <v>11473</v>
      </c>
      <c r="C22348" s="1" t="s">
        <v>43672</v>
      </c>
      <c r="D22348" s="2">
        <v>175176</v>
      </c>
      <c r="E22348" s="1" t="s">
        <v>0</v>
      </c>
    </row>
    <row r="22349" spans="1:5" x14ac:dyDescent="0.25">
      <c r="A22349" s="1" t="s">
        <v>43673</v>
      </c>
      <c r="B22349" s="1" t="s">
        <v>55920</v>
      </c>
      <c r="C22349" s="1" t="s">
        <v>43674</v>
      </c>
      <c r="D22349" s="2">
        <v>175177</v>
      </c>
      <c r="E22349" s="1" t="s">
        <v>0</v>
      </c>
    </row>
    <row r="22350" spans="1:5" ht="409.5" x14ac:dyDescent="0.25">
      <c r="A22350" s="4" t="s">
        <v>43675</v>
      </c>
      <c r="B22350" s="1" t="s">
        <v>55921</v>
      </c>
      <c r="C22350" s="1" t="s">
        <v>43676</v>
      </c>
      <c r="D22350" s="2">
        <v>175178</v>
      </c>
      <c r="E22350" s="1" t="s">
        <v>0</v>
      </c>
    </row>
    <row r="22351" spans="1:5" x14ac:dyDescent="0.25">
      <c r="A22351" s="1" t="s">
        <v>43677</v>
      </c>
      <c r="B22351" s="1" t="s">
        <v>55922</v>
      </c>
      <c r="C22351" s="1" t="s">
        <v>43678</v>
      </c>
      <c r="D22351" s="2">
        <v>175179</v>
      </c>
      <c r="E22351" s="1" t="s">
        <v>0</v>
      </c>
    </row>
    <row r="22352" spans="1:5" x14ac:dyDescent="0.25">
      <c r="A22352" s="2">
        <v>4470</v>
      </c>
      <c r="B22352" s="2">
        <v>4470</v>
      </c>
      <c r="C22352" s="1" t="s">
        <v>0</v>
      </c>
      <c r="D22352" s="2">
        <v>175180</v>
      </c>
      <c r="E22352" s="1" t="s">
        <v>0</v>
      </c>
    </row>
    <row r="22353" spans="1:5" x14ac:dyDescent="0.25">
      <c r="A22353" s="1" t="s">
        <v>4056</v>
      </c>
      <c r="B22353" s="1" t="s">
        <v>55923</v>
      </c>
      <c r="C22353" s="1" t="s">
        <v>43679</v>
      </c>
      <c r="D22353" s="2">
        <v>175181</v>
      </c>
      <c r="E22353" s="1" t="s">
        <v>0</v>
      </c>
    </row>
    <row r="22354" spans="1:5" x14ac:dyDescent="0.25">
      <c r="A22354" s="1" t="s">
        <v>43680</v>
      </c>
      <c r="B22354" s="1" t="s">
        <v>11474</v>
      </c>
      <c r="C22354" s="1" t="s">
        <v>43681</v>
      </c>
      <c r="D22354" s="2">
        <v>175182</v>
      </c>
      <c r="E22354" s="1" t="s">
        <v>0</v>
      </c>
    </row>
    <row r="22355" spans="1:5" ht="409.5" x14ac:dyDescent="0.25">
      <c r="A22355" s="4" t="s">
        <v>43682</v>
      </c>
      <c r="B22355" s="1" t="s">
        <v>55924</v>
      </c>
      <c r="C22355" s="1" t="s">
        <v>43683</v>
      </c>
      <c r="D22355" s="2">
        <v>175183</v>
      </c>
      <c r="E22355" s="1" t="s">
        <v>0</v>
      </c>
    </row>
    <row r="22356" spans="1:5" x14ac:dyDescent="0.25">
      <c r="A22356" s="1" t="s">
        <v>43684</v>
      </c>
      <c r="B22356" s="1" t="s">
        <v>11475</v>
      </c>
      <c r="C22356" s="1" t="s">
        <v>43685</v>
      </c>
      <c r="D22356" s="2">
        <v>175184</v>
      </c>
      <c r="E22356" s="1" t="s">
        <v>0</v>
      </c>
    </row>
    <row r="22357" spans="1:5" x14ac:dyDescent="0.25">
      <c r="A22357" s="2">
        <v>4471</v>
      </c>
      <c r="B22357" s="2">
        <v>4471</v>
      </c>
      <c r="C22357" s="1" t="s">
        <v>0</v>
      </c>
      <c r="D22357" s="2">
        <v>175185</v>
      </c>
      <c r="E22357" s="1" t="s">
        <v>0</v>
      </c>
    </row>
    <row r="22358" spans="1:5" x14ac:dyDescent="0.25">
      <c r="A22358" s="1" t="s">
        <v>4057</v>
      </c>
      <c r="B22358" s="1" t="s">
        <v>56974</v>
      </c>
      <c r="C22358" s="1" t="s">
        <v>43686</v>
      </c>
      <c r="D22358" s="2">
        <v>175186</v>
      </c>
      <c r="E22358" s="1" t="s">
        <v>0</v>
      </c>
    </row>
    <row r="22359" spans="1:5" x14ac:dyDescent="0.25">
      <c r="A22359" s="1" t="s">
        <v>61883</v>
      </c>
      <c r="B22359" s="1" t="s">
        <v>58572</v>
      </c>
      <c r="C22359" s="1" t="s">
        <v>43687</v>
      </c>
      <c r="D22359" s="2">
        <v>175187</v>
      </c>
      <c r="E22359" s="1" t="s">
        <v>0</v>
      </c>
    </row>
    <row r="22360" spans="1:5" ht="409.5" x14ac:dyDescent="0.25">
      <c r="A22360" s="4" t="s">
        <v>61884</v>
      </c>
      <c r="B22360" s="1" t="s">
        <v>61885</v>
      </c>
      <c r="C22360" s="1" t="s">
        <v>43688</v>
      </c>
      <c r="D22360" s="2">
        <v>175188</v>
      </c>
      <c r="E22360" s="1" t="s">
        <v>0</v>
      </c>
    </row>
    <row r="22361" spans="1:5" x14ac:dyDescent="0.25">
      <c r="A22361" s="1" t="s">
        <v>43689</v>
      </c>
      <c r="B22361" s="1" t="s">
        <v>61718</v>
      </c>
      <c r="C22361" s="1" t="s">
        <v>43690</v>
      </c>
      <c r="D22361" s="2">
        <v>175189</v>
      </c>
      <c r="E22361" s="1" t="s">
        <v>0</v>
      </c>
    </row>
    <row r="22362" spans="1:5" x14ac:dyDescent="0.25">
      <c r="A22362" s="2">
        <v>4472</v>
      </c>
      <c r="B22362" s="2">
        <v>4472</v>
      </c>
      <c r="C22362" s="1" t="s">
        <v>0</v>
      </c>
      <c r="D22362" s="2">
        <v>175190</v>
      </c>
      <c r="E22362" s="1" t="s">
        <v>0</v>
      </c>
    </row>
    <row r="22363" spans="1:5" x14ac:dyDescent="0.25">
      <c r="A22363" s="1" t="s">
        <v>4058</v>
      </c>
      <c r="B22363" s="1" t="s">
        <v>11476</v>
      </c>
      <c r="C22363" s="1" t="s">
        <v>43691</v>
      </c>
      <c r="D22363" s="2">
        <v>175191</v>
      </c>
      <c r="E22363" s="1" t="s">
        <v>0</v>
      </c>
    </row>
    <row r="22364" spans="1:5" x14ac:dyDescent="0.25">
      <c r="A22364" s="1" t="s">
        <v>43692</v>
      </c>
      <c r="B22364" s="1" t="s">
        <v>63906</v>
      </c>
      <c r="C22364" s="1" t="s">
        <v>43693</v>
      </c>
      <c r="D22364" s="2">
        <v>175192</v>
      </c>
      <c r="E22364" s="1" t="s">
        <v>0</v>
      </c>
    </row>
    <row r="22365" spans="1:5" ht="409.5" x14ac:dyDescent="0.25">
      <c r="A22365" s="4" t="s">
        <v>43694</v>
      </c>
      <c r="B22365" s="1" t="s">
        <v>63907</v>
      </c>
      <c r="C22365" s="1" t="s">
        <v>43695</v>
      </c>
      <c r="D22365" s="2">
        <v>175193</v>
      </c>
      <c r="E22365" s="1" t="s">
        <v>0</v>
      </c>
    </row>
    <row r="22366" spans="1:5" x14ac:dyDescent="0.25">
      <c r="A22366" s="1" t="s">
        <v>43696</v>
      </c>
      <c r="B22366" s="1" t="s">
        <v>11477</v>
      </c>
      <c r="C22366" s="1" t="s">
        <v>43697</v>
      </c>
      <c r="D22366" s="2">
        <v>175194</v>
      </c>
      <c r="E22366" s="1" t="s">
        <v>0</v>
      </c>
    </row>
    <row r="22367" spans="1:5" x14ac:dyDescent="0.25">
      <c r="A22367" s="2">
        <v>4473</v>
      </c>
      <c r="B22367" s="2">
        <v>4473</v>
      </c>
      <c r="C22367" s="1" t="s">
        <v>0</v>
      </c>
      <c r="D22367" s="2">
        <v>175195</v>
      </c>
      <c r="E22367" s="1" t="s">
        <v>0</v>
      </c>
    </row>
    <row r="22368" spans="1:5" x14ac:dyDescent="0.25">
      <c r="A22368" s="1" t="s">
        <v>11478</v>
      </c>
      <c r="B22368" s="1" t="s">
        <v>11479</v>
      </c>
      <c r="C22368" s="1" t="s">
        <v>43698</v>
      </c>
      <c r="D22368" s="2">
        <v>175196</v>
      </c>
      <c r="E22368" s="1" t="s">
        <v>0</v>
      </c>
    </row>
    <row r="22369" spans="1:5" x14ac:dyDescent="0.25">
      <c r="A22369" s="1" t="s">
        <v>43699</v>
      </c>
      <c r="B22369" s="1" t="s">
        <v>61355</v>
      </c>
      <c r="C22369" s="1" t="s">
        <v>43700</v>
      </c>
      <c r="D22369" s="2">
        <v>175197</v>
      </c>
      <c r="E22369" s="1" t="s">
        <v>0</v>
      </c>
    </row>
    <row r="22370" spans="1:5" ht="409.5" x14ac:dyDescent="0.25">
      <c r="A22370" s="4" t="s">
        <v>43701</v>
      </c>
      <c r="B22370" s="1" t="s">
        <v>61356</v>
      </c>
      <c r="C22370" s="1" t="s">
        <v>43702</v>
      </c>
      <c r="D22370" s="2">
        <v>175198</v>
      </c>
      <c r="E22370" s="1" t="s">
        <v>0</v>
      </c>
    </row>
    <row r="22371" spans="1:5" x14ac:dyDescent="0.25">
      <c r="A22371" s="1" t="s">
        <v>13413</v>
      </c>
      <c r="B22371" s="1" t="s">
        <v>60845</v>
      </c>
      <c r="C22371" s="1" t="s">
        <v>13414</v>
      </c>
      <c r="D22371" s="2">
        <v>175199</v>
      </c>
      <c r="E22371" s="1" t="s">
        <v>0</v>
      </c>
    </row>
    <row r="22372" spans="1:5" x14ac:dyDescent="0.25">
      <c r="A22372" s="2">
        <v>4474</v>
      </c>
      <c r="B22372" s="2">
        <v>4474</v>
      </c>
      <c r="C22372" s="1" t="s">
        <v>0</v>
      </c>
      <c r="D22372" s="2">
        <v>175200</v>
      </c>
      <c r="E22372" s="1" t="s">
        <v>0</v>
      </c>
    </row>
    <row r="22373" spans="1:5" x14ac:dyDescent="0.25">
      <c r="A22373" s="1" t="s">
        <v>4059</v>
      </c>
      <c r="B22373" s="1" t="s">
        <v>11480</v>
      </c>
      <c r="C22373" s="1" t="s">
        <v>43703</v>
      </c>
      <c r="D22373" s="2">
        <v>175201</v>
      </c>
      <c r="E22373" s="1" t="s">
        <v>0</v>
      </c>
    </row>
    <row r="22374" spans="1:5" x14ac:dyDescent="0.25">
      <c r="A22374" s="1" t="s">
        <v>43704</v>
      </c>
      <c r="B22374" s="1" t="s">
        <v>11481</v>
      </c>
      <c r="C22374" s="1" t="s">
        <v>43705</v>
      </c>
      <c r="D22374" s="2">
        <v>175202</v>
      </c>
      <c r="E22374" s="1" t="s">
        <v>0</v>
      </c>
    </row>
    <row r="22375" spans="1:5" ht="409.5" x14ac:dyDescent="0.25">
      <c r="A22375" s="4" t="s">
        <v>43706</v>
      </c>
      <c r="B22375" s="1" t="s">
        <v>51024</v>
      </c>
      <c r="C22375" s="1" t="s">
        <v>43707</v>
      </c>
      <c r="D22375" s="2">
        <v>175203</v>
      </c>
      <c r="E22375" s="1" t="s">
        <v>0</v>
      </c>
    </row>
    <row r="22376" spans="1:5" x14ac:dyDescent="0.25">
      <c r="A22376" s="1" t="s">
        <v>43708</v>
      </c>
      <c r="B22376" s="1" t="s">
        <v>55925</v>
      </c>
      <c r="C22376" s="1" t="s">
        <v>43709</v>
      </c>
      <c r="D22376" s="2">
        <v>175204</v>
      </c>
      <c r="E22376" s="1" t="s">
        <v>0</v>
      </c>
    </row>
    <row r="22377" spans="1:5" x14ac:dyDescent="0.25">
      <c r="A22377" s="2">
        <v>4475</v>
      </c>
      <c r="B22377" s="2">
        <v>4475</v>
      </c>
      <c r="C22377" s="1" t="s">
        <v>0</v>
      </c>
      <c r="D22377" s="2">
        <v>175205</v>
      </c>
      <c r="E22377" s="1" t="s">
        <v>0</v>
      </c>
    </row>
    <row r="22378" spans="1:5" x14ac:dyDescent="0.25">
      <c r="A22378" s="1" t="s">
        <v>4060</v>
      </c>
      <c r="B22378" s="1" t="s">
        <v>11482</v>
      </c>
      <c r="C22378" s="1" t="s">
        <v>43710</v>
      </c>
      <c r="D22378" s="2">
        <v>175206</v>
      </c>
      <c r="E22378" s="1" t="s">
        <v>0</v>
      </c>
    </row>
    <row r="22379" spans="1:5" x14ac:dyDescent="0.25">
      <c r="A22379" s="1" t="s">
        <v>43711</v>
      </c>
      <c r="B22379" s="1" t="s">
        <v>55926</v>
      </c>
      <c r="C22379" s="1" t="s">
        <v>43712</v>
      </c>
      <c r="D22379" s="2">
        <v>175207</v>
      </c>
      <c r="E22379" s="1" t="s">
        <v>0</v>
      </c>
    </row>
    <row r="22380" spans="1:5" ht="409.5" x14ac:dyDescent="0.25">
      <c r="A22380" s="4" t="s">
        <v>43713</v>
      </c>
      <c r="B22380" s="1" t="s">
        <v>55927</v>
      </c>
      <c r="C22380" s="1" t="s">
        <v>43714</v>
      </c>
      <c r="D22380" s="2">
        <v>175208</v>
      </c>
      <c r="E22380" s="1" t="s">
        <v>0</v>
      </c>
    </row>
    <row r="22381" spans="1:5" x14ac:dyDescent="0.25">
      <c r="A22381" s="1" t="s">
        <v>43715</v>
      </c>
      <c r="B22381" s="1" t="s">
        <v>11483</v>
      </c>
      <c r="C22381" s="1" t="s">
        <v>43716</v>
      </c>
      <c r="D22381" s="2">
        <v>175209</v>
      </c>
      <c r="E22381" s="1" t="s">
        <v>0</v>
      </c>
    </row>
    <row r="22382" spans="1:5" x14ac:dyDescent="0.25">
      <c r="A22382" s="2">
        <v>4476</v>
      </c>
      <c r="B22382" s="2">
        <v>4476</v>
      </c>
      <c r="C22382" s="1" t="s">
        <v>0</v>
      </c>
      <c r="D22382" s="2">
        <v>175210</v>
      </c>
      <c r="E22382" s="1" t="s">
        <v>0</v>
      </c>
    </row>
    <row r="22383" spans="1:5" x14ac:dyDescent="0.25">
      <c r="A22383" s="1" t="s">
        <v>4061</v>
      </c>
      <c r="B22383" s="1" t="s">
        <v>11484</v>
      </c>
      <c r="C22383" s="1" t="s">
        <v>43717</v>
      </c>
      <c r="D22383" s="2">
        <v>175211</v>
      </c>
      <c r="E22383" s="1" t="s">
        <v>0</v>
      </c>
    </row>
    <row r="22384" spans="1:5" x14ac:dyDescent="0.25">
      <c r="A22384" s="1" t="s">
        <v>43718</v>
      </c>
      <c r="B22384" s="1" t="s">
        <v>62941</v>
      </c>
      <c r="C22384" s="1" t="s">
        <v>43719</v>
      </c>
      <c r="D22384" s="2">
        <v>175212</v>
      </c>
      <c r="E22384" s="1" t="s">
        <v>0</v>
      </c>
    </row>
    <row r="22385" spans="1:5" ht="409.5" x14ac:dyDescent="0.25">
      <c r="A22385" s="4" t="s">
        <v>43720</v>
      </c>
      <c r="B22385" s="1" t="s">
        <v>62942</v>
      </c>
      <c r="C22385" s="1" t="s">
        <v>43721</v>
      </c>
      <c r="D22385" s="2">
        <v>175213</v>
      </c>
      <c r="E22385" s="1" t="s">
        <v>0</v>
      </c>
    </row>
    <row r="22386" spans="1:5" x14ac:dyDescent="0.25">
      <c r="A22386" s="1" t="s">
        <v>43722</v>
      </c>
      <c r="B22386" s="1" t="s">
        <v>55928</v>
      </c>
      <c r="C22386" s="1" t="s">
        <v>43723</v>
      </c>
      <c r="D22386" s="2">
        <v>175214</v>
      </c>
      <c r="E22386" s="1" t="s">
        <v>0</v>
      </c>
    </row>
    <row r="22387" spans="1:5" x14ac:dyDescent="0.25">
      <c r="A22387" s="2">
        <v>4477</v>
      </c>
      <c r="B22387" s="2">
        <v>4477</v>
      </c>
      <c r="C22387" s="1" t="s">
        <v>0</v>
      </c>
      <c r="D22387" s="2">
        <v>175215</v>
      </c>
      <c r="E22387" s="1" t="s">
        <v>0</v>
      </c>
    </row>
    <row r="22388" spans="1:5" x14ac:dyDescent="0.25">
      <c r="A22388" s="1" t="s">
        <v>4062</v>
      </c>
      <c r="B22388" s="1" t="s">
        <v>58847</v>
      </c>
      <c r="C22388" s="1" t="s">
        <v>43724</v>
      </c>
      <c r="D22388" s="2">
        <v>175216</v>
      </c>
      <c r="E22388" s="1" t="s">
        <v>0</v>
      </c>
    </row>
    <row r="22389" spans="1:5" x14ac:dyDescent="0.25">
      <c r="A22389" s="1" t="s">
        <v>43725</v>
      </c>
      <c r="B22389" s="1" t="s">
        <v>62943</v>
      </c>
      <c r="C22389" s="1" t="s">
        <v>43726</v>
      </c>
      <c r="D22389" s="2">
        <v>175217</v>
      </c>
      <c r="E22389" s="1" t="s">
        <v>0</v>
      </c>
    </row>
    <row r="22390" spans="1:5" ht="409.5" x14ac:dyDescent="0.25">
      <c r="A22390" s="4" t="s">
        <v>43727</v>
      </c>
      <c r="B22390" s="1" t="s">
        <v>62944</v>
      </c>
      <c r="C22390" s="1" t="s">
        <v>43728</v>
      </c>
      <c r="D22390" s="2">
        <v>175218</v>
      </c>
      <c r="E22390" s="1" t="s">
        <v>0</v>
      </c>
    </row>
    <row r="22391" spans="1:5" x14ac:dyDescent="0.25">
      <c r="A22391" s="1" t="s">
        <v>43729</v>
      </c>
      <c r="B22391" s="1" t="s">
        <v>58848</v>
      </c>
      <c r="C22391" s="1" t="s">
        <v>43730</v>
      </c>
      <c r="D22391" s="2">
        <v>175219</v>
      </c>
      <c r="E22391" s="1" t="s">
        <v>0</v>
      </c>
    </row>
    <row r="22392" spans="1:5" x14ac:dyDescent="0.25">
      <c r="A22392" s="2">
        <v>4478</v>
      </c>
      <c r="B22392" s="2">
        <v>4478</v>
      </c>
      <c r="C22392" s="1" t="s">
        <v>0</v>
      </c>
      <c r="D22392" s="2">
        <v>175220</v>
      </c>
      <c r="E22392" s="1" t="s">
        <v>0</v>
      </c>
    </row>
    <row r="22393" spans="1:5" x14ac:dyDescent="0.25">
      <c r="A22393" s="1" t="s">
        <v>4063</v>
      </c>
      <c r="B22393" s="1" t="s">
        <v>11485</v>
      </c>
      <c r="C22393" s="1" t="s">
        <v>43731</v>
      </c>
      <c r="D22393" s="2">
        <v>175221</v>
      </c>
      <c r="E22393" s="1" t="s">
        <v>0</v>
      </c>
    </row>
    <row r="22394" spans="1:5" x14ac:dyDescent="0.25">
      <c r="A22394" s="1" t="s">
        <v>43732</v>
      </c>
      <c r="B22394" s="1" t="s">
        <v>55929</v>
      </c>
      <c r="C22394" s="1" t="s">
        <v>43733</v>
      </c>
      <c r="D22394" s="2">
        <v>175222</v>
      </c>
      <c r="E22394" s="1" t="s">
        <v>0</v>
      </c>
    </row>
    <row r="22395" spans="1:5" ht="409.5" x14ac:dyDescent="0.25">
      <c r="A22395" s="4" t="s">
        <v>43734</v>
      </c>
      <c r="B22395" s="1" t="s">
        <v>55930</v>
      </c>
      <c r="C22395" s="1" t="s">
        <v>43735</v>
      </c>
      <c r="D22395" s="2">
        <v>175223</v>
      </c>
      <c r="E22395" s="1" t="s">
        <v>0</v>
      </c>
    </row>
    <row r="22396" spans="1:5" x14ac:dyDescent="0.25">
      <c r="A22396" s="1" t="s">
        <v>43736</v>
      </c>
      <c r="B22396" s="1" t="s">
        <v>11486</v>
      </c>
      <c r="C22396" s="1" t="s">
        <v>43737</v>
      </c>
      <c r="D22396" s="2">
        <v>175224</v>
      </c>
      <c r="E22396" s="1" t="s">
        <v>0</v>
      </c>
    </row>
    <row r="22397" spans="1:5" x14ac:dyDescent="0.25">
      <c r="A22397" s="2">
        <v>4479</v>
      </c>
      <c r="B22397" s="2">
        <v>4479</v>
      </c>
      <c r="C22397" s="1" t="s">
        <v>0</v>
      </c>
      <c r="D22397" s="2">
        <v>175225</v>
      </c>
      <c r="E22397" s="1" t="s">
        <v>0</v>
      </c>
    </row>
    <row r="22398" spans="1:5" x14ac:dyDescent="0.25">
      <c r="A22398" s="1" t="s">
        <v>4064</v>
      </c>
      <c r="B22398" s="1" t="s">
        <v>11487</v>
      </c>
      <c r="C22398" s="1" t="s">
        <v>43738</v>
      </c>
      <c r="D22398" s="2">
        <v>175226</v>
      </c>
      <c r="E22398" s="1" t="s">
        <v>0</v>
      </c>
    </row>
    <row r="22399" spans="1:5" x14ac:dyDescent="0.25">
      <c r="A22399" s="1" t="s">
        <v>43739</v>
      </c>
      <c r="B22399" s="1" t="s">
        <v>57054</v>
      </c>
      <c r="C22399" s="1" t="s">
        <v>43740</v>
      </c>
      <c r="D22399" s="2">
        <v>175227</v>
      </c>
      <c r="E22399" s="1" t="s">
        <v>0</v>
      </c>
    </row>
    <row r="22400" spans="1:5" ht="409.5" x14ac:dyDescent="0.25">
      <c r="A22400" s="4" t="s">
        <v>43741</v>
      </c>
      <c r="B22400" s="1" t="s">
        <v>60657</v>
      </c>
      <c r="C22400" s="1" t="s">
        <v>43742</v>
      </c>
      <c r="D22400" s="2">
        <v>175228</v>
      </c>
      <c r="E22400" s="1" t="s">
        <v>0</v>
      </c>
    </row>
    <row r="22401" spans="1:5" x14ac:dyDescent="0.25">
      <c r="A22401" s="1" t="s">
        <v>14855</v>
      </c>
      <c r="B22401" s="1" t="s">
        <v>60879</v>
      </c>
      <c r="C22401" s="1" t="s">
        <v>14856</v>
      </c>
      <c r="D22401" s="2">
        <v>175229</v>
      </c>
      <c r="E22401" s="1" t="s">
        <v>0</v>
      </c>
    </row>
    <row r="22402" spans="1:5" x14ac:dyDescent="0.25">
      <c r="A22402" s="2">
        <v>4480</v>
      </c>
      <c r="B22402" s="2">
        <v>4480</v>
      </c>
      <c r="C22402" s="1" t="s">
        <v>0</v>
      </c>
      <c r="D22402" s="2">
        <v>175230</v>
      </c>
      <c r="E22402" s="1" t="s">
        <v>0</v>
      </c>
    </row>
    <row r="22403" spans="1:5" x14ac:dyDescent="0.25">
      <c r="A22403" s="1" t="s">
        <v>4065</v>
      </c>
      <c r="B22403" s="1" t="s">
        <v>11488</v>
      </c>
      <c r="C22403" s="1" t="s">
        <v>43743</v>
      </c>
      <c r="D22403" s="2">
        <v>175231</v>
      </c>
      <c r="E22403" s="1" t="s">
        <v>0</v>
      </c>
    </row>
    <row r="22404" spans="1:5" x14ac:dyDescent="0.25">
      <c r="A22404" s="1" t="s">
        <v>43744</v>
      </c>
      <c r="B22404" s="1" t="s">
        <v>55931</v>
      </c>
      <c r="C22404" s="1" t="s">
        <v>43745</v>
      </c>
      <c r="D22404" s="2">
        <v>175232</v>
      </c>
      <c r="E22404" s="1" t="s">
        <v>0</v>
      </c>
    </row>
    <row r="22405" spans="1:5" ht="409.5" x14ac:dyDescent="0.25">
      <c r="A22405" s="4" t="s">
        <v>43746</v>
      </c>
      <c r="B22405" s="1" t="s">
        <v>55932</v>
      </c>
      <c r="C22405" s="1" t="s">
        <v>43747</v>
      </c>
      <c r="D22405" s="2">
        <v>175233</v>
      </c>
      <c r="E22405" s="1" t="s">
        <v>0</v>
      </c>
    </row>
    <row r="22406" spans="1:5" x14ac:dyDescent="0.25">
      <c r="A22406" s="1" t="s">
        <v>43748</v>
      </c>
      <c r="B22406" s="1" t="s">
        <v>61357</v>
      </c>
      <c r="C22406" s="1" t="s">
        <v>43749</v>
      </c>
      <c r="D22406" s="2">
        <v>175234</v>
      </c>
      <c r="E22406" s="1" t="s">
        <v>0</v>
      </c>
    </row>
    <row r="22407" spans="1:5" x14ac:dyDescent="0.25">
      <c r="A22407" s="2">
        <v>4481</v>
      </c>
      <c r="B22407" s="2">
        <v>4481</v>
      </c>
      <c r="C22407" s="1" t="s">
        <v>0</v>
      </c>
      <c r="D22407" s="2">
        <v>175235</v>
      </c>
      <c r="E22407" s="1" t="s">
        <v>0</v>
      </c>
    </row>
    <row r="22408" spans="1:5" x14ac:dyDescent="0.25">
      <c r="A22408" s="1" t="s">
        <v>4066</v>
      </c>
      <c r="B22408" s="1" t="s">
        <v>11489</v>
      </c>
      <c r="C22408" s="1" t="s">
        <v>43750</v>
      </c>
      <c r="D22408" s="2">
        <v>175236</v>
      </c>
      <c r="E22408" s="1" t="s">
        <v>0</v>
      </c>
    </row>
    <row r="22409" spans="1:5" x14ac:dyDescent="0.25">
      <c r="A22409" s="1" t="s">
        <v>43751</v>
      </c>
      <c r="B22409" s="1" t="s">
        <v>55933</v>
      </c>
      <c r="C22409" s="1" t="s">
        <v>43752</v>
      </c>
      <c r="D22409" s="2">
        <v>175237</v>
      </c>
      <c r="E22409" s="1" t="s">
        <v>0</v>
      </c>
    </row>
    <row r="22410" spans="1:5" ht="409.5" x14ac:dyDescent="0.25">
      <c r="A22410" s="4" t="s">
        <v>43753</v>
      </c>
      <c r="B22410" s="1" t="s">
        <v>63510</v>
      </c>
      <c r="C22410" s="1" t="s">
        <v>43754</v>
      </c>
      <c r="D22410" s="2">
        <v>175238</v>
      </c>
      <c r="E22410" s="1" t="s">
        <v>0</v>
      </c>
    </row>
    <row r="22411" spans="1:5" x14ac:dyDescent="0.25">
      <c r="A22411" s="1" t="s">
        <v>43755</v>
      </c>
      <c r="B22411" s="1" t="s">
        <v>11490</v>
      </c>
      <c r="C22411" s="1" t="s">
        <v>43756</v>
      </c>
      <c r="D22411" s="2">
        <v>175239</v>
      </c>
      <c r="E22411" s="1" t="s">
        <v>0</v>
      </c>
    </row>
    <row r="22412" spans="1:5" x14ac:dyDescent="0.25">
      <c r="A22412" s="2">
        <v>4482</v>
      </c>
      <c r="B22412" s="2">
        <v>4482</v>
      </c>
      <c r="C22412" s="1" t="s">
        <v>0</v>
      </c>
      <c r="D22412" s="2">
        <v>175240</v>
      </c>
      <c r="E22412" s="1" t="s">
        <v>0</v>
      </c>
    </row>
    <row r="22413" spans="1:5" x14ac:dyDescent="0.25">
      <c r="A22413" s="1" t="s">
        <v>4067</v>
      </c>
      <c r="B22413" s="1" t="s">
        <v>56975</v>
      </c>
      <c r="C22413" s="1" t="s">
        <v>43757</v>
      </c>
      <c r="D22413" s="2">
        <v>175241</v>
      </c>
      <c r="E22413" s="1" t="s">
        <v>0</v>
      </c>
    </row>
    <row r="22414" spans="1:5" x14ac:dyDescent="0.25">
      <c r="A22414" s="1" t="s">
        <v>61886</v>
      </c>
      <c r="B22414" s="1" t="s">
        <v>61719</v>
      </c>
      <c r="C22414" s="1" t="s">
        <v>43758</v>
      </c>
      <c r="D22414" s="2">
        <v>175242</v>
      </c>
      <c r="E22414" s="1" t="s">
        <v>0</v>
      </c>
    </row>
    <row r="22415" spans="1:5" ht="409.5" x14ac:dyDescent="0.25">
      <c r="A22415" s="4" t="s">
        <v>64345</v>
      </c>
      <c r="B22415" s="1" t="s">
        <v>62945</v>
      </c>
      <c r="C22415" s="1" t="s">
        <v>43759</v>
      </c>
      <c r="D22415" s="2">
        <v>175243</v>
      </c>
      <c r="E22415" s="1" t="s">
        <v>0</v>
      </c>
    </row>
    <row r="22416" spans="1:5" x14ac:dyDescent="0.25">
      <c r="A22416" s="1" t="s">
        <v>43760</v>
      </c>
      <c r="B22416" s="1" t="s">
        <v>55934</v>
      </c>
      <c r="C22416" s="1" t="s">
        <v>43761</v>
      </c>
      <c r="D22416" s="2">
        <v>175244</v>
      </c>
      <c r="E22416" s="1" t="s">
        <v>0</v>
      </c>
    </row>
    <row r="22417" spans="1:5" x14ac:dyDescent="0.25">
      <c r="A22417" s="2">
        <v>4483</v>
      </c>
      <c r="B22417" s="2">
        <v>4483</v>
      </c>
      <c r="C22417" s="1" t="s">
        <v>0</v>
      </c>
      <c r="D22417" s="2">
        <v>175245</v>
      </c>
      <c r="E22417" s="1" t="s">
        <v>0</v>
      </c>
    </row>
    <row r="22418" spans="1:5" x14ac:dyDescent="0.25">
      <c r="A22418" s="1" t="s">
        <v>4068</v>
      </c>
      <c r="B22418" s="1" t="s">
        <v>51025</v>
      </c>
      <c r="C22418" s="1" t="s">
        <v>43762</v>
      </c>
      <c r="D22418" s="2">
        <v>175246</v>
      </c>
      <c r="E22418" s="1" t="s">
        <v>0</v>
      </c>
    </row>
    <row r="22419" spans="1:5" x14ac:dyDescent="0.25">
      <c r="A22419" s="1" t="s">
        <v>43763</v>
      </c>
      <c r="B22419" s="1" t="s">
        <v>55935</v>
      </c>
      <c r="C22419" s="1" t="s">
        <v>43764</v>
      </c>
      <c r="D22419" s="2">
        <v>175247</v>
      </c>
      <c r="E22419" s="1" t="s">
        <v>0</v>
      </c>
    </row>
    <row r="22420" spans="1:5" ht="409.5" x14ac:dyDescent="0.25">
      <c r="A22420" s="4" t="s">
        <v>43765</v>
      </c>
      <c r="B22420" s="1" t="s">
        <v>55936</v>
      </c>
      <c r="C22420" s="1" t="s">
        <v>43766</v>
      </c>
      <c r="D22420" s="2">
        <v>175248</v>
      </c>
      <c r="E22420" s="1" t="s">
        <v>0</v>
      </c>
    </row>
    <row r="22421" spans="1:5" x14ac:dyDescent="0.25">
      <c r="A22421" s="1" t="s">
        <v>41531</v>
      </c>
      <c r="B22421" s="1" t="s">
        <v>61316</v>
      </c>
      <c r="C22421" s="1" t="s">
        <v>41532</v>
      </c>
      <c r="D22421" s="2">
        <v>175249</v>
      </c>
      <c r="E22421" s="1" t="s">
        <v>0</v>
      </c>
    </row>
    <row r="22422" spans="1:5" x14ac:dyDescent="0.25">
      <c r="A22422" s="2">
        <v>4484</v>
      </c>
      <c r="B22422" s="2">
        <v>4484</v>
      </c>
      <c r="C22422" s="1" t="s">
        <v>0</v>
      </c>
      <c r="D22422" s="2">
        <v>175250</v>
      </c>
      <c r="E22422" s="1" t="s">
        <v>0</v>
      </c>
    </row>
    <row r="22423" spans="1:5" x14ac:dyDescent="0.25">
      <c r="A22423" s="1" t="s">
        <v>13282</v>
      </c>
      <c r="B22423" s="1" t="s">
        <v>55937</v>
      </c>
      <c r="C22423" s="1" t="s">
        <v>43767</v>
      </c>
      <c r="D22423" s="2">
        <v>175251</v>
      </c>
      <c r="E22423" s="1" t="s">
        <v>0</v>
      </c>
    </row>
    <row r="22424" spans="1:5" x14ac:dyDescent="0.25">
      <c r="A22424" s="1" t="s">
        <v>43768</v>
      </c>
      <c r="B22424" s="1" t="s">
        <v>55938</v>
      </c>
      <c r="C22424" s="1" t="s">
        <v>43769</v>
      </c>
      <c r="D22424" s="2">
        <v>175252</v>
      </c>
      <c r="E22424" s="1" t="s">
        <v>0</v>
      </c>
    </row>
    <row r="22425" spans="1:5" ht="409.5" x14ac:dyDescent="0.25">
      <c r="A22425" s="4" t="s">
        <v>43770</v>
      </c>
      <c r="B22425" s="1" t="s">
        <v>63511</v>
      </c>
      <c r="C22425" s="1" t="s">
        <v>43771</v>
      </c>
      <c r="D22425" s="2">
        <v>175253</v>
      </c>
      <c r="E22425" s="1" t="s">
        <v>0</v>
      </c>
    </row>
    <row r="22426" spans="1:5" x14ac:dyDescent="0.25">
      <c r="A22426" s="1" t="s">
        <v>43772</v>
      </c>
      <c r="B22426" s="1" t="s">
        <v>55939</v>
      </c>
      <c r="C22426" s="1" t="s">
        <v>43773</v>
      </c>
      <c r="D22426" s="2">
        <v>175254</v>
      </c>
      <c r="E22426" s="1" t="s">
        <v>0</v>
      </c>
    </row>
    <row r="22427" spans="1:5" x14ac:dyDescent="0.25">
      <c r="A22427" s="2">
        <v>4485</v>
      </c>
      <c r="B22427" s="2">
        <v>4485</v>
      </c>
      <c r="C22427" s="1" t="s">
        <v>0</v>
      </c>
      <c r="D22427" s="2">
        <v>175255</v>
      </c>
      <c r="E22427" s="1" t="s">
        <v>0</v>
      </c>
    </row>
    <row r="22428" spans="1:5" x14ac:dyDescent="0.25">
      <c r="A22428" s="1" t="s">
        <v>4069</v>
      </c>
      <c r="B22428" s="1" t="s">
        <v>11491</v>
      </c>
      <c r="C22428" s="1" t="s">
        <v>43774</v>
      </c>
      <c r="D22428" s="2">
        <v>175256</v>
      </c>
      <c r="E22428" s="1" t="s">
        <v>0</v>
      </c>
    </row>
    <row r="22429" spans="1:5" x14ac:dyDescent="0.25">
      <c r="A22429" s="1" t="s">
        <v>43775</v>
      </c>
      <c r="B22429" s="1" t="s">
        <v>55940</v>
      </c>
      <c r="C22429" s="1" t="s">
        <v>43776</v>
      </c>
      <c r="D22429" s="2">
        <v>175257</v>
      </c>
      <c r="E22429" s="1" t="s">
        <v>0</v>
      </c>
    </row>
    <row r="22430" spans="1:5" ht="409.5" x14ac:dyDescent="0.25">
      <c r="A22430" s="4" t="s">
        <v>43777</v>
      </c>
      <c r="B22430" s="1" t="s">
        <v>55941</v>
      </c>
      <c r="C22430" s="1" t="s">
        <v>43778</v>
      </c>
      <c r="D22430" s="2">
        <v>175258</v>
      </c>
      <c r="E22430" s="1" t="s">
        <v>0</v>
      </c>
    </row>
    <row r="22431" spans="1:5" x14ac:dyDescent="0.25">
      <c r="A22431" s="1" t="s">
        <v>43779</v>
      </c>
      <c r="B22431" s="1" t="s">
        <v>61358</v>
      </c>
      <c r="C22431" s="1" t="s">
        <v>43780</v>
      </c>
      <c r="D22431" s="2">
        <v>175259</v>
      </c>
      <c r="E22431" s="1" t="s">
        <v>0</v>
      </c>
    </row>
    <row r="22432" spans="1:5" x14ac:dyDescent="0.25">
      <c r="A22432" s="2">
        <v>4486</v>
      </c>
      <c r="B22432" s="2">
        <v>4486</v>
      </c>
      <c r="C22432" s="1" t="s">
        <v>0</v>
      </c>
      <c r="D22432" s="2">
        <v>175260</v>
      </c>
      <c r="E22432" s="1" t="s">
        <v>0</v>
      </c>
    </row>
    <row r="22433" spans="1:5" x14ac:dyDescent="0.25">
      <c r="A22433" s="1" t="s">
        <v>4070</v>
      </c>
      <c r="B22433" s="1" t="s">
        <v>11492</v>
      </c>
      <c r="C22433" s="1" t="s">
        <v>43781</v>
      </c>
      <c r="D22433" s="2">
        <v>175261</v>
      </c>
      <c r="E22433" s="1" t="s">
        <v>0</v>
      </c>
    </row>
    <row r="22434" spans="1:5" x14ac:dyDescent="0.25">
      <c r="A22434" s="1" t="s">
        <v>43782</v>
      </c>
      <c r="B22434" s="1" t="s">
        <v>55942</v>
      </c>
      <c r="C22434" s="1" t="s">
        <v>43783</v>
      </c>
      <c r="D22434" s="2">
        <v>175262</v>
      </c>
      <c r="E22434" s="1" t="s">
        <v>0</v>
      </c>
    </row>
    <row r="22435" spans="1:5" ht="409.5" x14ac:dyDescent="0.25">
      <c r="A22435" s="4" t="s">
        <v>43784</v>
      </c>
      <c r="B22435" s="1" t="s">
        <v>55943</v>
      </c>
      <c r="C22435" s="1" t="s">
        <v>43785</v>
      </c>
      <c r="D22435" s="2">
        <v>175263</v>
      </c>
      <c r="E22435" s="1" t="s">
        <v>0</v>
      </c>
    </row>
    <row r="22436" spans="1:5" x14ac:dyDescent="0.25">
      <c r="A22436" s="1" t="s">
        <v>43786</v>
      </c>
      <c r="B22436" s="1" t="s">
        <v>61359</v>
      </c>
      <c r="C22436" s="1" t="s">
        <v>43787</v>
      </c>
      <c r="D22436" s="2">
        <v>175264</v>
      </c>
      <c r="E22436" s="1" t="s">
        <v>0</v>
      </c>
    </row>
    <row r="22437" spans="1:5" x14ac:dyDescent="0.25">
      <c r="A22437" s="2">
        <v>4487</v>
      </c>
      <c r="B22437" s="2">
        <v>4487</v>
      </c>
      <c r="C22437" s="1" t="s">
        <v>0</v>
      </c>
      <c r="D22437" s="2">
        <v>175265</v>
      </c>
      <c r="E22437" s="1" t="s">
        <v>0</v>
      </c>
    </row>
    <row r="22438" spans="1:5" x14ac:dyDescent="0.25">
      <c r="A22438" s="1" t="s">
        <v>4071</v>
      </c>
      <c r="B22438" s="1" t="s">
        <v>11493</v>
      </c>
      <c r="C22438" s="1" t="s">
        <v>43788</v>
      </c>
      <c r="D22438" s="2">
        <v>175266</v>
      </c>
      <c r="E22438" s="1" t="s">
        <v>0</v>
      </c>
    </row>
    <row r="22439" spans="1:5" x14ac:dyDescent="0.25">
      <c r="A22439" s="1" t="s">
        <v>43789</v>
      </c>
      <c r="B22439" s="1" t="s">
        <v>11494</v>
      </c>
      <c r="C22439" s="1" t="s">
        <v>43790</v>
      </c>
      <c r="D22439" s="2">
        <v>175267</v>
      </c>
      <c r="E22439" s="1" t="s">
        <v>0</v>
      </c>
    </row>
    <row r="22440" spans="1:5" ht="409.5" x14ac:dyDescent="0.25">
      <c r="A22440" s="4" t="s">
        <v>43791</v>
      </c>
      <c r="B22440" s="1" t="s">
        <v>57996</v>
      </c>
      <c r="C22440" s="1" t="s">
        <v>43792</v>
      </c>
      <c r="D22440" s="2">
        <v>175268</v>
      </c>
      <c r="E22440" s="1" t="s">
        <v>0</v>
      </c>
    </row>
    <row r="22441" spans="1:5" x14ac:dyDescent="0.25">
      <c r="A22441" s="1" t="s">
        <v>43793</v>
      </c>
      <c r="B22441" s="1" t="s">
        <v>61360</v>
      </c>
      <c r="C22441" s="1" t="s">
        <v>43794</v>
      </c>
      <c r="D22441" s="2">
        <v>175269</v>
      </c>
      <c r="E22441" s="1" t="s">
        <v>0</v>
      </c>
    </row>
    <row r="22442" spans="1:5" x14ac:dyDescent="0.25">
      <c r="A22442" s="2">
        <v>4488</v>
      </c>
      <c r="B22442" s="2">
        <v>4488</v>
      </c>
      <c r="C22442" s="1" t="s">
        <v>0</v>
      </c>
      <c r="D22442" s="2">
        <v>175270</v>
      </c>
      <c r="E22442" s="1" t="s">
        <v>0</v>
      </c>
    </row>
    <row r="22443" spans="1:5" x14ac:dyDescent="0.25">
      <c r="A22443" s="1" t="s">
        <v>4072</v>
      </c>
      <c r="B22443" s="1" t="s">
        <v>11495</v>
      </c>
      <c r="C22443" s="1" t="s">
        <v>43795</v>
      </c>
      <c r="D22443" s="2">
        <v>175271</v>
      </c>
      <c r="E22443" s="1" t="s">
        <v>0</v>
      </c>
    </row>
    <row r="22444" spans="1:5" x14ac:dyDescent="0.25">
      <c r="A22444" s="1" t="s">
        <v>43796</v>
      </c>
      <c r="B22444" s="1" t="s">
        <v>55944</v>
      </c>
      <c r="C22444" s="1" t="s">
        <v>43797</v>
      </c>
      <c r="D22444" s="2">
        <v>175272</v>
      </c>
      <c r="E22444" s="1" t="s">
        <v>0</v>
      </c>
    </row>
    <row r="22445" spans="1:5" ht="409.5" x14ac:dyDescent="0.25">
      <c r="A22445" s="4" t="s">
        <v>43798</v>
      </c>
      <c r="B22445" s="1" t="s">
        <v>55945</v>
      </c>
      <c r="C22445" s="1" t="s">
        <v>43799</v>
      </c>
      <c r="D22445" s="2">
        <v>175273</v>
      </c>
      <c r="E22445" s="1" t="s">
        <v>0</v>
      </c>
    </row>
    <row r="22446" spans="1:5" x14ac:dyDescent="0.25">
      <c r="A22446" s="1" t="s">
        <v>43800</v>
      </c>
      <c r="B22446" s="1" t="s">
        <v>11496</v>
      </c>
      <c r="C22446" s="1" t="s">
        <v>43801</v>
      </c>
      <c r="D22446" s="2">
        <v>175274</v>
      </c>
      <c r="E22446" s="1" t="s">
        <v>0</v>
      </c>
    </row>
    <row r="22447" spans="1:5" x14ac:dyDescent="0.25">
      <c r="A22447" s="2">
        <v>4489</v>
      </c>
      <c r="B22447" s="2">
        <v>4489</v>
      </c>
      <c r="C22447" s="1" t="s">
        <v>0</v>
      </c>
      <c r="D22447" s="2">
        <v>175275</v>
      </c>
      <c r="E22447" s="1" t="s">
        <v>0</v>
      </c>
    </row>
    <row r="22448" spans="1:5" x14ac:dyDescent="0.25">
      <c r="A22448" s="1" t="s">
        <v>4073</v>
      </c>
      <c r="B22448" s="1" t="s">
        <v>11497</v>
      </c>
      <c r="C22448" s="1" t="s">
        <v>43802</v>
      </c>
      <c r="D22448" s="2">
        <v>175276</v>
      </c>
      <c r="E22448" s="1" t="s">
        <v>0</v>
      </c>
    </row>
    <row r="22449" spans="1:5" x14ac:dyDescent="0.25">
      <c r="A22449" s="1" t="s">
        <v>43803</v>
      </c>
      <c r="B22449" s="1" t="s">
        <v>11498</v>
      </c>
      <c r="C22449" s="1" t="s">
        <v>43804</v>
      </c>
      <c r="D22449" s="2">
        <v>175277</v>
      </c>
      <c r="E22449" s="1" t="s">
        <v>0</v>
      </c>
    </row>
    <row r="22450" spans="1:5" ht="409.5" x14ac:dyDescent="0.25">
      <c r="A22450" s="4" t="s">
        <v>43805</v>
      </c>
      <c r="B22450" s="1" t="s">
        <v>62946</v>
      </c>
      <c r="C22450" s="1" t="s">
        <v>43806</v>
      </c>
      <c r="D22450" s="2">
        <v>175278</v>
      </c>
      <c r="E22450" s="1" t="s">
        <v>0</v>
      </c>
    </row>
    <row r="22451" spans="1:5" x14ac:dyDescent="0.25">
      <c r="A22451" s="1" t="s">
        <v>43807</v>
      </c>
      <c r="B22451" s="1" t="s">
        <v>55946</v>
      </c>
      <c r="C22451" s="1" t="s">
        <v>43808</v>
      </c>
      <c r="D22451" s="2">
        <v>175279</v>
      </c>
      <c r="E22451" s="1" t="s">
        <v>0</v>
      </c>
    </row>
    <row r="22452" spans="1:5" x14ac:dyDescent="0.25">
      <c r="A22452" s="2">
        <v>4490</v>
      </c>
      <c r="B22452" s="2">
        <v>4490</v>
      </c>
      <c r="C22452" s="1" t="s">
        <v>0</v>
      </c>
      <c r="D22452" s="2">
        <v>175280</v>
      </c>
      <c r="E22452" s="1" t="s">
        <v>0</v>
      </c>
    </row>
    <row r="22453" spans="1:5" x14ac:dyDescent="0.25">
      <c r="A22453" s="1" t="s">
        <v>4074</v>
      </c>
      <c r="B22453" s="1" t="s">
        <v>11499</v>
      </c>
      <c r="C22453" s="1" t="s">
        <v>43809</v>
      </c>
      <c r="D22453" s="2">
        <v>175281</v>
      </c>
      <c r="E22453" s="1" t="s">
        <v>0</v>
      </c>
    </row>
    <row r="22454" spans="1:5" x14ac:dyDescent="0.25">
      <c r="A22454" s="1" t="s">
        <v>43810</v>
      </c>
      <c r="B22454" s="1" t="s">
        <v>56869</v>
      </c>
      <c r="C22454" s="1" t="s">
        <v>43811</v>
      </c>
      <c r="D22454" s="2">
        <v>175282</v>
      </c>
      <c r="E22454" s="1" t="s">
        <v>0</v>
      </c>
    </row>
    <row r="22455" spans="1:5" ht="409.5" x14ac:dyDescent="0.25">
      <c r="A22455" s="4" t="s">
        <v>43812</v>
      </c>
      <c r="B22455" s="1" t="s">
        <v>62947</v>
      </c>
      <c r="C22455" s="1" t="s">
        <v>43813</v>
      </c>
      <c r="D22455" s="2">
        <v>175283</v>
      </c>
      <c r="E22455" s="1" t="s">
        <v>0</v>
      </c>
    </row>
    <row r="22456" spans="1:5" x14ac:dyDescent="0.25">
      <c r="A22456" s="1" t="s">
        <v>43814</v>
      </c>
      <c r="B22456" s="1" t="s">
        <v>55947</v>
      </c>
      <c r="C22456" s="1" t="s">
        <v>43815</v>
      </c>
      <c r="D22456" s="2">
        <v>175284</v>
      </c>
      <c r="E22456" s="1" t="s">
        <v>0</v>
      </c>
    </row>
    <row r="22457" spans="1:5" x14ac:dyDescent="0.25">
      <c r="A22457" s="2">
        <v>4491</v>
      </c>
      <c r="B22457" s="2">
        <v>4491</v>
      </c>
      <c r="C22457" s="1" t="s">
        <v>0</v>
      </c>
      <c r="D22457" s="2">
        <v>175285</v>
      </c>
      <c r="E22457" s="1" t="s">
        <v>0</v>
      </c>
    </row>
    <row r="22458" spans="1:5" x14ac:dyDescent="0.25">
      <c r="A22458" s="1" t="s">
        <v>4075</v>
      </c>
      <c r="B22458" s="1" t="s">
        <v>51026</v>
      </c>
      <c r="C22458" s="1" t="s">
        <v>43816</v>
      </c>
      <c r="D22458" s="2">
        <v>175286</v>
      </c>
      <c r="E22458" s="1" t="s">
        <v>0</v>
      </c>
    </row>
    <row r="22459" spans="1:5" x14ac:dyDescent="0.25">
      <c r="A22459" s="1" t="s">
        <v>43817</v>
      </c>
      <c r="B22459" s="1" t="s">
        <v>57632</v>
      </c>
      <c r="C22459" s="1" t="s">
        <v>43818</v>
      </c>
      <c r="D22459" s="2">
        <v>175287</v>
      </c>
      <c r="E22459" s="1" t="s">
        <v>0</v>
      </c>
    </row>
    <row r="22460" spans="1:5" ht="409.5" x14ac:dyDescent="0.25">
      <c r="A22460" s="4" t="s">
        <v>43819</v>
      </c>
      <c r="B22460" s="1" t="s">
        <v>60830</v>
      </c>
      <c r="C22460" s="1" t="s">
        <v>43820</v>
      </c>
      <c r="D22460" s="2">
        <v>175288</v>
      </c>
      <c r="E22460" s="1" t="s">
        <v>0</v>
      </c>
    </row>
    <row r="22461" spans="1:5" x14ac:dyDescent="0.25">
      <c r="A22461" s="1" t="s">
        <v>43821</v>
      </c>
      <c r="B22461" s="1" t="s">
        <v>51027</v>
      </c>
      <c r="C22461" s="1" t="s">
        <v>43822</v>
      </c>
      <c r="D22461" s="2">
        <v>175289</v>
      </c>
      <c r="E22461" s="1" t="s">
        <v>0</v>
      </c>
    </row>
    <row r="22462" spans="1:5" x14ac:dyDescent="0.25">
      <c r="A22462" s="2">
        <v>4492</v>
      </c>
      <c r="B22462" s="2">
        <v>4492</v>
      </c>
      <c r="C22462" s="1" t="s">
        <v>0</v>
      </c>
      <c r="D22462" s="2">
        <v>175290</v>
      </c>
      <c r="E22462" s="1" t="s">
        <v>0</v>
      </c>
    </row>
    <row r="22463" spans="1:5" x14ac:dyDescent="0.25">
      <c r="A22463" s="1" t="s">
        <v>4076</v>
      </c>
      <c r="B22463" s="1" t="s">
        <v>55948</v>
      </c>
      <c r="C22463" s="1" t="s">
        <v>43823</v>
      </c>
      <c r="D22463" s="2">
        <v>175291</v>
      </c>
      <c r="E22463" s="1" t="s">
        <v>0</v>
      </c>
    </row>
    <row r="22464" spans="1:5" x14ac:dyDescent="0.25">
      <c r="A22464" s="1" t="s">
        <v>43824</v>
      </c>
      <c r="B22464" s="1" t="s">
        <v>51028</v>
      </c>
      <c r="C22464" s="1" t="s">
        <v>43825</v>
      </c>
      <c r="D22464" s="2">
        <v>175292</v>
      </c>
      <c r="E22464" s="1" t="s">
        <v>0</v>
      </c>
    </row>
    <row r="22465" spans="1:5" ht="409.5" x14ac:dyDescent="0.25">
      <c r="A22465" s="4" t="s">
        <v>43826</v>
      </c>
      <c r="B22465" s="1" t="s">
        <v>61361</v>
      </c>
      <c r="C22465" s="1" t="s">
        <v>43827</v>
      </c>
      <c r="D22465" s="2">
        <v>175293</v>
      </c>
      <c r="E22465" s="1" t="s">
        <v>0</v>
      </c>
    </row>
    <row r="22466" spans="1:5" x14ac:dyDescent="0.25">
      <c r="A22466" s="1" t="s">
        <v>43828</v>
      </c>
      <c r="B22466" s="1" t="s">
        <v>11500</v>
      </c>
      <c r="C22466" s="1" t="s">
        <v>43829</v>
      </c>
      <c r="D22466" s="2">
        <v>175294</v>
      </c>
      <c r="E22466" s="1" t="s">
        <v>0</v>
      </c>
    </row>
    <row r="22467" spans="1:5" x14ac:dyDescent="0.25">
      <c r="A22467" s="2">
        <v>4493</v>
      </c>
      <c r="B22467" s="2">
        <v>4493</v>
      </c>
      <c r="C22467" s="1" t="s">
        <v>0</v>
      </c>
      <c r="D22467" s="2">
        <v>175295</v>
      </c>
      <c r="E22467" s="1" t="s">
        <v>0</v>
      </c>
    </row>
    <row r="22468" spans="1:5" x14ac:dyDescent="0.25">
      <c r="A22468" s="1" t="s">
        <v>4077</v>
      </c>
      <c r="B22468" s="1" t="s">
        <v>11501</v>
      </c>
      <c r="C22468" s="1" t="s">
        <v>43830</v>
      </c>
      <c r="D22468" s="2">
        <v>175296</v>
      </c>
      <c r="E22468" s="1" t="s">
        <v>0</v>
      </c>
    </row>
    <row r="22469" spans="1:5" x14ac:dyDescent="0.25">
      <c r="A22469" s="1" t="s">
        <v>43831</v>
      </c>
      <c r="B22469" s="1" t="s">
        <v>11502</v>
      </c>
      <c r="C22469" s="1" t="s">
        <v>43832</v>
      </c>
      <c r="D22469" s="2">
        <v>175297</v>
      </c>
      <c r="E22469" s="1" t="s">
        <v>0</v>
      </c>
    </row>
    <row r="22470" spans="1:5" ht="409.5" x14ac:dyDescent="0.25">
      <c r="A22470" s="4" t="s">
        <v>43833</v>
      </c>
      <c r="B22470" s="1" t="s">
        <v>11503</v>
      </c>
      <c r="C22470" s="1" t="s">
        <v>43834</v>
      </c>
      <c r="D22470" s="2">
        <v>175298</v>
      </c>
      <c r="E22470" s="1" t="s">
        <v>0</v>
      </c>
    </row>
    <row r="22471" spans="1:5" x14ac:dyDescent="0.25">
      <c r="A22471" s="1" t="s">
        <v>43835</v>
      </c>
      <c r="B22471" s="1" t="s">
        <v>55949</v>
      </c>
      <c r="C22471" s="1" t="s">
        <v>43836</v>
      </c>
      <c r="D22471" s="2">
        <v>175299</v>
      </c>
      <c r="E22471" s="1" t="s">
        <v>0</v>
      </c>
    </row>
    <row r="22472" spans="1:5" x14ac:dyDescent="0.25">
      <c r="A22472" s="2">
        <v>4494</v>
      </c>
      <c r="B22472" s="2">
        <v>4494</v>
      </c>
      <c r="C22472" s="1" t="s">
        <v>0</v>
      </c>
      <c r="D22472" s="2">
        <v>175300</v>
      </c>
      <c r="E22472" s="1" t="s">
        <v>0</v>
      </c>
    </row>
    <row r="22473" spans="1:5" x14ac:dyDescent="0.25">
      <c r="A22473" s="1" t="s">
        <v>4078</v>
      </c>
      <c r="B22473" s="1" t="s">
        <v>11504</v>
      </c>
      <c r="C22473" s="1" t="s">
        <v>43837</v>
      </c>
      <c r="D22473" s="2">
        <v>175301</v>
      </c>
      <c r="E22473" s="1" t="s">
        <v>0</v>
      </c>
    </row>
    <row r="22474" spans="1:5" x14ac:dyDescent="0.25">
      <c r="A22474" s="1" t="s">
        <v>43838</v>
      </c>
      <c r="B22474" s="1" t="s">
        <v>61362</v>
      </c>
      <c r="C22474" s="1" t="s">
        <v>43839</v>
      </c>
      <c r="D22474" s="2">
        <v>175302</v>
      </c>
      <c r="E22474" s="1" t="s">
        <v>0</v>
      </c>
    </row>
    <row r="22475" spans="1:5" ht="409.5" x14ac:dyDescent="0.25">
      <c r="A22475" s="4" t="s">
        <v>43840</v>
      </c>
      <c r="B22475" s="1" t="s">
        <v>61363</v>
      </c>
      <c r="C22475" s="1" t="s">
        <v>43841</v>
      </c>
      <c r="D22475" s="2">
        <v>175303</v>
      </c>
      <c r="E22475" s="1" t="s">
        <v>0</v>
      </c>
    </row>
    <row r="22476" spans="1:5" x14ac:dyDescent="0.25">
      <c r="A22476" s="1" t="s">
        <v>43842</v>
      </c>
      <c r="B22476" s="1" t="s">
        <v>55950</v>
      </c>
      <c r="C22476" s="1" t="s">
        <v>43843</v>
      </c>
      <c r="D22476" s="2">
        <v>175304</v>
      </c>
      <c r="E22476" s="1" t="s">
        <v>0</v>
      </c>
    </row>
    <row r="22477" spans="1:5" x14ac:dyDescent="0.25">
      <c r="A22477" s="2">
        <v>4495</v>
      </c>
      <c r="B22477" s="2">
        <v>4495</v>
      </c>
      <c r="C22477" s="1" t="s">
        <v>0</v>
      </c>
      <c r="D22477" s="2">
        <v>175305</v>
      </c>
      <c r="E22477" s="1" t="s">
        <v>0</v>
      </c>
    </row>
    <row r="22478" spans="1:5" x14ac:dyDescent="0.25">
      <c r="A22478" s="1" t="s">
        <v>4079</v>
      </c>
      <c r="B22478" s="1" t="s">
        <v>60266</v>
      </c>
      <c r="C22478" s="1" t="s">
        <v>43844</v>
      </c>
      <c r="D22478" s="2">
        <v>175306</v>
      </c>
      <c r="E22478" s="1" t="s">
        <v>0</v>
      </c>
    </row>
    <row r="22479" spans="1:5" x14ac:dyDescent="0.25">
      <c r="A22479" s="1" t="s">
        <v>43845</v>
      </c>
      <c r="B22479" s="1" t="s">
        <v>62948</v>
      </c>
      <c r="C22479" s="1" t="s">
        <v>43846</v>
      </c>
      <c r="D22479" s="2">
        <v>175307</v>
      </c>
      <c r="E22479" s="1" t="s">
        <v>0</v>
      </c>
    </row>
    <row r="22480" spans="1:5" ht="409.5" x14ac:dyDescent="0.25">
      <c r="A22480" s="4" t="s">
        <v>43847</v>
      </c>
      <c r="B22480" s="1" t="s">
        <v>62949</v>
      </c>
      <c r="C22480" s="1" t="s">
        <v>43848</v>
      </c>
      <c r="D22480" s="2">
        <v>175308</v>
      </c>
      <c r="E22480" s="1" t="s">
        <v>0</v>
      </c>
    </row>
    <row r="22481" spans="1:5" x14ac:dyDescent="0.25">
      <c r="A22481" s="1" t="s">
        <v>43849</v>
      </c>
      <c r="B22481" s="1" t="s">
        <v>58849</v>
      </c>
      <c r="C22481" s="1" t="s">
        <v>43850</v>
      </c>
      <c r="D22481" s="2">
        <v>175309</v>
      </c>
      <c r="E22481" s="1" t="s">
        <v>0</v>
      </c>
    </row>
    <row r="22482" spans="1:5" x14ac:dyDescent="0.25">
      <c r="A22482" s="2">
        <v>4496</v>
      </c>
      <c r="B22482" s="2">
        <v>4496</v>
      </c>
      <c r="C22482" s="1" t="s">
        <v>0</v>
      </c>
      <c r="D22482" s="2">
        <v>175310</v>
      </c>
      <c r="E22482" s="1" t="s">
        <v>0</v>
      </c>
    </row>
    <row r="22483" spans="1:5" x14ac:dyDescent="0.25">
      <c r="A22483" s="1" t="s">
        <v>4080</v>
      </c>
      <c r="B22483" s="1" t="s">
        <v>11505</v>
      </c>
      <c r="C22483" s="1" t="s">
        <v>43851</v>
      </c>
      <c r="D22483" s="2">
        <v>175311</v>
      </c>
      <c r="E22483" s="1" t="s">
        <v>0</v>
      </c>
    </row>
    <row r="22484" spans="1:5" x14ac:dyDescent="0.25">
      <c r="A22484" s="1" t="s">
        <v>43852</v>
      </c>
      <c r="B22484" s="1" t="s">
        <v>51029</v>
      </c>
      <c r="C22484" s="1" t="s">
        <v>43853</v>
      </c>
      <c r="D22484" s="2">
        <v>175312</v>
      </c>
      <c r="E22484" s="1" t="s">
        <v>0</v>
      </c>
    </row>
    <row r="22485" spans="1:5" ht="409.5" x14ac:dyDescent="0.25">
      <c r="A22485" s="4" t="s">
        <v>43854</v>
      </c>
      <c r="B22485" s="1" t="s">
        <v>51030</v>
      </c>
      <c r="C22485" s="1" t="s">
        <v>43855</v>
      </c>
      <c r="D22485" s="2">
        <v>175313</v>
      </c>
      <c r="E22485" s="1" t="s">
        <v>0</v>
      </c>
    </row>
    <row r="22486" spans="1:5" x14ac:dyDescent="0.25">
      <c r="A22486" s="1" t="s">
        <v>43856</v>
      </c>
      <c r="B22486" s="1" t="s">
        <v>11506</v>
      </c>
      <c r="C22486" s="1" t="s">
        <v>43857</v>
      </c>
      <c r="D22486" s="2">
        <v>175314</v>
      </c>
      <c r="E22486" s="1" t="s">
        <v>0</v>
      </c>
    </row>
    <row r="22487" spans="1:5" x14ac:dyDescent="0.25">
      <c r="A22487" s="2">
        <v>4497</v>
      </c>
      <c r="B22487" s="2">
        <v>4497</v>
      </c>
      <c r="C22487" s="1" t="s">
        <v>0</v>
      </c>
      <c r="D22487" s="2">
        <v>175315</v>
      </c>
      <c r="E22487" s="1" t="s">
        <v>0</v>
      </c>
    </row>
    <row r="22488" spans="1:5" x14ac:dyDescent="0.25">
      <c r="A22488" s="1" t="s">
        <v>4081</v>
      </c>
      <c r="B22488" s="1" t="s">
        <v>11507</v>
      </c>
      <c r="C22488" s="1" t="s">
        <v>43858</v>
      </c>
      <c r="D22488" s="2">
        <v>175316</v>
      </c>
      <c r="E22488" s="1" t="s">
        <v>0</v>
      </c>
    </row>
    <row r="22489" spans="1:5" x14ac:dyDescent="0.25">
      <c r="A22489" s="1" t="s">
        <v>43859</v>
      </c>
      <c r="B22489" s="1" t="s">
        <v>57329</v>
      </c>
      <c r="C22489" s="1" t="s">
        <v>43860</v>
      </c>
      <c r="D22489" s="2">
        <v>175317</v>
      </c>
      <c r="E22489" s="1" t="s">
        <v>0</v>
      </c>
    </row>
    <row r="22490" spans="1:5" ht="409.5" x14ac:dyDescent="0.25">
      <c r="A22490" s="4" t="s">
        <v>43861</v>
      </c>
      <c r="B22490" s="1" t="s">
        <v>57330</v>
      </c>
      <c r="C22490" s="1" t="s">
        <v>43862</v>
      </c>
      <c r="D22490" s="2">
        <v>175318</v>
      </c>
      <c r="E22490" s="1" t="s">
        <v>0</v>
      </c>
    </row>
    <row r="22491" spans="1:5" x14ac:dyDescent="0.25">
      <c r="A22491" s="1" t="s">
        <v>43863</v>
      </c>
      <c r="B22491" s="1" t="s">
        <v>11508</v>
      </c>
      <c r="C22491" s="1" t="s">
        <v>43864</v>
      </c>
      <c r="D22491" s="2">
        <v>175319</v>
      </c>
      <c r="E22491" s="1" t="s">
        <v>0</v>
      </c>
    </row>
    <row r="22492" spans="1:5" x14ac:dyDescent="0.25">
      <c r="A22492" s="2">
        <v>4498</v>
      </c>
      <c r="B22492" s="2">
        <v>4498</v>
      </c>
      <c r="C22492" s="1" t="s">
        <v>0</v>
      </c>
      <c r="D22492" s="2">
        <v>175320</v>
      </c>
      <c r="E22492" s="1" t="s">
        <v>0</v>
      </c>
    </row>
    <row r="22493" spans="1:5" x14ac:dyDescent="0.25">
      <c r="A22493" s="1" t="s">
        <v>11509</v>
      </c>
      <c r="B22493" s="1" t="s">
        <v>11510</v>
      </c>
      <c r="C22493" s="1" t="s">
        <v>43865</v>
      </c>
      <c r="D22493" s="2">
        <v>175321</v>
      </c>
      <c r="E22493" s="1" t="s">
        <v>0</v>
      </c>
    </row>
    <row r="22494" spans="1:5" x14ac:dyDescent="0.25">
      <c r="A22494" s="1" t="s">
        <v>43866</v>
      </c>
      <c r="B22494" s="1" t="s">
        <v>55951</v>
      </c>
      <c r="C22494" s="1" t="s">
        <v>43867</v>
      </c>
      <c r="D22494" s="2">
        <v>175322</v>
      </c>
      <c r="E22494" s="1" t="s">
        <v>0</v>
      </c>
    </row>
    <row r="22495" spans="1:5" ht="409.5" x14ac:dyDescent="0.25">
      <c r="A22495" s="4" t="s">
        <v>43868</v>
      </c>
      <c r="B22495" s="1" t="s">
        <v>55952</v>
      </c>
      <c r="C22495" s="1" t="s">
        <v>43869</v>
      </c>
      <c r="D22495" s="2">
        <v>175323</v>
      </c>
      <c r="E22495" s="1" t="s">
        <v>0</v>
      </c>
    </row>
    <row r="22496" spans="1:5" x14ac:dyDescent="0.25">
      <c r="A22496" s="1" t="s">
        <v>43870</v>
      </c>
      <c r="B22496" s="1" t="s">
        <v>11511</v>
      </c>
      <c r="C22496" s="1" t="s">
        <v>43871</v>
      </c>
      <c r="D22496" s="2">
        <v>175324</v>
      </c>
      <c r="E22496" s="1" t="s">
        <v>0</v>
      </c>
    </row>
    <row r="22497" spans="1:5" x14ac:dyDescent="0.25">
      <c r="A22497" s="2">
        <v>4499</v>
      </c>
      <c r="B22497" s="2">
        <v>4499</v>
      </c>
      <c r="C22497" s="1" t="s">
        <v>0</v>
      </c>
      <c r="D22497" s="2">
        <v>175325</v>
      </c>
      <c r="E22497" s="1" t="s">
        <v>0</v>
      </c>
    </row>
    <row r="22498" spans="1:5" x14ac:dyDescent="0.25">
      <c r="A22498" s="1" t="s">
        <v>4082</v>
      </c>
      <c r="B22498" s="1" t="s">
        <v>11512</v>
      </c>
      <c r="C22498" s="1" t="s">
        <v>43872</v>
      </c>
      <c r="D22498" s="2">
        <v>175326</v>
      </c>
      <c r="E22498" s="1" t="s">
        <v>0</v>
      </c>
    </row>
    <row r="22499" spans="1:5" x14ac:dyDescent="0.25">
      <c r="A22499" s="1" t="s">
        <v>43873</v>
      </c>
      <c r="B22499" s="1" t="s">
        <v>11513</v>
      </c>
      <c r="C22499" s="1" t="s">
        <v>43874</v>
      </c>
      <c r="D22499" s="2">
        <v>175327</v>
      </c>
      <c r="E22499" s="1" t="s">
        <v>0</v>
      </c>
    </row>
    <row r="22500" spans="1:5" ht="409.5" x14ac:dyDescent="0.25">
      <c r="A22500" s="4" t="s">
        <v>64346</v>
      </c>
      <c r="B22500" s="1" t="s">
        <v>61364</v>
      </c>
      <c r="C22500" s="1" t="s">
        <v>43875</v>
      </c>
      <c r="D22500" s="2">
        <v>175328</v>
      </c>
      <c r="E22500" s="1" t="s">
        <v>0</v>
      </c>
    </row>
    <row r="22501" spans="1:5" x14ac:dyDescent="0.25">
      <c r="A22501" s="1" t="s">
        <v>43876</v>
      </c>
      <c r="B22501" s="1" t="s">
        <v>55953</v>
      </c>
      <c r="C22501" s="1" t="s">
        <v>43877</v>
      </c>
      <c r="D22501" s="2">
        <v>175329</v>
      </c>
      <c r="E22501" s="1" t="s">
        <v>0</v>
      </c>
    </row>
    <row r="22502" spans="1:5" x14ac:dyDescent="0.25">
      <c r="A22502" s="2">
        <v>4500</v>
      </c>
      <c r="B22502" s="2">
        <v>4500</v>
      </c>
      <c r="C22502" s="1" t="s">
        <v>0</v>
      </c>
      <c r="D22502" s="2">
        <v>175330</v>
      </c>
      <c r="E22502" s="1" t="s">
        <v>0</v>
      </c>
    </row>
    <row r="22503" spans="1:5" x14ac:dyDescent="0.25">
      <c r="A22503" s="1" t="s">
        <v>4083</v>
      </c>
      <c r="B22503" s="1" t="s">
        <v>11514</v>
      </c>
      <c r="C22503" s="1" t="s">
        <v>43878</v>
      </c>
      <c r="D22503" s="2">
        <v>175331</v>
      </c>
      <c r="E22503" s="1" t="s">
        <v>0</v>
      </c>
    </row>
    <row r="22504" spans="1:5" x14ac:dyDescent="0.25">
      <c r="A22504" s="1" t="s">
        <v>43879</v>
      </c>
      <c r="B22504" s="1" t="s">
        <v>62950</v>
      </c>
      <c r="C22504" s="1" t="s">
        <v>43880</v>
      </c>
      <c r="D22504" s="2">
        <v>175332</v>
      </c>
      <c r="E22504" s="1" t="s">
        <v>0</v>
      </c>
    </row>
    <row r="22505" spans="1:5" ht="409.5" x14ac:dyDescent="0.25">
      <c r="A22505" s="4" t="s">
        <v>43881</v>
      </c>
      <c r="B22505" s="1" t="s">
        <v>62951</v>
      </c>
      <c r="C22505" s="1" t="s">
        <v>43882</v>
      </c>
      <c r="D22505" s="2">
        <v>175333</v>
      </c>
      <c r="E22505" s="1" t="s">
        <v>0</v>
      </c>
    </row>
    <row r="22506" spans="1:5" x14ac:dyDescent="0.25">
      <c r="A22506" s="1" t="s">
        <v>43883</v>
      </c>
      <c r="B22506" s="1" t="s">
        <v>55954</v>
      </c>
      <c r="C22506" s="1" t="s">
        <v>43884</v>
      </c>
      <c r="D22506" s="2">
        <v>175334</v>
      </c>
      <c r="E22506" s="1" t="s">
        <v>0</v>
      </c>
    </row>
    <row r="22507" spans="1:5" x14ac:dyDescent="0.25">
      <c r="A22507" s="2">
        <v>4501</v>
      </c>
      <c r="B22507" s="2">
        <v>4501</v>
      </c>
      <c r="C22507" s="1" t="s">
        <v>0</v>
      </c>
      <c r="D22507" s="2">
        <v>175335</v>
      </c>
      <c r="E22507" s="1" t="s">
        <v>0</v>
      </c>
    </row>
    <row r="22508" spans="1:5" x14ac:dyDescent="0.25">
      <c r="A22508" s="1" t="s">
        <v>4084</v>
      </c>
      <c r="B22508" s="1" t="s">
        <v>11515</v>
      </c>
      <c r="C22508" s="1" t="s">
        <v>43885</v>
      </c>
      <c r="D22508" s="2">
        <v>175336</v>
      </c>
      <c r="E22508" s="1" t="s">
        <v>0</v>
      </c>
    </row>
    <row r="22509" spans="1:5" x14ac:dyDescent="0.25">
      <c r="A22509" s="1" t="s">
        <v>43886</v>
      </c>
      <c r="B22509" s="1" t="s">
        <v>63825</v>
      </c>
      <c r="C22509" s="1" t="s">
        <v>43887</v>
      </c>
      <c r="D22509" s="2">
        <v>175337</v>
      </c>
      <c r="E22509" s="1" t="s">
        <v>0</v>
      </c>
    </row>
    <row r="22510" spans="1:5" ht="409.5" x14ac:dyDescent="0.25">
      <c r="A22510" s="4" t="s">
        <v>43888</v>
      </c>
      <c r="B22510" s="1" t="s">
        <v>63826</v>
      </c>
      <c r="C22510" s="1" t="s">
        <v>43889</v>
      </c>
      <c r="D22510" s="2">
        <v>175338</v>
      </c>
      <c r="E22510" s="1" t="s">
        <v>0</v>
      </c>
    </row>
    <row r="22511" spans="1:5" x14ac:dyDescent="0.25">
      <c r="A22511" s="1" t="s">
        <v>43890</v>
      </c>
      <c r="B22511" s="1" t="s">
        <v>11516</v>
      </c>
      <c r="C22511" s="1" t="s">
        <v>43891</v>
      </c>
      <c r="D22511" s="2">
        <v>175339</v>
      </c>
      <c r="E22511" s="1" t="s">
        <v>0</v>
      </c>
    </row>
    <row r="22512" spans="1:5" x14ac:dyDescent="0.25">
      <c r="A22512" s="2">
        <v>4502</v>
      </c>
      <c r="B22512" s="2">
        <v>4502</v>
      </c>
      <c r="C22512" s="1" t="s">
        <v>0</v>
      </c>
      <c r="D22512" s="2">
        <v>175340</v>
      </c>
      <c r="E22512" s="1" t="s">
        <v>0</v>
      </c>
    </row>
    <row r="22513" spans="1:5" x14ac:dyDescent="0.25">
      <c r="A22513" s="1" t="s">
        <v>4085</v>
      </c>
      <c r="B22513" s="1" t="s">
        <v>11517</v>
      </c>
      <c r="C22513" s="1" t="s">
        <v>43892</v>
      </c>
      <c r="D22513" s="2">
        <v>175341</v>
      </c>
      <c r="E22513" s="1" t="s">
        <v>0</v>
      </c>
    </row>
    <row r="22514" spans="1:5" x14ac:dyDescent="0.25">
      <c r="A22514" s="1" t="s">
        <v>43893</v>
      </c>
      <c r="B22514" s="1" t="s">
        <v>11518</v>
      </c>
      <c r="C22514" s="1" t="s">
        <v>43894</v>
      </c>
      <c r="D22514" s="2">
        <v>175342</v>
      </c>
      <c r="E22514" s="1" t="s">
        <v>0</v>
      </c>
    </row>
    <row r="22515" spans="1:5" ht="409.5" x14ac:dyDescent="0.25">
      <c r="A22515" s="4" t="s">
        <v>43895</v>
      </c>
      <c r="B22515" s="1" t="s">
        <v>57633</v>
      </c>
      <c r="C22515" s="1" t="s">
        <v>43896</v>
      </c>
      <c r="D22515" s="2">
        <v>175343</v>
      </c>
      <c r="E22515" s="1" t="s">
        <v>0</v>
      </c>
    </row>
    <row r="22516" spans="1:5" x14ac:dyDescent="0.25">
      <c r="A22516" s="1" t="s">
        <v>43897</v>
      </c>
      <c r="B22516" s="1" t="s">
        <v>11519</v>
      </c>
      <c r="C22516" s="1" t="s">
        <v>43898</v>
      </c>
      <c r="D22516" s="2">
        <v>175344</v>
      </c>
      <c r="E22516" s="1" t="s">
        <v>0</v>
      </c>
    </row>
    <row r="22517" spans="1:5" x14ac:dyDescent="0.25">
      <c r="A22517" s="2">
        <v>4503</v>
      </c>
      <c r="B22517" s="2">
        <v>4503</v>
      </c>
      <c r="C22517" s="1" t="s">
        <v>0</v>
      </c>
      <c r="D22517" s="2">
        <v>175345</v>
      </c>
      <c r="E22517" s="1" t="s">
        <v>0</v>
      </c>
    </row>
    <row r="22518" spans="1:5" x14ac:dyDescent="0.25">
      <c r="A22518" s="1" t="s">
        <v>11520</v>
      </c>
      <c r="B22518" s="1" t="s">
        <v>11521</v>
      </c>
      <c r="C22518" s="1" t="s">
        <v>43899</v>
      </c>
      <c r="D22518" s="2">
        <v>175346</v>
      </c>
      <c r="E22518" s="1" t="s">
        <v>0</v>
      </c>
    </row>
    <row r="22519" spans="1:5" x14ac:dyDescent="0.25">
      <c r="A22519" s="1" t="s">
        <v>43900</v>
      </c>
      <c r="B22519" s="1" t="s">
        <v>61365</v>
      </c>
      <c r="C22519" s="1" t="s">
        <v>43901</v>
      </c>
      <c r="D22519" s="2">
        <v>175347</v>
      </c>
      <c r="E22519" s="1" t="s">
        <v>0</v>
      </c>
    </row>
    <row r="22520" spans="1:5" ht="409.5" x14ac:dyDescent="0.25">
      <c r="A22520" s="4" t="s">
        <v>43902</v>
      </c>
      <c r="B22520" s="1" t="s">
        <v>61366</v>
      </c>
      <c r="C22520" s="1" t="s">
        <v>43903</v>
      </c>
      <c r="D22520" s="2">
        <v>175348</v>
      </c>
      <c r="E22520" s="1" t="s">
        <v>0</v>
      </c>
    </row>
    <row r="22521" spans="1:5" x14ac:dyDescent="0.25">
      <c r="A22521" s="1" t="s">
        <v>43904</v>
      </c>
      <c r="B22521" s="1" t="s">
        <v>58850</v>
      </c>
      <c r="C22521" s="1" t="s">
        <v>43905</v>
      </c>
      <c r="D22521" s="2">
        <v>175349</v>
      </c>
      <c r="E22521" s="1" t="s">
        <v>0</v>
      </c>
    </row>
    <row r="22522" spans="1:5" x14ac:dyDescent="0.25">
      <c r="A22522" s="2">
        <v>4504</v>
      </c>
      <c r="B22522" s="2">
        <v>4504</v>
      </c>
      <c r="C22522" s="1" t="s">
        <v>0</v>
      </c>
      <c r="D22522" s="2">
        <v>175350</v>
      </c>
      <c r="E22522" s="1" t="s">
        <v>0</v>
      </c>
    </row>
    <row r="22523" spans="1:5" x14ac:dyDescent="0.25">
      <c r="A22523" s="1" t="s">
        <v>4086</v>
      </c>
      <c r="B22523" s="1" t="s">
        <v>11522</v>
      </c>
      <c r="C22523" s="1" t="s">
        <v>43906</v>
      </c>
      <c r="D22523" s="2">
        <v>175351</v>
      </c>
      <c r="E22523" s="1" t="s">
        <v>0</v>
      </c>
    </row>
    <row r="22524" spans="1:5" x14ac:dyDescent="0.25">
      <c r="A22524" s="1" t="s">
        <v>43907</v>
      </c>
      <c r="B22524" s="1" t="s">
        <v>51031</v>
      </c>
      <c r="C22524" s="1" t="s">
        <v>43908</v>
      </c>
      <c r="D22524" s="2">
        <v>175352</v>
      </c>
      <c r="E22524" s="1" t="s">
        <v>0</v>
      </c>
    </row>
    <row r="22525" spans="1:5" ht="409.5" x14ac:dyDescent="0.25">
      <c r="A22525" s="4" t="s">
        <v>43909</v>
      </c>
      <c r="B22525" s="1" t="s">
        <v>51032</v>
      </c>
      <c r="C22525" s="1" t="s">
        <v>43910</v>
      </c>
      <c r="D22525" s="2">
        <v>175353</v>
      </c>
      <c r="E22525" s="1" t="s">
        <v>0</v>
      </c>
    </row>
    <row r="22526" spans="1:5" x14ac:dyDescent="0.25">
      <c r="A22526" s="1" t="s">
        <v>38361</v>
      </c>
      <c r="B22526" s="1" t="s">
        <v>55062</v>
      </c>
      <c r="C22526" s="1" t="s">
        <v>38362</v>
      </c>
      <c r="D22526" s="2">
        <v>175354</v>
      </c>
      <c r="E22526" s="1" t="s">
        <v>0</v>
      </c>
    </row>
    <row r="22527" spans="1:5" x14ac:dyDescent="0.25">
      <c r="A22527" s="2">
        <v>4505</v>
      </c>
      <c r="B22527" s="2">
        <v>4505</v>
      </c>
      <c r="C22527" s="1" t="s">
        <v>0</v>
      </c>
      <c r="D22527" s="2">
        <v>175355</v>
      </c>
      <c r="E22527" s="1" t="s">
        <v>0</v>
      </c>
    </row>
    <row r="22528" spans="1:5" x14ac:dyDescent="0.25">
      <c r="A22528" s="1" t="s">
        <v>4087</v>
      </c>
      <c r="B22528" s="1" t="s">
        <v>55955</v>
      </c>
      <c r="C22528" s="1" t="s">
        <v>43911</v>
      </c>
      <c r="D22528" s="2">
        <v>175356</v>
      </c>
      <c r="E22528" s="1" t="s">
        <v>0</v>
      </c>
    </row>
    <row r="22529" spans="1:5" x14ac:dyDescent="0.25">
      <c r="A22529" s="1" t="s">
        <v>43912</v>
      </c>
      <c r="B22529" s="1" t="s">
        <v>51033</v>
      </c>
      <c r="C22529" s="1" t="s">
        <v>43913</v>
      </c>
      <c r="D22529" s="2">
        <v>175357</v>
      </c>
      <c r="E22529" s="1" t="s">
        <v>0</v>
      </c>
    </row>
    <row r="22530" spans="1:5" ht="409.5" x14ac:dyDescent="0.25">
      <c r="A22530" s="4" t="s">
        <v>64347</v>
      </c>
      <c r="B22530" s="1" t="s">
        <v>57634</v>
      </c>
      <c r="C22530" s="1" t="s">
        <v>43914</v>
      </c>
      <c r="D22530" s="2">
        <v>175358</v>
      </c>
      <c r="E22530" s="1" t="s">
        <v>0</v>
      </c>
    </row>
    <row r="22531" spans="1:5" x14ac:dyDescent="0.25">
      <c r="A22531" s="1" t="s">
        <v>43915</v>
      </c>
      <c r="B22531" s="1" t="s">
        <v>11523</v>
      </c>
      <c r="C22531" s="1" t="s">
        <v>43916</v>
      </c>
      <c r="D22531" s="2">
        <v>175359</v>
      </c>
      <c r="E22531" s="1" t="s">
        <v>0</v>
      </c>
    </row>
    <row r="22532" spans="1:5" x14ac:dyDescent="0.25">
      <c r="A22532" s="2">
        <v>4506</v>
      </c>
      <c r="B22532" s="2">
        <v>4506</v>
      </c>
      <c r="C22532" s="1" t="s">
        <v>0</v>
      </c>
      <c r="D22532" s="2">
        <v>175360</v>
      </c>
      <c r="E22532" s="1" t="s">
        <v>0</v>
      </c>
    </row>
    <row r="22533" spans="1:5" x14ac:dyDescent="0.25">
      <c r="A22533" s="1" t="s">
        <v>4088</v>
      </c>
      <c r="B22533" s="1" t="s">
        <v>11524</v>
      </c>
      <c r="C22533" s="1" t="s">
        <v>43917</v>
      </c>
      <c r="D22533" s="2">
        <v>175361</v>
      </c>
      <c r="E22533" s="1" t="s">
        <v>0</v>
      </c>
    </row>
    <row r="22534" spans="1:5" x14ac:dyDescent="0.25">
      <c r="A22534" s="1" t="s">
        <v>43918</v>
      </c>
      <c r="B22534" s="1" t="s">
        <v>55956</v>
      </c>
      <c r="C22534" s="1" t="s">
        <v>43919</v>
      </c>
      <c r="D22534" s="2">
        <v>175362</v>
      </c>
      <c r="E22534" s="1" t="s">
        <v>0</v>
      </c>
    </row>
    <row r="22535" spans="1:5" ht="409.5" x14ac:dyDescent="0.25">
      <c r="A22535" s="4" t="s">
        <v>43920</v>
      </c>
      <c r="B22535" s="1" t="s">
        <v>56870</v>
      </c>
      <c r="C22535" s="1" t="s">
        <v>43921</v>
      </c>
      <c r="D22535" s="2">
        <v>175363</v>
      </c>
      <c r="E22535" s="1" t="s">
        <v>0</v>
      </c>
    </row>
    <row r="22536" spans="1:5" x14ac:dyDescent="0.25">
      <c r="A22536" s="1" t="s">
        <v>43922</v>
      </c>
      <c r="B22536" s="1" t="s">
        <v>55957</v>
      </c>
      <c r="C22536" s="1" t="s">
        <v>43923</v>
      </c>
      <c r="D22536" s="2">
        <v>175364</v>
      </c>
      <c r="E22536" s="1" t="s">
        <v>0</v>
      </c>
    </row>
    <row r="22537" spans="1:5" x14ac:dyDescent="0.25">
      <c r="A22537" s="2">
        <v>4507</v>
      </c>
      <c r="B22537" s="2">
        <v>4507</v>
      </c>
      <c r="C22537" s="1" t="s">
        <v>0</v>
      </c>
      <c r="D22537" s="2">
        <v>175365</v>
      </c>
      <c r="E22537" s="1" t="s">
        <v>0</v>
      </c>
    </row>
    <row r="22538" spans="1:5" x14ac:dyDescent="0.25">
      <c r="A22538" s="1" t="s">
        <v>4089</v>
      </c>
      <c r="B22538" s="1" t="s">
        <v>11525</v>
      </c>
      <c r="C22538" s="1" t="s">
        <v>43924</v>
      </c>
      <c r="D22538" s="2">
        <v>175366</v>
      </c>
      <c r="E22538" s="1" t="s">
        <v>0</v>
      </c>
    </row>
    <row r="22539" spans="1:5" x14ac:dyDescent="0.25">
      <c r="A22539" s="1" t="s">
        <v>43925</v>
      </c>
      <c r="B22539" s="1" t="s">
        <v>61367</v>
      </c>
      <c r="C22539" s="1" t="s">
        <v>43926</v>
      </c>
      <c r="D22539" s="2">
        <v>175367</v>
      </c>
      <c r="E22539" s="1" t="s">
        <v>0</v>
      </c>
    </row>
    <row r="22540" spans="1:5" ht="409.5" x14ac:dyDescent="0.25">
      <c r="A22540" s="4" t="s">
        <v>43927</v>
      </c>
      <c r="B22540" s="1" t="s">
        <v>61368</v>
      </c>
      <c r="C22540" s="1" t="s">
        <v>43928</v>
      </c>
      <c r="D22540" s="2">
        <v>175368</v>
      </c>
      <c r="E22540" s="1" t="s">
        <v>0</v>
      </c>
    </row>
    <row r="22541" spans="1:5" x14ac:dyDescent="0.25">
      <c r="A22541" s="1" t="s">
        <v>43929</v>
      </c>
      <c r="B22541" s="1" t="s">
        <v>55958</v>
      </c>
      <c r="C22541" s="1" t="s">
        <v>43930</v>
      </c>
      <c r="D22541" s="2">
        <v>175369</v>
      </c>
      <c r="E22541" s="1" t="s">
        <v>0</v>
      </c>
    </row>
    <row r="22542" spans="1:5" x14ac:dyDescent="0.25">
      <c r="A22542" s="2">
        <v>4508</v>
      </c>
      <c r="B22542" s="2">
        <v>4508</v>
      </c>
      <c r="C22542" s="1" t="s">
        <v>0</v>
      </c>
      <c r="D22542" s="2">
        <v>175370</v>
      </c>
      <c r="E22542" s="1" t="s">
        <v>0</v>
      </c>
    </row>
    <row r="22543" spans="1:5" x14ac:dyDescent="0.25">
      <c r="A22543" s="1" t="s">
        <v>4090</v>
      </c>
      <c r="B22543" s="1" t="s">
        <v>11526</v>
      </c>
      <c r="C22543" s="1" t="s">
        <v>43931</v>
      </c>
      <c r="D22543" s="2">
        <v>175371</v>
      </c>
      <c r="E22543" s="1" t="s">
        <v>0</v>
      </c>
    </row>
    <row r="22544" spans="1:5" x14ac:dyDescent="0.25">
      <c r="A22544" s="1" t="s">
        <v>43932</v>
      </c>
      <c r="B22544" s="1" t="s">
        <v>11527</v>
      </c>
      <c r="C22544" s="1" t="s">
        <v>43933</v>
      </c>
      <c r="D22544" s="2">
        <v>175372</v>
      </c>
      <c r="E22544" s="1" t="s">
        <v>0</v>
      </c>
    </row>
    <row r="22545" spans="1:5" ht="409.5" x14ac:dyDescent="0.25">
      <c r="A22545" s="4" t="s">
        <v>43934</v>
      </c>
      <c r="B22545" s="1" t="s">
        <v>55959</v>
      </c>
      <c r="C22545" s="1" t="s">
        <v>43935</v>
      </c>
      <c r="D22545" s="2">
        <v>175373</v>
      </c>
      <c r="E22545" s="1" t="s">
        <v>0</v>
      </c>
    </row>
    <row r="22546" spans="1:5" x14ac:dyDescent="0.25">
      <c r="A22546" s="1" t="s">
        <v>43936</v>
      </c>
      <c r="B22546" s="1" t="s">
        <v>11528</v>
      </c>
      <c r="C22546" s="1" t="s">
        <v>43937</v>
      </c>
      <c r="D22546" s="2">
        <v>175374</v>
      </c>
      <c r="E22546" s="1" t="s">
        <v>0</v>
      </c>
    </row>
    <row r="22547" spans="1:5" x14ac:dyDescent="0.25">
      <c r="A22547" s="2">
        <v>4509</v>
      </c>
      <c r="B22547" s="2">
        <v>4509</v>
      </c>
      <c r="C22547" s="1" t="s">
        <v>0</v>
      </c>
      <c r="D22547" s="2">
        <v>175375</v>
      </c>
      <c r="E22547" s="1" t="s">
        <v>0</v>
      </c>
    </row>
    <row r="22548" spans="1:5" x14ac:dyDescent="0.25">
      <c r="A22548" s="1" t="s">
        <v>4091</v>
      </c>
      <c r="B22548" s="1" t="s">
        <v>11529</v>
      </c>
      <c r="C22548" s="1" t="s">
        <v>43938</v>
      </c>
      <c r="D22548" s="2">
        <v>175376</v>
      </c>
      <c r="E22548" s="1" t="s">
        <v>0</v>
      </c>
    </row>
    <row r="22549" spans="1:5" x14ac:dyDescent="0.25">
      <c r="A22549" s="1" t="s">
        <v>43939</v>
      </c>
      <c r="B22549" s="1" t="s">
        <v>43940</v>
      </c>
      <c r="C22549" s="1" t="s">
        <v>43941</v>
      </c>
      <c r="D22549" s="2">
        <v>175377</v>
      </c>
      <c r="E22549" s="1" t="s">
        <v>0</v>
      </c>
    </row>
    <row r="22550" spans="1:5" ht="409.5" x14ac:dyDescent="0.25">
      <c r="A22550" s="4" t="s">
        <v>43942</v>
      </c>
      <c r="B22550" s="1" t="s">
        <v>57682</v>
      </c>
      <c r="C22550" s="1" t="s">
        <v>43943</v>
      </c>
      <c r="D22550" s="2">
        <v>175378</v>
      </c>
      <c r="E22550" s="1" t="s">
        <v>0</v>
      </c>
    </row>
    <row r="22551" spans="1:5" x14ac:dyDescent="0.25">
      <c r="A22551" s="1" t="s">
        <v>43944</v>
      </c>
      <c r="B22551" s="1" t="s">
        <v>55960</v>
      </c>
      <c r="C22551" s="1" t="s">
        <v>43945</v>
      </c>
      <c r="D22551" s="2">
        <v>175379</v>
      </c>
      <c r="E22551" s="1" t="s">
        <v>0</v>
      </c>
    </row>
    <row r="22552" spans="1:5" x14ac:dyDescent="0.25">
      <c r="A22552" s="2">
        <v>4510</v>
      </c>
      <c r="B22552" s="2">
        <v>4510</v>
      </c>
      <c r="C22552" s="1" t="s">
        <v>0</v>
      </c>
      <c r="D22552" s="2">
        <v>175380</v>
      </c>
      <c r="E22552" s="1" t="s">
        <v>0</v>
      </c>
    </row>
    <row r="22553" spans="1:5" x14ac:dyDescent="0.25">
      <c r="A22553" s="1" t="s">
        <v>4092</v>
      </c>
      <c r="B22553" s="1" t="s">
        <v>11530</v>
      </c>
      <c r="C22553" s="1" t="s">
        <v>43946</v>
      </c>
      <c r="D22553" s="2">
        <v>175381</v>
      </c>
      <c r="E22553" s="1" t="s">
        <v>0</v>
      </c>
    </row>
    <row r="22554" spans="1:5" x14ac:dyDescent="0.25">
      <c r="A22554" s="1" t="s">
        <v>43947</v>
      </c>
      <c r="B22554" s="1" t="s">
        <v>62952</v>
      </c>
      <c r="C22554" s="1" t="s">
        <v>43948</v>
      </c>
      <c r="D22554" s="2">
        <v>175382</v>
      </c>
      <c r="E22554" s="1" t="s">
        <v>0</v>
      </c>
    </row>
    <row r="22555" spans="1:5" ht="409.5" x14ac:dyDescent="0.25">
      <c r="A22555" s="4" t="s">
        <v>43949</v>
      </c>
      <c r="B22555" s="1" t="s">
        <v>62953</v>
      </c>
      <c r="C22555" s="1" t="s">
        <v>43950</v>
      </c>
      <c r="D22555" s="2">
        <v>175383</v>
      </c>
      <c r="E22555" s="1" t="s">
        <v>0</v>
      </c>
    </row>
    <row r="22556" spans="1:5" x14ac:dyDescent="0.25">
      <c r="A22556" s="1" t="s">
        <v>43951</v>
      </c>
      <c r="B22556" s="1" t="s">
        <v>11531</v>
      </c>
      <c r="C22556" s="1" t="s">
        <v>43952</v>
      </c>
      <c r="D22556" s="2">
        <v>175384</v>
      </c>
      <c r="E22556" s="1" t="s">
        <v>0</v>
      </c>
    </row>
    <row r="22557" spans="1:5" x14ac:dyDescent="0.25">
      <c r="A22557" s="2">
        <v>4511</v>
      </c>
      <c r="B22557" s="2">
        <v>4511</v>
      </c>
      <c r="C22557" s="1" t="s">
        <v>0</v>
      </c>
      <c r="D22557" s="2">
        <v>175385</v>
      </c>
      <c r="E22557" s="1" t="s">
        <v>0</v>
      </c>
    </row>
    <row r="22558" spans="1:5" x14ac:dyDescent="0.25">
      <c r="A22558" s="1" t="s">
        <v>4093</v>
      </c>
      <c r="B22558" s="1" t="s">
        <v>55961</v>
      </c>
      <c r="C22558" s="1" t="s">
        <v>43953</v>
      </c>
      <c r="D22558" s="2">
        <v>175386</v>
      </c>
      <c r="E22558" s="1" t="s">
        <v>0</v>
      </c>
    </row>
    <row r="22559" spans="1:5" x14ac:dyDescent="0.25">
      <c r="A22559" s="1" t="s">
        <v>43954</v>
      </c>
      <c r="B22559" s="1" t="s">
        <v>55962</v>
      </c>
      <c r="C22559" s="1" t="s">
        <v>43955</v>
      </c>
      <c r="D22559" s="2">
        <v>175387</v>
      </c>
      <c r="E22559" s="1" t="s">
        <v>0</v>
      </c>
    </row>
    <row r="22560" spans="1:5" ht="409.5" x14ac:dyDescent="0.25">
      <c r="A22560" s="4" t="s">
        <v>43956</v>
      </c>
      <c r="B22560" s="1" t="s">
        <v>55963</v>
      </c>
      <c r="C22560" s="1" t="s">
        <v>43957</v>
      </c>
      <c r="D22560" s="2">
        <v>175388</v>
      </c>
      <c r="E22560" s="1" t="s">
        <v>0</v>
      </c>
    </row>
    <row r="22561" spans="1:5" x14ac:dyDescent="0.25">
      <c r="A22561" s="1" t="s">
        <v>43958</v>
      </c>
      <c r="B22561" s="1" t="s">
        <v>11532</v>
      </c>
      <c r="C22561" s="1" t="s">
        <v>43959</v>
      </c>
      <c r="D22561" s="2">
        <v>175389</v>
      </c>
      <c r="E22561" s="1" t="s">
        <v>0</v>
      </c>
    </row>
    <row r="22562" spans="1:5" x14ac:dyDescent="0.25">
      <c r="A22562" s="2">
        <v>4512</v>
      </c>
      <c r="B22562" s="2">
        <v>4512</v>
      </c>
      <c r="C22562" s="1" t="s">
        <v>0</v>
      </c>
      <c r="D22562" s="2">
        <v>175390</v>
      </c>
      <c r="E22562" s="1" t="s">
        <v>0</v>
      </c>
    </row>
    <row r="22563" spans="1:5" x14ac:dyDescent="0.25">
      <c r="A22563" s="1" t="s">
        <v>4094</v>
      </c>
      <c r="B22563" s="1" t="s">
        <v>11533</v>
      </c>
      <c r="C22563" s="1" t="s">
        <v>43960</v>
      </c>
      <c r="D22563" s="2">
        <v>175391</v>
      </c>
      <c r="E22563" s="1" t="s">
        <v>0</v>
      </c>
    </row>
    <row r="22564" spans="1:5" x14ac:dyDescent="0.25">
      <c r="A22564" s="1" t="s">
        <v>43961</v>
      </c>
      <c r="B22564" s="1" t="s">
        <v>55964</v>
      </c>
      <c r="C22564" s="1" t="s">
        <v>43962</v>
      </c>
      <c r="D22564" s="2">
        <v>175392</v>
      </c>
      <c r="E22564" s="1" t="s">
        <v>0</v>
      </c>
    </row>
    <row r="22565" spans="1:5" ht="409.5" x14ac:dyDescent="0.25">
      <c r="A22565" s="4" t="s">
        <v>43963</v>
      </c>
      <c r="B22565" s="1" t="s">
        <v>58573</v>
      </c>
      <c r="C22565" s="1" t="s">
        <v>43964</v>
      </c>
      <c r="D22565" s="2">
        <v>175393</v>
      </c>
      <c r="E22565" s="1" t="s">
        <v>0</v>
      </c>
    </row>
    <row r="22566" spans="1:5" x14ac:dyDescent="0.25">
      <c r="A22566" s="1" t="s">
        <v>43965</v>
      </c>
      <c r="B22566" s="1" t="s">
        <v>55965</v>
      </c>
      <c r="C22566" s="1" t="s">
        <v>43966</v>
      </c>
      <c r="D22566" s="2">
        <v>175394</v>
      </c>
      <c r="E22566" s="1" t="s">
        <v>0</v>
      </c>
    </row>
    <row r="22567" spans="1:5" x14ac:dyDescent="0.25">
      <c r="A22567" s="2">
        <v>4513</v>
      </c>
      <c r="B22567" s="2">
        <v>4513</v>
      </c>
      <c r="C22567" s="1" t="s">
        <v>0</v>
      </c>
      <c r="D22567" s="2">
        <v>175395</v>
      </c>
      <c r="E22567" s="1" t="s">
        <v>0</v>
      </c>
    </row>
    <row r="22568" spans="1:5" x14ac:dyDescent="0.25">
      <c r="A22568" s="1" t="s">
        <v>4095</v>
      </c>
      <c r="B22568" s="1" t="s">
        <v>11534</v>
      </c>
      <c r="C22568" s="1" t="s">
        <v>43967</v>
      </c>
      <c r="D22568" s="2">
        <v>175396</v>
      </c>
      <c r="E22568" s="1" t="s">
        <v>0</v>
      </c>
    </row>
    <row r="22569" spans="1:5" x14ac:dyDescent="0.25">
      <c r="A22569" s="1" t="s">
        <v>43968</v>
      </c>
      <c r="B22569" s="1" t="s">
        <v>11535</v>
      </c>
      <c r="C22569" s="1" t="s">
        <v>43969</v>
      </c>
      <c r="D22569" s="2">
        <v>175397</v>
      </c>
      <c r="E22569" s="1" t="s">
        <v>0</v>
      </c>
    </row>
    <row r="22570" spans="1:5" ht="409.5" x14ac:dyDescent="0.25">
      <c r="A22570" s="4" t="s">
        <v>43970</v>
      </c>
      <c r="B22570" s="1" t="s">
        <v>11536</v>
      </c>
      <c r="C22570" s="1" t="s">
        <v>43971</v>
      </c>
      <c r="D22570" s="2">
        <v>175398</v>
      </c>
      <c r="E22570" s="1" t="s">
        <v>0</v>
      </c>
    </row>
    <row r="22571" spans="1:5" x14ac:dyDescent="0.25">
      <c r="A22571" s="1" t="s">
        <v>43972</v>
      </c>
      <c r="B22571" s="1" t="s">
        <v>11537</v>
      </c>
      <c r="C22571" s="1" t="s">
        <v>43973</v>
      </c>
      <c r="D22571" s="2">
        <v>175399</v>
      </c>
      <c r="E22571" s="1" t="s">
        <v>0</v>
      </c>
    </row>
    <row r="22572" spans="1:5" x14ac:dyDescent="0.25">
      <c r="A22572" s="2">
        <v>4514</v>
      </c>
      <c r="B22572" s="2">
        <v>4514</v>
      </c>
      <c r="C22572" s="1" t="s">
        <v>0</v>
      </c>
      <c r="D22572" s="2">
        <v>175400</v>
      </c>
      <c r="E22572" s="1" t="s">
        <v>0</v>
      </c>
    </row>
    <row r="22573" spans="1:5" x14ac:dyDescent="0.25">
      <c r="A22573" s="1" t="s">
        <v>4096</v>
      </c>
      <c r="B22573" s="1" t="s">
        <v>11538</v>
      </c>
      <c r="C22573" s="1" t="s">
        <v>43974</v>
      </c>
      <c r="D22573" s="2">
        <v>175401</v>
      </c>
      <c r="E22573" s="1" t="s">
        <v>0</v>
      </c>
    </row>
    <row r="22574" spans="1:5" x14ac:dyDescent="0.25">
      <c r="A22574" s="1" t="s">
        <v>43975</v>
      </c>
      <c r="B22574" s="1" t="s">
        <v>51034</v>
      </c>
      <c r="C22574" s="1" t="s">
        <v>43976</v>
      </c>
      <c r="D22574" s="2">
        <v>175402</v>
      </c>
      <c r="E22574" s="1" t="s">
        <v>0</v>
      </c>
    </row>
    <row r="22575" spans="1:5" ht="409.5" x14ac:dyDescent="0.25">
      <c r="A22575" s="4" t="s">
        <v>43977</v>
      </c>
      <c r="B22575" s="1" t="s">
        <v>51035</v>
      </c>
      <c r="C22575" s="1" t="s">
        <v>43978</v>
      </c>
      <c r="D22575" s="2">
        <v>175403</v>
      </c>
      <c r="E22575" s="1" t="s">
        <v>0</v>
      </c>
    </row>
    <row r="22576" spans="1:5" x14ac:dyDescent="0.25">
      <c r="A22576" s="1" t="s">
        <v>43979</v>
      </c>
      <c r="B22576" s="1" t="s">
        <v>61369</v>
      </c>
      <c r="C22576" s="1" t="s">
        <v>43980</v>
      </c>
      <c r="D22576" s="2">
        <v>175404</v>
      </c>
      <c r="E22576" s="1" t="s">
        <v>0</v>
      </c>
    </row>
    <row r="22577" spans="1:5" x14ac:dyDescent="0.25">
      <c r="A22577" s="2">
        <v>4515</v>
      </c>
      <c r="B22577" s="2">
        <v>4515</v>
      </c>
      <c r="C22577" s="1" t="s">
        <v>0</v>
      </c>
      <c r="D22577" s="2">
        <v>175405</v>
      </c>
      <c r="E22577" s="1" t="s">
        <v>0</v>
      </c>
    </row>
    <row r="22578" spans="1:5" x14ac:dyDescent="0.25">
      <c r="A22578" s="1" t="s">
        <v>4097</v>
      </c>
      <c r="B22578" s="1" t="s">
        <v>55966</v>
      </c>
      <c r="C22578" s="1" t="s">
        <v>43981</v>
      </c>
      <c r="D22578" s="2">
        <v>175406</v>
      </c>
      <c r="E22578" s="1" t="s">
        <v>0</v>
      </c>
    </row>
    <row r="22579" spans="1:5" x14ac:dyDescent="0.25">
      <c r="A22579" s="1" t="s">
        <v>43982</v>
      </c>
      <c r="B22579" s="1" t="s">
        <v>55967</v>
      </c>
      <c r="C22579" s="1" t="s">
        <v>43983</v>
      </c>
      <c r="D22579" s="2">
        <v>175407</v>
      </c>
      <c r="E22579" s="1" t="s">
        <v>0</v>
      </c>
    </row>
    <row r="22580" spans="1:5" ht="409.5" x14ac:dyDescent="0.25">
      <c r="A22580" s="4" t="s">
        <v>43984</v>
      </c>
      <c r="B22580" s="1" t="s">
        <v>55968</v>
      </c>
      <c r="C22580" s="1" t="s">
        <v>43985</v>
      </c>
      <c r="D22580" s="2">
        <v>175408</v>
      </c>
      <c r="E22580" s="1" t="s">
        <v>0</v>
      </c>
    </row>
    <row r="22581" spans="1:5" x14ac:dyDescent="0.25">
      <c r="A22581" s="1" t="s">
        <v>43986</v>
      </c>
      <c r="B22581" s="1" t="s">
        <v>11539</v>
      </c>
      <c r="C22581" s="1" t="s">
        <v>43987</v>
      </c>
      <c r="D22581" s="2">
        <v>175409</v>
      </c>
      <c r="E22581" s="1" t="s">
        <v>0</v>
      </c>
    </row>
    <row r="22582" spans="1:5" x14ac:dyDescent="0.25">
      <c r="A22582" s="2">
        <v>4516</v>
      </c>
      <c r="B22582" s="2">
        <v>4516</v>
      </c>
      <c r="C22582" s="1" t="s">
        <v>0</v>
      </c>
      <c r="D22582" s="2">
        <v>175410</v>
      </c>
      <c r="E22582" s="1" t="s">
        <v>0</v>
      </c>
    </row>
    <row r="22583" spans="1:5" x14ac:dyDescent="0.25">
      <c r="A22583" s="1" t="s">
        <v>4098</v>
      </c>
      <c r="B22583" s="1" t="s">
        <v>11540</v>
      </c>
      <c r="C22583" s="1" t="s">
        <v>43988</v>
      </c>
      <c r="D22583" s="2">
        <v>175411</v>
      </c>
      <c r="E22583" s="1" t="s">
        <v>0</v>
      </c>
    </row>
    <row r="22584" spans="1:5" x14ac:dyDescent="0.25">
      <c r="A22584" s="1" t="s">
        <v>43989</v>
      </c>
      <c r="B22584" s="1" t="s">
        <v>62954</v>
      </c>
      <c r="C22584" s="1" t="s">
        <v>43990</v>
      </c>
      <c r="D22584" s="2">
        <v>175412</v>
      </c>
      <c r="E22584" s="1" t="s">
        <v>0</v>
      </c>
    </row>
    <row r="22585" spans="1:5" ht="409.5" x14ac:dyDescent="0.25">
      <c r="A22585" s="4" t="s">
        <v>43991</v>
      </c>
      <c r="B22585" s="1" t="s">
        <v>62955</v>
      </c>
      <c r="C22585" s="1" t="s">
        <v>43992</v>
      </c>
      <c r="D22585" s="2">
        <v>175413</v>
      </c>
      <c r="E22585" s="1" t="s">
        <v>0</v>
      </c>
    </row>
    <row r="22586" spans="1:5" x14ac:dyDescent="0.25">
      <c r="A22586" s="1" t="s">
        <v>43993</v>
      </c>
      <c r="B22586" s="1" t="s">
        <v>55969</v>
      </c>
      <c r="C22586" s="1" t="s">
        <v>43994</v>
      </c>
      <c r="D22586" s="2">
        <v>175414</v>
      </c>
      <c r="E22586" s="1" t="s">
        <v>0</v>
      </c>
    </row>
    <row r="22587" spans="1:5" x14ac:dyDescent="0.25">
      <c r="A22587" s="2">
        <v>4517</v>
      </c>
      <c r="B22587" s="2">
        <v>4517</v>
      </c>
      <c r="C22587" s="1" t="s">
        <v>0</v>
      </c>
      <c r="D22587" s="2">
        <v>175415</v>
      </c>
      <c r="E22587" s="1" t="s">
        <v>0</v>
      </c>
    </row>
    <row r="22588" spans="1:5" x14ac:dyDescent="0.25">
      <c r="A22588" s="1" t="s">
        <v>4099</v>
      </c>
      <c r="B22588" s="1" t="s">
        <v>57997</v>
      </c>
      <c r="C22588" s="1" t="s">
        <v>43995</v>
      </c>
      <c r="D22588" s="2">
        <v>175416</v>
      </c>
      <c r="E22588" s="1" t="s">
        <v>0</v>
      </c>
    </row>
    <row r="22589" spans="1:5" x14ac:dyDescent="0.25">
      <c r="A22589" s="1" t="s">
        <v>43996</v>
      </c>
      <c r="B22589" s="1" t="s">
        <v>11541</v>
      </c>
      <c r="C22589" s="1" t="s">
        <v>43997</v>
      </c>
      <c r="D22589" s="2">
        <v>175417</v>
      </c>
      <c r="E22589" s="1" t="s">
        <v>0</v>
      </c>
    </row>
    <row r="22590" spans="1:5" ht="409.5" x14ac:dyDescent="0.25">
      <c r="A22590" s="4" t="s">
        <v>43998</v>
      </c>
      <c r="B22590" s="1" t="s">
        <v>57998</v>
      </c>
      <c r="C22590" s="1" t="s">
        <v>43999</v>
      </c>
      <c r="D22590" s="2">
        <v>175418</v>
      </c>
      <c r="E22590" s="1" t="s">
        <v>0</v>
      </c>
    </row>
    <row r="22591" spans="1:5" x14ac:dyDescent="0.25">
      <c r="A22591" s="1" t="s">
        <v>44000</v>
      </c>
      <c r="B22591" s="1" t="s">
        <v>11542</v>
      </c>
      <c r="C22591" s="1" t="s">
        <v>44001</v>
      </c>
      <c r="D22591" s="2">
        <v>175419</v>
      </c>
      <c r="E22591" s="1" t="s">
        <v>0</v>
      </c>
    </row>
    <row r="22592" spans="1:5" x14ac:dyDescent="0.25">
      <c r="A22592" s="2">
        <v>4518</v>
      </c>
      <c r="B22592" s="2">
        <v>4518</v>
      </c>
      <c r="C22592" s="1" t="s">
        <v>0</v>
      </c>
      <c r="D22592" s="2">
        <v>175420</v>
      </c>
      <c r="E22592" s="1" t="s">
        <v>0</v>
      </c>
    </row>
    <row r="22593" spans="1:5" x14ac:dyDescent="0.25">
      <c r="A22593" s="1" t="s">
        <v>4100</v>
      </c>
      <c r="B22593" s="1" t="s">
        <v>11543</v>
      </c>
      <c r="C22593" s="1" t="s">
        <v>44002</v>
      </c>
      <c r="D22593" s="2">
        <v>175421</v>
      </c>
      <c r="E22593" s="1" t="s">
        <v>0</v>
      </c>
    </row>
    <row r="22594" spans="1:5" x14ac:dyDescent="0.25">
      <c r="A22594" s="1" t="s">
        <v>44003</v>
      </c>
      <c r="B22594" s="1" t="s">
        <v>11544</v>
      </c>
      <c r="C22594" s="1" t="s">
        <v>44004</v>
      </c>
      <c r="D22594" s="2">
        <v>175422</v>
      </c>
      <c r="E22594" s="1" t="s">
        <v>0</v>
      </c>
    </row>
    <row r="22595" spans="1:5" ht="409.5" x14ac:dyDescent="0.25">
      <c r="A22595" s="4" t="s">
        <v>44005</v>
      </c>
      <c r="B22595" s="1" t="s">
        <v>11545</v>
      </c>
      <c r="C22595" s="1" t="s">
        <v>44006</v>
      </c>
      <c r="D22595" s="2">
        <v>175423</v>
      </c>
      <c r="E22595" s="1" t="s">
        <v>0</v>
      </c>
    </row>
    <row r="22596" spans="1:5" x14ac:dyDescent="0.25">
      <c r="A22596" s="1" t="s">
        <v>44007</v>
      </c>
      <c r="B22596" s="1" t="s">
        <v>55970</v>
      </c>
      <c r="C22596" s="1" t="s">
        <v>44008</v>
      </c>
      <c r="D22596" s="2">
        <v>175424</v>
      </c>
      <c r="E22596" s="1" t="s">
        <v>0</v>
      </c>
    </row>
    <row r="22597" spans="1:5" x14ac:dyDescent="0.25">
      <c r="A22597" s="2">
        <v>4519</v>
      </c>
      <c r="B22597" s="2">
        <v>4519</v>
      </c>
      <c r="C22597" s="1" t="s">
        <v>0</v>
      </c>
      <c r="D22597" s="2">
        <v>175425</v>
      </c>
      <c r="E22597" s="1" t="s">
        <v>0</v>
      </c>
    </row>
    <row r="22598" spans="1:5" x14ac:dyDescent="0.25">
      <c r="A22598" s="1" t="s">
        <v>4101</v>
      </c>
      <c r="B22598" s="1" t="s">
        <v>11546</v>
      </c>
      <c r="C22598" s="1" t="s">
        <v>44009</v>
      </c>
      <c r="D22598" s="2">
        <v>175426</v>
      </c>
      <c r="E22598" s="1" t="s">
        <v>0</v>
      </c>
    </row>
    <row r="22599" spans="1:5" x14ac:dyDescent="0.25">
      <c r="A22599" s="1" t="s">
        <v>44010</v>
      </c>
      <c r="B22599" s="1" t="s">
        <v>58574</v>
      </c>
      <c r="C22599" s="1" t="s">
        <v>44011</v>
      </c>
      <c r="D22599" s="2">
        <v>175427</v>
      </c>
      <c r="E22599" s="1" t="s">
        <v>0</v>
      </c>
    </row>
    <row r="22600" spans="1:5" ht="409.5" x14ac:dyDescent="0.25">
      <c r="A22600" s="4" t="s">
        <v>44012</v>
      </c>
      <c r="B22600" s="1" t="s">
        <v>58575</v>
      </c>
      <c r="C22600" s="1" t="s">
        <v>44013</v>
      </c>
      <c r="D22600" s="2">
        <v>175428</v>
      </c>
      <c r="E22600" s="1" t="s">
        <v>0</v>
      </c>
    </row>
    <row r="22601" spans="1:5" x14ac:dyDescent="0.25">
      <c r="A22601" s="1" t="s">
        <v>44014</v>
      </c>
      <c r="B22601" s="1" t="s">
        <v>11547</v>
      </c>
      <c r="C22601" s="1" t="s">
        <v>44015</v>
      </c>
      <c r="D22601" s="2">
        <v>175429</v>
      </c>
      <c r="E22601" s="1" t="s">
        <v>0</v>
      </c>
    </row>
    <row r="22602" spans="1:5" x14ac:dyDescent="0.25">
      <c r="A22602" s="2">
        <v>4520</v>
      </c>
      <c r="B22602" s="2">
        <v>4520</v>
      </c>
      <c r="C22602" s="1" t="s">
        <v>0</v>
      </c>
      <c r="D22602" s="2">
        <v>175430</v>
      </c>
      <c r="E22602" s="1" t="s">
        <v>0</v>
      </c>
    </row>
    <row r="22603" spans="1:5" x14ac:dyDescent="0.25">
      <c r="A22603" s="1" t="s">
        <v>4102</v>
      </c>
      <c r="B22603" s="1" t="s">
        <v>11548</v>
      </c>
      <c r="C22603" s="1" t="s">
        <v>44016</v>
      </c>
      <c r="D22603" s="2">
        <v>175431</v>
      </c>
      <c r="E22603" s="1" t="s">
        <v>0</v>
      </c>
    </row>
    <row r="22604" spans="1:5" x14ac:dyDescent="0.25">
      <c r="A22604" s="1" t="s">
        <v>44017</v>
      </c>
      <c r="B22604" s="1" t="s">
        <v>58576</v>
      </c>
      <c r="C22604" s="1" t="s">
        <v>44018</v>
      </c>
      <c r="D22604" s="2">
        <v>175432</v>
      </c>
      <c r="E22604" s="1" t="s">
        <v>0</v>
      </c>
    </row>
    <row r="22605" spans="1:5" ht="409.5" x14ac:dyDescent="0.25">
      <c r="A22605" s="4" t="s">
        <v>44019</v>
      </c>
      <c r="B22605" s="1" t="s">
        <v>58577</v>
      </c>
      <c r="C22605" s="1" t="s">
        <v>44020</v>
      </c>
      <c r="D22605" s="2">
        <v>175433</v>
      </c>
      <c r="E22605" s="1" t="s">
        <v>0</v>
      </c>
    </row>
    <row r="22606" spans="1:5" x14ac:dyDescent="0.25">
      <c r="A22606" s="1" t="s">
        <v>44021</v>
      </c>
      <c r="B22606" s="1" t="s">
        <v>55971</v>
      </c>
      <c r="C22606" s="1" t="s">
        <v>44022</v>
      </c>
      <c r="D22606" s="2">
        <v>175434</v>
      </c>
      <c r="E22606" s="1" t="s">
        <v>0</v>
      </c>
    </row>
    <row r="22607" spans="1:5" x14ac:dyDescent="0.25">
      <c r="A22607" s="2">
        <v>4521</v>
      </c>
      <c r="B22607" s="2">
        <v>4521</v>
      </c>
      <c r="C22607" s="1" t="s">
        <v>0</v>
      </c>
      <c r="D22607" s="2">
        <v>175435</v>
      </c>
      <c r="E22607" s="1" t="s">
        <v>0</v>
      </c>
    </row>
    <row r="22608" spans="1:5" x14ac:dyDescent="0.25">
      <c r="A22608" s="1" t="s">
        <v>4103</v>
      </c>
      <c r="B22608" s="1" t="s">
        <v>11549</v>
      </c>
      <c r="C22608" s="1" t="s">
        <v>44023</v>
      </c>
      <c r="D22608" s="2">
        <v>175436</v>
      </c>
      <c r="E22608" s="1" t="s">
        <v>0</v>
      </c>
    </row>
    <row r="22609" spans="1:5" x14ac:dyDescent="0.25">
      <c r="A22609" s="1" t="s">
        <v>44024</v>
      </c>
      <c r="B22609" s="1" t="s">
        <v>11550</v>
      </c>
      <c r="C22609" s="1" t="s">
        <v>44025</v>
      </c>
      <c r="D22609" s="2">
        <v>175437</v>
      </c>
      <c r="E22609" s="1" t="s">
        <v>0</v>
      </c>
    </row>
    <row r="22610" spans="1:5" ht="409.5" x14ac:dyDescent="0.25">
      <c r="A22610" s="4" t="s">
        <v>44026</v>
      </c>
      <c r="B22610" s="1" t="s">
        <v>11551</v>
      </c>
      <c r="C22610" s="1" t="s">
        <v>44027</v>
      </c>
      <c r="D22610" s="2">
        <v>175438</v>
      </c>
      <c r="E22610" s="1" t="s">
        <v>0</v>
      </c>
    </row>
    <row r="22611" spans="1:5" x14ac:dyDescent="0.25">
      <c r="A22611" s="1" t="s">
        <v>34668</v>
      </c>
      <c r="B22611" s="1" t="s">
        <v>61204</v>
      </c>
      <c r="C22611" s="1" t="s">
        <v>34669</v>
      </c>
      <c r="D22611" s="2">
        <v>175439</v>
      </c>
      <c r="E22611" s="1" t="s">
        <v>0</v>
      </c>
    </row>
    <row r="22612" spans="1:5" x14ac:dyDescent="0.25">
      <c r="A22612" s="2">
        <v>4522</v>
      </c>
      <c r="B22612" s="2">
        <v>4522</v>
      </c>
      <c r="C22612" s="1" t="s">
        <v>0</v>
      </c>
      <c r="D22612" s="2">
        <v>175440</v>
      </c>
      <c r="E22612" s="1" t="s">
        <v>0</v>
      </c>
    </row>
    <row r="22613" spans="1:5" x14ac:dyDescent="0.25">
      <c r="A22613" s="1" t="s">
        <v>4104</v>
      </c>
      <c r="B22613" s="1" t="s">
        <v>11552</v>
      </c>
      <c r="C22613" s="1" t="s">
        <v>44028</v>
      </c>
      <c r="D22613" s="2">
        <v>175441</v>
      </c>
      <c r="E22613" s="1" t="s">
        <v>0</v>
      </c>
    </row>
    <row r="22614" spans="1:5" x14ac:dyDescent="0.25">
      <c r="A22614" s="1" t="s">
        <v>44029</v>
      </c>
      <c r="B22614" s="1" t="s">
        <v>56871</v>
      </c>
      <c r="C22614" s="1" t="s">
        <v>44030</v>
      </c>
      <c r="D22614" s="2">
        <v>175442</v>
      </c>
      <c r="E22614" s="1" t="s">
        <v>0</v>
      </c>
    </row>
    <row r="22615" spans="1:5" ht="409.5" x14ac:dyDescent="0.25">
      <c r="A22615" s="4" t="s">
        <v>44031</v>
      </c>
      <c r="B22615" s="1" t="s">
        <v>56872</v>
      </c>
      <c r="C22615" s="1" t="s">
        <v>44032</v>
      </c>
      <c r="D22615" s="2">
        <v>175443</v>
      </c>
      <c r="E22615" s="1" t="s">
        <v>0</v>
      </c>
    </row>
    <row r="22616" spans="1:5" x14ac:dyDescent="0.25">
      <c r="A22616" s="1" t="s">
        <v>44033</v>
      </c>
      <c r="B22616" s="1" t="s">
        <v>11553</v>
      </c>
      <c r="C22616" s="1" t="s">
        <v>44034</v>
      </c>
      <c r="D22616" s="2">
        <v>175444</v>
      </c>
      <c r="E22616" s="1" t="s">
        <v>0</v>
      </c>
    </row>
    <row r="22617" spans="1:5" x14ac:dyDescent="0.25">
      <c r="A22617" s="2">
        <v>4523</v>
      </c>
      <c r="B22617" s="2">
        <v>4523</v>
      </c>
      <c r="C22617" s="1" t="s">
        <v>0</v>
      </c>
      <c r="D22617" s="2">
        <v>175445</v>
      </c>
      <c r="E22617" s="1" t="s">
        <v>0</v>
      </c>
    </row>
    <row r="22618" spans="1:5" x14ac:dyDescent="0.25">
      <c r="A22618" s="1" t="s">
        <v>4105</v>
      </c>
      <c r="B22618" s="1" t="s">
        <v>11554</v>
      </c>
      <c r="C22618" s="1" t="s">
        <v>44035</v>
      </c>
      <c r="D22618" s="2">
        <v>175446</v>
      </c>
      <c r="E22618" s="1" t="s">
        <v>0</v>
      </c>
    </row>
    <row r="22619" spans="1:5" x14ac:dyDescent="0.25">
      <c r="A22619" s="1" t="s">
        <v>44036</v>
      </c>
      <c r="B22619" s="1" t="s">
        <v>11555</v>
      </c>
      <c r="C22619" s="1" t="s">
        <v>44037</v>
      </c>
      <c r="D22619" s="2">
        <v>175447</v>
      </c>
      <c r="E22619" s="1" t="s">
        <v>0</v>
      </c>
    </row>
    <row r="22620" spans="1:5" ht="409.5" x14ac:dyDescent="0.25">
      <c r="A22620" s="4" t="s">
        <v>61887</v>
      </c>
      <c r="B22620" s="1" t="s">
        <v>62956</v>
      </c>
      <c r="C22620" s="1" t="s">
        <v>44038</v>
      </c>
      <c r="D22620" s="2">
        <v>175448</v>
      </c>
      <c r="E22620" s="1" t="s">
        <v>0</v>
      </c>
    </row>
    <row r="22621" spans="1:5" x14ac:dyDescent="0.25">
      <c r="A22621" s="1" t="s">
        <v>44039</v>
      </c>
      <c r="B22621" s="1" t="s">
        <v>11556</v>
      </c>
      <c r="C22621" s="1" t="s">
        <v>44040</v>
      </c>
      <c r="D22621" s="2">
        <v>175449</v>
      </c>
      <c r="E22621" s="1" t="s">
        <v>0</v>
      </c>
    </row>
    <row r="22622" spans="1:5" x14ac:dyDescent="0.25">
      <c r="A22622" s="2">
        <v>4524</v>
      </c>
      <c r="B22622" s="2">
        <v>4524</v>
      </c>
      <c r="C22622" s="1" t="s">
        <v>0</v>
      </c>
      <c r="D22622" s="2">
        <v>175450</v>
      </c>
      <c r="E22622" s="1" t="s">
        <v>0</v>
      </c>
    </row>
    <row r="22623" spans="1:5" x14ac:dyDescent="0.25">
      <c r="A22623" s="1" t="s">
        <v>4106</v>
      </c>
      <c r="B22623" s="1" t="s">
        <v>11557</v>
      </c>
      <c r="C22623" s="1" t="s">
        <v>44041</v>
      </c>
      <c r="D22623" s="2">
        <v>175451</v>
      </c>
      <c r="E22623" s="1" t="s">
        <v>0</v>
      </c>
    </row>
    <row r="22624" spans="1:5" x14ac:dyDescent="0.25">
      <c r="A22624" s="1" t="s">
        <v>44042</v>
      </c>
      <c r="B22624" s="1" t="s">
        <v>55972</v>
      </c>
      <c r="C22624" s="1" t="s">
        <v>44043</v>
      </c>
      <c r="D22624" s="2">
        <v>175452</v>
      </c>
      <c r="E22624" s="1" t="s">
        <v>0</v>
      </c>
    </row>
    <row r="22625" spans="1:5" ht="409.5" x14ac:dyDescent="0.25">
      <c r="A22625" s="4" t="s">
        <v>44044</v>
      </c>
      <c r="B22625" s="1" t="s">
        <v>55973</v>
      </c>
      <c r="C22625" s="1" t="s">
        <v>44045</v>
      </c>
      <c r="D22625" s="2">
        <v>175453</v>
      </c>
      <c r="E22625" s="1" t="s">
        <v>0</v>
      </c>
    </row>
    <row r="22626" spans="1:5" x14ac:dyDescent="0.25">
      <c r="A22626" s="1" t="s">
        <v>44046</v>
      </c>
      <c r="B22626" s="1" t="s">
        <v>55974</v>
      </c>
      <c r="C22626" s="1" t="s">
        <v>44047</v>
      </c>
      <c r="D22626" s="2">
        <v>175454</v>
      </c>
      <c r="E22626" s="1" t="s">
        <v>0</v>
      </c>
    </row>
    <row r="22627" spans="1:5" x14ac:dyDescent="0.25">
      <c r="A22627" s="2">
        <v>4525</v>
      </c>
      <c r="B22627" s="2">
        <v>4525</v>
      </c>
      <c r="C22627" s="1" t="s">
        <v>0</v>
      </c>
      <c r="D22627" s="2">
        <v>175455</v>
      </c>
      <c r="E22627" s="1" t="s">
        <v>0</v>
      </c>
    </row>
    <row r="22628" spans="1:5" x14ac:dyDescent="0.25">
      <c r="A22628" s="1" t="s">
        <v>4107</v>
      </c>
      <c r="B22628" s="1" t="s">
        <v>51036</v>
      </c>
      <c r="C22628" s="1" t="s">
        <v>44048</v>
      </c>
      <c r="D22628" s="2">
        <v>175456</v>
      </c>
      <c r="E22628" s="1" t="s">
        <v>0</v>
      </c>
    </row>
    <row r="22629" spans="1:5" x14ac:dyDescent="0.25">
      <c r="A22629" s="1" t="s">
        <v>44049</v>
      </c>
      <c r="B22629" s="1" t="s">
        <v>63827</v>
      </c>
      <c r="C22629" s="1" t="s">
        <v>44050</v>
      </c>
      <c r="D22629" s="2">
        <v>175457</v>
      </c>
      <c r="E22629" s="1" t="s">
        <v>0</v>
      </c>
    </row>
    <row r="22630" spans="1:5" ht="409.5" x14ac:dyDescent="0.25">
      <c r="A22630" s="4" t="s">
        <v>44051</v>
      </c>
      <c r="B22630" s="1" t="s">
        <v>63828</v>
      </c>
      <c r="C22630" s="1" t="s">
        <v>44052</v>
      </c>
      <c r="D22630" s="2">
        <v>175458</v>
      </c>
      <c r="E22630" s="1" t="s">
        <v>0</v>
      </c>
    </row>
    <row r="22631" spans="1:5" x14ac:dyDescent="0.25">
      <c r="A22631" s="1" t="s">
        <v>44053</v>
      </c>
      <c r="B22631" s="1" t="s">
        <v>55975</v>
      </c>
      <c r="C22631" s="1" t="s">
        <v>44054</v>
      </c>
      <c r="D22631" s="2">
        <v>175459</v>
      </c>
      <c r="E22631" s="1" t="s">
        <v>0</v>
      </c>
    </row>
    <row r="22632" spans="1:5" x14ac:dyDescent="0.25">
      <c r="A22632" s="2">
        <v>4526</v>
      </c>
      <c r="B22632" s="2">
        <v>4526</v>
      </c>
      <c r="C22632" s="1" t="s">
        <v>0</v>
      </c>
      <c r="D22632" s="2">
        <v>175460</v>
      </c>
      <c r="E22632" s="1" t="s">
        <v>0</v>
      </c>
    </row>
    <row r="22633" spans="1:5" x14ac:dyDescent="0.25">
      <c r="A22633" s="1" t="s">
        <v>4108</v>
      </c>
      <c r="B22633" s="1" t="s">
        <v>11558</v>
      </c>
      <c r="C22633" s="1" t="s">
        <v>44055</v>
      </c>
      <c r="D22633" s="2">
        <v>175461</v>
      </c>
      <c r="E22633" s="1" t="s">
        <v>0</v>
      </c>
    </row>
    <row r="22634" spans="1:5" x14ac:dyDescent="0.25">
      <c r="A22634" s="1" t="s">
        <v>44056</v>
      </c>
      <c r="B22634" s="1" t="s">
        <v>61720</v>
      </c>
      <c r="C22634" s="1" t="s">
        <v>44057</v>
      </c>
      <c r="D22634" s="2">
        <v>175462</v>
      </c>
      <c r="E22634" s="1" t="s">
        <v>0</v>
      </c>
    </row>
    <row r="22635" spans="1:5" ht="409.5" x14ac:dyDescent="0.25">
      <c r="A22635" s="4" t="s">
        <v>64348</v>
      </c>
      <c r="B22635" s="1" t="s">
        <v>61721</v>
      </c>
      <c r="C22635" s="1" t="s">
        <v>44058</v>
      </c>
      <c r="D22635" s="2">
        <v>175463</v>
      </c>
      <c r="E22635" s="1" t="s">
        <v>0</v>
      </c>
    </row>
    <row r="22636" spans="1:5" x14ac:dyDescent="0.25">
      <c r="A22636" s="1" t="s">
        <v>44059</v>
      </c>
      <c r="B22636" s="1" t="s">
        <v>55976</v>
      </c>
      <c r="C22636" s="1" t="s">
        <v>44060</v>
      </c>
      <c r="D22636" s="2">
        <v>175464</v>
      </c>
      <c r="E22636" s="1" t="s">
        <v>0</v>
      </c>
    </row>
    <row r="22637" spans="1:5" x14ac:dyDescent="0.25">
      <c r="A22637" s="2">
        <v>4527</v>
      </c>
      <c r="B22637" s="2">
        <v>4527</v>
      </c>
      <c r="C22637" s="1" t="s">
        <v>0</v>
      </c>
      <c r="D22637" s="2">
        <v>175465</v>
      </c>
      <c r="E22637" s="1" t="s">
        <v>0</v>
      </c>
    </row>
    <row r="22638" spans="1:5" x14ac:dyDescent="0.25">
      <c r="A22638" s="1" t="s">
        <v>4109</v>
      </c>
      <c r="B22638" s="1" t="s">
        <v>60267</v>
      </c>
      <c r="C22638" s="1" t="s">
        <v>44061</v>
      </c>
      <c r="D22638" s="2">
        <v>175466</v>
      </c>
      <c r="E22638" s="1" t="s">
        <v>0</v>
      </c>
    </row>
    <row r="22639" spans="1:5" x14ac:dyDescent="0.25">
      <c r="A22639" s="1" t="s">
        <v>44062</v>
      </c>
      <c r="B22639" s="1" t="s">
        <v>60268</v>
      </c>
      <c r="C22639" s="1" t="s">
        <v>44063</v>
      </c>
      <c r="D22639" s="2">
        <v>175467</v>
      </c>
      <c r="E22639" s="1" t="s">
        <v>0</v>
      </c>
    </row>
    <row r="22640" spans="1:5" ht="409.5" x14ac:dyDescent="0.25">
      <c r="A22640" s="4" t="s">
        <v>44064</v>
      </c>
      <c r="B22640" s="1" t="s">
        <v>60269</v>
      </c>
      <c r="C22640" s="1" t="s">
        <v>44065</v>
      </c>
      <c r="D22640" s="2">
        <v>175468</v>
      </c>
      <c r="E22640" s="1" t="s">
        <v>0</v>
      </c>
    </row>
    <row r="22641" spans="1:5" x14ac:dyDescent="0.25">
      <c r="A22641" s="1" t="s">
        <v>44066</v>
      </c>
      <c r="B22641" s="1" t="s">
        <v>55977</v>
      </c>
      <c r="C22641" s="1" t="s">
        <v>44067</v>
      </c>
      <c r="D22641" s="2">
        <v>175469</v>
      </c>
      <c r="E22641" s="1" t="s">
        <v>0</v>
      </c>
    </row>
    <row r="22642" spans="1:5" x14ac:dyDescent="0.25">
      <c r="A22642" s="2">
        <v>4528</v>
      </c>
      <c r="B22642" s="2">
        <v>4528</v>
      </c>
      <c r="C22642" s="1" t="s">
        <v>0</v>
      </c>
      <c r="D22642" s="2">
        <v>175470</v>
      </c>
      <c r="E22642" s="1" t="s">
        <v>0</v>
      </c>
    </row>
    <row r="22643" spans="1:5" x14ac:dyDescent="0.25">
      <c r="A22643" s="1" t="s">
        <v>4110</v>
      </c>
      <c r="B22643" s="1" t="s">
        <v>11559</v>
      </c>
      <c r="C22643" s="1" t="s">
        <v>44068</v>
      </c>
      <c r="D22643" s="2">
        <v>175471</v>
      </c>
      <c r="E22643" s="1" t="s">
        <v>0</v>
      </c>
    </row>
    <row r="22644" spans="1:5" x14ac:dyDescent="0.25">
      <c r="A22644" s="1" t="s">
        <v>44069</v>
      </c>
      <c r="B22644" s="1" t="s">
        <v>55978</v>
      </c>
      <c r="C22644" s="1" t="s">
        <v>44070</v>
      </c>
      <c r="D22644" s="2">
        <v>175472</v>
      </c>
      <c r="E22644" s="1" t="s">
        <v>0</v>
      </c>
    </row>
    <row r="22645" spans="1:5" ht="409.5" x14ac:dyDescent="0.25">
      <c r="A22645" s="4" t="s">
        <v>44071</v>
      </c>
      <c r="B22645" s="1" t="s">
        <v>55979</v>
      </c>
      <c r="C22645" s="1" t="s">
        <v>44072</v>
      </c>
      <c r="D22645" s="2">
        <v>175473</v>
      </c>
      <c r="E22645" s="1" t="s">
        <v>0</v>
      </c>
    </row>
    <row r="22646" spans="1:5" x14ac:dyDescent="0.25">
      <c r="A22646" s="1" t="s">
        <v>44073</v>
      </c>
      <c r="B22646" s="1" t="s">
        <v>55980</v>
      </c>
      <c r="C22646" s="1" t="s">
        <v>44074</v>
      </c>
      <c r="D22646" s="2">
        <v>175474</v>
      </c>
      <c r="E22646" s="1" t="s">
        <v>0</v>
      </c>
    </row>
    <row r="22647" spans="1:5" x14ac:dyDescent="0.25">
      <c r="A22647" s="2">
        <v>4529</v>
      </c>
      <c r="B22647" s="2">
        <v>4529</v>
      </c>
      <c r="C22647" s="1" t="s">
        <v>0</v>
      </c>
      <c r="D22647" s="2">
        <v>175475</v>
      </c>
      <c r="E22647" s="1" t="s">
        <v>0</v>
      </c>
    </row>
    <row r="22648" spans="1:5" x14ac:dyDescent="0.25">
      <c r="A22648" s="1" t="s">
        <v>4111</v>
      </c>
      <c r="B22648" s="1" t="s">
        <v>11560</v>
      </c>
      <c r="C22648" s="1" t="s">
        <v>44075</v>
      </c>
      <c r="D22648" s="2">
        <v>175476</v>
      </c>
      <c r="E22648" s="1" t="s">
        <v>0</v>
      </c>
    </row>
    <row r="22649" spans="1:5" x14ac:dyDescent="0.25">
      <c r="A22649" s="1" t="s">
        <v>44076</v>
      </c>
      <c r="B22649" s="1" t="s">
        <v>11561</v>
      </c>
      <c r="C22649" s="1" t="s">
        <v>44077</v>
      </c>
      <c r="D22649" s="2">
        <v>175477</v>
      </c>
      <c r="E22649" s="1" t="s">
        <v>0</v>
      </c>
    </row>
    <row r="22650" spans="1:5" ht="409.5" x14ac:dyDescent="0.25">
      <c r="A22650" s="4" t="s">
        <v>44078</v>
      </c>
      <c r="B22650" s="1" t="s">
        <v>60468</v>
      </c>
      <c r="C22650" s="1" t="s">
        <v>44079</v>
      </c>
      <c r="D22650" s="2">
        <v>175478</v>
      </c>
      <c r="E22650" s="1" t="s">
        <v>0</v>
      </c>
    </row>
    <row r="22651" spans="1:5" x14ac:dyDescent="0.25">
      <c r="A22651" s="1" t="s">
        <v>44080</v>
      </c>
      <c r="B22651" s="1" t="s">
        <v>55981</v>
      </c>
      <c r="C22651" s="1" t="s">
        <v>44081</v>
      </c>
      <c r="D22651" s="2">
        <v>175479</v>
      </c>
      <c r="E22651" s="1" t="s">
        <v>0</v>
      </c>
    </row>
    <row r="22652" spans="1:5" x14ac:dyDescent="0.25">
      <c r="A22652" s="2">
        <v>4530</v>
      </c>
      <c r="B22652" s="2">
        <v>4530</v>
      </c>
      <c r="C22652" s="1" t="s">
        <v>0</v>
      </c>
      <c r="D22652" s="2">
        <v>175480</v>
      </c>
      <c r="E22652" s="1" t="s">
        <v>0</v>
      </c>
    </row>
    <row r="22653" spans="1:5" x14ac:dyDescent="0.25">
      <c r="A22653" s="1" t="s">
        <v>4112</v>
      </c>
      <c r="B22653" s="1" t="s">
        <v>11562</v>
      </c>
      <c r="C22653" s="1" t="s">
        <v>44082</v>
      </c>
      <c r="D22653" s="2">
        <v>175481</v>
      </c>
      <c r="E22653" s="1" t="s">
        <v>0</v>
      </c>
    </row>
    <row r="22654" spans="1:5" x14ac:dyDescent="0.25">
      <c r="A22654" s="1" t="s">
        <v>44083</v>
      </c>
      <c r="B22654" s="1" t="s">
        <v>57999</v>
      </c>
      <c r="C22654" s="1" t="s">
        <v>44084</v>
      </c>
      <c r="D22654" s="2">
        <v>175482</v>
      </c>
      <c r="E22654" s="1" t="s">
        <v>0</v>
      </c>
    </row>
    <row r="22655" spans="1:5" ht="409.5" x14ac:dyDescent="0.25">
      <c r="A22655" s="4" t="s">
        <v>44085</v>
      </c>
      <c r="B22655" s="1" t="s">
        <v>60270</v>
      </c>
      <c r="C22655" s="1" t="s">
        <v>44086</v>
      </c>
      <c r="D22655" s="2">
        <v>175483</v>
      </c>
      <c r="E22655" s="1" t="s">
        <v>0</v>
      </c>
    </row>
    <row r="22656" spans="1:5" x14ac:dyDescent="0.25">
      <c r="A22656" s="1" t="s">
        <v>44087</v>
      </c>
      <c r="B22656" s="1" t="s">
        <v>55982</v>
      </c>
      <c r="C22656" s="1" t="s">
        <v>44088</v>
      </c>
      <c r="D22656" s="2">
        <v>175484</v>
      </c>
      <c r="E22656" s="1" t="s">
        <v>0</v>
      </c>
    </row>
    <row r="22657" spans="1:5" x14ac:dyDescent="0.25">
      <c r="A22657" s="2">
        <v>4531</v>
      </c>
      <c r="B22657" s="2">
        <v>4531</v>
      </c>
      <c r="C22657" s="1" t="s">
        <v>0</v>
      </c>
      <c r="D22657" s="2">
        <v>175485</v>
      </c>
      <c r="E22657" s="1" t="s">
        <v>0</v>
      </c>
    </row>
    <row r="22658" spans="1:5" x14ac:dyDescent="0.25">
      <c r="A22658" s="1" t="s">
        <v>4113</v>
      </c>
      <c r="B22658" s="1" t="s">
        <v>61525</v>
      </c>
      <c r="C22658" s="1" t="s">
        <v>44089</v>
      </c>
      <c r="D22658" s="2">
        <v>175486</v>
      </c>
      <c r="E22658" s="1" t="s">
        <v>0</v>
      </c>
    </row>
    <row r="22659" spans="1:5" x14ac:dyDescent="0.25">
      <c r="A22659" s="1" t="s">
        <v>44090</v>
      </c>
      <c r="B22659" s="1" t="s">
        <v>61526</v>
      </c>
      <c r="C22659" s="1" t="s">
        <v>44091</v>
      </c>
      <c r="D22659" s="2">
        <v>175487</v>
      </c>
      <c r="E22659" s="1" t="s">
        <v>0</v>
      </c>
    </row>
    <row r="22660" spans="1:5" ht="409.5" x14ac:dyDescent="0.25">
      <c r="A22660" s="4" t="s">
        <v>44092</v>
      </c>
      <c r="B22660" s="1" t="s">
        <v>61527</v>
      </c>
      <c r="C22660" s="1" t="s">
        <v>44093</v>
      </c>
      <c r="D22660" s="2">
        <v>175488</v>
      </c>
      <c r="E22660" s="1" t="s">
        <v>0</v>
      </c>
    </row>
    <row r="22661" spans="1:5" x14ac:dyDescent="0.25">
      <c r="A22661" s="1" t="s">
        <v>44094</v>
      </c>
      <c r="B22661" s="1" t="s">
        <v>57331</v>
      </c>
      <c r="C22661" s="1" t="s">
        <v>44095</v>
      </c>
      <c r="D22661" s="2">
        <v>175489</v>
      </c>
      <c r="E22661" s="1" t="s">
        <v>0</v>
      </c>
    </row>
    <row r="22662" spans="1:5" x14ac:dyDescent="0.25">
      <c r="A22662" s="2">
        <v>4532</v>
      </c>
      <c r="B22662" s="2">
        <v>4532</v>
      </c>
      <c r="C22662" s="1" t="s">
        <v>0</v>
      </c>
      <c r="D22662" s="2">
        <v>175490</v>
      </c>
      <c r="E22662" s="1" t="s">
        <v>0</v>
      </c>
    </row>
    <row r="22663" spans="1:5" x14ac:dyDescent="0.25">
      <c r="A22663" s="1" t="s">
        <v>4114</v>
      </c>
      <c r="B22663" s="1" t="s">
        <v>11563</v>
      </c>
      <c r="C22663" s="1" t="s">
        <v>44096</v>
      </c>
      <c r="D22663" s="2">
        <v>175491</v>
      </c>
      <c r="E22663" s="1" t="s">
        <v>0</v>
      </c>
    </row>
    <row r="22664" spans="1:5" x14ac:dyDescent="0.25">
      <c r="A22664" s="1" t="s">
        <v>44097</v>
      </c>
      <c r="B22664" s="1" t="s">
        <v>58000</v>
      </c>
      <c r="C22664" s="1" t="s">
        <v>44098</v>
      </c>
      <c r="D22664" s="2">
        <v>175492</v>
      </c>
      <c r="E22664" s="1" t="s">
        <v>0</v>
      </c>
    </row>
    <row r="22665" spans="1:5" ht="409.5" x14ac:dyDescent="0.25">
      <c r="A22665" s="4" t="s">
        <v>44099</v>
      </c>
      <c r="B22665" s="1" t="s">
        <v>59685</v>
      </c>
      <c r="C22665" s="1" t="s">
        <v>44100</v>
      </c>
      <c r="D22665" s="2">
        <v>175493</v>
      </c>
      <c r="E22665" s="1" t="s">
        <v>0</v>
      </c>
    </row>
    <row r="22666" spans="1:5" x14ac:dyDescent="0.25">
      <c r="A22666" s="1" t="s">
        <v>44101</v>
      </c>
      <c r="B22666" s="1" t="s">
        <v>55983</v>
      </c>
      <c r="C22666" s="1" t="s">
        <v>44102</v>
      </c>
      <c r="D22666" s="2">
        <v>175494</v>
      </c>
      <c r="E22666" s="1" t="s">
        <v>0</v>
      </c>
    </row>
    <row r="22667" spans="1:5" x14ac:dyDescent="0.25">
      <c r="A22667" s="2">
        <v>4533</v>
      </c>
      <c r="B22667" s="2">
        <v>4533</v>
      </c>
      <c r="C22667" s="1" t="s">
        <v>0</v>
      </c>
      <c r="D22667" s="2">
        <v>175495</v>
      </c>
      <c r="E22667" s="1" t="s">
        <v>0</v>
      </c>
    </row>
    <row r="22668" spans="1:5" x14ac:dyDescent="0.25">
      <c r="A22668" s="1" t="s">
        <v>4115</v>
      </c>
      <c r="B22668" s="1" t="s">
        <v>11564</v>
      </c>
      <c r="C22668" s="1" t="s">
        <v>44103</v>
      </c>
      <c r="D22668" s="2">
        <v>175496</v>
      </c>
      <c r="E22668" s="1" t="s">
        <v>0</v>
      </c>
    </row>
    <row r="22669" spans="1:5" x14ac:dyDescent="0.25">
      <c r="A22669" s="1" t="s">
        <v>44104</v>
      </c>
      <c r="B22669" s="1" t="s">
        <v>55984</v>
      </c>
      <c r="C22669" s="1" t="s">
        <v>44105</v>
      </c>
      <c r="D22669" s="2">
        <v>175497</v>
      </c>
      <c r="E22669" s="1" t="s">
        <v>0</v>
      </c>
    </row>
    <row r="22670" spans="1:5" ht="409.5" x14ac:dyDescent="0.25">
      <c r="A22670" s="4" t="s">
        <v>44106</v>
      </c>
      <c r="B22670" s="1" t="s">
        <v>55985</v>
      </c>
      <c r="C22670" s="1" t="s">
        <v>44107</v>
      </c>
      <c r="D22670" s="2">
        <v>175498</v>
      </c>
      <c r="E22670" s="1" t="s">
        <v>0</v>
      </c>
    </row>
    <row r="22671" spans="1:5" x14ac:dyDescent="0.25">
      <c r="A22671" s="1" t="s">
        <v>44108</v>
      </c>
      <c r="B22671" s="1" t="s">
        <v>11565</v>
      </c>
      <c r="C22671" s="1" t="s">
        <v>44109</v>
      </c>
      <c r="D22671" s="2">
        <v>175499</v>
      </c>
      <c r="E22671" s="1" t="s">
        <v>0</v>
      </c>
    </row>
    <row r="22672" spans="1:5" x14ac:dyDescent="0.25">
      <c r="A22672" s="2">
        <v>4534</v>
      </c>
      <c r="B22672" s="2">
        <v>4534</v>
      </c>
      <c r="C22672" s="1" t="s">
        <v>0</v>
      </c>
      <c r="D22672" s="2">
        <v>175500</v>
      </c>
      <c r="E22672" s="1" t="s">
        <v>0</v>
      </c>
    </row>
    <row r="22673" spans="1:5" x14ac:dyDescent="0.25">
      <c r="A22673" s="1" t="s">
        <v>4116</v>
      </c>
      <c r="B22673" s="1" t="s">
        <v>55986</v>
      </c>
      <c r="C22673" s="1" t="s">
        <v>44110</v>
      </c>
      <c r="D22673" s="2">
        <v>175501</v>
      </c>
      <c r="E22673" s="1" t="s">
        <v>0</v>
      </c>
    </row>
    <row r="22674" spans="1:5" x14ac:dyDescent="0.25">
      <c r="A22674" s="1" t="s">
        <v>44111</v>
      </c>
      <c r="B22674" s="1" t="s">
        <v>11566</v>
      </c>
      <c r="C22674" s="1" t="s">
        <v>44112</v>
      </c>
      <c r="D22674" s="2">
        <v>175502</v>
      </c>
      <c r="E22674" s="1" t="s">
        <v>0</v>
      </c>
    </row>
    <row r="22675" spans="1:5" ht="409.5" x14ac:dyDescent="0.25">
      <c r="A22675" s="4" t="s">
        <v>44113</v>
      </c>
      <c r="B22675" s="1" t="s">
        <v>61370</v>
      </c>
      <c r="C22675" s="1" t="s">
        <v>44114</v>
      </c>
      <c r="D22675" s="2">
        <v>175503</v>
      </c>
      <c r="E22675" s="1" t="s">
        <v>0</v>
      </c>
    </row>
    <row r="22676" spans="1:5" x14ac:dyDescent="0.25">
      <c r="A22676" s="1" t="s">
        <v>44115</v>
      </c>
      <c r="B22676" s="1" t="s">
        <v>61371</v>
      </c>
      <c r="C22676" s="1" t="s">
        <v>44116</v>
      </c>
      <c r="D22676" s="2">
        <v>175504</v>
      </c>
      <c r="E22676" s="1" t="s">
        <v>0</v>
      </c>
    </row>
    <row r="22677" spans="1:5" x14ac:dyDescent="0.25">
      <c r="A22677" s="2">
        <v>4535</v>
      </c>
      <c r="B22677" s="2">
        <v>4535</v>
      </c>
      <c r="C22677" s="1" t="s">
        <v>0</v>
      </c>
      <c r="D22677" s="2">
        <v>175505</v>
      </c>
      <c r="E22677" s="1" t="s">
        <v>0</v>
      </c>
    </row>
    <row r="22678" spans="1:5" x14ac:dyDescent="0.25">
      <c r="A22678" s="1" t="s">
        <v>4117</v>
      </c>
      <c r="B22678" s="1" t="s">
        <v>11567</v>
      </c>
      <c r="C22678" s="1" t="s">
        <v>44117</v>
      </c>
      <c r="D22678" s="2">
        <v>175506</v>
      </c>
      <c r="E22678" s="1" t="s">
        <v>0</v>
      </c>
    </row>
    <row r="22679" spans="1:5" x14ac:dyDescent="0.25">
      <c r="A22679" s="1" t="s">
        <v>44118</v>
      </c>
      <c r="B22679" s="1" t="s">
        <v>60271</v>
      </c>
      <c r="C22679" s="1" t="s">
        <v>44119</v>
      </c>
      <c r="D22679" s="2">
        <v>175507</v>
      </c>
      <c r="E22679" s="1" t="s">
        <v>0</v>
      </c>
    </row>
    <row r="22680" spans="1:5" ht="409.5" x14ac:dyDescent="0.25">
      <c r="A22680" s="4" t="s">
        <v>44120</v>
      </c>
      <c r="B22680" s="1" t="s">
        <v>60272</v>
      </c>
      <c r="C22680" s="1" t="s">
        <v>44121</v>
      </c>
      <c r="D22680" s="2">
        <v>175508</v>
      </c>
      <c r="E22680" s="1" t="s">
        <v>0</v>
      </c>
    </row>
    <row r="22681" spans="1:5" x14ac:dyDescent="0.25">
      <c r="A22681" s="1" t="s">
        <v>44122</v>
      </c>
      <c r="B22681" s="1" t="s">
        <v>11568</v>
      </c>
      <c r="C22681" s="1" t="s">
        <v>44123</v>
      </c>
      <c r="D22681" s="2">
        <v>175509</v>
      </c>
      <c r="E22681" s="1" t="s">
        <v>0</v>
      </c>
    </row>
    <row r="22682" spans="1:5" x14ac:dyDescent="0.25">
      <c r="A22682" s="2">
        <v>4536</v>
      </c>
      <c r="B22682" s="2">
        <v>4536</v>
      </c>
      <c r="C22682" s="1" t="s">
        <v>0</v>
      </c>
      <c r="D22682" s="2">
        <v>175510</v>
      </c>
      <c r="E22682" s="1" t="s">
        <v>0</v>
      </c>
    </row>
    <row r="22683" spans="1:5" x14ac:dyDescent="0.25">
      <c r="A22683" s="1" t="s">
        <v>4118</v>
      </c>
      <c r="B22683" s="1" t="s">
        <v>57635</v>
      </c>
      <c r="C22683" s="1" t="s">
        <v>44124</v>
      </c>
      <c r="D22683" s="2">
        <v>175511</v>
      </c>
      <c r="E22683" s="1" t="s">
        <v>0</v>
      </c>
    </row>
    <row r="22684" spans="1:5" x14ac:dyDescent="0.25">
      <c r="A22684" s="1" t="s">
        <v>44125</v>
      </c>
      <c r="B22684" s="1" t="s">
        <v>11569</v>
      </c>
      <c r="C22684" s="1" t="s">
        <v>44126</v>
      </c>
      <c r="D22684" s="2">
        <v>175512</v>
      </c>
      <c r="E22684" s="1" t="s">
        <v>0</v>
      </c>
    </row>
    <row r="22685" spans="1:5" ht="409.5" x14ac:dyDescent="0.25">
      <c r="A22685" s="4" t="s">
        <v>44127</v>
      </c>
      <c r="B22685" s="1" t="s">
        <v>58851</v>
      </c>
      <c r="C22685" s="1" t="s">
        <v>44128</v>
      </c>
      <c r="D22685" s="2">
        <v>175513</v>
      </c>
      <c r="E22685" s="1" t="s">
        <v>0</v>
      </c>
    </row>
    <row r="22686" spans="1:5" x14ac:dyDescent="0.25">
      <c r="A22686" s="1" t="s">
        <v>44129</v>
      </c>
      <c r="B22686" s="1" t="s">
        <v>55987</v>
      </c>
      <c r="C22686" s="1" t="s">
        <v>44130</v>
      </c>
      <c r="D22686" s="2">
        <v>175514</v>
      </c>
      <c r="E22686" s="1" t="s">
        <v>0</v>
      </c>
    </row>
    <row r="22687" spans="1:5" x14ac:dyDescent="0.25">
      <c r="A22687" s="2">
        <v>4537</v>
      </c>
      <c r="B22687" s="2">
        <v>4537</v>
      </c>
      <c r="C22687" s="1" t="s">
        <v>0</v>
      </c>
      <c r="D22687" s="2">
        <v>175515</v>
      </c>
      <c r="E22687" s="1" t="s">
        <v>0</v>
      </c>
    </row>
    <row r="22688" spans="1:5" x14ac:dyDescent="0.25">
      <c r="A22688" s="1" t="s">
        <v>4119</v>
      </c>
      <c r="B22688" s="1" t="s">
        <v>11570</v>
      </c>
      <c r="C22688" s="1" t="s">
        <v>44131</v>
      </c>
      <c r="D22688" s="2">
        <v>175516</v>
      </c>
      <c r="E22688" s="1" t="s">
        <v>0</v>
      </c>
    </row>
    <row r="22689" spans="1:5" x14ac:dyDescent="0.25">
      <c r="A22689" s="1" t="s">
        <v>44132</v>
      </c>
      <c r="B22689" s="1" t="s">
        <v>57683</v>
      </c>
      <c r="C22689" s="1" t="s">
        <v>44133</v>
      </c>
      <c r="D22689" s="2">
        <v>175517</v>
      </c>
      <c r="E22689" s="1" t="s">
        <v>0</v>
      </c>
    </row>
    <row r="22690" spans="1:5" ht="409.5" x14ac:dyDescent="0.25">
      <c r="A22690" s="4" t="s">
        <v>44134</v>
      </c>
      <c r="B22690" s="1" t="s">
        <v>57684</v>
      </c>
      <c r="C22690" s="1" t="s">
        <v>44135</v>
      </c>
      <c r="D22690" s="2">
        <v>175518</v>
      </c>
      <c r="E22690" s="1" t="s">
        <v>0</v>
      </c>
    </row>
    <row r="22691" spans="1:5" x14ac:dyDescent="0.25">
      <c r="A22691" s="1" t="s">
        <v>44136</v>
      </c>
      <c r="B22691" s="1" t="s">
        <v>11571</v>
      </c>
      <c r="C22691" s="1" t="s">
        <v>44137</v>
      </c>
      <c r="D22691" s="2">
        <v>175519</v>
      </c>
      <c r="E22691" s="1" t="s">
        <v>0</v>
      </c>
    </row>
    <row r="22692" spans="1:5" x14ac:dyDescent="0.25">
      <c r="A22692" s="2">
        <v>4538</v>
      </c>
      <c r="B22692" s="2">
        <v>4538</v>
      </c>
      <c r="C22692" s="1" t="s">
        <v>0</v>
      </c>
      <c r="D22692" s="2">
        <v>175520</v>
      </c>
      <c r="E22692" s="1" t="s">
        <v>0</v>
      </c>
    </row>
    <row r="22693" spans="1:5" x14ac:dyDescent="0.25">
      <c r="A22693" s="1" t="s">
        <v>4120</v>
      </c>
      <c r="B22693" s="1" t="s">
        <v>11572</v>
      </c>
      <c r="C22693" s="1" t="s">
        <v>44138</v>
      </c>
      <c r="D22693" s="2">
        <v>175521</v>
      </c>
      <c r="E22693" s="1" t="s">
        <v>0</v>
      </c>
    </row>
    <row r="22694" spans="1:5" x14ac:dyDescent="0.25">
      <c r="A22694" s="1" t="s">
        <v>44139</v>
      </c>
      <c r="B22694" s="1" t="s">
        <v>11573</v>
      </c>
      <c r="C22694" s="1" t="s">
        <v>44140</v>
      </c>
      <c r="D22694" s="2">
        <v>175522</v>
      </c>
      <c r="E22694" s="1" t="s">
        <v>0</v>
      </c>
    </row>
    <row r="22695" spans="1:5" ht="409.5" x14ac:dyDescent="0.25">
      <c r="A22695" s="4" t="s">
        <v>44141</v>
      </c>
      <c r="B22695" s="1" t="s">
        <v>60273</v>
      </c>
      <c r="C22695" s="1" t="s">
        <v>44142</v>
      </c>
      <c r="D22695" s="2">
        <v>175523</v>
      </c>
      <c r="E22695" s="1" t="s">
        <v>0</v>
      </c>
    </row>
    <row r="22696" spans="1:5" x14ac:dyDescent="0.25">
      <c r="A22696" s="1" t="s">
        <v>44143</v>
      </c>
      <c r="B22696" s="1" t="s">
        <v>55988</v>
      </c>
      <c r="C22696" s="1" t="s">
        <v>44144</v>
      </c>
      <c r="D22696" s="2">
        <v>175524</v>
      </c>
      <c r="E22696" s="1" t="s">
        <v>0</v>
      </c>
    </row>
    <row r="22697" spans="1:5" x14ac:dyDescent="0.25">
      <c r="A22697" s="2">
        <v>4539</v>
      </c>
      <c r="B22697" s="2">
        <v>4539</v>
      </c>
      <c r="C22697" s="1" t="s">
        <v>0</v>
      </c>
      <c r="D22697" s="2">
        <v>175525</v>
      </c>
      <c r="E22697" s="1" t="s">
        <v>0</v>
      </c>
    </row>
    <row r="22698" spans="1:5" x14ac:dyDescent="0.25">
      <c r="A22698" s="1" t="s">
        <v>4121</v>
      </c>
      <c r="B22698" s="1" t="s">
        <v>11574</v>
      </c>
      <c r="C22698" s="1" t="s">
        <v>44145</v>
      </c>
      <c r="D22698" s="2">
        <v>175526</v>
      </c>
      <c r="E22698" s="1" t="s">
        <v>0</v>
      </c>
    </row>
    <row r="22699" spans="1:5" x14ac:dyDescent="0.25">
      <c r="A22699" s="1" t="s">
        <v>44146</v>
      </c>
      <c r="B22699" s="1" t="s">
        <v>58578</v>
      </c>
      <c r="C22699" s="1" t="s">
        <v>44147</v>
      </c>
      <c r="D22699" s="2">
        <v>175527</v>
      </c>
      <c r="E22699" s="1" t="s">
        <v>0</v>
      </c>
    </row>
    <row r="22700" spans="1:5" ht="409.5" x14ac:dyDescent="0.25">
      <c r="A22700" s="4" t="s">
        <v>44148</v>
      </c>
      <c r="B22700" s="1" t="s">
        <v>63512</v>
      </c>
      <c r="C22700" s="1" t="s">
        <v>44149</v>
      </c>
      <c r="D22700" s="2">
        <v>175528</v>
      </c>
      <c r="E22700" s="1" t="s">
        <v>0</v>
      </c>
    </row>
    <row r="22701" spans="1:5" x14ac:dyDescent="0.25">
      <c r="A22701" s="1" t="s">
        <v>44150</v>
      </c>
      <c r="B22701" s="1" t="s">
        <v>55989</v>
      </c>
      <c r="C22701" s="1" t="s">
        <v>44151</v>
      </c>
      <c r="D22701" s="2">
        <v>175529</v>
      </c>
      <c r="E22701" s="1" t="s">
        <v>0</v>
      </c>
    </row>
    <row r="22702" spans="1:5" x14ac:dyDescent="0.25">
      <c r="A22702" s="2">
        <v>4540</v>
      </c>
      <c r="B22702" s="2">
        <v>4540</v>
      </c>
      <c r="C22702" s="1" t="s">
        <v>0</v>
      </c>
      <c r="D22702" s="2">
        <v>175530</v>
      </c>
      <c r="E22702" s="1" t="s">
        <v>0</v>
      </c>
    </row>
    <row r="22703" spans="1:5" x14ac:dyDescent="0.25">
      <c r="A22703" s="1" t="s">
        <v>4122</v>
      </c>
      <c r="B22703" s="1" t="s">
        <v>11575</v>
      </c>
      <c r="C22703" s="1" t="s">
        <v>44152</v>
      </c>
      <c r="D22703" s="2">
        <v>175531</v>
      </c>
      <c r="E22703" s="1" t="s">
        <v>0</v>
      </c>
    </row>
    <row r="22704" spans="1:5" x14ac:dyDescent="0.25">
      <c r="A22704" s="1" t="s">
        <v>44153</v>
      </c>
      <c r="B22704" s="1" t="s">
        <v>11576</v>
      </c>
      <c r="C22704" s="1" t="s">
        <v>44154</v>
      </c>
      <c r="D22704" s="2">
        <v>175532</v>
      </c>
      <c r="E22704" s="1" t="s">
        <v>0</v>
      </c>
    </row>
    <row r="22705" spans="1:5" ht="409.5" x14ac:dyDescent="0.25">
      <c r="A22705" s="4" t="s">
        <v>44155</v>
      </c>
      <c r="B22705" s="1" t="s">
        <v>58579</v>
      </c>
      <c r="C22705" s="1" t="s">
        <v>44156</v>
      </c>
      <c r="D22705" s="2">
        <v>175533</v>
      </c>
      <c r="E22705" s="1" t="s">
        <v>0</v>
      </c>
    </row>
    <row r="22706" spans="1:5" x14ac:dyDescent="0.25">
      <c r="A22706" s="1" t="s">
        <v>44157</v>
      </c>
      <c r="B22706" s="1" t="s">
        <v>11577</v>
      </c>
      <c r="C22706" s="1" t="s">
        <v>44158</v>
      </c>
      <c r="D22706" s="2">
        <v>175534</v>
      </c>
      <c r="E22706" s="1" t="s">
        <v>0</v>
      </c>
    </row>
    <row r="22707" spans="1:5" x14ac:dyDescent="0.25">
      <c r="A22707" s="2">
        <v>4541</v>
      </c>
      <c r="B22707" s="2">
        <v>4541</v>
      </c>
      <c r="C22707" s="1" t="s">
        <v>0</v>
      </c>
      <c r="D22707" s="2">
        <v>175535</v>
      </c>
      <c r="E22707" s="1" t="s">
        <v>0</v>
      </c>
    </row>
    <row r="22708" spans="1:5" x14ac:dyDescent="0.25">
      <c r="A22708" s="1" t="s">
        <v>4123</v>
      </c>
      <c r="B22708" s="1" t="s">
        <v>11578</v>
      </c>
      <c r="C22708" s="1" t="s">
        <v>44159</v>
      </c>
      <c r="D22708" s="2">
        <v>175536</v>
      </c>
      <c r="E22708" s="1" t="s">
        <v>0</v>
      </c>
    </row>
    <row r="22709" spans="1:5" x14ac:dyDescent="0.25">
      <c r="A22709" s="1" t="s">
        <v>44160</v>
      </c>
      <c r="B22709" s="1" t="s">
        <v>13283</v>
      </c>
      <c r="C22709" s="1" t="s">
        <v>44161</v>
      </c>
      <c r="D22709" s="2">
        <v>175537</v>
      </c>
      <c r="E22709" s="1" t="s">
        <v>0</v>
      </c>
    </row>
    <row r="22710" spans="1:5" ht="409.5" x14ac:dyDescent="0.25">
      <c r="A22710" s="4" t="s">
        <v>64349</v>
      </c>
      <c r="B22710" s="1" t="s">
        <v>55990</v>
      </c>
      <c r="C22710" s="1" t="s">
        <v>44162</v>
      </c>
      <c r="D22710" s="2">
        <v>175538</v>
      </c>
      <c r="E22710" s="1" t="s">
        <v>0</v>
      </c>
    </row>
    <row r="22711" spans="1:5" x14ac:dyDescent="0.25">
      <c r="A22711" s="1" t="s">
        <v>44163</v>
      </c>
      <c r="B22711" s="1" t="s">
        <v>55991</v>
      </c>
      <c r="C22711" s="1" t="s">
        <v>44164</v>
      </c>
      <c r="D22711" s="2">
        <v>175539</v>
      </c>
      <c r="E22711" s="1" t="s">
        <v>0</v>
      </c>
    </row>
    <row r="22712" spans="1:5" x14ac:dyDescent="0.25">
      <c r="A22712" s="2">
        <v>4542</v>
      </c>
      <c r="B22712" s="2">
        <v>4542</v>
      </c>
      <c r="C22712" s="1" t="s">
        <v>0</v>
      </c>
      <c r="D22712" s="2">
        <v>175540</v>
      </c>
      <c r="E22712" s="1" t="s">
        <v>0</v>
      </c>
    </row>
    <row r="22713" spans="1:5" x14ac:dyDescent="0.25">
      <c r="A22713" s="1" t="s">
        <v>4124</v>
      </c>
      <c r="B22713" s="1" t="s">
        <v>55992</v>
      </c>
      <c r="C22713" s="1" t="s">
        <v>44165</v>
      </c>
      <c r="D22713" s="2">
        <v>175541</v>
      </c>
      <c r="E22713" s="1" t="s">
        <v>0</v>
      </c>
    </row>
    <row r="22714" spans="1:5" x14ac:dyDescent="0.25">
      <c r="A22714" s="1" t="s">
        <v>44166</v>
      </c>
      <c r="B22714" s="1" t="s">
        <v>55993</v>
      </c>
      <c r="C22714" s="1" t="s">
        <v>44167</v>
      </c>
      <c r="D22714" s="2">
        <v>175542</v>
      </c>
      <c r="E22714" s="1" t="s">
        <v>0</v>
      </c>
    </row>
    <row r="22715" spans="1:5" ht="409.5" x14ac:dyDescent="0.25">
      <c r="A22715" s="4" t="s">
        <v>44168</v>
      </c>
      <c r="B22715" s="1" t="s">
        <v>58852</v>
      </c>
      <c r="C22715" s="1" t="s">
        <v>44169</v>
      </c>
      <c r="D22715" s="2">
        <v>175543</v>
      </c>
      <c r="E22715" s="1" t="s">
        <v>0</v>
      </c>
    </row>
    <row r="22716" spans="1:5" x14ac:dyDescent="0.25">
      <c r="A22716" s="1" t="s">
        <v>44170</v>
      </c>
      <c r="B22716" s="1" t="s">
        <v>58580</v>
      </c>
      <c r="C22716" s="1" t="s">
        <v>44171</v>
      </c>
      <c r="D22716" s="2">
        <v>175544</v>
      </c>
      <c r="E22716" s="1" t="s">
        <v>0</v>
      </c>
    </row>
    <row r="22717" spans="1:5" x14ac:dyDescent="0.25">
      <c r="A22717" s="2">
        <v>4543</v>
      </c>
      <c r="B22717" s="2">
        <v>4543</v>
      </c>
      <c r="C22717" s="1" t="s">
        <v>0</v>
      </c>
      <c r="D22717" s="2">
        <v>175545</v>
      </c>
      <c r="E22717" s="1" t="s">
        <v>0</v>
      </c>
    </row>
    <row r="22718" spans="1:5" x14ac:dyDescent="0.25">
      <c r="A22718" s="1" t="s">
        <v>4125</v>
      </c>
      <c r="B22718" s="1" t="s">
        <v>11579</v>
      </c>
      <c r="C22718" s="1" t="s">
        <v>44172</v>
      </c>
      <c r="D22718" s="2">
        <v>175546</v>
      </c>
      <c r="E22718" s="1" t="s">
        <v>0</v>
      </c>
    </row>
    <row r="22719" spans="1:5" x14ac:dyDescent="0.25">
      <c r="A22719" s="1" t="s">
        <v>44173</v>
      </c>
      <c r="B22719" s="1" t="s">
        <v>61372</v>
      </c>
      <c r="C22719" s="1" t="s">
        <v>44174</v>
      </c>
      <c r="D22719" s="2">
        <v>175547</v>
      </c>
      <c r="E22719" s="1" t="s">
        <v>0</v>
      </c>
    </row>
    <row r="22720" spans="1:5" ht="409.5" x14ac:dyDescent="0.25">
      <c r="A22720" s="4" t="s">
        <v>64350</v>
      </c>
      <c r="B22720" s="1" t="s">
        <v>61373</v>
      </c>
      <c r="C22720" s="1" t="s">
        <v>44175</v>
      </c>
      <c r="D22720" s="2">
        <v>175548</v>
      </c>
      <c r="E22720" s="1" t="s">
        <v>0</v>
      </c>
    </row>
    <row r="22721" spans="1:5" x14ac:dyDescent="0.25">
      <c r="A22721" s="1" t="s">
        <v>44176</v>
      </c>
      <c r="B22721" s="1" t="s">
        <v>11580</v>
      </c>
      <c r="C22721" s="1" t="s">
        <v>44177</v>
      </c>
      <c r="D22721" s="2">
        <v>175549</v>
      </c>
      <c r="E22721" s="1" t="s">
        <v>0</v>
      </c>
    </row>
    <row r="22722" spans="1:5" x14ac:dyDescent="0.25">
      <c r="A22722" s="2">
        <v>4544</v>
      </c>
      <c r="B22722" s="2">
        <v>4544</v>
      </c>
      <c r="C22722" s="1" t="s">
        <v>0</v>
      </c>
      <c r="D22722" s="2">
        <v>175550</v>
      </c>
      <c r="E22722" s="1" t="s">
        <v>0</v>
      </c>
    </row>
    <row r="22723" spans="1:5" x14ac:dyDescent="0.25">
      <c r="A22723" s="1" t="s">
        <v>4126</v>
      </c>
      <c r="B22723" s="1" t="s">
        <v>11581</v>
      </c>
      <c r="C22723" s="1" t="s">
        <v>44178</v>
      </c>
      <c r="D22723" s="2">
        <v>175551</v>
      </c>
      <c r="E22723" s="1" t="s">
        <v>0</v>
      </c>
    </row>
    <row r="22724" spans="1:5" x14ac:dyDescent="0.25">
      <c r="A22724" s="1" t="s">
        <v>44179</v>
      </c>
      <c r="B22724" s="1" t="s">
        <v>11582</v>
      </c>
      <c r="C22724" s="1" t="s">
        <v>44180</v>
      </c>
      <c r="D22724" s="2">
        <v>175552</v>
      </c>
      <c r="E22724" s="1" t="s">
        <v>0</v>
      </c>
    </row>
    <row r="22725" spans="1:5" ht="409.5" x14ac:dyDescent="0.25">
      <c r="A22725" s="4" t="s">
        <v>44181</v>
      </c>
      <c r="B22725" s="1" t="s">
        <v>11583</v>
      </c>
      <c r="C22725" s="1" t="s">
        <v>44182</v>
      </c>
      <c r="D22725" s="2">
        <v>175553</v>
      </c>
      <c r="E22725" s="1" t="s">
        <v>0</v>
      </c>
    </row>
    <row r="22726" spans="1:5" x14ac:dyDescent="0.25">
      <c r="A22726" s="1" t="s">
        <v>44183</v>
      </c>
      <c r="B22726" s="1" t="s">
        <v>57332</v>
      </c>
      <c r="C22726" s="1" t="s">
        <v>44184</v>
      </c>
      <c r="D22726" s="2">
        <v>175554</v>
      </c>
      <c r="E22726" s="1" t="s">
        <v>0</v>
      </c>
    </row>
    <row r="22727" spans="1:5" x14ac:dyDescent="0.25">
      <c r="A22727" s="2">
        <v>4545</v>
      </c>
      <c r="B22727" s="2">
        <v>4545</v>
      </c>
      <c r="C22727" s="1" t="s">
        <v>0</v>
      </c>
      <c r="D22727" s="2">
        <v>175555</v>
      </c>
      <c r="E22727" s="1" t="s">
        <v>0</v>
      </c>
    </row>
    <row r="22728" spans="1:5" x14ac:dyDescent="0.25">
      <c r="A22728" s="1" t="s">
        <v>4127</v>
      </c>
      <c r="B22728" s="1" t="s">
        <v>11584</v>
      </c>
      <c r="C22728" s="1" t="s">
        <v>44185</v>
      </c>
      <c r="D22728" s="2">
        <v>175556</v>
      </c>
      <c r="E22728" s="1" t="s">
        <v>0</v>
      </c>
    </row>
    <row r="22729" spans="1:5" x14ac:dyDescent="0.25">
      <c r="A22729" s="1" t="s">
        <v>44186</v>
      </c>
      <c r="B22729" s="1" t="s">
        <v>62957</v>
      </c>
      <c r="C22729" s="1" t="s">
        <v>44187</v>
      </c>
      <c r="D22729" s="2">
        <v>175557</v>
      </c>
      <c r="E22729" s="1" t="s">
        <v>0</v>
      </c>
    </row>
    <row r="22730" spans="1:5" ht="409.5" x14ac:dyDescent="0.25">
      <c r="A22730" s="4" t="s">
        <v>44188</v>
      </c>
      <c r="B22730" s="1" t="s">
        <v>62958</v>
      </c>
      <c r="C22730" s="1" t="s">
        <v>44189</v>
      </c>
      <c r="D22730" s="2">
        <v>175558</v>
      </c>
      <c r="E22730" s="1" t="s">
        <v>0</v>
      </c>
    </row>
    <row r="22731" spans="1:5" x14ac:dyDescent="0.25">
      <c r="A22731" s="1" t="s">
        <v>44190</v>
      </c>
      <c r="B22731" s="1" t="s">
        <v>55994</v>
      </c>
      <c r="C22731" s="1" t="s">
        <v>44191</v>
      </c>
      <c r="D22731" s="2">
        <v>175559</v>
      </c>
      <c r="E22731" s="1" t="s">
        <v>0</v>
      </c>
    </row>
    <row r="22732" spans="1:5" x14ac:dyDescent="0.25">
      <c r="A22732" s="2">
        <v>4546</v>
      </c>
      <c r="B22732" s="2">
        <v>4546</v>
      </c>
      <c r="C22732" s="1" t="s">
        <v>0</v>
      </c>
      <c r="D22732" s="2">
        <v>175560</v>
      </c>
      <c r="E22732" s="1" t="s">
        <v>0</v>
      </c>
    </row>
    <row r="22733" spans="1:5" x14ac:dyDescent="0.25">
      <c r="A22733" s="1" t="s">
        <v>4128</v>
      </c>
      <c r="B22733" s="1" t="s">
        <v>11585</v>
      </c>
      <c r="C22733" s="1" t="s">
        <v>44192</v>
      </c>
      <c r="D22733" s="2">
        <v>175561</v>
      </c>
      <c r="E22733" s="1" t="s">
        <v>0</v>
      </c>
    </row>
    <row r="22734" spans="1:5" x14ac:dyDescent="0.25">
      <c r="A22734" s="1" t="s">
        <v>44193</v>
      </c>
      <c r="B22734" s="1" t="s">
        <v>62959</v>
      </c>
      <c r="C22734" s="1" t="s">
        <v>44194</v>
      </c>
      <c r="D22734" s="2">
        <v>175562</v>
      </c>
      <c r="E22734" s="1" t="s">
        <v>0</v>
      </c>
    </row>
    <row r="22735" spans="1:5" ht="409.5" x14ac:dyDescent="0.25">
      <c r="A22735" s="4" t="s">
        <v>44195</v>
      </c>
      <c r="B22735" s="1" t="s">
        <v>62960</v>
      </c>
      <c r="C22735" s="1" t="s">
        <v>44196</v>
      </c>
      <c r="D22735" s="2">
        <v>175563</v>
      </c>
      <c r="E22735" s="1" t="s">
        <v>0</v>
      </c>
    </row>
    <row r="22736" spans="1:5" x14ac:dyDescent="0.25">
      <c r="A22736" s="1" t="s">
        <v>44197</v>
      </c>
      <c r="B22736" s="1" t="s">
        <v>58581</v>
      </c>
      <c r="C22736" s="1" t="s">
        <v>44198</v>
      </c>
      <c r="D22736" s="2">
        <v>175564</v>
      </c>
      <c r="E22736" s="1" t="s">
        <v>0</v>
      </c>
    </row>
    <row r="22737" spans="1:5" x14ac:dyDescent="0.25">
      <c r="A22737" s="2">
        <v>4547</v>
      </c>
      <c r="B22737" s="2">
        <v>4547</v>
      </c>
      <c r="C22737" s="1" t="s">
        <v>0</v>
      </c>
      <c r="D22737" s="2">
        <v>175565</v>
      </c>
      <c r="E22737" s="1" t="s">
        <v>0</v>
      </c>
    </row>
    <row r="22738" spans="1:5" x14ac:dyDescent="0.25">
      <c r="A22738" s="1" t="s">
        <v>11586</v>
      </c>
      <c r="B22738" s="1" t="s">
        <v>11587</v>
      </c>
      <c r="C22738" s="1" t="s">
        <v>44199</v>
      </c>
      <c r="D22738" s="2">
        <v>175566</v>
      </c>
      <c r="E22738" s="1" t="s">
        <v>0</v>
      </c>
    </row>
    <row r="22739" spans="1:5" x14ac:dyDescent="0.25">
      <c r="A22739" s="1" t="s">
        <v>61888</v>
      </c>
      <c r="B22739" s="1" t="s">
        <v>58582</v>
      </c>
      <c r="C22739" s="1" t="s">
        <v>44200</v>
      </c>
      <c r="D22739" s="2">
        <v>175567</v>
      </c>
      <c r="E22739" s="1" t="s">
        <v>0</v>
      </c>
    </row>
    <row r="22740" spans="1:5" ht="409.5" x14ac:dyDescent="0.25">
      <c r="A22740" s="4" t="s">
        <v>61889</v>
      </c>
      <c r="B22740" s="1" t="s">
        <v>59686</v>
      </c>
      <c r="C22740" s="1" t="s">
        <v>44201</v>
      </c>
      <c r="D22740" s="2">
        <v>175568</v>
      </c>
      <c r="E22740" s="1" t="s">
        <v>0</v>
      </c>
    </row>
    <row r="22741" spans="1:5" x14ac:dyDescent="0.25">
      <c r="A22741" s="1" t="s">
        <v>44202</v>
      </c>
      <c r="B22741" s="1" t="s">
        <v>61374</v>
      </c>
      <c r="C22741" s="1" t="s">
        <v>44203</v>
      </c>
      <c r="D22741" s="2">
        <v>175569</v>
      </c>
      <c r="E22741" s="1" t="s">
        <v>0</v>
      </c>
    </row>
    <row r="22742" spans="1:5" x14ac:dyDescent="0.25">
      <c r="A22742" s="2">
        <v>4548</v>
      </c>
      <c r="B22742" s="2">
        <v>4548</v>
      </c>
      <c r="C22742" s="1" t="s">
        <v>0</v>
      </c>
      <c r="D22742" s="2">
        <v>175570</v>
      </c>
      <c r="E22742" s="1" t="s">
        <v>0</v>
      </c>
    </row>
    <row r="22743" spans="1:5" x14ac:dyDescent="0.25">
      <c r="A22743" s="1" t="s">
        <v>4129</v>
      </c>
      <c r="B22743" s="1" t="s">
        <v>11588</v>
      </c>
      <c r="C22743" s="1" t="s">
        <v>44204</v>
      </c>
      <c r="D22743" s="2">
        <v>175571</v>
      </c>
      <c r="E22743" s="1" t="s">
        <v>0</v>
      </c>
    </row>
    <row r="22744" spans="1:5" x14ac:dyDescent="0.25">
      <c r="A22744" s="1" t="s">
        <v>44205</v>
      </c>
      <c r="B22744" s="1" t="s">
        <v>55995</v>
      </c>
      <c r="C22744" s="1" t="s">
        <v>44206</v>
      </c>
      <c r="D22744" s="2">
        <v>175572</v>
      </c>
      <c r="E22744" s="1" t="s">
        <v>0</v>
      </c>
    </row>
    <row r="22745" spans="1:5" ht="409.5" x14ac:dyDescent="0.25">
      <c r="A22745" s="4" t="s">
        <v>44207</v>
      </c>
      <c r="B22745" s="1" t="s">
        <v>60658</v>
      </c>
      <c r="C22745" s="1" t="s">
        <v>44208</v>
      </c>
      <c r="D22745" s="2">
        <v>175573</v>
      </c>
      <c r="E22745" s="1" t="s">
        <v>0</v>
      </c>
    </row>
    <row r="22746" spans="1:5" x14ac:dyDescent="0.25">
      <c r="A22746" s="1" t="s">
        <v>44209</v>
      </c>
      <c r="B22746" s="1" t="s">
        <v>61375</v>
      </c>
      <c r="C22746" s="1" t="s">
        <v>44210</v>
      </c>
      <c r="D22746" s="2">
        <v>175574</v>
      </c>
      <c r="E22746" s="1" t="s">
        <v>0</v>
      </c>
    </row>
    <row r="22747" spans="1:5" x14ac:dyDescent="0.25">
      <c r="A22747" s="2">
        <v>4549</v>
      </c>
      <c r="B22747" s="2">
        <v>4549</v>
      </c>
      <c r="C22747" s="1" t="s">
        <v>0</v>
      </c>
      <c r="D22747" s="2">
        <v>175575</v>
      </c>
      <c r="E22747" s="1" t="s">
        <v>0</v>
      </c>
    </row>
    <row r="22748" spans="1:5" x14ac:dyDescent="0.25">
      <c r="A22748" s="1" t="s">
        <v>4130</v>
      </c>
      <c r="B22748" s="1" t="s">
        <v>11589</v>
      </c>
      <c r="C22748" s="1" t="s">
        <v>44211</v>
      </c>
      <c r="D22748" s="2">
        <v>175576</v>
      </c>
      <c r="E22748" s="1" t="s">
        <v>0</v>
      </c>
    </row>
    <row r="22749" spans="1:5" x14ac:dyDescent="0.25">
      <c r="A22749" s="1" t="s">
        <v>44212</v>
      </c>
      <c r="B22749" s="1" t="s">
        <v>11590</v>
      </c>
      <c r="C22749" s="1" t="s">
        <v>44213</v>
      </c>
      <c r="D22749" s="2">
        <v>175577</v>
      </c>
      <c r="E22749" s="1" t="s">
        <v>0</v>
      </c>
    </row>
    <row r="22750" spans="1:5" ht="409.5" x14ac:dyDescent="0.25">
      <c r="A22750" s="4" t="s">
        <v>44214</v>
      </c>
      <c r="B22750" s="1" t="s">
        <v>11591</v>
      </c>
      <c r="C22750" s="1" t="s">
        <v>44215</v>
      </c>
      <c r="D22750" s="2">
        <v>175578</v>
      </c>
      <c r="E22750" s="1" t="s">
        <v>0</v>
      </c>
    </row>
    <row r="22751" spans="1:5" x14ac:dyDescent="0.25">
      <c r="A22751" s="1" t="s">
        <v>44216</v>
      </c>
      <c r="B22751" s="1" t="s">
        <v>55996</v>
      </c>
      <c r="C22751" s="1" t="s">
        <v>44217</v>
      </c>
      <c r="D22751" s="2">
        <v>175579</v>
      </c>
      <c r="E22751" s="1" t="s">
        <v>0</v>
      </c>
    </row>
    <row r="22752" spans="1:5" x14ac:dyDescent="0.25">
      <c r="A22752" s="2">
        <v>4550</v>
      </c>
      <c r="B22752" s="2">
        <v>4550</v>
      </c>
      <c r="C22752" s="1" t="s">
        <v>0</v>
      </c>
      <c r="D22752" s="2">
        <v>175580</v>
      </c>
      <c r="E22752" s="1" t="s">
        <v>0</v>
      </c>
    </row>
    <row r="22753" spans="1:5" x14ac:dyDescent="0.25">
      <c r="A22753" s="1" t="s">
        <v>4131</v>
      </c>
      <c r="B22753" s="1" t="s">
        <v>11592</v>
      </c>
      <c r="C22753" s="1" t="s">
        <v>44218</v>
      </c>
      <c r="D22753" s="2">
        <v>175581</v>
      </c>
      <c r="E22753" s="1" t="s">
        <v>0</v>
      </c>
    </row>
    <row r="22754" spans="1:5" x14ac:dyDescent="0.25">
      <c r="A22754" s="1" t="s">
        <v>44219</v>
      </c>
      <c r="B22754" s="1" t="s">
        <v>55997</v>
      </c>
      <c r="C22754" s="1" t="s">
        <v>44220</v>
      </c>
      <c r="D22754" s="2">
        <v>175582</v>
      </c>
      <c r="E22754" s="1" t="s">
        <v>0</v>
      </c>
    </row>
    <row r="22755" spans="1:5" ht="409.5" x14ac:dyDescent="0.25">
      <c r="A22755" s="4" t="s">
        <v>44221</v>
      </c>
      <c r="B22755" s="1" t="s">
        <v>55998</v>
      </c>
      <c r="C22755" s="1" t="s">
        <v>44222</v>
      </c>
      <c r="D22755" s="2">
        <v>175583</v>
      </c>
      <c r="E22755" s="1" t="s">
        <v>0</v>
      </c>
    </row>
    <row r="22756" spans="1:5" x14ac:dyDescent="0.25">
      <c r="A22756" s="1" t="s">
        <v>44223</v>
      </c>
      <c r="B22756" s="1" t="s">
        <v>11593</v>
      </c>
      <c r="C22756" s="1" t="s">
        <v>44224</v>
      </c>
      <c r="D22756" s="2">
        <v>175584</v>
      </c>
      <c r="E22756" s="1" t="s">
        <v>0</v>
      </c>
    </row>
    <row r="22757" spans="1:5" x14ac:dyDescent="0.25">
      <c r="A22757" s="2">
        <v>4551</v>
      </c>
      <c r="B22757" s="2">
        <v>4551</v>
      </c>
      <c r="C22757" s="1" t="s">
        <v>0</v>
      </c>
      <c r="D22757" s="2">
        <v>175585</v>
      </c>
      <c r="E22757" s="1" t="s">
        <v>0</v>
      </c>
    </row>
    <row r="22758" spans="1:5" x14ac:dyDescent="0.25">
      <c r="A22758" s="1" t="s">
        <v>4132</v>
      </c>
      <c r="B22758" s="1" t="s">
        <v>51037</v>
      </c>
      <c r="C22758" s="1" t="s">
        <v>44225</v>
      </c>
      <c r="D22758" s="2">
        <v>175586</v>
      </c>
      <c r="E22758" s="1" t="s">
        <v>0</v>
      </c>
    </row>
    <row r="22759" spans="1:5" x14ac:dyDescent="0.25">
      <c r="A22759" s="1" t="s">
        <v>44226</v>
      </c>
      <c r="B22759" s="1" t="s">
        <v>55999</v>
      </c>
      <c r="C22759" s="1" t="s">
        <v>44227</v>
      </c>
      <c r="D22759" s="2">
        <v>175587</v>
      </c>
      <c r="E22759" s="1" t="s">
        <v>0</v>
      </c>
    </row>
    <row r="22760" spans="1:5" ht="409.5" x14ac:dyDescent="0.25">
      <c r="A22760" s="4" t="s">
        <v>44228</v>
      </c>
      <c r="B22760" s="1" t="s">
        <v>56000</v>
      </c>
      <c r="C22760" s="1" t="s">
        <v>44229</v>
      </c>
      <c r="D22760" s="2">
        <v>175588</v>
      </c>
      <c r="E22760" s="1" t="s">
        <v>0</v>
      </c>
    </row>
    <row r="22761" spans="1:5" x14ac:dyDescent="0.25">
      <c r="A22761" s="1" t="s">
        <v>44230</v>
      </c>
      <c r="B22761" s="1" t="s">
        <v>11594</v>
      </c>
      <c r="C22761" s="1" t="s">
        <v>44231</v>
      </c>
      <c r="D22761" s="2">
        <v>175589</v>
      </c>
      <c r="E22761" s="1" t="s">
        <v>0</v>
      </c>
    </row>
    <row r="22762" spans="1:5" x14ac:dyDescent="0.25">
      <c r="A22762" s="2">
        <v>4552</v>
      </c>
      <c r="B22762" s="2">
        <v>4552</v>
      </c>
      <c r="C22762" s="1" t="s">
        <v>0</v>
      </c>
      <c r="D22762" s="2">
        <v>175590</v>
      </c>
      <c r="E22762" s="1" t="s">
        <v>0</v>
      </c>
    </row>
    <row r="22763" spans="1:5" x14ac:dyDescent="0.25">
      <c r="A22763" s="1" t="s">
        <v>4133</v>
      </c>
      <c r="B22763" s="1" t="s">
        <v>11595</v>
      </c>
      <c r="C22763" s="1" t="s">
        <v>44232</v>
      </c>
      <c r="D22763" s="2">
        <v>175591</v>
      </c>
      <c r="E22763" s="1" t="s">
        <v>0</v>
      </c>
    </row>
    <row r="22764" spans="1:5" x14ac:dyDescent="0.25">
      <c r="A22764" s="1" t="s">
        <v>44233</v>
      </c>
      <c r="B22764" s="1" t="s">
        <v>11596</v>
      </c>
      <c r="C22764" s="1" t="s">
        <v>44234</v>
      </c>
      <c r="D22764" s="2">
        <v>175592</v>
      </c>
      <c r="E22764" s="1" t="s">
        <v>0</v>
      </c>
    </row>
    <row r="22765" spans="1:5" ht="409.5" x14ac:dyDescent="0.25">
      <c r="A22765" s="4" t="s">
        <v>44235</v>
      </c>
      <c r="B22765" s="1" t="s">
        <v>56001</v>
      </c>
      <c r="C22765" s="1" t="s">
        <v>44236</v>
      </c>
      <c r="D22765" s="2">
        <v>175593</v>
      </c>
      <c r="E22765" s="1" t="s">
        <v>0</v>
      </c>
    </row>
    <row r="22766" spans="1:5" x14ac:dyDescent="0.25">
      <c r="A22766" s="1" t="s">
        <v>44237</v>
      </c>
      <c r="B22766" s="1" t="s">
        <v>11597</v>
      </c>
      <c r="C22766" s="1" t="s">
        <v>44238</v>
      </c>
      <c r="D22766" s="2">
        <v>175594</v>
      </c>
      <c r="E22766" s="1" t="s">
        <v>0</v>
      </c>
    </row>
    <row r="22767" spans="1:5" x14ac:dyDescent="0.25">
      <c r="A22767" s="2">
        <v>4553</v>
      </c>
      <c r="B22767" s="2">
        <v>4553</v>
      </c>
      <c r="C22767" s="1" t="s">
        <v>0</v>
      </c>
      <c r="D22767" s="2">
        <v>175595</v>
      </c>
      <c r="E22767" s="1" t="s">
        <v>0</v>
      </c>
    </row>
    <row r="22768" spans="1:5" x14ac:dyDescent="0.25">
      <c r="A22768" s="1" t="s">
        <v>4134</v>
      </c>
      <c r="B22768" s="1" t="s">
        <v>11598</v>
      </c>
      <c r="C22768" s="1" t="s">
        <v>44239</v>
      </c>
      <c r="D22768" s="2">
        <v>175596</v>
      </c>
      <c r="E22768" s="1" t="s">
        <v>0</v>
      </c>
    </row>
    <row r="22769" spans="1:5" x14ac:dyDescent="0.25">
      <c r="A22769" s="1" t="s">
        <v>44240</v>
      </c>
      <c r="B22769" s="1" t="s">
        <v>56002</v>
      </c>
      <c r="C22769" s="1" t="s">
        <v>44241</v>
      </c>
      <c r="D22769" s="2">
        <v>175597</v>
      </c>
      <c r="E22769" s="1" t="s">
        <v>0</v>
      </c>
    </row>
    <row r="22770" spans="1:5" ht="409.5" x14ac:dyDescent="0.25">
      <c r="A22770" s="4" t="s">
        <v>44242</v>
      </c>
      <c r="B22770" s="1" t="s">
        <v>56003</v>
      </c>
      <c r="C22770" s="1" t="s">
        <v>44243</v>
      </c>
      <c r="D22770" s="2">
        <v>175598</v>
      </c>
      <c r="E22770" s="1" t="s">
        <v>0</v>
      </c>
    </row>
    <row r="22771" spans="1:5" x14ac:dyDescent="0.25">
      <c r="A22771" s="1" t="s">
        <v>44244</v>
      </c>
      <c r="B22771" s="1" t="s">
        <v>11599</v>
      </c>
      <c r="C22771" s="1" t="s">
        <v>44245</v>
      </c>
      <c r="D22771" s="2">
        <v>175599</v>
      </c>
      <c r="E22771" s="1" t="s">
        <v>0</v>
      </c>
    </row>
    <row r="22772" spans="1:5" x14ac:dyDescent="0.25">
      <c r="A22772" s="2">
        <v>4554</v>
      </c>
      <c r="B22772" s="2">
        <v>4554</v>
      </c>
      <c r="C22772" s="1" t="s">
        <v>0</v>
      </c>
      <c r="D22772" s="2">
        <v>175600</v>
      </c>
      <c r="E22772" s="1" t="s">
        <v>0</v>
      </c>
    </row>
    <row r="22773" spans="1:5" x14ac:dyDescent="0.25">
      <c r="A22773" s="1" t="s">
        <v>4135</v>
      </c>
      <c r="B22773" s="1" t="s">
        <v>11600</v>
      </c>
      <c r="C22773" s="1" t="s">
        <v>44246</v>
      </c>
      <c r="D22773" s="2">
        <v>175601</v>
      </c>
      <c r="E22773" s="1" t="s">
        <v>0</v>
      </c>
    </row>
    <row r="22774" spans="1:5" x14ac:dyDescent="0.25">
      <c r="A22774" s="1" t="s">
        <v>44247</v>
      </c>
      <c r="B22774" s="1" t="s">
        <v>56004</v>
      </c>
      <c r="C22774" s="1" t="s">
        <v>44248</v>
      </c>
      <c r="D22774" s="2">
        <v>175602</v>
      </c>
      <c r="E22774" s="1" t="s">
        <v>0</v>
      </c>
    </row>
    <row r="22775" spans="1:5" ht="409.5" x14ac:dyDescent="0.25">
      <c r="A22775" s="4" t="s">
        <v>44249</v>
      </c>
      <c r="B22775" s="1" t="s">
        <v>58583</v>
      </c>
      <c r="C22775" s="1" t="s">
        <v>44250</v>
      </c>
      <c r="D22775" s="2">
        <v>175603</v>
      </c>
      <c r="E22775" s="1" t="s">
        <v>0</v>
      </c>
    </row>
    <row r="22776" spans="1:5" x14ac:dyDescent="0.25">
      <c r="A22776" s="1" t="s">
        <v>14855</v>
      </c>
      <c r="B22776" s="1" t="s">
        <v>60879</v>
      </c>
      <c r="C22776" s="1" t="s">
        <v>14856</v>
      </c>
      <c r="D22776" s="2">
        <v>175604</v>
      </c>
      <c r="E22776" s="1" t="s">
        <v>0</v>
      </c>
    </row>
    <row r="22777" spans="1:5" x14ac:dyDescent="0.25">
      <c r="A22777" s="2">
        <v>4555</v>
      </c>
      <c r="B22777" s="2">
        <v>4555</v>
      </c>
      <c r="C22777" s="1" t="s">
        <v>0</v>
      </c>
      <c r="D22777" s="2">
        <v>175605</v>
      </c>
      <c r="E22777" s="1" t="s">
        <v>0</v>
      </c>
    </row>
    <row r="22778" spans="1:5" x14ac:dyDescent="0.25">
      <c r="A22778" s="1" t="s">
        <v>4136</v>
      </c>
      <c r="B22778" s="1" t="s">
        <v>58584</v>
      </c>
      <c r="C22778" s="1" t="s">
        <v>44251</v>
      </c>
      <c r="D22778" s="2">
        <v>175606</v>
      </c>
      <c r="E22778" s="1" t="s">
        <v>0</v>
      </c>
    </row>
    <row r="22779" spans="1:5" x14ac:dyDescent="0.25">
      <c r="A22779" s="1" t="s">
        <v>44252</v>
      </c>
      <c r="B22779" s="1" t="s">
        <v>62961</v>
      </c>
      <c r="C22779" s="1" t="s">
        <v>44253</v>
      </c>
      <c r="D22779" s="2">
        <v>175607</v>
      </c>
      <c r="E22779" s="1" t="s">
        <v>0</v>
      </c>
    </row>
    <row r="22780" spans="1:5" x14ac:dyDescent="0.25">
      <c r="A22780" s="1" t="s">
        <v>44252</v>
      </c>
      <c r="B22780" s="1" t="s">
        <v>62961</v>
      </c>
      <c r="C22780" s="1" t="s">
        <v>44253</v>
      </c>
      <c r="D22780" s="2">
        <v>175608</v>
      </c>
      <c r="E22780" s="1" t="s">
        <v>0</v>
      </c>
    </row>
    <row r="22781" spans="1:5" x14ac:dyDescent="0.25">
      <c r="A22781" s="1" t="s">
        <v>44254</v>
      </c>
      <c r="B22781" s="1" t="s">
        <v>11601</v>
      </c>
      <c r="C22781" s="1" t="s">
        <v>44255</v>
      </c>
      <c r="D22781" s="2">
        <v>175609</v>
      </c>
      <c r="E22781" s="1" t="s">
        <v>0</v>
      </c>
    </row>
    <row r="22782" spans="1:5" x14ac:dyDescent="0.25">
      <c r="A22782" s="2">
        <v>4556</v>
      </c>
      <c r="B22782" s="2">
        <v>4556</v>
      </c>
      <c r="C22782" s="1" t="s">
        <v>0</v>
      </c>
      <c r="D22782" s="2">
        <v>175610</v>
      </c>
      <c r="E22782" s="1" t="s">
        <v>0</v>
      </c>
    </row>
    <row r="22783" spans="1:5" x14ac:dyDescent="0.25">
      <c r="A22783" s="1" t="s">
        <v>4137</v>
      </c>
      <c r="B22783" s="1" t="s">
        <v>11602</v>
      </c>
      <c r="C22783" s="1" t="s">
        <v>44256</v>
      </c>
      <c r="D22783" s="2">
        <v>175611</v>
      </c>
      <c r="E22783" s="1" t="s">
        <v>0</v>
      </c>
    </row>
    <row r="22784" spans="1:5" x14ac:dyDescent="0.25">
      <c r="A22784" s="1" t="s">
        <v>44257</v>
      </c>
      <c r="B22784" s="1" t="s">
        <v>56005</v>
      </c>
      <c r="C22784" s="1" t="s">
        <v>44258</v>
      </c>
      <c r="D22784" s="2">
        <v>175612</v>
      </c>
      <c r="E22784" s="1" t="s">
        <v>0</v>
      </c>
    </row>
    <row r="22785" spans="1:5" ht="409.5" x14ac:dyDescent="0.25">
      <c r="A22785" s="4" t="s">
        <v>44259</v>
      </c>
      <c r="B22785" s="1" t="s">
        <v>56006</v>
      </c>
      <c r="C22785" s="1" t="s">
        <v>44260</v>
      </c>
      <c r="D22785" s="2">
        <v>175613</v>
      </c>
      <c r="E22785" s="1" t="s">
        <v>0</v>
      </c>
    </row>
    <row r="22786" spans="1:5" x14ac:dyDescent="0.25">
      <c r="A22786" s="1" t="s">
        <v>44261</v>
      </c>
      <c r="B22786" s="1" t="s">
        <v>11603</v>
      </c>
      <c r="C22786" s="1" t="s">
        <v>44262</v>
      </c>
      <c r="D22786" s="2">
        <v>175614</v>
      </c>
      <c r="E22786" s="1" t="s">
        <v>0</v>
      </c>
    </row>
    <row r="22787" spans="1:5" x14ac:dyDescent="0.25">
      <c r="A22787" s="2">
        <v>4557</v>
      </c>
      <c r="B22787" s="2">
        <v>4557</v>
      </c>
      <c r="C22787" s="1" t="s">
        <v>0</v>
      </c>
      <c r="D22787" s="2">
        <v>175615</v>
      </c>
      <c r="E22787" s="1" t="s">
        <v>0</v>
      </c>
    </row>
    <row r="22788" spans="1:5" x14ac:dyDescent="0.25">
      <c r="A22788" s="1" t="s">
        <v>4138</v>
      </c>
      <c r="B22788" s="1" t="s">
        <v>56007</v>
      </c>
      <c r="C22788" s="1" t="s">
        <v>44263</v>
      </c>
      <c r="D22788" s="2">
        <v>175616</v>
      </c>
      <c r="E22788" s="1" t="s">
        <v>0</v>
      </c>
    </row>
    <row r="22789" spans="1:5" x14ac:dyDescent="0.25">
      <c r="A22789" s="1" t="s">
        <v>44264</v>
      </c>
      <c r="B22789" s="1" t="s">
        <v>56008</v>
      </c>
      <c r="C22789" s="1" t="s">
        <v>44265</v>
      </c>
      <c r="D22789" s="2">
        <v>175617</v>
      </c>
      <c r="E22789" s="1" t="s">
        <v>0</v>
      </c>
    </row>
    <row r="22790" spans="1:5" ht="409.5" x14ac:dyDescent="0.25">
      <c r="A22790" s="4" t="s">
        <v>44266</v>
      </c>
      <c r="B22790" s="1" t="s">
        <v>56009</v>
      </c>
      <c r="C22790" s="1" t="s">
        <v>44267</v>
      </c>
      <c r="D22790" s="2">
        <v>175618</v>
      </c>
      <c r="E22790" s="1" t="s">
        <v>0</v>
      </c>
    </row>
    <row r="22791" spans="1:5" x14ac:dyDescent="0.25">
      <c r="A22791" s="1" t="s">
        <v>44268</v>
      </c>
      <c r="B22791" s="1" t="s">
        <v>56010</v>
      </c>
      <c r="C22791" s="1" t="s">
        <v>44269</v>
      </c>
      <c r="D22791" s="2">
        <v>175619</v>
      </c>
      <c r="E22791" s="1" t="s">
        <v>0</v>
      </c>
    </row>
    <row r="22792" spans="1:5" x14ac:dyDescent="0.25">
      <c r="A22792" s="2">
        <v>4558</v>
      </c>
      <c r="B22792" s="2">
        <v>4558</v>
      </c>
      <c r="C22792" s="1" t="s">
        <v>0</v>
      </c>
      <c r="D22792" s="2">
        <v>175620</v>
      </c>
      <c r="E22792" s="1" t="s">
        <v>0</v>
      </c>
    </row>
    <row r="22793" spans="1:5" x14ac:dyDescent="0.25">
      <c r="A22793" s="1" t="s">
        <v>4139</v>
      </c>
      <c r="B22793" s="1" t="s">
        <v>11604</v>
      </c>
      <c r="C22793" s="1" t="s">
        <v>44270</v>
      </c>
      <c r="D22793" s="2">
        <v>175621</v>
      </c>
      <c r="E22793" s="1" t="s">
        <v>0</v>
      </c>
    </row>
    <row r="22794" spans="1:5" x14ac:dyDescent="0.25">
      <c r="A22794" s="1" t="s">
        <v>44271</v>
      </c>
      <c r="B22794" s="1" t="s">
        <v>11605</v>
      </c>
      <c r="C22794" s="1" t="s">
        <v>44272</v>
      </c>
      <c r="D22794" s="2">
        <v>175622</v>
      </c>
      <c r="E22794" s="1" t="s">
        <v>0</v>
      </c>
    </row>
    <row r="22795" spans="1:5" ht="409.5" x14ac:dyDescent="0.25">
      <c r="A22795" s="4" t="s">
        <v>44273</v>
      </c>
      <c r="B22795" s="1" t="s">
        <v>56011</v>
      </c>
      <c r="C22795" s="1" t="s">
        <v>44274</v>
      </c>
      <c r="D22795" s="2">
        <v>175623</v>
      </c>
      <c r="E22795" s="1" t="s">
        <v>0</v>
      </c>
    </row>
    <row r="22796" spans="1:5" x14ac:dyDescent="0.25">
      <c r="A22796" s="1" t="s">
        <v>44275</v>
      </c>
      <c r="B22796" s="1" t="s">
        <v>56012</v>
      </c>
      <c r="C22796" s="1" t="s">
        <v>44276</v>
      </c>
      <c r="D22796" s="2">
        <v>175624</v>
      </c>
      <c r="E22796" s="1" t="s">
        <v>0</v>
      </c>
    </row>
    <row r="22797" spans="1:5" x14ac:dyDescent="0.25">
      <c r="A22797" s="2">
        <v>4559</v>
      </c>
      <c r="B22797" s="2">
        <v>4559</v>
      </c>
      <c r="C22797" s="1" t="s">
        <v>0</v>
      </c>
      <c r="D22797" s="2">
        <v>175625</v>
      </c>
      <c r="E22797" s="1" t="s">
        <v>0</v>
      </c>
    </row>
    <row r="22798" spans="1:5" x14ac:dyDescent="0.25">
      <c r="A22798" s="1" t="s">
        <v>4140</v>
      </c>
      <c r="B22798" s="1" t="s">
        <v>11606</v>
      </c>
      <c r="C22798" s="1" t="s">
        <v>44277</v>
      </c>
      <c r="D22798" s="2">
        <v>175626</v>
      </c>
      <c r="E22798" s="1" t="s">
        <v>0</v>
      </c>
    </row>
    <row r="22799" spans="1:5" x14ac:dyDescent="0.25">
      <c r="A22799" s="1" t="s">
        <v>44278</v>
      </c>
      <c r="B22799" s="1" t="s">
        <v>11607</v>
      </c>
      <c r="C22799" s="1" t="s">
        <v>34441</v>
      </c>
      <c r="D22799" s="2">
        <v>175627</v>
      </c>
      <c r="E22799" s="1" t="s">
        <v>0</v>
      </c>
    </row>
    <row r="22800" spans="1:5" ht="409.5" x14ac:dyDescent="0.25">
      <c r="A22800" s="4" t="s">
        <v>44279</v>
      </c>
      <c r="B22800" s="1" t="s">
        <v>56013</v>
      </c>
      <c r="C22800" s="1" t="s">
        <v>44280</v>
      </c>
      <c r="D22800" s="2">
        <v>175628</v>
      </c>
      <c r="E22800" s="1" t="s">
        <v>0</v>
      </c>
    </row>
    <row r="22801" spans="1:5" x14ac:dyDescent="0.25">
      <c r="A22801" s="1" t="s">
        <v>44281</v>
      </c>
      <c r="B22801" s="1" t="s">
        <v>11608</v>
      </c>
      <c r="C22801" s="1" t="s">
        <v>44282</v>
      </c>
      <c r="D22801" s="2">
        <v>175629</v>
      </c>
      <c r="E22801" s="1" t="s">
        <v>0</v>
      </c>
    </row>
    <row r="22802" spans="1:5" x14ac:dyDescent="0.25">
      <c r="A22802" s="2">
        <v>4560</v>
      </c>
      <c r="B22802" s="2">
        <v>4560</v>
      </c>
      <c r="C22802" s="1" t="s">
        <v>0</v>
      </c>
      <c r="D22802" s="2">
        <v>175630</v>
      </c>
      <c r="E22802" s="1" t="s">
        <v>0</v>
      </c>
    </row>
    <row r="22803" spans="1:5" x14ac:dyDescent="0.25">
      <c r="A22803" s="1" t="s">
        <v>4141</v>
      </c>
      <c r="B22803" s="1" t="s">
        <v>11609</v>
      </c>
      <c r="C22803" s="1" t="s">
        <v>44283</v>
      </c>
      <c r="D22803" s="2">
        <v>175631</v>
      </c>
      <c r="E22803" s="1" t="s">
        <v>0</v>
      </c>
    </row>
    <row r="22804" spans="1:5" x14ac:dyDescent="0.25">
      <c r="A22804" s="1" t="s">
        <v>44284</v>
      </c>
      <c r="B22804" s="1" t="s">
        <v>56014</v>
      </c>
      <c r="C22804" s="1" t="s">
        <v>44285</v>
      </c>
      <c r="D22804" s="2">
        <v>175632</v>
      </c>
      <c r="E22804" s="1" t="s">
        <v>0</v>
      </c>
    </row>
    <row r="22805" spans="1:5" ht="409.5" x14ac:dyDescent="0.25">
      <c r="A22805" s="4" t="s">
        <v>44286</v>
      </c>
      <c r="B22805" s="1" t="s">
        <v>60469</v>
      </c>
      <c r="C22805" s="1" t="s">
        <v>44287</v>
      </c>
      <c r="D22805" s="2">
        <v>175633</v>
      </c>
      <c r="E22805" s="1" t="s">
        <v>0</v>
      </c>
    </row>
    <row r="22806" spans="1:5" x14ac:dyDescent="0.25">
      <c r="A22806" s="1" t="s">
        <v>44288</v>
      </c>
      <c r="B22806" s="1" t="s">
        <v>56015</v>
      </c>
      <c r="C22806" s="1" t="s">
        <v>44289</v>
      </c>
      <c r="D22806" s="2">
        <v>175634</v>
      </c>
      <c r="E22806" s="1" t="s">
        <v>0</v>
      </c>
    </row>
    <row r="22807" spans="1:5" x14ac:dyDescent="0.25">
      <c r="A22807" s="2">
        <v>4561</v>
      </c>
      <c r="B22807" s="2">
        <v>4561</v>
      </c>
      <c r="C22807" s="1" t="s">
        <v>0</v>
      </c>
      <c r="D22807" s="2">
        <v>175635</v>
      </c>
      <c r="E22807" s="1" t="s">
        <v>0</v>
      </c>
    </row>
    <row r="22808" spans="1:5" x14ac:dyDescent="0.25">
      <c r="A22808" s="1" t="s">
        <v>4142</v>
      </c>
      <c r="B22808" s="1" t="s">
        <v>61722</v>
      </c>
      <c r="C22808" s="1" t="s">
        <v>44290</v>
      </c>
      <c r="D22808" s="2">
        <v>175636</v>
      </c>
      <c r="E22808" s="1" t="s">
        <v>0</v>
      </c>
    </row>
    <row r="22809" spans="1:5" x14ac:dyDescent="0.25">
      <c r="A22809" s="1" t="s">
        <v>44291</v>
      </c>
      <c r="B22809" s="1" t="s">
        <v>62962</v>
      </c>
      <c r="C22809" s="1" t="s">
        <v>44292</v>
      </c>
      <c r="D22809" s="2">
        <v>175637</v>
      </c>
      <c r="E22809" s="1" t="s">
        <v>0</v>
      </c>
    </row>
    <row r="22810" spans="1:5" ht="409.5" x14ac:dyDescent="0.25">
      <c r="A22810" s="4" t="s">
        <v>44293</v>
      </c>
      <c r="B22810" s="1" t="s">
        <v>62963</v>
      </c>
      <c r="C22810" s="1" t="s">
        <v>44294</v>
      </c>
      <c r="D22810" s="2">
        <v>175638</v>
      </c>
      <c r="E22810" s="1" t="s">
        <v>0</v>
      </c>
    </row>
    <row r="22811" spans="1:5" x14ac:dyDescent="0.25">
      <c r="A22811" s="1" t="s">
        <v>44295</v>
      </c>
      <c r="B22811" s="1" t="s">
        <v>56016</v>
      </c>
      <c r="C22811" s="1" t="s">
        <v>44296</v>
      </c>
      <c r="D22811" s="2">
        <v>175639</v>
      </c>
      <c r="E22811" s="1" t="s">
        <v>0</v>
      </c>
    </row>
    <row r="22812" spans="1:5" x14ac:dyDescent="0.25">
      <c r="A22812" s="2">
        <v>4562</v>
      </c>
      <c r="B22812" s="2">
        <v>4562</v>
      </c>
      <c r="C22812" s="1" t="s">
        <v>0</v>
      </c>
      <c r="D22812" s="2">
        <v>175640</v>
      </c>
      <c r="E22812" s="1" t="s">
        <v>0</v>
      </c>
    </row>
    <row r="22813" spans="1:5" x14ac:dyDescent="0.25">
      <c r="A22813" s="1" t="s">
        <v>4143</v>
      </c>
      <c r="B22813" s="1" t="s">
        <v>11610</v>
      </c>
      <c r="C22813" s="1" t="s">
        <v>44297</v>
      </c>
      <c r="D22813" s="2">
        <v>175641</v>
      </c>
      <c r="E22813" s="1" t="s">
        <v>0</v>
      </c>
    </row>
    <row r="22814" spans="1:5" x14ac:dyDescent="0.25">
      <c r="A22814" s="1" t="s">
        <v>44298</v>
      </c>
      <c r="B22814" s="1" t="s">
        <v>11611</v>
      </c>
      <c r="C22814" s="1" t="s">
        <v>44299</v>
      </c>
      <c r="D22814" s="2">
        <v>175642</v>
      </c>
      <c r="E22814" s="1" t="s">
        <v>0</v>
      </c>
    </row>
    <row r="22815" spans="1:5" ht="409.5" x14ac:dyDescent="0.25">
      <c r="A22815" s="4" t="s">
        <v>44300</v>
      </c>
      <c r="B22815" s="1" t="s">
        <v>60523</v>
      </c>
      <c r="C22815" s="1" t="s">
        <v>44301</v>
      </c>
      <c r="D22815" s="2">
        <v>175643</v>
      </c>
      <c r="E22815" s="1" t="s">
        <v>0</v>
      </c>
    </row>
    <row r="22816" spans="1:5" x14ac:dyDescent="0.25">
      <c r="A22816" s="1" t="s">
        <v>44302</v>
      </c>
      <c r="B22816" s="1" t="s">
        <v>56017</v>
      </c>
      <c r="C22816" s="1" t="s">
        <v>44303</v>
      </c>
      <c r="D22816" s="2">
        <v>175644</v>
      </c>
      <c r="E22816" s="1" t="s">
        <v>0</v>
      </c>
    </row>
    <row r="22817" spans="1:5" x14ac:dyDescent="0.25">
      <c r="A22817" s="2">
        <v>4563</v>
      </c>
      <c r="B22817" s="2">
        <v>4563</v>
      </c>
      <c r="C22817" s="1" t="s">
        <v>0</v>
      </c>
      <c r="D22817" s="2">
        <v>175645</v>
      </c>
      <c r="E22817" s="1" t="s">
        <v>0</v>
      </c>
    </row>
    <row r="22818" spans="1:5" x14ac:dyDescent="0.25">
      <c r="A22818" s="1" t="s">
        <v>4144</v>
      </c>
      <c r="B22818" s="1" t="s">
        <v>11612</v>
      </c>
      <c r="C22818" s="1" t="s">
        <v>44304</v>
      </c>
      <c r="D22818" s="2">
        <v>175646</v>
      </c>
      <c r="E22818" s="1" t="s">
        <v>0</v>
      </c>
    </row>
    <row r="22819" spans="1:5" x14ac:dyDescent="0.25">
      <c r="A22819" s="1" t="s">
        <v>44305</v>
      </c>
      <c r="B22819" s="1" t="s">
        <v>11613</v>
      </c>
      <c r="C22819" s="1" t="s">
        <v>44306</v>
      </c>
      <c r="D22819" s="2">
        <v>175647</v>
      </c>
      <c r="E22819" s="1" t="s">
        <v>0</v>
      </c>
    </row>
    <row r="22820" spans="1:5" ht="409.5" x14ac:dyDescent="0.25">
      <c r="A22820" s="4" t="s">
        <v>44307</v>
      </c>
      <c r="B22820" s="1" t="s">
        <v>58001</v>
      </c>
      <c r="C22820" s="1" t="s">
        <v>44308</v>
      </c>
      <c r="D22820" s="2">
        <v>175648</v>
      </c>
      <c r="E22820" s="1" t="s">
        <v>0</v>
      </c>
    </row>
    <row r="22821" spans="1:5" x14ac:dyDescent="0.25">
      <c r="A22821" s="1" t="s">
        <v>44309</v>
      </c>
      <c r="B22821" s="1" t="s">
        <v>11614</v>
      </c>
      <c r="C22821" s="1" t="s">
        <v>44310</v>
      </c>
      <c r="D22821" s="2">
        <v>175649</v>
      </c>
      <c r="E22821" s="1" t="s">
        <v>0</v>
      </c>
    </row>
    <row r="22822" spans="1:5" x14ac:dyDescent="0.25">
      <c r="A22822" s="2">
        <v>4564</v>
      </c>
      <c r="B22822" s="2">
        <v>4564</v>
      </c>
      <c r="C22822" s="1" t="s">
        <v>0</v>
      </c>
      <c r="D22822" s="2">
        <v>175650</v>
      </c>
      <c r="E22822" s="1" t="s">
        <v>0</v>
      </c>
    </row>
    <row r="22823" spans="1:5" x14ac:dyDescent="0.25">
      <c r="A22823" s="1" t="s">
        <v>4145</v>
      </c>
      <c r="B22823" s="1" t="s">
        <v>11615</v>
      </c>
      <c r="C22823" s="1" t="s">
        <v>44311</v>
      </c>
      <c r="D22823" s="2">
        <v>175651</v>
      </c>
      <c r="E22823" s="1" t="s">
        <v>0</v>
      </c>
    </row>
    <row r="22824" spans="1:5" x14ac:dyDescent="0.25">
      <c r="A22824" s="1" t="s">
        <v>44312</v>
      </c>
      <c r="B22824" s="1" t="s">
        <v>56018</v>
      </c>
      <c r="C22824" s="1" t="s">
        <v>44313</v>
      </c>
      <c r="D22824" s="2">
        <v>175652</v>
      </c>
      <c r="E22824" s="1" t="s">
        <v>0</v>
      </c>
    </row>
    <row r="22825" spans="1:5" ht="409.5" x14ac:dyDescent="0.25">
      <c r="A22825" s="4" t="s">
        <v>44314</v>
      </c>
      <c r="B22825" s="1" t="s">
        <v>56019</v>
      </c>
      <c r="C22825" s="1" t="s">
        <v>44315</v>
      </c>
      <c r="D22825" s="2">
        <v>175653</v>
      </c>
      <c r="E22825" s="1" t="s">
        <v>0</v>
      </c>
    </row>
    <row r="22826" spans="1:5" x14ac:dyDescent="0.25">
      <c r="A22826" s="1" t="s">
        <v>44316</v>
      </c>
      <c r="B22826" s="1" t="s">
        <v>11616</v>
      </c>
      <c r="C22826" s="1" t="s">
        <v>44317</v>
      </c>
      <c r="D22826" s="2">
        <v>175654</v>
      </c>
      <c r="E22826" s="1" t="s">
        <v>0</v>
      </c>
    </row>
    <row r="22827" spans="1:5" x14ac:dyDescent="0.25">
      <c r="A22827" s="2">
        <v>4565</v>
      </c>
      <c r="B22827" s="2">
        <v>4565</v>
      </c>
      <c r="C22827" s="1" t="s">
        <v>0</v>
      </c>
      <c r="D22827" s="2">
        <v>175655</v>
      </c>
      <c r="E22827" s="1" t="s">
        <v>0</v>
      </c>
    </row>
    <row r="22828" spans="1:5" x14ac:dyDescent="0.25">
      <c r="A22828" s="1" t="s">
        <v>4146</v>
      </c>
      <c r="B22828" s="1" t="s">
        <v>11617</v>
      </c>
      <c r="C22828" s="1" t="s">
        <v>44318</v>
      </c>
      <c r="D22828" s="2">
        <v>175656</v>
      </c>
      <c r="E22828" s="1" t="s">
        <v>0</v>
      </c>
    </row>
    <row r="22829" spans="1:5" x14ac:dyDescent="0.25">
      <c r="A22829" s="1" t="s">
        <v>44319</v>
      </c>
      <c r="B22829" s="1" t="s">
        <v>11618</v>
      </c>
      <c r="C22829" s="1" t="s">
        <v>44320</v>
      </c>
      <c r="D22829" s="2">
        <v>175657</v>
      </c>
      <c r="E22829" s="1" t="s">
        <v>0</v>
      </c>
    </row>
    <row r="22830" spans="1:5" ht="409.5" x14ac:dyDescent="0.25">
      <c r="A22830" s="4" t="s">
        <v>44321</v>
      </c>
      <c r="B22830" s="1" t="s">
        <v>56020</v>
      </c>
      <c r="C22830" s="1" t="s">
        <v>44322</v>
      </c>
      <c r="D22830" s="2">
        <v>175658</v>
      </c>
      <c r="E22830" s="1" t="s">
        <v>0</v>
      </c>
    </row>
    <row r="22831" spans="1:5" x14ac:dyDescent="0.25">
      <c r="A22831" s="1" t="s">
        <v>44323</v>
      </c>
      <c r="B22831" s="1" t="s">
        <v>56021</v>
      </c>
      <c r="C22831" s="1" t="s">
        <v>44324</v>
      </c>
      <c r="D22831" s="2">
        <v>175659</v>
      </c>
      <c r="E22831" s="1" t="s">
        <v>0</v>
      </c>
    </row>
    <row r="22832" spans="1:5" x14ac:dyDescent="0.25">
      <c r="A22832" s="2">
        <v>4566</v>
      </c>
      <c r="B22832" s="2">
        <v>4566</v>
      </c>
      <c r="C22832" s="1" t="s">
        <v>0</v>
      </c>
      <c r="D22832" s="2">
        <v>175660</v>
      </c>
      <c r="E22832" s="1" t="s">
        <v>0</v>
      </c>
    </row>
    <row r="22833" spans="1:5" x14ac:dyDescent="0.25">
      <c r="A22833" s="1" t="s">
        <v>4147</v>
      </c>
      <c r="B22833" s="1" t="s">
        <v>11619</v>
      </c>
      <c r="C22833" s="1" t="s">
        <v>44325</v>
      </c>
      <c r="D22833" s="2">
        <v>175661</v>
      </c>
      <c r="E22833" s="1" t="s">
        <v>0</v>
      </c>
    </row>
    <row r="22834" spans="1:5" x14ac:dyDescent="0.25">
      <c r="A22834" s="1" t="s">
        <v>44326</v>
      </c>
      <c r="B22834" s="1" t="s">
        <v>60659</v>
      </c>
      <c r="C22834" s="1" t="s">
        <v>44327</v>
      </c>
      <c r="D22834" s="2">
        <v>175662</v>
      </c>
      <c r="E22834" s="1" t="s">
        <v>0</v>
      </c>
    </row>
    <row r="22835" spans="1:5" ht="409.5" x14ac:dyDescent="0.25">
      <c r="A22835" s="4" t="s">
        <v>44328</v>
      </c>
      <c r="B22835" s="1" t="s">
        <v>60794</v>
      </c>
      <c r="C22835" s="1" t="s">
        <v>44329</v>
      </c>
      <c r="D22835" s="2">
        <v>175663</v>
      </c>
      <c r="E22835" s="1" t="s">
        <v>0</v>
      </c>
    </row>
    <row r="22836" spans="1:5" x14ac:dyDescent="0.25">
      <c r="A22836" s="1" t="s">
        <v>44330</v>
      </c>
      <c r="B22836" s="1" t="s">
        <v>61376</v>
      </c>
      <c r="C22836" s="1" t="s">
        <v>44331</v>
      </c>
      <c r="D22836" s="2">
        <v>175664</v>
      </c>
      <c r="E22836" s="1" t="s">
        <v>0</v>
      </c>
    </row>
    <row r="22837" spans="1:5" x14ac:dyDescent="0.25">
      <c r="A22837" s="2">
        <v>4567</v>
      </c>
      <c r="B22837" s="2">
        <v>4567</v>
      </c>
      <c r="C22837" s="1" t="s">
        <v>0</v>
      </c>
      <c r="D22837" s="2">
        <v>175665</v>
      </c>
      <c r="E22837" s="1" t="s">
        <v>0</v>
      </c>
    </row>
    <row r="22838" spans="1:5" x14ac:dyDescent="0.25">
      <c r="A22838" s="1" t="s">
        <v>4148</v>
      </c>
      <c r="B22838" s="1" t="s">
        <v>11620</v>
      </c>
      <c r="C22838" s="1" t="s">
        <v>44332</v>
      </c>
      <c r="D22838" s="2">
        <v>175666</v>
      </c>
      <c r="E22838" s="1" t="s">
        <v>0</v>
      </c>
    </row>
    <row r="22839" spans="1:5" x14ac:dyDescent="0.25">
      <c r="A22839" s="1" t="s">
        <v>44333</v>
      </c>
      <c r="B22839" s="1" t="s">
        <v>60795</v>
      </c>
      <c r="C22839" s="1" t="s">
        <v>44334</v>
      </c>
      <c r="D22839" s="2">
        <v>175667</v>
      </c>
      <c r="E22839" s="1" t="s">
        <v>0</v>
      </c>
    </row>
    <row r="22840" spans="1:5" ht="409.5" x14ac:dyDescent="0.25">
      <c r="A22840" s="4" t="s">
        <v>44335</v>
      </c>
      <c r="B22840" s="1" t="s">
        <v>60796</v>
      </c>
      <c r="C22840" s="1" t="s">
        <v>44336</v>
      </c>
      <c r="D22840" s="2">
        <v>175668</v>
      </c>
      <c r="E22840" s="1" t="s">
        <v>0</v>
      </c>
    </row>
    <row r="22841" spans="1:5" x14ac:dyDescent="0.25">
      <c r="A22841" s="1" t="s">
        <v>44337</v>
      </c>
      <c r="B22841" s="1" t="s">
        <v>56022</v>
      </c>
      <c r="C22841" s="1" t="s">
        <v>44338</v>
      </c>
      <c r="D22841" s="2">
        <v>175669</v>
      </c>
      <c r="E22841" s="1" t="s">
        <v>0</v>
      </c>
    </row>
    <row r="22842" spans="1:5" x14ac:dyDescent="0.25">
      <c r="A22842" s="2">
        <v>4568</v>
      </c>
      <c r="B22842" s="2">
        <v>4568</v>
      </c>
      <c r="C22842" s="1" t="s">
        <v>0</v>
      </c>
      <c r="D22842" s="2">
        <v>175670</v>
      </c>
      <c r="E22842" s="1" t="s">
        <v>0</v>
      </c>
    </row>
    <row r="22843" spans="1:5" x14ac:dyDescent="0.25">
      <c r="A22843" s="1" t="s">
        <v>4149</v>
      </c>
      <c r="B22843" s="1" t="s">
        <v>11621</v>
      </c>
      <c r="C22843" s="1" t="s">
        <v>44339</v>
      </c>
      <c r="D22843" s="2">
        <v>175671</v>
      </c>
      <c r="E22843" s="1" t="s">
        <v>0</v>
      </c>
    </row>
    <row r="22844" spans="1:5" x14ac:dyDescent="0.25">
      <c r="A22844" s="1" t="s">
        <v>44340</v>
      </c>
      <c r="B22844" s="1" t="s">
        <v>13284</v>
      </c>
      <c r="C22844" s="1" t="s">
        <v>44341</v>
      </c>
      <c r="D22844" s="2">
        <v>175672</v>
      </c>
      <c r="E22844" s="1" t="s">
        <v>0</v>
      </c>
    </row>
    <row r="22845" spans="1:5" ht="409.5" x14ac:dyDescent="0.25">
      <c r="A22845" s="4" t="s">
        <v>44342</v>
      </c>
      <c r="B22845" s="1" t="s">
        <v>13285</v>
      </c>
      <c r="C22845" s="1" t="s">
        <v>44343</v>
      </c>
      <c r="D22845" s="2">
        <v>175673</v>
      </c>
      <c r="E22845" s="1" t="s">
        <v>0</v>
      </c>
    </row>
    <row r="22846" spans="1:5" x14ac:dyDescent="0.25">
      <c r="A22846" s="1" t="s">
        <v>44344</v>
      </c>
      <c r="B22846" s="1" t="s">
        <v>56023</v>
      </c>
      <c r="C22846" s="1" t="s">
        <v>44345</v>
      </c>
      <c r="D22846" s="2">
        <v>175674</v>
      </c>
      <c r="E22846" s="1" t="s">
        <v>0</v>
      </c>
    </row>
    <row r="22847" spans="1:5" x14ac:dyDescent="0.25">
      <c r="A22847" s="2">
        <v>4569</v>
      </c>
      <c r="B22847" s="2">
        <v>4569</v>
      </c>
      <c r="C22847" s="1" t="s">
        <v>0</v>
      </c>
      <c r="D22847" s="2">
        <v>175675</v>
      </c>
      <c r="E22847" s="1" t="s">
        <v>0</v>
      </c>
    </row>
    <row r="22848" spans="1:5" x14ac:dyDescent="0.25">
      <c r="A22848" s="1" t="s">
        <v>4150</v>
      </c>
      <c r="B22848" s="1" t="s">
        <v>11622</v>
      </c>
      <c r="C22848" s="1" t="s">
        <v>44346</v>
      </c>
      <c r="D22848" s="2">
        <v>175676</v>
      </c>
      <c r="E22848" s="1" t="s">
        <v>0</v>
      </c>
    </row>
    <row r="22849" spans="1:5" x14ac:dyDescent="0.25">
      <c r="A22849" s="1" t="s">
        <v>44347</v>
      </c>
      <c r="B22849" s="1" t="s">
        <v>56024</v>
      </c>
      <c r="C22849" s="1" t="s">
        <v>44348</v>
      </c>
      <c r="D22849" s="2">
        <v>175677</v>
      </c>
      <c r="E22849" s="1" t="s">
        <v>0</v>
      </c>
    </row>
    <row r="22850" spans="1:5" ht="409.5" x14ac:dyDescent="0.25">
      <c r="A22850" s="4" t="s">
        <v>44349</v>
      </c>
      <c r="B22850" s="1" t="s">
        <v>56025</v>
      </c>
      <c r="C22850" s="1" t="s">
        <v>44350</v>
      </c>
      <c r="D22850" s="2">
        <v>175678</v>
      </c>
      <c r="E22850" s="1" t="s">
        <v>0</v>
      </c>
    </row>
    <row r="22851" spans="1:5" x14ac:dyDescent="0.25">
      <c r="A22851" s="1" t="s">
        <v>44351</v>
      </c>
      <c r="B22851" s="1" t="s">
        <v>11623</v>
      </c>
      <c r="C22851" s="1" t="s">
        <v>44352</v>
      </c>
      <c r="D22851" s="2">
        <v>175679</v>
      </c>
      <c r="E22851" s="1" t="s">
        <v>0</v>
      </c>
    </row>
    <row r="22852" spans="1:5" x14ac:dyDescent="0.25">
      <c r="A22852" s="2">
        <v>4570</v>
      </c>
      <c r="B22852" s="2">
        <v>4570</v>
      </c>
      <c r="C22852" s="1" t="s">
        <v>0</v>
      </c>
      <c r="D22852" s="2">
        <v>175680</v>
      </c>
      <c r="E22852" s="1" t="s">
        <v>0</v>
      </c>
    </row>
    <row r="22853" spans="1:5" x14ac:dyDescent="0.25">
      <c r="A22853" s="1" t="s">
        <v>4151</v>
      </c>
      <c r="B22853" s="1" t="s">
        <v>56026</v>
      </c>
      <c r="C22853" s="1" t="s">
        <v>44353</v>
      </c>
      <c r="D22853" s="2">
        <v>175681</v>
      </c>
      <c r="E22853" s="1" t="s">
        <v>0</v>
      </c>
    </row>
    <row r="22854" spans="1:5" x14ac:dyDescent="0.25">
      <c r="A22854" s="1" t="s">
        <v>44354</v>
      </c>
      <c r="B22854" s="1" t="s">
        <v>56027</v>
      </c>
      <c r="C22854" s="1" t="s">
        <v>44355</v>
      </c>
      <c r="D22854" s="2">
        <v>175682</v>
      </c>
      <c r="E22854" s="1" t="s">
        <v>0</v>
      </c>
    </row>
    <row r="22855" spans="1:5" x14ac:dyDescent="0.25">
      <c r="A22855" s="1" t="s">
        <v>44356</v>
      </c>
      <c r="B22855" s="1" t="s">
        <v>56028</v>
      </c>
      <c r="C22855" s="1" t="s">
        <v>44357</v>
      </c>
      <c r="D22855" s="2">
        <v>175683</v>
      </c>
      <c r="E22855" s="1" t="s">
        <v>0</v>
      </c>
    </row>
    <row r="22856" spans="1:5" x14ac:dyDescent="0.25">
      <c r="A22856" s="1" t="s">
        <v>44358</v>
      </c>
      <c r="B22856" s="1" t="s">
        <v>11624</v>
      </c>
      <c r="C22856" s="1" t="s">
        <v>44359</v>
      </c>
      <c r="D22856" s="2">
        <v>175684</v>
      </c>
      <c r="E22856" s="1" t="s">
        <v>0</v>
      </c>
    </row>
    <row r="22857" spans="1:5" x14ac:dyDescent="0.25">
      <c r="A22857" s="2">
        <v>4571</v>
      </c>
      <c r="B22857" s="2">
        <v>4571</v>
      </c>
      <c r="C22857" s="1" t="s">
        <v>0</v>
      </c>
      <c r="D22857" s="2">
        <v>175685</v>
      </c>
      <c r="E22857" s="1" t="s">
        <v>0</v>
      </c>
    </row>
    <row r="22858" spans="1:5" x14ac:dyDescent="0.25">
      <c r="A22858" s="1" t="s">
        <v>4152</v>
      </c>
      <c r="B22858" s="1" t="s">
        <v>11625</v>
      </c>
      <c r="C22858" s="1" t="s">
        <v>44360</v>
      </c>
      <c r="D22858" s="2">
        <v>175686</v>
      </c>
      <c r="E22858" s="1" t="s">
        <v>0</v>
      </c>
    </row>
    <row r="22859" spans="1:5" x14ac:dyDescent="0.25">
      <c r="A22859" s="1" t="s">
        <v>44361</v>
      </c>
      <c r="B22859" s="1" t="s">
        <v>58002</v>
      </c>
      <c r="C22859" s="1" t="s">
        <v>44362</v>
      </c>
      <c r="D22859" s="2">
        <v>175687</v>
      </c>
      <c r="E22859" s="1" t="s">
        <v>0</v>
      </c>
    </row>
    <row r="22860" spans="1:5" ht="409.5" x14ac:dyDescent="0.25">
      <c r="A22860" s="4" t="s">
        <v>44363</v>
      </c>
      <c r="B22860" s="1" t="s">
        <v>58003</v>
      </c>
      <c r="C22860" s="1" t="s">
        <v>44364</v>
      </c>
      <c r="D22860" s="2">
        <v>175688</v>
      </c>
      <c r="E22860" s="1" t="s">
        <v>0</v>
      </c>
    </row>
    <row r="22861" spans="1:5" x14ac:dyDescent="0.25">
      <c r="A22861" s="1" t="s">
        <v>44365</v>
      </c>
      <c r="B22861" s="1" t="s">
        <v>56029</v>
      </c>
      <c r="C22861" s="1" t="s">
        <v>44366</v>
      </c>
      <c r="D22861" s="2">
        <v>175689</v>
      </c>
      <c r="E22861" s="1" t="s">
        <v>0</v>
      </c>
    </row>
    <row r="22862" spans="1:5" x14ac:dyDescent="0.25">
      <c r="A22862" s="2">
        <v>4572</v>
      </c>
      <c r="B22862" s="2">
        <v>4572</v>
      </c>
      <c r="C22862" s="1" t="s">
        <v>0</v>
      </c>
      <c r="D22862" s="2">
        <v>175690</v>
      </c>
      <c r="E22862" s="1" t="s">
        <v>0</v>
      </c>
    </row>
    <row r="22863" spans="1:5" x14ac:dyDescent="0.25">
      <c r="A22863" s="1" t="s">
        <v>4153</v>
      </c>
      <c r="B22863" s="1" t="s">
        <v>11626</v>
      </c>
      <c r="C22863" s="1" t="s">
        <v>44367</v>
      </c>
      <c r="D22863" s="2">
        <v>175691</v>
      </c>
      <c r="E22863" s="1" t="s">
        <v>0</v>
      </c>
    </row>
    <row r="22864" spans="1:5" x14ac:dyDescent="0.25">
      <c r="A22864" s="1" t="s">
        <v>44368</v>
      </c>
      <c r="B22864" s="1" t="s">
        <v>56873</v>
      </c>
      <c r="C22864" s="1" t="s">
        <v>44369</v>
      </c>
      <c r="D22864" s="2">
        <v>175692</v>
      </c>
      <c r="E22864" s="1" t="s">
        <v>0</v>
      </c>
    </row>
    <row r="22865" spans="1:5" ht="409.5" x14ac:dyDescent="0.25">
      <c r="A22865" s="4" t="s">
        <v>44370</v>
      </c>
      <c r="B22865" s="1" t="s">
        <v>56874</v>
      </c>
      <c r="C22865" s="1" t="s">
        <v>44371</v>
      </c>
      <c r="D22865" s="2">
        <v>175693</v>
      </c>
      <c r="E22865" s="1" t="s">
        <v>0</v>
      </c>
    </row>
    <row r="22866" spans="1:5" x14ac:dyDescent="0.25">
      <c r="A22866" s="1" t="s">
        <v>44372</v>
      </c>
      <c r="B22866" s="1" t="s">
        <v>56030</v>
      </c>
      <c r="C22866" s="1" t="s">
        <v>44373</v>
      </c>
      <c r="D22866" s="2">
        <v>175694</v>
      </c>
      <c r="E22866" s="1" t="s">
        <v>0</v>
      </c>
    </row>
    <row r="22867" spans="1:5" x14ac:dyDescent="0.25">
      <c r="A22867" s="2">
        <v>4573</v>
      </c>
      <c r="B22867" s="2">
        <v>4573</v>
      </c>
      <c r="C22867" s="1" t="s">
        <v>0</v>
      </c>
      <c r="D22867" s="2">
        <v>175695</v>
      </c>
      <c r="E22867" s="1" t="s">
        <v>0</v>
      </c>
    </row>
    <row r="22868" spans="1:5" x14ac:dyDescent="0.25">
      <c r="A22868" s="1" t="s">
        <v>4154</v>
      </c>
      <c r="B22868" s="1" t="s">
        <v>56031</v>
      </c>
      <c r="C22868" s="1" t="s">
        <v>44374</v>
      </c>
      <c r="D22868" s="2">
        <v>175696</v>
      </c>
      <c r="E22868" s="1" t="s">
        <v>0</v>
      </c>
    </row>
    <row r="22869" spans="1:5" x14ac:dyDescent="0.25">
      <c r="A22869" s="1" t="s">
        <v>44375</v>
      </c>
      <c r="B22869" s="1" t="s">
        <v>58853</v>
      </c>
      <c r="C22869" s="1" t="s">
        <v>44376</v>
      </c>
      <c r="D22869" s="2">
        <v>175697</v>
      </c>
      <c r="E22869" s="1" t="s">
        <v>0</v>
      </c>
    </row>
    <row r="22870" spans="1:5" ht="409.5" x14ac:dyDescent="0.25">
      <c r="A22870" s="4" t="s">
        <v>44377</v>
      </c>
      <c r="B22870" s="1" t="s">
        <v>62964</v>
      </c>
      <c r="C22870" s="1" t="s">
        <v>44378</v>
      </c>
      <c r="D22870" s="2">
        <v>175698</v>
      </c>
      <c r="E22870" s="1" t="s">
        <v>0</v>
      </c>
    </row>
    <row r="22871" spans="1:5" x14ac:dyDescent="0.25">
      <c r="A22871" s="1" t="s">
        <v>44379</v>
      </c>
      <c r="B22871" s="1" t="s">
        <v>11627</v>
      </c>
      <c r="C22871" s="1" t="s">
        <v>44380</v>
      </c>
      <c r="D22871" s="2">
        <v>175699</v>
      </c>
      <c r="E22871" s="1" t="s">
        <v>0</v>
      </c>
    </row>
    <row r="22872" spans="1:5" x14ac:dyDescent="0.25">
      <c r="A22872" s="2">
        <v>4574</v>
      </c>
      <c r="B22872" s="2">
        <v>4574</v>
      </c>
      <c r="C22872" s="1" t="s">
        <v>0</v>
      </c>
      <c r="D22872" s="2">
        <v>175700</v>
      </c>
      <c r="E22872" s="1" t="s">
        <v>0</v>
      </c>
    </row>
    <row r="22873" spans="1:5" x14ac:dyDescent="0.25">
      <c r="A22873" s="1" t="s">
        <v>4155</v>
      </c>
      <c r="B22873" s="1" t="s">
        <v>56032</v>
      </c>
      <c r="C22873" s="1" t="s">
        <v>44381</v>
      </c>
      <c r="D22873" s="2">
        <v>175701</v>
      </c>
      <c r="E22873" s="1" t="s">
        <v>0</v>
      </c>
    </row>
    <row r="22874" spans="1:5" x14ac:dyDescent="0.25">
      <c r="A22874" s="1" t="s">
        <v>44382</v>
      </c>
      <c r="B22874" s="1" t="s">
        <v>56033</v>
      </c>
      <c r="C22874" s="1" t="s">
        <v>44383</v>
      </c>
      <c r="D22874" s="2">
        <v>175702</v>
      </c>
      <c r="E22874" s="1" t="s">
        <v>0</v>
      </c>
    </row>
    <row r="22875" spans="1:5" ht="409.5" x14ac:dyDescent="0.25">
      <c r="A22875" s="4" t="s">
        <v>44384</v>
      </c>
      <c r="B22875" s="1" t="s">
        <v>57636</v>
      </c>
      <c r="C22875" s="1" t="s">
        <v>44385</v>
      </c>
      <c r="D22875" s="2">
        <v>175703</v>
      </c>
      <c r="E22875" s="1" t="s">
        <v>0</v>
      </c>
    </row>
    <row r="22876" spans="1:5" x14ac:dyDescent="0.25">
      <c r="A22876" s="1" t="s">
        <v>44386</v>
      </c>
      <c r="B22876" s="1" t="s">
        <v>11628</v>
      </c>
      <c r="C22876" s="1" t="s">
        <v>44387</v>
      </c>
      <c r="D22876" s="2">
        <v>175704</v>
      </c>
      <c r="E22876" s="1" t="s">
        <v>0</v>
      </c>
    </row>
    <row r="22877" spans="1:5" x14ac:dyDescent="0.25">
      <c r="A22877" s="2">
        <v>4575</v>
      </c>
      <c r="B22877" s="2">
        <v>4575</v>
      </c>
      <c r="C22877" s="1" t="s">
        <v>0</v>
      </c>
      <c r="D22877" s="2">
        <v>175705</v>
      </c>
      <c r="E22877" s="1" t="s">
        <v>0</v>
      </c>
    </row>
    <row r="22878" spans="1:5" x14ac:dyDescent="0.25">
      <c r="A22878" s="1" t="s">
        <v>4156</v>
      </c>
      <c r="B22878" s="1" t="s">
        <v>11629</v>
      </c>
      <c r="C22878" s="1" t="s">
        <v>44388</v>
      </c>
      <c r="D22878" s="2">
        <v>175706</v>
      </c>
      <c r="E22878" s="1" t="s">
        <v>0</v>
      </c>
    </row>
    <row r="22879" spans="1:5" x14ac:dyDescent="0.25">
      <c r="A22879" s="1" t="s">
        <v>44389</v>
      </c>
      <c r="B22879" s="1" t="s">
        <v>56034</v>
      </c>
      <c r="C22879" s="1" t="s">
        <v>44390</v>
      </c>
      <c r="D22879" s="2">
        <v>175707</v>
      </c>
      <c r="E22879" s="1" t="s">
        <v>0</v>
      </c>
    </row>
    <row r="22880" spans="1:5" ht="409.5" x14ac:dyDescent="0.25">
      <c r="A22880" s="4" t="s">
        <v>44391</v>
      </c>
      <c r="B22880" s="1" t="s">
        <v>58004</v>
      </c>
      <c r="C22880" s="1" t="s">
        <v>44392</v>
      </c>
      <c r="D22880" s="2">
        <v>175708</v>
      </c>
      <c r="E22880" s="1" t="s">
        <v>0</v>
      </c>
    </row>
    <row r="22881" spans="1:5" x14ac:dyDescent="0.25">
      <c r="A22881" s="1" t="s">
        <v>44393</v>
      </c>
      <c r="B22881" s="1" t="s">
        <v>11630</v>
      </c>
      <c r="C22881" s="1" t="s">
        <v>44394</v>
      </c>
      <c r="D22881" s="2">
        <v>175709</v>
      </c>
      <c r="E22881" s="1" t="s">
        <v>0</v>
      </c>
    </row>
    <row r="22882" spans="1:5" x14ac:dyDescent="0.25">
      <c r="A22882" s="2">
        <v>4576</v>
      </c>
      <c r="B22882" s="2">
        <v>4576</v>
      </c>
      <c r="C22882" s="1" t="s">
        <v>0</v>
      </c>
      <c r="D22882" s="2">
        <v>175710</v>
      </c>
      <c r="E22882" s="1" t="s">
        <v>0</v>
      </c>
    </row>
    <row r="22883" spans="1:5" x14ac:dyDescent="0.25">
      <c r="A22883" s="1" t="s">
        <v>4157</v>
      </c>
      <c r="B22883" s="1" t="s">
        <v>11631</v>
      </c>
      <c r="C22883" s="1" t="s">
        <v>44395</v>
      </c>
      <c r="D22883" s="2">
        <v>175711</v>
      </c>
      <c r="E22883" s="1" t="s">
        <v>0</v>
      </c>
    </row>
    <row r="22884" spans="1:5" x14ac:dyDescent="0.25">
      <c r="A22884" s="1" t="s">
        <v>44396</v>
      </c>
      <c r="B22884" s="1" t="s">
        <v>11632</v>
      </c>
      <c r="C22884" s="1" t="s">
        <v>44397</v>
      </c>
      <c r="D22884" s="2">
        <v>175712</v>
      </c>
      <c r="E22884" s="1" t="s">
        <v>0</v>
      </c>
    </row>
    <row r="22885" spans="1:5" ht="409.5" x14ac:dyDescent="0.25">
      <c r="A22885" s="4" t="s">
        <v>44398</v>
      </c>
      <c r="B22885" s="1" t="s">
        <v>44399</v>
      </c>
      <c r="C22885" s="1" t="s">
        <v>44400</v>
      </c>
      <c r="D22885" s="2">
        <v>175713</v>
      </c>
      <c r="E22885" s="1" t="s">
        <v>0</v>
      </c>
    </row>
    <row r="22886" spans="1:5" x14ac:dyDescent="0.25">
      <c r="A22886" s="1" t="s">
        <v>44401</v>
      </c>
      <c r="B22886" s="1" t="s">
        <v>56035</v>
      </c>
      <c r="C22886" s="1" t="s">
        <v>44402</v>
      </c>
      <c r="D22886" s="2">
        <v>175714</v>
      </c>
      <c r="E22886" s="1" t="s">
        <v>0</v>
      </c>
    </row>
    <row r="22887" spans="1:5" x14ac:dyDescent="0.25">
      <c r="A22887" s="2">
        <v>4577</v>
      </c>
      <c r="B22887" s="2">
        <v>4577</v>
      </c>
      <c r="C22887" s="1" t="s">
        <v>0</v>
      </c>
      <c r="D22887" s="2">
        <v>175715</v>
      </c>
      <c r="E22887" s="1" t="s">
        <v>0</v>
      </c>
    </row>
    <row r="22888" spans="1:5" x14ac:dyDescent="0.25">
      <c r="A22888" s="1" t="s">
        <v>11633</v>
      </c>
      <c r="B22888" s="1" t="s">
        <v>11634</v>
      </c>
      <c r="C22888" s="1" t="s">
        <v>44403</v>
      </c>
      <c r="D22888" s="2">
        <v>175716</v>
      </c>
      <c r="E22888" s="1" t="s">
        <v>0</v>
      </c>
    </row>
    <row r="22889" spans="1:5" x14ac:dyDescent="0.25">
      <c r="A22889" s="1" t="s">
        <v>44404</v>
      </c>
      <c r="B22889" s="1" t="s">
        <v>11635</v>
      </c>
      <c r="C22889" s="1" t="s">
        <v>44405</v>
      </c>
      <c r="D22889" s="2">
        <v>175717</v>
      </c>
      <c r="E22889" s="1" t="s">
        <v>0</v>
      </c>
    </row>
    <row r="22890" spans="1:5" ht="409.5" x14ac:dyDescent="0.25">
      <c r="A22890" s="4" t="s">
        <v>44406</v>
      </c>
      <c r="B22890" s="1" t="s">
        <v>56036</v>
      </c>
      <c r="C22890" s="1" t="s">
        <v>44407</v>
      </c>
      <c r="D22890" s="2">
        <v>175718</v>
      </c>
      <c r="E22890" s="1" t="s">
        <v>0</v>
      </c>
    </row>
    <row r="22891" spans="1:5" x14ac:dyDescent="0.25">
      <c r="A22891" s="1" t="s">
        <v>44408</v>
      </c>
      <c r="B22891" s="1" t="s">
        <v>11636</v>
      </c>
      <c r="C22891" s="1" t="s">
        <v>44409</v>
      </c>
      <c r="D22891" s="2">
        <v>175719</v>
      </c>
      <c r="E22891" s="1" t="s">
        <v>0</v>
      </c>
    </row>
    <row r="22892" spans="1:5" x14ac:dyDescent="0.25">
      <c r="A22892" s="2">
        <v>4578</v>
      </c>
      <c r="B22892" s="2">
        <v>4578</v>
      </c>
      <c r="C22892" s="1" t="s">
        <v>0</v>
      </c>
      <c r="D22892" s="2">
        <v>175720</v>
      </c>
      <c r="E22892" s="1" t="s">
        <v>0</v>
      </c>
    </row>
    <row r="22893" spans="1:5" x14ac:dyDescent="0.25">
      <c r="A22893" s="1" t="s">
        <v>4158</v>
      </c>
      <c r="B22893" s="1" t="s">
        <v>11637</v>
      </c>
      <c r="C22893" s="1" t="s">
        <v>44410</v>
      </c>
      <c r="D22893" s="2">
        <v>175721</v>
      </c>
      <c r="E22893" s="1" t="s">
        <v>0</v>
      </c>
    </row>
    <row r="22894" spans="1:5" x14ac:dyDescent="0.25">
      <c r="A22894" s="1" t="s">
        <v>44411</v>
      </c>
      <c r="B22894" s="1" t="s">
        <v>60797</v>
      </c>
      <c r="C22894" s="1" t="s">
        <v>44412</v>
      </c>
      <c r="D22894" s="2">
        <v>175722</v>
      </c>
      <c r="E22894" s="1" t="s">
        <v>0</v>
      </c>
    </row>
    <row r="22895" spans="1:5" ht="409.5" x14ac:dyDescent="0.25">
      <c r="A22895" s="4" t="s">
        <v>44413</v>
      </c>
      <c r="B22895" s="1" t="s">
        <v>60798</v>
      </c>
      <c r="C22895" s="1" t="s">
        <v>44414</v>
      </c>
      <c r="D22895" s="2">
        <v>175723</v>
      </c>
      <c r="E22895" s="1" t="s">
        <v>0</v>
      </c>
    </row>
    <row r="22896" spans="1:5" x14ac:dyDescent="0.25">
      <c r="A22896" s="1" t="s">
        <v>44415</v>
      </c>
      <c r="B22896" s="1" t="s">
        <v>56037</v>
      </c>
      <c r="C22896" s="1" t="s">
        <v>44416</v>
      </c>
      <c r="D22896" s="2">
        <v>175724</v>
      </c>
      <c r="E22896" s="1" t="s">
        <v>0</v>
      </c>
    </row>
    <row r="22897" spans="1:5" x14ac:dyDescent="0.25">
      <c r="A22897" s="2">
        <v>4579</v>
      </c>
      <c r="B22897" s="2">
        <v>4579</v>
      </c>
      <c r="C22897" s="1" t="s">
        <v>0</v>
      </c>
      <c r="D22897" s="2">
        <v>175725</v>
      </c>
      <c r="E22897" s="1" t="s">
        <v>0</v>
      </c>
    </row>
    <row r="22898" spans="1:5" x14ac:dyDescent="0.25">
      <c r="A22898" s="1" t="s">
        <v>4159</v>
      </c>
      <c r="B22898" s="1" t="s">
        <v>11638</v>
      </c>
      <c r="C22898" s="1" t="s">
        <v>44417</v>
      </c>
      <c r="D22898" s="2">
        <v>175726</v>
      </c>
      <c r="E22898" s="1" t="s">
        <v>0</v>
      </c>
    </row>
    <row r="22899" spans="1:5" x14ac:dyDescent="0.25">
      <c r="A22899" s="1" t="s">
        <v>44418</v>
      </c>
      <c r="B22899" s="1" t="s">
        <v>56038</v>
      </c>
      <c r="C22899" s="1" t="s">
        <v>44419</v>
      </c>
      <c r="D22899" s="2">
        <v>175727</v>
      </c>
      <c r="E22899" s="1" t="s">
        <v>0</v>
      </c>
    </row>
    <row r="22900" spans="1:5" ht="409.5" x14ac:dyDescent="0.25">
      <c r="A22900" s="4" t="s">
        <v>44420</v>
      </c>
      <c r="B22900" s="1" t="s">
        <v>56039</v>
      </c>
      <c r="C22900" s="1" t="s">
        <v>44421</v>
      </c>
      <c r="D22900" s="2">
        <v>175728</v>
      </c>
      <c r="E22900" s="1" t="s">
        <v>0</v>
      </c>
    </row>
    <row r="22901" spans="1:5" x14ac:dyDescent="0.25">
      <c r="A22901" s="1" t="s">
        <v>44422</v>
      </c>
      <c r="B22901" s="1" t="s">
        <v>11639</v>
      </c>
      <c r="C22901" s="1" t="s">
        <v>44423</v>
      </c>
      <c r="D22901" s="2">
        <v>175729</v>
      </c>
      <c r="E22901" s="1" t="s">
        <v>0</v>
      </c>
    </row>
    <row r="22902" spans="1:5" x14ac:dyDescent="0.25">
      <c r="A22902" s="2">
        <v>4580</v>
      </c>
      <c r="B22902" s="2">
        <v>4580</v>
      </c>
      <c r="C22902" s="1" t="s">
        <v>0</v>
      </c>
      <c r="D22902" s="2">
        <v>175730</v>
      </c>
      <c r="E22902" s="1" t="s">
        <v>0</v>
      </c>
    </row>
    <row r="22903" spans="1:5" x14ac:dyDescent="0.25">
      <c r="A22903" s="1" t="s">
        <v>4160</v>
      </c>
      <c r="B22903" s="1" t="s">
        <v>11640</v>
      </c>
      <c r="C22903" s="1" t="s">
        <v>44424</v>
      </c>
      <c r="D22903" s="2">
        <v>175731</v>
      </c>
      <c r="E22903" s="1" t="s">
        <v>0</v>
      </c>
    </row>
    <row r="22904" spans="1:5" x14ac:dyDescent="0.25">
      <c r="A22904" s="1" t="s">
        <v>44425</v>
      </c>
      <c r="B22904" s="1" t="s">
        <v>62965</v>
      </c>
      <c r="C22904" s="1" t="s">
        <v>44426</v>
      </c>
      <c r="D22904" s="2">
        <v>175732</v>
      </c>
      <c r="E22904" s="1" t="s">
        <v>0</v>
      </c>
    </row>
    <row r="22905" spans="1:5" ht="409.5" x14ac:dyDescent="0.25">
      <c r="A22905" s="4" t="s">
        <v>61890</v>
      </c>
      <c r="B22905" s="1" t="s">
        <v>62966</v>
      </c>
      <c r="C22905" s="1" t="s">
        <v>44427</v>
      </c>
      <c r="D22905" s="2">
        <v>175733</v>
      </c>
      <c r="E22905" s="1" t="s">
        <v>0</v>
      </c>
    </row>
    <row r="22906" spans="1:5" x14ac:dyDescent="0.25">
      <c r="A22906" s="1" t="s">
        <v>44428</v>
      </c>
      <c r="B22906" s="1" t="s">
        <v>11641</v>
      </c>
      <c r="C22906" s="1" t="s">
        <v>44429</v>
      </c>
      <c r="D22906" s="2">
        <v>175734</v>
      </c>
      <c r="E22906" s="1" t="s">
        <v>0</v>
      </c>
    </row>
    <row r="22907" spans="1:5" x14ac:dyDescent="0.25">
      <c r="A22907" s="2">
        <v>4581</v>
      </c>
      <c r="B22907" s="2">
        <v>4581</v>
      </c>
      <c r="C22907" s="1" t="s">
        <v>0</v>
      </c>
      <c r="D22907" s="2">
        <v>175735</v>
      </c>
      <c r="E22907" s="1" t="s">
        <v>0</v>
      </c>
    </row>
    <row r="22908" spans="1:5" x14ac:dyDescent="0.25">
      <c r="A22908" s="1" t="s">
        <v>4161</v>
      </c>
      <c r="B22908" s="1" t="s">
        <v>11642</v>
      </c>
      <c r="C22908" s="1" t="s">
        <v>44430</v>
      </c>
      <c r="D22908" s="2">
        <v>175736</v>
      </c>
      <c r="E22908" s="1" t="s">
        <v>0</v>
      </c>
    </row>
    <row r="22909" spans="1:5" x14ac:dyDescent="0.25">
      <c r="A22909" s="1" t="s">
        <v>44431</v>
      </c>
      <c r="B22909" s="1" t="s">
        <v>56040</v>
      </c>
      <c r="C22909" s="1" t="s">
        <v>44432</v>
      </c>
      <c r="D22909" s="2">
        <v>175737</v>
      </c>
      <c r="E22909" s="1" t="s">
        <v>0</v>
      </c>
    </row>
    <row r="22910" spans="1:5" ht="409.5" x14ac:dyDescent="0.25">
      <c r="A22910" s="4" t="s">
        <v>44433</v>
      </c>
      <c r="B22910" s="1" t="s">
        <v>56041</v>
      </c>
      <c r="C22910" s="1" t="s">
        <v>44434</v>
      </c>
      <c r="D22910" s="2">
        <v>175738</v>
      </c>
      <c r="E22910" s="1" t="s">
        <v>0</v>
      </c>
    </row>
    <row r="22911" spans="1:5" x14ac:dyDescent="0.25">
      <c r="A22911" s="1" t="s">
        <v>44435</v>
      </c>
      <c r="B22911" s="1" t="s">
        <v>11643</v>
      </c>
      <c r="C22911" s="1" t="s">
        <v>44436</v>
      </c>
      <c r="D22911" s="2">
        <v>175739</v>
      </c>
      <c r="E22911" s="1" t="s">
        <v>0</v>
      </c>
    </row>
    <row r="22912" spans="1:5" x14ac:dyDescent="0.25">
      <c r="A22912" s="2">
        <v>4582</v>
      </c>
      <c r="B22912" s="2">
        <v>4582</v>
      </c>
      <c r="C22912" s="1" t="s">
        <v>0</v>
      </c>
      <c r="D22912" s="2">
        <v>175740</v>
      </c>
      <c r="E22912" s="1" t="s">
        <v>0</v>
      </c>
    </row>
    <row r="22913" spans="1:5" x14ac:dyDescent="0.25">
      <c r="A22913" s="1" t="s">
        <v>4162</v>
      </c>
      <c r="B22913" s="1" t="s">
        <v>56042</v>
      </c>
      <c r="C22913" s="1" t="s">
        <v>44437</v>
      </c>
      <c r="D22913" s="2">
        <v>175741</v>
      </c>
      <c r="E22913" s="1" t="s">
        <v>0</v>
      </c>
    </row>
    <row r="22914" spans="1:5" x14ac:dyDescent="0.25">
      <c r="A22914" s="1" t="s">
        <v>44438</v>
      </c>
      <c r="B22914" s="1" t="s">
        <v>61528</v>
      </c>
      <c r="C22914" s="1" t="s">
        <v>44439</v>
      </c>
      <c r="D22914" s="2">
        <v>175742</v>
      </c>
      <c r="E22914" s="1" t="s">
        <v>0</v>
      </c>
    </row>
    <row r="22915" spans="1:5" ht="409.5" x14ac:dyDescent="0.25">
      <c r="A22915" s="4" t="s">
        <v>44440</v>
      </c>
      <c r="B22915" s="1" t="s">
        <v>61529</v>
      </c>
      <c r="C22915" s="1" t="s">
        <v>44441</v>
      </c>
      <c r="D22915" s="2">
        <v>175743</v>
      </c>
      <c r="E22915" s="1" t="s">
        <v>0</v>
      </c>
    </row>
    <row r="22916" spans="1:5" x14ac:dyDescent="0.25">
      <c r="A22916" s="1" t="s">
        <v>44442</v>
      </c>
      <c r="B22916" s="1" t="s">
        <v>51038</v>
      </c>
      <c r="C22916" s="1" t="s">
        <v>44443</v>
      </c>
      <c r="D22916" s="2">
        <v>175744</v>
      </c>
      <c r="E22916" s="1" t="s">
        <v>0</v>
      </c>
    </row>
    <row r="22917" spans="1:5" x14ac:dyDescent="0.25">
      <c r="A22917" s="2">
        <v>4583</v>
      </c>
      <c r="B22917" s="2">
        <v>4583</v>
      </c>
      <c r="C22917" s="1" t="s">
        <v>0</v>
      </c>
      <c r="D22917" s="2">
        <v>175745</v>
      </c>
      <c r="E22917" s="1" t="s">
        <v>0</v>
      </c>
    </row>
    <row r="22918" spans="1:5" x14ac:dyDescent="0.25">
      <c r="A22918" s="1" t="s">
        <v>4163</v>
      </c>
      <c r="B22918" s="1" t="s">
        <v>56043</v>
      </c>
      <c r="C22918" s="1" t="s">
        <v>44444</v>
      </c>
      <c r="D22918" s="2">
        <v>175746</v>
      </c>
      <c r="E22918" s="1" t="s">
        <v>0</v>
      </c>
    </row>
    <row r="22919" spans="1:5" x14ac:dyDescent="0.25">
      <c r="A22919" s="1" t="s">
        <v>44445</v>
      </c>
      <c r="B22919" s="1" t="s">
        <v>56044</v>
      </c>
      <c r="C22919" s="1" t="s">
        <v>44446</v>
      </c>
      <c r="D22919" s="2">
        <v>175747</v>
      </c>
      <c r="E22919" s="1" t="s">
        <v>0</v>
      </c>
    </row>
    <row r="22920" spans="1:5" ht="409.5" x14ac:dyDescent="0.25">
      <c r="A22920" s="4" t="s">
        <v>44447</v>
      </c>
      <c r="B22920" s="1" t="s">
        <v>56045</v>
      </c>
      <c r="C22920" s="1" t="s">
        <v>44448</v>
      </c>
      <c r="D22920" s="2">
        <v>175748</v>
      </c>
      <c r="E22920" s="1" t="s">
        <v>0</v>
      </c>
    </row>
    <row r="22921" spans="1:5" x14ac:dyDescent="0.25">
      <c r="A22921" s="1" t="s">
        <v>44449</v>
      </c>
      <c r="B22921" s="1" t="s">
        <v>11644</v>
      </c>
      <c r="C22921" s="1" t="s">
        <v>44450</v>
      </c>
      <c r="D22921" s="2">
        <v>175749</v>
      </c>
      <c r="E22921" s="1" t="s">
        <v>0</v>
      </c>
    </row>
    <row r="22922" spans="1:5" x14ac:dyDescent="0.25">
      <c r="A22922" s="2">
        <v>4584</v>
      </c>
      <c r="B22922" s="2">
        <v>4584</v>
      </c>
      <c r="C22922" s="1" t="s">
        <v>0</v>
      </c>
      <c r="D22922" s="2">
        <v>175750</v>
      </c>
      <c r="E22922" s="1" t="s">
        <v>0</v>
      </c>
    </row>
    <row r="22923" spans="1:5" x14ac:dyDescent="0.25">
      <c r="A22923" s="1" t="s">
        <v>4164</v>
      </c>
      <c r="B22923" s="1" t="s">
        <v>11645</v>
      </c>
      <c r="C22923" s="1" t="s">
        <v>44451</v>
      </c>
      <c r="D22923" s="2">
        <v>175751</v>
      </c>
      <c r="E22923" s="1" t="s">
        <v>0</v>
      </c>
    </row>
    <row r="22924" spans="1:5" x14ac:dyDescent="0.25">
      <c r="A22924" s="1" t="s">
        <v>44452</v>
      </c>
      <c r="B22924" s="1" t="s">
        <v>11646</v>
      </c>
      <c r="C22924" s="1" t="s">
        <v>44453</v>
      </c>
      <c r="D22924" s="2">
        <v>175752</v>
      </c>
      <c r="E22924" s="1" t="s">
        <v>0</v>
      </c>
    </row>
    <row r="22925" spans="1:5" ht="409.5" x14ac:dyDescent="0.25">
      <c r="A22925" s="4" t="s">
        <v>44454</v>
      </c>
      <c r="B22925" s="1" t="s">
        <v>56046</v>
      </c>
      <c r="C22925" s="1" t="s">
        <v>44455</v>
      </c>
      <c r="D22925" s="2">
        <v>175753</v>
      </c>
      <c r="E22925" s="1" t="s">
        <v>0</v>
      </c>
    </row>
    <row r="22926" spans="1:5" x14ac:dyDescent="0.25">
      <c r="A22926" s="1" t="s">
        <v>44456</v>
      </c>
      <c r="B22926" s="1" t="s">
        <v>11647</v>
      </c>
      <c r="C22926" s="1" t="s">
        <v>44457</v>
      </c>
      <c r="D22926" s="2">
        <v>175754</v>
      </c>
      <c r="E22926" s="1" t="s">
        <v>0</v>
      </c>
    </row>
    <row r="22927" spans="1:5" x14ac:dyDescent="0.25">
      <c r="A22927" s="2">
        <v>4585</v>
      </c>
      <c r="B22927" s="2">
        <v>4585</v>
      </c>
      <c r="C22927" s="1" t="s">
        <v>0</v>
      </c>
      <c r="D22927" s="2">
        <v>175755</v>
      </c>
      <c r="E22927" s="1" t="s">
        <v>0</v>
      </c>
    </row>
    <row r="22928" spans="1:5" x14ac:dyDescent="0.25">
      <c r="A22928" s="1" t="s">
        <v>11648</v>
      </c>
      <c r="B22928" s="1" t="s">
        <v>51039</v>
      </c>
      <c r="C22928" s="1" t="s">
        <v>44458</v>
      </c>
      <c r="D22928" s="2">
        <v>175756</v>
      </c>
      <c r="E22928" s="1" t="s">
        <v>0</v>
      </c>
    </row>
    <row r="22929" spans="1:5" x14ac:dyDescent="0.25">
      <c r="A22929" s="1" t="s">
        <v>44459</v>
      </c>
      <c r="B22929" s="1" t="s">
        <v>61530</v>
      </c>
      <c r="C22929" s="1" t="s">
        <v>44460</v>
      </c>
      <c r="D22929" s="2">
        <v>175757</v>
      </c>
      <c r="E22929" s="1" t="s">
        <v>0</v>
      </c>
    </row>
    <row r="22930" spans="1:5" ht="409.5" x14ac:dyDescent="0.25">
      <c r="A22930" s="4" t="s">
        <v>44461</v>
      </c>
      <c r="B22930" s="1" t="s">
        <v>61531</v>
      </c>
      <c r="C22930" s="1" t="s">
        <v>44462</v>
      </c>
      <c r="D22930" s="2">
        <v>175758</v>
      </c>
      <c r="E22930" s="1" t="s">
        <v>0</v>
      </c>
    </row>
    <row r="22931" spans="1:5" x14ac:dyDescent="0.25">
      <c r="A22931" s="1" t="s">
        <v>44463</v>
      </c>
      <c r="B22931" s="1" t="s">
        <v>11649</v>
      </c>
      <c r="C22931" s="1" t="s">
        <v>44464</v>
      </c>
      <c r="D22931" s="2">
        <v>175759</v>
      </c>
      <c r="E22931" s="1" t="s">
        <v>0</v>
      </c>
    </row>
    <row r="22932" spans="1:5" x14ac:dyDescent="0.25">
      <c r="A22932" s="2">
        <v>4586</v>
      </c>
      <c r="B22932" s="2">
        <v>4586</v>
      </c>
      <c r="C22932" s="1" t="s">
        <v>0</v>
      </c>
      <c r="D22932" s="2">
        <v>175760</v>
      </c>
      <c r="E22932" s="1" t="s">
        <v>0</v>
      </c>
    </row>
    <row r="22933" spans="1:5" x14ac:dyDescent="0.25">
      <c r="A22933" s="1" t="s">
        <v>4165</v>
      </c>
      <c r="B22933" s="1" t="s">
        <v>11650</v>
      </c>
      <c r="C22933" s="1" t="s">
        <v>44465</v>
      </c>
      <c r="D22933" s="2">
        <v>175761</v>
      </c>
      <c r="E22933" s="1" t="s">
        <v>0</v>
      </c>
    </row>
    <row r="22934" spans="1:5" x14ac:dyDescent="0.25">
      <c r="A22934" s="1" t="s">
        <v>44466</v>
      </c>
      <c r="B22934" s="1" t="s">
        <v>56047</v>
      </c>
      <c r="C22934" s="1" t="s">
        <v>44467</v>
      </c>
      <c r="D22934" s="2">
        <v>175762</v>
      </c>
      <c r="E22934" s="1" t="s">
        <v>0</v>
      </c>
    </row>
    <row r="22935" spans="1:5" ht="409.5" x14ac:dyDescent="0.25">
      <c r="A22935" s="4" t="s">
        <v>44468</v>
      </c>
      <c r="B22935" s="1" t="s">
        <v>56048</v>
      </c>
      <c r="C22935" s="1" t="s">
        <v>44469</v>
      </c>
      <c r="D22935" s="2">
        <v>175763</v>
      </c>
      <c r="E22935" s="1" t="s">
        <v>0</v>
      </c>
    </row>
    <row r="22936" spans="1:5" x14ac:dyDescent="0.25">
      <c r="A22936" s="1" t="s">
        <v>44470</v>
      </c>
      <c r="B22936" s="1" t="s">
        <v>56049</v>
      </c>
      <c r="C22936" s="1" t="s">
        <v>44471</v>
      </c>
      <c r="D22936" s="2">
        <v>175764</v>
      </c>
      <c r="E22936" s="1" t="s">
        <v>0</v>
      </c>
    </row>
    <row r="22937" spans="1:5" x14ac:dyDescent="0.25">
      <c r="A22937" s="2">
        <v>4587</v>
      </c>
      <c r="B22937" s="2">
        <v>4587</v>
      </c>
      <c r="C22937" s="1" t="s">
        <v>0</v>
      </c>
      <c r="D22937" s="2">
        <v>175765</v>
      </c>
      <c r="E22937" s="1" t="s">
        <v>0</v>
      </c>
    </row>
    <row r="22938" spans="1:5" x14ac:dyDescent="0.25">
      <c r="A22938" s="1" t="s">
        <v>4166</v>
      </c>
      <c r="B22938" s="1" t="s">
        <v>51040</v>
      </c>
      <c r="C22938" s="1" t="s">
        <v>44472</v>
      </c>
      <c r="D22938" s="2">
        <v>175766</v>
      </c>
      <c r="E22938" s="1" t="s">
        <v>0</v>
      </c>
    </row>
    <row r="22939" spans="1:5" x14ac:dyDescent="0.25">
      <c r="A22939" s="1" t="s">
        <v>44473</v>
      </c>
      <c r="B22939" s="1" t="s">
        <v>56050</v>
      </c>
      <c r="C22939" s="1" t="s">
        <v>44474</v>
      </c>
      <c r="D22939" s="2">
        <v>175767</v>
      </c>
      <c r="E22939" s="1" t="s">
        <v>0</v>
      </c>
    </row>
    <row r="22940" spans="1:5" ht="409.5" x14ac:dyDescent="0.25">
      <c r="A22940" s="4" t="s">
        <v>44475</v>
      </c>
      <c r="B22940" s="1" t="s">
        <v>56051</v>
      </c>
      <c r="C22940" s="1" t="s">
        <v>44476</v>
      </c>
      <c r="D22940" s="2">
        <v>175768</v>
      </c>
      <c r="E22940" s="1" t="s">
        <v>0</v>
      </c>
    </row>
    <row r="22941" spans="1:5" x14ac:dyDescent="0.25">
      <c r="A22941" s="1" t="s">
        <v>44477</v>
      </c>
      <c r="B22941" s="1" t="s">
        <v>56052</v>
      </c>
      <c r="C22941" s="1" t="s">
        <v>44478</v>
      </c>
      <c r="D22941" s="2">
        <v>175769</v>
      </c>
      <c r="E22941" s="1" t="s">
        <v>0</v>
      </c>
    </row>
    <row r="22942" spans="1:5" x14ac:dyDescent="0.25">
      <c r="A22942" s="2">
        <v>4588</v>
      </c>
      <c r="B22942" s="2">
        <v>4588</v>
      </c>
      <c r="C22942" s="1" t="s">
        <v>0</v>
      </c>
      <c r="D22942" s="2">
        <v>175770</v>
      </c>
      <c r="E22942" s="1" t="s">
        <v>0</v>
      </c>
    </row>
    <row r="22943" spans="1:5" x14ac:dyDescent="0.25">
      <c r="A22943" s="1" t="s">
        <v>4167</v>
      </c>
      <c r="B22943" s="1" t="s">
        <v>11651</v>
      </c>
      <c r="C22943" s="1" t="s">
        <v>44479</v>
      </c>
      <c r="D22943" s="2">
        <v>175771</v>
      </c>
      <c r="E22943" s="1" t="s">
        <v>0</v>
      </c>
    </row>
    <row r="22944" spans="1:5" x14ac:dyDescent="0.25">
      <c r="A22944" s="1" t="s">
        <v>44480</v>
      </c>
      <c r="B22944" s="1" t="s">
        <v>51041</v>
      </c>
      <c r="C22944" s="1" t="s">
        <v>44481</v>
      </c>
      <c r="D22944" s="2">
        <v>175772</v>
      </c>
      <c r="E22944" s="1" t="s">
        <v>0</v>
      </c>
    </row>
    <row r="22945" spans="1:5" ht="409.5" x14ac:dyDescent="0.25">
      <c r="A22945" s="4" t="s">
        <v>44482</v>
      </c>
      <c r="B22945" s="1" t="s">
        <v>51042</v>
      </c>
      <c r="C22945" s="1" t="s">
        <v>44483</v>
      </c>
      <c r="D22945" s="2">
        <v>175773</v>
      </c>
      <c r="E22945" s="1" t="s">
        <v>0</v>
      </c>
    </row>
    <row r="22946" spans="1:5" x14ac:dyDescent="0.25">
      <c r="A22946" s="1" t="s">
        <v>44484</v>
      </c>
      <c r="B22946" s="1" t="s">
        <v>56053</v>
      </c>
      <c r="C22946" s="1" t="s">
        <v>44485</v>
      </c>
      <c r="D22946" s="2">
        <v>175774</v>
      </c>
      <c r="E22946" s="1" t="s">
        <v>0</v>
      </c>
    </row>
    <row r="22947" spans="1:5" x14ac:dyDescent="0.25">
      <c r="A22947" s="2">
        <v>4589</v>
      </c>
      <c r="B22947" s="2">
        <v>4589</v>
      </c>
      <c r="C22947" s="1" t="s">
        <v>0</v>
      </c>
      <c r="D22947" s="2">
        <v>175775</v>
      </c>
      <c r="E22947" s="1" t="s">
        <v>0</v>
      </c>
    </row>
    <row r="22948" spans="1:5" x14ac:dyDescent="0.25">
      <c r="A22948" s="1" t="s">
        <v>4168</v>
      </c>
      <c r="B22948" s="1" t="s">
        <v>11652</v>
      </c>
      <c r="C22948" s="1" t="s">
        <v>44486</v>
      </c>
      <c r="D22948" s="2">
        <v>175776</v>
      </c>
      <c r="E22948" s="1" t="s">
        <v>0</v>
      </c>
    </row>
    <row r="22949" spans="1:5" x14ac:dyDescent="0.25">
      <c r="A22949" s="1" t="s">
        <v>44487</v>
      </c>
      <c r="B22949" s="1" t="s">
        <v>56054</v>
      </c>
      <c r="C22949" s="1" t="s">
        <v>44488</v>
      </c>
      <c r="D22949" s="2">
        <v>175777</v>
      </c>
      <c r="E22949" s="1" t="s">
        <v>0</v>
      </c>
    </row>
    <row r="22950" spans="1:5" ht="409.5" x14ac:dyDescent="0.25">
      <c r="A22950" s="4" t="s">
        <v>44489</v>
      </c>
      <c r="B22950" s="1" t="s">
        <v>56055</v>
      </c>
      <c r="C22950" s="1" t="s">
        <v>44490</v>
      </c>
      <c r="D22950" s="2">
        <v>175778</v>
      </c>
      <c r="E22950" s="1" t="s">
        <v>0</v>
      </c>
    </row>
    <row r="22951" spans="1:5" x14ac:dyDescent="0.25">
      <c r="A22951" s="1" t="s">
        <v>44491</v>
      </c>
      <c r="B22951" s="1" t="s">
        <v>11653</v>
      </c>
      <c r="C22951" s="1" t="s">
        <v>44492</v>
      </c>
      <c r="D22951" s="2">
        <v>175779</v>
      </c>
      <c r="E22951" s="1" t="s">
        <v>0</v>
      </c>
    </row>
    <row r="22952" spans="1:5" x14ac:dyDescent="0.25">
      <c r="A22952" s="2">
        <v>4590</v>
      </c>
      <c r="B22952" s="2">
        <v>4590</v>
      </c>
      <c r="C22952" s="1" t="s">
        <v>0</v>
      </c>
      <c r="D22952" s="2">
        <v>175780</v>
      </c>
      <c r="E22952" s="1" t="s">
        <v>0</v>
      </c>
    </row>
    <row r="22953" spans="1:5" x14ac:dyDescent="0.25">
      <c r="A22953" s="1" t="s">
        <v>4169</v>
      </c>
      <c r="B22953" s="1" t="s">
        <v>11654</v>
      </c>
      <c r="C22953" s="1" t="s">
        <v>44493</v>
      </c>
      <c r="D22953" s="2">
        <v>175781</v>
      </c>
      <c r="E22953" s="1" t="s">
        <v>0</v>
      </c>
    </row>
    <row r="22954" spans="1:5" x14ac:dyDescent="0.25">
      <c r="A22954" s="1" t="s">
        <v>44494</v>
      </c>
      <c r="B22954" s="1" t="s">
        <v>56056</v>
      </c>
      <c r="C22954" s="1" t="s">
        <v>44495</v>
      </c>
      <c r="D22954" s="2">
        <v>175782</v>
      </c>
      <c r="E22954" s="1" t="s">
        <v>0</v>
      </c>
    </row>
    <row r="22955" spans="1:5" ht="409.5" x14ac:dyDescent="0.25">
      <c r="A22955" s="4" t="s">
        <v>44496</v>
      </c>
      <c r="B22955" s="1" t="s">
        <v>56057</v>
      </c>
      <c r="C22955" s="1" t="s">
        <v>44497</v>
      </c>
      <c r="D22955" s="2">
        <v>175783</v>
      </c>
      <c r="E22955" s="1" t="s">
        <v>0</v>
      </c>
    </row>
    <row r="22956" spans="1:5" x14ac:dyDescent="0.25">
      <c r="A22956" s="1" t="s">
        <v>44498</v>
      </c>
      <c r="B22956" s="1" t="s">
        <v>11655</v>
      </c>
      <c r="C22956" s="1" t="s">
        <v>44499</v>
      </c>
      <c r="D22956" s="2">
        <v>175784</v>
      </c>
      <c r="E22956" s="1" t="s">
        <v>0</v>
      </c>
    </row>
    <row r="22957" spans="1:5" x14ac:dyDescent="0.25">
      <c r="A22957" s="2">
        <v>4591</v>
      </c>
      <c r="B22957" s="2">
        <v>4591</v>
      </c>
      <c r="C22957" s="1" t="s">
        <v>0</v>
      </c>
      <c r="D22957" s="2">
        <v>175785</v>
      </c>
      <c r="E22957" s="1" t="s">
        <v>0</v>
      </c>
    </row>
    <row r="22958" spans="1:5" x14ac:dyDescent="0.25">
      <c r="A22958" s="1" t="s">
        <v>4170</v>
      </c>
      <c r="B22958" s="1" t="s">
        <v>11656</v>
      </c>
      <c r="C22958" s="1" t="s">
        <v>44500</v>
      </c>
      <c r="D22958" s="2">
        <v>175786</v>
      </c>
      <c r="E22958" s="1" t="s">
        <v>0</v>
      </c>
    </row>
    <row r="22959" spans="1:5" x14ac:dyDescent="0.25">
      <c r="A22959" s="1" t="s">
        <v>44501</v>
      </c>
      <c r="B22959" s="1" t="s">
        <v>11657</v>
      </c>
      <c r="C22959" s="1" t="s">
        <v>44502</v>
      </c>
      <c r="D22959" s="2">
        <v>175787</v>
      </c>
      <c r="E22959" s="1" t="s">
        <v>0</v>
      </c>
    </row>
    <row r="22960" spans="1:5" ht="409.5" x14ac:dyDescent="0.25">
      <c r="A22960" s="4" t="s">
        <v>44503</v>
      </c>
      <c r="B22960" s="1" t="s">
        <v>59687</v>
      </c>
      <c r="C22960" s="1" t="s">
        <v>44504</v>
      </c>
      <c r="D22960" s="2">
        <v>175788</v>
      </c>
      <c r="E22960" s="1" t="s">
        <v>0</v>
      </c>
    </row>
    <row r="22961" spans="1:5" x14ac:dyDescent="0.25">
      <c r="A22961" s="1" t="s">
        <v>44505</v>
      </c>
      <c r="B22961" s="1" t="s">
        <v>11658</v>
      </c>
      <c r="C22961" s="1" t="s">
        <v>44506</v>
      </c>
      <c r="D22961" s="2">
        <v>175789</v>
      </c>
      <c r="E22961" s="1" t="s">
        <v>0</v>
      </c>
    </row>
    <row r="22962" spans="1:5" x14ac:dyDescent="0.25">
      <c r="A22962" s="2">
        <v>4592</v>
      </c>
      <c r="B22962" s="2">
        <v>4592</v>
      </c>
      <c r="C22962" s="1" t="s">
        <v>0</v>
      </c>
      <c r="D22962" s="2">
        <v>175790</v>
      </c>
      <c r="E22962" s="1" t="s">
        <v>0</v>
      </c>
    </row>
    <row r="22963" spans="1:5" x14ac:dyDescent="0.25">
      <c r="A22963" s="1" t="s">
        <v>4171</v>
      </c>
      <c r="B22963" s="1" t="s">
        <v>11659</v>
      </c>
      <c r="C22963" s="1" t="s">
        <v>44507</v>
      </c>
      <c r="D22963" s="2">
        <v>175791</v>
      </c>
      <c r="E22963" s="1" t="s">
        <v>0</v>
      </c>
    </row>
    <row r="22964" spans="1:5" x14ac:dyDescent="0.25">
      <c r="A22964" s="1" t="s">
        <v>44508</v>
      </c>
      <c r="B22964" s="1" t="s">
        <v>62967</v>
      </c>
      <c r="C22964" s="1" t="s">
        <v>44509</v>
      </c>
      <c r="D22964" s="2">
        <v>175792</v>
      </c>
      <c r="E22964" s="1" t="s">
        <v>0</v>
      </c>
    </row>
    <row r="22965" spans="1:5" ht="409.5" x14ac:dyDescent="0.25">
      <c r="A22965" s="4" t="s">
        <v>44510</v>
      </c>
      <c r="B22965" s="1" t="s">
        <v>62968</v>
      </c>
      <c r="C22965" s="1" t="s">
        <v>44511</v>
      </c>
      <c r="D22965" s="2">
        <v>175793</v>
      </c>
      <c r="E22965" s="1" t="s">
        <v>0</v>
      </c>
    </row>
    <row r="22966" spans="1:5" x14ac:dyDescent="0.25">
      <c r="A22966" s="1" t="s">
        <v>44512</v>
      </c>
      <c r="B22966" s="1" t="s">
        <v>11660</v>
      </c>
      <c r="C22966" s="1" t="s">
        <v>44513</v>
      </c>
      <c r="D22966" s="2">
        <v>175794</v>
      </c>
      <c r="E22966" s="1" t="s">
        <v>0</v>
      </c>
    </row>
    <row r="22967" spans="1:5" x14ac:dyDescent="0.25">
      <c r="A22967" s="2">
        <v>4593</v>
      </c>
      <c r="B22967" s="2">
        <v>4593</v>
      </c>
      <c r="C22967" s="1" t="s">
        <v>0</v>
      </c>
      <c r="D22967" s="2">
        <v>175795</v>
      </c>
      <c r="E22967" s="1" t="s">
        <v>0</v>
      </c>
    </row>
    <row r="22968" spans="1:5" x14ac:dyDescent="0.25">
      <c r="A22968" s="1" t="s">
        <v>4172</v>
      </c>
      <c r="B22968" s="1" t="s">
        <v>51043</v>
      </c>
      <c r="C22968" s="1" t="s">
        <v>44514</v>
      </c>
      <c r="D22968" s="2">
        <v>175796</v>
      </c>
      <c r="E22968" s="1" t="s">
        <v>0</v>
      </c>
    </row>
    <row r="22969" spans="1:5" x14ac:dyDescent="0.25">
      <c r="A22969" s="1" t="s">
        <v>64351</v>
      </c>
      <c r="B22969" s="1" t="s">
        <v>51044</v>
      </c>
      <c r="C22969" s="1" t="s">
        <v>44515</v>
      </c>
      <c r="D22969" s="2">
        <v>175797</v>
      </c>
      <c r="E22969" s="1" t="s">
        <v>0</v>
      </c>
    </row>
    <row r="22970" spans="1:5" ht="409.5" x14ac:dyDescent="0.25">
      <c r="A22970" s="4" t="s">
        <v>64352</v>
      </c>
      <c r="B22970" s="1" t="s">
        <v>51045</v>
      </c>
      <c r="C22970" s="1" t="s">
        <v>44516</v>
      </c>
      <c r="D22970" s="2">
        <v>175798</v>
      </c>
      <c r="E22970" s="1" t="s">
        <v>0</v>
      </c>
    </row>
    <row r="22971" spans="1:5" x14ac:dyDescent="0.25">
      <c r="A22971" s="1" t="s">
        <v>44517</v>
      </c>
      <c r="B22971" s="1" t="s">
        <v>11661</v>
      </c>
      <c r="C22971" s="1" t="s">
        <v>44518</v>
      </c>
      <c r="D22971" s="2">
        <v>175799</v>
      </c>
      <c r="E22971" s="1" t="s">
        <v>0</v>
      </c>
    </row>
    <row r="22972" spans="1:5" x14ac:dyDescent="0.25">
      <c r="A22972" s="2">
        <v>4594</v>
      </c>
      <c r="B22972" s="2">
        <v>4594</v>
      </c>
      <c r="C22972" s="1" t="s">
        <v>0</v>
      </c>
      <c r="D22972" s="2">
        <v>175800</v>
      </c>
      <c r="E22972" s="1" t="s">
        <v>0</v>
      </c>
    </row>
    <row r="22973" spans="1:5" x14ac:dyDescent="0.25">
      <c r="A22973" s="1" t="s">
        <v>4173</v>
      </c>
      <c r="B22973" s="1" t="s">
        <v>11662</v>
      </c>
      <c r="C22973" s="1" t="s">
        <v>44519</v>
      </c>
      <c r="D22973" s="2">
        <v>175801</v>
      </c>
      <c r="E22973" s="1" t="s">
        <v>0</v>
      </c>
    </row>
    <row r="22974" spans="1:5" x14ac:dyDescent="0.25">
      <c r="A22974" s="1" t="s">
        <v>44520</v>
      </c>
      <c r="B22974" s="1" t="s">
        <v>11663</v>
      </c>
      <c r="C22974" s="1" t="s">
        <v>44521</v>
      </c>
      <c r="D22974" s="2">
        <v>175802</v>
      </c>
      <c r="E22974" s="1" t="s">
        <v>0</v>
      </c>
    </row>
    <row r="22975" spans="1:5" ht="409.5" x14ac:dyDescent="0.25">
      <c r="A22975" s="4" t="s">
        <v>44522</v>
      </c>
      <c r="B22975" s="1" t="s">
        <v>13286</v>
      </c>
      <c r="C22975" s="1" t="s">
        <v>44523</v>
      </c>
      <c r="D22975" s="2">
        <v>175803</v>
      </c>
      <c r="E22975" s="1" t="s">
        <v>0</v>
      </c>
    </row>
    <row r="22976" spans="1:5" x14ac:dyDescent="0.25">
      <c r="A22976" s="1" t="s">
        <v>44524</v>
      </c>
      <c r="B22976" s="1" t="s">
        <v>56058</v>
      </c>
      <c r="C22976" s="1" t="s">
        <v>44525</v>
      </c>
      <c r="D22976" s="2">
        <v>175804</v>
      </c>
      <c r="E22976" s="1" t="s">
        <v>0</v>
      </c>
    </row>
    <row r="22977" spans="1:5" x14ac:dyDescent="0.25">
      <c r="A22977" s="2">
        <v>4595</v>
      </c>
      <c r="B22977" s="2">
        <v>4595</v>
      </c>
      <c r="C22977" s="1" t="s">
        <v>0</v>
      </c>
      <c r="D22977" s="2">
        <v>175805</v>
      </c>
      <c r="E22977" s="1" t="s">
        <v>0</v>
      </c>
    </row>
    <row r="22978" spans="1:5" x14ac:dyDescent="0.25">
      <c r="A22978" s="1" t="s">
        <v>4174</v>
      </c>
      <c r="B22978" s="1" t="s">
        <v>11664</v>
      </c>
      <c r="C22978" s="1" t="s">
        <v>44526</v>
      </c>
      <c r="D22978" s="2">
        <v>175806</v>
      </c>
      <c r="E22978" s="1" t="s">
        <v>0</v>
      </c>
    </row>
    <row r="22979" spans="1:5" x14ac:dyDescent="0.25">
      <c r="A22979" s="1" t="s">
        <v>44527</v>
      </c>
      <c r="B22979" s="1" t="s">
        <v>11665</v>
      </c>
      <c r="C22979" s="1" t="s">
        <v>44528</v>
      </c>
      <c r="D22979" s="2">
        <v>175807</v>
      </c>
      <c r="E22979" s="1" t="s">
        <v>0</v>
      </c>
    </row>
    <row r="22980" spans="1:5" ht="409.5" x14ac:dyDescent="0.25">
      <c r="A22980" s="4" t="s">
        <v>44529</v>
      </c>
      <c r="B22980" s="1" t="s">
        <v>62969</v>
      </c>
      <c r="C22980" s="1" t="s">
        <v>44530</v>
      </c>
      <c r="D22980" s="2">
        <v>175808</v>
      </c>
      <c r="E22980" s="1" t="s">
        <v>0</v>
      </c>
    </row>
    <row r="22981" spans="1:5" x14ac:dyDescent="0.25">
      <c r="A22981" s="1" t="s">
        <v>44531</v>
      </c>
      <c r="B22981" s="1" t="s">
        <v>56059</v>
      </c>
      <c r="C22981" s="1" t="s">
        <v>44532</v>
      </c>
      <c r="D22981" s="2">
        <v>175809</v>
      </c>
      <c r="E22981" s="1" t="s">
        <v>0</v>
      </c>
    </row>
    <row r="22982" spans="1:5" x14ac:dyDescent="0.25">
      <c r="A22982" s="2">
        <v>4596</v>
      </c>
      <c r="B22982" s="2">
        <v>4596</v>
      </c>
      <c r="C22982" s="1" t="s">
        <v>0</v>
      </c>
      <c r="D22982" s="2">
        <v>175810</v>
      </c>
      <c r="E22982" s="1" t="s">
        <v>0</v>
      </c>
    </row>
    <row r="22983" spans="1:5" x14ac:dyDescent="0.25">
      <c r="A22983" s="1" t="s">
        <v>4175</v>
      </c>
      <c r="B22983" s="1" t="s">
        <v>11666</v>
      </c>
      <c r="C22983" s="1" t="s">
        <v>44533</v>
      </c>
      <c r="D22983" s="2">
        <v>175811</v>
      </c>
      <c r="E22983" s="1" t="s">
        <v>0</v>
      </c>
    </row>
    <row r="22984" spans="1:5" x14ac:dyDescent="0.25">
      <c r="A22984" s="1" t="s">
        <v>44534</v>
      </c>
      <c r="B22984" s="1" t="s">
        <v>56060</v>
      </c>
      <c r="C22984" s="1" t="s">
        <v>44535</v>
      </c>
      <c r="D22984" s="2">
        <v>175812</v>
      </c>
      <c r="E22984" s="1" t="s">
        <v>0</v>
      </c>
    </row>
    <row r="22985" spans="1:5" ht="409.5" x14ac:dyDescent="0.25">
      <c r="A22985" s="4" t="s">
        <v>44536</v>
      </c>
      <c r="B22985" s="1" t="s">
        <v>56061</v>
      </c>
      <c r="C22985" s="1" t="s">
        <v>44537</v>
      </c>
      <c r="D22985" s="2">
        <v>175813</v>
      </c>
      <c r="E22985" s="1" t="s">
        <v>0</v>
      </c>
    </row>
    <row r="22986" spans="1:5" x14ac:dyDescent="0.25">
      <c r="A22986" s="1" t="s">
        <v>43748</v>
      </c>
      <c r="B22986" s="1" t="s">
        <v>61357</v>
      </c>
      <c r="C22986" s="1" t="s">
        <v>43749</v>
      </c>
      <c r="D22986" s="2">
        <v>175814</v>
      </c>
      <c r="E22986" s="1" t="s">
        <v>0</v>
      </c>
    </row>
    <row r="22987" spans="1:5" x14ac:dyDescent="0.25">
      <c r="A22987" s="2">
        <v>4597</v>
      </c>
      <c r="B22987" s="2">
        <v>4597</v>
      </c>
      <c r="C22987" s="1" t="s">
        <v>0</v>
      </c>
      <c r="D22987" s="2">
        <v>175815</v>
      </c>
      <c r="E22987" s="1" t="s">
        <v>0</v>
      </c>
    </row>
    <row r="22988" spans="1:5" x14ac:dyDescent="0.25">
      <c r="A22988" s="1" t="s">
        <v>4176</v>
      </c>
      <c r="B22988" s="1" t="s">
        <v>11667</v>
      </c>
      <c r="C22988" s="1" t="s">
        <v>44538</v>
      </c>
      <c r="D22988" s="2">
        <v>175816</v>
      </c>
      <c r="E22988" s="1" t="s">
        <v>0</v>
      </c>
    </row>
    <row r="22989" spans="1:5" x14ac:dyDescent="0.25">
      <c r="A22989" s="1" t="s">
        <v>44539</v>
      </c>
      <c r="B22989" s="1" t="s">
        <v>56062</v>
      </c>
      <c r="C22989" s="1" t="s">
        <v>44540</v>
      </c>
      <c r="D22989" s="2">
        <v>175817</v>
      </c>
      <c r="E22989" s="1" t="s">
        <v>0</v>
      </c>
    </row>
    <row r="22990" spans="1:5" ht="409.5" x14ac:dyDescent="0.25">
      <c r="A22990" s="4" t="s">
        <v>44541</v>
      </c>
      <c r="B22990" s="1" t="s">
        <v>60660</v>
      </c>
      <c r="C22990" s="1" t="s">
        <v>44542</v>
      </c>
      <c r="D22990" s="2">
        <v>175818</v>
      </c>
      <c r="E22990" s="1" t="s">
        <v>0</v>
      </c>
    </row>
    <row r="22991" spans="1:5" x14ac:dyDescent="0.25">
      <c r="A22991" s="1" t="s">
        <v>44543</v>
      </c>
      <c r="B22991" s="1" t="s">
        <v>57333</v>
      </c>
      <c r="C22991" s="1" t="s">
        <v>44544</v>
      </c>
      <c r="D22991" s="2">
        <v>175819</v>
      </c>
      <c r="E22991" s="1" t="s">
        <v>0</v>
      </c>
    </row>
    <row r="22992" spans="1:5" x14ac:dyDescent="0.25">
      <c r="A22992" s="2">
        <v>4598</v>
      </c>
      <c r="B22992" s="2">
        <v>4598</v>
      </c>
      <c r="C22992" s="1" t="s">
        <v>0</v>
      </c>
      <c r="D22992" s="2">
        <v>175820</v>
      </c>
      <c r="E22992" s="1" t="s">
        <v>0</v>
      </c>
    </row>
    <row r="22993" spans="1:5" x14ac:dyDescent="0.25">
      <c r="A22993" s="1" t="s">
        <v>4177</v>
      </c>
      <c r="B22993" s="1" t="s">
        <v>11668</v>
      </c>
      <c r="C22993" s="1" t="s">
        <v>44545</v>
      </c>
      <c r="D22993" s="2">
        <v>175821</v>
      </c>
      <c r="E22993" s="1" t="s">
        <v>0</v>
      </c>
    </row>
    <row r="22994" spans="1:5" x14ac:dyDescent="0.25">
      <c r="A22994" s="1" t="s">
        <v>44546</v>
      </c>
      <c r="B22994" s="1" t="s">
        <v>58585</v>
      </c>
      <c r="C22994" s="1" t="s">
        <v>44547</v>
      </c>
      <c r="D22994" s="2">
        <v>175822</v>
      </c>
      <c r="E22994" s="1" t="s">
        <v>0</v>
      </c>
    </row>
    <row r="22995" spans="1:5" ht="409.5" x14ac:dyDescent="0.25">
      <c r="A22995" s="4" t="s">
        <v>44548</v>
      </c>
      <c r="B22995" s="1" t="s">
        <v>62970</v>
      </c>
      <c r="C22995" s="1" t="s">
        <v>44549</v>
      </c>
      <c r="D22995" s="2">
        <v>175823</v>
      </c>
      <c r="E22995" s="1" t="s">
        <v>0</v>
      </c>
    </row>
    <row r="22996" spans="1:5" x14ac:dyDescent="0.25">
      <c r="A22996" s="1" t="s">
        <v>44550</v>
      </c>
      <c r="B22996" s="1" t="s">
        <v>58586</v>
      </c>
      <c r="C22996" s="1" t="s">
        <v>44551</v>
      </c>
      <c r="D22996" s="2">
        <v>175824</v>
      </c>
      <c r="E22996" s="1" t="s">
        <v>0</v>
      </c>
    </row>
    <row r="22997" spans="1:5" x14ac:dyDescent="0.25">
      <c r="A22997" s="2">
        <v>4599</v>
      </c>
      <c r="B22997" s="2">
        <v>4599</v>
      </c>
      <c r="C22997" s="1" t="s">
        <v>0</v>
      </c>
      <c r="D22997" s="2">
        <v>175825</v>
      </c>
      <c r="E22997" s="1" t="s">
        <v>0</v>
      </c>
    </row>
    <row r="22998" spans="1:5" x14ac:dyDescent="0.25">
      <c r="A22998" s="1" t="s">
        <v>4178</v>
      </c>
      <c r="B22998" s="1" t="s">
        <v>51046</v>
      </c>
      <c r="C22998" s="1" t="s">
        <v>44552</v>
      </c>
      <c r="D22998" s="2">
        <v>175826</v>
      </c>
      <c r="E22998" s="1" t="s">
        <v>0</v>
      </c>
    </row>
    <row r="22999" spans="1:5" x14ac:dyDescent="0.25">
      <c r="A22999" s="1" t="s">
        <v>44553</v>
      </c>
      <c r="B22999" s="1" t="s">
        <v>56063</v>
      </c>
      <c r="C22999" s="1" t="s">
        <v>44554</v>
      </c>
      <c r="D22999" s="2">
        <v>175827</v>
      </c>
      <c r="E22999" s="1" t="s">
        <v>0</v>
      </c>
    </row>
    <row r="23000" spans="1:5" ht="409.5" x14ac:dyDescent="0.25">
      <c r="A23000" s="4" t="s">
        <v>44555</v>
      </c>
      <c r="B23000" s="1" t="s">
        <v>56064</v>
      </c>
      <c r="C23000" s="1" t="s">
        <v>44556</v>
      </c>
      <c r="D23000" s="2">
        <v>175828</v>
      </c>
      <c r="E23000" s="1" t="s">
        <v>0</v>
      </c>
    </row>
    <row r="23001" spans="1:5" x14ac:dyDescent="0.25">
      <c r="A23001" s="1" t="s">
        <v>44557</v>
      </c>
      <c r="B23001" s="1" t="s">
        <v>57334</v>
      </c>
      <c r="C23001" s="1" t="s">
        <v>44558</v>
      </c>
      <c r="D23001" s="2">
        <v>175829</v>
      </c>
      <c r="E23001" s="1" t="s">
        <v>0</v>
      </c>
    </row>
    <row r="23002" spans="1:5" x14ac:dyDescent="0.25">
      <c r="A23002" s="2">
        <v>4600</v>
      </c>
      <c r="B23002" s="2">
        <v>4600</v>
      </c>
      <c r="C23002" s="1" t="s">
        <v>0</v>
      </c>
      <c r="D23002" s="2">
        <v>175830</v>
      </c>
      <c r="E23002" s="1" t="s">
        <v>0</v>
      </c>
    </row>
    <row r="23003" spans="1:5" x14ac:dyDescent="0.25">
      <c r="A23003" s="1" t="s">
        <v>4179</v>
      </c>
      <c r="B23003" s="1" t="s">
        <v>11669</v>
      </c>
      <c r="C23003" s="1" t="s">
        <v>44559</v>
      </c>
      <c r="D23003" s="2">
        <v>175831</v>
      </c>
      <c r="E23003" s="1" t="s">
        <v>0</v>
      </c>
    </row>
    <row r="23004" spans="1:5" x14ac:dyDescent="0.25">
      <c r="A23004" s="1" t="s">
        <v>44560</v>
      </c>
      <c r="B23004" s="1" t="s">
        <v>56065</v>
      </c>
      <c r="C23004" s="1" t="s">
        <v>44561</v>
      </c>
      <c r="D23004" s="2">
        <v>175832</v>
      </c>
      <c r="E23004" s="1" t="s">
        <v>0</v>
      </c>
    </row>
    <row r="23005" spans="1:5" ht="409.5" x14ac:dyDescent="0.25">
      <c r="A23005" s="4" t="s">
        <v>44562</v>
      </c>
      <c r="B23005" s="1" t="s">
        <v>56066</v>
      </c>
      <c r="C23005" s="1" t="s">
        <v>44563</v>
      </c>
      <c r="D23005" s="2">
        <v>175833</v>
      </c>
      <c r="E23005" s="1" t="s">
        <v>0</v>
      </c>
    </row>
    <row r="23006" spans="1:5" x14ac:dyDescent="0.25">
      <c r="A23006" s="1" t="s">
        <v>44564</v>
      </c>
      <c r="B23006" s="1" t="s">
        <v>56067</v>
      </c>
      <c r="C23006" s="1" t="s">
        <v>44565</v>
      </c>
      <c r="D23006" s="2">
        <v>175834</v>
      </c>
      <c r="E23006" s="1" t="s">
        <v>0</v>
      </c>
    </row>
    <row r="23007" spans="1:5" x14ac:dyDescent="0.25">
      <c r="A23007" s="2">
        <v>4601</v>
      </c>
      <c r="B23007" s="2">
        <v>4601</v>
      </c>
      <c r="C23007" s="1" t="s">
        <v>0</v>
      </c>
      <c r="D23007" s="2">
        <v>175835</v>
      </c>
      <c r="E23007" s="1" t="s">
        <v>0</v>
      </c>
    </row>
    <row r="23008" spans="1:5" x14ac:dyDescent="0.25">
      <c r="A23008" s="1" t="s">
        <v>4180</v>
      </c>
      <c r="B23008" s="1" t="s">
        <v>56976</v>
      </c>
      <c r="C23008" s="1" t="s">
        <v>44566</v>
      </c>
      <c r="D23008" s="2">
        <v>175836</v>
      </c>
      <c r="E23008" s="1" t="s">
        <v>0</v>
      </c>
    </row>
    <row r="23009" spans="1:5" x14ac:dyDescent="0.25">
      <c r="A23009" s="1" t="s">
        <v>44567</v>
      </c>
      <c r="B23009" s="1" t="s">
        <v>62971</v>
      </c>
      <c r="C23009" s="1" t="s">
        <v>44568</v>
      </c>
      <c r="D23009" s="2">
        <v>175837</v>
      </c>
      <c r="E23009" s="1" t="s">
        <v>0</v>
      </c>
    </row>
    <row r="23010" spans="1:5" ht="409.5" x14ac:dyDescent="0.25">
      <c r="A23010" s="4" t="s">
        <v>44569</v>
      </c>
      <c r="B23010" s="1" t="s">
        <v>62972</v>
      </c>
      <c r="C23010" s="1" t="s">
        <v>44570</v>
      </c>
      <c r="D23010" s="2">
        <v>175838</v>
      </c>
      <c r="E23010" s="1" t="s">
        <v>0</v>
      </c>
    </row>
    <row r="23011" spans="1:5" x14ac:dyDescent="0.25">
      <c r="A23011" s="1" t="s">
        <v>35634</v>
      </c>
      <c r="B23011" s="1" t="s">
        <v>61218</v>
      </c>
      <c r="C23011" s="1" t="s">
        <v>35635</v>
      </c>
      <c r="D23011" s="2">
        <v>175839</v>
      </c>
      <c r="E23011" s="1" t="s">
        <v>0</v>
      </c>
    </row>
    <row r="23012" spans="1:5" x14ac:dyDescent="0.25">
      <c r="A23012" s="2">
        <v>4602</v>
      </c>
      <c r="B23012" s="2">
        <v>4602</v>
      </c>
      <c r="C23012" s="1" t="s">
        <v>0</v>
      </c>
      <c r="D23012" s="2">
        <v>175840</v>
      </c>
      <c r="E23012" s="1" t="s">
        <v>0</v>
      </c>
    </row>
    <row r="23013" spans="1:5" x14ac:dyDescent="0.25">
      <c r="A23013" s="1" t="s">
        <v>11670</v>
      </c>
      <c r="B23013" s="1" t="s">
        <v>11671</v>
      </c>
      <c r="C23013" s="1" t="s">
        <v>44571</v>
      </c>
      <c r="D23013" s="2">
        <v>175841</v>
      </c>
      <c r="E23013" s="1" t="s">
        <v>0</v>
      </c>
    </row>
    <row r="23014" spans="1:5" x14ac:dyDescent="0.25">
      <c r="A23014" s="1" t="s">
        <v>44572</v>
      </c>
      <c r="B23014" s="1" t="s">
        <v>61377</v>
      </c>
      <c r="C23014" s="1" t="s">
        <v>44573</v>
      </c>
      <c r="D23014" s="2">
        <v>175842</v>
      </c>
      <c r="E23014" s="1" t="s">
        <v>0</v>
      </c>
    </row>
    <row r="23015" spans="1:5" ht="409.5" x14ac:dyDescent="0.25">
      <c r="A23015" s="4" t="s">
        <v>44574</v>
      </c>
      <c r="B23015" s="1" t="s">
        <v>61378</v>
      </c>
      <c r="C23015" s="1" t="s">
        <v>44575</v>
      </c>
      <c r="D23015" s="2">
        <v>175843</v>
      </c>
      <c r="E23015" s="1" t="s">
        <v>0</v>
      </c>
    </row>
    <row r="23016" spans="1:5" x14ac:dyDescent="0.25">
      <c r="A23016" s="1" t="s">
        <v>19132</v>
      </c>
      <c r="B23016" s="1" t="s">
        <v>60955</v>
      </c>
      <c r="C23016" s="1" t="s">
        <v>19133</v>
      </c>
      <c r="D23016" s="2">
        <v>175844</v>
      </c>
      <c r="E23016" s="1" t="s">
        <v>0</v>
      </c>
    </row>
    <row r="23017" spans="1:5" x14ac:dyDescent="0.25">
      <c r="A23017" s="2">
        <v>4603</v>
      </c>
      <c r="B23017" s="2">
        <v>4603</v>
      </c>
      <c r="C23017" s="1" t="s">
        <v>0</v>
      </c>
      <c r="D23017" s="2">
        <v>175845</v>
      </c>
      <c r="E23017" s="1" t="s">
        <v>0</v>
      </c>
    </row>
    <row r="23018" spans="1:5" x14ac:dyDescent="0.25">
      <c r="A23018" s="1" t="s">
        <v>4181</v>
      </c>
      <c r="B23018" s="1" t="s">
        <v>11672</v>
      </c>
      <c r="C23018" s="1" t="s">
        <v>44576</v>
      </c>
      <c r="D23018" s="2">
        <v>175846</v>
      </c>
      <c r="E23018" s="1" t="s">
        <v>0</v>
      </c>
    </row>
    <row r="23019" spans="1:5" x14ac:dyDescent="0.25">
      <c r="A23019" s="1" t="s">
        <v>44577</v>
      </c>
      <c r="B23019" s="1" t="s">
        <v>11673</v>
      </c>
      <c r="C23019" s="1" t="s">
        <v>44578</v>
      </c>
      <c r="D23019" s="2">
        <v>175847</v>
      </c>
      <c r="E23019" s="1" t="s">
        <v>0</v>
      </c>
    </row>
    <row r="23020" spans="1:5" ht="409.5" x14ac:dyDescent="0.25">
      <c r="A23020" s="4" t="s">
        <v>44579</v>
      </c>
      <c r="B23020" s="1" t="s">
        <v>11674</v>
      </c>
      <c r="C23020" s="1" t="s">
        <v>44580</v>
      </c>
      <c r="D23020" s="2">
        <v>175848</v>
      </c>
      <c r="E23020" s="1" t="s">
        <v>0</v>
      </c>
    </row>
    <row r="23021" spans="1:5" x14ac:dyDescent="0.25">
      <c r="A23021" s="1" t="s">
        <v>44581</v>
      </c>
      <c r="B23021" s="1" t="s">
        <v>4182</v>
      </c>
      <c r="C23021" s="1" t="s">
        <v>44582</v>
      </c>
      <c r="D23021" s="2">
        <v>175849</v>
      </c>
      <c r="E23021" s="1" t="s">
        <v>0</v>
      </c>
    </row>
    <row r="23022" spans="1:5" x14ac:dyDescent="0.25">
      <c r="A23022" s="2">
        <v>4604</v>
      </c>
      <c r="B23022" s="2">
        <v>4604</v>
      </c>
      <c r="C23022" s="1" t="s">
        <v>0</v>
      </c>
      <c r="D23022" s="2">
        <v>175850</v>
      </c>
      <c r="E23022" s="1" t="s">
        <v>0</v>
      </c>
    </row>
    <row r="23023" spans="1:5" x14ac:dyDescent="0.25">
      <c r="A23023" s="1" t="s">
        <v>4183</v>
      </c>
      <c r="B23023" s="1" t="s">
        <v>11675</v>
      </c>
      <c r="C23023" s="1" t="s">
        <v>44583</v>
      </c>
      <c r="D23023" s="2">
        <v>175851</v>
      </c>
      <c r="E23023" s="1" t="s">
        <v>0</v>
      </c>
    </row>
    <row r="23024" spans="1:5" x14ac:dyDescent="0.25">
      <c r="A23024" s="1" t="s">
        <v>44584</v>
      </c>
      <c r="B23024" s="1" t="s">
        <v>11676</v>
      </c>
      <c r="C23024" s="1" t="s">
        <v>44585</v>
      </c>
      <c r="D23024" s="2">
        <v>175852</v>
      </c>
      <c r="E23024" s="1" t="s">
        <v>0</v>
      </c>
    </row>
    <row r="23025" spans="1:5" ht="409.5" x14ac:dyDescent="0.25">
      <c r="A23025" s="4" t="s">
        <v>44586</v>
      </c>
      <c r="B23025" s="1" t="s">
        <v>56068</v>
      </c>
      <c r="C23025" s="1" t="s">
        <v>44587</v>
      </c>
      <c r="D23025" s="2">
        <v>175853</v>
      </c>
      <c r="E23025" s="1" t="s">
        <v>0</v>
      </c>
    </row>
    <row r="23026" spans="1:5" x14ac:dyDescent="0.25">
      <c r="A23026" s="1" t="s">
        <v>44588</v>
      </c>
      <c r="B23026" s="1" t="s">
        <v>11677</v>
      </c>
      <c r="C23026" s="1" t="s">
        <v>44589</v>
      </c>
      <c r="D23026" s="2">
        <v>175854</v>
      </c>
      <c r="E23026" s="1" t="s">
        <v>0</v>
      </c>
    </row>
    <row r="23027" spans="1:5" x14ac:dyDescent="0.25">
      <c r="A23027" s="2">
        <v>4605</v>
      </c>
      <c r="B23027" s="2">
        <v>4605</v>
      </c>
      <c r="C23027" s="1" t="s">
        <v>0</v>
      </c>
      <c r="D23027" s="2">
        <v>175855</v>
      </c>
      <c r="E23027" s="1" t="s">
        <v>0</v>
      </c>
    </row>
    <row r="23028" spans="1:5" x14ac:dyDescent="0.25">
      <c r="A23028" s="1" t="s">
        <v>4184</v>
      </c>
      <c r="B23028" s="1" t="s">
        <v>11678</v>
      </c>
      <c r="C23028" s="1" t="s">
        <v>44590</v>
      </c>
      <c r="D23028" s="2">
        <v>175856</v>
      </c>
      <c r="E23028" s="1" t="s">
        <v>0</v>
      </c>
    </row>
    <row r="23029" spans="1:5" x14ac:dyDescent="0.25">
      <c r="A23029" s="1" t="s">
        <v>44591</v>
      </c>
      <c r="B23029" s="1" t="s">
        <v>11679</v>
      </c>
      <c r="C23029" s="1" t="s">
        <v>44592</v>
      </c>
      <c r="D23029" s="2">
        <v>175857</v>
      </c>
      <c r="E23029" s="1" t="s">
        <v>0</v>
      </c>
    </row>
    <row r="23030" spans="1:5" ht="409.5" x14ac:dyDescent="0.25">
      <c r="A23030" s="4" t="s">
        <v>44593</v>
      </c>
      <c r="B23030" s="1" t="s">
        <v>11680</v>
      </c>
      <c r="C23030" s="1" t="s">
        <v>44594</v>
      </c>
      <c r="D23030" s="2">
        <v>175858</v>
      </c>
      <c r="E23030" s="1" t="s">
        <v>0</v>
      </c>
    </row>
    <row r="23031" spans="1:5" x14ac:dyDescent="0.25">
      <c r="A23031" s="1" t="s">
        <v>44595</v>
      </c>
      <c r="B23031" s="1" t="s">
        <v>11681</v>
      </c>
      <c r="C23031" s="1" t="s">
        <v>44596</v>
      </c>
      <c r="D23031" s="2">
        <v>175859</v>
      </c>
      <c r="E23031" s="1" t="s">
        <v>0</v>
      </c>
    </row>
    <row r="23032" spans="1:5" x14ac:dyDescent="0.25">
      <c r="A23032" s="2">
        <v>4606</v>
      </c>
      <c r="B23032" s="2">
        <v>4606</v>
      </c>
      <c r="C23032" s="1" t="s">
        <v>0</v>
      </c>
      <c r="D23032" s="2">
        <v>175860</v>
      </c>
      <c r="E23032" s="1" t="s">
        <v>0</v>
      </c>
    </row>
    <row r="23033" spans="1:5" x14ac:dyDescent="0.25">
      <c r="A23033" s="1" t="s">
        <v>13287</v>
      </c>
      <c r="B23033" s="1" t="s">
        <v>13288</v>
      </c>
      <c r="C23033" s="1" t="s">
        <v>44597</v>
      </c>
      <c r="D23033" s="2">
        <v>175861</v>
      </c>
      <c r="E23033" s="1" t="s">
        <v>0</v>
      </c>
    </row>
    <row r="23034" spans="1:5" x14ac:dyDescent="0.25">
      <c r="A23034" s="1" t="s">
        <v>44598</v>
      </c>
      <c r="B23034" s="1" t="s">
        <v>56069</v>
      </c>
      <c r="C23034" s="1" t="s">
        <v>44599</v>
      </c>
      <c r="D23034" s="2">
        <v>175862</v>
      </c>
      <c r="E23034" s="1" t="s">
        <v>0</v>
      </c>
    </row>
    <row r="23035" spans="1:5" ht="409.5" x14ac:dyDescent="0.25">
      <c r="A23035" s="4" t="s">
        <v>44600</v>
      </c>
      <c r="B23035" s="1" t="s">
        <v>58005</v>
      </c>
      <c r="C23035" s="1" t="s">
        <v>44601</v>
      </c>
      <c r="D23035" s="2">
        <v>175863</v>
      </c>
      <c r="E23035" s="1" t="s">
        <v>0</v>
      </c>
    </row>
    <row r="23036" spans="1:5" x14ac:dyDescent="0.25">
      <c r="A23036" s="1" t="s">
        <v>44602</v>
      </c>
      <c r="B23036" s="1" t="s">
        <v>61379</v>
      </c>
      <c r="C23036" s="1" t="s">
        <v>44603</v>
      </c>
      <c r="D23036" s="2">
        <v>175864</v>
      </c>
      <c r="E23036" s="1" t="s">
        <v>0</v>
      </c>
    </row>
    <row r="23037" spans="1:5" x14ac:dyDescent="0.25">
      <c r="A23037" s="2">
        <v>4607</v>
      </c>
      <c r="B23037" s="2">
        <v>4607</v>
      </c>
      <c r="C23037" s="1" t="s">
        <v>0</v>
      </c>
      <c r="D23037" s="2">
        <v>175865</v>
      </c>
      <c r="E23037" s="1" t="s">
        <v>0</v>
      </c>
    </row>
    <row r="23038" spans="1:5" x14ac:dyDescent="0.25">
      <c r="A23038" s="1" t="s">
        <v>4185</v>
      </c>
      <c r="B23038" s="1" t="s">
        <v>11682</v>
      </c>
      <c r="C23038" s="1" t="s">
        <v>44604</v>
      </c>
      <c r="D23038" s="2">
        <v>175866</v>
      </c>
      <c r="E23038" s="1" t="s">
        <v>0</v>
      </c>
    </row>
    <row r="23039" spans="1:5" x14ac:dyDescent="0.25">
      <c r="A23039" s="1" t="s">
        <v>44605</v>
      </c>
      <c r="B23039" s="1" t="s">
        <v>63513</v>
      </c>
      <c r="C23039" s="1" t="s">
        <v>44606</v>
      </c>
      <c r="D23039" s="2">
        <v>175867</v>
      </c>
      <c r="E23039" s="1" t="s">
        <v>0</v>
      </c>
    </row>
    <row r="23040" spans="1:5" ht="409.5" x14ac:dyDescent="0.25">
      <c r="A23040" s="4" t="s">
        <v>44607</v>
      </c>
      <c r="B23040" s="1" t="s">
        <v>63514</v>
      </c>
      <c r="C23040" s="1" t="s">
        <v>44608</v>
      </c>
      <c r="D23040" s="2">
        <v>175868</v>
      </c>
      <c r="E23040" s="1" t="s">
        <v>0</v>
      </c>
    </row>
    <row r="23041" spans="1:5" x14ac:dyDescent="0.25">
      <c r="A23041" s="1" t="s">
        <v>44609</v>
      </c>
      <c r="B23041" s="1" t="s">
        <v>56070</v>
      </c>
      <c r="C23041" s="1" t="s">
        <v>44610</v>
      </c>
      <c r="D23041" s="2">
        <v>175869</v>
      </c>
      <c r="E23041" s="1" t="s">
        <v>0</v>
      </c>
    </row>
    <row r="23042" spans="1:5" x14ac:dyDescent="0.25">
      <c r="A23042" s="2">
        <v>4608</v>
      </c>
      <c r="B23042" s="2">
        <v>4608</v>
      </c>
      <c r="C23042" s="1" t="s">
        <v>0</v>
      </c>
      <c r="D23042" s="2">
        <v>175870</v>
      </c>
      <c r="E23042" s="1" t="s">
        <v>0</v>
      </c>
    </row>
    <row r="23043" spans="1:5" x14ac:dyDescent="0.25">
      <c r="A23043" s="1" t="s">
        <v>4186</v>
      </c>
      <c r="B23043" s="1" t="s">
        <v>11683</v>
      </c>
      <c r="C23043" s="1" t="s">
        <v>44611</v>
      </c>
      <c r="D23043" s="2">
        <v>175871</v>
      </c>
      <c r="E23043" s="1" t="s">
        <v>0</v>
      </c>
    </row>
    <row r="23044" spans="1:5" x14ac:dyDescent="0.25">
      <c r="A23044" s="1" t="s">
        <v>44612</v>
      </c>
      <c r="B23044" s="1" t="s">
        <v>56071</v>
      </c>
      <c r="C23044" s="1" t="s">
        <v>44613</v>
      </c>
      <c r="D23044" s="2">
        <v>175872</v>
      </c>
      <c r="E23044" s="1" t="s">
        <v>0</v>
      </c>
    </row>
    <row r="23045" spans="1:5" ht="409.5" x14ac:dyDescent="0.25">
      <c r="A23045" s="4" t="s">
        <v>44614</v>
      </c>
      <c r="B23045" s="1" t="s">
        <v>56072</v>
      </c>
      <c r="C23045" s="1" t="s">
        <v>44615</v>
      </c>
      <c r="D23045" s="2">
        <v>175873</v>
      </c>
      <c r="E23045" s="1" t="s">
        <v>0</v>
      </c>
    </row>
    <row r="23046" spans="1:5" x14ac:dyDescent="0.25">
      <c r="A23046" s="1" t="s">
        <v>44616</v>
      </c>
      <c r="B23046" s="1" t="s">
        <v>11684</v>
      </c>
      <c r="C23046" s="1" t="s">
        <v>44617</v>
      </c>
      <c r="D23046" s="2">
        <v>175874</v>
      </c>
      <c r="E23046" s="1" t="s">
        <v>0</v>
      </c>
    </row>
    <row r="23047" spans="1:5" x14ac:dyDescent="0.25">
      <c r="A23047" s="2">
        <v>4609</v>
      </c>
      <c r="B23047" s="2">
        <v>4609</v>
      </c>
      <c r="C23047" s="1" t="s">
        <v>0</v>
      </c>
      <c r="D23047" s="2">
        <v>175875</v>
      </c>
      <c r="E23047" s="1" t="s">
        <v>0</v>
      </c>
    </row>
    <row r="23048" spans="1:5" x14ac:dyDescent="0.25">
      <c r="A23048" s="1" t="s">
        <v>4187</v>
      </c>
      <c r="B23048" s="1" t="s">
        <v>11685</v>
      </c>
      <c r="C23048" s="1" t="s">
        <v>44618</v>
      </c>
      <c r="D23048" s="2">
        <v>175876</v>
      </c>
      <c r="E23048" s="1" t="s">
        <v>0</v>
      </c>
    </row>
    <row r="23049" spans="1:5" x14ac:dyDescent="0.25">
      <c r="A23049" s="1" t="s">
        <v>44619</v>
      </c>
      <c r="B23049" s="1" t="s">
        <v>58587</v>
      </c>
      <c r="C23049" s="1" t="s">
        <v>44620</v>
      </c>
      <c r="D23049" s="2">
        <v>175877</v>
      </c>
      <c r="E23049" s="1" t="s">
        <v>0</v>
      </c>
    </row>
    <row r="23050" spans="1:5" ht="409.5" x14ac:dyDescent="0.25">
      <c r="A23050" s="4" t="s">
        <v>44621</v>
      </c>
      <c r="B23050" s="1" t="s">
        <v>61723</v>
      </c>
      <c r="C23050" s="1" t="s">
        <v>44622</v>
      </c>
      <c r="D23050" s="2">
        <v>175878</v>
      </c>
      <c r="E23050" s="1" t="s">
        <v>0</v>
      </c>
    </row>
    <row r="23051" spans="1:5" x14ac:dyDescent="0.25">
      <c r="A23051" s="1" t="s">
        <v>44623</v>
      </c>
      <c r="B23051" s="1" t="s">
        <v>61724</v>
      </c>
      <c r="C23051" s="1" t="s">
        <v>44624</v>
      </c>
      <c r="D23051" s="2">
        <v>175879</v>
      </c>
      <c r="E23051" s="1" t="s">
        <v>0</v>
      </c>
    </row>
    <row r="23052" spans="1:5" x14ac:dyDescent="0.25">
      <c r="A23052" s="2">
        <v>4610</v>
      </c>
      <c r="B23052" s="2">
        <v>4610</v>
      </c>
      <c r="C23052" s="1" t="s">
        <v>0</v>
      </c>
      <c r="D23052" s="2">
        <v>175880</v>
      </c>
      <c r="E23052" s="1" t="s">
        <v>0</v>
      </c>
    </row>
    <row r="23053" spans="1:5" x14ac:dyDescent="0.25">
      <c r="A23053" s="1" t="s">
        <v>4188</v>
      </c>
      <c r="B23053" s="1" t="s">
        <v>60274</v>
      </c>
      <c r="C23053" s="1" t="s">
        <v>11686</v>
      </c>
      <c r="D23053" s="2">
        <v>175881</v>
      </c>
      <c r="E23053" s="1" t="s">
        <v>0</v>
      </c>
    </row>
    <row r="23054" spans="1:5" x14ac:dyDescent="0.25">
      <c r="A23054" s="1" t="s">
        <v>44625</v>
      </c>
      <c r="B23054" s="1" t="s">
        <v>62973</v>
      </c>
      <c r="C23054" s="1" t="s">
        <v>44626</v>
      </c>
      <c r="D23054" s="2">
        <v>175882</v>
      </c>
      <c r="E23054" s="1" t="s">
        <v>0</v>
      </c>
    </row>
    <row r="23055" spans="1:5" ht="409.5" x14ac:dyDescent="0.25">
      <c r="A23055" s="4" t="s">
        <v>44627</v>
      </c>
      <c r="B23055" s="1" t="s">
        <v>62974</v>
      </c>
      <c r="C23055" s="1" t="s">
        <v>44628</v>
      </c>
      <c r="D23055" s="2">
        <v>175883</v>
      </c>
      <c r="E23055" s="1" t="s">
        <v>0</v>
      </c>
    </row>
    <row r="23056" spans="1:5" x14ac:dyDescent="0.25">
      <c r="A23056" s="1" t="s">
        <v>44629</v>
      </c>
      <c r="B23056" s="1" t="s">
        <v>11687</v>
      </c>
      <c r="C23056" s="1" t="s">
        <v>44630</v>
      </c>
      <c r="D23056" s="2">
        <v>175884</v>
      </c>
      <c r="E23056" s="1" t="s">
        <v>0</v>
      </c>
    </row>
    <row r="23057" spans="1:5" x14ac:dyDescent="0.25">
      <c r="A23057" s="2">
        <v>4611</v>
      </c>
      <c r="B23057" s="2">
        <v>4611</v>
      </c>
      <c r="C23057" s="1" t="s">
        <v>0</v>
      </c>
      <c r="D23057" s="2">
        <v>175885</v>
      </c>
      <c r="E23057" s="1" t="s">
        <v>0</v>
      </c>
    </row>
    <row r="23058" spans="1:5" x14ac:dyDescent="0.25">
      <c r="A23058" s="1" t="s">
        <v>4189</v>
      </c>
      <c r="B23058" s="1" t="s">
        <v>11688</v>
      </c>
      <c r="C23058" s="1" t="s">
        <v>44631</v>
      </c>
      <c r="D23058" s="2">
        <v>175886</v>
      </c>
      <c r="E23058" s="1" t="s">
        <v>0</v>
      </c>
    </row>
    <row r="23059" spans="1:5" x14ac:dyDescent="0.25">
      <c r="A23059" s="1" t="s">
        <v>44632</v>
      </c>
      <c r="B23059" s="1" t="s">
        <v>51047</v>
      </c>
      <c r="C23059" s="1" t="s">
        <v>44633</v>
      </c>
      <c r="D23059" s="2">
        <v>175887</v>
      </c>
      <c r="E23059" s="1" t="s">
        <v>0</v>
      </c>
    </row>
    <row r="23060" spans="1:5" ht="409.5" x14ac:dyDescent="0.25">
      <c r="A23060" s="4" t="s">
        <v>64353</v>
      </c>
      <c r="B23060" s="1" t="s">
        <v>51048</v>
      </c>
      <c r="C23060" s="1" t="s">
        <v>44634</v>
      </c>
      <c r="D23060" s="2">
        <v>175888</v>
      </c>
      <c r="E23060" s="1" t="s">
        <v>0</v>
      </c>
    </row>
    <row r="23061" spans="1:5" x14ac:dyDescent="0.25">
      <c r="A23061" s="1" t="s">
        <v>44635</v>
      </c>
      <c r="B23061" s="1" t="s">
        <v>56073</v>
      </c>
      <c r="C23061" s="1" t="s">
        <v>44636</v>
      </c>
      <c r="D23061" s="2">
        <v>175889</v>
      </c>
      <c r="E23061" s="1" t="s">
        <v>0</v>
      </c>
    </row>
    <row r="23062" spans="1:5" x14ac:dyDescent="0.25">
      <c r="A23062" s="2">
        <v>4612</v>
      </c>
      <c r="B23062" s="2">
        <v>4612</v>
      </c>
      <c r="C23062" s="1" t="s">
        <v>0</v>
      </c>
      <c r="D23062" s="2">
        <v>175890</v>
      </c>
      <c r="E23062" s="1" t="s">
        <v>0</v>
      </c>
    </row>
    <row r="23063" spans="1:5" x14ac:dyDescent="0.25">
      <c r="A23063" s="1" t="s">
        <v>4190</v>
      </c>
      <c r="B23063" s="1" t="s">
        <v>11689</v>
      </c>
      <c r="C23063" s="1" t="s">
        <v>44637</v>
      </c>
      <c r="D23063" s="2">
        <v>175891</v>
      </c>
      <c r="E23063" s="1" t="s">
        <v>0</v>
      </c>
    </row>
    <row r="23064" spans="1:5" x14ac:dyDescent="0.25">
      <c r="A23064" s="1" t="s">
        <v>44638</v>
      </c>
      <c r="B23064" s="1" t="s">
        <v>56074</v>
      </c>
      <c r="C23064" s="1" t="s">
        <v>44639</v>
      </c>
      <c r="D23064" s="2">
        <v>175892</v>
      </c>
      <c r="E23064" s="1" t="s">
        <v>0</v>
      </c>
    </row>
    <row r="23065" spans="1:5" ht="409.5" x14ac:dyDescent="0.25">
      <c r="A23065" s="4" t="s">
        <v>44640</v>
      </c>
      <c r="B23065" s="1" t="s">
        <v>56075</v>
      </c>
      <c r="C23065" s="1" t="s">
        <v>44641</v>
      </c>
      <c r="D23065" s="2">
        <v>175893</v>
      </c>
      <c r="E23065" s="1" t="s">
        <v>0</v>
      </c>
    </row>
    <row r="23066" spans="1:5" x14ac:dyDescent="0.25">
      <c r="A23066" s="1" t="s">
        <v>44642</v>
      </c>
      <c r="B23066" s="1" t="s">
        <v>11690</v>
      </c>
      <c r="C23066" s="1" t="s">
        <v>44643</v>
      </c>
      <c r="D23066" s="2">
        <v>175894</v>
      </c>
      <c r="E23066" s="1" t="s">
        <v>0</v>
      </c>
    </row>
    <row r="23067" spans="1:5" x14ac:dyDescent="0.25">
      <c r="A23067" s="2">
        <v>4613</v>
      </c>
      <c r="B23067" s="2">
        <v>4613</v>
      </c>
      <c r="C23067" s="1" t="s">
        <v>0</v>
      </c>
      <c r="D23067" s="2">
        <v>175895</v>
      </c>
      <c r="E23067" s="1" t="s">
        <v>0</v>
      </c>
    </row>
    <row r="23068" spans="1:5" x14ac:dyDescent="0.25">
      <c r="A23068" s="1" t="s">
        <v>4191</v>
      </c>
      <c r="B23068" s="1" t="s">
        <v>11691</v>
      </c>
      <c r="C23068" s="1" t="s">
        <v>44644</v>
      </c>
      <c r="D23068" s="2">
        <v>175896</v>
      </c>
      <c r="E23068" s="1" t="s">
        <v>0</v>
      </c>
    </row>
    <row r="23069" spans="1:5" x14ac:dyDescent="0.25">
      <c r="A23069" s="1" t="s">
        <v>44645</v>
      </c>
      <c r="B23069" s="1" t="s">
        <v>58588</v>
      </c>
      <c r="C23069" s="1" t="s">
        <v>44646</v>
      </c>
      <c r="D23069" s="2">
        <v>175897</v>
      </c>
      <c r="E23069" s="1" t="s">
        <v>0</v>
      </c>
    </row>
    <row r="23070" spans="1:5" ht="409.5" x14ac:dyDescent="0.25">
      <c r="A23070" s="4" t="s">
        <v>44647</v>
      </c>
      <c r="B23070" s="1" t="s">
        <v>58589</v>
      </c>
      <c r="C23070" s="1" t="s">
        <v>44648</v>
      </c>
      <c r="D23070" s="2">
        <v>175898</v>
      </c>
      <c r="E23070" s="1" t="s">
        <v>0</v>
      </c>
    </row>
    <row r="23071" spans="1:5" x14ac:dyDescent="0.25">
      <c r="A23071" s="1" t="s">
        <v>44649</v>
      </c>
      <c r="B23071" s="1" t="s">
        <v>11692</v>
      </c>
      <c r="C23071" s="1" t="s">
        <v>44650</v>
      </c>
      <c r="D23071" s="2">
        <v>175899</v>
      </c>
      <c r="E23071" s="1" t="s">
        <v>0</v>
      </c>
    </row>
    <row r="23072" spans="1:5" x14ac:dyDescent="0.25">
      <c r="A23072" s="2">
        <v>4614</v>
      </c>
      <c r="B23072" s="2">
        <v>4614</v>
      </c>
      <c r="C23072" s="1" t="s">
        <v>0</v>
      </c>
      <c r="D23072" s="2">
        <v>175900</v>
      </c>
      <c r="E23072" s="1" t="s">
        <v>0</v>
      </c>
    </row>
    <row r="23073" spans="1:5" x14ac:dyDescent="0.25">
      <c r="A23073" s="1" t="s">
        <v>4192</v>
      </c>
      <c r="B23073" s="1" t="s">
        <v>11693</v>
      </c>
      <c r="C23073" s="1" t="s">
        <v>44651</v>
      </c>
      <c r="D23073" s="2">
        <v>175901</v>
      </c>
      <c r="E23073" s="1" t="s">
        <v>0</v>
      </c>
    </row>
    <row r="23074" spans="1:5" x14ac:dyDescent="0.25">
      <c r="A23074" s="1" t="s">
        <v>44652</v>
      </c>
      <c r="B23074" s="1" t="s">
        <v>56076</v>
      </c>
      <c r="C23074" s="1" t="s">
        <v>44653</v>
      </c>
      <c r="D23074" s="2">
        <v>175902</v>
      </c>
      <c r="E23074" s="1" t="s">
        <v>0</v>
      </c>
    </row>
    <row r="23075" spans="1:5" ht="409.5" x14ac:dyDescent="0.25">
      <c r="A23075" s="4" t="s">
        <v>44654</v>
      </c>
      <c r="B23075" s="1" t="s">
        <v>56077</v>
      </c>
      <c r="C23075" s="1" t="s">
        <v>44655</v>
      </c>
      <c r="D23075" s="2">
        <v>175903</v>
      </c>
      <c r="E23075" s="1" t="s">
        <v>0</v>
      </c>
    </row>
    <row r="23076" spans="1:5" x14ac:dyDescent="0.25">
      <c r="A23076" s="1" t="s">
        <v>44656</v>
      </c>
      <c r="B23076" s="1" t="s">
        <v>11694</v>
      </c>
      <c r="C23076" s="1" t="s">
        <v>44657</v>
      </c>
      <c r="D23076" s="2">
        <v>175904</v>
      </c>
      <c r="E23076" s="1" t="s">
        <v>0</v>
      </c>
    </row>
    <row r="23077" spans="1:5" x14ac:dyDescent="0.25">
      <c r="A23077" s="2">
        <v>4615</v>
      </c>
      <c r="B23077" s="2">
        <v>4615</v>
      </c>
      <c r="C23077" s="1" t="s">
        <v>0</v>
      </c>
      <c r="D23077" s="2">
        <v>175905</v>
      </c>
      <c r="E23077" s="1" t="s">
        <v>0</v>
      </c>
    </row>
    <row r="23078" spans="1:5" x14ac:dyDescent="0.25">
      <c r="A23078" s="1" t="s">
        <v>4193</v>
      </c>
      <c r="B23078" s="1" t="s">
        <v>11695</v>
      </c>
      <c r="C23078" s="1" t="s">
        <v>44658</v>
      </c>
      <c r="D23078" s="2">
        <v>175906</v>
      </c>
      <c r="E23078" s="1" t="s">
        <v>0</v>
      </c>
    </row>
    <row r="23079" spans="1:5" x14ac:dyDescent="0.25">
      <c r="A23079" s="1" t="s">
        <v>44659</v>
      </c>
      <c r="B23079" s="1" t="s">
        <v>63515</v>
      </c>
      <c r="C23079" s="1" t="s">
        <v>44660</v>
      </c>
      <c r="D23079" s="2">
        <v>175907</v>
      </c>
      <c r="E23079" s="1" t="s">
        <v>0</v>
      </c>
    </row>
    <row r="23080" spans="1:5" ht="409.5" x14ac:dyDescent="0.25">
      <c r="A23080" s="4" t="s">
        <v>44661</v>
      </c>
      <c r="B23080" s="1" t="s">
        <v>63516</v>
      </c>
      <c r="C23080" s="1" t="s">
        <v>44662</v>
      </c>
      <c r="D23080" s="2">
        <v>175908</v>
      </c>
      <c r="E23080" s="1" t="s">
        <v>0</v>
      </c>
    </row>
    <row r="23081" spans="1:5" x14ac:dyDescent="0.25">
      <c r="A23081" s="1" t="s">
        <v>44663</v>
      </c>
      <c r="B23081" s="1" t="s">
        <v>56078</v>
      </c>
      <c r="C23081" s="1" t="s">
        <v>44664</v>
      </c>
      <c r="D23081" s="2">
        <v>175909</v>
      </c>
      <c r="E23081" s="1" t="s">
        <v>0</v>
      </c>
    </row>
    <row r="23082" spans="1:5" x14ac:dyDescent="0.25">
      <c r="A23082" s="2">
        <v>4616</v>
      </c>
      <c r="B23082" s="2">
        <v>4616</v>
      </c>
      <c r="C23082" s="1" t="s">
        <v>0</v>
      </c>
      <c r="D23082" s="2">
        <v>175910</v>
      </c>
      <c r="E23082" s="1" t="s">
        <v>0</v>
      </c>
    </row>
    <row r="23083" spans="1:5" x14ac:dyDescent="0.25">
      <c r="A23083" s="1" t="s">
        <v>4194</v>
      </c>
      <c r="B23083" s="1" t="s">
        <v>56079</v>
      </c>
      <c r="C23083" s="1" t="s">
        <v>44665</v>
      </c>
      <c r="D23083" s="2">
        <v>175911</v>
      </c>
      <c r="E23083" s="1" t="s">
        <v>0</v>
      </c>
    </row>
    <row r="23084" spans="1:5" x14ac:dyDescent="0.25">
      <c r="A23084" s="1" t="s">
        <v>44666</v>
      </c>
      <c r="B23084" s="1" t="s">
        <v>61380</v>
      </c>
      <c r="C23084" s="1" t="s">
        <v>44667</v>
      </c>
      <c r="D23084" s="2">
        <v>175912</v>
      </c>
      <c r="E23084" s="1" t="s">
        <v>0</v>
      </c>
    </row>
    <row r="23085" spans="1:5" ht="409.5" x14ac:dyDescent="0.25">
      <c r="A23085" s="4" t="s">
        <v>44668</v>
      </c>
      <c r="B23085" s="1" t="s">
        <v>61381</v>
      </c>
      <c r="C23085" s="1" t="s">
        <v>44669</v>
      </c>
      <c r="D23085" s="2">
        <v>175913</v>
      </c>
      <c r="E23085" s="1" t="s">
        <v>0</v>
      </c>
    </row>
    <row r="23086" spans="1:5" x14ac:dyDescent="0.25">
      <c r="A23086" s="1" t="s">
        <v>44670</v>
      </c>
      <c r="B23086" s="1" t="s">
        <v>11696</v>
      </c>
      <c r="C23086" s="1" t="s">
        <v>44671</v>
      </c>
      <c r="D23086" s="2">
        <v>175914</v>
      </c>
      <c r="E23086" s="1" t="s">
        <v>0</v>
      </c>
    </row>
    <row r="23087" spans="1:5" x14ac:dyDescent="0.25">
      <c r="A23087" s="2">
        <v>4617</v>
      </c>
      <c r="B23087" s="2">
        <v>4617</v>
      </c>
      <c r="C23087" s="1" t="s">
        <v>0</v>
      </c>
      <c r="D23087" s="2">
        <v>175915</v>
      </c>
      <c r="E23087" s="1" t="s">
        <v>0</v>
      </c>
    </row>
    <row r="23088" spans="1:5" x14ac:dyDescent="0.25">
      <c r="A23088" s="1" t="s">
        <v>4195</v>
      </c>
      <c r="B23088" s="1" t="s">
        <v>11697</v>
      </c>
      <c r="C23088" s="1" t="s">
        <v>44672</v>
      </c>
      <c r="D23088" s="2">
        <v>175916</v>
      </c>
      <c r="E23088" s="1" t="s">
        <v>0</v>
      </c>
    </row>
    <row r="23089" spans="1:5" x14ac:dyDescent="0.25">
      <c r="A23089" s="1" t="s">
        <v>44673</v>
      </c>
      <c r="B23089" s="1" t="s">
        <v>58590</v>
      </c>
      <c r="C23089" s="1" t="s">
        <v>44674</v>
      </c>
      <c r="D23089" s="2">
        <v>175917</v>
      </c>
      <c r="E23089" s="1" t="s">
        <v>0</v>
      </c>
    </row>
    <row r="23090" spans="1:5" ht="409.5" x14ac:dyDescent="0.25">
      <c r="A23090" s="4" t="s">
        <v>64354</v>
      </c>
      <c r="B23090" s="1" t="s">
        <v>61382</v>
      </c>
      <c r="C23090" s="1" t="s">
        <v>44675</v>
      </c>
      <c r="D23090" s="2">
        <v>175918</v>
      </c>
      <c r="E23090" s="1" t="s">
        <v>0</v>
      </c>
    </row>
    <row r="23091" spans="1:5" x14ac:dyDescent="0.25">
      <c r="A23091" s="1" t="s">
        <v>44676</v>
      </c>
      <c r="B23091" s="1" t="s">
        <v>56080</v>
      </c>
      <c r="C23091" s="1" t="s">
        <v>44677</v>
      </c>
      <c r="D23091" s="2">
        <v>175919</v>
      </c>
      <c r="E23091" s="1" t="s">
        <v>0</v>
      </c>
    </row>
    <row r="23092" spans="1:5" x14ac:dyDescent="0.25">
      <c r="A23092" s="2">
        <v>4618</v>
      </c>
      <c r="B23092" s="2">
        <v>4618</v>
      </c>
      <c r="C23092" s="1" t="s">
        <v>0</v>
      </c>
      <c r="D23092" s="2">
        <v>175920</v>
      </c>
      <c r="E23092" s="1" t="s">
        <v>0</v>
      </c>
    </row>
    <row r="23093" spans="1:5" x14ac:dyDescent="0.25">
      <c r="A23093" s="1" t="s">
        <v>4196</v>
      </c>
      <c r="B23093" s="1" t="s">
        <v>11698</v>
      </c>
      <c r="C23093" s="1" t="s">
        <v>44678</v>
      </c>
      <c r="D23093" s="2">
        <v>175921</v>
      </c>
      <c r="E23093" s="1" t="s">
        <v>0</v>
      </c>
    </row>
    <row r="23094" spans="1:5" x14ac:dyDescent="0.25">
      <c r="A23094" s="1" t="s">
        <v>44679</v>
      </c>
      <c r="B23094" s="1" t="s">
        <v>11699</v>
      </c>
      <c r="C23094" s="1" t="s">
        <v>44680</v>
      </c>
      <c r="D23094" s="2">
        <v>175922</v>
      </c>
      <c r="E23094" s="1" t="s">
        <v>0</v>
      </c>
    </row>
    <row r="23095" spans="1:5" ht="409.5" x14ac:dyDescent="0.25">
      <c r="A23095" s="4" t="s">
        <v>64355</v>
      </c>
      <c r="B23095" s="1" t="s">
        <v>56081</v>
      </c>
      <c r="C23095" s="1" t="s">
        <v>44681</v>
      </c>
      <c r="D23095" s="2">
        <v>175923</v>
      </c>
      <c r="E23095" s="1" t="s">
        <v>0</v>
      </c>
    </row>
    <row r="23096" spans="1:5" x14ac:dyDescent="0.25">
      <c r="A23096" s="1" t="s">
        <v>44682</v>
      </c>
      <c r="B23096" s="1" t="s">
        <v>51049</v>
      </c>
      <c r="C23096" s="1" t="s">
        <v>44683</v>
      </c>
      <c r="D23096" s="2">
        <v>175924</v>
      </c>
      <c r="E23096" s="1" t="s">
        <v>0</v>
      </c>
    </row>
    <row r="23097" spans="1:5" x14ac:dyDescent="0.25">
      <c r="A23097" s="2">
        <v>4619</v>
      </c>
      <c r="B23097" s="2">
        <v>4619</v>
      </c>
      <c r="C23097" s="1" t="s">
        <v>0</v>
      </c>
      <c r="D23097" s="2">
        <v>175925</v>
      </c>
      <c r="E23097" s="1" t="s">
        <v>0</v>
      </c>
    </row>
    <row r="23098" spans="1:5" x14ac:dyDescent="0.25">
      <c r="A23098" s="1" t="s">
        <v>4197</v>
      </c>
      <c r="B23098" s="1" t="s">
        <v>11700</v>
      </c>
      <c r="C23098" s="1" t="s">
        <v>44684</v>
      </c>
      <c r="D23098" s="2">
        <v>175926</v>
      </c>
      <c r="E23098" s="1" t="s">
        <v>0</v>
      </c>
    </row>
    <row r="23099" spans="1:5" x14ac:dyDescent="0.25">
      <c r="A23099" s="1" t="s">
        <v>44685</v>
      </c>
      <c r="B23099" s="1" t="s">
        <v>62975</v>
      </c>
      <c r="C23099" s="1" t="s">
        <v>44686</v>
      </c>
      <c r="D23099" s="2">
        <v>175927</v>
      </c>
      <c r="E23099" s="1" t="s">
        <v>0</v>
      </c>
    </row>
    <row r="23100" spans="1:5" ht="409.5" x14ac:dyDescent="0.25">
      <c r="A23100" s="4" t="s">
        <v>44687</v>
      </c>
      <c r="B23100" s="1" t="s">
        <v>62976</v>
      </c>
      <c r="C23100" s="1" t="s">
        <v>44688</v>
      </c>
      <c r="D23100" s="2">
        <v>175928</v>
      </c>
      <c r="E23100" s="1" t="s">
        <v>0</v>
      </c>
    </row>
    <row r="23101" spans="1:5" x14ac:dyDescent="0.25">
      <c r="A23101" s="1" t="s">
        <v>44689</v>
      </c>
      <c r="B23101" s="1" t="s">
        <v>56082</v>
      </c>
      <c r="C23101" s="1" t="s">
        <v>44690</v>
      </c>
      <c r="D23101" s="2">
        <v>175929</v>
      </c>
      <c r="E23101" s="1" t="s">
        <v>0</v>
      </c>
    </row>
    <row r="23102" spans="1:5" x14ac:dyDescent="0.25">
      <c r="A23102" s="2">
        <v>4620</v>
      </c>
      <c r="B23102" s="2">
        <v>4620</v>
      </c>
      <c r="C23102" s="1" t="s">
        <v>0</v>
      </c>
      <c r="D23102" s="2">
        <v>175930</v>
      </c>
      <c r="E23102" s="1" t="s">
        <v>0</v>
      </c>
    </row>
    <row r="23103" spans="1:5" x14ac:dyDescent="0.25">
      <c r="A23103" s="1" t="s">
        <v>4198</v>
      </c>
      <c r="B23103" s="1" t="s">
        <v>11701</v>
      </c>
      <c r="C23103" s="1" t="s">
        <v>44691</v>
      </c>
      <c r="D23103" s="2">
        <v>175931</v>
      </c>
      <c r="E23103" s="1" t="s">
        <v>0</v>
      </c>
    </row>
    <row r="23104" spans="1:5" x14ac:dyDescent="0.25">
      <c r="A23104" s="1" t="s">
        <v>44692</v>
      </c>
      <c r="B23104" s="1" t="s">
        <v>11702</v>
      </c>
      <c r="C23104" s="1" t="s">
        <v>44693</v>
      </c>
      <c r="D23104" s="2">
        <v>175932</v>
      </c>
      <c r="E23104" s="1" t="s">
        <v>0</v>
      </c>
    </row>
    <row r="23105" spans="1:5" ht="409.5" x14ac:dyDescent="0.25">
      <c r="A23105" s="4" t="s">
        <v>44694</v>
      </c>
      <c r="B23105" s="1" t="s">
        <v>11703</v>
      </c>
      <c r="C23105" s="1" t="s">
        <v>44695</v>
      </c>
      <c r="D23105" s="2">
        <v>175933</v>
      </c>
      <c r="E23105" s="1" t="s">
        <v>0</v>
      </c>
    </row>
    <row r="23106" spans="1:5" x14ac:dyDescent="0.25">
      <c r="A23106" s="1" t="s">
        <v>44696</v>
      </c>
      <c r="B23106" s="1" t="s">
        <v>61383</v>
      </c>
      <c r="C23106" s="1" t="s">
        <v>44697</v>
      </c>
      <c r="D23106" s="2">
        <v>175934</v>
      </c>
      <c r="E23106" s="1" t="s">
        <v>0</v>
      </c>
    </row>
    <row r="23107" spans="1:5" x14ac:dyDescent="0.25">
      <c r="A23107" s="2">
        <v>4621</v>
      </c>
      <c r="B23107" s="2">
        <v>4621</v>
      </c>
      <c r="C23107" s="1" t="s">
        <v>0</v>
      </c>
      <c r="D23107" s="2">
        <v>175935</v>
      </c>
      <c r="E23107" s="1" t="s">
        <v>0</v>
      </c>
    </row>
    <row r="23108" spans="1:5" x14ac:dyDescent="0.25">
      <c r="A23108" s="1" t="s">
        <v>4199</v>
      </c>
      <c r="B23108" s="1" t="s">
        <v>11704</v>
      </c>
      <c r="C23108" s="1" t="s">
        <v>44698</v>
      </c>
      <c r="D23108" s="2">
        <v>175936</v>
      </c>
      <c r="E23108" s="1" t="s">
        <v>0</v>
      </c>
    </row>
    <row r="23109" spans="1:5" x14ac:dyDescent="0.25">
      <c r="A23109" s="1" t="s">
        <v>44699</v>
      </c>
      <c r="B23109" s="1" t="s">
        <v>11705</v>
      </c>
      <c r="C23109" s="1" t="s">
        <v>44700</v>
      </c>
      <c r="D23109" s="2">
        <v>175937</v>
      </c>
      <c r="E23109" s="1" t="s">
        <v>0</v>
      </c>
    </row>
    <row r="23110" spans="1:5" ht="409.5" x14ac:dyDescent="0.25">
      <c r="A23110" s="4" t="s">
        <v>44701</v>
      </c>
      <c r="B23110" s="1" t="s">
        <v>11706</v>
      </c>
      <c r="C23110" s="1" t="s">
        <v>44702</v>
      </c>
      <c r="D23110" s="2">
        <v>175938</v>
      </c>
      <c r="E23110" s="1" t="s">
        <v>0</v>
      </c>
    </row>
    <row r="23111" spans="1:5" x14ac:dyDescent="0.25">
      <c r="A23111" s="1" t="s">
        <v>44703</v>
      </c>
      <c r="B23111" s="1" t="s">
        <v>56083</v>
      </c>
      <c r="C23111" s="1" t="s">
        <v>44704</v>
      </c>
      <c r="D23111" s="2">
        <v>175939</v>
      </c>
      <c r="E23111" s="1" t="s">
        <v>0</v>
      </c>
    </row>
    <row r="23112" spans="1:5" x14ac:dyDescent="0.25">
      <c r="A23112" s="2">
        <v>4622</v>
      </c>
      <c r="B23112" s="2">
        <v>4622</v>
      </c>
      <c r="C23112" s="1" t="s">
        <v>0</v>
      </c>
      <c r="D23112" s="2">
        <v>175940</v>
      </c>
      <c r="E23112" s="1" t="s">
        <v>0</v>
      </c>
    </row>
    <row r="23113" spans="1:5" x14ac:dyDescent="0.25">
      <c r="A23113" s="1" t="s">
        <v>4200</v>
      </c>
      <c r="B23113" s="1" t="s">
        <v>11707</v>
      </c>
      <c r="C23113" s="1" t="s">
        <v>44705</v>
      </c>
      <c r="D23113" s="2">
        <v>175941</v>
      </c>
      <c r="E23113" s="1" t="s">
        <v>0</v>
      </c>
    </row>
    <row r="23114" spans="1:5" x14ac:dyDescent="0.25">
      <c r="A23114" s="1" t="s">
        <v>44706</v>
      </c>
      <c r="B23114" s="1" t="s">
        <v>11708</v>
      </c>
      <c r="C23114" s="1" t="s">
        <v>44707</v>
      </c>
      <c r="D23114" s="2">
        <v>175942</v>
      </c>
      <c r="E23114" s="1" t="s">
        <v>0</v>
      </c>
    </row>
    <row r="23115" spans="1:5" ht="409.5" x14ac:dyDescent="0.25">
      <c r="A23115" s="4" t="s">
        <v>64356</v>
      </c>
      <c r="B23115" s="1" t="s">
        <v>61725</v>
      </c>
      <c r="C23115" s="1" t="s">
        <v>44708</v>
      </c>
      <c r="D23115" s="2">
        <v>175943</v>
      </c>
      <c r="E23115" s="1" t="s">
        <v>0</v>
      </c>
    </row>
    <row r="23116" spans="1:5" x14ac:dyDescent="0.25">
      <c r="A23116" s="1" t="s">
        <v>44709</v>
      </c>
      <c r="B23116" s="1" t="s">
        <v>61726</v>
      </c>
      <c r="C23116" s="1" t="s">
        <v>44710</v>
      </c>
      <c r="D23116" s="2">
        <v>175944</v>
      </c>
      <c r="E23116" s="1" t="s">
        <v>0</v>
      </c>
    </row>
    <row r="23117" spans="1:5" x14ac:dyDescent="0.25">
      <c r="A23117" s="2">
        <v>4623</v>
      </c>
      <c r="B23117" s="2">
        <v>4623</v>
      </c>
      <c r="C23117" s="1" t="s">
        <v>0</v>
      </c>
      <c r="D23117" s="2">
        <v>175945</v>
      </c>
      <c r="E23117" s="1" t="s">
        <v>0</v>
      </c>
    </row>
    <row r="23118" spans="1:5" x14ac:dyDescent="0.25">
      <c r="A23118" s="1" t="s">
        <v>11709</v>
      </c>
      <c r="B23118" s="1" t="s">
        <v>59089</v>
      </c>
      <c r="C23118" s="1" t="s">
        <v>44711</v>
      </c>
      <c r="D23118" s="2">
        <v>175946</v>
      </c>
      <c r="E23118" s="1" t="s">
        <v>0</v>
      </c>
    </row>
    <row r="23119" spans="1:5" x14ac:dyDescent="0.25">
      <c r="A23119" s="1" t="s">
        <v>44712</v>
      </c>
      <c r="B23119" s="1" t="s">
        <v>56084</v>
      </c>
      <c r="C23119" s="1" t="s">
        <v>44713</v>
      </c>
      <c r="D23119" s="2">
        <v>175947</v>
      </c>
      <c r="E23119" s="1" t="s">
        <v>0</v>
      </c>
    </row>
    <row r="23120" spans="1:5" ht="409.5" x14ac:dyDescent="0.25">
      <c r="A23120" s="4" t="s">
        <v>44714</v>
      </c>
      <c r="B23120" s="1" t="s">
        <v>56085</v>
      </c>
      <c r="C23120" s="1" t="s">
        <v>44715</v>
      </c>
      <c r="D23120" s="2">
        <v>175948</v>
      </c>
      <c r="E23120" s="1" t="s">
        <v>0</v>
      </c>
    </row>
    <row r="23121" spans="1:5" x14ac:dyDescent="0.25">
      <c r="A23121" s="1" t="s">
        <v>44716</v>
      </c>
      <c r="B23121" s="1" t="s">
        <v>56086</v>
      </c>
      <c r="C23121" s="1" t="s">
        <v>44717</v>
      </c>
      <c r="D23121" s="2">
        <v>175949</v>
      </c>
      <c r="E23121" s="1" t="s">
        <v>0</v>
      </c>
    </row>
    <row r="23122" spans="1:5" x14ac:dyDescent="0.25">
      <c r="A23122" s="2">
        <v>4624</v>
      </c>
      <c r="B23122" s="2">
        <v>4624</v>
      </c>
      <c r="C23122" s="1" t="s">
        <v>0</v>
      </c>
      <c r="D23122" s="2">
        <v>175950</v>
      </c>
      <c r="E23122" s="1" t="s">
        <v>0</v>
      </c>
    </row>
    <row r="23123" spans="1:5" x14ac:dyDescent="0.25">
      <c r="A23123" s="1" t="s">
        <v>44718</v>
      </c>
      <c r="B23123" s="1" t="s">
        <v>51050</v>
      </c>
      <c r="C23123" s="1" t="s">
        <v>44719</v>
      </c>
      <c r="D23123" s="2">
        <v>175951</v>
      </c>
      <c r="E23123" s="1" t="s">
        <v>0</v>
      </c>
    </row>
    <row r="23124" spans="1:5" x14ac:dyDescent="0.25">
      <c r="A23124" s="1" t="s">
        <v>64357</v>
      </c>
      <c r="B23124" s="1" t="s">
        <v>56087</v>
      </c>
      <c r="C23124" s="1" t="s">
        <v>44720</v>
      </c>
      <c r="D23124" s="2">
        <v>175952</v>
      </c>
      <c r="E23124" s="1" t="s">
        <v>0</v>
      </c>
    </row>
    <row r="23125" spans="1:5" ht="409.5" x14ac:dyDescent="0.25">
      <c r="A23125" s="4" t="s">
        <v>64358</v>
      </c>
      <c r="B23125" s="1" t="s">
        <v>56088</v>
      </c>
      <c r="C23125" s="1" t="s">
        <v>44721</v>
      </c>
      <c r="D23125" s="2">
        <v>175953</v>
      </c>
      <c r="E23125" s="1" t="s">
        <v>0</v>
      </c>
    </row>
    <row r="23126" spans="1:5" x14ac:dyDescent="0.25">
      <c r="A23126" s="1" t="s">
        <v>44722</v>
      </c>
      <c r="B23126" s="1" t="s">
        <v>56089</v>
      </c>
      <c r="C23126" s="1" t="s">
        <v>44723</v>
      </c>
      <c r="D23126" s="2">
        <v>175954</v>
      </c>
      <c r="E23126" s="1" t="s">
        <v>0</v>
      </c>
    </row>
    <row r="23127" spans="1:5" x14ac:dyDescent="0.25">
      <c r="A23127" s="2">
        <v>4625</v>
      </c>
      <c r="B23127" s="2">
        <v>4625</v>
      </c>
      <c r="C23127" s="1" t="s">
        <v>0</v>
      </c>
      <c r="D23127" s="2">
        <v>175955</v>
      </c>
      <c r="E23127" s="1" t="s">
        <v>0</v>
      </c>
    </row>
    <row r="23128" spans="1:5" x14ac:dyDescent="0.25">
      <c r="A23128" s="1" t="s">
        <v>4201</v>
      </c>
      <c r="B23128" s="1" t="s">
        <v>11710</v>
      </c>
      <c r="C23128" s="1" t="s">
        <v>44724</v>
      </c>
      <c r="D23128" s="2">
        <v>175956</v>
      </c>
      <c r="E23128" s="1" t="s">
        <v>0</v>
      </c>
    </row>
    <row r="23129" spans="1:5" x14ac:dyDescent="0.25">
      <c r="A23129" s="1" t="s">
        <v>44725</v>
      </c>
      <c r="B23129" s="1" t="s">
        <v>56090</v>
      </c>
      <c r="C23129" s="1" t="s">
        <v>44726</v>
      </c>
      <c r="D23129" s="2">
        <v>175957</v>
      </c>
      <c r="E23129" s="1" t="s">
        <v>0</v>
      </c>
    </row>
    <row r="23130" spans="1:5" ht="409.5" x14ac:dyDescent="0.25">
      <c r="A23130" s="4" t="s">
        <v>44727</v>
      </c>
      <c r="B23130" s="1" t="s">
        <v>56091</v>
      </c>
      <c r="C23130" s="1" t="s">
        <v>44728</v>
      </c>
      <c r="D23130" s="2">
        <v>175958</v>
      </c>
      <c r="E23130" s="1" t="s">
        <v>0</v>
      </c>
    </row>
    <row r="23131" spans="1:5" x14ac:dyDescent="0.25">
      <c r="A23131" s="1" t="s">
        <v>44729</v>
      </c>
      <c r="B23131" s="1" t="s">
        <v>11711</v>
      </c>
      <c r="C23131" s="1" t="s">
        <v>44730</v>
      </c>
      <c r="D23131" s="2">
        <v>175959</v>
      </c>
      <c r="E23131" s="1" t="s">
        <v>0</v>
      </c>
    </row>
    <row r="23132" spans="1:5" x14ac:dyDescent="0.25">
      <c r="A23132" s="2">
        <v>4626</v>
      </c>
      <c r="B23132" s="2">
        <v>4626</v>
      </c>
      <c r="C23132" s="1" t="s">
        <v>0</v>
      </c>
      <c r="D23132" s="2">
        <v>175960</v>
      </c>
      <c r="E23132" s="1" t="s">
        <v>0</v>
      </c>
    </row>
    <row r="23133" spans="1:5" x14ac:dyDescent="0.25">
      <c r="A23133" s="1" t="s">
        <v>4202</v>
      </c>
      <c r="B23133" s="1" t="s">
        <v>11712</v>
      </c>
      <c r="C23133" s="1" t="s">
        <v>44731</v>
      </c>
      <c r="D23133" s="2">
        <v>175961</v>
      </c>
      <c r="E23133" s="1" t="s">
        <v>0</v>
      </c>
    </row>
    <row r="23134" spans="1:5" x14ac:dyDescent="0.25">
      <c r="A23134" s="1" t="s">
        <v>44732</v>
      </c>
      <c r="B23134" s="1" t="s">
        <v>11713</v>
      </c>
      <c r="C23134" s="1" t="s">
        <v>44733</v>
      </c>
      <c r="D23134" s="2">
        <v>175962</v>
      </c>
      <c r="E23134" s="1" t="s">
        <v>0</v>
      </c>
    </row>
    <row r="23135" spans="1:5" ht="409.5" x14ac:dyDescent="0.25">
      <c r="A23135" s="4" t="s">
        <v>44734</v>
      </c>
      <c r="B23135" s="1" t="s">
        <v>60470</v>
      </c>
      <c r="C23135" s="1" t="s">
        <v>44735</v>
      </c>
      <c r="D23135" s="2">
        <v>175963</v>
      </c>
      <c r="E23135" s="1" t="s">
        <v>0</v>
      </c>
    </row>
    <row r="23136" spans="1:5" x14ac:dyDescent="0.25">
      <c r="A23136" s="1" t="s">
        <v>14855</v>
      </c>
      <c r="B23136" s="1" t="s">
        <v>60879</v>
      </c>
      <c r="C23136" s="1" t="s">
        <v>14856</v>
      </c>
      <c r="D23136" s="2">
        <v>175964</v>
      </c>
      <c r="E23136" s="1" t="s">
        <v>0</v>
      </c>
    </row>
    <row r="23137" spans="1:5" x14ac:dyDescent="0.25">
      <c r="A23137" s="2">
        <v>4627</v>
      </c>
      <c r="B23137" s="2">
        <v>4627</v>
      </c>
      <c r="C23137" s="1" t="s">
        <v>0</v>
      </c>
      <c r="D23137" s="2">
        <v>175965</v>
      </c>
      <c r="E23137" s="1" t="s">
        <v>0</v>
      </c>
    </row>
    <row r="23138" spans="1:5" x14ac:dyDescent="0.25">
      <c r="A23138" s="1" t="s">
        <v>4203</v>
      </c>
      <c r="B23138" s="1" t="s">
        <v>11714</v>
      </c>
      <c r="C23138" s="1" t="s">
        <v>44736</v>
      </c>
      <c r="D23138" s="2">
        <v>175966</v>
      </c>
      <c r="E23138" s="1" t="s">
        <v>0</v>
      </c>
    </row>
    <row r="23139" spans="1:5" x14ac:dyDescent="0.25">
      <c r="A23139" s="1" t="s">
        <v>44737</v>
      </c>
      <c r="B23139" s="1" t="s">
        <v>56092</v>
      </c>
      <c r="C23139" s="1" t="s">
        <v>44738</v>
      </c>
      <c r="D23139" s="2">
        <v>175967</v>
      </c>
      <c r="E23139" s="1" t="s">
        <v>0</v>
      </c>
    </row>
    <row r="23140" spans="1:5" ht="409.5" x14ac:dyDescent="0.25">
      <c r="A23140" s="4" t="s">
        <v>44739</v>
      </c>
      <c r="B23140" s="1" t="s">
        <v>56093</v>
      </c>
      <c r="C23140" s="1" t="s">
        <v>44740</v>
      </c>
      <c r="D23140" s="2">
        <v>175968</v>
      </c>
      <c r="E23140" s="1" t="s">
        <v>0</v>
      </c>
    </row>
    <row r="23141" spans="1:5" x14ac:dyDescent="0.25">
      <c r="A23141" s="1" t="s">
        <v>44741</v>
      </c>
      <c r="B23141" s="1" t="s">
        <v>11715</v>
      </c>
      <c r="C23141" s="1" t="s">
        <v>44742</v>
      </c>
      <c r="D23141" s="2">
        <v>175969</v>
      </c>
      <c r="E23141" s="1" t="s">
        <v>0</v>
      </c>
    </row>
    <row r="23142" spans="1:5" x14ac:dyDescent="0.25">
      <c r="A23142" s="2">
        <v>4628</v>
      </c>
      <c r="B23142" s="2">
        <v>4628</v>
      </c>
      <c r="C23142" s="1" t="s">
        <v>0</v>
      </c>
      <c r="D23142" s="2">
        <v>175970</v>
      </c>
      <c r="E23142" s="1" t="s">
        <v>0</v>
      </c>
    </row>
    <row r="23143" spans="1:5" x14ac:dyDescent="0.25">
      <c r="A23143" s="1" t="s">
        <v>4204</v>
      </c>
      <c r="B23143" s="1" t="s">
        <v>11716</v>
      </c>
      <c r="C23143" s="1" t="s">
        <v>44743</v>
      </c>
      <c r="D23143" s="2">
        <v>175971</v>
      </c>
      <c r="E23143" s="1" t="s">
        <v>0</v>
      </c>
    </row>
    <row r="23144" spans="1:5" x14ac:dyDescent="0.25">
      <c r="A23144" s="1" t="s">
        <v>44744</v>
      </c>
      <c r="B23144" s="1" t="s">
        <v>11717</v>
      </c>
      <c r="C23144" s="1" t="s">
        <v>44745</v>
      </c>
      <c r="D23144" s="2">
        <v>175972</v>
      </c>
      <c r="E23144" s="1" t="s">
        <v>0</v>
      </c>
    </row>
    <row r="23145" spans="1:5" ht="409.5" x14ac:dyDescent="0.25">
      <c r="A23145" s="4" t="s">
        <v>44746</v>
      </c>
      <c r="B23145" s="1" t="s">
        <v>59688</v>
      </c>
      <c r="C23145" s="1" t="s">
        <v>44747</v>
      </c>
      <c r="D23145" s="2">
        <v>175973</v>
      </c>
      <c r="E23145" s="1" t="s">
        <v>0</v>
      </c>
    </row>
    <row r="23146" spans="1:5" x14ac:dyDescent="0.25">
      <c r="A23146" s="1" t="s">
        <v>44748</v>
      </c>
      <c r="B23146" s="1" t="s">
        <v>11718</v>
      </c>
      <c r="C23146" s="1" t="s">
        <v>44749</v>
      </c>
      <c r="D23146" s="2">
        <v>175974</v>
      </c>
      <c r="E23146" s="1" t="s">
        <v>0</v>
      </c>
    </row>
    <row r="23147" spans="1:5" x14ac:dyDescent="0.25">
      <c r="A23147" s="2">
        <v>4629</v>
      </c>
      <c r="B23147" s="2">
        <v>4629</v>
      </c>
      <c r="C23147" s="1" t="s">
        <v>0</v>
      </c>
      <c r="D23147" s="2">
        <v>175975</v>
      </c>
      <c r="E23147" s="1" t="s">
        <v>0</v>
      </c>
    </row>
    <row r="23148" spans="1:5" x14ac:dyDescent="0.25">
      <c r="A23148" s="1" t="s">
        <v>4205</v>
      </c>
      <c r="B23148" s="1" t="s">
        <v>11719</v>
      </c>
      <c r="C23148" s="1" t="s">
        <v>44750</v>
      </c>
      <c r="D23148" s="2">
        <v>175976</v>
      </c>
      <c r="E23148" s="1" t="s">
        <v>0</v>
      </c>
    </row>
    <row r="23149" spans="1:5" x14ac:dyDescent="0.25">
      <c r="A23149" s="1" t="s">
        <v>44751</v>
      </c>
      <c r="B23149" s="1" t="s">
        <v>59090</v>
      </c>
      <c r="C23149" s="1" t="s">
        <v>44752</v>
      </c>
      <c r="D23149" s="2">
        <v>175977</v>
      </c>
      <c r="E23149" s="1" t="s">
        <v>0</v>
      </c>
    </row>
    <row r="23150" spans="1:5" ht="409.5" x14ac:dyDescent="0.25">
      <c r="A23150" s="4" t="s">
        <v>44753</v>
      </c>
      <c r="B23150" s="1" t="s">
        <v>59091</v>
      </c>
      <c r="C23150" s="1" t="s">
        <v>44754</v>
      </c>
      <c r="D23150" s="2">
        <v>175978</v>
      </c>
      <c r="E23150" s="1" t="s">
        <v>0</v>
      </c>
    </row>
    <row r="23151" spans="1:5" x14ac:dyDescent="0.25">
      <c r="A23151" s="1" t="s">
        <v>44755</v>
      </c>
      <c r="B23151" s="1" t="s">
        <v>11720</v>
      </c>
      <c r="C23151" s="1" t="s">
        <v>44756</v>
      </c>
      <c r="D23151" s="2">
        <v>175979</v>
      </c>
      <c r="E23151" s="1" t="s">
        <v>0</v>
      </c>
    </row>
    <row r="23152" spans="1:5" x14ac:dyDescent="0.25">
      <c r="A23152" s="2">
        <v>4630</v>
      </c>
      <c r="B23152" s="2">
        <v>4630</v>
      </c>
      <c r="C23152" s="1" t="s">
        <v>0</v>
      </c>
      <c r="D23152" s="2">
        <v>175980</v>
      </c>
      <c r="E23152" s="1" t="s">
        <v>0</v>
      </c>
    </row>
    <row r="23153" spans="1:5" x14ac:dyDescent="0.25">
      <c r="A23153" s="1" t="s">
        <v>4206</v>
      </c>
      <c r="B23153" s="1" t="s">
        <v>11721</v>
      </c>
      <c r="C23153" s="1" t="s">
        <v>44757</v>
      </c>
      <c r="D23153" s="2">
        <v>175981</v>
      </c>
      <c r="E23153" s="1" t="s">
        <v>0</v>
      </c>
    </row>
    <row r="23154" spans="1:5" x14ac:dyDescent="0.25">
      <c r="A23154" s="1" t="s">
        <v>44758</v>
      </c>
      <c r="B23154" s="1" t="s">
        <v>56094</v>
      </c>
      <c r="C23154" s="1" t="s">
        <v>44759</v>
      </c>
      <c r="D23154" s="2">
        <v>175982</v>
      </c>
      <c r="E23154" s="1" t="s">
        <v>0</v>
      </c>
    </row>
    <row r="23155" spans="1:5" ht="409.5" x14ac:dyDescent="0.25">
      <c r="A23155" s="4" t="s">
        <v>44760</v>
      </c>
      <c r="B23155" s="1" t="s">
        <v>56095</v>
      </c>
      <c r="C23155" s="1" t="s">
        <v>44761</v>
      </c>
      <c r="D23155" s="2">
        <v>175983</v>
      </c>
      <c r="E23155" s="1" t="s">
        <v>0</v>
      </c>
    </row>
    <row r="23156" spans="1:5" x14ac:dyDescent="0.25">
      <c r="A23156" s="1" t="s">
        <v>44762</v>
      </c>
      <c r="B23156" s="1" t="s">
        <v>11722</v>
      </c>
      <c r="C23156" s="1" t="s">
        <v>44763</v>
      </c>
      <c r="D23156" s="2">
        <v>175984</v>
      </c>
      <c r="E23156" s="1" t="s">
        <v>0</v>
      </c>
    </row>
    <row r="23157" spans="1:5" x14ac:dyDescent="0.25">
      <c r="A23157" s="2">
        <v>4631</v>
      </c>
      <c r="B23157" s="2">
        <v>4631</v>
      </c>
      <c r="C23157" s="1" t="s">
        <v>0</v>
      </c>
      <c r="D23157" s="2">
        <v>175985</v>
      </c>
      <c r="E23157" s="1" t="s">
        <v>0</v>
      </c>
    </row>
    <row r="23158" spans="1:5" x14ac:dyDescent="0.25">
      <c r="A23158" s="1" t="s">
        <v>4207</v>
      </c>
      <c r="B23158" s="1" t="s">
        <v>56096</v>
      </c>
      <c r="C23158" s="1" t="s">
        <v>44764</v>
      </c>
      <c r="D23158" s="2">
        <v>175986</v>
      </c>
      <c r="E23158" s="1" t="s">
        <v>0</v>
      </c>
    </row>
    <row r="23159" spans="1:5" x14ac:dyDescent="0.25">
      <c r="A23159" s="1" t="s">
        <v>44765</v>
      </c>
      <c r="B23159" s="1" t="s">
        <v>56097</v>
      </c>
      <c r="C23159" s="1" t="s">
        <v>44766</v>
      </c>
      <c r="D23159" s="2">
        <v>175987</v>
      </c>
      <c r="E23159" s="1" t="s">
        <v>0</v>
      </c>
    </row>
    <row r="23160" spans="1:5" x14ac:dyDescent="0.25">
      <c r="A23160" s="1" t="s">
        <v>44767</v>
      </c>
      <c r="B23160" s="1" t="s">
        <v>56098</v>
      </c>
      <c r="C23160" s="1" t="s">
        <v>44768</v>
      </c>
      <c r="D23160" s="2">
        <v>175988</v>
      </c>
      <c r="E23160" s="1" t="s">
        <v>0</v>
      </c>
    </row>
    <row r="23161" spans="1:5" x14ac:dyDescent="0.25">
      <c r="A23161" s="1" t="s">
        <v>44769</v>
      </c>
      <c r="B23161" s="1" t="s">
        <v>56099</v>
      </c>
      <c r="C23161" s="1" t="s">
        <v>44770</v>
      </c>
      <c r="D23161" s="2">
        <v>175989</v>
      </c>
      <c r="E23161" s="1" t="s">
        <v>0</v>
      </c>
    </row>
    <row r="23162" spans="1:5" x14ac:dyDescent="0.25">
      <c r="A23162" s="2">
        <v>4632</v>
      </c>
      <c r="B23162" s="2">
        <v>4632</v>
      </c>
      <c r="C23162" s="1" t="s">
        <v>0</v>
      </c>
      <c r="D23162" s="2">
        <v>175990</v>
      </c>
      <c r="E23162" s="1" t="s">
        <v>0</v>
      </c>
    </row>
    <row r="23163" spans="1:5" x14ac:dyDescent="0.25">
      <c r="A23163" s="1" t="s">
        <v>4208</v>
      </c>
      <c r="B23163" s="1" t="s">
        <v>11723</v>
      </c>
      <c r="C23163" s="1" t="s">
        <v>44771</v>
      </c>
      <c r="D23163" s="2">
        <v>175991</v>
      </c>
      <c r="E23163" s="1" t="s">
        <v>0</v>
      </c>
    </row>
    <row r="23164" spans="1:5" x14ac:dyDescent="0.25">
      <c r="A23164" s="1" t="s">
        <v>44772</v>
      </c>
      <c r="B23164" s="1" t="s">
        <v>56100</v>
      </c>
      <c r="C23164" s="1" t="s">
        <v>44773</v>
      </c>
      <c r="D23164" s="2">
        <v>175992</v>
      </c>
      <c r="E23164" s="1" t="s">
        <v>0</v>
      </c>
    </row>
    <row r="23165" spans="1:5" x14ac:dyDescent="0.25">
      <c r="A23165" s="1" t="s">
        <v>44774</v>
      </c>
      <c r="B23165" s="1" t="s">
        <v>56101</v>
      </c>
      <c r="C23165" s="1" t="s">
        <v>44775</v>
      </c>
      <c r="D23165" s="2">
        <v>175993</v>
      </c>
      <c r="E23165" s="1" t="s">
        <v>0</v>
      </c>
    </row>
    <row r="23166" spans="1:5" x14ac:dyDescent="0.25">
      <c r="A23166" s="1" t="s">
        <v>44776</v>
      </c>
      <c r="B23166" s="1" t="s">
        <v>57335</v>
      </c>
      <c r="C23166" s="1" t="s">
        <v>44777</v>
      </c>
      <c r="D23166" s="2">
        <v>175994</v>
      </c>
      <c r="E23166" s="1" t="s">
        <v>0</v>
      </c>
    </row>
    <row r="23167" spans="1:5" x14ac:dyDescent="0.25">
      <c r="A23167" s="2">
        <v>4633</v>
      </c>
      <c r="B23167" s="2">
        <v>4633</v>
      </c>
      <c r="C23167" s="1" t="s">
        <v>0</v>
      </c>
      <c r="D23167" s="2">
        <v>175995</v>
      </c>
      <c r="E23167" s="1" t="s">
        <v>0</v>
      </c>
    </row>
    <row r="23168" spans="1:5" x14ac:dyDescent="0.25">
      <c r="A23168" s="1" t="s">
        <v>4209</v>
      </c>
      <c r="B23168" s="1" t="s">
        <v>11724</v>
      </c>
      <c r="C23168" s="1" t="s">
        <v>44778</v>
      </c>
      <c r="D23168" s="2">
        <v>175996</v>
      </c>
      <c r="E23168" s="1" t="s">
        <v>0</v>
      </c>
    </row>
    <row r="23169" spans="1:5" x14ac:dyDescent="0.25">
      <c r="A23169" s="1" t="s">
        <v>44779</v>
      </c>
      <c r="B23169" s="1" t="s">
        <v>57336</v>
      </c>
      <c r="C23169" s="1" t="s">
        <v>44780</v>
      </c>
      <c r="D23169" s="2">
        <v>175997</v>
      </c>
      <c r="E23169" s="1" t="s">
        <v>0</v>
      </c>
    </row>
    <row r="23170" spans="1:5" ht="409.5" x14ac:dyDescent="0.25">
      <c r="A23170" s="4" t="s">
        <v>44781</v>
      </c>
      <c r="B23170" s="1" t="s">
        <v>58591</v>
      </c>
      <c r="C23170" s="1" t="s">
        <v>44782</v>
      </c>
      <c r="D23170" s="2">
        <v>175998</v>
      </c>
      <c r="E23170" s="1" t="s">
        <v>0</v>
      </c>
    </row>
    <row r="23171" spans="1:5" x14ac:dyDescent="0.25">
      <c r="A23171" s="1" t="s">
        <v>14855</v>
      </c>
      <c r="B23171" s="1" t="s">
        <v>60879</v>
      </c>
      <c r="C23171" s="1" t="s">
        <v>14856</v>
      </c>
      <c r="D23171" s="2">
        <v>175999</v>
      </c>
      <c r="E23171" s="1" t="s">
        <v>0</v>
      </c>
    </row>
    <row r="23172" spans="1:5" x14ac:dyDescent="0.25">
      <c r="A23172" s="2">
        <v>4634</v>
      </c>
      <c r="B23172" s="2">
        <v>4634</v>
      </c>
      <c r="C23172" s="1" t="s">
        <v>0</v>
      </c>
      <c r="D23172" s="2">
        <v>176000</v>
      </c>
      <c r="E23172" s="1" t="s">
        <v>0</v>
      </c>
    </row>
    <row r="23173" spans="1:5" x14ac:dyDescent="0.25">
      <c r="A23173" s="1" t="s">
        <v>4210</v>
      </c>
      <c r="B23173" s="1" t="s">
        <v>11725</v>
      </c>
      <c r="C23173" s="1" t="s">
        <v>44783</v>
      </c>
      <c r="D23173" s="2">
        <v>176001</v>
      </c>
      <c r="E23173" s="1" t="s">
        <v>0</v>
      </c>
    </row>
    <row r="23174" spans="1:5" x14ac:dyDescent="0.25">
      <c r="A23174" s="1" t="s">
        <v>44784</v>
      </c>
      <c r="B23174" s="1" t="s">
        <v>58592</v>
      </c>
      <c r="C23174" s="1" t="s">
        <v>44785</v>
      </c>
      <c r="D23174" s="2">
        <v>176002</v>
      </c>
      <c r="E23174" s="1" t="s">
        <v>0</v>
      </c>
    </row>
    <row r="23175" spans="1:5" ht="409.5" x14ac:dyDescent="0.25">
      <c r="A23175" s="4" t="s">
        <v>44786</v>
      </c>
      <c r="B23175" s="1" t="s">
        <v>58593</v>
      </c>
      <c r="C23175" s="1" t="s">
        <v>44787</v>
      </c>
      <c r="D23175" s="2">
        <v>176003</v>
      </c>
      <c r="E23175" s="1" t="s">
        <v>0</v>
      </c>
    </row>
    <row r="23176" spans="1:5" x14ac:dyDescent="0.25">
      <c r="A23176" s="1" t="s">
        <v>44788</v>
      </c>
      <c r="B23176" s="1" t="s">
        <v>56102</v>
      </c>
      <c r="C23176" s="1" t="s">
        <v>44789</v>
      </c>
      <c r="D23176" s="2">
        <v>176004</v>
      </c>
      <c r="E23176" s="1" t="s">
        <v>0</v>
      </c>
    </row>
    <row r="23177" spans="1:5" x14ac:dyDescent="0.25">
      <c r="A23177" s="2">
        <v>4635</v>
      </c>
      <c r="B23177" s="2">
        <v>4635</v>
      </c>
      <c r="C23177" s="1" t="s">
        <v>0</v>
      </c>
      <c r="D23177" s="2">
        <v>176005</v>
      </c>
      <c r="E23177" s="1" t="s">
        <v>0</v>
      </c>
    </row>
    <row r="23178" spans="1:5" x14ac:dyDescent="0.25">
      <c r="A23178" s="1" t="s">
        <v>4211</v>
      </c>
      <c r="B23178" s="1" t="s">
        <v>11726</v>
      </c>
      <c r="C23178" s="1" t="s">
        <v>44790</v>
      </c>
      <c r="D23178" s="2">
        <v>176006</v>
      </c>
      <c r="E23178" s="1" t="s">
        <v>0</v>
      </c>
    </row>
    <row r="23179" spans="1:5" x14ac:dyDescent="0.25">
      <c r="A23179" s="1" t="s">
        <v>44791</v>
      </c>
      <c r="B23179" s="1" t="s">
        <v>56103</v>
      </c>
      <c r="C23179" s="1" t="s">
        <v>44792</v>
      </c>
      <c r="D23179" s="2">
        <v>176007</v>
      </c>
      <c r="E23179" s="1" t="s">
        <v>0</v>
      </c>
    </row>
    <row r="23180" spans="1:5" ht="409.5" x14ac:dyDescent="0.25">
      <c r="A23180" s="4" t="s">
        <v>44793</v>
      </c>
      <c r="B23180" s="1" t="s">
        <v>56875</v>
      </c>
      <c r="C23180" s="1" t="s">
        <v>44794</v>
      </c>
      <c r="D23180" s="2">
        <v>176008</v>
      </c>
      <c r="E23180" s="1" t="s">
        <v>0</v>
      </c>
    </row>
    <row r="23181" spans="1:5" x14ac:dyDescent="0.25">
      <c r="A23181" s="1" t="s">
        <v>44795</v>
      </c>
      <c r="B23181" s="1" t="s">
        <v>11727</v>
      </c>
      <c r="C23181" s="1" t="s">
        <v>44796</v>
      </c>
      <c r="D23181" s="2">
        <v>176009</v>
      </c>
      <c r="E23181" s="1" t="s">
        <v>0</v>
      </c>
    </row>
    <row r="23182" spans="1:5" x14ac:dyDescent="0.25">
      <c r="A23182" s="2">
        <v>4636</v>
      </c>
      <c r="B23182" s="2">
        <v>4636</v>
      </c>
      <c r="C23182" s="1" t="s">
        <v>0</v>
      </c>
      <c r="D23182" s="2">
        <v>176010</v>
      </c>
      <c r="E23182" s="1" t="s">
        <v>0</v>
      </c>
    </row>
    <row r="23183" spans="1:5" x14ac:dyDescent="0.25">
      <c r="A23183" s="1" t="s">
        <v>4212</v>
      </c>
      <c r="B23183" s="1" t="s">
        <v>56104</v>
      </c>
      <c r="C23183" s="1" t="s">
        <v>44797</v>
      </c>
      <c r="D23183" s="2">
        <v>176011</v>
      </c>
      <c r="E23183" s="1" t="s">
        <v>0</v>
      </c>
    </row>
    <row r="23184" spans="1:5" x14ac:dyDescent="0.25">
      <c r="A23184" s="1" t="s">
        <v>44798</v>
      </c>
      <c r="B23184" s="1" t="s">
        <v>56105</v>
      </c>
      <c r="C23184" s="1" t="s">
        <v>44799</v>
      </c>
      <c r="D23184" s="2">
        <v>176012</v>
      </c>
      <c r="E23184" s="1" t="s">
        <v>0</v>
      </c>
    </row>
    <row r="23185" spans="1:5" ht="409.5" x14ac:dyDescent="0.25">
      <c r="A23185" s="4" t="s">
        <v>44800</v>
      </c>
      <c r="B23185" s="1" t="s">
        <v>56106</v>
      </c>
      <c r="C23185" s="1" t="s">
        <v>44801</v>
      </c>
      <c r="D23185" s="2">
        <v>176013</v>
      </c>
      <c r="E23185" s="1" t="s">
        <v>0</v>
      </c>
    </row>
    <row r="23186" spans="1:5" x14ac:dyDescent="0.25">
      <c r="A23186" s="1" t="s">
        <v>44802</v>
      </c>
      <c r="B23186" s="1" t="s">
        <v>11728</v>
      </c>
      <c r="C23186" s="1" t="s">
        <v>44803</v>
      </c>
      <c r="D23186" s="2">
        <v>176014</v>
      </c>
      <c r="E23186" s="1" t="s">
        <v>0</v>
      </c>
    </row>
    <row r="23187" spans="1:5" x14ac:dyDescent="0.25">
      <c r="A23187" s="2">
        <v>4637</v>
      </c>
      <c r="B23187" s="2">
        <v>4637</v>
      </c>
      <c r="C23187" s="1" t="s">
        <v>0</v>
      </c>
      <c r="D23187" s="2">
        <v>176015</v>
      </c>
      <c r="E23187" s="1" t="s">
        <v>0</v>
      </c>
    </row>
    <row r="23188" spans="1:5" x14ac:dyDescent="0.25">
      <c r="A23188" s="1" t="s">
        <v>4213</v>
      </c>
      <c r="B23188" s="1" t="s">
        <v>11729</v>
      </c>
      <c r="C23188" s="1" t="s">
        <v>44804</v>
      </c>
      <c r="D23188" s="2">
        <v>176016</v>
      </c>
      <c r="E23188" s="1" t="s">
        <v>0</v>
      </c>
    </row>
    <row r="23189" spans="1:5" x14ac:dyDescent="0.25">
      <c r="A23189" s="1" t="s">
        <v>44805</v>
      </c>
      <c r="B23189" s="1" t="s">
        <v>58594</v>
      </c>
      <c r="C23189" s="1" t="s">
        <v>44806</v>
      </c>
      <c r="D23189" s="2">
        <v>176017</v>
      </c>
      <c r="E23189" s="1" t="s">
        <v>0</v>
      </c>
    </row>
    <row r="23190" spans="1:5" ht="409.5" x14ac:dyDescent="0.25">
      <c r="A23190" s="4" t="s">
        <v>44807</v>
      </c>
      <c r="B23190" s="1" t="s">
        <v>58595</v>
      </c>
      <c r="C23190" s="1" t="s">
        <v>44808</v>
      </c>
      <c r="D23190" s="2">
        <v>176018</v>
      </c>
      <c r="E23190" s="1" t="s">
        <v>0</v>
      </c>
    </row>
    <row r="23191" spans="1:5" x14ac:dyDescent="0.25">
      <c r="A23191" s="1" t="s">
        <v>44809</v>
      </c>
      <c r="B23191" s="1" t="s">
        <v>56107</v>
      </c>
      <c r="C23191" s="1" t="s">
        <v>44810</v>
      </c>
      <c r="D23191" s="2">
        <v>176019</v>
      </c>
      <c r="E23191" s="1" t="s">
        <v>0</v>
      </c>
    </row>
    <row r="23192" spans="1:5" x14ac:dyDescent="0.25">
      <c r="A23192" s="2">
        <v>4638</v>
      </c>
      <c r="B23192" s="2">
        <v>4638</v>
      </c>
      <c r="C23192" s="1" t="s">
        <v>0</v>
      </c>
      <c r="D23192" s="2">
        <v>176020</v>
      </c>
      <c r="E23192" s="1" t="s">
        <v>0</v>
      </c>
    </row>
    <row r="23193" spans="1:5" x14ac:dyDescent="0.25">
      <c r="A23193" s="1" t="s">
        <v>13289</v>
      </c>
      <c r="B23193" s="1" t="s">
        <v>13290</v>
      </c>
      <c r="C23193" s="1" t="s">
        <v>44811</v>
      </c>
      <c r="D23193" s="2">
        <v>176021</v>
      </c>
      <c r="E23193" s="1" t="s">
        <v>0</v>
      </c>
    </row>
    <row r="23194" spans="1:5" x14ac:dyDescent="0.25">
      <c r="A23194" s="1" t="s">
        <v>44812</v>
      </c>
      <c r="B23194" s="1" t="s">
        <v>51051</v>
      </c>
      <c r="C23194" s="1" t="s">
        <v>44813</v>
      </c>
      <c r="D23194" s="2">
        <v>176022</v>
      </c>
      <c r="E23194" s="1" t="s">
        <v>0</v>
      </c>
    </row>
    <row r="23195" spans="1:5" ht="409.5" x14ac:dyDescent="0.25">
      <c r="A23195" s="4" t="s">
        <v>44814</v>
      </c>
      <c r="B23195" s="1" t="s">
        <v>58596</v>
      </c>
      <c r="C23195" s="1" t="s">
        <v>44815</v>
      </c>
      <c r="D23195" s="2">
        <v>176023</v>
      </c>
      <c r="E23195" s="1" t="s">
        <v>0</v>
      </c>
    </row>
    <row r="23196" spans="1:5" x14ac:dyDescent="0.25">
      <c r="A23196" s="1" t="s">
        <v>44816</v>
      </c>
      <c r="B23196" s="1" t="s">
        <v>56108</v>
      </c>
      <c r="C23196" s="1" t="s">
        <v>44817</v>
      </c>
      <c r="D23196" s="2">
        <v>176024</v>
      </c>
      <c r="E23196" s="1" t="s">
        <v>0</v>
      </c>
    </row>
    <row r="23197" spans="1:5" x14ac:dyDescent="0.25">
      <c r="A23197" s="2">
        <v>4639</v>
      </c>
      <c r="B23197" s="2">
        <v>4639</v>
      </c>
      <c r="C23197" s="1" t="s">
        <v>0</v>
      </c>
      <c r="D23197" s="2">
        <v>176025</v>
      </c>
      <c r="E23197" s="1" t="s">
        <v>0</v>
      </c>
    </row>
    <row r="23198" spans="1:5" x14ac:dyDescent="0.25">
      <c r="A23198" s="1" t="s">
        <v>4214</v>
      </c>
      <c r="B23198" s="1" t="s">
        <v>11730</v>
      </c>
      <c r="C23198" s="1" t="s">
        <v>44818</v>
      </c>
      <c r="D23198" s="2">
        <v>176026</v>
      </c>
      <c r="E23198" s="1" t="s">
        <v>0</v>
      </c>
    </row>
    <row r="23199" spans="1:5" x14ac:dyDescent="0.25">
      <c r="A23199" s="1" t="s">
        <v>44819</v>
      </c>
      <c r="B23199" s="1" t="s">
        <v>11731</v>
      </c>
      <c r="C23199" s="1" t="s">
        <v>44820</v>
      </c>
      <c r="D23199" s="2">
        <v>176027</v>
      </c>
      <c r="E23199" s="1" t="s">
        <v>0</v>
      </c>
    </row>
    <row r="23200" spans="1:5" ht="409.5" x14ac:dyDescent="0.25">
      <c r="A23200" s="4" t="s">
        <v>44821</v>
      </c>
      <c r="B23200" s="1" t="s">
        <v>11732</v>
      </c>
      <c r="C23200" s="1" t="s">
        <v>44822</v>
      </c>
      <c r="D23200" s="2">
        <v>176028</v>
      </c>
      <c r="E23200" s="1" t="s">
        <v>0</v>
      </c>
    </row>
    <row r="23201" spans="1:5" x14ac:dyDescent="0.25">
      <c r="A23201" s="1" t="s">
        <v>44823</v>
      </c>
      <c r="B23201" s="1" t="s">
        <v>56109</v>
      </c>
      <c r="C23201" s="1" t="s">
        <v>44824</v>
      </c>
      <c r="D23201" s="2">
        <v>176029</v>
      </c>
      <c r="E23201" s="1" t="s">
        <v>0</v>
      </c>
    </row>
    <row r="23202" spans="1:5" x14ac:dyDescent="0.25">
      <c r="A23202" s="2">
        <v>4640</v>
      </c>
      <c r="B23202" s="2">
        <v>4640</v>
      </c>
      <c r="C23202" s="1" t="s">
        <v>0</v>
      </c>
      <c r="D23202" s="2">
        <v>176030</v>
      </c>
      <c r="E23202" s="1" t="s">
        <v>0</v>
      </c>
    </row>
    <row r="23203" spans="1:5" x14ac:dyDescent="0.25">
      <c r="A23203" s="1" t="s">
        <v>4215</v>
      </c>
      <c r="B23203" s="1" t="s">
        <v>11733</v>
      </c>
      <c r="C23203" s="1" t="s">
        <v>44825</v>
      </c>
      <c r="D23203" s="2">
        <v>176031</v>
      </c>
      <c r="E23203" s="1" t="s">
        <v>0</v>
      </c>
    </row>
    <row r="23204" spans="1:5" x14ac:dyDescent="0.25">
      <c r="A23204" s="1" t="s">
        <v>44826</v>
      </c>
      <c r="B23204" s="1" t="s">
        <v>58597</v>
      </c>
      <c r="C23204" s="1" t="s">
        <v>44827</v>
      </c>
      <c r="D23204" s="2">
        <v>176032</v>
      </c>
      <c r="E23204" s="1" t="s">
        <v>0</v>
      </c>
    </row>
    <row r="23205" spans="1:5" ht="409.5" x14ac:dyDescent="0.25">
      <c r="A23205" s="4" t="s">
        <v>44828</v>
      </c>
      <c r="B23205" s="1" t="s">
        <v>58598</v>
      </c>
      <c r="C23205" s="1" t="s">
        <v>44829</v>
      </c>
      <c r="D23205" s="2">
        <v>176033</v>
      </c>
      <c r="E23205" s="1" t="s">
        <v>0</v>
      </c>
    </row>
    <row r="23206" spans="1:5" x14ac:dyDescent="0.25">
      <c r="A23206" s="1" t="s">
        <v>44830</v>
      </c>
      <c r="B23206" s="1" t="s">
        <v>56110</v>
      </c>
      <c r="C23206" s="1" t="s">
        <v>44831</v>
      </c>
      <c r="D23206" s="2">
        <v>176034</v>
      </c>
      <c r="E23206" s="1" t="s">
        <v>0</v>
      </c>
    </row>
    <row r="23207" spans="1:5" x14ac:dyDescent="0.25">
      <c r="A23207" s="2">
        <v>4641</v>
      </c>
      <c r="B23207" s="2">
        <v>4641</v>
      </c>
      <c r="C23207" s="1" t="s">
        <v>0</v>
      </c>
      <c r="D23207" s="2">
        <v>176035</v>
      </c>
      <c r="E23207" s="1" t="s">
        <v>0</v>
      </c>
    </row>
    <row r="23208" spans="1:5" x14ac:dyDescent="0.25">
      <c r="A23208" s="1" t="s">
        <v>4216</v>
      </c>
      <c r="B23208" s="1" t="s">
        <v>11734</v>
      </c>
      <c r="C23208" s="1" t="s">
        <v>44832</v>
      </c>
      <c r="D23208" s="2">
        <v>176036</v>
      </c>
      <c r="E23208" s="1" t="s">
        <v>0</v>
      </c>
    </row>
    <row r="23209" spans="1:5" x14ac:dyDescent="0.25">
      <c r="A23209" s="1" t="s">
        <v>44833</v>
      </c>
      <c r="B23209" s="1" t="s">
        <v>11735</v>
      </c>
      <c r="C23209" s="1" t="s">
        <v>44834</v>
      </c>
      <c r="D23209" s="2">
        <v>176037</v>
      </c>
      <c r="E23209" s="1" t="s">
        <v>0</v>
      </c>
    </row>
    <row r="23210" spans="1:5" ht="409.5" x14ac:dyDescent="0.25">
      <c r="A23210" s="4" t="s">
        <v>44835</v>
      </c>
      <c r="B23210" s="1" t="s">
        <v>59689</v>
      </c>
      <c r="C23210" s="1" t="s">
        <v>44836</v>
      </c>
      <c r="D23210" s="2">
        <v>176038</v>
      </c>
      <c r="E23210" s="1" t="s">
        <v>0</v>
      </c>
    </row>
    <row r="23211" spans="1:5" x14ac:dyDescent="0.25">
      <c r="A23211" s="1" t="s">
        <v>13413</v>
      </c>
      <c r="B23211" s="1" t="s">
        <v>60845</v>
      </c>
      <c r="C23211" s="1" t="s">
        <v>13414</v>
      </c>
      <c r="D23211" s="2">
        <v>176039</v>
      </c>
      <c r="E23211" s="1" t="s">
        <v>0</v>
      </c>
    </row>
    <row r="23212" spans="1:5" x14ac:dyDescent="0.25">
      <c r="A23212" s="2">
        <v>4642</v>
      </c>
      <c r="B23212" s="2">
        <v>4642</v>
      </c>
      <c r="C23212" s="1" t="s">
        <v>0</v>
      </c>
      <c r="D23212" s="2">
        <v>176040</v>
      </c>
      <c r="E23212" s="1" t="s">
        <v>0</v>
      </c>
    </row>
    <row r="23213" spans="1:5" x14ac:dyDescent="0.25">
      <c r="A23213" s="1" t="s">
        <v>13291</v>
      </c>
      <c r="B23213" s="1" t="s">
        <v>13292</v>
      </c>
      <c r="C23213" s="1" t="s">
        <v>44837</v>
      </c>
      <c r="D23213" s="2">
        <v>176041</v>
      </c>
      <c r="E23213" s="1" t="s">
        <v>0</v>
      </c>
    </row>
    <row r="23214" spans="1:5" x14ac:dyDescent="0.25">
      <c r="A23214" s="1" t="s">
        <v>44838</v>
      </c>
      <c r="B23214" s="1" t="s">
        <v>56111</v>
      </c>
      <c r="C23214" s="1" t="s">
        <v>44839</v>
      </c>
      <c r="D23214" s="2">
        <v>176042</v>
      </c>
      <c r="E23214" s="1" t="s">
        <v>0</v>
      </c>
    </row>
    <row r="23215" spans="1:5" ht="409.5" x14ac:dyDescent="0.25">
      <c r="A23215" s="4" t="s">
        <v>44840</v>
      </c>
      <c r="B23215" s="1" t="s">
        <v>56112</v>
      </c>
      <c r="C23215" s="1" t="s">
        <v>44841</v>
      </c>
      <c r="D23215" s="2">
        <v>176043</v>
      </c>
      <c r="E23215" s="1" t="s">
        <v>0</v>
      </c>
    </row>
    <row r="23216" spans="1:5" x14ac:dyDescent="0.25">
      <c r="A23216" s="1" t="s">
        <v>44842</v>
      </c>
      <c r="B23216" s="1" t="s">
        <v>56113</v>
      </c>
      <c r="C23216" s="1" t="s">
        <v>44843</v>
      </c>
      <c r="D23216" s="2">
        <v>176044</v>
      </c>
      <c r="E23216" s="1" t="s">
        <v>0</v>
      </c>
    </row>
    <row r="23217" spans="1:5" x14ac:dyDescent="0.25">
      <c r="A23217" s="2">
        <v>4643</v>
      </c>
      <c r="B23217" s="2">
        <v>4643</v>
      </c>
      <c r="C23217" s="1" t="s">
        <v>0</v>
      </c>
      <c r="D23217" s="2">
        <v>176045</v>
      </c>
      <c r="E23217" s="1" t="s">
        <v>0</v>
      </c>
    </row>
    <row r="23218" spans="1:5" x14ac:dyDescent="0.25">
      <c r="A23218" s="1" t="s">
        <v>4217</v>
      </c>
      <c r="B23218" s="1" t="s">
        <v>56114</v>
      </c>
      <c r="C23218" s="1" t="s">
        <v>44844</v>
      </c>
      <c r="D23218" s="2">
        <v>176046</v>
      </c>
      <c r="E23218" s="1" t="s">
        <v>0</v>
      </c>
    </row>
    <row r="23219" spans="1:5" x14ac:dyDescent="0.25">
      <c r="A23219" s="1" t="s">
        <v>44845</v>
      </c>
      <c r="B23219" s="1" t="s">
        <v>56876</v>
      </c>
      <c r="C23219" s="1" t="s">
        <v>44846</v>
      </c>
      <c r="D23219" s="2">
        <v>176047</v>
      </c>
      <c r="E23219" s="1" t="s">
        <v>0</v>
      </c>
    </row>
    <row r="23220" spans="1:5" ht="409.5" x14ac:dyDescent="0.25">
      <c r="A23220" s="4" t="s">
        <v>64359</v>
      </c>
      <c r="B23220" s="1" t="s">
        <v>61384</v>
      </c>
      <c r="C23220" s="1" t="s">
        <v>44847</v>
      </c>
      <c r="D23220" s="2">
        <v>176048</v>
      </c>
      <c r="E23220" s="1" t="s">
        <v>0</v>
      </c>
    </row>
    <row r="23221" spans="1:5" x14ac:dyDescent="0.25">
      <c r="A23221" s="1" t="s">
        <v>44848</v>
      </c>
      <c r="B23221" s="1" t="s">
        <v>56877</v>
      </c>
      <c r="C23221" s="1" t="s">
        <v>44849</v>
      </c>
      <c r="D23221" s="2">
        <v>176049</v>
      </c>
      <c r="E23221" s="1" t="s">
        <v>0</v>
      </c>
    </row>
    <row r="23222" spans="1:5" x14ac:dyDescent="0.25">
      <c r="A23222" s="2">
        <v>4644</v>
      </c>
      <c r="B23222" s="2">
        <v>4644</v>
      </c>
      <c r="C23222" s="1" t="s">
        <v>0</v>
      </c>
      <c r="D23222" s="2">
        <v>176050</v>
      </c>
      <c r="E23222" s="1" t="s">
        <v>0</v>
      </c>
    </row>
    <row r="23223" spans="1:5" x14ac:dyDescent="0.25">
      <c r="A23223" s="1" t="s">
        <v>4218</v>
      </c>
      <c r="B23223" s="1" t="s">
        <v>11736</v>
      </c>
      <c r="C23223" s="1" t="s">
        <v>44850</v>
      </c>
      <c r="D23223" s="2">
        <v>176051</v>
      </c>
      <c r="E23223" s="1" t="s">
        <v>0</v>
      </c>
    </row>
    <row r="23224" spans="1:5" x14ac:dyDescent="0.25">
      <c r="A23224" s="1" t="s">
        <v>44851</v>
      </c>
      <c r="B23224" s="1" t="s">
        <v>51052</v>
      </c>
      <c r="C23224" s="1" t="s">
        <v>44852</v>
      </c>
      <c r="D23224" s="2">
        <v>176052</v>
      </c>
      <c r="E23224" s="1" t="s">
        <v>0</v>
      </c>
    </row>
    <row r="23225" spans="1:5" ht="409.5" x14ac:dyDescent="0.25">
      <c r="A23225" s="4" t="s">
        <v>44853</v>
      </c>
      <c r="B23225" s="1" t="s">
        <v>56115</v>
      </c>
      <c r="C23225" s="1" t="s">
        <v>44854</v>
      </c>
      <c r="D23225" s="2">
        <v>176053</v>
      </c>
      <c r="E23225" s="1" t="s">
        <v>0</v>
      </c>
    </row>
    <row r="23226" spans="1:5" x14ac:dyDescent="0.25">
      <c r="A23226" s="1" t="s">
        <v>44855</v>
      </c>
      <c r="B23226" s="1" t="s">
        <v>51053</v>
      </c>
      <c r="C23226" s="1" t="s">
        <v>44856</v>
      </c>
      <c r="D23226" s="2">
        <v>176054</v>
      </c>
      <c r="E23226" s="1" t="s">
        <v>0</v>
      </c>
    </row>
    <row r="23227" spans="1:5" x14ac:dyDescent="0.25">
      <c r="A23227" s="2">
        <v>4645</v>
      </c>
      <c r="B23227" s="2">
        <v>4645</v>
      </c>
      <c r="C23227" s="1" t="s">
        <v>0</v>
      </c>
      <c r="D23227" s="2">
        <v>176055</v>
      </c>
      <c r="E23227" s="1" t="s">
        <v>0</v>
      </c>
    </row>
    <row r="23228" spans="1:5" x14ac:dyDescent="0.25">
      <c r="A23228" s="1" t="s">
        <v>4219</v>
      </c>
      <c r="B23228" s="1" t="s">
        <v>56116</v>
      </c>
      <c r="C23228" s="1" t="s">
        <v>44857</v>
      </c>
      <c r="D23228" s="2">
        <v>176056</v>
      </c>
      <c r="E23228" s="1" t="s">
        <v>0</v>
      </c>
    </row>
    <row r="23229" spans="1:5" x14ac:dyDescent="0.25">
      <c r="A23229" s="1" t="s">
        <v>44858</v>
      </c>
      <c r="B23229" s="1" t="s">
        <v>51054</v>
      </c>
      <c r="C23229" s="1" t="s">
        <v>44859</v>
      </c>
      <c r="D23229" s="2">
        <v>176057</v>
      </c>
      <c r="E23229" s="1" t="s">
        <v>0</v>
      </c>
    </row>
    <row r="23230" spans="1:5" ht="409.5" x14ac:dyDescent="0.25">
      <c r="A23230" s="4" t="s">
        <v>44860</v>
      </c>
      <c r="B23230" s="1" t="s">
        <v>56117</v>
      </c>
      <c r="C23230" s="1" t="s">
        <v>44861</v>
      </c>
      <c r="D23230" s="2">
        <v>176058</v>
      </c>
      <c r="E23230" s="1" t="s">
        <v>0</v>
      </c>
    </row>
    <row r="23231" spans="1:5" x14ac:dyDescent="0.25">
      <c r="A23231" s="1" t="s">
        <v>44862</v>
      </c>
      <c r="B23231" s="1" t="s">
        <v>56118</v>
      </c>
      <c r="C23231" s="1" t="s">
        <v>44863</v>
      </c>
      <c r="D23231" s="2">
        <v>176059</v>
      </c>
      <c r="E23231" s="1" t="s">
        <v>0</v>
      </c>
    </row>
    <row r="23232" spans="1:5" x14ac:dyDescent="0.25">
      <c r="A23232" s="2">
        <v>4646</v>
      </c>
      <c r="B23232" s="2">
        <v>4646</v>
      </c>
      <c r="C23232" s="1" t="s">
        <v>0</v>
      </c>
      <c r="D23232" s="2">
        <v>176060</v>
      </c>
      <c r="E23232" s="1" t="s">
        <v>0</v>
      </c>
    </row>
    <row r="23233" spans="1:5" x14ac:dyDescent="0.25">
      <c r="A23233" s="1" t="s">
        <v>4220</v>
      </c>
      <c r="B23233" s="1" t="s">
        <v>56119</v>
      </c>
      <c r="C23233" s="1" t="s">
        <v>44864</v>
      </c>
      <c r="D23233" s="2">
        <v>176061</v>
      </c>
      <c r="E23233" s="1" t="s">
        <v>0</v>
      </c>
    </row>
    <row r="23234" spans="1:5" x14ac:dyDescent="0.25">
      <c r="A23234" s="1" t="s">
        <v>44865</v>
      </c>
      <c r="B23234" s="1" t="s">
        <v>60275</v>
      </c>
      <c r="C23234" s="1" t="s">
        <v>44866</v>
      </c>
      <c r="D23234" s="2">
        <v>176062</v>
      </c>
      <c r="E23234" s="1" t="s">
        <v>0</v>
      </c>
    </row>
    <row r="23235" spans="1:5" ht="409.5" x14ac:dyDescent="0.25">
      <c r="A23235" s="4" t="s">
        <v>44867</v>
      </c>
      <c r="B23235" s="1" t="s">
        <v>60276</v>
      </c>
      <c r="C23235" s="1" t="s">
        <v>44868</v>
      </c>
      <c r="D23235" s="2">
        <v>176063</v>
      </c>
      <c r="E23235" s="1" t="s">
        <v>0</v>
      </c>
    </row>
    <row r="23236" spans="1:5" x14ac:dyDescent="0.25">
      <c r="A23236" s="1" t="s">
        <v>44869</v>
      </c>
      <c r="B23236" s="1" t="s">
        <v>61385</v>
      </c>
      <c r="C23236" s="1" t="s">
        <v>44870</v>
      </c>
      <c r="D23236" s="2">
        <v>176064</v>
      </c>
      <c r="E23236" s="1" t="s">
        <v>0</v>
      </c>
    </row>
    <row r="23237" spans="1:5" x14ac:dyDescent="0.25">
      <c r="A23237" s="2">
        <v>4647</v>
      </c>
      <c r="B23237" s="2">
        <v>4647</v>
      </c>
      <c r="C23237" s="1" t="s">
        <v>0</v>
      </c>
      <c r="D23237" s="2">
        <v>176065</v>
      </c>
      <c r="E23237" s="1" t="s">
        <v>0</v>
      </c>
    </row>
    <row r="23238" spans="1:5" x14ac:dyDescent="0.25">
      <c r="A23238" s="1" t="s">
        <v>4221</v>
      </c>
      <c r="B23238" s="1" t="s">
        <v>11737</v>
      </c>
      <c r="C23238" s="1" t="s">
        <v>44871</v>
      </c>
      <c r="D23238" s="2">
        <v>176066</v>
      </c>
      <c r="E23238" s="1" t="s">
        <v>0</v>
      </c>
    </row>
    <row r="23239" spans="1:5" x14ac:dyDescent="0.25">
      <c r="A23239" s="1" t="s">
        <v>64360</v>
      </c>
      <c r="B23239" s="1" t="s">
        <v>56120</v>
      </c>
      <c r="C23239" s="1" t="s">
        <v>44872</v>
      </c>
      <c r="D23239" s="2">
        <v>176067</v>
      </c>
      <c r="E23239" s="1" t="s">
        <v>0</v>
      </c>
    </row>
    <row r="23240" spans="1:5" ht="409.5" x14ac:dyDescent="0.25">
      <c r="A23240" s="4" t="s">
        <v>64361</v>
      </c>
      <c r="B23240" s="1" t="s">
        <v>56121</v>
      </c>
      <c r="C23240" s="1" t="s">
        <v>44873</v>
      </c>
      <c r="D23240" s="2">
        <v>176068</v>
      </c>
      <c r="E23240" s="1" t="s">
        <v>0</v>
      </c>
    </row>
    <row r="23241" spans="1:5" x14ac:dyDescent="0.25">
      <c r="A23241" s="1" t="s">
        <v>44874</v>
      </c>
      <c r="B23241" s="1" t="s">
        <v>56122</v>
      </c>
      <c r="C23241" s="1" t="s">
        <v>44875</v>
      </c>
      <c r="D23241" s="2">
        <v>176069</v>
      </c>
      <c r="E23241" s="1" t="s">
        <v>0</v>
      </c>
    </row>
    <row r="23242" spans="1:5" x14ac:dyDescent="0.25">
      <c r="A23242" s="2">
        <v>4648</v>
      </c>
      <c r="B23242" s="2">
        <v>4648</v>
      </c>
      <c r="C23242" s="1" t="s">
        <v>0</v>
      </c>
      <c r="D23242" s="2">
        <v>176070</v>
      </c>
      <c r="E23242" s="1" t="s">
        <v>0</v>
      </c>
    </row>
    <row r="23243" spans="1:5" x14ac:dyDescent="0.25">
      <c r="A23243" s="1" t="s">
        <v>4222</v>
      </c>
      <c r="B23243" s="1" t="s">
        <v>11738</v>
      </c>
      <c r="C23243" s="1" t="s">
        <v>44876</v>
      </c>
      <c r="D23243" s="2">
        <v>176071</v>
      </c>
      <c r="E23243" s="1" t="s">
        <v>0</v>
      </c>
    </row>
    <row r="23244" spans="1:5" x14ac:dyDescent="0.25">
      <c r="A23244" s="1" t="s">
        <v>44877</v>
      </c>
      <c r="B23244" s="1" t="s">
        <v>51055</v>
      </c>
      <c r="C23244" s="1" t="s">
        <v>44878</v>
      </c>
      <c r="D23244" s="2">
        <v>176072</v>
      </c>
      <c r="E23244" s="1" t="s">
        <v>0</v>
      </c>
    </row>
    <row r="23245" spans="1:5" ht="409.5" x14ac:dyDescent="0.25">
      <c r="A23245" s="4" t="s">
        <v>44879</v>
      </c>
      <c r="B23245" s="1" t="s">
        <v>51056</v>
      </c>
      <c r="C23245" s="1" t="s">
        <v>44880</v>
      </c>
      <c r="D23245" s="2">
        <v>176073</v>
      </c>
      <c r="E23245" s="1" t="s">
        <v>0</v>
      </c>
    </row>
    <row r="23246" spans="1:5" x14ac:dyDescent="0.25">
      <c r="A23246" s="1" t="s">
        <v>17330</v>
      </c>
      <c r="B23246" s="1" t="s">
        <v>60917</v>
      </c>
      <c r="C23246" s="1" t="s">
        <v>17331</v>
      </c>
      <c r="D23246" s="2">
        <v>176074</v>
      </c>
      <c r="E23246" s="1" t="s">
        <v>0</v>
      </c>
    </row>
    <row r="23247" spans="1:5" x14ac:dyDescent="0.25">
      <c r="A23247" s="2">
        <v>4649</v>
      </c>
      <c r="B23247" s="2">
        <v>4649</v>
      </c>
      <c r="C23247" s="1" t="s">
        <v>0</v>
      </c>
      <c r="D23247" s="2">
        <v>176075</v>
      </c>
      <c r="E23247" s="1" t="s">
        <v>0</v>
      </c>
    </row>
    <row r="23248" spans="1:5" x14ac:dyDescent="0.25">
      <c r="A23248" s="1" t="s">
        <v>11739</v>
      </c>
      <c r="B23248" s="1" t="s">
        <v>11740</v>
      </c>
      <c r="C23248" s="1" t="s">
        <v>44881</v>
      </c>
      <c r="D23248" s="2">
        <v>176076</v>
      </c>
      <c r="E23248" s="1" t="s">
        <v>0</v>
      </c>
    </row>
    <row r="23249" spans="1:5" x14ac:dyDescent="0.25">
      <c r="A23249" s="1" t="s">
        <v>44882</v>
      </c>
      <c r="B23249" s="1" t="s">
        <v>56123</v>
      </c>
      <c r="C23249" s="1" t="s">
        <v>44883</v>
      </c>
      <c r="D23249" s="2">
        <v>176077</v>
      </c>
      <c r="E23249" s="1" t="s">
        <v>0</v>
      </c>
    </row>
    <row r="23250" spans="1:5" ht="409.5" x14ac:dyDescent="0.25">
      <c r="A23250" s="4" t="s">
        <v>64362</v>
      </c>
      <c r="B23250" s="1" t="s">
        <v>56124</v>
      </c>
      <c r="C23250" s="1" t="s">
        <v>44884</v>
      </c>
      <c r="D23250" s="2">
        <v>176078</v>
      </c>
      <c r="E23250" s="1" t="s">
        <v>0</v>
      </c>
    </row>
    <row r="23251" spans="1:5" x14ac:dyDescent="0.25">
      <c r="A23251" s="1" t="s">
        <v>44885</v>
      </c>
      <c r="B23251" s="1" t="s">
        <v>11741</v>
      </c>
      <c r="C23251" s="1" t="s">
        <v>44886</v>
      </c>
      <c r="D23251" s="2">
        <v>176079</v>
      </c>
      <c r="E23251" s="1" t="s">
        <v>0</v>
      </c>
    </row>
    <row r="23252" spans="1:5" x14ac:dyDescent="0.25">
      <c r="A23252" s="2">
        <v>4650</v>
      </c>
      <c r="B23252" s="2">
        <v>4650</v>
      </c>
      <c r="C23252" s="1" t="s">
        <v>0</v>
      </c>
      <c r="D23252" s="2">
        <v>176080</v>
      </c>
      <c r="E23252" s="1" t="s">
        <v>0</v>
      </c>
    </row>
    <row r="23253" spans="1:5" x14ac:dyDescent="0.25">
      <c r="A23253" s="1" t="s">
        <v>4223</v>
      </c>
      <c r="B23253" s="1" t="s">
        <v>11742</v>
      </c>
      <c r="C23253" s="1" t="s">
        <v>44887</v>
      </c>
      <c r="D23253" s="2">
        <v>176081</v>
      </c>
      <c r="E23253" s="1" t="s">
        <v>0</v>
      </c>
    </row>
    <row r="23254" spans="1:5" x14ac:dyDescent="0.25">
      <c r="A23254" s="1" t="s">
        <v>44888</v>
      </c>
      <c r="B23254" s="1" t="s">
        <v>56125</v>
      </c>
      <c r="C23254" s="1" t="s">
        <v>44889</v>
      </c>
      <c r="D23254" s="2">
        <v>176082</v>
      </c>
      <c r="E23254" s="1" t="s">
        <v>0</v>
      </c>
    </row>
    <row r="23255" spans="1:5" ht="409.5" x14ac:dyDescent="0.25">
      <c r="A23255" s="4" t="s">
        <v>64363</v>
      </c>
      <c r="B23255" s="1" t="s">
        <v>56126</v>
      </c>
      <c r="C23255" s="1" t="s">
        <v>44890</v>
      </c>
      <c r="D23255" s="2">
        <v>176083</v>
      </c>
      <c r="E23255" s="1" t="s">
        <v>0</v>
      </c>
    </row>
    <row r="23256" spans="1:5" x14ac:dyDescent="0.25">
      <c r="A23256" s="1" t="s">
        <v>44891</v>
      </c>
      <c r="B23256" s="1" t="s">
        <v>11743</v>
      </c>
      <c r="C23256" s="1" t="s">
        <v>44892</v>
      </c>
      <c r="D23256" s="2">
        <v>176084</v>
      </c>
      <c r="E23256" s="1" t="s">
        <v>0</v>
      </c>
    </row>
    <row r="23257" spans="1:5" x14ac:dyDescent="0.25">
      <c r="A23257" s="2">
        <v>4651</v>
      </c>
      <c r="B23257" s="2">
        <v>4651</v>
      </c>
      <c r="C23257" s="1" t="s">
        <v>0</v>
      </c>
      <c r="D23257" s="2">
        <v>176085</v>
      </c>
      <c r="E23257" s="1" t="s">
        <v>0</v>
      </c>
    </row>
    <row r="23258" spans="1:5" x14ac:dyDescent="0.25">
      <c r="A23258" s="1" t="s">
        <v>4224</v>
      </c>
      <c r="B23258" s="1" t="s">
        <v>11744</v>
      </c>
      <c r="C23258" s="1" t="s">
        <v>44893</v>
      </c>
      <c r="D23258" s="2">
        <v>176086</v>
      </c>
      <c r="E23258" s="1" t="s">
        <v>0</v>
      </c>
    </row>
    <row r="23259" spans="1:5" x14ac:dyDescent="0.25">
      <c r="A23259" s="1" t="s">
        <v>44894</v>
      </c>
      <c r="B23259" s="1" t="s">
        <v>51057</v>
      </c>
      <c r="C23259" s="1" t="s">
        <v>44895</v>
      </c>
      <c r="D23259" s="2">
        <v>176087</v>
      </c>
      <c r="E23259" s="1" t="s">
        <v>0</v>
      </c>
    </row>
    <row r="23260" spans="1:5" ht="409.5" x14ac:dyDescent="0.25">
      <c r="A23260" s="4" t="s">
        <v>44896</v>
      </c>
      <c r="B23260" s="1" t="s">
        <v>59092</v>
      </c>
      <c r="C23260" s="1" t="s">
        <v>44897</v>
      </c>
      <c r="D23260" s="2">
        <v>176088</v>
      </c>
      <c r="E23260" s="1" t="s">
        <v>0</v>
      </c>
    </row>
    <row r="23261" spans="1:5" x14ac:dyDescent="0.25">
      <c r="A23261" s="1" t="s">
        <v>44898</v>
      </c>
      <c r="B23261" s="1" t="s">
        <v>56127</v>
      </c>
      <c r="C23261" s="1" t="s">
        <v>44899</v>
      </c>
      <c r="D23261" s="2">
        <v>176089</v>
      </c>
      <c r="E23261" s="1" t="s">
        <v>0</v>
      </c>
    </row>
    <row r="23262" spans="1:5" x14ac:dyDescent="0.25">
      <c r="A23262" s="2">
        <v>4652</v>
      </c>
      <c r="B23262" s="2">
        <v>4652</v>
      </c>
      <c r="C23262" s="1" t="s">
        <v>0</v>
      </c>
      <c r="D23262" s="2">
        <v>176090</v>
      </c>
      <c r="E23262" s="1" t="s">
        <v>0</v>
      </c>
    </row>
    <row r="23263" spans="1:5" x14ac:dyDescent="0.25">
      <c r="A23263" s="1" t="s">
        <v>4225</v>
      </c>
      <c r="B23263" s="1" t="s">
        <v>11745</v>
      </c>
      <c r="C23263" s="1" t="s">
        <v>44900</v>
      </c>
      <c r="D23263" s="2">
        <v>176091</v>
      </c>
      <c r="E23263" s="1" t="s">
        <v>0</v>
      </c>
    </row>
    <row r="23264" spans="1:5" x14ac:dyDescent="0.25">
      <c r="A23264" s="1" t="s">
        <v>44901</v>
      </c>
      <c r="B23264" s="1" t="s">
        <v>11746</v>
      </c>
      <c r="C23264" s="1" t="s">
        <v>44902</v>
      </c>
      <c r="D23264" s="2">
        <v>176092</v>
      </c>
      <c r="E23264" s="1" t="s">
        <v>0</v>
      </c>
    </row>
    <row r="23265" spans="1:5" ht="409.5" x14ac:dyDescent="0.25">
      <c r="A23265" s="4" t="s">
        <v>44903</v>
      </c>
      <c r="B23265" s="1" t="s">
        <v>11747</v>
      </c>
      <c r="C23265" s="1" t="s">
        <v>44904</v>
      </c>
      <c r="D23265" s="2">
        <v>176093</v>
      </c>
      <c r="E23265" s="1" t="s">
        <v>0</v>
      </c>
    </row>
    <row r="23266" spans="1:5" x14ac:dyDescent="0.25">
      <c r="A23266" s="1" t="s">
        <v>44905</v>
      </c>
      <c r="B23266" s="1" t="s">
        <v>56128</v>
      </c>
      <c r="C23266" s="1" t="s">
        <v>44906</v>
      </c>
      <c r="D23266" s="2">
        <v>176094</v>
      </c>
      <c r="E23266" s="1" t="s">
        <v>0</v>
      </c>
    </row>
    <row r="23267" spans="1:5" x14ac:dyDescent="0.25">
      <c r="A23267" s="2">
        <v>4653</v>
      </c>
      <c r="B23267" s="2">
        <v>4653</v>
      </c>
      <c r="C23267" s="1" t="s">
        <v>0</v>
      </c>
      <c r="D23267" s="2">
        <v>176095</v>
      </c>
      <c r="E23267" s="1" t="s">
        <v>0</v>
      </c>
    </row>
    <row r="23268" spans="1:5" x14ac:dyDescent="0.25">
      <c r="A23268" s="1" t="s">
        <v>4226</v>
      </c>
      <c r="B23268" s="1" t="s">
        <v>11748</v>
      </c>
      <c r="C23268" s="1" t="s">
        <v>44907</v>
      </c>
      <c r="D23268" s="2">
        <v>176096</v>
      </c>
      <c r="E23268" s="1" t="s">
        <v>0</v>
      </c>
    </row>
    <row r="23269" spans="1:5" x14ac:dyDescent="0.25">
      <c r="A23269" s="1" t="s">
        <v>44908</v>
      </c>
      <c r="B23269" s="1" t="s">
        <v>56129</v>
      </c>
      <c r="C23269" s="1" t="s">
        <v>44909</v>
      </c>
      <c r="D23269" s="2">
        <v>176097</v>
      </c>
      <c r="E23269" s="1" t="s">
        <v>0</v>
      </c>
    </row>
    <row r="23270" spans="1:5" ht="409.5" x14ac:dyDescent="0.25">
      <c r="A23270" s="4" t="s">
        <v>44910</v>
      </c>
      <c r="B23270" s="1" t="s">
        <v>56130</v>
      </c>
      <c r="C23270" s="1" t="s">
        <v>44911</v>
      </c>
      <c r="D23270" s="2">
        <v>176098</v>
      </c>
      <c r="E23270" s="1" t="s">
        <v>0</v>
      </c>
    </row>
    <row r="23271" spans="1:5" x14ac:dyDescent="0.25">
      <c r="A23271" s="1" t="s">
        <v>44912</v>
      </c>
      <c r="B23271" s="1" t="s">
        <v>56131</v>
      </c>
      <c r="C23271" s="1" t="s">
        <v>44913</v>
      </c>
      <c r="D23271" s="2">
        <v>176099</v>
      </c>
      <c r="E23271" s="1" t="s">
        <v>0</v>
      </c>
    </row>
    <row r="23272" spans="1:5" x14ac:dyDescent="0.25">
      <c r="A23272" s="2">
        <v>4654</v>
      </c>
      <c r="B23272" s="2">
        <v>4654</v>
      </c>
      <c r="C23272" s="1" t="s">
        <v>0</v>
      </c>
      <c r="D23272" s="2">
        <v>176100</v>
      </c>
      <c r="E23272" s="1" t="s">
        <v>0</v>
      </c>
    </row>
    <row r="23273" spans="1:5" x14ac:dyDescent="0.25">
      <c r="A23273" s="1" t="s">
        <v>4227</v>
      </c>
      <c r="B23273" s="1" t="s">
        <v>11749</v>
      </c>
      <c r="C23273" s="1" t="s">
        <v>44914</v>
      </c>
      <c r="D23273" s="2">
        <v>176101</v>
      </c>
      <c r="E23273" s="1" t="s">
        <v>0</v>
      </c>
    </row>
    <row r="23274" spans="1:5" x14ac:dyDescent="0.25">
      <c r="A23274" s="1" t="s">
        <v>44915</v>
      </c>
      <c r="B23274" s="1" t="s">
        <v>56132</v>
      </c>
      <c r="C23274" s="1" t="s">
        <v>44916</v>
      </c>
      <c r="D23274" s="2">
        <v>176102</v>
      </c>
      <c r="E23274" s="1" t="s">
        <v>0</v>
      </c>
    </row>
    <row r="23275" spans="1:5" ht="409.5" x14ac:dyDescent="0.25">
      <c r="A23275" s="4" t="s">
        <v>44917</v>
      </c>
      <c r="B23275" s="1" t="s">
        <v>56133</v>
      </c>
      <c r="C23275" s="1" t="s">
        <v>44918</v>
      </c>
      <c r="D23275" s="2">
        <v>176103</v>
      </c>
      <c r="E23275" s="1" t="s">
        <v>0</v>
      </c>
    </row>
    <row r="23276" spans="1:5" x14ac:dyDescent="0.25">
      <c r="A23276" s="1" t="s">
        <v>44919</v>
      </c>
      <c r="B23276" s="1" t="s">
        <v>11750</v>
      </c>
      <c r="C23276" s="1" t="s">
        <v>44920</v>
      </c>
      <c r="D23276" s="2">
        <v>176104</v>
      </c>
      <c r="E23276" s="1" t="s">
        <v>0</v>
      </c>
    </row>
    <row r="23277" spans="1:5" x14ac:dyDescent="0.25">
      <c r="A23277" s="2">
        <v>4655</v>
      </c>
      <c r="B23277" s="2">
        <v>4655</v>
      </c>
      <c r="C23277" s="1" t="s">
        <v>0</v>
      </c>
      <c r="D23277" s="2">
        <v>176105</v>
      </c>
      <c r="E23277" s="1" t="s">
        <v>0</v>
      </c>
    </row>
    <row r="23278" spans="1:5" x14ac:dyDescent="0.25">
      <c r="A23278" s="1" t="s">
        <v>4228</v>
      </c>
      <c r="B23278" s="1" t="s">
        <v>11751</v>
      </c>
      <c r="C23278" s="1" t="s">
        <v>44921</v>
      </c>
      <c r="D23278" s="2">
        <v>176106</v>
      </c>
      <c r="E23278" s="1" t="s">
        <v>0</v>
      </c>
    </row>
    <row r="23279" spans="1:5" x14ac:dyDescent="0.25">
      <c r="A23279" s="1" t="s">
        <v>44922</v>
      </c>
      <c r="B23279" s="1" t="s">
        <v>11752</v>
      </c>
      <c r="C23279" s="1" t="s">
        <v>44923</v>
      </c>
      <c r="D23279" s="2">
        <v>176107</v>
      </c>
      <c r="E23279" s="1" t="s">
        <v>0</v>
      </c>
    </row>
    <row r="23280" spans="1:5" ht="409.5" x14ac:dyDescent="0.25">
      <c r="A23280" s="4" t="s">
        <v>44924</v>
      </c>
      <c r="B23280" s="1" t="s">
        <v>11753</v>
      </c>
      <c r="C23280" s="1" t="s">
        <v>44925</v>
      </c>
      <c r="D23280" s="2">
        <v>176108</v>
      </c>
      <c r="E23280" s="1" t="s">
        <v>0</v>
      </c>
    </row>
    <row r="23281" spans="1:5" x14ac:dyDescent="0.25">
      <c r="A23281" s="1" t="s">
        <v>44926</v>
      </c>
      <c r="B23281" s="1" t="s">
        <v>56134</v>
      </c>
      <c r="C23281" s="1" t="s">
        <v>44927</v>
      </c>
      <c r="D23281" s="2">
        <v>176109</v>
      </c>
      <c r="E23281" s="1" t="s">
        <v>0</v>
      </c>
    </row>
    <row r="23282" spans="1:5" x14ac:dyDescent="0.25">
      <c r="A23282" s="2">
        <v>4656</v>
      </c>
      <c r="B23282" s="2">
        <v>4656</v>
      </c>
      <c r="C23282" s="1" t="s">
        <v>0</v>
      </c>
      <c r="D23282" s="2">
        <v>176110</v>
      </c>
      <c r="E23282" s="1" t="s">
        <v>0</v>
      </c>
    </row>
    <row r="23283" spans="1:5" x14ac:dyDescent="0.25">
      <c r="A23283" s="1" t="s">
        <v>4229</v>
      </c>
      <c r="B23283" s="1" t="s">
        <v>11754</v>
      </c>
      <c r="C23283" s="1" t="s">
        <v>44928</v>
      </c>
      <c r="D23283" s="2">
        <v>176111</v>
      </c>
      <c r="E23283" s="1" t="s">
        <v>0</v>
      </c>
    </row>
    <row r="23284" spans="1:5" x14ac:dyDescent="0.25">
      <c r="A23284" s="1" t="s">
        <v>44929</v>
      </c>
      <c r="B23284" s="1" t="s">
        <v>56135</v>
      </c>
      <c r="C23284" s="1" t="s">
        <v>44930</v>
      </c>
      <c r="D23284" s="2">
        <v>176112</v>
      </c>
      <c r="E23284" s="1" t="s">
        <v>0</v>
      </c>
    </row>
    <row r="23285" spans="1:5" ht="409.5" x14ac:dyDescent="0.25">
      <c r="A23285" s="4" t="s">
        <v>44931</v>
      </c>
      <c r="B23285" s="1" t="s">
        <v>56136</v>
      </c>
      <c r="C23285" s="1" t="s">
        <v>44932</v>
      </c>
      <c r="D23285" s="2">
        <v>176113</v>
      </c>
      <c r="E23285" s="1" t="s">
        <v>0</v>
      </c>
    </row>
    <row r="23286" spans="1:5" x14ac:dyDescent="0.25">
      <c r="A23286" s="1" t="s">
        <v>44933</v>
      </c>
      <c r="B23286" s="1" t="s">
        <v>56137</v>
      </c>
      <c r="C23286" s="1" t="s">
        <v>44934</v>
      </c>
      <c r="D23286" s="2">
        <v>176114</v>
      </c>
      <c r="E23286" s="1" t="s">
        <v>0</v>
      </c>
    </row>
    <row r="23287" spans="1:5" x14ac:dyDescent="0.25">
      <c r="A23287" s="2">
        <v>4657</v>
      </c>
      <c r="B23287" s="2">
        <v>4657</v>
      </c>
      <c r="C23287" s="1" t="s">
        <v>0</v>
      </c>
      <c r="D23287" s="2">
        <v>176115</v>
      </c>
      <c r="E23287" s="1" t="s">
        <v>0</v>
      </c>
    </row>
    <row r="23288" spans="1:5" x14ac:dyDescent="0.25">
      <c r="A23288" s="1" t="s">
        <v>4230</v>
      </c>
      <c r="B23288" s="1" t="s">
        <v>11755</v>
      </c>
      <c r="C23288" s="1" t="s">
        <v>44935</v>
      </c>
      <c r="D23288" s="2">
        <v>176116</v>
      </c>
      <c r="E23288" s="1" t="s">
        <v>0</v>
      </c>
    </row>
    <row r="23289" spans="1:5" x14ac:dyDescent="0.25">
      <c r="A23289" s="1" t="s">
        <v>44936</v>
      </c>
      <c r="B23289" s="1" t="s">
        <v>62977</v>
      </c>
      <c r="C23289" s="1" t="s">
        <v>44937</v>
      </c>
      <c r="D23289" s="2">
        <v>176117</v>
      </c>
      <c r="E23289" s="1" t="s">
        <v>0</v>
      </c>
    </row>
    <row r="23290" spans="1:5" ht="409.5" x14ac:dyDescent="0.25">
      <c r="A23290" s="4" t="s">
        <v>44938</v>
      </c>
      <c r="B23290" s="1" t="s">
        <v>4231</v>
      </c>
      <c r="C23290" s="1" t="s">
        <v>44939</v>
      </c>
      <c r="D23290" s="2">
        <v>176118</v>
      </c>
      <c r="E23290" s="1" t="s">
        <v>0</v>
      </c>
    </row>
    <row r="23291" spans="1:5" x14ac:dyDescent="0.25">
      <c r="A23291" s="1" t="s">
        <v>44940</v>
      </c>
      <c r="B23291" s="1" t="s">
        <v>56138</v>
      </c>
      <c r="C23291" s="1" t="s">
        <v>44941</v>
      </c>
      <c r="D23291" s="2">
        <v>176119</v>
      </c>
      <c r="E23291" s="1" t="s">
        <v>0</v>
      </c>
    </row>
    <row r="23292" spans="1:5" x14ac:dyDescent="0.25">
      <c r="A23292" s="2">
        <v>4658</v>
      </c>
      <c r="B23292" s="2">
        <v>4658</v>
      </c>
      <c r="C23292" s="1" t="s">
        <v>0</v>
      </c>
      <c r="D23292" s="2">
        <v>176120</v>
      </c>
      <c r="E23292" s="1" t="s">
        <v>0</v>
      </c>
    </row>
    <row r="23293" spans="1:5" x14ac:dyDescent="0.25">
      <c r="A23293" s="1" t="s">
        <v>4232</v>
      </c>
      <c r="B23293" s="1" t="s">
        <v>11756</v>
      </c>
      <c r="C23293" s="1" t="s">
        <v>44942</v>
      </c>
      <c r="D23293" s="2">
        <v>176121</v>
      </c>
      <c r="E23293" s="1" t="s">
        <v>0</v>
      </c>
    </row>
    <row r="23294" spans="1:5" x14ac:dyDescent="0.25">
      <c r="A23294" s="1" t="s">
        <v>44943</v>
      </c>
      <c r="B23294" s="1" t="s">
        <v>11757</v>
      </c>
      <c r="C23294" s="1" t="s">
        <v>44944</v>
      </c>
      <c r="D23294" s="2">
        <v>176122</v>
      </c>
      <c r="E23294" s="1" t="s">
        <v>0</v>
      </c>
    </row>
    <row r="23295" spans="1:5" ht="409.5" x14ac:dyDescent="0.25">
      <c r="A23295" s="4" t="s">
        <v>44945</v>
      </c>
      <c r="B23295" s="1" t="s">
        <v>11758</v>
      </c>
      <c r="C23295" s="1" t="s">
        <v>44946</v>
      </c>
      <c r="D23295" s="2">
        <v>176123</v>
      </c>
      <c r="E23295" s="1" t="s">
        <v>0</v>
      </c>
    </row>
    <row r="23296" spans="1:5" x14ac:dyDescent="0.25">
      <c r="A23296" s="1" t="s">
        <v>44947</v>
      </c>
      <c r="B23296" s="1" t="s">
        <v>11759</v>
      </c>
      <c r="C23296" s="1" t="s">
        <v>44948</v>
      </c>
      <c r="D23296" s="2">
        <v>176124</v>
      </c>
      <c r="E23296" s="1" t="s">
        <v>0</v>
      </c>
    </row>
    <row r="23297" spans="1:5" x14ac:dyDescent="0.25">
      <c r="A23297" s="2">
        <v>4659</v>
      </c>
      <c r="B23297" s="2">
        <v>4659</v>
      </c>
      <c r="C23297" s="1" t="s">
        <v>0</v>
      </c>
      <c r="D23297" s="2">
        <v>176125</v>
      </c>
      <c r="E23297" s="1" t="s">
        <v>0</v>
      </c>
    </row>
    <row r="23298" spans="1:5" x14ac:dyDescent="0.25">
      <c r="A23298" s="1" t="s">
        <v>4233</v>
      </c>
      <c r="B23298" s="1" t="s">
        <v>11760</v>
      </c>
      <c r="C23298" s="1" t="s">
        <v>44949</v>
      </c>
      <c r="D23298" s="2">
        <v>176126</v>
      </c>
      <c r="E23298" s="1" t="s">
        <v>0</v>
      </c>
    </row>
    <row r="23299" spans="1:5" x14ac:dyDescent="0.25">
      <c r="A23299" s="1" t="s">
        <v>44950</v>
      </c>
      <c r="B23299" s="1" t="s">
        <v>61532</v>
      </c>
      <c r="C23299" s="1" t="s">
        <v>44951</v>
      </c>
      <c r="D23299" s="2">
        <v>176127</v>
      </c>
      <c r="E23299" s="1" t="s">
        <v>0</v>
      </c>
    </row>
    <row r="23300" spans="1:5" ht="409.5" x14ac:dyDescent="0.25">
      <c r="A23300" s="4" t="s">
        <v>44952</v>
      </c>
      <c r="B23300" s="1" t="s">
        <v>61533</v>
      </c>
      <c r="C23300" s="1" t="s">
        <v>44953</v>
      </c>
      <c r="D23300" s="2">
        <v>176128</v>
      </c>
      <c r="E23300" s="1" t="s">
        <v>0</v>
      </c>
    </row>
    <row r="23301" spans="1:5" x14ac:dyDescent="0.25">
      <c r="A23301" s="1" t="s">
        <v>44954</v>
      </c>
      <c r="B23301" s="1" t="s">
        <v>11761</v>
      </c>
      <c r="C23301" s="1" t="s">
        <v>44955</v>
      </c>
      <c r="D23301" s="2">
        <v>176129</v>
      </c>
      <c r="E23301" s="1" t="s">
        <v>0</v>
      </c>
    </row>
    <row r="23302" spans="1:5" x14ac:dyDescent="0.25">
      <c r="A23302" s="2">
        <v>4660</v>
      </c>
      <c r="B23302" s="2">
        <v>4660</v>
      </c>
      <c r="C23302" s="1" t="s">
        <v>0</v>
      </c>
      <c r="D23302" s="2">
        <v>176130</v>
      </c>
      <c r="E23302" s="1" t="s">
        <v>0</v>
      </c>
    </row>
    <row r="23303" spans="1:5" x14ac:dyDescent="0.25">
      <c r="A23303" s="1" t="s">
        <v>4234</v>
      </c>
      <c r="B23303" s="1" t="s">
        <v>11762</v>
      </c>
      <c r="C23303" s="1" t="s">
        <v>44956</v>
      </c>
      <c r="D23303" s="2">
        <v>176131</v>
      </c>
      <c r="E23303" s="1" t="s">
        <v>0</v>
      </c>
    </row>
    <row r="23304" spans="1:5" x14ac:dyDescent="0.25">
      <c r="A23304" s="1" t="s">
        <v>44957</v>
      </c>
      <c r="B23304" s="1" t="s">
        <v>56139</v>
      </c>
      <c r="C23304" s="1" t="s">
        <v>44958</v>
      </c>
      <c r="D23304" s="2">
        <v>176132</v>
      </c>
      <c r="E23304" s="1" t="s">
        <v>0</v>
      </c>
    </row>
    <row r="23305" spans="1:5" ht="409.5" x14ac:dyDescent="0.25">
      <c r="A23305" s="4" t="s">
        <v>44959</v>
      </c>
      <c r="B23305" s="1" t="s">
        <v>58006</v>
      </c>
      <c r="C23305" s="1" t="s">
        <v>44960</v>
      </c>
      <c r="D23305" s="2">
        <v>176133</v>
      </c>
      <c r="E23305" s="1" t="s">
        <v>0</v>
      </c>
    </row>
    <row r="23306" spans="1:5" x14ac:dyDescent="0.25">
      <c r="A23306" s="1" t="s">
        <v>44961</v>
      </c>
      <c r="B23306" s="1" t="s">
        <v>56140</v>
      </c>
      <c r="C23306" s="1" t="s">
        <v>44962</v>
      </c>
      <c r="D23306" s="2">
        <v>176134</v>
      </c>
      <c r="E23306" s="1" t="s">
        <v>0</v>
      </c>
    </row>
    <row r="23307" spans="1:5" x14ac:dyDescent="0.25">
      <c r="A23307" s="2">
        <v>4661</v>
      </c>
      <c r="B23307" s="2">
        <v>4661</v>
      </c>
      <c r="C23307" s="1" t="s">
        <v>0</v>
      </c>
      <c r="D23307" s="2">
        <v>176135</v>
      </c>
      <c r="E23307" s="1" t="s">
        <v>0</v>
      </c>
    </row>
    <row r="23308" spans="1:5" x14ac:dyDescent="0.25">
      <c r="A23308" s="1" t="s">
        <v>4235</v>
      </c>
      <c r="B23308" s="1" t="s">
        <v>11763</v>
      </c>
      <c r="C23308" s="1" t="s">
        <v>44963</v>
      </c>
      <c r="D23308" s="2">
        <v>176136</v>
      </c>
      <c r="E23308" s="1" t="s">
        <v>0</v>
      </c>
    </row>
    <row r="23309" spans="1:5" x14ac:dyDescent="0.25">
      <c r="A23309" s="1" t="s">
        <v>61891</v>
      </c>
      <c r="B23309" s="1" t="s">
        <v>62978</v>
      </c>
      <c r="C23309" s="1" t="s">
        <v>44964</v>
      </c>
      <c r="D23309" s="2">
        <v>176137</v>
      </c>
      <c r="E23309" s="1" t="s">
        <v>0</v>
      </c>
    </row>
    <row r="23310" spans="1:5" ht="409.5" x14ac:dyDescent="0.25">
      <c r="A23310" s="4" t="s">
        <v>61892</v>
      </c>
      <c r="B23310" s="1" t="s">
        <v>62979</v>
      </c>
      <c r="C23310" s="1" t="s">
        <v>44965</v>
      </c>
      <c r="D23310" s="2">
        <v>176138</v>
      </c>
      <c r="E23310" s="1" t="s">
        <v>0</v>
      </c>
    </row>
    <row r="23311" spans="1:5" x14ac:dyDescent="0.25">
      <c r="A23311" s="1" t="s">
        <v>44966</v>
      </c>
      <c r="B23311" s="1" t="s">
        <v>60942</v>
      </c>
      <c r="C23311" s="1" t="s">
        <v>18620</v>
      </c>
      <c r="D23311" s="2">
        <v>176139</v>
      </c>
      <c r="E23311" s="1" t="s">
        <v>0</v>
      </c>
    </row>
    <row r="23312" spans="1:5" x14ac:dyDescent="0.25">
      <c r="A23312" s="2">
        <v>4662</v>
      </c>
      <c r="B23312" s="2">
        <v>4662</v>
      </c>
      <c r="C23312" s="1" t="s">
        <v>0</v>
      </c>
      <c r="D23312" s="2">
        <v>176140</v>
      </c>
      <c r="E23312" s="1" t="s">
        <v>0</v>
      </c>
    </row>
    <row r="23313" spans="1:5" x14ac:dyDescent="0.25">
      <c r="A23313" s="1" t="s">
        <v>11764</v>
      </c>
      <c r="B23313" s="1" t="s">
        <v>11765</v>
      </c>
      <c r="C23313" s="1" t="s">
        <v>44967</v>
      </c>
      <c r="D23313" s="2">
        <v>176141</v>
      </c>
      <c r="E23313" s="1" t="s">
        <v>0</v>
      </c>
    </row>
    <row r="23314" spans="1:5" x14ac:dyDescent="0.25">
      <c r="A23314" s="1" t="s">
        <v>44968</v>
      </c>
      <c r="B23314" s="1" t="s">
        <v>56141</v>
      </c>
      <c r="C23314" s="1" t="s">
        <v>44969</v>
      </c>
      <c r="D23314" s="2">
        <v>176142</v>
      </c>
      <c r="E23314" s="1" t="s">
        <v>0</v>
      </c>
    </row>
    <row r="23315" spans="1:5" ht="409.5" x14ac:dyDescent="0.25">
      <c r="A23315" s="4" t="s">
        <v>44970</v>
      </c>
      <c r="B23315" s="1" t="s">
        <v>63517</v>
      </c>
      <c r="C23315" s="1" t="s">
        <v>44971</v>
      </c>
      <c r="D23315" s="2">
        <v>176143</v>
      </c>
      <c r="E23315" s="1" t="s">
        <v>0</v>
      </c>
    </row>
    <row r="23316" spans="1:5" x14ac:dyDescent="0.25">
      <c r="A23316" s="1" t="s">
        <v>44972</v>
      </c>
      <c r="B23316" s="1" t="s">
        <v>56142</v>
      </c>
      <c r="C23316" s="1" t="s">
        <v>44973</v>
      </c>
      <c r="D23316" s="2">
        <v>176144</v>
      </c>
      <c r="E23316" s="1" t="s">
        <v>0</v>
      </c>
    </row>
    <row r="23317" spans="1:5" x14ac:dyDescent="0.25">
      <c r="A23317" s="2">
        <v>4663</v>
      </c>
      <c r="B23317" s="2">
        <v>4663</v>
      </c>
      <c r="C23317" s="1" t="s">
        <v>0</v>
      </c>
      <c r="D23317" s="2">
        <v>176145</v>
      </c>
      <c r="E23317" s="1" t="s">
        <v>0</v>
      </c>
    </row>
    <row r="23318" spans="1:5" x14ac:dyDescent="0.25">
      <c r="A23318" s="1" t="s">
        <v>4236</v>
      </c>
      <c r="B23318" s="1" t="s">
        <v>11766</v>
      </c>
      <c r="C23318" s="1" t="s">
        <v>44974</v>
      </c>
      <c r="D23318" s="2">
        <v>176146</v>
      </c>
      <c r="E23318" s="1" t="s">
        <v>0</v>
      </c>
    </row>
    <row r="23319" spans="1:5" x14ac:dyDescent="0.25">
      <c r="A23319" s="1" t="s">
        <v>44975</v>
      </c>
      <c r="B23319" s="1" t="s">
        <v>11767</v>
      </c>
      <c r="C23319" s="1" t="s">
        <v>44976</v>
      </c>
      <c r="D23319" s="2">
        <v>176147</v>
      </c>
      <c r="E23319" s="1" t="s">
        <v>0</v>
      </c>
    </row>
    <row r="23320" spans="1:5" ht="409.5" x14ac:dyDescent="0.25">
      <c r="A23320" s="4" t="s">
        <v>44977</v>
      </c>
      <c r="B23320" s="1" t="s">
        <v>60471</v>
      </c>
      <c r="C23320" s="1" t="s">
        <v>44978</v>
      </c>
      <c r="D23320" s="2">
        <v>176148</v>
      </c>
      <c r="E23320" s="1" t="s">
        <v>0</v>
      </c>
    </row>
    <row r="23321" spans="1:5" x14ac:dyDescent="0.25">
      <c r="A23321" s="1" t="s">
        <v>44979</v>
      </c>
      <c r="B23321" s="1" t="s">
        <v>56143</v>
      </c>
      <c r="C23321" s="1" t="s">
        <v>44980</v>
      </c>
      <c r="D23321" s="2">
        <v>176149</v>
      </c>
      <c r="E23321" s="1" t="s">
        <v>0</v>
      </c>
    </row>
    <row r="23322" spans="1:5" x14ac:dyDescent="0.25">
      <c r="A23322" s="2">
        <v>4664</v>
      </c>
      <c r="B23322" s="2">
        <v>4664</v>
      </c>
      <c r="C23322" s="1" t="s">
        <v>0</v>
      </c>
      <c r="D23322" s="2">
        <v>176150</v>
      </c>
      <c r="E23322" s="1" t="s">
        <v>0</v>
      </c>
    </row>
    <row r="23323" spans="1:5" x14ac:dyDescent="0.25">
      <c r="A23323" s="1" t="s">
        <v>4237</v>
      </c>
      <c r="B23323" s="1" t="s">
        <v>11768</v>
      </c>
      <c r="C23323" s="1" t="s">
        <v>44981</v>
      </c>
      <c r="D23323" s="2">
        <v>176151</v>
      </c>
      <c r="E23323" s="1" t="s">
        <v>0</v>
      </c>
    </row>
    <row r="23324" spans="1:5" x14ac:dyDescent="0.25">
      <c r="A23324" s="1" t="s">
        <v>44982</v>
      </c>
      <c r="B23324" s="1" t="s">
        <v>56144</v>
      </c>
      <c r="C23324" s="1" t="s">
        <v>44983</v>
      </c>
      <c r="D23324" s="2">
        <v>176152</v>
      </c>
      <c r="E23324" s="1" t="s">
        <v>0</v>
      </c>
    </row>
    <row r="23325" spans="1:5" ht="409.5" x14ac:dyDescent="0.25">
      <c r="A23325" s="4" t="s">
        <v>44984</v>
      </c>
      <c r="B23325" s="1" t="s">
        <v>56145</v>
      </c>
      <c r="C23325" s="1" t="s">
        <v>44985</v>
      </c>
      <c r="D23325" s="2">
        <v>176153</v>
      </c>
      <c r="E23325" s="1" t="s">
        <v>0</v>
      </c>
    </row>
    <row r="23326" spans="1:5" x14ac:dyDescent="0.25">
      <c r="A23326" s="1" t="s">
        <v>44986</v>
      </c>
      <c r="B23326" s="1" t="s">
        <v>61386</v>
      </c>
      <c r="C23326" s="1" t="s">
        <v>44987</v>
      </c>
      <c r="D23326" s="2">
        <v>176154</v>
      </c>
      <c r="E23326" s="1" t="s">
        <v>0</v>
      </c>
    </row>
    <row r="23327" spans="1:5" x14ac:dyDescent="0.25">
      <c r="A23327" s="2">
        <v>4665</v>
      </c>
      <c r="B23327" s="2">
        <v>4665</v>
      </c>
      <c r="C23327" s="1" t="s">
        <v>0</v>
      </c>
      <c r="D23327" s="2">
        <v>176155</v>
      </c>
      <c r="E23327" s="1" t="s">
        <v>0</v>
      </c>
    </row>
    <row r="23328" spans="1:5" x14ac:dyDescent="0.25">
      <c r="A23328" s="1" t="s">
        <v>4238</v>
      </c>
      <c r="B23328" s="1" t="s">
        <v>51058</v>
      </c>
      <c r="C23328" s="1" t="s">
        <v>44988</v>
      </c>
      <c r="D23328" s="2">
        <v>176156</v>
      </c>
      <c r="E23328" s="1" t="s">
        <v>0</v>
      </c>
    </row>
    <row r="23329" spans="1:5" x14ac:dyDescent="0.25">
      <c r="A23329" s="1" t="s">
        <v>44989</v>
      </c>
      <c r="B23329" s="1" t="s">
        <v>11769</v>
      </c>
      <c r="C23329" s="1" t="s">
        <v>44990</v>
      </c>
      <c r="D23329" s="2">
        <v>176157</v>
      </c>
      <c r="E23329" s="1" t="s">
        <v>0</v>
      </c>
    </row>
    <row r="23330" spans="1:5" ht="409.5" x14ac:dyDescent="0.25">
      <c r="A23330" s="4" t="s">
        <v>44991</v>
      </c>
      <c r="B23330" s="1" t="s">
        <v>56146</v>
      </c>
      <c r="C23330" s="1" t="s">
        <v>44992</v>
      </c>
      <c r="D23330" s="2">
        <v>176158</v>
      </c>
      <c r="E23330" s="1" t="s">
        <v>0</v>
      </c>
    </row>
    <row r="23331" spans="1:5" x14ac:dyDescent="0.25">
      <c r="A23331" s="1" t="s">
        <v>44993</v>
      </c>
      <c r="B23331" s="1" t="s">
        <v>56147</v>
      </c>
      <c r="C23331" s="1" t="s">
        <v>44994</v>
      </c>
      <c r="D23331" s="2">
        <v>176159</v>
      </c>
      <c r="E23331" s="1" t="s">
        <v>0</v>
      </c>
    </row>
    <row r="23332" spans="1:5" x14ac:dyDescent="0.25">
      <c r="A23332" s="2">
        <v>4666</v>
      </c>
      <c r="B23332" s="2">
        <v>4666</v>
      </c>
      <c r="C23332" s="1" t="s">
        <v>0</v>
      </c>
      <c r="D23332" s="2">
        <v>176160</v>
      </c>
      <c r="E23332" s="1" t="s">
        <v>0</v>
      </c>
    </row>
    <row r="23333" spans="1:5" x14ac:dyDescent="0.25">
      <c r="A23333" s="1" t="s">
        <v>4239</v>
      </c>
      <c r="B23333" s="1" t="s">
        <v>11770</v>
      </c>
      <c r="C23333" s="1" t="s">
        <v>44995</v>
      </c>
      <c r="D23333" s="2">
        <v>176161</v>
      </c>
      <c r="E23333" s="1" t="s">
        <v>0</v>
      </c>
    </row>
    <row r="23334" spans="1:5" x14ac:dyDescent="0.25">
      <c r="A23334" s="1" t="s">
        <v>44996</v>
      </c>
      <c r="B23334" s="1" t="s">
        <v>62980</v>
      </c>
      <c r="C23334" s="1" t="s">
        <v>44997</v>
      </c>
      <c r="D23334" s="2">
        <v>176162</v>
      </c>
      <c r="E23334" s="1" t="s">
        <v>0</v>
      </c>
    </row>
    <row r="23335" spans="1:5" ht="409.5" x14ac:dyDescent="0.25">
      <c r="A23335" s="4" t="s">
        <v>44998</v>
      </c>
      <c r="B23335" s="1" t="s">
        <v>62981</v>
      </c>
      <c r="C23335" s="1" t="s">
        <v>44999</v>
      </c>
      <c r="D23335" s="2">
        <v>176163</v>
      </c>
      <c r="E23335" s="1" t="s">
        <v>0</v>
      </c>
    </row>
    <row r="23336" spans="1:5" x14ac:dyDescent="0.25">
      <c r="A23336" s="1" t="s">
        <v>45000</v>
      </c>
      <c r="B23336" s="1" t="s">
        <v>11771</v>
      </c>
      <c r="C23336" s="1" t="s">
        <v>45001</v>
      </c>
      <c r="D23336" s="2">
        <v>176164</v>
      </c>
      <c r="E23336" s="1" t="s">
        <v>0</v>
      </c>
    </row>
    <row r="23337" spans="1:5" x14ac:dyDescent="0.25">
      <c r="A23337" s="2">
        <v>4667</v>
      </c>
      <c r="B23337" s="2">
        <v>4667</v>
      </c>
      <c r="C23337" s="1" t="s">
        <v>0</v>
      </c>
      <c r="D23337" s="2">
        <v>176165</v>
      </c>
      <c r="E23337" s="1" t="s">
        <v>0</v>
      </c>
    </row>
    <row r="23338" spans="1:5" x14ac:dyDescent="0.25">
      <c r="A23338" s="1" t="s">
        <v>4240</v>
      </c>
      <c r="B23338" s="1" t="s">
        <v>60277</v>
      </c>
      <c r="C23338" s="1" t="s">
        <v>45002</v>
      </c>
      <c r="D23338" s="2">
        <v>176166</v>
      </c>
      <c r="E23338" s="1" t="s">
        <v>0</v>
      </c>
    </row>
    <row r="23339" spans="1:5" x14ac:dyDescent="0.25">
      <c r="A23339" s="1" t="s">
        <v>45003</v>
      </c>
      <c r="B23339" s="1" t="s">
        <v>62982</v>
      </c>
      <c r="C23339" s="1" t="s">
        <v>45004</v>
      </c>
      <c r="D23339" s="2">
        <v>176167</v>
      </c>
      <c r="E23339" s="1" t="s">
        <v>0</v>
      </c>
    </row>
    <row r="23340" spans="1:5" ht="409.5" x14ac:dyDescent="0.25">
      <c r="A23340" s="4" t="s">
        <v>45005</v>
      </c>
      <c r="B23340" s="1" t="s">
        <v>62983</v>
      </c>
      <c r="C23340" s="1" t="s">
        <v>45006</v>
      </c>
      <c r="D23340" s="2">
        <v>176168</v>
      </c>
      <c r="E23340" s="1" t="s">
        <v>0</v>
      </c>
    </row>
    <row r="23341" spans="1:5" x14ac:dyDescent="0.25">
      <c r="A23341" s="1" t="s">
        <v>45007</v>
      </c>
      <c r="B23341" s="1" t="s">
        <v>56148</v>
      </c>
      <c r="C23341" s="1" t="s">
        <v>45008</v>
      </c>
      <c r="D23341" s="2">
        <v>176169</v>
      </c>
      <c r="E23341" s="1" t="s">
        <v>0</v>
      </c>
    </row>
    <row r="23342" spans="1:5" x14ac:dyDescent="0.25">
      <c r="A23342" s="2">
        <v>4668</v>
      </c>
      <c r="B23342" s="2">
        <v>4668</v>
      </c>
      <c r="C23342" s="1" t="s">
        <v>0</v>
      </c>
      <c r="D23342" s="2">
        <v>176170</v>
      </c>
      <c r="E23342" s="1" t="s">
        <v>0</v>
      </c>
    </row>
    <row r="23343" spans="1:5" x14ac:dyDescent="0.25">
      <c r="A23343" s="1" t="s">
        <v>4241</v>
      </c>
      <c r="B23343" s="1" t="s">
        <v>11772</v>
      </c>
      <c r="C23343" s="1" t="s">
        <v>45009</v>
      </c>
      <c r="D23343" s="2">
        <v>176171</v>
      </c>
      <c r="E23343" s="1" t="s">
        <v>0</v>
      </c>
    </row>
    <row r="23344" spans="1:5" x14ac:dyDescent="0.25">
      <c r="A23344" s="1" t="s">
        <v>45010</v>
      </c>
      <c r="B23344" s="1" t="s">
        <v>56149</v>
      </c>
      <c r="C23344" s="1" t="s">
        <v>45011</v>
      </c>
      <c r="D23344" s="2">
        <v>176172</v>
      </c>
      <c r="E23344" s="1" t="s">
        <v>0</v>
      </c>
    </row>
    <row r="23345" spans="1:5" ht="409.5" x14ac:dyDescent="0.25">
      <c r="A23345" s="4" t="s">
        <v>64364</v>
      </c>
      <c r="B23345" s="1" t="s">
        <v>56150</v>
      </c>
      <c r="C23345" s="1" t="s">
        <v>45012</v>
      </c>
      <c r="D23345" s="2">
        <v>176173</v>
      </c>
      <c r="E23345" s="1" t="s">
        <v>0</v>
      </c>
    </row>
    <row r="23346" spans="1:5" x14ac:dyDescent="0.25">
      <c r="A23346" s="1" t="s">
        <v>45013</v>
      </c>
      <c r="B23346" s="1" t="s">
        <v>56151</v>
      </c>
      <c r="C23346" s="1" t="s">
        <v>45014</v>
      </c>
      <c r="D23346" s="2">
        <v>176174</v>
      </c>
      <c r="E23346" s="1" t="s">
        <v>0</v>
      </c>
    </row>
    <row r="23347" spans="1:5" x14ac:dyDescent="0.25">
      <c r="A23347" s="2">
        <v>4669</v>
      </c>
      <c r="B23347" s="2">
        <v>4669</v>
      </c>
      <c r="C23347" s="1" t="s">
        <v>0</v>
      </c>
      <c r="D23347" s="2">
        <v>176175</v>
      </c>
      <c r="E23347" s="1" t="s">
        <v>0</v>
      </c>
    </row>
    <row r="23348" spans="1:5" x14ac:dyDescent="0.25">
      <c r="A23348" s="1" t="s">
        <v>4242</v>
      </c>
      <c r="B23348" s="1" t="s">
        <v>11773</v>
      </c>
      <c r="C23348" s="1" t="s">
        <v>45015</v>
      </c>
      <c r="D23348" s="2">
        <v>176176</v>
      </c>
      <c r="E23348" s="1" t="s">
        <v>0</v>
      </c>
    </row>
    <row r="23349" spans="1:5" x14ac:dyDescent="0.25">
      <c r="A23349" s="1" t="s">
        <v>45016</v>
      </c>
      <c r="B23349" s="1" t="s">
        <v>56152</v>
      </c>
      <c r="C23349" s="1" t="s">
        <v>45017</v>
      </c>
      <c r="D23349" s="2">
        <v>176177</v>
      </c>
      <c r="E23349" s="1" t="s">
        <v>0</v>
      </c>
    </row>
    <row r="23350" spans="1:5" ht="409.5" x14ac:dyDescent="0.25">
      <c r="A23350" s="4" t="s">
        <v>45018</v>
      </c>
      <c r="B23350" s="1" t="s">
        <v>56153</v>
      </c>
      <c r="C23350" s="1" t="s">
        <v>45019</v>
      </c>
      <c r="D23350" s="2">
        <v>176178</v>
      </c>
      <c r="E23350" s="1" t="s">
        <v>0</v>
      </c>
    </row>
    <row r="23351" spans="1:5" x14ac:dyDescent="0.25">
      <c r="A23351" s="1" t="s">
        <v>37909</v>
      </c>
      <c r="B23351" s="1" t="s">
        <v>61258</v>
      </c>
      <c r="C23351" s="1" t="s">
        <v>37910</v>
      </c>
      <c r="D23351" s="2">
        <v>176179</v>
      </c>
      <c r="E23351" s="1" t="s">
        <v>0</v>
      </c>
    </row>
    <row r="23352" spans="1:5" x14ac:dyDescent="0.25">
      <c r="A23352" s="2">
        <v>4670</v>
      </c>
      <c r="B23352" s="2">
        <v>4670</v>
      </c>
      <c r="C23352" s="1" t="s">
        <v>0</v>
      </c>
      <c r="D23352" s="2">
        <v>176180</v>
      </c>
      <c r="E23352" s="1" t="s">
        <v>0</v>
      </c>
    </row>
    <row r="23353" spans="1:5" x14ac:dyDescent="0.25">
      <c r="A23353" s="1" t="s">
        <v>4243</v>
      </c>
      <c r="B23353" s="1" t="s">
        <v>11774</v>
      </c>
      <c r="C23353" s="1" t="s">
        <v>45020</v>
      </c>
      <c r="D23353" s="2">
        <v>176181</v>
      </c>
      <c r="E23353" s="1" t="s">
        <v>0</v>
      </c>
    </row>
    <row r="23354" spans="1:5" x14ac:dyDescent="0.25">
      <c r="A23354" s="1" t="s">
        <v>45021</v>
      </c>
      <c r="B23354" s="1" t="s">
        <v>56154</v>
      </c>
      <c r="C23354" s="1" t="s">
        <v>45022</v>
      </c>
      <c r="D23354" s="2">
        <v>176182</v>
      </c>
      <c r="E23354" s="1" t="s">
        <v>0</v>
      </c>
    </row>
    <row r="23355" spans="1:5" ht="409.5" x14ac:dyDescent="0.25">
      <c r="A23355" s="4" t="s">
        <v>45023</v>
      </c>
      <c r="B23355" s="1" t="s">
        <v>56155</v>
      </c>
      <c r="C23355" s="1" t="s">
        <v>45024</v>
      </c>
      <c r="D23355" s="2">
        <v>176183</v>
      </c>
      <c r="E23355" s="1" t="s">
        <v>0</v>
      </c>
    </row>
    <row r="23356" spans="1:5" x14ac:dyDescent="0.25">
      <c r="A23356" s="1" t="s">
        <v>45025</v>
      </c>
      <c r="B23356" s="1" t="s">
        <v>56156</v>
      </c>
      <c r="C23356" s="1" t="s">
        <v>45026</v>
      </c>
      <c r="D23356" s="2">
        <v>176184</v>
      </c>
      <c r="E23356" s="1" t="s">
        <v>0</v>
      </c>
    </row>
    <row r="23357" spans="1:5" x14ac:dyDescent="0.25">
      <c r="A23357" s="2">
        <v>4671</v>
      </c>
      <c r="B23357" s="2">
        <v>4671</v>
      </c>
      <c r="C23357" s="1" t="s">
        <v>0</v>
      </c>
      <c r="D23357" s="2">
        <v>176185</v>
      </c>
      <c r="E23357" s="1" t="s">
        <v>0</v>
      </c>
    </row>
    <row r="23358" spans="1:5" x14ac:dyDescent="0.25">
      <c r="A23358" s="1" t="s">
        <v>4244</v>
      </c>
      <c r="B23358" s="1" t="s">
        <v>56977</v>
      </c>
      <c r="C23358" s="1" t="s">
        <v>45027</v>
      </c>
      <c r="D23358" s="2">
        <v>176186</v>
      </c>
      <c r="E23358" s="1" t="s">
        <v>0</v>
      </c>
    </row>
    <row r="23359" spans="1:5" x14ac:dyDescent="0.25">
      <c r="A23359" s="1" t="s">
        <v>61893</v>
      </c>
      <c r="B23359" s="1" t="s">
        <v>58599</v>
      </c>
      <c r="C23359" s="1" t="s">
        <v>45028</v>
      </c>
      <c r="D23359" s="2">
        <v>176187</v>
      </c>
      <c r="E23359" s="1" t="s">
        <v>0</v>
      </c>
    </row>
    <row r="23360" spans="1:5" ht="409.5" x14ac:dyDescent="0.25">
      <c r="A23360" s="4" t="s">
        <v>61894</v>
      </c>
      <c r="B23360" s="1" t="s">
        <v>58600</v>
      </c>
      <c r="C23360" s="1" t="s">
        <v>45029</v>
      </c>
      <c r="D23360" s="2">
        <v>176188</v>
      </c>
      <c r="E23360" s="1" t="s">
        <v>0</v>
      </c>
    </row>
    <row r="23361" spans="1:5" x14ac:dyDescent="0.25">
      <c r="A23361" s="1" t="s">
        <v>45030</v>
      </c>
      <c r="B23361" s="1" t="s">
        <v>11775</v>
      </c>
      <c r="C23361" s="1" t="s">
        <v>45031</v>
      </c>
      <c r="D23361" s="2">
        <v>176189</v>
      </c>
      <c r="E23361" s="1" t="s">
        <v>0</v>
      </c>
    </row>
    <row r="23362" spans="1:5" x14ac:dyDescent="0.25">
      <c r="A23362" s="2">
        <v>4672</v>
      </c>
      <c r="B23362" s="2">
        <v>4672</v>
      </c>
      <c r="C23362" s="1" t="s">
        <v>0</v>
      </c>
      <c r="D23362" s="2">
        <v>176190</v>
      </c>
      <c r="E23362" s="1" t="s">
        <v>0</v>
      </c>
    </row>
    <row r="23363" spans="1:5" x14ac:dyDescent="0.25">
      <c r="A23363" s="1" t="s">
        <v>4245</v>
      </c>
      <c r="B23363" s="1" t="s">
        <v>11776</v>
      </c>
      <c r="C23363" s="1" t="s">
        <v>45032</v>
      </c>
      <c r="D23363" s="2">
        <v>176191</v>
      </c>
      <c r="E23363" s="1" t="s">
        <v>0</v>
      </c>
    </row>
    <row r="23364" spans="1:5" x14ac:dyDescent="0.25">
      <c r="A23364" s="1" t="s">
        <v>45033</v>
      </c>
      <c r="B23364" s="1" t="s">
        <v>51059</v>
      </c>
      <c r="C23364" s="1" t="s">
        <v>45034</v>
      </c>
      <c r="D23364" s="2">
        <v>176192</v>
      </c>
      <c r="E23364" s="1" t="s">
        <v>0</v>
      </c>
    </row>
    <row r="23365" spans="1:5" ht="409.5" x14ac:dyDescent="0.25">
      <c r="A23365" s="4" t="s">
        <v>45035</v>
      </c>
      <c r="B23365" s="1" t="s">
        <v>51060</v>
      </c>
      <c r="C23365" s="1" t="s">
        <v>45036</v>
      </c>
      <c r="D23365" s="2">
        <v>176193</v>
      </c>
      <c r="E23365" s="1" t="s">
        <v>0</v>
      </c>
    </row>
    <row r="23366" spans="1:5" x14ac:dyDescent="0.25">
      <c r="A23366" s="1" t="s">
        <v>45037</v>
      </c>
      <c r="B23366" s="1" t="s">
        <v>57337</v>
      </c>
      <c r="C23366" s="1" t="s">
        <v>45038</v>
      </c>
      <c r="D23366" s="2">
        <v>176194</v>
      </c>
      <c r="E23366" s="1" t="s">
        <v>0</v>
      </c>
    </row>
    <row r="23367" spans="1:5" x14ac:dyDescent="0.25">
      <c r="A23367" s="2">
        <v>4673</v>
      </c>
      <c r="B23367" s="2">
        <v>4673</v>
      </c>
      <c r="C23367" s="1" t="s">
        <v>0</v>
      </c>
      <c r="D23367" s="2">
        <v>176195</v>
      </c>
      <c r="E23367" s="1" t="s">
        <v>0</v>
      </c>
    </row>
    <row r="23368" spans="1:5" x14ac:dyDescent="0.25">
      <c r="A23368" s="1" t="s">
        <v>4246</v>
      </c>
      <c r="B23368" s="1" t="s">
        <v>56157</v>
      </c>
      <c r="C23368" s="1" t="s">
        <v>45039</v>
      </c>
      <c r="D23368" s="2">
        <v>176196</v>
      </c>
      <c r="E23368" s="1" t="s">
        <v>0</v>
      </c>
    </row>
    <row r="23369" spans="1:5" x14ac:dyDescent="0.25">
      <c r="A23369" s="1" t="s">
        <v>45040</v>
      </c>
      <c r="B23369" s="1" t="s">
        <v>11777</v>
      </c>
      <c r="C23369" s="1" t="s">
        <v>45041</v>
      </c>
      <c r="D23369" s="2">
        <v>176197</v>
      </c>
      <c r="E23369" s="1" t="s">
        <v>0</v>
      </c>
    </row>
    <row r="23370" spans="1:5" ht="409.5" x14ac:dyDescent="0.25">
      <c r="A23370" s="4" t="s">
        <v>45042</v>
      </c>
      <c r="B23370" s="1" t="s">
        <v>11778</v>
      </c>
      <c r="C23370" s="1" t="s">
        <v>45043</v>
      </c>
      <c r="D23370" s="2">
        <v>176198</v>
      </c>
      <c r="E23370" s="1" t="s">
        <v>0</v>
      </c>
    </row>
    <row r="23371" spans="1:5" x14ac:dyDescent="0.25">
      <c r="A23371" s="1" t="s">
        <v>45044</v>
      </c>
      <c r="B23371" s="1" t="s">
        <v>11779</v>
      </c>
      <c r="C23371" s="1" t="s">
        <v>45045</v>
      </c>
      <c r="D23371" s="2">
        <v>176199</v>
      </c>
      <c r="E23371" s="1" t="s">
        <v>0</v>
      </c>
    </row>
    <row r="23372" spans="1:5" x14ac:dyDescent="0.25">
      <c r="A23372" s="2">
        <v>4674</v>
      </c>
      <c r="B23372" s="2">
        <v>4674</v>
      </c>
      <c r="C23372" s="1" t="s">
        <v>0</v>
      </c>
      <c r="D23372" s="2">
        <v>176200</v>
      </c>
      <c r="E23372" s="1" t="s">
        <v>0</v>
      </c>
    </row>
    <row r="23373" spans="1:5" x14ac:dyDescent="0.25">
      <c r="A23373" s="1" t="s">
        <v>4247</v>
      </c>
      <c r="B23373" s="1" t="s">
        <v>11780</v>
      </c>
      <c r="C23373" s="1" t="s">
        <v>45046</v>
      </c>
      <c r="D23373" s="2">
        <v>176201</v>
      </c>
      <c r="E23373" s="1" t="s">
        <v>0</v>
      </c>
    </row>
    <row r="23374" spans="1:5" x14ac:dyDescent="0.25">
      <c r="A23374" s="1" t="s">
        <v>45047</v>
      </c>
      <c r="B23374" s="1" t="s">
        <v>63829</v>
      </c>
      <c r="C23374" s="1" t="s">
        <v>45048</v>
      </c>
      <c r="D23374" s="2">
        <v>176202</v>
      </c>
      <c r="E23374" s="1" t="s">
        <v>0</v>
      </c>
    </row>
    <row r="23375" spans="1:5" ht="409.5" x14ac:dyDescent="0.25">
      <c r="A23375" s="4" t="s">
        <v>45049</v>
      </c>
      <c r="B23375" s="1" t="s">
        <v>63830</v>
      </c>
      <c r="C23375" s="1" t="s">
        <v>45050</v>
      </c>
      <c r="D23375" s="2">
        <v>176203</v>
      </c>
      <c r="E23375" s="1" t="s">
        <v>0</v>
      </c>
    </row>
    <row r="23376" spans="1:5" x14ac:dyDescent="0.25">
      <c r="A23376" s="1" t="s">
        <v>45051</v>
      </c>
      <c r="B23376" s="1" t="s">
        <v>57338</v>
      </c>
      <c r="C23376" s="1" t="s">
        <v>45052</v>
      </c>
      <c r="D23376" s="2">
        <v>176204</v>
      </c>
      <c r="E23376" s="1" t="s">
        <v>0</v>
      </c>
    </row>
    <row r="23377" spans="1:5" x14ac:dyDescent="0.25">
      <c r="A23377" s="2">
        <v>4675</v>
      </c>
      <c r="B23377" s="2">
        <v>4675</v>
      </c>
      <c r="C23377" s="1" t="s">
        <v>0</v>
      </c>
      <c r="D23377" s="2">
        <v>176205</v>
      </c>
      <c r="E23377" s="1" t="s">
        <v>0</v>
      </c>
    </row>
    <row r="23378" spans="1:5" x14ac:dyDescent="0.25">
      <c r="A23378" s="1" t="s">
        <v>11781</v>
      </c>
      <c r="B23378" s="1" t="s">
        <v>11782</v>
      </c>
      <c r="C23378" s="1" t="s">
        <v>45053</v>
      </c>
      <c r="D23378" s="2">
        <v>176206</v>
      </c>
      <c r="E23378" s="1" t="s">
        <v>0</v>
      </c>
    </row>
    <row r="23379" spans="1:5" x14ac:dyDescent="0.25">
      <c r="A23379" s="1" t="s">
        <v>45054</v>
      </c>
      <c r="B23379" s="1" t="s">
        <v>63831</v>
      </c>
      <c r="C23379" s="1" t="s">
        <v>45055</v>
      </c>
      <c r="D23379" s="2">
        <v>176207</v>
      </c>
      <c r="E23379" s="1" t="s">
        <v>0</v>
      </c>
    </row>
    <row r="23380" spans="1:5" ht="409.5" x14ac:dyDescent="0.25">
      <c r="A23380" s="4" t="s">
        <v>45056</v>
      </c>
      <c r="B23380" s="1" t="s">
        <v>59093</v>
      </c>
      <c r="C23380" s="1" t="s">
        <v>45057</v>
      </c>
      <c r="D23380" s="2">
        <v>176208</v>
      </c>
      <c r="E23380" s="1" t="s">
        <v>0</v>
      </c>
    </row>
    <row r="23381" spans="1:5" x14ac:dyDescent="0.25">
      <c r="A23381" s="1" t="s">
        <v>45058</v>
      </c>
      <c r="B23381" s="1" t="s">
        <v>59094</v>
      </c>
      <c r="C23381" s="1" t="s">
        <v>45059</v>
      </c>
      <c r="D23381" s="2">
        <v>176209</v>
      </c>
      <c r="E23381" s="1" t="s">
        <v>0</v>
      </c>
    </row>
    <row r="23382" spans="1:5" x14ac:dyDescent="0.25">
      <c r="A23382" s="2">
        <v>4676</v>
      </c>
      <c r="B23382" s="2">
        <v>4676</v>
      </c>
      <c r="C23382" s="1" t="s">
        <v>0</v>
      </c>
      <c r="D23382" s="2">
        <v>176210</v>
      </c>
      <c r="E23382" s="1" t="s">
        <v>0</v>
      </c>
    </row>
    <row r="23383" spans="1:5" x14ac:dyDescent="0.25">
      <c r="A23383" s="1" t="s">
        <v>4248</v>
      </c>
      <c r="B23383" s="1" t="s">
        <v>11783</v>
      </c>
      <c r="C23383" s="1" t="s">
        <v>45060</v>
      </c>
      <c r="D23383" s="2">
        <v>176211</v>
      </c>
      <c r="E23383" s="1" t="s">
        <v>0</v>
      </c>
    </row>
    <row r="23384" spans="1:5" x14ac:dyDescent="0.25">
      <c r="A23384" s="1" t="s">
        <v>45061</v>
      </c>
      <c r="B23384" s="1" t="s">
        <v>56158</v>
      </c>
      <c r="C23384" s="1" t="s">
        <v>45062</v>
      </c>
      <c r="D23384" s="2">
        <v>176212</v>
      </c>
      <c r="E23384" s="1" t="s">
        <v>0</v>
      </c>
    </row>
    <row r="23385" spans="1:5" ht="409.5" x14ac:dyDescent="0.25">
      <c r="A23385" s="4" t="s">
        <v>45063</v>
      </c>
      <c r="B23385" s="1" t="s">
        <v>56159</v>
      </c>
      <c r="C23385" s="1" t="s">
        <v>45064</v>
      </c>
      <c r="D23385" s="2">
        <v>176213</v>
      </c>
      <c r="E23385" s="1" t="s">
        <v>0</v>
      </c>
    </row>
    <row r="23386" spans="1:5" x14ac:dyDescent="0.25">
      <c r="A23386" s="1" t="s">
        <v>45065</v>
      </c>
      <c r="B23386" s="1" t="s">
        <v>11784</v>
      </c>
      <c r="C23386" s="1" t="s">
        <v>45066</v>
      </c>
      <c r="D23386" s="2">
        <v>176214</v>
      </c>
      <c r="E23386" s="1" t="s">
        <v>0</v>
      </c>
    </row>
    <row r="23387" spans="1:5" x14ac:dyDescent="0.25">
      <c r="A23387" s="2">
        <v>4677</v>
      </c>
      <c r="B23387" s="2">
        <v>4677</v>
      </c>
      <c r="C23387" s="1" t="s">
        <v>0</v>
      </c>
      <c r="D23387" s="2">
        <v>176215</v>
      </c>
      <c r="E23387" s="1" t="s">
        <v>0</v>
      </c>
    </row>
    <row r="23388" spans="1:5" x14ac:dyDescent="0.25">
      <c r="A23388" s="1" t="s">
        <v>4249</v>
      </c>
      <c r="B23388" s="1" t="s">
        <v>11785</v>
      </c>
      <c r="C23388" s="1" t="s">
        <v>45067</v>
      </c>
      <c r="D23388" s="2">
        <v>176216</v>
      </c>
      <c r="E23388" s="1" t="s">
        <v>0</v>
      </c>
    </row>
    <row r="23389" spans="1:5" x14ac:dyDescent="0.25">
      <c r="A23389" s="1" t="s">
        <v>45068</v>
      </c>
      <c r="B23389" s="1" t="s">
        <v>60472</v>
      </c>
      <c r="C23389" s="1" t="s">
        <v>45069</v>
      </c>
      <c r="D23389" s="2">
        <v>176217</v>
      </c>
      <c r="E23389" s="1" t="s">
        <v>0</v>
      </c>
    </row>
    <row r="23390" spans="1:5" ht="409.5" x14ac:dyDescent="0.25">
      <c r="A23390" s="4" t="s">
        <v>45070</v>
      </c>
      <c r="B23390" s="1" t="s">
        <v>60473</v>
      </c>
      <c r="C23390" s="1" t="s">
        <v>45071</v>
      </c>
      <c r="D23390" s="2">
        <v>176218</v>
      </c>
      <c r="E23390" s="1" t="s">
        <v>0</v>
      </c>
    </row>
    <row r="23391" spans="1:5" x14ac:dyDescent="0.25">
      <c r="A23391" s="1" t="s">
        <v>45072</v>
      </c>
      <c r="B23391" s="1" t="s">
        <v>61387</v>
      </c>
      <c r="C23391" s="1" t="s">
        <v>45073</v>
      </c>
      <c r="D23391" s="2">
        <v>176219</v>
      </c>
      <c r="E23391" s="1" t="s">
        <v>0</v>
      </c>
    </row>
    <row r="23392" spans="1:5" x14ac:dyDescent="0.25">
      <c r="A23392" s="2">
        <v>4678</v>
      </c>
      <c r="B23392" s="2">
        <v>4678</v>
      </c>
      <c r="C23392" s="1" t="s">
        <v>0</v>
      </c>
      <c r="D23392" s="2">
        <v>176220</v>
      </c>
      <c r="E23392" s="1" t="s">
        <v>0</v>
      </c>
    </row>
    <row r="23393" spans="1:5" x14ac:dyDescent="0.25">
      <c r="A23393" s="1" t="s">
        <v>4250</v>
      </c>
      <c r="B23393" s="1" t="s">
        <v>11786</v>
      </c>
      <c r="C23393" s="1" t="s">
        <v>45074</v>
      </c>
      <c r="D23393" s="2">
        <v>176221</v>
      </c>
      <c r="E23393" s="1" t="s">
        <v>0</v>
      </c>
    </row>
    <row r="23394" spans="1:5" x14ac:dyDescent="0.25">
      <c r="A23394" s="1" t="s">
        <v>45075</v>
      </c>
      <c r="B23394" s="1" t="s">
        <v>58601</v>
      </c>
      <c r="C23394" s="1" t="s">
        <v>45076</v>
      </c>
      <c r="D23394" s="2">
        <v>176222</v>
      </c>
      <c r="E23394" s="1" t="s">
        <v>0</v>
      </c>
    </row>
    <row r="23395" spans="1:5" ht="409.5" x14ac:dyDescent="0.25">
      <c r="A23395" s="4" t="s">
        <v>45077</v>
      </c>
      <c r="B23395" s="1" t="s">
        <v>58602</v>
      </c>
      <c r="C23395" s="1" t="s">
        <v>45078</v>
      </c>
      <c r="D23395" s="2">
        <v>176223</v>
      </c>
      <c r="E23395" s="1" t="s">
        <v>0</v>
      </c>
    </row>
    <row r="23396" spans="1:5" x14ac:dyDescent="0.25">
      <c r="A23396" s="1" t="s">
        <v>45079</v>
      </c>
      <c r="B23396" s="1" t="s">
        <v>56160</v>
      </c>
      <c r="C23396" s="1" t="s">
        <v>45080</v>
      </c>
      <c r="D23396" s="2">
        <v>176224</v>
      </c>
      <c r="E23396" s="1" t="s">
        <v>0</v>
      </c>
    </row>
    <row r="23397" spans="1:5" x14ac:dyDescent="0.25">
      <c r="A23397" s="2">
        <v>4679</v>
      </c>
      <c r="B23397" s="2">
        <v>4679</v>
      </c>
      <c r="C23397" s="1" t="s">
        <v>0</v>
      </c>
      <c r="D23397" s="2">
        <v>176225</v>
      </c>
      <c r="E23397" s="1" t="s">
        <v>0</v>
      </c>
    </row>
    <row r="23398" spans="1:5" x14ac:dyDescent="0.25">
      <c r="A23398" s="1" t="s">
        <v>4251</v>
      </c>
      <c r="B23398" s="1" t="s">
        <v>60474</v>
      </c>
      <c r="C23398" s="1" t="s">
        <v>45081</v>
      </c>
      <c r="D23398" s="2">
        <v>176226</v>
      </c>
      <c r="E23398" s="1" t="s">
        <v>0</v>
      </c>
    </row>
    <row r="23399" spans="1:5" x14ac:dyDescent="0.25">
      <c r="A23399" s="1" t="s">
        <v>45082</v>
      </c>
      <c r="B23399" s="1" t="s">
        <v>60524</v>
      </c>
      <c r="C23399" s="1" t="s">
        <v>45083</v>
      </c>
      <c r="D23399" s="2">
        <v>176227</v>
      </c>
      <c r="E23399" s="1" t="s">
        <v>0</v>
      </c>
    </row>
    <row r="23400" spans="1:5" ht="409.5" x14ac:dyDescent="0.25">
      <c r="A23400" s="4" t="s">
        <v>45084</v>
      </c>
      <c r="B23400" s="1" t="s">
        <v>60525</v>
      </c>
      <c r="C23400" s="1" t="s">
        <v>45085</v>
      </c>
      <c r="D23400" s="2">
        <v>176228</v>
      </c>
      <c r="E23400" s="1" t="s">
        <v>0</v>
      </c>
    </row>
    <row r="23401" spans="1:5" x14ac:dyDescent="0.25">
      <c r="A23401" s="1" t="s">
        <v>45086</v>
      </c>
      <c r="B23401" s="1" t="s">
        <v>56161</v>
      </c>
      <c r="C23401" s="1" t="s">
        <v>45087</v>
      </c>
      <c r="D23401" s="2">
        <v>176229</v>
      </c>
      <c r="E23401" s="1" t="s">
        <v>0</v>
      </c>
    </row>
    <row r="23402" spans="1:5" x14ac:dyDescent="0.25">
      <c r="A23402" s="2">
        <v>4680</v>
      </c>
      <c r="B23402" s="2">
        <v>4680</v>
      </c>
      <c r="C23402" s="1" t="s">
        <v>0</v>
      </c>
      <c r="D23402" s="2">
        <v>176230</v>
      </c>
      <c r="E23402" s="1" t="s">
        <v>0</v>
      </c>
    </row>
    <row r="23403" spans="1:5" x14ac:dyDescent="0.25">
      <c r="A23403" s="1" t="s">
        <v>4252</v>
      </c>
      <c r="B23403" s="1" t="s">
        <v>11787</v>
      </c>
      <c r="C23403" s="1" t="s">
        <v>45088</v>
      </c>
      <c r="D23403" s="2">
        <v>176231</v>
      </c>
      <c r="E23403" s="1" t="s">
        <v>0</v>
      </c>
    </row>
    <row r="23404" spans="1:5" x14ac:dyDescent="0.25">
      <c r="A23404" s="1" t="s">
        <v>45089</v>
      </c>
      <c r="B23404" s="1" t="s">
        <v>11788</v>
      </c>
      <c r="C23404" s="1" t="s">
        <v>45090</v>
      </c>
      <c r="D23404" s="2">
        <v>176232</v>
      </c>
      <c r="E23404" s="1" t="s">
        <v>0</v>
      </c>
    </row>
    <row r="23405" spans="1:5" ht="409.5" x14ac:dyDescent="0.25">
      <c r="A23405" s="4" t="s">
        <v>45091</v>
      </c>
      <c r="B23405" s="1" t="s">
        <v>61388</v>
      </c>
      <c r="C23405" s="1" t="s">
        <v>45092</v>
      </c>
      <c r="D23405" s="2">
        <v>176233</v>
      </c>
      <c r="E23405" s="1" t="s">
        <v>0</v>
      </c>
    </row>
    <row r="23406" spans="1:5" x14ac:dyDescent="0.25">
      <c r="A23406" s="1" t="s">
        <v>13588</v>
      </c>
      <c r="B23406" s="1" t="s">
        <v>60850</v>
      </c>
      <c r="C23406" s="1" t="s">
        <v>13589</v>
      </c>
      <c r="D23406" s="2">
        <v>176234</v>
      </c>
      <c r="E23406" s="1" t="s">
        <v>0</v>
      </c>
    </row>
    <row r="23407" spans="1:5" x14ac:dyDescent="0.25">
      <c r="A23407" s="2">
        <v>4681</v>
      </c>
      <c r="B23407" s="2">
        <v>4681</v>
      </c>
      <c r="C23407" s="1" t="s">
        <v>0</v>
      </c>
      <c r="D23407" s="2">
        <v>176235</v>
      </c>
      <c r="E23407" s="1" t="s">
        <v>0</v>
      </c>
    </row>
    <row r="23408" spans="1:5" x14ac:dyDescent="0.25">
      <c r="A23408" s="1" t="s">
        <v>4253</v>
      </c>
      <c r="B23408" s="1" t="s">
        <v>11789</v>
      </c>
      <c r="C23408" s="1" t="s">
        <v>45093</v>
      </c>
      <c r="D23408" s="2">
        <v>176236</v>
      </c>
      <c r="E23408" s="1" t="s">
        <v>0</v>
      </c>
    </row>
    <row r="23409" spans="1:5" x14ac:dyDescent="0.25">
      <c r="A23409" s="1" t="s">
        <v>45094</v>
      </c>
      <c r="B23409" s="1" t="s">
        <v>11790</v>
      </c>
      <c r="C23409" s="1" t="s">
        <v>45095</v>
      </c>
      <c r="D23409" s="2">
        <v>176237</v>
      </c>
      <c r="E23409" s="1" t="s">
        <v>0</v>
      </c>
    </row>
    <row r="23410" spans="1:5" ht="409.5" x14ac:dyDescent="0.25">
      <c r="A23410" s="4" t="s">
        <v>64365</v>
      </c>
      <c r="B23410" s="1" t="s">
        <v>64366</v>
      </c>
      <c r="C23410" s="1" t="s">
        <v>45096</v>
      </c>
      <c r="D23410" s="2">
        <v>176238</v>
      </c>
      <c r="E23410" s="1" t="s">
        <v>0</v>
      </c>
    </row>
    <row r="23411" spans="1:5" x14ac:dyDescent="0.25">
      <c r="A23411" s="1" t="s">
        <v>45097</v>
      </c>
      <c r="B23411" s="1" t="s">
        <v>56162</v>
      </c>
      <c r="C23411" s="1" t="s">
        <v>45098</v>
      </c>
      <c r="D23411" s="2">
        <v>176239</v>
      </c>
      <c r="E23411" s="1" t="s">
        <v>0</v>
      </c>
    </row>
    <row r="23412" spans="1:5" x14ac:dyDescent="0.25">
      <c r="A23412" s="2">
        <v>4682</v>
      </c>
      <c r="B23412" s="2">
        <v>4682</v>
      </c>
      <c r="C23412" s="1" t="s">
        <v>0</v>
      </c>
      <c r="D23412" s="2">
        <v>176240</v>
      </c>
      <c r="E23412" s="1" t="s">
        <v>0</v>
      </c>
    </row>
    <row r="23413" spans="1:5" x14ac:dyDescent="0.25">
      <c r="A23413" s="1" t="s">
        <v>4254</v>
      </c>
      <c r="B23413" s="1" t="s">
        <v>11791</v>
      </c>
      <c r="C23413" s="1" t="s">
        <v>45099</v>
      </c>
      <c r="D23413" s="2">
        <v>176241</v>
      </c>
      <c r="E23413" s="1" t="s">
        <v>0</v>
      </c>
    </row>
    <row r="23414" spans="1:5" x14ac:dyDescent="0.25">
      <c r="A23414" s="1" t="s">
        <v>45100</v>
      </c>
      <c r="B23414" s="1" t="s">
        <v>56163</v>
      </c>
      <c r="C23414" s="1" t="s">
        <v>45101</v>
      </c>
      <c r="D23414" s="2">
        <v>176242</v>
      </c>
      <c r="E23414" s="1" t="s">
        <v>0</v>
      </c>
    </row>
    <row r="23415" spans="1:5" ht="409.5" x14ac:dyDescent="0.25">
      <c r="A23415" s="4" t="s">
        <v>45102</v>
      </c>
      <c r="B23415" s="1" t="s">
        <v>56164</v>
      </c>
      <c r="C23415" s="1" t="s">
        <v>45103</v>
      </c>
      <c r="D23415" s="2">
        <v>176243</v>
      </c>
      <c r="E23415" s="1" t="s">
        <v>0</v>
      </c>
    </row>
    <row r="23416" spans="1:5" x14ac:dyDescent="0.25">
      <c r="A23416" s="1" t="s">
        <v>45104</v>
      </c>
      <c r="B23416" s="1" t="s">
        <v>11792</v>
      </c>
      <c r="C23416" s="1" t="s">
        <v>45105</v>
      </c>
      <c r="D23416" s="2">
        <v>176244</v>
      </c>
      <c r="E23416" s="1" t="s">
        <v>0</v>
      </c>
    </row>
    <row r="23417" spans="1:5" x14ac:dyDescent="0.25">
      <c r="A23417" s="2">
        <v>4683</v>
      </c>
      <c r="B23417" s="2">
        <v>4683</v>
      </c>
      <c r="C23417" s="1" t="s">
        <v>0</v>
      </c>
      <c r="D23417" s="2">
        <v>176245</v>
      </c>
      <c r="E23417" s="1" t="s">
        <v>0</v>
      </c>
    </row>
    <row r="23418" spans="1:5" x14ac:dyDescent="0.25">
      <c r="A23418" s="1" t="s">
        <v>4255</v>
      </c>
      <c r="B23418" s="1" t="s">
        <v>60278</v>
      </c>
      <c r="C23418" s="1" t="s">
        <v>45106</v>
      </c>
      <c r="D23418" s="2">
        <v>176246</v>
      </c>
      <c r="E23418" s="1" t="s">
        <v>0</v>
      </c>
    </row>
    <row r="23419" spans="1:5" x14ac:dyDescent="0.25">
      <c r="A23419" s="1" t="s">
        <v>45107</v>
      </c>
      <c r="B23419" s="1" t="s">
        <v>60279</v>
      </c>
      <c r="C23419" s="1" t="s">
        <v>45108</v>
      </c>
      <c r="D23419" s="2">
        <v>176247</v>
      </c>
      <c r="E23419" s="1" t="s">
        <v>0</v>
      </c>
    </row>
    <row r="23420" spans="1:5" ht="409.5" x14ac:dyDescent="0.25">
      <c r="A23420" s="4" t="s">
        <v>45109</v>
      </c>
      <c r="B23420" s="1" t="s">
        <v>60280</v>
      </c>
      <c r="C23420" s="1" t="s">
        <v>45110</v>
      </c>
      <c r="D23420" s="2">
        <v>176248</v>
      </c>
      <c r="E23420" s="1" t="s">
        <v>0</v>
      </c>
    </row>
    <row r="23421" spans="1:5" x14ac:dyDescent="0.25">
      <c r="A23421" s="1" t="s">
        <v>45111</v>
      </c>
      <c r="B23421" s="1" t="s">
        <v>57637</v>
      </c>
      <c r="C23421" s="1" t="s">
        <v>45112</v>
      </c>
      <c r="D23421" s="2">
        <v>176249</v>
      </c>
      <c r="E23421" s="1" t="s">
        <v>0</v>
      </c>
    </row>
    <row r="23422" spans="1:5" x14ac:dyDescent="0.25">
      <c r="A23422" s="2">
        <v>4684</v>
      </c>
      <c r="B23422" s="2">
        <v>4684</v>
      </c>
      <c r="C23422" s="1" t="s">
        <v>0</v>
      </c>
      <c r="D23422" s="2">
        <v>176250</v>
      </c>
      <c r="E23422" s="1" t="s">
        <v>0</v>
      </c>
    </row>
    <row r="23423" spans="1:5" x14ac:dyDescent="0.25">
      <c r="A23423" s="1" t="s">
        <v>4256</v>
      </c>
      <c r="B23423" s="1" t="s">
        <v>11793</v>
      </c>
      <c r="C23423" s="1" t="s">
        <v>45113</v>
      </c>
      <c r="D23423" s="2">
        <v>176251</v>
      </c>
      <c r="E23423" s="1" t="s">
        <v>0</v>
      </c>
    </row>
    <row r="23424" spans="1:5" x14ac:dyDescent="0.25">
      <c r="A23424" s="1" t="s">
        <v>45114</v>
      </c>
      <c r="B23424" s="1" t="s">
        <v>60661</v>
      </c>
      <c r="C23424" s="1" t="s">
        <v>45115</v>
      </c>
      <c r="D23424" s="2">
        <v>176252</v>
      </c>
      <c r="E23424" s="1" t="s">
        <v>0</v>
      </c>
    </row>
    <row r="23425" spans="1:5" ht="409.5" x14ac:dyDescent="0.25">
      <c r="A23425" s="4" t="s">
        <v>45116</v>
      </c>
      <c r="B23425" s="1" t="s">
        <v>60662</v>
      </c>
      <c r="C23425" s="1" t="s">
        <v>45117</v>
      </c>
      <c r="D23425" s="2">
        <v>176253</v>
      </c>
      <c r="E23425" s="1" t="s">
        <v>0</v>
      </c>
    </row>
    <row r="23426" spans="1:5" x14ac:dyDescent="0.25">
      <c r="A23426" s="1" t="s">
        <v>45118</v>
      </c>
      <c r="B23426" s="1" t="s">
        <v>56165</v>
      </c>
      <c r="C23426" s="1" t="s">
        <v>45119</v>
      </c>
      <c r="D23426" s="2">
        <v>176254</v>
      </c>
      <c r="E23426" s="1" t="s">
        <v>0</v>
      </c>
    </row>
    <row r="23427" spans="1:5" x14ac:dyDescent="0.25">
      <c r="A23427" s="2">
        <v>4685</v>
      </c>
      <c r="B23427" s="2">
        <v>4685</v>
      </c>
      <c r="C23427" s="1" t="s">
        <v>0</v>
      </c>
      <c r="D23427" s="2">
        <v>176255</v>
      </c>
      <c r="E23427" s="1" t="s">
        <v>0</v>
      </c>
    </row>
    <row r="23428" spans="1:5" x14ac:dyDescent="0.25">
      <c r="A23428" s="1" t="s">
        <v>4257</v>
      </c>
      <c r="B23428" s="1" t="s">
        <v>11794</v>
      </c>
      <c r="C23428" s="1" t="s">
        <v>45120</v>
      </c>
      <c r="D23428" s="2">
        <v>176256</v>
      </c>
      <c r="E23428" s="1" t="s">
        <v>0</v>
      </c>
    </row>
    <row r="23429" spans="1:5" x14ac:dyDescent="0.25">
      <c r="A23429" s="1" t="s">
        <v>45121</v>
      </c>
      <c r="B23429" s="1" t="s">
        <v>56166</v>
      </c>
      <c r="C23429" s="1" t="s">
        <v>45122</v>
      </c>
      <c r="D23429" s="2">
        <v>176257</v>
      </c>
      <c r="E23429" s="1" t="s">
        <v>0</v>
      </c>
    </row>
    <row r="23430" spans="1:5" ht="409.5" x14ac:dyDescent="0.25">
      <c r="A23430" s="4" t="s">
        <v>45123</v>
      </c>
      <c r="B23430" s="1" t="s">
        <v>56167</v>
      </c>
      <c r="C23430" s="1" t="s">
        <v>45124</v>
      </c>
      <c r="D23430" s="2">
        <v>176258</v>
      </c>
      <c r="E23430" s="1" t="s">
        <v>0</v>
      </c>
    </row>
    <row r="23431" spans="1:5" x14ac:dyDescent="0.25">
      <c r="A23431" s="1" t="s">
        <v>16086</v>
      </c>
      <c r="B23431" s="1" t="s">
        <v>60897</v>
      </c>
      <c r="C23431" s="1" t="s">
        <v>16087</v>
      </c>
      <c r="D23431" s="2">
        <v>176259</v>
      </c>
      <c r="E23431" s="1" t="s">
        <v>0</v>
      </c>
    </row>
    <row r="23432" spans="1:5" x14ac:dyDescent="0.25">
      <c r="A23432" s="2">
        <v>4686</v>
      </c>
      <c r="B23432" s="2">
        <v>4686</v>
      </c>
      <c r="C23432" s="1" t="s">
        <v>0</v>
      </c>
      <c r="D23432" s="2">
        <v>176260</v>
      </c>
      <c r="E23432" s="1" t="s">
        <v>0</v>
      </c>
    </row>
    <row r="23433" spans="1:5" x14ac:dyDescent="0.25">
      <c r="A23433" s="1" t="s">
        <v>4258</v>
      </c>
      <c r="B23433" s="1" t="s">
        <v>4259</v>
      </c>
      <c r="C23433" s="1" t="s">
        <v>45125</v>
      </c>
      <c r="D23433" s="2">
        <v>176261</v>
      </c>
      <c r="E23433" s="1" t="s">
        <v>0</v>
      </c>
    </row>
    <row r="23434" spans="1:5" x14ac:dyDescent="0.25">
      <c r="A23434" s="1" t="s">
        <v>45126</v>
      </c>
      <c r="B23434" s="1" t="s">
        <v>56168</v>
      </c>
      <c r="C23434" s="1" t="s">
        <v>45127</v>
      </c>
      <c r="D23434" s="2">
        <v>176262</v>
      </c>
      <c r="E23434" s="1" t="s">
        <v>0</v>
      </c>
    </row>
    <row r="23435" spans="1:5" ht="409.5" x14ac:dyDescent="0.25">
      <c r="A23435" s="4" t="s">
        <v>45128</v>
      </c>
      <c r="B23435" s="1" t="s">
        <v>63518</v>
      </c>
      <c r="C23435" s="1" t="s">
        <v>45129</v>
      </c>
      <c r="D23435" s="2">
        <v>176263</v>
      </c>
      <c r="E23435" s="1" t="s">
        <v>0</v>
      </c>
    </row>
    <row r="23436" spans="1:5" x14ac:dyDescent="0.25">
      <c r="A23436" s="1" t="s">
        <v>45130</v>
      </c>
      <c r="B23436" s="1" t="s">
        <v>11795</v>
      </c>
      <c r="C23436" s="1" t="s">
        <v>45131</v>
      </c>
      <c r="D23436" s="2">
        <v>176264</v>
      </c>
      <c r="E23436" s="1" t="s">
        <v>0</v>
      </c>
    </row>
    <row r="23437" spans="1:5" x14ac:dyDescent="0.25">
      <c r="A23437" s="2">
        <v>4687</v>
      </c>
      <c r="B23437" s="2">
        <v>4687</v>
      </c>
      <c r="C23437" s="1" t="s">
        <v>0</v>
      </c>
      <c r="D23437" s="2">
        <v>176265</v>
      </c>
      <c r="E23437" s="1" t="s">
        <v>0</v>
      </c>
    </row>
    <row r="23438" spans="1:5" x14ac:dyDescent="0.25">
      <c r="A23438" s="1" t="s">
        <v>4260</v>
      </c>
      <c r="B23438" s="1" t="s">
        <v>51061</v>
      </c>
      <c r="C23438" s="1" t="s">
        <v>45132</v>
      </c>
      <c r="D23438" s="2">
        <v>176266</v>
      </c>
      <c r="E23438" s="1" t="s">
        <v>0</v>
      </c>
    </row>
    <row r="23439" spans="1:5" x14ac:dyDescent="0.25">
      <c r="A23439" s="1" t="s">
        <v>45133</v>
      </c>
      <c r="B23439" s="1" t="s">
        <v>51062</v>
      </c>
      <c r="C23439" s="1" t="s">
        <v>45134</v>
      </c>
      <c r="D23439" s="2">
        <v>176267</v>
      </c>
      <c r="E23439" s="1" t="s">
        <v>0</v>
      </c>
    </row>
    <row r="23440" spans="1:5" ht="409.5" x14ac:dyDescent="0.25">
      <c r="A23440" s="4" t="s">
        <v>45135</v>
      </c>
      <c r="B23440" s="1" t="s">
        <v>51063</v>
      </c>
      <c r="C23440" s="1" t="s">
        <v>45136</v>
      </c>
      <c r="D23440" s="2">
        <v>176268</v>
      </c>
      <c r="E23440" s="1" t="s">
        <v>0</v>
      </c>
    </row>
    <row r="23441" spans="1:5" x14ac:dyDescent="0.25">
      <c r="A23441" s="1" t="s">
        <v>45137</v>
      </c>
      <c r="B23441" s="1" t="s">
        <v>56169</v>
      </c>
      <c r="C23441" s="1" t="s">
        <v>45138</v>
      </c>
      <c r="D23441" s="2">
        <v>176269</v>
      </c>
      <c r="E23441" s="1" t="s">
        <v>0</v>
      </c>
    </row>
    <row r="23442" spans="1:5" x14ac:dyDescent="0.25">
      <c r="A23442" s="2">
        <v>4688</v>
      </c>
      <c r="B23442" s="2">
        <v>4688</v>
      </c>
      <c r="C23442" s="1" t="s">
        <v>0</v>
      </c>
      <c r="D23442" s="2">
        <v>176270</v>
      </c>
      <c r="E23442" s="1" t="s">
        <v>0</v>
      </c>
    </row>
    <row r="23443" spans="1:5" x14ac:dyDescent="0.25">
      <c r="A23443" s="1" t="s">
        <v>4261</v>
      </c>
      <c r="B23443" s="1" t="s">
        <v>11796</v>
      </c>
      <c r="C23443" s="1" t="s">
        <v>45139</v>
      </c>
      <c r="D23443" s="2">
        <v>176271</v>
      </c>
      <c r="E23443" s="1" t="s">
        <v>0</v>
      </c>
    </row>
    <row r="23444" spans="1:5" x14ac:dyDescent="0.25">
      <c r="A23444" s="1" t="s">
        <v>45140</v>
      </c>
      <c r="B23444" s="1" t="s">
        <v>56170</v>
      </c>
      <c r="C23444" s="1" t="s">
        <v>45141</v>
      </c>
      <c r="D23444" s="2">
        <v>176272</v>
      </c>
      <c r="E23444" s="1" t="s">
        <v>0</v>
      </c>
    </row>
    <row r="23445" spans="1:5" x14ac:dyDescent="0.25">
      <c r="A23445" s="1" t="s">
        <v>45142</v>
      </c>
      <c r="B23445" s="1" t="s">
        <v>56171</v>
      </c>
      <c r="C23445" s="1" t="s">
        <v>45143</v>
      </c>
      <c r="D23445" s="2">
        <v>176273</v>
      </c>
      <c r="E23445" s="1" t="s">
        <v>0</v>
      </c>
    </row>
    <row r="23446" spans="1:5" x14ac:dyDescent="0.25">
      <c r="A23446" s="1" t="s">
        <v>45144</v>
      </c>
      <c r="B23446" s="1" t="s">
        <v>61389</v>
      </c>
      <c r="C23446" s="1" t="s">
        <v>45145</v>
      </c>
      <c r="D23446" s="2">
        <v>176274</v>
      </c>
      <c r="E23446" s="1" t="s">
        <v>0</v>
      </c>
    </row>
    <row r="23447" spans="1:5" x14ac:dyDescent="0.25">
      <c r="A23447" s="2">
        <v>4689</v>
      </c>
      <c r="B23447" s="2">
        <v>4689</v>
      </c>
      <c r="C23447" s="1" t="s">
        <v>0</v>
      </c>
      <c r="D23447" s="2">
        <v>176275</v>
      </c>
      <c r="E23447" s="1" t="s">
        <v>0</v>
      </c>
    </row>
    <row r="23448" spans="1:5" x14ac:dyDescent="0.25">
      <c r="A23448" s="1" t="s">
        <v>4262</v>
      </c>
      <c r="B23448" s="1" t="s">
        <v>11797</v>
      </c>
      <c r="C23448" s="1" t="s">
        <v>45146</v>
      </c>
      <c r="D23448" s="2">
        <v>176276</v>
      </c>
      <c r="E23448" s="1" t="s">
        <v>0</v>
      </c>
    </row>
    <row r="23449" spans="1:5" x14ac:dyDescent="0.25">
      <c r="A23449" s="1" t="s">
        <v>45147</v>
      </c>
      <c r="B23449" s="1" t="s">
        <v>62984</v>
      </c>
      <c r="C23449" s="1" t="s">
        <v>45148</v>
      </c>
      <c r="D23449" s="2">
        <v>176277</v>
      </c>
      <c r="E23449" s="1" t="s">
        <v>0</v>
      </c>
    </row>
    <row r="23450" spans="1:5" ht="409.5" x14ac:dyDescent="0.25">
      <c r="A23450" s="4" t="s">
        <v>45149</v>
      </c>
      <c r="B23450" s="1" t="s">
        <v>62985</v>
      </c>
      <c r="C23450" s="1" t="s">
        <v>45150</v>
      </c>
      <c r="D23450" s="2">
        <v>176278</v>
      </c>
      <c r="E23450" s="1" t="s">
        <v>0</v>
      </c>
    </row>
    <row r="23451" spans="1:5" x14ac:dyDescent="0.25">
      <c r="A23451" s="1" t="s">
        <v>45151</v>
      </c>
      <c r="B23451" s="1" t="s">
        <v>56172</v>
      </c>
      <c r="C23451" s="1" t="s">
        <v>45152</v>
      </c>
      <c r="D23451" s="2">
        <v>176279</v>
      </c>
      <c r="E23451" s="1" t="s">
        <v>0</v>
      </c>
    </row>
    <row r="23452" spans="1:5" x14ac:dyDescent="0.25">
      <c r="A23452" s="2">
        <v>4690</v>
      </c>
      <c r="B23452" s="2">
        <v>4690</v>
      </c>
      <c r="C23452" s="1" t="s">
        <v>0</v>
      </c>
      <c r="D23452" s="2">
        <v>176280</v>
      </c>
      <c r="E23452" s="1" t="s">
        <v>0</v>
      </c>
    </row>
    <row r="23453" spans="1:5" x14ac:dyDescent="0.25">
      <c r="A23453" s="1" t="s">
        <v>4263</v>
      </c>
      <c r="B23453" s="1" t="s">
        <v>56173</v>
      </c>
      <c r="C23453" s="1" t="s">
        <v>45153</v>
      </c>
      <c r="D23453" s="2">
        <v>176281</v>
      </c>
      <c r="E23453" s="1" t="s">
        <v>0</v>
      </c>
    </row>
    <row r="23454" spans="1:5" x14ac:dyDescent="0.25">
      <c r="A23454" s="1" t="s">
        <v>45154</v>
      </c>
      <c r="B23454" s="1" t="s">
        <v>62986</v>
      </c>
      <c r="C23454" s="1" t="s">
        <v>45155</v>
      </c>
      <c r="D23454" s="2">
        <v>176282</v>
      </c>
      <c r="E23454" s="1" t="s">
        <v>0</v>
      </c>
    </row>
    <row r="23455" spans="1:5" ht="409.5" x14ac:dyDescent="0.25">
      <c r="A23455" s="4" t="s">
        <v>45156</v>
      </c>
      <c r="B23455" s="1" t="s">
        <v>62987</v>
      </c>
      <c r="C23455" s="1" t="s">
        <v>45157</v>
      </c>
      <c r="D23455" s="2">
        <v>176283</v>
      </c>
      <c r="E23455" s="1" t="s">
        <v>0</v>
      </c>
    </row>
    <row r="23456" spans="1:5" x14ac:dyDescent="0.25">
      <c r="A23456" s="1" t="s">
        <v>45158</v>
      </c>
      <c r="B23456" s="1" t="s">
        <v>61390</v>
      </c>
      <c r="C23456" s="1" t="s">
        <v>45159</v>
      </c>
      <c r="D23456" s="2">
        <v>176284</v>
      </c>
      <c r="E23456" s="1" t="s">
        <v>0</v>
      </c>
    </row>
    <row r="23457" spans="1:5" x14ac:dyDescent="0.25">
      <c r="A23457" s="2">
        <v>4691</v>
      </c>
      <c r="B23457" s="2">
        <v>4691</v>
      </c>
      <c r="C23457" s="1" t="s">
        <v>0</v>
      </c>
      <c r="D23457" s="2">
        <v>176285</v>
      </c>
      <c r="E23457" s="1" t="s">
        <v>0</v>
      </c>
    </row>
    <row r="23458" spans="1:5" x14ac:dyDescent="0.25">
      <c r="A23458" s="1" t="s">
        <v>4264</v>
      </c>
      <c r="B23458" s="1" t="s">
        <v>11798</v>
      </c>
      <c r="C23458" s="1" t="s">
        <v>45160</v>
      </c>
      <c r="D23458" s="2">
        <v>176286</v>
      </c>
      <c r="E23458" s="1" t="s">
        <v>0</v>
      </c>
    </row>
    <row r="23459" spans="1:5" x14ac:dyDescent="0.25">
      <c r="A23459" s="1" t="s">
        <v>45161</v>
      </c>
      <c r="B23459" s="1" t="s">
        <v>56174</v>
      </c>
      <c r="C23459" s="1" t="s">
        <v>45162</v>
      </c>
      <c r="D23459" s="2">
        <v>176287</v>
      </c>
      <c r="E23459" s="1" t="s">
        <v>0</v>
      </c>
    </row>
    <row r="23460" spans="1:5" ht="409.5" x14ac:dyDescent="0.25">
      <c r="A23460" s="4" t="s">
        <v>45163</v>
      </c>
      <c r="B23460" s="1" t="s">
        <v>63519</v>
      </c>
      <c r="C23460" s="1" t="s">
        <v>45164</v>
      </c>
      <c r="D23460" s="2">
        <v>176288</v>
      </c>
      <c r="E23460" s="1" t="s">
        <v>0</v>
      </c>
    </row>
    <row r="23461" spans="1:5" x14ac:dyDescent="0.25">
      <c r="A23461" s="1" t="s">
        <v>45165</v>
      </c>
      <c r="B23461" s="1" t="s">
        <v>11799</v>
      </c>
      <c r="C23461" s="1" t="s">
        <v>45166</v>
      </c>
      <c r="D23461" s="2">
        <v>176289</v>
      </c>
      <c r="E23461" s="1" t="s">
        <v>0</v>
      </c>
    </row>
    <row r="23462" spans="1:5" x14ac:dyDescent="0.25">
      <c r="A23462" s="2">
        <v>4692</v>
      </c>
      <c r="B23462" s="2">
        <v>4692</v>
      </c>
      <c r="C23462" s="1" t="s">
        <v>0</v>
      </c>
      <c r="D23462" s="2">
        <v>176290</v>
      </c>
      <c r="E23462" s="1" t="s">
        <v>0</v>
      </c>
    </row>
    <row r="23463" spans="1:5" x14ac:dyDescent="0.25">
      <c r="A23463" s="1" t="s">
        <v>4265</v>
      </c>
      <c r="B23463" s="1" t="s">
        <v>11800</v>
      </c>
      <c r="C23463" s="1" t="s">
        <v>45167</v>
      </c>
      <c r="D23463" s="2">
        <v>176291</v>
      </c>
      <c r="E23463" s="1" t="s">
        <v>0</v>
      </c>
    </row>
    <row r="23464" spans="1:5" x14ac:dyDescent="0.25">
      <c r="A23464" s="1" t="s">
        <v>45168</v>
      </c>
      <c r="B23464" s="1" t="s">
        <v>56175</v>
      </c>
      <c r="C23464" s="1" t="s">
        <v>45169</v>
      </c>
      <c r="D23464" s="2">
        <v>176292</v>
      </c>
      <c r="E23464" s="1" t="s">
        <v>0</v>
      </c>
    </row>
    <row r="23465" spans="1:5" ht="409.5" x14ac:dyDescent="0.25">
      <c r="A23465" s="4" t="s">
        <v>45170</v>
      </c>
      <c r="B23465" s="1" t="s">
        <v>56176</v>
      </c>
      <c r="C23465" s="1" t="s">
        <v>45171</v>
      </c>
      <c r="D23465" s="2">
        <v>176293</v>
      </c>
      <c r="E23465" s="1" t="s">
        <v>0</v>
      </c>
    </row>
    <row r="23466" spans="1:5" x14ac:dyDescent="0.25">
      <c r="A23466" s="1" t="s">
        <v>45172</v>
      </c>
      <c r="B23466" s="1" t="s">
        <v>11801</v>
      </c>
      <c r="C23466" s="1" t="s">
        <v>45173</v>
      </c>
      <c r="D23466" s="2">
        <v>176294</v>
      </c>
      <c r="E23466" s="1" t="s">
        <v>0</v>
      </c>
    </row>
    <row r="23467" spans="1:5" x14ac:dyDescent="0.25">
      <c r="A23467" s="2">
        <v>4693</v>
      </c>
      <c r="B23467" s="2">
        <v>4693</v>
      </c>
      <c r="C23467" s="1" t="s">
        <v>0</v>
      </c>
      <c r="D23467" s="2">
        <v>176295</v>
      </c>
      <c r="E23467" s="1" t="s">
        <v>0</v>
      </c>
    </row>
    <row r="23468" spans="1:5" x14ac:dyDescent="0.25">
      <c r="A23468" s="1" t="s">
        <v>4266</v>
      </c>
      <c r="B23468" s="1" t="s">
        <v>11802</v>
      </c>
      <c r="C23468" s="1" t="s">
        <v>45174</v>
      </c>
      <c r="D23468" s="2">
        <v>176296</v>
      </c>
      <c r="E23468" s="1" t="s">
        <v>0</v>
      </c>
    </row>
    <row r="23469" spans="1:5" x14ac:dyDescent="0.25">
      <c r="A23469" s="1" t="s">
        <v>45175</v>
      </c>
      <c r="B23469" s="1" t="s">
        <v>56177</v>
      </c>
      <c r="C23469" s="1" t="s">
        <v>45176</v>
      </c>
      <c r="D23469" s="2">
        <v>176297</v>
      </c>
      <c r="E23469" s="1" t="s">
        <v>0</v>
      </c>
    </row>
    <row r="23470" spans="1:5" ht="409.5" x14ac:dyDescent="0.25">
      <c r="A23470" s="4" t="s">
        <v>45177</v>
      </c>
      <c r="B23470" s="1" t="s">
        <v>56178</v>
      </c>
      <c r="C23470" s="1" t="s">
        <v>45178</v>
      </c>
      <c r="D23470" s="2">
        <v>176298</v>
      </c>
      <c r="E23470" s="1" t="s">
        <v>0</v>
      </c>
    </row>
    <row r="23471" spans="1:5" x14ac:dyDescent="0.25">
      <c r="A23471" s="1" t="s">
        <v>45179</v>
      </c>
      <c r="B23471" s="1" t="s">
        <v>11803</v>
      </c>
      <c r="C23471" s="1" t="s">
        <v>45180</v>
      </c>
      <c r="D23471" s="2">
        <v>176299</v>
      </c>
      <c r="E23471" s="1" t="s">
        <v>0</v>
      </c>
    </row>
    <row r="23472" spans="1:5" x14ac:dyDescent="0.25">
      <c r="A23472" s="2">
        <v>4694</v>
      </c>
      <c r="B23472" s="2">
        <v>4694</v>
      </c>
      <c r="C23472" s="1" t="s">
        <v>0</v>
      </c>
      <c r="D23472" s="2">
        <v>176300</v>
      </c>
      <c r="E23472" s="1" t="s">
        <v>0</v>
      </c>
    </row>
    <row r="23473" spans="1:5" x14ac:dyDescent="0.25">
      <c r="A23473" s="1" t="s">
        <v>4267</v>
      </c>
      <c r="B23473" s="1" t="s">
        <v>11804</v>
      </c>
      <c r="C23473" s="1" t="s">
        <v>45181</v>
      </c>
      <c r="D23473" s="2">
        <v>176301</v>
      </c>
      <c r="E23473" s="1" t="s">
        <v>0</v>
      </c>
    </row>
    <row r="23474" spans="1:5" x14ac:dyDescent="0.25">
      <c r="A23474" s="1" t="s">
        <v>45182</v>
      </c>
      <c r="B23474" s="1" t="s">
        <v>11805</v>
      </c>
      <c r="C23474" s="1" t="s">
        <v>45183</v>
      </c>
      <c r="D23474" s="2">
        <v>176302</v>
      </c>
      <c r="E23474" s="1" t="s">
        <v>0</v>
      </c>
    </row>
    <row r="23475" spans="1:5" ht="409.5" x14ac:dyDescent="0.25">
      <c r="A23475" s="4" t="s">
        <v>45184</v>
      </c>
      <c r="B23475" s="1" t="s">
        <v>11806</v>
      </c>
      <c r="C23475" s="1" t="s">
        <v>45185</v>
      </c>
      <c r="D23475" s="2">
        <v>176303</v>
      </c>
      <c r="E23475" s="1" t="s">
        <v>0</v>
      </c>
    </row>
    <row r="23476" spans="1:5" x14ac:dyDescent="0.25">
      <c r="A23476" s="1" t="s">
        <v>45186</v>
      </c>
      <c r="B23476" s="1" t="s">
        <v>11807</v>
      </c>
      <c r="C23476" s="1" t="s">
        <v>45187</v>
      </c>
      <c r="D23476" s="2">
        <v>176304</v>
      </c>
      <c r="E23476" s="1" t="s">
        <v>0</v>
      </c>
    </row>
    <row r="23477" spans="1:5" x14ac:dyDescent="0.25">
      <c r="A23477" s="2">
        <v>4695</v>
      </c>
      <c r="B23477" s="2">
        <v>4695</v>
      </c>
      <c r="C23477" s="1" t="s">
        <v>0</v>
      </c>
      <c r="D23477" s="2">
        <v>176305</v>
      </c>
      <c r="E23477" s="1" t="s">
        <v>0</v>
      </c>
    </row>
    <row r="23478" spans="1:5" x14ac:dyDescent="0.25">
      <c r="A23478" s="1" t="s">
        <v>4268</v>
      </c>
      <c r="B23478" s="1" t="s">
        <v>11808</v>
      </c>
      <c r="C23478" s="1" t="s">
        <v>45188</v>
      </c>
      <c r="D23478" s="2">
        <v>176306</v>
      </c>
      <c r="E23478" s="1" t="s">
        <v>0</v>
      </c>
    </row>
    <row r="23479" spans="1:5" x14ac:dyDescent="0.25">
      <c r="A23479" s="1" t="s">
        <v>45189</v>
      </c>
      <c r="B23479" s="1" t="s">
        <v>57097</v>
      </c>
      <c r="C23479" s="1" t="s">
        <v>45190</v>
      </c>
      <c r="D23479" s="2">
        <v>176307</v>
      </c>
      <c r="E23479" s="1" t="s">
        <v>0</v>
      </c>
    </row>
    <row r="23480" spans="1:5" ht="409.5" x14ac:dyDescent="0.25">
      <c r="A23480" s="4" t="s">
        <v>45191</v>
      </c>
      <c r="B23480" s="1" t="s">
        <v>57098</v>
      </c>
      <c r="C23480" s="1" t="s">
        <v>45192</v>
      </c>
      <c r="D23480" s="2">
        <v>176308</v>
      </c>
      <c r="E23480" s="1" t="s">
        <v>0</v>
      </c>
    </row>
    <row r="23481" spans="1:5" x14ac:dyDescent="0.25">
      <c r="A23481" s="1" t="s">
        <v>45193</v>
      </c>
      <c r="B23481" s="1" t="s">
        <v>56179</v>
      </c>
      <c r="C23481" s="1" t="s">
        <v>45194</v>
      </c>
      <c r="D23481" s="2">
        <v>176309</v>
      </c>
      <c r="E23481" s="1" t="s">
        <v>0</v>
      </c>
    </row>
    <row r="23482" spans="1:5" x14ac:dyDescent="0.25">
      <c r="A23482" s="2">
        <v>4696</v>
      </c>
      <c r="B23482" s="2">
        <v>4696</v>
      </c>
      <c r="C23482" s="1" t="s">
        <v>0</v>
      </c>
      <c r="D23482" s="2">
        <v>176310</v>
      </c>
      <c r="E23482" s="1" t="s">
        <v>0</v>
      </c>
    </row>
    <row r="23483" spans="1:5" x14ac:dyDescent="0.25">
      <c r="A23483" s="1" t="s">
        <v>4269</v>
      </c>
      <c r="B23483" s="1" t="s">
        <v>11809</v>
      </c>
      <c r="C23483" s="1" t="s">
        <v>45195</v>
      </c>
      <c r="D23483" s="2">
        <v>176311</v>
      </c>
      <c r="E23483" s="1" t="s">
        <v>0</v>
      </c>
    </row>
    <row r="23484" spans="1:5" x14ac:dyDescent="0.25">
      <c r="A23484" s="1" t="s">
        <v>45196</v>
      </c>
      <c r="B23484" s="1" t="s">
        <v>11810</v>
      </c>
      <c r="C23484" s="1" t="s">
        <v>45197</v>
      </c>
      <c r="D23484" s="2">
        <v>176312</v>
      </c>
      <c r="E23484" s="1" t="s">
        <v>0</v>
      </c>
    </row>
    <row r="23485" spans="1:5" ht="409.5" x14ac:dyDescent="0.25">
      <c r="A23485" s="4" t="s">
        <v>45198</v>
      </c>
      <c r="B23485" s="1" t="s">
        <v>60281</v>
      </c>
      <c r="C23485" s="1" t="s">
        <v>45199</v>
      </c>
      <c r="D23485" s="2">
        <v>176313</v>
      </c>
      <c r="E23485" s="1" t="s">
        <v>0</v>
      </c>
    </row>
    <row r="23486" spans="1:5" x14ac:dyDescent="0.25">
      <c r="A23486" s="1" t="s">
        <v>45200</v>
      </c>
      <c r="B23486" s="1" t="s">
        <v>56180</v>
      </c>
      <c r="C23486" s="1" t="s">
        <v>45201</v>
      </c>
      <c r="D23486" s="2">
        <v>176314</v>
      </c>
      <c r="E23486" s="1" t="s">
        <v>0</v>
      </c>
    </row>
    <row r="23487" spans="1:5" x14ac:dyDescent="0.25">
      <c r="A23487" s="2">
        <v>4697</v>
      </c>
      <c r="B23487" s="2">
        <v>4697</v>
      </c>
      <c r="C23487" s="1" t="s">
        <v>0</v>
      </c>
      <c r="D23487" s="2">
        <v>176315</v>
      </c>
      <c r="E23487" s="1" t="s">
        <v>0</v>
      </c>
    </row>
    <row r="23488" spans="1:5" x14ac:dyDescent="0.25">
      <c r="A23488" s="1" t="s">
        <v>4270</v>
      </c>
      <c r="B23488" s="1" t="s">
        <v>11811</v>
      </c>
      <c r="C23488" s="1" t="s">
        <v>45202</v>
      </c>
      <c r="D23488" s="2">
        <v>176316</v>
      </c>
      <c r="E23488" s="1" t="s">
        <v>0</v>
      </c>
    </row>
    <row r="23489" spans="1:5" x14ac:dyDescent="0.25">
      <c r="A23489" s="1" t="s">
        <v>45203</v>
      </c>
      <c r="B23489" s="1" t="s">
        <v>11812</v>
      </c>
      <c r="C23489" s="1" t="s">
        <v>45204</v>
      </c>
      <c r="D23489" s="2">
        <v>176317</v>
      </c>
      <c r="E23489" s="1" t="s">
        <v>0</v>
      </c>
    </row>
    <row r="23490" spans="1:5" ht="409.5" x14ac:dyDescent="0.25">
      <c r="A23490" s="4" t="s">
        <v>45205</v>
      </c>
      <c r="B23490" s="1" t="s">
        <v>56181</v>
      </c>
      <c r="C23490" s="1" t="s">
        <v>45206</v>
      </c>
      <c r="D23490" s="2">
        <v>176318</v>
      </c>
      <c r="E23490" s="1" t="s">
        <v>0</v>
      </c>
    </row>
    <row r="23491" spans="1:5" x14ac:dyDescent="0.25">
      <c r="A23491" s="1" t="s">
        <v>45207</v>
      </c>
      <c r="B23491" s="1" t="s">
        <v>11813</v>
      </c>
      <c r="C23491" s="1" t="s">
        <v>45208</v>
      </c>
      <c r="D23491" s="2">
        <v>176319</v>
      </c>
      <c r="E23491" s="1" t="s">
        <v>0</v>
      </c>
    </row>
    <row r="23492" spans="1:5" x14ac:dyDescent="0.25">
      <c r="A23492" s="2">
        <v>4698</v>
      </c>
      <c r="B23492" s="2">
        <v>4698</v>
      </c>
      <c r="C23492" s="1" t="s">
        <v>0</v>
      </c>
      <c r="D23492" s="2">
        <v>176320</v>
      </c>
      <c r="E23492" s="1" t="s">
        <v>0</v>
      </c>
    </row>
    <row r="23493" spans="1:5" x14ac:dyDescent="0.25">
      <c r="A23493" s="1" t="s">
        <v>4271</v>
      </c>
      <c r="B23493" s="1" t="s">
        <v>11814</v>
      </c>
      <c r="C23493" s="1" t="s">
        <v>45209</v>
      </c>
      <c r="D23493" s="2">
        <v>176321</v>
      </c>
      <c r="E23493" s="1" t="s">
        <v>0</v>
      </c>
    </row>
    <row r="23494" spans="1:5" x14ac:dyDescent="0.25">
      <c r="A23494" s="1" t="s">
        <v>45210</v>
      </c>
      <c r="B23494" s="1" t="s">
        <v>56182</v>
      </c>
      <c r="C23494" s="1" t="s">
        <v>45211</v>
      </c>
      <c r="D23494" s="2">
        <v>176322</v>
      </c>
      <c r="E23494" s="1" t="s">
        <v>0</v>
      </c>
    </row>
    <row r="23495" spans="1:5" ht="409.5" x14ac:dyDescent="0.25">
      <c r="A23495" s="4" t="s">
        <v>45212</v>
      </c>
      <c r="B23495" s="1" t="s">
        <v>56183</v>
      </c>
      <c r="C23495" s="1" t="s">
        <v>45213</v>
      </c>
      <c r="D23495" s="2">
        <v>176323</v>
      </c>
      <c r="E23495" s="1" t="s">
        <v>0</v>
      </c>
    </row>
    <row r="23496" spans="1:5" x14ac:dyDescent="0.25">
      <c r="A23496" s="1" t="s">
        <v>13413</v>
      </c>
      <c r="B23496" s="1" t="s">
        <v>60845</v>
      </c>
      <c r="C23496" s="1" t="s">
        <v>13414</v>
      </c>
      <c r="D23496" s="2">
        <v>176324</v>
      </c>
      <c r="E23496" s="1" t="s">
        <v>0</v>
      </c>
    </row>
    <row r="23497" spans="1:5" x14ac:dyDescent="0.25">
      <c r="A23497" s="2">
        <v>4699</v>
      </c>
      <c r="B23497" s="2">
        <v>4699</v>
      </c>
      <c r="C23497" s="1" t="s">
        <v>0</v>
      </c>
      <c r="D23497" s="2">
        <v>176325</v>
      </c>
      <c r="E23497" s="1" t="s">
        <v>0</v>
      </c>
    </row>
    <row r="23498" spans="1:5" x14ac:dyDescent="0.25">
      <c r="A23498" s="1" t="s">
        <v>4272</v>
      </c>
      <c r="B23498" s="1" t="s">
        <v>11815</v>
      </c>
      <c r="C23498" s="1" t="s">
        <v>45214</v>
      </c>
      <c r="D23498" s="2">
        <v>176326</v>
      </c>
      <c r="E23498" s="1" t="s">
        <v>0</v>
      </c>
    </row>
    <row r="23499" spans="1:5" x14ac:dyDescent="0.25">
      <c r="A23499" s="1" t="s">
        <v>45215</v>
      </c>
      <c r="B23499" s="1" t="s">
        <v>62988</v>
      </c>
      <c r="C23499" s="1" t="s">
        <v>45216</v>
      </c>
      <c r="D23499" s="2">
        <v>176327</v>
      </c>
      <c r="E23499" s="1" t="s">
        <v>0</v>
      </c>
    </row>
    <row r="23500" spans="1:5" ht="409.5" x14ac:dyDescent="0.25">
      <c r="A23500" s="4" t="s">
        <v>45217</v>
      </c>
      <c r="B23500" s="1" t="s">
        <v>62989</v>
      </c>
      <c r="C23500" s="1" t="s">
        <v>45218</v>
      </c>
      <c r="D23500" s="2">
        <v>176328</v>
      </c>
      <c r="E23500" s="1" t="s">
        <v>0</v>
      </c>
    </row>
    <row r="23501" spans="1:5" x14ac:dyDescent="0.25">
      <c r="A23501" s="1" t="s">
        <v>45219</v>
      </c>
      <c r="B23501" s="1" t="s">
        <v>11816</v>
      </c>
      <c r="C23501" s="1" t="s">
        <v>45220</v>
      </c>
      <c r="D23501" s="2">
        <v>176329</v>
      </c>
      <c r="E23501" s="1" t="s">
        <v>0</v>
      </c>
    </row>
    <row r="23502" spans="1:5" x14ac:dyDescent="0.25">
      <c r="A23502" s="2">
        <v>4700</v>
      </c>
      <c r="B23502" s="2">
        <v>4700</v>
      </c>
      <c r="C23502" s="1" t="s">
        <v>0</v>
      </c>
      <c r="D23502" s="2">
        <v>176330</v>
      </c>
      <c r="E23502" s="1" t="s">
        <v>0</v>
      </c>
    </row>
    <row r="23503" spans="1:5" x14ac:dyDescent="0.25">
      <c r="A23503" s="1" t="s">
        <v>4273</v>
      </c>
      <c r="B23503" s="1" t="s">
        <v>11817</v>
      </c>
      <c r="C23503" s="1" t="s">
        <v>45221</v>
      </c>
      <c r="D23503" s="2">
        <v>176331</v>
      </c>
      <c r="E23503" s="1" t="s">
        <v>0</v>
      </c>
    </row>
    <row r="23504" spans="1:5" x14ac:dyDescent="0.25">
      <c r="A23504" s="1" t="s">
        <v>45222</v>
      </c>
      <c r="B23504" s="1" t="s">
        <v>11818</v>
      </c>
      <c r="C23504" s="1" t="s">
        <v>45223</v>
      </c>
      <c r="D23504" s="2">
        <v>176332</v>
      </c>
      <c r="E23504" s="1" t="s">
        <v>0</v>
      </c>
    </row>
    <row r="23505" spans="1:5" ht="409.5" x14ac:dyDescent="0.25">
      <c r="A23505" s="4" t="s">
        <v>45224</v>
      </c>
      <c r="B23505" s="1" t="s">
        <v>61534</v>
      </c>
      <c r="C23505" s="1" t="s">
        <v>45225</v>
      </c>
      <c r="D23505" s="2">
        <v>176333</v>
      </c>
      <c r="E23505" s="1" t="s">
        <v>0</v>
      </c>
    </row>
    <row r="23506" spans="1:5" x14ac:dyDescent="0.25">
      <c r="A23506" s="1" t="s">
        <v>45226</v>
      </c>
      <c r="B23506" s="1" t="s">
        <v>11819</v>
      </c>
      <c r="C23506" s="1" t="s">
        <v>45227</v>
      </c>
      <c r="D23506" s="2">
        <v>176334</v>
      </c>
      <c r="E23506" s="1" t="s">
        <v>0</v>
      </c>
    </row>
    <row r="23507" spans="1:5" x14ac:dyDescent="0.25">
      <c r="A23507" s="2">
        <v>4701</v>
      </c>
      <c r="B23507" s="2">
        <v>4701</v>
      </c>
      <c r="C23507" s="1" t="s">
        <v>0</v>
      </c>
      <c r="D23507" s="2">
        <v>176335</v>
      </c>
      <c r="E23507" s="1" t="s">
        <v>0</v>
      </c>
    </row>
    <row r="23508" spans="1:5" x14ac:dyDescent="0.25">
      <c r="A23508" s="1" t="s">
        <v>4274</v>
      </c>
      <c r="B23508" s="1" t="s">
        <v>11820</v>
      </c>
      <c r="C23508" s="1" t="s">
        <v>45228</v>
      </c>
      <c r="D23508" s="2">
        <v>176336</v>
      </c>
      <c r="E23508" s="1" t="s">
        <v>0</v>
      </c>
    </row>
    <row r="23509" spans="1:5" x14ac:dyDescent="0.25">
      <c r="A23509" s="1" t="s">
        <v>45229</v>
      </c>
      <c r="B23509" s="1" t="s">
        <v>62990</v>
      </c>
      <c r="C23509" s="1" t="s">
        <v>45230</v>
      </c>
      <c r="D23509" s="2">
        <v>176337</v>
      </c>
      <c r="E23509" s="1" t="s">
        <v>0</v>
      </c>
    </row>
    <row r="23510" spans="1:5" ht="409.5" x14ac:dyDescent="0.25">
      <c r="A23510" s="4" t="s">
        <v>45231</v>
      </c>
      <c r="B23510" s="1" t="s">
        <v>62991</v>
      </c>
      <c r="C23510" s="1" t="s">
        <v>45232</v>
      </c>
      <c r="D23510" s="2">
        <v>176338</v>
      </c>
      <c r="E23510" s="1" t="s">
        <v>0</v>
      </c>
    </row>
    <row r="23511" spans="1:5" x14ac:dyDescent="0.25">
      <c r="A23511" s="1" t="s">
        <v>45233</v>
      </c>
      <c r="B23511" s="1" t="s">
        <v>56184</v>
      </c>
      <c r="C23511" s="1" t="s">
        <v>45234</v>
      </c>
      <c r="D23511" s="2">
        <v>176339</v>
      </c>
      <c r="E23511" s="1" t="s">
        <v>0</v>
      </c>
    </row>
    <row r="23512" spans="1:5" x14ac:dyDescent="0.25">
      <c r="A23512" s="2">
        <v>4702</v>
      </c>
      <c r="B23512" s="2">
        <v>4702</v>
      </c>
      <c r="C23512" s="1" t="s">
        <v>0</v>
      </c>
      <c r="D23512" s="2">
        <v>176340</v>
      </c>
      <c r="E23512" s="1" t="s">
        <v>0</v>
      </c>
    </row>
    <row r="23513" spans="1:5" x14ac:dyDescent="0.25">
      <c r="A23513" s="1" t="s">
        <v>4275</v>
      </c>
      <c r="B23513" s="1" t="s">
        <v>11821</v>
      </c>
      <c r="C23513" s="1" t="s">
        <v>45235</v>
      </c>
      <c r="D23513" s="2">
        <v>176341</v>
      </c>
      <c r="E23513" s="1" t="s">
        <v>0</v>
      </c>
    </row>
    <row r="23514" spans="1:5" x14ac:dyDescent="0.25">
      <c r="A23514" s="1" t="s">
        <v>45236</v>
      </c>
      <c r="B23514" s="1" t="s">
        <v>60282</v>
      </c>
      <c r="C23514" s="1" t="s">
        <v>45237</v>
      </c>
      <c r="D23514" s="2">
        <v>176342</v>
      </c>
      <c r="E23514" s="1" t="s">
        <v>0</v>
      </c>
    </row>
    <row r="23515" spans="1:5" ht="409.5" x14ac:dyDescent="0.25">
      <c r="A23515" s="4" t="s">
        <v>45238</v>
      </c>
      <c r="B23515" s="1" t="s">
        <v>60283</v>
      </c>
      <c r="C23515" s="1" t="s">
        <v>45239</v>
      </c>
      <c r="D23515" s="2">
        <v>176343</v>
      </c>
      <c r="E23515" s="1" t="s">
        <v>0</v>
      </c>
    </row>
    <row r="23516" spans="1:5" x14ac:dyDescent="0.25">
      <c r="A23516" s="1" t="s">
        <v>45240</v>
      </c>
      <c r="B23516" s="1" t="s">
        <v>60284</v>
      </c>
      <c r="C23516" s="1" t="s">
        <v>45241</v>
      </c>
      <c r="D23516" s="2">
        <v>176344</v>
      </c>
      <c r="E23516" s="1" t="s">
        <v>0</v>
      </c>
    </row>
    <row r="23517" spans="1:5" x14ac:dyDescent="0.25">
      <c r="A23517" s="2">
        <v>4703</v>
      </c>
      <c r="B23517" s="2">
        <v>4703</v>
      </c>
      <c r="C23517" s="1" t="s">
        <v>0</v>
      </c>
      <c r="D23517" s="2">
        <v>176345</v>
      </c>
      <c r="E23517" s="1" t="s">
        <v>0</v>
      </c>
    </row>
    <row r="23518" spans="1:5" x14ac:dyDescent="0.25">
      <c r="A23518" s="1" t="s">
        <v>4276</v>
      </c>
      <c r="B23518" s="1" t="s">
        <v>56185</v>
      </c>
      <c r="C23518" s="1" t="s">
        <v>45242</v>
      </c>
      <c r="D23518" s="2">
        <v>176346</v>
      </c>
      <c r="E23518" s="1" t="s">
        <v>0</v>
      </c>
    </row>
    <row r="23519" spans="1:5" x14ac:dyDescent="0.25">
      <c r="A23519" s="1" t="s">
        <v>45243</v>
      </c>
      <c r="B23519" s="1" t="s">
        <v>58854</v>
      </c>
      <c r="C23519" s="1" t="s">
        <v>45244</v>
      </c>
      <c r="D23519" s="2">
        <v>176347</v>
      </c>
      <c r="E23519" s="1" t="s">
        <v>0</v>
      </c>
    </row>
    <row r="23520" spans="1:5" ht="409.5" x14ac:dyDescent="0.25">
      <c r="A23520" s="4" t="s">
        <v>45245</v>
      </c>
      <c r="B23520" s="1" t="s">
        <v>58855</v>
      </c>
      <c r="C23520" s="1" t="s">
        <v>45246</v>
      </c>
      <c r="D23520" s="2">
        <v>176348</v>
      </c>
      <c r="E23520" s="1" t="s">
        <v>0</v>
      </c>
    </row>
    <row r="23521" spans="1:5" x14ac:dyDescent="0.25">
      <c r="A23521" s="1" t="s">
        <v>45247</v>
      </c>
      <c r="B23521" s="1" t="s">
        <v>58856</v>
      </c>
      <c r="C23521" s="1" t="s">
        <v>45248</v>
      </c>
      <c r="D23521" s="2">
        <v>176349</v>
      </c>
      <c r="E23521" s="1" t="s">
        <v>0</v>
      </c>
    </row>
    <row r="23522" spans="1:5" x14ac:dyDescent="0.25">
      <c r="A23522" s="2">
        <v>4704</v>
      </c>
      <c r="B23522" s="2">
        <v>4704</v>
      </c>
      <c r="C23522" s="1" t="s">
        <v>0</v>
      </c>
      <c r="D23522" s="2">
        <v>176350</v>
      </c>
      <c r="E23522" s="1" t="s">
        <v>0</v>
      </c>
    </row>
    <row r="23523" spans="1:5" x14ac:dyDescent="0.25">
      <c r="A23523" s="1" t="s">
        <v>4277</v>
      </c>
      <c r="B23523" s="1" t="s">
        <v>11822</v>
      </c>
      <c r="C23523" s="1" t="s">
        <v>45249</v>
      </c>
      <c r="D23523" s="2">
        <v>176351</v>
      </c>
      <c r="E23523" s="1" t="s">
        <v>0</v>
      </c>
    </row>
    <row r="23524" spans="1:5" x14ac:dyDescent="0.25">
      <c r="A23524" s="1" t="s">
        <v>45250</v>
      </c>
      <c r="B23524" s="1" t="s">
        <v>45251</v>
      </c>
      <c r="C23524" s="1" t="s">
        <v>45252</v>
      </c>
      <c r="D23524" s="2">
        <v>176352</v>
      </c>
      <c r="E23524" s="1" t="s">
        <v>0</v>
      </c>
    </row>
    <row r="23525" spans="1:5" ht="409.5" x14ac:dyDescent="0.25">
      <c r="A23525" s="4" t="s">
        <v>45253</v>
      </c>
      <c r="B23525" s="1" t="s">
        <v>58118</v>
      </c>
      <c r="C23525" s="1" t="s">
        <v>45254</v>
      </c>
      <c r="D23525" s="2">
        <v>176353</v>
      </c>
      <c r="E23525" s="1" t="s">
        <v>0</v>
      </c>
    </row>
    <row r="23526" spans="1:5" x14ac:dyDescent="0.25">
      <c r="A23526" s="1" t="s">
        <v>45255</v>
      </c>
      <c r="B23526" s="1" t="s">
        <v>58119</v>
      </c>
      <c r="C23526" s="1" t="s">
        <v>45256</v>
      </c>
      <c r="D23526" s="2">
        <v>176354</v>
      </c>
      <c r="E23526" s="1" t="s">
        <v>0</v>
      </c>
    </row>
    <row r="23527" spans="1:5" x14ac:dyDescent="0.25">
      <c r="A23527" s="2">
        <v>4705</v>
      </c>
      <c r="B23527" s="2">
        <v>4705</v>
      </c>
      <c r="C23527" s="1" t="s">
        <v>0</v>
      </c>
      <c r="D23527" s="2">
        <v>176355</v>
      </c>
      <c r="E23527" s="1" t="s">
        <v>0</v>
      </c>
    </row>
    <row r="23528" spans="1:5" x14ac:dyDescent="0.25">
      <c r="A23528" s="1" t="s">
        <v>4278</v>
      </c>
      <c r="B23528" s="1" t="s">
        <v>11823</v>
      </c>
      <c r="C23528" s="1" t="s">
        <v>45257</v>
      </c>
      <c r="D23528" s="2">
        <v>176356</v>
      </c>
      <c r="E23528" s="1" t="s">
        <v>0</v>
      </c>
    </row>
    <row r="23529" spans="1:5" x14ac:dyDescent="0.25">
      <c r="A23529" s="1" t="s">
        <v>64367</v>
      </c>
      <c r="B23529" s="1" t="s">
        <v>56186</v>
      </c>
      <c r="C23529" s="1" t="s">
        <v>45258</v>
      </c>
      <c r="D23529" s="2">
        <v>176357</v>
      </c>
      <c r="E23529" s="1" t="s">
        <v>0</v>
      </c>
    </row>
    <row r="23530" spans="1:5" ht="409.5" x14ac:dyDescent="0.25">
      <c r="A23530" s="4" t="s">
        <v>64368</v>
      </c>
      <c r="B23530" s="1" t="s">
        <v>56187</v>
      </c>
      <c r="C23530" s="1" t="s">
        <v>45259</v>
      </c>
      <c r="D23530" s="2">
        <v>176358</v>
      </c>
      <c r="E23530" s="1" t="s">
        <v>0</v>
      </c>
    </row>
    <row r="23531" spans="1:5" x14ac:dyDescent="0.25">
      <c r="A23531" s="1" t="s">
        <v>4279</v>
      </c>
      <c r="B23531" s="1" t="s">
        <v>56188</v>
      </c>
      <c r="C23531" s="1" t="s">
        <v>45260</v>
      </c>
      <c r="D23531" s="2">
        <v>176359</v>
      </c>
      <c r="E23531" s="1" t="s">
        <v>0</v>
      </c>
    </row>
    <row r="23532" spans="1:5" x14ac:dyDescent="0.25">
      <c r="A23532" s="2">
        <v>4706</v>
      </c>
      <c r="B23532" s="2">
        <v>4706</v>
      </c>
      <c r="C23532" s="1" t="s">
        <v>0</v>
      </c>
      <c r="D23532" s="2">
        <v>176360</v>
      </c>
      <c r="E23532" s="1" t="s">
        <v>0</v>
      </c>
    </row>
    <row r="23533" spans="1:5" x14ac:dyDescent="0.25">
      <c r="A23533" s="1" t="s">
        <v>4280</v>
      </c>
      <c r="B23533" s="1" t="s">
        <v>11824</v>
      </c>
      <c r="C23533" s="1" t="s">
        <v>45261</v>
      </c>
      <c r="D23533" s="2">
        <v>176361</v>
      </c>
      <c r="E23533" s="1" t="s">
        <v>0</v>
      </c>
    </row>
    <row r="23534" spans="1:5" x14ac:dyDescent="0.25">
      <c r="A23534" s="1" t="s">
        <v>45262</v>
      </c>
      <c r="B23534" s="1" t="s">
        <v>56189</v>
      </c>
      <c r="C23534" s="1" t="s">
        <v>45263</v>
      </c>
      <c r="D23534" s="2">
        <v>176362</v>
      </c>
      <c r="E23534" s="1" t="s">
        <v>0</v>
      </c>
    </row>
    <row r="23535" spans="1:5" ht="409.5" x14ac:dyDescent="0.25">
      <c r="A23535" s="4" t="s">
        <v>45264</v>
      </c>
      <c r="B23535" s="1" t="s">
        <v>56190</v>
      </c>
      <c r="C23535" s="1" t="s">
        <v>45265</v>
      </c>
      <c r="D23535" s="2">
        <v>176363</v>
      </c>
      <c r="E23535" s="1" t="s">
        <v>0</v>
      </c>
    </row>
    <row r="23536" spans="1:5" x14ac:dyDescent="0.25">
      <c r="A23536" s="1" t="s">
        <v>45266</v>
      </c>
      <c r="B23536" s="1" t="s">
        <v>56191</v>
      </c>
      <c r="C23536" s="1" t="s">
        <v>45267</v>
      </c>
      <c r="D23536" s="2">
        <v>176364</v>
      </c>
      <c r="E23536" s="1" t="s">
        <v>0</v>
      </c>
    </row>
    <row r="23537" spans="1:5" x14ac:dyDescent="0.25">
      <c r="A23537" s="2">
        <v>4707</v>
      </c>
      <c r="B23537" s="2">
        <v>4707</v>
      </c>
      <c r="C23537" s="1" t="s">
        <v>0</v>
      </c>
      <c r="D23537" s="2">
        <v>176365</v>
      </c>
      <c r="E23537" s="1" t="s">
        <v>0</v>
      </c>
    </row>
    <row r="23538" spans="1:5" x14ac:dyDescent="0.25">
      <c r="A23538" s="1" t="s">
        <v>11825</v>
      </c>
      <c r="B23538" s="1" t="s">
        <v>11826</v>
      </c>
      <c r="C23538" s="1" t="s">
        <v>45268</v>
      </c>
      <c r="D23538" s="2">
        <v>176366</v>
      </c>
      <c r="E23538" s="1" t="s">
        <v>0</v>
      </c>
    </row>
    <row r="23539" spans="1:5" x14ac:dyDescent="0.25">
      <c r="A23539" s="1" t="s">
        <v>45269</v>
      </c>
      <c r="B23539" s="1" t="s">
        <v>56192</v>
      </c>
      <c r="C23539" s="1" t="s">
        <v>45270</v>
      </c>
      <c r="D23539" s="2">
        <v>176367</v>
      </c>
      <c r="E23539" s="1" t="s">
        <v>0</v>
      </c>
    </row>
    <row r="23540" spans="1:5" ht="409.5" x14ac:dyDescent="0.25">
      <c r="A23540" s="4" t="s">
        <v>45271</v>
      </c>
      <c r="B23540" s="1" t="s">
        <v>58007</v>
      </c>
      <c r="C23540" s="1" t="s">
        <v>45272</v>
      </c>
      <c r="D23540" s="2">
        <v>176368</v>
      </c>
      <c r="E23540" s="1" t="s">
        <v>0</v>
      </c>
    </row>
    <row r="23541" spans="1:5" x14ac:dyDescent="0.25">
      <c r="A23541" s="1" t="s">
        <v>45273</v>
      </c>
      <c r="B23541" s="1" t="s">
        <v>56193</v>
      </c>
      <c r="C23541" s="1" t="s">
        <v>45274</v>
      </c>
      <c r="D23541" s="2">
        <v>176369</v>
      </c>
      <c r="E23541" s="1" t="s">
        <v>0</v>
      </c>
    </row>
    <row r="23542" spans="1:5" x14ac:dyDescent="0.25">
      <c r="A23542" s="2">
        <v>4708</v>
      </c>
      <c r="B23542" s="2">
        <v>4708</v>
      </c>
      <c r="C23542" s="1" t="s">
        <v>0</v>
      </c>
      <c r="D23542" s="2">
        <v>176370</v>
      </c>
      <c r="E23542" s="1" t="s">
        <v>0</v>
      </c>
    </row>
    <row r="23543" spans="1:5" x14ac:dyDescent="0.25">
      <c r="A23543" s="1" t="s">
        <v>4281</v>
      </c>
      <c r="B23543" s="1" t="s">
        <v>11827</v>
      </c>
      <c r="C23543" s="1" t="s">
        <v>45275</v>
      </c>
      <c r="D23543" s="2">
        <v>176371</v>
      </c>
      <c r="E23543" s="1" t="s">
        <v>0</v>
      </c>
    </row>
    <row r="23544" spans="1:5" x14ac:dyDescent="0.25">
      <c r="A23544" s="1" t="s">
        <v>45276</v>
      </c>
      <c r="B23544" s="1" t="s">
        <v>58603</v>
      </c>
      <c r="C23544" s="1" t="s">
        <v>45277</v>
      </c>
      <c r="D23544" s="2">
        <v>176372</v>
      </c>
      <c r="E23544" s="1" t="s">
        <v>0</v>
      </c>
    </row>
    <row r="23545" spans="1:5" ht="409.5" x14ac:dyDescent="0.25">
      <c r="A23545" s="4" t="s">
        <v>45278</v>
      </c>
      <c r="B23545" s="1" t="s">
        <v>58604</v>
      </c>
      <c r="C23545" s="1" t="s">
        <v>45279</v>
      </c>
      <c r="D23545" s="2">
        <v>176373</v>
      </c>
      <c r="E23545" s="1" t="s">
        <v>0</v>
      </c>
    </row>
    <row r="23546" spans="1:5" x14ac:dyDescent="0.25">
      <c r="A23546" s="1" t="s">
        <v>45280</v>
      </c>
      <c r="B23546" s="1" t="s">
        <v>56194</v>
      </c>
      <c r="C23546" s="1" t="s">
        <v>45281</v>
      </c>
      <c r="D23546" s="2">
        <v>176374</v>
      </c>
      <c r="E23546" s="1" t="s">
        <v>0</v>
      </c>
    </row>
    <row r="23547" spans="1:5" x14ac:dyDescent="0.25">
      <c r="A23547" s="2">
        <v>4709</v>
      </c>
      <c r="B23547" s="2">
        <v>4709</v>
      </c>
      <c r="C23547" s="1" t="s">
        <v>0</v>
      </c>
      <c r="D23547" s="2">
        <v>176375</v>
      </c>
      <c r="E23547" s="1" t="s">
        <v>0</v>
      </c>
    </row>
    <row r="23548" spans="1:5" x14ac:dyDescent="0.25">
      <c r="A23548" s="1" t="s">
        <v>4282</v>
      </c>
      <c r="B23548" s="1" t="s">
        <v>11828</v>
      </c>
      <c r="C23548" s="1" t="s">
        <v>45282</v>
      </c>
      <c r="D23548" s="2">
        <v>176376</v>
      </c>
      <c r="E23548" s="1" t="s">
        <v>0</v>
      </c>
    </row>
    <row r="23549" spans="1:5" x14ac:dyDescent="0.25">
      <c r="A23549" s="1" t="s">
        <v>45283</v>
      </c>
      <c r="B23549" s="1" t="s">
        <v>51064</v>
      </c>
      <c r="C23549" s="1" t="s">
        <v>45284</v>
      </c>
      <c r="D23549" s="2">
        <v>176377</v>
      </c>
      <c r="E23549" s="1" t="s">
        <v>0</v>
      </c>
    </row>
    <row r="23550" spans="1:5" ht="409.5" x14ac:dyDescent="0.25">
      <c r="A23550" s="4" t="s">
        <v>45285</v>
      </c>
      <c r="B23550" s="1" t="s">
        <v>51065</v>
      </c>
      <c r="C23550" s="1" t="s">
        <v>45286</v>
      </c>
      <c r="D23550" s="2">
        <v>176378</v>
      </c>
      <c r="E23550" s="1" t="s">
        <v>0</v>
      </c>
    </row>
    <row r="23551" spans="1:5" x14ac:dyDescent="0.25">
      <c r="A23551" s="1" t="s">
        <v>45287</v>
      </c>
      <c r="B23551" s="1" t="s">
        <v>56195</v>
      </c>
      <c r="C23551" s="1" t="s">
        <v>45288</v>
      </c>
      <c r="D23551" s="2">
        <v>176379</v>
      </c>
      <c r="E23551" s="1" t="s">
        <v>0</v>
      </c>
    </row>
    <row r="23552" spans="1:5" x14ac:dyDescent="0.25">
      <c r="A23552" s="2">
        <v>4710</v>
      </c>
      <c r="B23552" s="2">
        <v>4710</v>
      </c>
      <c r="C23552" s="1" t="s">
        <v>0</v>
      </c>
      <c r="D23552" s="2">
        <v>176380</v>
      </c>
      <c r="E23552" s="1" t="s">
        <v>0</v>
      </c>
    </row>
    <row r="23553" spans="1:5" x14ac:dyDescent="0.25">
      <c r="A23553" s="1" t="s">
        <v>4283</v>
      </c>
      <c r="B23553" s="1" t="s">
        <v>11829</v>
      </c>
      <c r="C23553" s="1" t="s">
        <v>45289</v>
      </c>
      <c r="D23553" s="2">
        <v>176381</v>
      </c>
      <c r="E23553" s="1" t="s">
        <v>0</v>
      </c>
    </row>
    <row r="23554" spans="1:5" x14ac:dyDescent="0.25">
      <c r="A23554" s="1" t="s">
        <v>45290</v>
      </c>
      <c r="B23554" s="1" t="s">
        <v>56196</v>
      </c>
      <c r="C23554" s="1" t="s">
        <v>45291</v>
      </c>
      <c r="D23554" s="2">
        <v>176382</v>
      </c>
      <c r="E23554" s="1" t="s">
        <v>0</v>
      </c>
    </row>
    <row r="23555" spans="1:5" ht="409.5" x14ac:dyDescent="0.25">
      <c r="A23555" s="4" t="s">
        <v>45292</v>
      </c>
      <c r="B23555" s="1" t="s">
        <v>56197</v>
      </c>
      <c r="C23555" s="1" t="s">
        <v>45293</v>
      </c>
      <c r="D23555" s="2">
        <v>176383</v>
      </c>
      <c r="E23555" s="1" t="s">
        <v>0</v>
      </c>
    </row>
    <row r="23556" spans="1:5" x14ac:dyDescent="0.25">
      <c r="A23556" s="1" t="s">
        <v>45294</v>
      </c>
      <c r="B23556" s="1" t="s">
        <v>56198</v>
      </c>
      <c r="C23556" s="1" t="s">
        <v>45295</v>
      </c>
      <c r="D23556" s="2">
        <v>176384</v>
      </c>
      <c r="E23556" s="1" t="s">
        <v>0</v>
      </c>
    </row>
    <row r="23557" spans="1:5" x14ac:dyDescent="0.25">
      <c r="A23557" s="2">
        <v>4711</v>
      </c>
      <c r="B23557" s="2">
        <v>4711</v>
      </c>
      <c r="C23557" s="1" t="s">
        <v>0</v>
      </c>
      <c r="D23557" s="2">
        <v>176385</v>
      </c>
      <c r="E23557" s="1" t="s">
        <v>0</v>
      </c>
    </row>
    <row r="23558" spans="1:5" x14ac:dyDescent="0.25">
      <c r="A23558" s="1" t="s">
        <v>4284</v>
      </c>
      <c r="B23558" s="1" t="s">
        <v>56978</v>
      </c>
      <c r="C23558" s="1" t="s">
        <v>45296</v>
      </c>
      <c r="D23558" s="2">
        <v>176386</v>
      </c>
      <c r="E23558" s="1" t="s">
        <v>0</v>
      </c>
    </row>
    <row r="23559" spans="1:5" x14ac:dyDescent="0.25">
      <c r="A23559" s="1" t="s">
        <v>45297</v>
      </c>
      <c r="B23559" s="1" t="s">
        <v>62992</v>
      </c>
      <c r="C23559" s="1" t="s">
        <v>45298</v>
      </c>
      <c r="D23559" s="2">
        <v>176387</v>
      </c>
      <c r="E23559" s="1" t="s">
        <v>0</v>
      </c>
    </row>
    <row r="23560" spans="1:5" ht="409.5" x14ac:dyDescent="0.25">
      <c r="A23560" s="4" t="s">
        <v>45299</v>
      </c>
      <c r="B23560" s="1" t="s">
        <v>62993</v>
      </c>
      <c r="C23560" s="1" t="s">
        <v>45300</v>
      </c>
      <c r="D23560" s="2">
        <v>176388</v>
      </c>
      <c r="E23560" s="1" t="s">
        <v>0</v>
      </c>
    </row>
    <row r="23561" spans="1:5" x14ac:dyDescent="0.25">
      <c r="A23561" s="1" t="s">
        <v>45301</v>
      </c>
      <c r="B23561" s="1" t="s">
        <v>56199</v>
      </c>
      <c r="C23561" s="1" t="s">
        <v>45302</v>
      </c>
      <c r="D23561" s="2">
        <v>176389</v>
      </c>
      <c r="E23561" s="1" t="s">
        <v>0</v>
      </c>
    </row>
    <row r="23562" spans="1:5" x14ac:dyDescent="0.25">
      <c r="A23562" s="2">
        <v>4712</v>
      </c>
      <c r="B23562" s="2">
        <v>4712</v>
      </c>
      <c r="C23562" s="1" t="s">
        <v>0</v>
      </c>
      <c r="D23562" s="2">
        <v>176390</v>
      </c>
      <c r="E23562" s="1" t="s">
        <v>0</v>
      </c>
    </row>
    <row r="23563" spans="1:5" x14ac:dyDescent="0.25">
      <c r="A23563" s="1" t="s">
        <v>4285</v>
      </c>
      <c r="B23563" s="1" t="s">
        <v>11830</v>
      </c>
      <c r="C23563" s="1" t="s">
        <v>45303</v>
      </c>
      <c r="D23563" s="2">
        <v>176391</v>
      </c>
      <c r="E23563" s="1" t="s">
        <v>0</v>
      </c>
    </row>
    <row r="23564" spans="1:5" x14ac:dyDescent="0.25">
      <c r="A23564" s="1" t="s">
        <v>45304</v>
      </c>
      <c r="B23564" s="1" t="s">
        <v>63908</v>
      </c>
      <c r="C23564" s="1" t="s">
        <v>45305</v>
      </c>
      <c r="D23564" s="2">
        <v>176392</v>
      </c>
      <c r="E23564" s="1" t="s">
        <v>0</v>
      </c>
    </row>
    <row r="23565" spans="1:5" ht="409.5" x14ac:dyDescent="0.25">
      <c r="A23565" s="4" t="s">
        <v>45306</v>
      </c>
      <c r="B23565" s="1" t="s">
        <v>63909</v>
      </c>
      <c r="C23565" s="1" t="s">
        <v>45307</v>
      </c>
      <c r="D23565" s="2">
        <v>176393</v>
      </c>
      <c r="E23565" s="1" t="s">
        <v>0</v>
      </c>
    </row>
    <row r="23566" spans="1:5" x14ac:dyDescent="0.25">
      <c r="A23566" s="1" t="s">
        <v>45308</v>
      </c>
      <c r="B23566" s="1" t="s">
        <v>11831</v>
      </c>
      <c r="C23566" s="1" t="s">
        <v>45309</v>
      </c>
      <c r="D23566" s="2">
        <v>176394</v>
      </c>
      <c r="E23566" s="1" t="s">
        <v>0</v>
      </c>
    </row>
    <row r="23567" spans="1:5" x14ac:dyDescent="0.25">
      <c r="A23567" s="2">
        <v>4713</v>
      </c>
      <c r="B23567" s="2">
        <v>4713</v>
      </c>
      <c r="C23567" s="1" t="s">
        <v>0</v>
      </c>
      <c r="D23567" s="2">
        <v>176395</v>
      </c>
      <c r="E23567" s="1" t="s">
        <v>0</v>
      </c>
    </row>
    <row r="23568" spans="1:5" x14ac:dyDescent="0.25">
      <c r="A23568" s="1" t="s">
        <v>4286</v>
      </c>
      <c r="B23568" s="1" t="s">
        <v>11832</v>
      </c>
      <c r="C23568" s="1" t="s">
        <v>45310</v>
      </c>
      <c r="D23568" s="2">
        <v>176396</v>
      </c>
      <c r="E23568" s="1" t="s">
        <v>0</v>
      </c>
    </row>
    <row r="23569" spans="1:5" x14ac:dyDescent="0.25">
      <c r="A23569" s="1" t="s">
        <v>45311</v>
      </c>
      <c r="B23569" s="1" t="s">
        <v>11833</v>
      </c>
      <c r="C23569" s="1" t="s">
        <v>45312</v>
      </c>
      <c r="D23569" s="2">
        <v>176397</v>
      </c>
      <c r="E23569" s="1" t="s">
        <v>0</v>
      </c>
    </row>
    <row r="23570" spans="1:5" ht="409.5" x14ac:dyDescent="0.25">
      <c r="A23570" s="4" t="s">
        <v>45313</v>
      </c>
      <c r="B23570" s="1" t="s">
        <v>56200</v>
      </c>
      <c r="C23570" s="1" t="s">
        <v>45314</v>
      </c>
      <c r="D23570" s="2">
        <v>176398</v>
      </c>
      <c r="E23570" s="1" t="s">
        <v>0</v>
      </c>
    </row>
    <row r="23571" spans="1:5" x14ac:dyDescent="0.25">
      <c r="A23571" s="1" t="s">
        <v>13588</v>
      </c>
      <c r="B23571" s="1" t="s">
        <v>60850</v>
      </c>
      <c r="C23571" s="1" t="s">
        <v>13589</v>
      </c>
      <c r="D23571" s="2">
        <v>176399</v>
      </c>
      <c r="E23571" s="1" t="s">
        <v>0</v>
      </c>
    </row>
    <row r="23572" spans="1:5" x14ac:dyDescent="0.25">
      <c r="A23572" s="2">
        <v>4714</v>
      </c>
      <c r="B23572" s="2">
        <v>4714</v>
      </c>
      <c r="C23572" s="1" t="s">
        <v>0</v>
      </c>
      <c r="D23572" s="2">
        <v>176400</v>
      </c>
      <c r="E23572" s="1" t="s">
        <v>0</v>
      </c>
    </row>
    <row r="23573" spans="1:5" x14ac:dyDescent="0.25">
      <c r="A23573" s="1" t="s">
        <v>4287</v>
      </c>
      <c r="B23573" s="1" t="s">
        <v>11834</v>
      </c>
      <c r="C23573" s="1" t="s">
        <v>45315</v>
      </c>
      <c r="D23573" s="2">
        <v>176401</v>
      </c>
      <c r="E23573" s="1" t="s">
        <v>0</v>
      </c>
    </row>
    <row r="23574" spans="1:5" x14ac:dyDescent="0.25">
      <c r="A23574" s="1" t="s">
        <v>45316</v>
      </c>
      <c r="B23574" s="1" t="s">
        <v>56201</v>
      </c>
      <c r="C23574" s="1" t="s">
        <v>45317</v>
      </c>
      <c r="D23574" s="2">
        <v>176402</v>
      </c>
      <c r="E23574" s="1" t="s">
        <v>0</v>
      </c>
    </row>
    <row r="23575" spans="1:5" ht="409.5" x14ac:dyDescent="0.25">
      <c r="A23575" s="4" t="s">
        <v>64369</v>
      </c>
      <c r="B23575" s="1" t="s">
        <v>57099</v>
      </c>
      <c r="C23575" s="1" t="s">
        <v>45318</v>
      </c>
      <c r="D23575" s="2">
        <v>176403</v>
      </c>
      <c r="E23575" s="1" t="s">
        <v>0</v>
      </c>
    </row>
    <row r="23576" spans="1:5" x14ac:dyDescent="0.25">
      <c r="A23576" s="1" t="s">
        <v>45319</v>
      </c>
      <c r="B23576" s="1" t="s">
        <v>56202</v>
      </c>
      <c r="C23576" s="1" t="s">
        <v>45320</v>
      </c>
      <c r="D23576" s="2">
        <v>176404</v>
      </c>
      <c r="E23576" s="1" t="s">
        <v>0</v>
      </c>
    </row>
    <row r="23577" spans="1:5" x14ac:dyDescent="0.25">
      <c r="A23577" s="2">
        <v>4715</v>
      </c>
      <c r="B23577" s="2">
        <v>4715</v>
      </c>
      <c r="C23577" s="1" t="s">
        <v>0</v>
      </c>
      <c r="D23577" s="2">
        <v>176405</v>
      </c>
      <c r="E23577" s="1" t="s">
        <v>0</v>
      </c>
    </row>
    <row r="23578" spans="1:5" x14ac:dyDescent="0.25">
      <c r="A23578" s="1" t="s">
        <v>4288</v>
      </c>
      <c r="B23578" s="1" t="s">
        <v>11835</v>
      </c>
      <c r="C23578" s="1" t="s">
        <v>45321</v>
      </c>
      <c r="D23578" s="2">
        <v>176406</v>
      </c>
      <c r="E23578" s="1" t="s">
        <v>0</v>
      </c>
    </row>
    <row r="23579" spans="1:5" x14ac:dyDescent="0.25">
      <c r="A23579" s="1" t="s">
        <v>45322</v>
      </c>
      <c r="B23579" s="1" t="s">
        <v>11836</v>
      </c>
      <c r="C23579" s="1" t="s">
        <v>45323</v>
      </c>
      <c r="D23579" s="2">
        <v>176407</v>
      </c>
      <c r="E23579" s="1" t="s">
        <v>0</v>
      </c>
    </row>
    <row r="23580" spans="1:5" ht="409.5" x14ac:dyDescent="0.25">
      <c r="A23580" s="4" t="s">
        <v>45324</v>
      </c>
      <c r="B23580" s="1" t="s">
        <v>11837</v>
      </c>
      <c r="C23580" s="1" t="s">
        <v>45325</v>
      </c>
      <c r="D23580" s="2">
        <v>176408</v>
      </c>
      <c r="E23580" s="1" t="s">
        <v>0</v>
      </c>
    </row>
    <row r="23581" spans="1:5" x14ac:dyDescent="0.25">
      <c r="A23581" s="1" t="s">
        <v>45326</v>
      </c>
      <c r="B23581" s="1" t="s">
        <v>11838</v>
      </c>
      <c r="C23581" s="1" t="s">
        <v>45327</v>
      </c>
      <c r="D23581" s="2">
        <v>176409</v>
      </c>
      <c r="E23581" s="1" t="s">
        <v>0</v>
      </c>
    </row>
    <row r="23582" spans="1:5" x14ac:dyDescent="0.25">
      <c r="A23582" s="2">
        <v>4716</v>
      </c>
      <c r="B23582" s="2">
        <v>4716</v>
      </c>
      <c r="C23582" s="1" t="s">
        <v>0</v>
      </c>
      <c r="D23582" s="2">
        <v>176410</v>
      </c>
      <c r="E23582" s="1" t="s">
        <v>0</v>
      </c>
    </row>
    <row r="23583" spans="1:5" x14ac:dyDescent="0.25">
      <c r="A23583" s="1" t="s">
        <v>11839</v>
      </c>
      <c r="B23583" s="1" t="s">
        <v>11840</v>
      </c>
      <c r="C23583" s="1" t="s">
        <v>45328</v>
      </c>
      <c r="D23583" s="2">
        <v>176411</v>
      </c>
      <c r="E23583" s="1" t="s">
        <v>0</v>
      </c>
    </row>
    <row r="23584" spans="1:5" x14ac:dyDescent="0.25">
      <c r="A23584" s="1" t="s">
        <v>45329</v>
      </c>
      <c r="B23584" s="1" t="s">
        <v>56203</v>
      </c>
      <c r="C23584" s="1" t="s">
        <v>45330</v>
      </c>
      <c r="D23584" s="2">
        <v>176412</v>
      </c>
      <c r="E23584" s="1" t="s">
        <v>0</v>
      </c>
    </row>
    <row r="23585" spans="1:5" ht="409.5" x14ac:dyDescent="0.25">
      <c r="A23585" s="4" t="s">
        <v>45331</v>
      </c>
      <c r="B23585" s="1" t="s">
        <v>58605</v>
      </c>
      <c r="C23585" s="1" t="s">
        <v>45332</v>
      </c>
      <c r="D23585" s="2">
        <v>176413</v>
      </c>
      <c r="E23585" s="1" t="s">
        <v>0</v>
      </c>
    </row>
    <row r="23586" spans="1:5" x14ac:dyDescent="0.25">
      <c r="A23586" s="1" t="s">
        <v>45333</v>
      </c>
      <c r="B23586" s="1" t="s">
        <v>11841</v>
      </c>
      <c r="C23586" s="1" t="s">
        <v>45334</v>
      </c>
      <c r="D23586" s="2">
        <v>176414</v>
      </c>
      <c r="E23586" s="1" t="s">
        <v>0</v>
      </c>
    </row>
    <row r="23587" spans="1:5" x14ac:dyDescent="0.25">
      <c r="A23587" s="2">
        <v>4717</v>
      </c>
      <c r="B23587" s="2">
        <v>4717</v>
      </c>
      <c r="C23587" s="1" t="s">
        <v>0</v>
      </c>
      <c r="D23587" s="2">
        <v>176415</v>
      </c>
      <c r="E23587" s="1" t="s">
        <v>0</v>
      </c>
    </row>
    <row r="23588" spans="1:5" x14ac:dyDescent="0.25">
      <c r="A23588" s="1" t="s">
        <v>4289</v>
      </c>
      <c r="B23588" s="1" t="s">
        <v>11842</v>
      </c>
      <c r="C23588" s="1" t="s">
        <v>45335</v>
      </c>
      <c r="D23588" s="2">
        <v>176416</v>
      </c>
      <c r="E23588" s="1" t="s">
        <v>0</v>
      </c>
    </row>
    <row r="23589" spans="1:5" x14ac:dyDescent="0.25">
      <c r="A23589" s="1" t="s">
        <v>45336</v>
      </c>
      <c r="B23589" s="1" t="s">
        <v>56204</v>
      </c>
      <c r="C23589" s="1" t="s">
        <v>45337</v>
      </c>
      <c r="D23589" s="2">
        <v>176417</v>
      </c>
      <c r="E23589" s="1" t="s">
        <v>0</v>
      </c>
    </row>
    <row r="23590" spans="1:5" ht="409.5" x14ac:dyDescent="0.25">
      <c r="A23590" s="4" t="s">
        <v>45338</v>
      </c>
      <c r="B23590" s="1" t="s">
        <v>60285</v>
      </c>
      <c r="C23590" s="1" t="s">
        <v>45339</v>
      </c>
      <c r="D23590" s="2">
        <v>176418</v>
      </c>
      <c r="E23590" s="1" t="s">
        <v>0</v>
      </c>
    </row>
    <row r="23591" spans="1:5" x14ac:dyDescent="0.25">
      <c r="A23591" s="1" t="s">
        <v>45340</v>
      </c>
      <c r="B23591" s="1" t="s">
        <v>11843</v>
      </c>
      <c r="C23591" s="1" t="s">
        <v>45341</v>
      </c>
      <c r="D23591" s="2">
        <v>176419</v>
      </c>
      <c r="E23591" s="1" t="s">
        <v>0</v>
      </c>
    </row>
    <row r="23592" spans="1:5" x14ac:dyDescent="0.25">
      <c r="A23592" s="2">
        <v>4718</v>
      </c>
      <c r="B23592" s="2">
        <v>4718</v>
      </c>
      <c r="C23592" s="1" t="s">
        <v>0</v>
      </c>
      <c r="D23592" s="2">
        <v>176420</v>
      </c>
      <c r="E23592" s="1" t="s">
        <v>0</v>
      </c>
    </row>
    <row r="23593" spans="1:5" x14ac:dyDescent="0.25">
      <c r="A23593" s="1" t="s">
        <v>11844</v>
      </c>
      <c r="B23593" s="1" t="s">
        <v>56979</v>
      </c>
      <c r="C23593" s="1" t="s">
        <v>45342</v>
      </c>
      <c r="D23593" s="2">
        <v>176421</v>
      </c>
      <c r="E23593" s="1" t="s">
        <v>0</v>
      </c>
    </row>
    <row r="23594" spans="1:5" x14ac:dyDescent="0.25">
      <c r="A23594" s="1" t="s">
        <v>61895</v>
      </c>
      <c r="B23594" s="1" t="s">
        <v>58606</v>
      </c>
      <c r="C23594" s="1" t="s">
        <v>45343</v>
      </c>
      <c r="D23594" s="2">
        <v>176422</v>
      </c>
      <c r="E23594" s="1" t="s">
        <v>0</v>
      </c>
    </row>
    <row r="23595" spans="1:5" ht="409.5" x14ac:dyDescent="0.25">
      <c r="A23595" s="4" t="s">
        <v>61896</v>
      </c>
      <c r="B23595" s="1" t="s">
        <v>58607</v>
      </c>
      <c r="C23595" s="1" t="s">
        <v>45344</v>
      </c>
      <c r="D23595" s="2">
        <v>176423</v>
      </c>
      <c r="E23595" s="1" t="s">
        <v>0</v>
      </c>
    </row>
    <row r="23596" spans="1:5" x14ac:dyDescent="0.25">
      <c r="A23596" s="1" t="s">
        <v>45345</v>
      </c>
      <c r="B23596" s="1" t="s">
        <v>45346</v>
      </c>
      <c r="C23596" s="1" t="s">
        <v>45347</v>
      </c>
      <c r="D23596" s="2">
        <v>176424</v>
      </c>
      <c r="E23596" s="1" t="s">
        <v>0</v>
      </c>
    </row>
    <row r="23597" spans="1:5" x14ac:dyDescent="0.25">
      <c r="A23597" s="2">
        <v>4719</v>
      </c>
      <c r="B23597" s="2">
        <v>4719</v>
      </c>
      <c r="C23597" s="1" t="s">
        <v>0</v>
      </c>
      <c r="D23597" s="2">
        <v>176425</v>
      </c>
      <c r="E23597" s="1" t="s">
        <v>0</v>
      </c>
    </row>
    <row r="23598" spans="1:5" x14ac:dyDescent="0.25">
      <c r="A23598" s="1" t="s">
        <v>11845</v>
      </c>
      <c r="B23598" s="1" t="s">
        <v>11846</v>
      </c>
      <c r="C23598" s="1" t="s">
        <v>45348</v>
      </c>
      <c r="D23598" s="2">
        <v>176426</v>
      </c>
      <c r="E23598" s="1" t="s">
        <v>0</v>
      </c>
    </row>
    <row r="23599" spans="1:5" x14ac:dyDescent="0.25">
      <c r="A23599" s="1" t="s">
        <v>45349</v>
      </c>
      <c r="B23599" s="1" t="s">
        <v>62994</v>
      </c>
      <c r="C23599" s="1" t="s">
        <v>45350</v>
      </c>
      <c r="D23599" s="2">
        <v>176427</v>
      </c>
      <c r="E23599" s="1" t="s">
        <v>0</v>
      </c>
    </row>
    <row r="23600" spans="1:5" ht="409.5" x14ac:dyDescent="0.25">
      <c r="A23600" s="4" t="s">
        <v>45351</v>
      </c>
      <c r="B23600" s="1" t="s">
        <v>62995</v>
      </c>
      <c r="C23600" s="1" t="s">
        <v>45352</v>
      </c>
      <c r="D23600" s="2">
        <v>176428</v>
      </c>
      <c r="E23600" s="1" t="s">
        <v>0</v>
      </c>
    </row>
    <row r="23601" spans="1:5" x14ac:dyDescent="0.25">
      <c r="A23601" s="1" t="s">
        <v>45353</v>
      </c>
      <c r="B23601" s="1" t="s">
        <v>56205</v>
      </c>
      <c r="C23601" s="1" t="s">
        <v>45354</v>
      </c>
      <c r="D23601" s="2">
        <v>176429</v>
      </c>
      <c r="E23601" s="1" t="s">
        <v>0</v>
      </c>
    </row>
    <row r="23602" spans="1:5" x14ac:dyDescent="0.25">
      <c r="A23602" s="2">
        <v>4720</v>
      </c>
      <c r="B23602" s="2">
        <v>4720</v>
      </c>
      <c r="C23602" s="1" t="s">
        <v>0</v>
      </c>
      <c r="D23602" s="2">
        <v>176430</v>
      </c>
      <c r="E23602" s="1" t="s">
        <v>0</v>
      </c>
    </row>
    <row r="23603" spans="1:5" x14ac:dyDescent="0.25">
      <c r="A23603" s="1" t="s">
        <v>4290</v>
      </c>
      <c r="B23603" s="1" t="s">
        <v>11847</v>
      </c>
      <c r="C23603" s="1" t="s">
        <v>45355</v>
      </c>
      <c r="D23603" s="2">
        <v>176431</v>
      </c>
      <c r="E23603" s="1" t="s">
        <v>0</v>
      </c>
    </row>
    <row r="23604" spans="1:5" x14ac:dyDescent="0.25">
      <c r="A23604" s="1" t="s">
        <v>45356</v>
      </c>
      <c r="B23604" s="1" t="s">
        <v>56206</v>
      </c>
      <c r="C23604" s="1" t="s">
        <v>45357</v>
      </c>
      <c r="D23604" s="2">
        <v>176432</v>
      </c>
      <c r="E23604" s="1" t="s">
        <v>0</v>
      </c>
    </row>
    <row r="23605" spans="1:5" ht="409.5" x14ac:dyDescent="0.25">
      <c r="A23605" s="4" t="s">
        <v>45358</v>
      </c>
      <c r="B23605" s="1" t="s">
        <v>56207</v>
      </c>
      <c r="C23605" s="1" t="s">
        <v>45359</v>
      </c>
      <c r="D23605" s="2">
        <v>176433</v>
      </c>
      <c r="E23605" s="1" t="s">
        <v>0</v>
      </c>
    </row>
    <row r="23606" spans="1:5" x14ac:dyDescent="0.25">
      <c r="A23606" s="1" t="s">
        <v>40343</v>
      </c>
      <c r="B23606" s="1" t="s">
        <v>61296</v>
      </c>
      <c r="C23606" s="1" t="s">
        <v>40344</v>
      </c>
      <c r="D23606" s="2">
        <v>176434</v>
      </c>
      <c r="E23606" s="1" t="s">
        <v>0</v>
      </c>
    </row>
    <row r="23607" spans="1:5" x14ac:dyDescent="0.25">
      <c r="A23607" s="2">
        <v>4721</v>
      </c>
      <c r="B23607" s="2">
        <v>4721</v>
      </c>
      <c r="C23607" s="1" t="s">
        <v>0</v>
      </c>
      <c r="D23607" s="2">
        <v>176435</v>
      </c>
      <c r="E23607" s="1" t="s">
        <v>0</v>
      </c>
    </row>
    <row r="23608" spans="1:5" x14ac:dyDescent="0.25">
      <c r="A23608" s="1" t="s">
        <v>4291</v>
      </c>
      <c r="B23608" s="1" t="s">
        <v>58857</v>
      </c>
      <c r="C23608" s="1" t="s">
        <v>45360</v>
      </c>
      <c r="D23608" s="2">
        <v>176436</v>
      </c>
      <c r="E23608" s="1" t="s">
        <v>0</v>
      </c>
    </row>
    <row r="23609" spans="1:5" x14ac:dyDescent="0.25">
      <c r="A23609" s="1" t="s">
        <v>45361</v>
      </c>
      <c r="B23609" s="1" t="s">
        <v>56208</v>
      </c>
      <c r="C23609" s="1" t="s">
        <v>45362</v>
      </c>
      <c r="D23609" s="2">
        <v>176437</v>
      </c>
      <c r="E23609" s="1" t="s">
        <v>0</v>
      </c>
    </row>
    <row r="23610" spans="1:5" ht="409.5" x14ac:dyDescent="0.25">
      <c r="A23610" s="4" t="s">
        <v>45363</v>
      </c>
      <c r="B23610" s="1" t="s">
        <v>62996</v>
      </c>
      <c r="C23610" s="1" t="s">
        <v>45364</v>
      </c>
      <c r="D23610" s="2">
        <v>176438</v>
      </c>
      <c r="E23610" s="1" t="s">
        <v>0</v>
      </c>
    </row>
    <row r="23611" spans="1:5" x14ac:dyDescent="0.25">
      <c r="A23611" s="1" t="s">
        <v>45365</v>
      </c>
      <c r="B23611" s="1" t="s">
        <v>58858</v>
      </c>
      <c r="C23611" s="1" t="s">
        <v>45366</v>
      </c>
      <c r="D23611" s="2">
        <v>176439</v>
      </c>
      <c r="E23611" s="1" t="s">
        <v>0</v>
      </c>
    </row>
    <row r="23612" spans="1:5" x14ac:dyDescent="0.25">
      <c r="A23612" s="2">
        <v>4722</v>
      </c>
      <c r="B23612" s="2">
        <v>4722</v>
      </c>
      <c r="C23612" s="1" t="s">
        <v>0</v>
      </c>
      <c r="D23612" s="2">
        <v>176440</v>
      </c>
      <c r="E23612" s="1" t="s">
        <v>0</v>
      </c>
    </row>
    <row r="23613" spans="1:5" x14ac:dyDescent="0.25">
      <c r="A23613" s="1" t="s">
        <v>4292</v>
      </c>
      <c r="B23613" s="1" t="s">
        <v>11848</v>
      </c>
      <c r="C23613" s="1" t="s">
        <v>45367</v>
      </c>
      <c r="D23613" s="2">
        <v>176441</v>
      </c>
      <c r="E23613" s="1" t="s">
        <v>0</v>
      </c>
    </row>
    <row r="23614" spans="1:5" x14ac:dyDescent="0.25">
      <c r="A23614" s="1" t="s">
        <v>45368</v>
      </c>
      <c r="B23614" s="1" t="s">
        <v>59095</v>
      </c>
      <c r="C23614" s="1" t="s">
        <v>45369</v>
      </c>
      <c r="D23614" s="2">
        <v>176442</v>
      </c>
      <c r="E23614" s="1" t="s">
        <v>0</v>
      </c>
    </row>
    <row r="23615" spans="1:5" ht="409.5" x14ac:dyDescent="0.25">
      <c r="A23615" s="4" t="s">
        <v>45370</v>
      </c>
      <c r="B23615" s="1" t="s">
        <v>59096</v>
      </c>
      <c r="C23615" s="1" t="s">
        <v>45371</v>
      </c>
      <c r="D23615" s="2">
        <v>176443</v>
      </c>
      <c r="E23615" s="1" t="s">
        <v>0</v>
      </c>
    </row>
    <row r="23616" spans="1:5" x14ac:dyDescent="0.25">
      <c r="A23616" s="1" t="s">
        <v>45372</v>
      </c>
      <c r="B23616" s="1" t="s">
        <v>11849</v>
      </c>
      <c r="C23616" s="1" t="s">
        <v>45373</v>
      </c>
      <c r="D23616" s="2">
        <v>176444</v>
      </c>
      <c r="E23616" s="1" t="s">
        <v>0</v>
      </c>
    </row>
    <row r="23617" spans="1:5" x14ac:dyDescent="0.25">
      <c r="A23617" s="2">
        <v>4723</v>
      </c>
      <c r="B23617" s="2">
        <v>4723</v>
      </c>
      <c r="C23617" s="1" t="s">
        <v>0</v>
      </c>
      <c r="D23617" s="2">
        <v>176445</v>
      </c>
      <c r="E23617" s="1" t="s">
        <v>0</v>
      </c>
    </row>
    <row r="23618" spans="1:5" x14ac:dyDescent="0.25">
      <c r="A23618" s="1" t="s">
        <v>11850</v>
      </c>
      <c r="B23618" s="1" t="s">
        <v>11851</v>
      </c>
      <c r="C23618" s="1" t="s">
        <v>45374</v>
      </c>
      <c r="D23618" s="2">
        <v>176446</v>
      </c>
      <c r="E23618" s="1" t="s">
        <v>0</v>
      </c>
    </row>
    <row r="23619" spans="1:5" x14ac:dyDescent="0.25">
      <c r="A23619" s="1" t="s">
        <v>45375</v>
      </c>
      <c r="B23619" s="1" t="s">
        <v>56209</v>
      </c>
      <c r="C23619" s="1" t="s">
        <v>45376</v>
      </c>
      <c r="D23619" s="2">
        <v>176447</v>
      </c>
      <c r="E23619" s="1" t="s">
        <v>0</v>
      </c>
    </row>
    <row r="23620" spans="1:5" ht="409.5" x14ac:dyDescent="0.25">
      <c r="A23620" s="4" t="s">
        <v>45377</v>
      </c>
      <c r="B23620" s="1" t="s">
        <v>56210</v>
      </c>
      <c r="C23620" s="1" t="s">
        <v>45378</v>
      </c>
      <c r="D23620" s="2">
        <v>176448</v>
      </c>
      <c r="E23620" s="1" t="s">
        <v>0</v>
      </c>
    </row>
    <row r="23621" spans="1:5" x14ac:dyDescent="0.25">
      <c r="A23621" s="1" t="s">
        <v>45379</v>
      </c>
      <c r="B23621" s="1" t="s">
        <v>56211</v>
      </c>
      <c r="C23621" s="1" t="s">
        <v>45380</v>
      </c>
      <c r="D23621" s="2">
        <v>176449</v>
      </c>
      <c r="E23621" s="1" t="s">
        <v>0</v>
      </c>
    </row>
    <row r="23622" spans="1:5" x14ac:dyDescent="0.25">
      <c r="A23622" s="2">
        <v>4724</v>
      </c>
      <c r="B23622" s="2">
        <v>4724</v>
      </c>
      <c r="C23622" s="1" t="s">
        <v>0</v>
      </c>
      <c r="D23622" s="2">
        <v>176450</v>
      </c>
      <c r="E23622" s="1" t="s">
        <v>0</v>
      </c>
    </row>
    <row r="23623" spans="1:5" x14ac:dyDescent="0.25">
      <c r="A23623" s="1" t="s">
        <v>4293</v>
      </c>
      <c r="B23623" s="1" t="s">
        <v>11852</v>
      </c>
      <c r="C23623" s="1" t="s">
        <v>45381</v>
      </c>
      <c r="D23623" s="2">
        <v>176451</v>
      </c>
      <c r="E23623" s="1" t="s">
        <v>0</v>
      </c>
    </row>
    <row r="23624" spans="1:5" x14ac:dyDescent="0.25">
      <c r="A23624" s="1" t="s">
        <v>45382</v>
      </c>
      <c r="B23624" s="1" t="s">
        <v>11853</v>
      </c>
      <c r="C23624" s="1" t="s">
        <v>45383</v>
      </c>
      <c r="D23624" s="2">
        <v>176452</v>
      </c>
      <c r="E23624" s="1" t="s">
        <v>0</v>
      </c>
    </row>
    <row r="23625" spans="1:5" ht="409.5" x14ac:dyDescent="0.25">
      <c r="A23625" s="4" t="s">
        <v>45384</v>
      </c>
      <c r="B23625" s="1" t="s">
        <v>63520</v>
      </c>
      <c r="C23625" s="1" t="s">
        <v>45385</v>
      </c>
      <c r="D23625" s="2">
        <v>176453</v>
      </c>
      <c r="E23625" s="1" t="s">
        <v>0</v>
      </c>
    </row>
    <row r="23626" spans="1:5" x14ac:dyDescent="0.25">
      <c r="A23626" s="1" t="s">
        <v>45386</v>
      </c>
      <c r="B23626" s="1" t="s">
        <v>56212</v>
      </c>
      <c r="C23626" s="1" t="s">
        <v>45387</v>
      </c>
      <c r="D23626" s="2">
        <v>176454</v>
      </c>
      <c r="E23626" s="1" t="s">
        <v>0</v>
      </c>
    </row>
    <row r="23627" spans="1:5" x14ac:dyDescent="0.25">
      <c r="A23627" s="2">
        <v>4725</v>
      </c>
      <c r="B23627" s="2">
        <v>4725</v>
      </c>
      <c r="C23627" s="1" t="s">
        <v>0</v>
      </c>
      <c r="D23627" s="2">
        <v>176455</v>
      </c>
      <c r="E23627" s="1" t="s">
        <v>0</v>
      </c>
    </row>
    <row r="23628" spans="1:5" x14ac:dyDescent="0.25">
      <c r="A23628" s="1" t="s">
        <v>4294</v>
      </c>
      <c r="B23628" s="1" t="s">
        <v>11854</v>
      </c>
      <c r="C23628" s="1" t="s">
        <v>45388</v>
      </c>
      <c r="D23628" s="2">
        <v>176456</v>
      </c>
      <c r="E23628" s="1" t="s">
        <v>0</v>
      </c>
    </row>
    <row r="23629" spans="1:5" x14ac:dyDescent="0.25">
      <c r="A23629" s="1" t="s">
        <v>45389</v>
      </c>
      <c r="B23629" s="1" t="s">
        <v>56213</v>
      </c>
      <c r="C23629" s="1" t="s">
        <v>45390</v>
      </c>
      <c r="D23629" s="2">
        <v>176457</v>
      </c>
      <c r="E23629" s="1" t="s">
        <v>0</v>
      </c>
    </row>
    <row r="23630" spans="1:5" ht="409.5" x14ac:dyDescent="0.25">
      <c r="A23630" s="4" t="s">
        <v>64370</v>
      </c>
      <c r="B23630" s="1" t="s">
        <v>63832</v>
      </c>
      <c r="C23630" s="1" t="s">
        <v>45391</v>
      </c>
      <c r="D23630" s="2">
        <v>176458</v>
      </c>
      <c r="E23630" s="1" t="s">
        <v>0</v>
      </c>
    </row>
    <row r="23631" spans="1:5" x14ac:dyDescent="0.25">
      <c r="A23631" s="1" t="s">
        <v>45392</v>
      </c>
      <c r="B23631" s="1" t="s">
        <v>11855</v>
      </c>
      <c r="C23631" s="1" t="s">
        <v>45393</v>
      </c>
      <c r="D23631" s="2">
        <v>176459</v>
      </c>
      <c r="E23631" s="1" t="s">
        <v>0</v>
      </c>
    </row>
    <row r="23632" spans="1:5" x14ac:dyDescent="0.25">
      <c r="A23632" s="2">
        <v>4726</v>
      </c>
      <c r="B23632" s="2">
        <v>4726</v>
      </c>
      <c r="C23632" s="1" t="s">
        <v>0</v>
      </c>
      <c r="D23632" s="2">
        <v>176460</v>
      </c>
      <c r="E23632" s="1" t="s">
        <v>0</v>
      </c>
    </row>
    <row r="23633" spans="1:5" x14ac:dyDescent="0.25">
      <c r="A23633" s="1" t="s">
        <v>4295</v>
      </c>
      <c r="B23633" s="1" t="s">
        <v>11856</v>
      </c>
      <c r="C23633" s="1" t="s">
        <v>45394</v>
      </c>
      <c r="D23633" s="2">
        <v>176461</v>
      </c>
      <c r="E23633" s="1" t="s">
        <v>0</v>
      </c>
    </row>
    <row r="23634" spans="1:5" x14ac:dyDescent="0.25">
      <c r="A23634" s="1" t="s">
        <v>45395</v>
      </c>
      <c r="B23634" s="1" t="s">
        <v>56214</v>
      </c>
      <c r="C23634" s="1" t="s">
        <v>45396</v>
      </c>
      <c r="D23634" s="2">
        <v>176462</v>
      </c>
      <c r="E23634" s="1" t="s">
        <v>0</v>
      </c>
    </row>
    <row r="23635" spans="1:5" ht="409.5" x14ac:dyDescent="0.25">
      <c r="A23635" s="4" t="s">
        <v>45397</v>
      </c>
      <c r="B23635" s="1" t="s">
        <v>61391</v>
      </c>
      <c r="C23635" s="1" t="s">
        <v>45398</v>
      </c>
      <c r="D23635" s="2">
        <v>176463</v>
      </c>
      <c r="E23635" s="1" t="s">
        <v>0</v>
      </c>
    </row>
    <row r="23636" spans="1:5" x14ac:dyDescent="0.25">
      <c r="A23636" s="1" t="s">
        <v>45399</v>
      </c>
      <c r="B23636" s="1" t="s">
        <v>61392</v>
      </c>
      <c r="C23636" s="1" t="s">
        <v>45400</v>
      </c>
      <c r="D23636" s="2">
        <v>176464</v>
      </c>
      <c r="E23636" s="1" t="s">
        <v>0</v>
      </c>
    </row>
    <row r="23637" spans="1:5" x14ac:dyDescent="0.25">
      <c r="A23637" s="2">
        <v>4727</v>
      </c>
      <c r="B23637" s="2">
        <v>4727</v>
      </c>
      <c r="C23637" s="1" t="s">
        <v>0</v>
      </c>
      <c r="D23637" s="2">
        <v>176465</v>
      </c>
      <c r="E23637" s="1" t="s">
        <v>0</v>
      </c>
    </row>
    <row r="23638" spans="1:5" x14ac:dyDescent="0.25">
      <c r="A23638" s="1" t="s">
        <v>4296</v>
      </c>
      <c r="B23638" s="1" t="s">
        <v>11857</v>
      </c>
      <c r="C23638" s="1" t="s">
        <v>45401</v>
      </c>
      <c r="D23638" s="2">
        <v>176466</v>
      </c>
      <c r="E23638" s="1" t="s">
        <v>0</v>
      </c>
    </row>
    <row r="23639" spans="1:5" x14ac:dyDescent="0.25">
      <c r="A23639" s="1" t="s">
        <v>45402</v>
      </c>
      <c r="B23639" s="1" t="s">
        <v>56215</v>
      </c>
      <c r="C23639" s="1" t="s">
        <v>45403</v>
      </c>
      <c r="D23639" s="2">
        <v>176467</v>
      </c>
      <c r="E23639" s="1" t="s">
        <v>0</v>
      </c>
    </row>
    <row r="23640" spans="1:5" ht="409.5" x14ac:dyDescent="0.25">
      <c r="A23640" s="4" t="s">
        <v>64371</v>
      </c>
      <c r="B23640" s="1" t="s">
        <v>59097</v>
      </c>
      <c r="C23640" s="1" t="s">
        <v>45404</v>
      </c>
      <c r="D23640" s="2">
        <v>176468</v>
      </c>
      <c r="E23640" s="1" t="s">
        <v>0</v>
      </c>
    </row>
    <row r="23641" spans="1:5" x14ac:dyDescent="0.25">
      <c r="A23641" s="1" t="s">
        <v>45405</v>
      </c>
      <c r="B23641" s="1" t="s">
        <v>11858</v>
      </c>
      <c r="C23641" s="1" t="s">
        <v>45406</v>
      </c>
      <c r="D23641" s="2">
        <v>176469</v>
      </c>
      <c r="E23641" s="1" t="s">
        <v>0</v>
      </c>
    </row>
    <row r="23642" spans="1:5" x14ac:dyDescent="0.25">
      <c r="A23642" s="2">
        <v>4728</v>
      </c>
      <c r="B23642" s="2">
        <v>4728</v>
      </c>
      <c r="C23642" s="1" t="s">
        <v>0</v>
      </c>
      <c r="D23642" s="2">
        <v>176470</v>
      </c>
      <c r="E23642" s="1" t="s">
        <v>0</v>
      </c>
    </row>
    <row r="23643" spans="1:5" x14ac:dyDescent="0.25">
      <c r="A23643" s="1" t="s">
        <v>4297</v>
      </c>
      <c r="B23643" s="1" t="s">
        <v>11859</v>
      </c>
      <c r="C23643" s="1" t="s">
        <v>45407</v>
      </c>
      <c r="D23643" s="2">
        <v>176471</v>
      </c>
      <c r="E23643" s="1" t="s">
        <v>0</v>
      </c>
    </row>
    <row r="23644" spans="1:5" x14ac:dyDescent="0.25">
      <c r="A23644" s="1" t="s">
        <v>45408</v>
      </c>
      <c r="B23644" s="1" t="s">
        <v>13293</v>
      </c>
      <c r="C23644" s="1" t="s">
        <v>45409</v>
      </c>
      <c r="D23644" s="2">
        <v>176472</v>
      </c>
      <c r="E23644" s="1" t="s">
        <v>0</v>
      </c>
    </row>
    <row r="23645" spans="1:5" ht="409.5" x14ac:dyDescent="0.25">
      <c r="A23645" s="4" t="s">
        <v>45410</v>
      </c>
      <c r="B23645" s="1" t="s">
        <v>13294</v>
      </c>
      <c r="C23645" s="1" t="s">
        <v>45411</v>
      </c>
      <c r="D23645" s="2">
        <v>176473</v>
      </c>
      <c r="E23645" s="1" t="s">
        <v>0</v>
      </c>
    </row>
    <row r="23646" spans="1:5" x14ac:dyDescent="0.25">
      <c r="A23646" s="1" t="s">
        <v>45412</v>
      </c>
      <c r="B23646" s="1" t="s">
        <v>56216</v>
      </c>
      <c r="C23646" s="1" t="s">
        <v>45413</v>
      </c>
      <c r="D23646" s="2">
        <v>176474</v>
      </c>
      <c r="E23646" s="1" t="s">
        <v>0</v>
      </c>
    </row>
    <row r="23647" spans="1:5" x14ac:dyDescent="0.25">
      <c r="A23647" s="2">
        <v>4729</v>
      </c>
      <c r="B23647" s="2">
        <v>4729</v>
      </c>
      <c r="C23647" s="1" t="s">
        <v>0</v>
      </c>
      <c r="D23647" s="2">
        <v>176475</v>
      </c>
      <c r="E23647" s="1" t="s">
        <v>0</v>
      </c>
    </row>
    <row r="23648" spans="1:5" x14ac:dyDescent="0.25">
      <c r="A23648" s="1" t="s">
        <v>4298</v>
      </c>
      <c r="B23648" s="1" t="s">
        <v>11860</v>
      </c>
      <c r="C23648" s="1" t="s">
        <v>45414</v>
      </c>
      <c r="D23648" s="2">
        <v>176476</v>
      </c>
      <c r="E23648" s="1" t="s">
        <v>0</v>
      </c>
    </row>
    <row r="23649" spans="1:5" x14ac:dyDescent="0.25">
      <c r="A23649" s="1" t="s">
        <v>45415</v>
      </c>
      <c r="B23649" s="1" t="s">
        <v>62997</v>
      </c>
      <c r="C23649" s="1" t="s">
        <v>45416</v>
      </c>
      <c r="D23649" s="2">
        <v>176477</v>
      </c>
      <c r="E23649" s="1" t="s">
        <v>0</v>
      </c>
    </row>
    <row r="23650" spans="1:5" ht="409.5" x14ac:dyDescent="0.25">
      <c r="A23650" s="4" t="s">
        <v>45417</v>
      </c>
      <c r="B23650" s="1" t="s">
        <v>62998</v>
      </c>
      <c r="C23650" s="1" t="s">
        <v>45418</v>
      </c>
      <c r="D23650" s="2">
        <v>176478</v>
      </c>
      <c r="E23650" s="1" t="s">
        <v>0</v>
      </c>
    </row>
    <row r="23651" spans="1:5" x14ac:dyDescent="0.25">
      <c r="A23651" s="1" t="s">
        <v>45419</v>
      </c>
      <c r="B23651" s="1" t="s">
        <v>61393</v>
      </c>
      <c r="C23651" s="1" t="s">
        <v>45420</v>
      </c>
      <c r="D23651" s="2">
        <v>176479</v>
      </c>
      <c r="E23651" s="1" t="s">
        <v>0</v>
      </c>
    </row>
    <row r="23652" spans="1:5" x14ac:dyDescent="0.25">
      <c r="A23652" s="2">
        <v>4730</v>
      </c>
      <c r="B23652" s="2">
        <v>4730</v>
      </c>
      <c r="C23652" s="1" t="s">
        <v>0</v>
      </c>
      <c r="D23652" s="2">
        <v>176480</v>
      </c>
      <c r="E23652" s="1" t="s">
        <v>0</v>
      </c>
    </row>
    <row r="23653" spans="1:5" x14ac:dyDescent="0.25">
      <c r="A23653" s="1" t="s">
        <v>4299</v>
      </c>
      <c r="B23653" s="1" t="s">
        <v>60286</v>
      </c>
      <c r="C23653" s="1" t="s">
        <v>45421</v>
      </c>
      <c r="D23653" s="2">
        <v>176481</v>
      </c>
      <c r="E23653" s="1" t="s">
        <v>0</v>
      </c>
    </row>
    <row r="23654" spans="1:5" x14ac:dyDescent="0.25">
      <c r="A23654" s="1" t="s">
        <v>45422</v>
      </c>
      <c r="B23654" s="1" t="s">
        <v>62999</v>
      </c>
      <c r="C23654" s="1" t="s">
        <v>45423</v>
      </c>
      <c r="D23654" s="2">
        <v>176482</v>
      </c>
      <c r="E23654" s="1" t="s">
        <v>0</v>
      </c>
    </row>
    <row r="23655" spans="1:5" ht="409.5" x14ac:dyDescent="0.25">
      <c r="A23655" s="4" t="s">
        <v>45424</v>
      </c>
      <c r="B23655" s="1" t="s">
        <v>63000</v>
      </c>
      <c r="C23655" s="1" t="s">
        <v>45425</v>
      </c>
      <c r="D23655" s="2">
        <v>176483</v>
      </c>
      <c r="E23655" s="1" t="s">
        <v>0</v>
      </c>
    </row>
    <row r="23656" spans="1:5" x14ac:dyDescent="0.25">
      <c r="A23656" s="1" t="s">
        <v>45426</v>
      </c>
      <c r="B23656" s="1" t="s">
        <v>58859</v>
      </c>
      <c r="C23656" s="1" t="s">
        <v>45427</v>
      </c>
      <c r="D23656" s="2">
        <v>176484</v>
      </c>
      <c r="E23656" s="1" t="s">
        <v>0</v>
      </c>
    </row>
    <row r="23657" spans="1:5" x14ac:dyDescent="0.25">
      <c r="A23657" s="2">
        <v>4731</v>
      </c>
      <c r="B23657" s="2">
        <v>4731</v>
      </c>
      <c r="C23657" s="1" t="s">
        <v>0</v>
      </c>
      <c r="D23657" s="2">
        <v>176485</v>
      </c>
      <c r="E23657" s="1" t="s">
        <v>0</v>
      </c>
    </row>
    <row r="23658" spans="1:5" x14ac:dyDescent="0.25">
      <c r="A23658" s="1" t="s">
        <v>4300</v>
      </c>
      <c r="B23658" s="1" t="s">
        <v>11861</v>
      </c>
      <c r="C23658" s="1" t="s">
        <v>45428</v>
      </c>
      <c r="D23658" s="2">
        <v>176486</v>
      </c>
      <c r="E23658" s="1" t="s">
        <v>0</v>
      </c>
    </row>
    <row r="23659" spans="1:5" x14ac:dyDescent="0.25">
      <c r="A23659" s="1" t="s">
        <v>45429</v>
      </c>
      <c r="B23659" s="1" t="s">
        <v>11862</v>
      </c>
      <c r="C23659" s="1" t="s">
        <v>45430</v>
      </c>
      <c r="D23659" s="2">
        <v>176487</v>
      </c>
      <c r="E23659" s="1" t="s">
        <v>0</v>
      </c>
    </row>
    <row r="23660" spans="1:5" ht="409.5" x14ac:dyDescent="0.25">
      <c r="A23660" s="4" t="s">
        <v>45431</v>
      </c>
      <c r="B23660" s="1" t="s">
        <v>56217</v>
      </c>
      <c r="C23660" s="1" t="s">
        <v>45432</v>
      </c>
      <c r="D23660" s="2">
        <v>176488</v>
      </c>
      <c r="E23660" s="1" t="s">
        <v>0</v>
      </c>
    </row>
    <row r="23661" spans="1:5" x14ac:dyDescent="0.25">
      <c r="A23661" s="1" t="s">
        <v>45433</v>
      </c>
      <c r="B23661" s="1" t="s">
        <v>56218</v>
      </c>
      <c r="C23661" s="1" t="s">
        <v>45434</v>
      </c>
      <c r="D23661" s="2">
        <v>176489</v>
      </c>
      <c r="E23661" s="1" t="s">
        <v>0</v>
      </c>
    </row>
    <row r="23662" spans="1:5" x14ac:dyDescent="0.25">
      <c r="A23662" s="2">
        <v>4732</v>
      </c>
      <c r="B23662" s="2">
        <v>4732</v>
      </c>
      <c r="C23662" s="1" t="s">
        <v>0</v>
      </c>
      <c r="D23662" s="2">
        <v>176490</v>
      </c>
      <c r="E23662" s="1" t="s">
        <v>0</v>
      </c>
    </row>
    <row r="23663" spans="1:5" x14ac:dyDescent="0.25">
      <c r="A23663" s="1" t="s">
        <v>4301</v>
      </c>
      <c r="B23663" s="1" t="s">
        <v>11863</v>
      </c>
      <c r="C23663" s="1" t="s">
        <v>45435</v>
      </c>
      <c r="D23663" s="2">
        <v>176491</v>
      </c>
      <c r="E23663" s="1" t="s">
        <v>0</v>
      </c>
    </row>
    <row r="23664" spans="1:5" x14ac:dyDescent="0.25">
      <c r="A23664" s="1" t="s">
        <v>45436</v>
      </c>
      <c r="B23664" s="1" t="s">
        <v>58608</v>
      </c>
      <c r="C23664" s="1" t="s">
        <v>45437</v>
      </c>
      <c r="D23664" s="2">
        <v>176492</v>
      </c>
      <c r="E23664" s="1" t="s">
        <v>0</v>
      </c>
    </row>
    <row r="23665" spans="1:5" ht="409.5" x14ac:dyDescent="0.25">
      <c r="A23665" s="4" t="s">
        <v>45438</v>
      </c>
      <c r="B23665" s="1" t="s">
        <v>58609</v>
      </c>
      <c r="C23665" s="1" t="s">
        <v>45439</v>
      </c>
      <c r="D23665" s="2">
        <v>176493</v>
      </c>
      <c r="E23665" s="1" t="s">
        <v>0</v>
      </c>
    </row>
    <row r="23666" spans="1:5" x14ac:dyDescent="0.25">
      <c r="A23666" s="1" t="s">
        <v>45440</v>
      </c>
      <c r="B23666" s="1" t="s">
        <v>61394</v>
      </c>
      <c r="C23666" s="1" t="s">
        <v>34370</v>
      </c>
      <c r="D23666" s="2">
        <v>176494</v>
      </c>
      <c r="E23666" s="1" t="s">
        <v>0</v>
      </c>
    </row>
    <row r="23667" spans="1:5" x14ac:dyDescent="0.25">
      <c r="A23667" s="2">
        <v>4733</v>
      </c>
      <c r="B23667" s="2">
        <v>4733</v>
      </c>
      <c r="C23667" s="1" t="s">
        <v>0</v>
      </c>
      <c r="D23667" s="2">
        <v>176495</v>
      </c>
      <c r="E23667" s="1" t="s">
        <v>0</v>
      </c>
    </row>
    <row r="23668" spans="1:5" x14ac:dyDescent="0.25">
      <c r="A23668" s="1" t="s">
        <v>4302</v>
      </c>
      <c r="B23668" s="1" t="s">
        <v>11864</v>
      </c>
      <c r="C23668" s="1" t="s">
        <v>45441</v>
      </c>
      <c r="D23668" s="2">
        <v>176496</v>
      </c>
      <c r="E23668" s="1" t="s">
        <v>0</v>
      </c>
    </row>
    <row r="23669" spans="1:5" x14ac:dyDescent="0.25">
      <c r="A23669" s="1" t="s">
        <v>45442</v>
      </c>
      <c r="B23669" s="1" t="s">
        <v>58008</v>
      </c>
      <c r="C23669" s="1" t="s">
        <v>45443</v>
      </c>
      <c r="D23669" s="2">
        <v>176497</v>
      </c>
      <c r="E23669" s="1" t="s">
        <v>0</v>
      </c>
    </row>
    <row r="23670" spans="1:5" ht="409.5" x14ac:dyDescent="0.25">
      <c r="A23670" s="4" t="s">
        <v>45444</v>
      </c>
      <c r="B23670" s="1" t="s">
        <v>58009</v>
      </c>
      <c r="C23670" s="1" t="s">
        <v>45445</v>
      </c>
      <c r="D23670" s="2">
        <v>176498</v>
      </c>
      <c r="E23670" s="1" t="s">
        <v>0</v>
      </c>
    </row>
    <row r="23671" spans="1:5" x14ac:dyDescent="0.25">
      <c r="A23671" s="1" t="s">
        <v>45446</v>
      </c>
      <c r="B23671" s="1" t="s">
        <v>56219</v>
      </c>
      <c r="C23671" s="1" t="s">
        <v>45447</v>
      </c>
      <c r="D23671" s="2">
        <v>176499</v>
      </c>
      <c r="E23671" s="1" t="s">
        <v>0</v>
      </c>
    </row>
    <row r="23672" spans="1:5" x14ac:dyDescent="0.25">
      <c r="A23672" s="2">
        <v>4734</v>
      </c>
      <c r="B23672" s="2">
        <v>4734</v>
      </c>
      <c r="C23672" s="1" t="s">
        <v>0</v>
      </c>
      <c r="D23672" s="2">
        <v>176500</v>
      </c>
      <c r="E23672" s="1" t="s">
        <v>0</v>
      </c>
    </row>
    <row r="23673" spans="1:5" x14ac:dyDescent="0.25">
      <c r="A23673" s="1" t="s">
        <v>4303</v>
      </c>
      <c r="B23673" s="1" t="s">
        <v>11865</v>
      </c>
      <c r="C23673" s="1" t="s">
        <v>45448</v>
      </c>
      <c r="D23673" s="2">
        <v>176501</v>
      </c>
      <c r="E23673" s="1" t="s">
        <v>0</v>
      </c>
    </row>
    <row r="23674" spans="1:5" x14ac:dyDescent="0.25">
      <c r="A23674" s="1" t="s">
        <v>45449</v>
      </c>
      <c r="B23674" s="1" t="s">
        <v>11866</v>
      </c>
      <c r="C23674" s="1" t="s">
        <v>45450</v>
      </c>
      <c r="D23674" s="2">
        <v>176502</v>
      </c>
      <c r="E23674" s="1" t="s">
        <v>0</v>
      </c>
    </row>
    <row r="23675" spans="1:5" ht="409.5" x14ac:dyDescent="0.25">
      <c r="A23675" s="4" t="s">
        <v>45451</v>
      </c>
      <c r="B23675" s="1" t="s">
        <v>45452</v>
      </c>
      <c r="C23675" s="1" t="s">
        <v>45453</v>
      </c>
      <c r="D23675" s="2">
        <v>176503</v>
      </c>
      <c r="E23675" s="1" t="s">
        <v>0</v>
      </c>
    </row>
    <row r="23676" spans="1:5" x14ac:dyDescent="0.25">
      <c r="A23676" s="1" t="s">
        <v>45454</v>
      </c>
      <c r="B23676" s="1" t="s">
        <v>56220</v>
      </c>
      <c r="C23676" s="1" t="s">
        <v>45455</v>
      </c>
      <c r="D23676" s="2">
        <v>176504</v>
      </c>
      <c r="E23676" s="1" t="s">
        <v>0</v>
      </c>
    </row>
    <row r="23677" spans="1:5" x14ac:dyDescent="0.25">
      <c r="A23677" s="2">
        <v>4735</v>
      </c>
      <c r="B23677" s="2">
        <v>4735</v>
      </c>
      <c r="C23677" s="1" t="s">
        <v>0</v>
      </c>
      <c r="D23677" s="2">
        <v>176505</v>
      </c>
      <c r="E23677" s="1" t="s">
        <v>0</v>
      </c>
    </row>
    <row r="23678" spans="1:5" x14ac:dyDescent="0.25">
      <c r="A23678" s="1" t="s">
        <v>4304</v>
      </c>
      <c r="B23678" s="1" t="s">
        <v>11867</v>
      </c>
      <c r="C23678" s="1" t="s">
        <v>45456</v>
      </c>
      <c r="D23678" s="2">
        <v>176506</v>
      </c>
      <c r="E23678" s="1" t="s">
        <v>0</v>
      </c>
    </row>
    <row r="23679" spans="1:5" x14ac:dyDescent="0.25">
      <c r="A23679" s="1" t="s">
        <v>45457</v>
      </c>
      <c r="B23679" s="1" t="s">
        <v>56221</v>
      </c>
      <c r="C23679" s="1" t="s">
        <v>45458</v>
      </c>
      <c r="D23679" s="2">
        <v>176507</v>
      </c>
      <c r="E23679" s="1" t="s">
        <v>0</v>
      </c>
    </row>
    <row r="23680" spans="1:5" ht="409.5" x14ac:dyDescent="0.25">
      <c r="A23680" s="4" t="s">
        <v>45459</v>
      </c>
      <c r="B23680" s="1" t="s">
        <v>56222</v>
      </c>
      <c r="C23680" s="1" t="s">
        <v>45460</v>
      </c>
      <c r="D23680" s="2">
        <v>176508</v>
      </c>
      <c r="E23680" s="1" t="s">
        <v>0</v>
      </c>
    </row>
    <row r="23681" spans="1:5" x14ac:dyDescent="0.25">
      <c r="A23681" s="1" t="s">
        <v>45461</v>
      </c>
      <c r="B23681" s="1" t="s">
        <v>11868</v>
      </c>
      <c r="C23681" s="1" t="s">
        <v>45462</v>
      </c>
      <c r="D23681" s="2">
        <v>176509</v>
      </c>
      <c r="E23681" s="1" t="s">
        <v>0</v>
      </c>
    </row>
    <row r="23682" spans="1:5" x14ac:dyDescent="0.25">
      <c r="A23682" s="2">
        <v>4736</v>
      </c>
      <c r="B23682" s="2">
        <v>4736</v>
      </c>
      <c r="C23682" s="1" t="s">
        <v>0</v>
      </c>
      <c r="D23682" s="2">
        <v>176510</v>
      </c>
      <c r="E23682" s="1" t="s">
        <v>0</v>
      </c>
    </row>
    <row r="23683" spans="1:5" x14ac:dyDescent="0.25">
      <c r="A23683" s="1" t="s">
        <v>4305</v>
      </c>
      <c r="B23683" s="1" t="s">
        <v>11869</v>
      </c>
      <c r="C23683" s="1" t="s">
        <v>45463</v>
      </c>
      <c r="D23683" s="2">
        <v>176511</v>
      </c>
      <c r="E23683" s="1" t="s">
        <v>0</v>
      </c>
    </row>
    <row r="23684" spans="1:5" x14ac:dyDescent="0.25">
      <c r="A23684" s="1" t="s">
        <v>45464</v>
      </c>
      <c r="B23684" s="1" t="s">
        <v>56223</v>
      </c>
      <c r="C23684" s="1" t="s">
        <v>45465</v>
      </c>
      <c r="D23684" s="2">
        <v>176512</v>
      </c>
      <c r="E23684" s="1" t="s">
        <v>0</v>
      </c>
    </row>
    <row r="23685" spans="1:5" ht="409.5" x14ac:dyDescent="0.25">
      <c r="A23685" s="4" t="s">
        <v>45466</v>
      </c>
      <c r="B23685" s="1" t="s">
        <v>56224</v>
      </c>
      <c r="C23685" s="1" t="s">
        <v>45467</v>
      </c>
      <c r="D23685" s="2">
        <v>176513</v>
      </c>
      <c r="E23685" s="1" t="s">
        <v>0</v>
      </c>
    </row>
    <row r="23686" spans="1:5" x14ac:dyDescent="0.25">
      <c r="A23686" s="1" t="s">
        <v>45468</v>
      </c>
      <c r="B23686" s="1" t="s">
        <v>56225</v>
      </c>
      <c r="C23686" s="1" t="s">
        <v>45469</v>
      </c>
      <c r="D23686" s="2">
        <v>176514</v>
      </c>
      <c r="E23686" s="1" t="s">
        <v>0</v>
      </c>
    </row>
    <row r="23687" spans="1:5" x14ac:dyDescent="0.25">
      <c r="A23687" s="2">
        <v>4737</v>
      </c>
      <c r="B23687" s="2">
        <v>4737</v>
      </c>
      <c r="C23687" s="1" t="s">
        <v>0</v>
      </c>
      <c r="D23687" s="2">
        <v>176515</v>
      </c>
      <c r="E23687" s="1" t="s">
        <v>0</v>
      </c>
    </row>
    <row r="23688" spans="1:5" x14ac:dyDescent="0.25">
      <c r="A23688" s="1" t="s">
        <v>4306</v>
      </c>
      <c r="B23688" s="1" t="s">
        <v>57638</v>
      </c>
      <c r="C23688" s="1" t="s">
        <v>45470</v>
      </c>
      <c r="D23688" s="2">
        <v>176516</v>
      </c>
      <c r="E23688" s="1" t="s">
        <v>0</v>
      </c>
    </row>
    <row r="23689" spans="1:5" x14ac:dyDescent="0.25">
      <c r="A23689" s="1" t="s">
        <v>45471</v>
      </c>
      <c r="B23689" s="1" t="s">
        <v>57639</v>
      </c>
      <c r="C23689" s="1" t="s">
        <v>45472</v>
      </c>
      <c r="D23689" s="2">
        <v>176517</v>
      </c>
      <c r="E23689" s="1" t="s">
        <v>0</v>
      </c>
    </row>
    <row r="23690" spans="1:5" ht="409.5" x14ac:dyDescent="0.25">
      <c r="A23690" s="4" t="s">
        <v>45473</v>
      </c>
      <c r="B23690" s="1" t="s">
        <v>63001</v>
      </c>
      <c r="C23690" s="1" t="s">
        <v>45474</v>
      </c>
      <c r="D23690" s="2">
        <v>176518</v>
      </c>
      <c r="E23690" s="1" t="s">
        <v>0</v>
      </c>
    </row>
    <row r="23691" spans="1:5" x14ac:dyDescent="0.25">
      <c r="A23691" s="1" t="s">
        <v>45475</v>
      </c>
      <c r="B23691" s="1" t="s">
        <v>63002</v>
      </c>
      <c r="C23691" s="1" t="s">
        <v>45476</v>
      </c>
      <c r="D23691" s="2">
        <v>176519</v>
      </c>
      <c r="E23691" s="1" t="s">
        <v>0</v>
      </c>
    </row>
    <row r="23692" spans="1:5" x14ac:dyDescent="0.25">
      <c r="A23692" s="2">
        <v>4738</v>
      </c>
      <c r="B23692" s="2">
        <v>4738</v>
      </c>
      <c r="C23692" s="1" t="s">
        <v>0</v>
      </c>
      <c r="D23692" s="2">
        <v>176520</v>
      </c>
      <c r="E23692" s="1" t="s">
        <v>0</v>
      </c>
    </row>
    <row r="23693" spans="1:5" x14ac:dyDescent="0.25">
      <c r="A23693" s="1" t="s">
        <v>4307</v>
      </c>
      <c r="B23693" s="1" t="s">
        <v>11870</v>
      </c>
      <c r="C23693" s="1" t="s">
        <v>45477</v>
      </c>
      <c r="D23693" s="2">
        <v>176521</v>
      </c>
      <c r="E23693" s="1" t="s">
        <v>0</v>
      </c>
    </row>
    <row r="23694" spans="1:5" x14ac:dyDescent="0.25">
      <c r="A23694" s="1" t="s">
        <v>45478</v>
      </c>
      <c r="B23694" s="1" t="s">
        <v>58860</v>
      </c>
      <c r="C23694" s="1" t="s">
        <v>45479</v>
      </c>
      <c r="D23694" s="2">
        <v>176522</v>
      </c>
      <c r="E23694" s="1" t="s">
        <v>0</v>
      </c>
    </row>
    <row r="23695" spans="1:5" ht="409.5" x14ac:dyDescent="0.25">
      <c r="A23695" s="4" t="s">
        <v>45480</v>
      </c>
      <c r="B23695" s="1" t="s">
        <v>58861</v>
      </c>
      <c r="C23695" s="1" t="s">
        <v>45481</v>
      </c>
      <c r="D23695" s="2">
        <v>176523</v>
      </c>
      <c r="E23695" s="1" t="s">
        <v>0</v>
      </c>
    </row>
    <row r="23696" spans="1:5" x14ac:dyDescent="0.25">
      <c r="A23696" s="1" t="s">
        <v>45482</v>
      </c>
      <c r="B23696" s="1" t="s">
        <v>56226</v>
      </c>
      <c r="C23696" s="1" t="s">
        <v>45483</v>
      </c>
      <c r="D23696" s="2">
        <v>176524</v>
      </c>
      <c r="E23696" s="1" t="s">
        <v>0</v>
      </c>
    </row>
    <row r="23697" spans="1:5" x14ac:dyDescent="0.25">
      <c r="A23697" s="2">
        <v>4739</v>
      </c>
      <c r="B23697" s="2">
        <v>4739</v>
      </c>
      <c r="C23697" s="1" t="s">
        <v>0</v>
      </c>
      <c r="D23697" s="2">
        <v>176525</v>
      </c>
      <c r="E23697" s="1" t="s">
        <v>0</v>
      </c>
    </row>
    <row r="23698" spans="1:5" x14ac:dyDescent="0.25">
      <c r="A23698" s="1" t="s">
        <v>4308</v>
      </c>
      <c r="B23698" s="1" t="s">
        <v>11871</v>
      </c>
      <c r="C23698" s="1" t="s">
        <v>45484</v>
      </c>
      <c r="D23698" s="2">
        <v>176526</v>
      </c>
      <c r="E23698" s="1" t="s">
        <v>0</v>
      </c>
    </row>
    <row r="23699" spans="1:5" x14ac:dyDescent="0.25">
      <c r="A23699" s="1" t="s">
        <v>45485</v>
      </c>
      <c r="B23699" s="1" t="s">
        <v>58949</v>
      </c>
      <c r="C23699" s="1" t="s">
        <v>45486</v>
      </c>
      <c r="D23699" s="2">
        <v>176527</v>
      </c>
      <c r="E23699" s="1" t="s">
        <v>0</v>
      </c>
    </row>
    <row r="23700" spans="1:5" ht="409.5" x14ac:dyDescent="0.25">
      <c r="A23700" s="4" t="s">
        <v>45487</v>
      </c>
      <c r="B23700" s="1" t="s">
        <v>58950</v>
      </c>
      <c r="C23700" s="1" t="s">
        <v>45488</v>
      </c>
      <c r="D23700" s="2">
        <v>176528</v>
      </c>
      <c r="E23700" s="1" t="s">
        <v>0</v>
      </c>
    </row>
    <row r="23701" spans="1:5" x14ac:dyDescent="0.25">
      <c r="A23701" s="1" t="s">
        <v>45489</v>
      </c>
      <c r="B23701" s="1" t="s">
        <v>56227</v>
      </c>
      <c r="C23701" s="1" t="s">
        <v>45490</v>
      </c>
      <c r="D23701" s="2">
        <v>176529</v>
      </c>
      <c r="E23701" s="1" t="s">
        <v>0</v>
      </c>
    </row>
    <row r="23702" spans="1:5" x14ac:dyDescent="0.25">
      <c r="A23702" s="2">
        <v>4740</v>
      </c>
      <c r="B23702" s="2">
        <v>4740</v>
      </c>
      <c r="C23702" s="1" t="s">
        <v>0</v>
      </c>
      <c r="D23702" s="2">
        <v>176530</v>
      </c>
      <c r="E23702" s="1" t="s">
        <v>0</v>
      </c>
    </row>
    <row r="23703" spans="1:5" x14ac:dyDescent="0.25">
      <c r="A23703" s="1" t="s">
        <v>4309</v>
      </c>
      <c r="B23703" s="1" t="s">
        <v>11872</v>
      </c>
      <c r="C23703" s="1" t="s">
        <v>45491</v>
      </c>
      <c r="D23703" s="2">
        <v>176531</v>
      </c>
      <c r="E23703" s="1" t="s">
        <v>0</v>
      </c>
    </row>
    <row r="23704" spans="1:5" x14ac:dyDescent="0.25">
      <c r="A23704" s="1" t="s">
        <v>45492</v>
      </c>
      <c r="B23704" s="1" t="s">
        <v>56228</v>
      </c>
      <c r="C23704" s="1" t="s">
        <v>45493</v>
      </c>
      <c r="D23704" s="2">
        <v>176532</v>
      </c>
      <c r="E23704" s="1" t="s">
        <v>0</v>
      </c>
    </row>
    <row r="23705" spans="1:5" ht="409.5" x14ac:dyDescent="0.25">
      <c r="A23705" s="4" t="s">
        <v>45494</v>
      </c>
      <c r="B23705" s="1" t="s">
        <v>59690</v>
      </c>
      <c r="C23705" s="1" t="s">
        <v>45495</v>
      </c>
      <c r="D23705" s="2">
        <v>176533</v>
      </c>
      <c r="E23705" s="1" t="s">
        <v>0</v>
      </c>
    </row>
    <row r="23706" spans="1:5" x14ac:dyDescent="0.25">
      <c r="A23706" s="1" t="s">
        <v>45496</v>
      </c>
      <c r="B23706" s="1" t="s">
        <v>56229</v>
      </c>
      <c r="C23706" s="1" t="s">
        <v>45497</v>
      </c>
      <c r="D23706" s="2">
        <v>176534</v>
      </c>
      <c r="E23706" s="1" t="s">
        <v>0</v>
      </c>
    </row>
    <row r="23707" spans="1:5" x14ac:dyDescent="0.25">
      <c r="A23707" s="2">
        <v>4741</v>
      </c>
      <c r="B23707" s="2">
        <v>4741</v>
      </c>
      <c r="C23707" s="1" t="s">
        <v>0</v>
      </c>
      <c r="D23707" s="2">
        <v>176535</v>
      </c>
      <c r="E23707" s="1" t="s">
        <v>0</v>
      </c>
    </row>
    <row r="23708" spans="1:5" x14ac:dyDescent="0.25">
      <c r="A23708" s="1" t="s">
        <v>4310</v>
      </c>
      <c r="B23708" s="1" t="s">
        <v>11873</v>
      </c>
      <c r="C23708" s="1" t="s">
        <v>45498</v>
      </c>
      <c r="D23708" s="2">
        <v>176536</v>
      </c>
      <c r="E23708" s="1" t="s">
        <v>0</v>
      </c>
    </row>
    <row r="23709" spans="1:5" x14ac:dyDescent="0.25">
      <c r="A23709" s="1" t="s">
        <v>45499</v>
      </c>
      <c r="B23709" s="1" t="s">
        <v>11874</v>
      </c>
      <c r="C23709" s="1" t="s">
        <v>45500</v>
      </c>
      <c r="D23709" s="2">
        <v>176537</v>
      </c>
      <c r="E23709" s="1" t="s">
        <v>0</v>
      </c>
    </row>
    <row r="23710" spans="1:5" x14ac:dyDescent="0.25">
      <c r="A23710" s="1" t="s">
        <v>45499</v>
      </c>
      <c r="B23710" s="1" t="s">
        <v>11874</v>
      </c>
      <c r="C23710" s="1" t="s">
        <v>45500</v>
      </c>
      <c r="D23710" s="2">
        <v>176538</v>
      </c>
      <c r="E23710" s="1" t="s">
        <v>0</v>
      </c>
    </row>
    <row r="23711" spans="1:5" x14ac:dyDescent="0.25">
      <c r="A23711" s="1" t="s">
        <v>45501</v>
      </c>
      <c r="B23711" s="1" t="s">
        <v>56230</v>
      </c>
      <c r="C23711" s="1" t="s">
        <v>45502</v>
      </c>
      <c r="D23711" s="2">
        <v>176539</v>
      </c>
      <c r="E23711" s="1" t="s">
        <v>0</v>
      </c>
    </row>
    <row r="23712" spans="1:5" x14ac:dyDescent="0.25">
      <c r="A23712" s="2">
        <v>4742</v>
      </c>
      <c r="B23712" s="2">
        <v>4742</v>
      </c>
      <c r="C23712" s="1" t="s">
        <v>0</v>
      </c>
      <c r="D23712" s="2">
        <v>176540</v>
      </c>
      <c r="E23712" s="1" t="s">
        <v>0</v>
      </c>
    </row>
    <row r="23713" spans="1:5" x14ac:dyDescent="0.25">
      <c r="A23713" s="1" t="s">
        <v>4311</v>
      </c>
      <c r="B23713" s="1" t="s">
        <v>11875</v>
      </c>
      <c r="C23713" s="1" t="s">
        <v>45503</v>
      </c>
      <c r="D23713" s="2">
        <v>176541</v>
      </c>
      <c r="E23713" s="1" t="s">
        <v>0</v>
      </c>
    </row>
    <row r="23714" spans="1:5" x14ac:dyDescent="0.25">
      <c r="A23714" s="1" t="s">
        <v>45504</v>
      </c>
      <c r="B23714" s="1" t="s">
        <v>56231</v>
      </c>
      <c r="C23714" s="1" t="s">
        <v>45505</v>
      </c>
      <c r="D23714" s="2">
        <v>176542</v>
      </c>
      <c r="E23714" s="1" t="s">
        <v>0</v>
      </c>
    </row>
    <row r="23715" spans="1:5" ht="409.5" x14ac:dyDescent="0.25">
      <c r="A23715" s="4" t="s">
        <v>45506</v>
      </c>
      <c r="B23715" s="1" t="s">
        <v>56232</v>
      </c>
      <c r="C23715" s="1" t="s">
        <v>45507</v>
      </c>
      <c r="D23715" s="2">
        <v>176543</v>
      </c>
      <c r="E23715" s="1" t="s">
        <v>0</v>
      </c>
    </row>
    <row r="23716" spans="1:5" x14ac:dyDescent="0.25">
      <c r="A23716" s="1" t="s">
        <v>18619</v>
      </c>
      <c r="B23716" s="1" t="s">
        <v>60942</v>
      </c>
      <c r="C23716" s="1" t="s">
        <v>18620</v>
      </c>
      <c r="D23716" s="2">
        <v>176544</v>
      </c>
      <c r="E23716" s="1" t="s">
        <v>0</v>
      </c>
    </row>
    <row r="23717" spans="1:5" x14ac:dyDescent="0.25">
      <c r="A23717" s="2">
        <v>4743</v>
      </c>
      <c r="B23717" s="2">
        <v>4743</v>
      </c>
      <c r="C23717" s="1" t="s">
        <v>0</v>
      </c>
      <c r="D23717" s="2">
        <v>176545</v>
      </c>
      <c r="E23717" s="1" t="s">
        <v>0</v>
      </c>
    </row>
    <row r="23718" spans="1:5" x14ac:dyDescent="0.25">
      <c r="A23718" s="1" t="s">
        <v>4312</v>
      </c>
      <c r="B23718" s="1" t="s">
        <v>56233</v>
      </c>
      <c r="C23718" s="1" t="s">
        <v>45508</v>
      </c>
      <c r="D23718" s="2">
        <v>176546</v>
      </c>
      <c r="E23718" s="1" t="s">
        <v>0</v>
      </c>
    </row>
    <row r="23719" spans="1:5" x14ac:dyDescent="0.25">
      <c r="A23719" s="1" t="s">
        <v>45509</v>
      </c>
      <c r="B23719" s="1" t="s">
        <v>56234</v>
      </c>
      <c r="C23719" s="1" t="s">
        <v>45510</v>
      </c>
      <c r="D23719" s="2">
        <v>176547</v>
      </c>
      <c r="E23719" s="1" t="s">
        <v>0</v>
      </c>
    </row>
    <row r="23720" spans="1:5" ht="409.5" x14ac:dyDescent="0.25">
      <c r="A23720" s="4" t="s">
        <v>45511</v>
      </c>
      <c r="B23720" s="1" t="s">
        <v>56235</v>
      </c>
      <c r="C23720" s="1" t="s">
        <v>45512</v>
      </c>
      <c r="D23720" s="2">
        <v>176548</v>
      </c>
      <c r="E23720" s="1" t="s">
        <v>0</v>
      </c>
    </row>
    <row r="23721" spans="1:5" x14ac:dyDescent="0.25">
      <c r="A23721" s="1" t="s">
        <v>45513</v>
      </c>
      <c r="B23721" s="1" t="s">
        <v>61395</v>
      </c>
      <c r="C23721" s="1" t="s">
        <v>45514</v>
      </c>
      <c r="D23721" s="2">
        <v>176549</v>
      </c>
      <c r="E23721" s="1" t="s">
        <v>0</v>
      </c>
    </row>
    <row r="23722" spans="1:5" x14ac:dyDescent="0.25">
      <c r="A23722" s="2">
        <v>4744</v>
      </c>
      <c r="B23722" s="2">
        <v>4744</v>
      </c>
      <c r="C23722" s="1" t="s">
        <v>0</v>
      </c>
      <c r="D23722" s="2">
        <v>176550</v>
      </c>
      <c r="E23722" s="1" t="s">
        <v>0</v>
      </c>
    </row>
    <row r="23723" spans="1:5" x14ac:dyDescent="0.25">
      <c r="A23723" s="1" t="s">
        <v>4313</v>
      </c>
      <c r="B23723" s="1" t="s">
        <v>11876</v>
      </c>
      <c r="C23723" s="1" t="s">
        <v>45515</v>
      </c>
      <c r="D23723" s="2">
        <v>176551</v>
      </c>
      <c r="E23723" s="1" t="s">
        <v>0</v>
      </c>
    </row>
    <row r="23724" spans="1:5" x14ac:dyDescent="0.25">
      <c r="A23724" s="1" t="s">
        <v>45516</v>
      </c>
      <c r="B23724" s="1" t="s">
        <v>56236</v>
      </c>
      <c r="C23724" s="1" t="s">
        <v>45517</v>
      </c>
      <c r="D23724" s="2">
        <v>176552</v>
      </c>
      <c r="E23724" s="1" t="s">
        <v>0</v>
      </c>
    </row>
    <row r="23725" spans="1:5" ht="409.5" x14ac:dyDescent="0.25">
      <c r="A23725" s="4" t="s">
        <v>45518</v>
      </c>
      <c r="B23725" s="1" t="s">
        <v>57640</v>
      </c>
      <c r="C23725" s="1" t="s">
        <v>45519</v>
      </c>
      <c r="D23725" s="2">
        <v>176553</v>
      </c>
      <c r="E23725" s="1" t="s">
        <v>0</v>
      </c>
    </row>
    <row r="23726" spans="1:5" x14ac:dyDescent="0.25">
      <c r="A23726" s="1" t="s">
        <v>45520</v>
      </c>
      <c r="B23726" s="1" t="s">
        <v>56237</v>
      </c>
      <c r="C23726" s="1" t="s">
        <v>45521</v>
      </c>
      <c r="D23726" s="2">
        <v>176554</v>
      </c>
      <c r="E23726" s="1" t="s">
        <v>0</v>
      </c>
    </row>
    <row r="23727" spans="1:5" x14ac:dyDescent="0.25">
      <c r="A23727" s="2">
        <v>4745</v>
      </c>
      <c r="B23727" s="2">
        <v>4745</v>
      </c>
      <c r="C23727" s="1" t="s">
        <v>0</v>
      </c>
      <c r="D23727" s="2">
        <v>176555</v>
      </c>
      <c r="E23727" s="1" t="s">
        <v>0</v>
      </c>
    </row>
    <row r="23728" spans="1:5" x14ac:dyDescent="0.25">
      <c r="A23728" s="1" t="s">
        <v>4314</v>
      </c>
      <c r="B23728" s="1" t="s">
        <v>51066</v>
      </c>
      <c r="C23728" s="1" t="s">
        <v>45522</v>
      </c>
      <c r="D23728" s="2">
        <v>176556</v>
      </c>
      <c r="E23728" s="1" t="s">
        <v>0</v>
      </c>
    </row>
    <row r="23729" spans="1:5" x14ac:dyDescent="0.25">
      <c r="A23729" s="1" t="s">
        <v>45523</v>
      </c>
      <c r="B23729" s="1" t="s">
        <v>56238</v>
      </c>
      <c r="C23729" s="1" t="s">
        <v>45524</v>
      </c>
      <c r="D23729" s="2">
        <v>176557</v>
      </c>
      <c r="E23729" s="1" t="s">
        <v>0</v>
      </c>
    </row>
    <row r="23730" spans="1:5" ht="409.5" x14ac:dyDescent="0.25">
      <c r="A23730" s="4" t="s">
        <v>45525</v>
      </c>
      <c r="B23730" s="1" t="s">
        <v>60287</v>
      </c>
      <c r="C23730" s="1" t="s">
        <v>45526</v>
      </c>
      <c r="D23730" s="2">
        <v>176558</v>
      </c>
      <c r="E23730" s="1" t="s">
        <v>0</v>
      </c>
    </row>
    <row r="23731" spans="1:5" x14ac:dyDescent="0.25">
      <c r="A23731" s="1" t="s">
        <v>45527</v>
      </c>
      <c r="B23731" s="1" t="s">
        <v>56239</v>
      </c>
      <c r="C23731" s="1" t="s">
        <v>45528</v>
      </c>
      <c r="D23731" s="2">
        <v>176559</v>
      </c>
      <c r="E23731" s="1" t="s">
        <v>0</v>
      </c>
    </row>
    <row r="23732" spans="1:5" x14ac:dyDescent="0.25">
      <c r="A23732" s="2">
        <v>4746</v>
      </c>
      <c r="B23732" s="2">
        <v>4746</v>
      </c>
      <c r="C23732" s="1" t="s">
        <v>0</v>
      </c>
      <c r="D23732" s="2">
        <v>176560</v>
      </c>
      <c r="E23732" s="1" t="s">
        <v>0</v>
      </c>
    </row>
    <row r="23733" spans="1:5" x14ac:dyDescent="0.25">
      <c r="A23733" s="1" t="s">
        <v>4315</v>
      </c>
      <c r="B23733" s="1" t="s">
        <v>11877</v>
      </c>
      <c r="C23733" s="1" t="s">
        <v>45529</v>
      </c>
      <c r="D23733" s="2">
        <v>176561</v>
      </c>
      <c r="E23733" s="1" t="s">
        <v>0</v>
      </c>
    </row>
    <row r="23734" spans="1:5" x14ac:dyDescent="0.25">
      <c r="A23734" s="1" t="s">
        <v>45530</v>
      </c>
      <c r="B23734" s="1" t="s">
        <v>57685</v>
      </c>
      <c r="C23734" s="1" t="s">
        <v>45531</v>
      </c>
      <c r="D23734" s="2">
        <v>176562</v>
      </c>
      <c r="E23734" s="1" t="s">
        <v>0</v>
      </c>
    </row>
    <row r="23735" spans="1:5" ht="409.5" x14ac:dyDescent="0.25">
      <c r="A23735" s="4" t="s">
        <v>45532</v>
      </c>
      <c r="B23735" s="1" t="s">
        <v>57686</v>
      </c>
      <c r="C23735" s="1" t="s">
        <v>45533</v>
      </c>
      <c r="D23735" s="2">
        <v>176563</v>
      </c>
      <c r="E23735" s="1" t="s">
        <v>0</v>
      </c>
    </row>
    <row r="23736" spans="1:5" x14ac:dyDescent="0.25">
      <c r="A23736" s="1" t="s">
        <v>45534</v>
      </c>
      <c r="B23736" s="1" t="s">
        <v>11878</v>
      </c>
      <c r="C23736" s="1" t="s">
        <v>45535</v>
      </c>
      <c r="D23736" s="2">
        <v>176564</v>
      </c>
      <c r="E23736" s="1" t="s">
        <v>0</v>
      </c>
    </row>
    <row r="23737" spans="1:5" x14ac:dyDescent="0.25">
      <c r="A23737" s="2">
        <v>4747</v>
      </c>
      <c r="B23737" s="2">
        <v>4747</v>
      </c>
      <c r="C23737" s="1" t="s">
        <v>0</v>
      </c>
      <c r="D23737" s="2">
        <v>176565</v>
      </c>
      <c r="E23737" s="1" t="s">
        <v>0</v>
      </c>
    </row>
    <row r="23738" spans="1:5" x14ac:dyDescent="0.25">
      <c r="A23738" s="1" t="s">
        <v>11879</v>
      </c>
      <c r="B23738" s="1" t="s">
        <v>11880</v>
      </c>
      <c r="C23738" s="1" t="s">
        <v>45536</v>
      </c>
      <c r="D23738" s="2">
        <v>176566</v>
      </c>
      <c r="E23738" s="1" t="s">
        <v>0</v>
      </c>
    </row>
    <row r="23739" spans="1:5" x14ac:dyDescent="0.25">
      <c r="A23739" s="1" t="s">
        <v>45537</v>
      </c>
      <c r="B23739" s="1" t="s">
        <v>58610</v>
      </c>
      <c r="C23739" s="1" t="s">
        <v>45538</v>
      </c>
      <c r="D23739" s="2">
        <v>176567</v>
      </c>
      <c r="E23739" s="1" t="s">
        <v>0</v>
      </c>
    </row>
    <row r="23740" spans="1:5" ht="409.5" x14ac:dyDescent="0.25">
      <c r="A23740" s="4" t="s">
        <v>45539</v>
      </c>
      <c r="B23740" s="1" t="s">
        <v>63521</v>
      </c>
      <c r="C23740" s="1" t="s">
        <v>45540</v>
      </c>
      <c r="D23740" s="2">
        <v>176568</v>
      </c>
      <c r="E23740" s="1" t="s">
        <v>0</v>
      </c>
    </row>
    <row r="23741" spans="1:5" x14ac:dyDescent="0.25">
      <c r="A23741" s="1" t="s">
        <v>45541</v>
      </c>
      <c r="B23741" s="1" t="s">
        <v>56240</v>
      </c>
      <c r="C23741" s="1" t="s">
        <v>45542</v>
      </c>
      <c r="D23741" s="2">
        <v>176569</v>
      </c>
      <c r="E23741" s="1" t="s">
        <v>0</v>
      </c>
    </row>
    <row r="23742" spans="1:5" x14ac:dyDescent="0.25">
      <c r="A23742" s="2">
        <v>4748</v>
      </c>
      <c r="B23742" s="2">
        <v>4748</v>
      </c>
      <c r="C23742" s="1" t="s">
        <v>0</v>
      </c>
      <c r="D23742" s="2">
        <v>176570</v>
      </c>
      <c r="E23742" s="1" t="s">
        <v>0</v>
      </c>
    </row>
    <row r="23743" spans="1:5" x14ac:dyDescent="0.25">
      <c r="A23743" s="1" t="s">
        <v>4316</v>
      </c>
      <c r="B23743" s="1" t="s">
        <v>11881</v>
      </c>
      <c r="C23743" s="1" t="s">
        <v>45543</v>
      </c>
      <c r="D23743" s="2">
        <v>176571</v>
      </c>
      <c r="E23743" s="1" t="s">
        <v>0</v>
      </c>
    </row>
    <row r="23744" spans="1:5" x14ac:dyDescent="0.25">
      <c r="A23744" s="1" t="s">
        <v>45544</v>
      </c>
      <c r="B23744" s="1" t="s">
        <v>63003</v>
      </c>
      <c r="C23744" s="1" t="s">
        <v>45545</v>
      </c>
      <c r="D23744" s="2">
        <v>176572</v>
      </c>
      <c r="E23744" s="1" t="s">
        <v>0</v>
      </c>
    </row>
    <row r="23745" spans="1:5" ht="409.5" x14ac:dyDescent="0.25">
      <c r="A23745" s="4" t="s">
        <v>45546</v>
      </c>
      <c r="B23745" s="1" t="s">
        <v>63004</v>
      </c>
      <c r="C23745" s="1" t="s">
        <v>45547</v>
      </c>
      <c r="D23745" s="2">
        <v>176573</v>
      </c>
      <c r="E23745" s="1" t="s">
        <v>0</v>
      </c>
    </row>
    <row r="23746" spans="1:5" x14ac:dyDescent="0.25">
      <c r="A23746" s="1" t="s">
        <v>45548</v>
      </c>
      <c r="B23746" s="1" t="s">
        <v>61396</v>
      </c>
      <c r="C23746" s="1" t="s">
        <v>45549</v>
      </c>
      <c r="D23746" s="2">
        <v>176574</v>
      </c>
      <c r="E23746" s="1" t="s">
        <v>0</v>
      </c>
    </row>
    <row r="23747" spans="1:5" x14ac:dyDescent="0.25">
      <c r="A23747" s="2">
        <v>4749</v>
      </c>
      <c r="B23747" s="2">
        <v>4749</v>
      </c>
      <c r="C23747" s="1" t="s">
        <v>0</v>
      </c>
      <c r="D23747" s="2">
        <v>176575</v>
      </c>
      <c r="E23747" s="1" t="s">
        <v>0</v>
      </c>
    </row>
    <row r="23748" spans="1:5" x14ac:dyDescent="0.25">
      <c r="A23748" s="1" t="s">
        <v>4317</v>
      </c>
      <c r="B23748" s="1" t="s">
        <v>11882</v>
      </c>
      <c r="C23748" s="1" t="s">
        <v>45550</v>
      </c>
      <c r="D23748" s="2">
        <v>176576</v>
      </c>
      <c r="E23748" s="1" t="s">
        <v>0</v>
      </c>
    </row>
    <row r="23749" spans="1:5" x14ac:dyDescent="0.25">
      <c r="A23749" s="1" t="s">
        <v>45551</v>
      </c>
      <c r="B23749" s="1" t="s">
        <v>59098</v>
      </c>
      <c r="C23749" s="1" t="s">
        <v>45552</v>
      </c>
      <c r="D23749" s="2">
        <v>176577</v>
      </c>
      <c r="E23749" s="1" t="s">
        <v>0</v>
      </c>
    </row>
    <row r="23750" spans="1:5" ht="409.5" x14ac:dyDescent="0.25">
      <c r="A23750" s="4" t="s">
        <v>64372</v>
      </c>
      <c r="B23750" s="1" t="s">
        <v>59099</v>
      </c>
      <c r="C23750" s="1" t="s">
        <v>45553</v>
      </c>
      <c r="D23750" s="2">
        <v>176578</v>
      </c>
      <c r="E23750" s="1" t="s">
        <v>0</v>
      </c>
    </row>
    <row r="23751" spans="1:5" x14ac:dyDescent="0.25">
      <c r="A23751" s="1" t="s">
        <v>20347</v>
      </c>
      <c r="B23751" s="1" t="s">
        <v>954</v>
      </c>
      <c r="C23751" s="1" t="s">
        <v>20348</v>
      </c>
      <c r="D23751" s="2">
        <v>176579</v>
      </c>
      <c r="E23751" s="1" t="s">
        <v>0</v>
      </c>
    </row>
    <row r="23752" spans="1:5" x14ac:dyDescent="0.25">
      <c r="A23752" s="2">
        <v>4750</v>
      </c>
      <c r="B23752" s="2">
        <v>4750</v>
      </c>
      <c r="C23752" s="1" t="s">
        <v>0</v>
      </c>
      <c r="D23752" s="2">
        <v>176580</v>
      </c>
      <c r="E23752" s="1" t="s">
        <v>0</v>
      </c>
    </row>
    <row r="23753" spans="1:5" x14ac:dyDescent="0.25">
      <c r="A23753" s="1" t="s">
        <v>11883</v>
      </c>
      <c r="B23753" s="1" t="s">
        <v>11884</v>
      </c>
      <c r="C23753" s="1" t="s">
        <v>45554</v>
      </c>
      <c r="D23753" s="2">
        <v>176581</v>
      </c>
      <c r="E23753" s="1" t="s">
        <v>0</v>
      </c>
    </row>
    <row r="23754" spans="1:5" x14ac:dyDescent="0.25">
      <c r="A23754" s="1" t="s">
        <v>45555</v>
      </c>
      <c r="B23754" s="1" t="s">
        <v>11885</v>
      </c>
      <c r="C23754" s="1" t="s">
        <v>45556</v>
      </c>
      <c r="D23754" s="2">
        <v>176582</v>
      </c>
      <c r="E23754" s="1" t="s">
        <v>0</v>
      </c>
    </row>
    <row r="23755" spans="1:5" ht="409.5" x14ac:dyDescent="0.25">
      <c r="A23755" s="4" t="s">
        <v>45557</v>
      </c>
      <c r="B23755" s="1" t="s">
        <v>11886</v>
      </c>
      <c r="C23755" s="1" t="s">
        <v>45558</v>
      </c>
      <c r="D23755" s="2">
        <v>176583</v>
      </c>
      <c r="E23755" s="1" t="s">
        <v>0</v>
      </c>
    </row>
    <row r="23756" spans="1:5" x14ac:dyDescent="0.25">
      <c r="A23756" s="1" t="s">
        <v>45559</v>
      </c>
      <c r="B23756" s="1" t="s">
        <v>56241</v>
      </c>
      <c r="C23756" s="1" t="s">
        <v>45560</v>
      </c>
      <c r="D23756" s="2">
        <v>176584</v>
      </c>
      <c r="E23756" s="1" t="s">
        <v>0</v>
      </c>
    </row>
    <row r="23757" spans="1:5" x14ac:dyDescent="0.25">
      <c r="A23757" s="2">
        <v>4751</v>
      </c>
      <c r="B23757" s="2">
        <v>4751</v>
      </c>
      <c r="C23757" s="1" t="s">
        <v>0</v>
      </c>
      <c r="D23757" s="2">
        <v>176585</v>
      </c>
      <c r="E23757" s="1" t="s">
        <v>0</v>
      </c>
    </row>
    <row r="23758" spans="1:5" x14ac:dyDescent="0.25">
      <c r="A23758" s="1" t="s">
        <v>4318</v>
      </c>
      <c r="B23758" s="1" t="s">
        <v>11887</v>
      </c>
      <c r="C23758" s="1" t="s">
        <v>45561</v>
      </c>
      <c r="D23758" s="2">
        <v>176586</v>
      </c>
      <c r="E23758" s="1" t="s">
        <v>0</v>
      </c>
    </row>
    <row r="23759" spans="1:5" x14ac:dyDescent="0.25">
      <c r="A23759" s="1" t="s">
        <v>45562</v>
      </c>
      <c r="B23759" s="1" t="s">
        <v>57641</v>
      </c>
      <c r="C23759" s="1" t="s">
        <v>45563</v>
      </c>
      <c r="D23759" s="2">
        <v>176587</v>
      </c>
      <c r="E23759" s="1" t="s">
        <v>0</v>
      </c>
    </row>
    <row r="23760" spans="1:5" ht="409.5" x14ac:dyDescent="0.25">
      <c r="A23760" s="4" t="s">
        <v>45564</v>
      </c>
      <c r="B23760" s="1" t="s">
        <v>58862</v>
      </c>
      <c r="C23760" s="1" t="s">
        <v>45565</v>
      </c>
      <c r="D23760" s="2">
        <v>176588</v>
      </c>
      <c r="E23760" s="1" t="s">
        <v>0</v>
      </c>
    </row>
    <row r="23761" spans="1:5" x14ac:dyDescent="0.25">
      <c r="A23761" s="1" t="s">
        <v>45566</v>
      </c>
      <c r="B23761" s="1" t="s">
        <v>56242</v>
      </c>
      <c r="C23761" s="1" t="s">
        <v>45567</v>
      </c>
      <c r="D23761" s="2">
        <v>176589</v>
      </c>
      <c r="E23761" s="1" t="s">
        <v>0</v>
      </c>
    </row>
    <row r="23762" spans="1:5" x14ac:dyDescent="0.25">
      <c r="A23762" s="2">
        <v>4752</v>
      </c>
      <c r="B23762" s="2">
        <v>4752</v>
      </c>
      <c r="C23762" s="1" t="s">
        <v>0</v>
      </c>
      <c r="D23762" s="2">
        <v>176590</v>
      </c>
      <c r="E23762" s="1" t="s">
        <v>0</v>
      </c>
    </row>
    <row r="23763" spans="1:5" x14ac:dyDescent="0.25">
      <c r="A23763" s="1" t="s">
        <v>4319</v>
      </c>
      <c r="B23763" s="1" t="s">
        <v>11888</v>
      </c>
      <c r="C23763" s="1" t="s">
        <v>45568</v>
      </c>
      <c r="D23763" s="2">
        <v>176591</v>
      </c>
      <c r="E23763" s="1" t="s">
        <v>0</v>
      </c>
    </row>
    <row r="23764" spans="1:5" x14ac:dyDescent="0.25">
      <c r="A23764" s="1" t="s">
        <v>45569</v>
      </c>
      <c r="B23764" s="1" t="s">
        <v>56243</v>
      </c>
      <c r="C23764" s="1" t="s">
        <v>45570</v>
      </c>
      <c r="D23764" s="2">
        <v>176592</v>
      </c>
      <c r="E23764" s="1" t="s">
        <v>0</v>
      </c>
    </row>
    <row r="23765" spans="1:5" ht="409.5" x14ac:dyDescent="0.25">
      <c r="A23765" s="4" t="s">
        <v>45571</v>
      </c>
      <c r="B23765" s="1" t="s">
        <v>56244</v>
      </c>
      <c r="C23765" s="1" t="s">
        <v>45572</v>
      </c>
      <c r="D23765" s="2">
        <v>176593</v>
      </c>
      <c r="E23765" s="1" t="s">
        <v>0</v>
      </c>
    </row>
    <row r="23766" spans="1:5" x14ac:dyDescent="0.25">
      <c r="A23766" s="1" t="s">
        <v>45573</v>
      </c>
      <c r="B23766" s="1" t="s">
        <v>56245</v>
      </c>
      <c r="C23766" s="1" t="s">
        <v>45574</v>
      </c>
      <c r="D23766" s="2">
        <v>176594</v>
      </c>
      <c r="E23766" s="1" t="s">
        <v>0</v>
      </c>
    </row>
    <row r="23767" spans="1:5" x14ac:dyDescent="0.25">
      <c r="A23767" s="2">
        <v>4753</v>
      </c>
      <c r="B23767" s="2">
        <v>4753</v>
      </c>
      <c r="C23767" s="1" t="s">
        <v>0</v>
      </c>
      <c r="D23767" s="2">
        <v>176595</v>
      </c>
      <c r="E23767" s="1" t="s">
        <v>0</v>
      </c>
    </row>
    <row r="23768" spans="1:5" x14ac:dyDescent="0.25">
      <c r="A23768" s="1" t="s">
        <v>4320</v>
      </c>
      <c r="B23768" s="1" t="s">
        <v>11889</v>
      </c>
      <c r="C23768" s="1" t="s">
        <v>45575</v>
      </c>
      <c r="D23768" s="2">
        <v>176596</v>
      </c>
      <c r="E23768" s="1" t="s">
        <v>0</v>
      </c>
    </row>
    <row r="23769" spans="1:5" x14ac:dyDescent="0.25">
      <c r="A23769" s="1" t="s">
        <v>45576</v>
      </c>
      <c r="B23769" s="1" t="s">
        <v>11890</v>
      </c>
      <c r="C23769" s="1" t="s">
        <v>45577</v>
      </c>
      <c r="D23769" s="2">
        <v>176597</v>
      </c>
      <c r="E23769" s="1" t="s">
        <v>0</v>
      </c>
    </row>
    <row r="23770" spans="1:5" ht="409.5" x14ac:dyDescent="0.25">
      <c r="A23770" s="4" t="s">
        <v>45578</v>
      </c>
      <c r="B23770" s="1" t="s">
        <v>11891</v>
      </c>
      <c r="C23770" s="1" t="s">
        <v>45579</v>
      </c>
      <c r="D23770" s="2">
        <v>176598</v>
      </c>
      <c r="E23770" s="1" t="s">
        <v>0</v>
      </c>
    </row>
    <row r="23771" spans="1:5" x14ac:dyDescent="0.25">
      <c r="A23771" s="1" t="s">
        <v>45580</v>
      </c>
      <c r="B23771" s="1" t="s">
        <v>56246</v>
      </c>
      <c r="C23771" s="1" t="s">
        <v>45581</v>
      </c>
      <c r="D23771" s="2">
        <v>176599</v>
      </c>
      <c r="E23771" s="1" t="s">
        <v>0</v>
      </c>
    </row>
    <row r="23772" spans="1:5" x14ac:dyDescent="0.25">
      <c r="A23772" s="2">
        <v>4754</v>
      </c>
      <c r="B23772" s="2">
        <v>4754</v>
      </c>
      <c r="C23772" s="1" t="s">
        <v>0</v>
      </c>
      <c r="D23772" s="2">
        <v>176600</v>
      </c>
      <c r="E23772" s="1" t="s">
        <v>0</v>
      </c>
    </row>
    <row r="23773" spans="1:5" x14ac:dyDescent="0.25">
      <c r="A23773" s="1" t="s">
        <v>4321</v>
      </c>
      <c r="B23773" s="1" t="s">
        <v>56247</v>
      </c>
      <c r="C23773" s="1" t="s">
        <v>45582</v>
      </c>
      <c r="D23773" s="2">
        <v>176601</v>
      </c>
      <c r="E23773" s="1" t="s">
        <v>0</v>
      </c>
    </row>
    <row r="23774" spans="1:5" x14ac:dyDescent="0.25">
      <c r="A23774" s="1" t="s">
        <v>45583</v>
      </c>
      <c r="B23774" s="1" t="s">
        <v>11892</v>
      </c>
      <c r="C23774" s="1" t="s">
        <v>45584</v>
      </c>
      <c r="D23774" s="2">
        <v>176602</v>
      </c>
      <c r="E23774" s="1" t="s">
        <v>0</v>
      </c>
    </row>
    <row r="23775" spans="1:5" ht="409.5" x14ac:dyDescent="0.25">
      <c r="A23775" s="4" t="s">
        <v>45585</v>
      </c>
      <c r="B23775" s="1" t="s">
        <v>61397</v>
      </c>
      <c r="C23775" s="1" t="s">
        <v>45586</v>
      </c>
      <c r="D23775" s="2">
        <v>176603</v>
      </c>
      <c r="E23775" s="1" t="s">
        <v>0</v>
      </c>
    </row>
    <row r="23776" spans="1:5" x14ac:dyDescent="0.25">
      <c r="A23776" s="1" t="s">
        <v>45587</v>
      </c>
      <c r="B23776" s="1" t="s">
        <v>11893</v>
      </c>
      <c r="C23776" s="1" t="s">
        <v>45588</v>
      </c>
      <c r="D23776" s="2">
        <v>176604</v>
      </c>
      <c r="E23776" s="1" t="s">
        <v>0</v>
      </c>
    </row>
    <row r="23777" spans="1:5" x14ac:dyDescent="0.25">
      <c r="A23777" s="2">
        <v>4755</v>
      </c>
      <c r="B23777" s="2">
        <v>4755</v>
      </c>
      <c r="C23777" s="1" t="s">
        <v>0</v>
      </c>
      <c r="D23777" s="2">
        <v>176605</v>
      </c>
      <c r="E23777" s="1" t="s">
        <v>0</v>
      </c>
    </row>
    <row r="23778" spans="1:5" x14ac:dyDescent="0.25">
      <c r="A23778" s="1" t="s">
        <v>4322</v>
      </c>
      <c r="B23778" s="1" t="s">
        <v>63522</v>
      </c>
      <c r="C23778" s="1" t="s">
        <v>45589</v>
      </c>
      <c r="D23778" s="2">
        <v>176606</v>
      </c>
      <c r="E23778" s="1" t="s">
        <v>0</v>
      </c>
    </row>
    <row r="23779" spans="1:5" x14ac:dyDescent="0.25">
      <c r="A23779" s="1" t="s">
        <v>45590</v>
      </c>
      <c r="B23779" s="1" t="s">
        <v>56248</v>
      </c>
      <c r="C23779" s="1" t="s">
        <v>45591</v>
      </c>
      <c r="D23779" s="2">
        <v>176607</v>
      </c>
      <c r="E23779" s="1" t="s">
        <v>0</v>
      </c>
    </row>
    <row r="23780" spans="1:5" ht="409.5" x14ac:dyDescent="0.25">
      <c r="A23780" s="4" t="s">
        <v>45592</v>
      </c>
      <c r="B23780" s="1" t="s">
        <v>61398</v>
      </c>
      <c r="C23780" s="1" t="s">
        <v>45593</v>
      </c>
      <c r="D23780" s="2">
        <v>176608</v>
      </c>
      <c r="E23780" s="1" t="s">
        <v>0</v>
      </c>
    </row>
    <row r="23781" spans="1:5" x14ac:dyDescent="0.25">
      <c r="A23781" s="1" t="s">
        <v>45594</v>
      </c>
      <c r="B23781" s="1" t="s">
        <v>57339</v>
      </c>
      <c r="C23781" s="1" t="s">
        <v>45595</v>
      </c>
      <c r="D23781" s="2">
        <v>176609</v>
      </c>
      <c r="E23781" s="1" t="s">
        <v>0</v>
      </c>
    </row>
    <row r="23782" spans="1:5" x14ac:dyDescent="0.25">
      <c r="A23782" s="2">
        <v>4756</v>
      </c>
      <c r="B23782" s="2">
        <v>4756</v>
      </c>
      <c r="C23782" s="1" t="s">
        <v>0</v>
      </c>
      <c r="D23782" s="2">
        <v>176610</v>
      </c>
      <c r="E23782" s="1" t="s">
        <v>0</v>
      </c>
    </row>
    <row r="23783" spans="1:5" x14ac:dyDescent="0.25">
      <c r="A23783" s="1" t="s">
        <v>4323</v>
      </c>
      <c r="B23783" s="1" t="s">
        <v>11894</v>
      </c>
      <c r="C23783" s="1" t="s">
        <v>45596</v>
      </c>
      <c r="D23783" s="2">
        <v>176611</v>
      </c>
      <c r="E23783" s="1" t="s">
        <v>0</v>
      </c>
    </row>
    <row r="23784" spans="1:5" x14ac:dyDescent="0.25">
      <c r="A23784" s="1" t="s">
        <v>45597</v>
      </c>
      <c r="B23784" s="1" t="s">
        <v>63005</v>
      </c>
      <c r="C23784" s="1" t="s">
        <v>45598</v>
      </c>
      <c r="D23784" s="2">
        <v>176612</v>
      </c>
      <c r="E23784" s="1" t="s">
        <v>0</v>
      </c>
    </row>
    <row r="23785" spans="1:5" ht="409.5" x14ac:dyDescent="0.25">
      <c r="A23785" s="4" t="s">
        <v>45599</v>
      </c>
      <c r="B23785" s="1" t="s">
        <v>63006</v>
      </c>
      <c r="C23785" s="1" t="s">
        <v>45600</v>
      </c>
      <c r="D23785" s="2">
        <v>176613</v>
      </c>
      <c r="E23785" s="1" t="s">
        <v>0</v>
      </c>
    </row>
    <row r="23786" spans="1:5" x14ac:dyDescent="0.25">
      <c r="A23786" s="1" t="s">
        <v>45601</v>
      </c>
      <c r="B23786" s="1" t="s">
        <v>11895</v>
      </c>
      <c r="C23786" s="1" t="s">
        <v>45602</v>
      </c>
      <c r="D23786" s="2">
        <v>176614</v>
      </c>
      <c r="E23786" s="1" t="s">
        <v>0</v>
      </c>
    </row>
    <row r="23787" spans="1:5" x14ac:dyDescent="0.25">
      <c r="A23787" s="2">
        <v>4757</v>
      </c>
      <c r="B23787" s="2">
        <v>4757</v>
      </c>
      <c r="C23787" s="1" t="s">
        <v>0</v>
      </c>
      <c r="D23787" s="2">
        <v>176615</v>
      </c>
      <c r="E23787" s="1" t="s">
        <v>0</v>
      </c>
    </row>
    <row r="23788" spans="1:5" x14ac:dyDescent="0.25">
      <c r="A23788" s="1" t="s">
        <v>4324</v>
      </c>
      <c r="B23788" s="1" t="s">
        <v>11896</v>
      </c>
      <c r="C23788" s="1" t="s">
        <v>45603</v>
      </c>
      <c r="D23788" s="2">
        <v>176616</v>
      </c>
      <c r="E23788" s="1" t="s">
        <v>0</v>
      </c>
    </row>
    <row r="23789" spans="1:5" x14ac:dyDescent="0.25">
      <c r="A23789" s="1" t="s">
        <v>45604</v>
      </c>
      <c r="B23789" s="1" t="s">
        <v>56249</v>
      </c>
      <c r="C23789" s="1" t="s">
        <v>45605</v>
      </c>
      <c r="D23789" s="2">
        <v>176617</v>
      </c>
      <c r="E23789" s="1" t="s">
        <v>0</v>
      </c>
    </row>
    <row r="23790" spans="1:5" ht="409.5" x14ac:dyDescent="0.25">
      <c r="A23790" s="4" t="s">
        <v>45606</v>
      </c>
      <c r="B23790" s="1" t="s">
        <v>56250</v>
      </c>
      <c r="C23790" s="1" t="s">
        <v>45607</v>
      </c>
      <c r="D23790" s="2">
        <v>176618</v>
      </c>
      <c r="E23790" s="1" t="s">
        <v>0</v>
      </c>
    </row>
    <row r="23791" spans="1:5" x14ac:dyDescent="0.25">
      <c r="A23791" s="1" t="s">
        <v>45608</v>
      </c>
      <c r="B23791" s="1" t="s">
        <v>11897</v>
      </c>
      <c r="C23791" s="1" t="s">
        <v>45609</v>
      </c>
      <c r="D23791" s="2">
        <v>176619</v>
      </c>
      <c r="E23791" s="1" t="s">
        <v>0</v>
      </c>
    </row>
    <row r="23792" spans="1:5" x14ac:dyDescent="0.25">
      <c r="A23792" s="2">
        <v>4758</v>
      </c>
      <c r="B23792" s="2">
        <v>4758</v>
      </c>
      <c r="C23792" s="1" t="s">
        <v>0</v>
      </c>
      <c r="D23792" s="2">
        <v>176620</v>
      </c>
      <c r="E23792" s="1" t="s">
        <v>0</v>
      </c>
    </row>
    <row r="23793" spans="1:5" x14ac:dyDescent="0.25">
      <c r="A23793" s="1" t="s">
        <v>4325</v>
      </c>
      <c r="B23793" s="1" t="s">
        <v>11898</v>
      </c>
      <c r="C23793" s="1" t="s">
        <v>45610</v>
      </c>
      <c r="D23793" s="2">
        <v>176621</v>
      </c>
      <c r="E23793" s="1" t="s">
        <v>0</v>
      </c>
    </row>
    <row r="23794" spans="1:5" x14ac:dyDescent="0.25">
      <c r="A23794" s="1" t="s">
        <v>45611</v>
      </c>
      <c r="B23794" s="1" t="s">
        <v>51067</v>
      </c>
      <c r="C23794" s="1" t="s">
        <v>45612</v>
      </c>
      <c r="D23794" s="2">
        <v>176622</v>
      </c>
      <c r="E23794" s="1" t="s">
        <v>0</v>
      </c>
    </row>
    <row r="23795" spans="1:5" ht="409.5" x14ac:dyDescent="0.25">
      <c r="A23795" s="4" t="s">
        <v>45613</v>
      </c>
      <c r="B23795" s="1" t="s">
        <v>51068</v>
      </c>
      <c r="C23795" s="1" t="s">
        <v>45614</v>
      </c>
      <c r="D23795" s="2">
        <v>176623</v>
      </c>
      <c r="E23795" s="1" t="s">
        <v>0</v>
      </c>
    </row>
    <row r="23796" spans="1:5" x14ac:dyDescent="0.25">
      <c r="A23796" s="1" t="s">
        <v>45615</v>
      </c>
      <c r="B23796" s="1" t="s">
        <v>56251</v>
      </c>
      <c r="C23796" s="1" t="s">
        <v>45616</v>
      </c>
      <c r="D23796" s="2">
        <v>176624</v>
      </c>
      <c r="E23796" s="1" t="s">
        <v>0</v>
      </c>
    </row>
    <row r="23797" spans="1:5" x14ac:dyDescent="0.25">
      <c r="A23797" s="2">
        <v>4759</v>
      </c>
      <c r="B23797" s="2">
        <v>4759</v>
      </c>
      <c r="C23797" s="1" t="s">
        <v>0</v>
      </c>
      <c r="D23797" s="2">
        <v>176625</v>
      </c>
      <c r="E23797" s="1" t="s">
        <v>0</v>
      </c>
    </row>
    <row r="23798" spans="1:5" x14ac:dyDescent="0.25">
      <c r="A23798" s="1" t="s">
        <v>4326</v>
      </c>
      <c r="B23798" s="1" t="s">
        <v>11899</v>
      </c>
      <c r="C23798" s="1" t="s">
        <v>45617</v>
      </c>
      <c r="D23798" s="2">
        <v>176626</v>
      </c>
      <c r="E23798" s="1" t="s">
        <v>0</v>
      </c>
    </row>
    <row r="23799" spans="1:5" x14ac:dyDescent="0.25">
      <c r="A23799" s="1" t="s">
        <v>45618</v>
      </c>
      <c r="B23799" s="1" t="s">
        <v>11900</v>
      </c>
      <c r="C23799" s="1" t="s">
        <v>45619</v>
      </c>
      <c r="D23799" s="2">
        <v>176627</v>
      </c>
      <c r="E23799" s="1" t="s">
        <v>0</v>
      </c>
    </row>
    <row r="23800" spans="1:5" ht="409.5" x14ac:dyDescent="0.25">
      <c r="A23800" s="4" t="s">
        <v>45620</v>
      </c>
      <c r="B23800" s="1" t="s">
        <v>60288</v>
      </c>
      <c r="C23800" s="1" t="s">
        <v>45621</v>
      </c>
      <c r="D23800" s="2">
        <v>176628</v>
      </c>
      <c r="E23800" s="1" t="s">
        <v>0</v>
      </c>
    </row>
    <row r="23801" spans="1:5" x14ac:dyDescent="0.25">
      <c r="A23801" s="1" t="s">
        <v>45622</v>
      </c>
      <c r="B23801" s="1" t="s">
        <v>56252</v>
      </c>
      <c r="C23801" s="1" t="s">
        <v>45623</v>
      </c>
      <c r="D23801" s="2">
        <v>176629</v>
      </c>
      <c r="E23801" s="1" t="s">
        <v>0</v>
      </c>
    </row>
    <row r="23802" spans="1:5" x14ac:dyDescent="0.25">
      <c r="A23802" s="2">
        <v>4760</v>
      </c>
      <c r="B23802" s="2">
        <v>4760</v>
      </c>
      <c r="C23802" s="1" t="s">
        <v>0</v>
      </c>
      <c r="D23802" s="2">
        <v>176630</v>
      </c>
      <c r="E23802" s="1" t="s">
        <v>0</v>
      </c>
    </row>
    <row r="23803" spans="1:5" x14ac:dyDescent="0.25">
      <c r="A23803" s="1" t="s">
        <v>45624</v>
      </c>
      <c r="B23803" s="1" t="s">
        <v>11901</v>
      </c>
      <c r="C23803" s="1" t="s">
        <v>45625</v>
      </c>
      <c r="D23803" s="2">
        <v>176631</v>
      </c>
      <c r="E23803" s="1" t="s">
        <v>0</v>
      </c>
    </row>
    <row r="23804" spans="1:5" x14ac:dyDescent="0.25">
      <c r="A23804" s="1" t="s">
        <v>45626</v>
      </c>
      <c r="B23804" s="1" t="s">
        <v>58863</v>
      </c>
      <c r="C23804" s="1" t="s">
        <v>45627</v>
      </c>
      <c r="D23804" s="2">
        <v>176632</v>
      </c>
      <c r="E23804" s="1" t="s">
        <v>0</v>
      </c>
    </row>
    <row r="23805" spans="1:5" ht="409.5" x14ac:dyDescent="0.25">
      <c r="A23805" s="4" t="s">
        <v>64373</v>
      </c>
      <c r="B23805" s="1" t="s">
        <v>58864</v>
      </c>
      <c r="C23805" s="1" t="s">
        <v>45628</v>
      </c>
      <c r="D23805" s="2">
        <v>176633</v>
      </c>
      <c r="E23805" s="1" t="s">
        <v>0</v>
      </c>
    </row>
    <row r="23806" spans="1:5" x14ac:dyDescent="0.25">
      <c r="A23806" s="1" t="s">
        <v>45629</v>
      </c>
      <c r="B23806" s="1" t="s">
        <v>56253</v>
      </c>
      <c r="C23806" s="1" t="s">
        <v>45630</v>
      </c>
      <c r="D23806" s="2">
        <v>176634</v>
      </c>
      <c r="E23806" s="1" t="s">
        <v>0</v>
      </c>
    </row>
    <row r="23807" spans="1:5" x14ac:dyDescent="0.25">
      <c r="A23807" s="2">
        <v>4761</v>
      </c>
      <c r="B23807" s="2">
        <v>4761</v>
      </c>
      <c r="C23807" s="1" t="s">
        <v>0</v>
      </c>
      <c r="D23807" s="2">
        <v>176635</v>
      </c>
      <c r="E23807" s="1" t="s">
        <v>0</v>
      </c>
    </row>
    <row r="23808" spans="1:5" x14ac:dyDescent="0.25">
      <c r="A23808" s="1" t="s">
        <v>4327</v>
      </c>
      <c r="B23808" s="1" t="s">
        <v>11902</v>
      </c>
      <c r="C23808" s="1" t="s">
        <v>45631</v>
      </c>
      <c r="D23808" s="2">
        <v>176636</v>
      </c>
      <c r="E23808" s="1" t="s">
        <v>0</v>
      </c>
    </row>
    <row r="23809" spans="1:5" x14ac:dyDescent="0.25">
      <c r="A23809" s="1" t="s">
        <v>45632</v>
      </c>
      <c r="B23809" s="1" t="s">
        <v>63007</v>
      </c>
      <c r="C23809" s="1" t="s">
        <v>45633</v>
      </c>
      <c r="D23809" s="2">
        <v>176637</v>
      </c>
      <c r="E23809" s="1" t="s">
        <v>0</v>
      </c>
    </row>
    <row r="23810" spans="1:5" ht="409.5" x14ac:dyDescent="0.25">
      <c r="A23810" s="4" t="s">
        <v>45634</v>
      </c>
      <c r="B23810" s="1" t="s">
        <v>63008</v>
      </c>
      <c r="C23810" s="1" t="s">
        <v>45635</v>
      </c>
      <c r="D23810" s="2">
        <v>176638</v>
      </c>
      <c r="E23810" s="1" t="s">
        <v>0</v>
      </c>
    </row>
    <row r="23811" spans="1:5" x14ac:dyDescent="0.25">
      <c r="A23811" s="1" t="s">
        <v>14855</v>
      </c>
      <c r="B23811" s="1" t="s">
        <v>60879</v>
      </c>
      <c r="C23811" s="1" t="s">
        <v>14856</v>
      </c>
      <c r="D23811" s="2">
        <v>176639</v>
      </c>
      <c r="E23811" s="1" t="s">
        <v>0</v>
      </c>
    </row>
    <row r="23812" spans="1:5" x14ac:dyDescent="0.25">
      <c r="A23812" s="2">
        <v>4762</v>
      </c>
      <c r="B23812" s="2">
        <v>4762</v>
      </c>
      <c r="C23812" s="1" t="s">
        <v>0</v>
      </c>
      <c r="D23812" s="2">
        <v>176640</v>
      </c>
      <c r="E23812" s="1" t="s">
        <v>0</v>
      </c>
    </row>
    <row r="23813" spans="1:5" x14ac:dyDescent="0.25">
      <c r="A23813" s="1" t="s">
        <v>4328</v>
      </c>
      <c r="B23813" s="1" t="s">
        <v>56254</v>
      </c>
      <c r="C23813" s="1" t="s">
        <v>45636</v>
      </c>
      <c r="D23813" s="2">
        <v>176641</v>
      </c>
      <c r="E23813" s="1" t="s">
        <v>0</v>
      </c>
    </row>
    <row r="23814" spans="1:5" x14ac:dyDescent="0.25">
      <c r="A23814" s="1" t="s">
        <v>45637</v>
      </c>
      <c r="B23814" s="1" t="s">
        <v>56255</v>
      </c>
      <c r="C23814" s="1" t="s">
        <v>45638</v>
      </c>
      <c r="D23814" s="2">
        <v>176642</v>
      </c>
      <c r="E23814" s="1" t="s">
        <v>0</v>
      </c>
    </row>
    <row r="23815" spans="1:5" ht="409.5" x14ac:dyDescent="0.25">
      <c r="A23815" s="4" t="s">
        <v>64374</v>
      </c>
      <c r="B23815" s="1" t="s">
        <v>56256</v>
      </c>
      <c r="C23815" s="1" t="s">
        <v>45639</v>
      </c>
      <c r="D23815" s="2">
        <v>176643</v>
      </c>
      <c r="E23815" s="1" t="s">
        <v>0</v>
      </c>
    </row>
    <row r="23816" spans="1:5" x14ac:dyDescent="0.25">
      <c r="A23816" s="1" t="s">
        <v>45640</v>
      </c>
      <c r="B23816" s="1" t="s">
        <v>56257</v>
      </c>
      <c r="C23816" s="1" t="s">
        <v>45641</v>
      </c>
      <c r="D23816" s="2">
        <v>176644</v>
      </c>
      <c r="E23816" s="1" t="s">
        <v>0</v>
      </c>
    </row>
    <row r="23817" spans="1:5" x14ac:dyDescent="0.25">
      <c r="A23817" s="2">
        <v>4763</v>
      </c>
      <c r="B23817" s="2">
        <v>4763</v>
      </c>
      <c r="C23817" s="1" t="s">
        <v>0</v>
      </c>
      <c r="D23817" s="2">
        <v>176645</v>
      </c>
      <c r="E23817" s="1" t="s">
        <v>0</v>
      </c>
    </row>
    <row r="23818" spans="1:5" x14ac:dyDescent="0.25">
      <c r="A23818" s="1" t="s">
        <v>4329</v>
      </c>
      <c r="B23818" s="1" t="s">
        <v>56878</v>
      </c>
      <c r="C23818" s="1" t="s">
        <v>45642</v>
      </c>
      <c r="D23818" s="2">
        <v>176646</v>
      </c>
      <c r="E23818" s="1" t="s">
        <v>0</v>
      </c>
    </row>
    <row r="23819" spans="1:5" x14ac:dyDescent="0.25">
      <c r="A23819" s="1" t="s">
        <v>45643</v>
      </c>
      <c r="B23819" s="1" t="s">
        <v>56879</v>
      </c>
      <c r="C23819" s="1" t="s">
        <v>45644</v>
      </c>
      <c r="D23819" s="2">
        <v>176647</v>
      </c>
      <c r="E23819" s="1" t="s">
        <v>0</v>
      </c>
    </row>
    <row r="23820" spans="1:5" ht="409.5" x14ac:dyDescent="0.25">
      <c r="A23820" s="4" t="s">
        <v>45645</v>
      </c>
      <c r="B23820" s="1" t="s">
        <v>56880</v>
      </c>
      <c r="C23820" s="1" t="s">
        <v>45646</v>
      </c>
      <c r="D23820" s="2">
        <v>176648</v>
      </c>
      <c r="E23820" s="1" t="s">
        <v>0</v>
      </c>
    </row>
    <row r="23821" spans="1:5" x14ac:dyDescent="0.25">
      <c r="A23821" s="1" t="s">
        <v>45647</v>
      </c>
      <c r="B23821" s="1" t="s">
        <v>11903</v>
      </c>
      <c r="C23821" s="1" t="s">
        <v>45648</v>
      </c>
      <c r="D23821" s="2">
        <v>176649</v>
      </c>
      <c r="E23821" s="1" t="s">
        <v>0</v>
      </c>
    </row>
    <row r="23822" spans="1:5" x14ac:dyDescent="0.25">
      <c r="A23822" s="2">
        <v>4764</v>
      </c>
      <c r="B23822" s="2">
        <v>4764</v>
      </c>
      <c r="C23822" s="1" t="s">
        <v>0</v>
      </c>
      <c r="D23822" s="2">
        <v>176650</v>
      </c>
      <c r="E23822" s="1" t="s">
        <v>0</v>
      </c>
    </row>
    <row r="23823" spans="1:5" x14ac:dyDescent="0.25">
      <c r="A23823" s="1" t="s">
        <v>4330</v>
      </c>
      <c r="B23823" s="1" t="s">
        <v>51069</v>
      </c>
      <c r="C23823" s="1" t="s">
        <v>45649</v>
      </c>
      <c r="D23823" s="2">
        <v>176651</v>
      </c>
      <c r="E23823" s="1" t="s">
        <v>0</v>
      </c>
    </row>
    <row r="23824" spans="1:5" x14ac:dyDescent="0.25">
      <c r="A23824" s="1" t="s">
        <v>45650</v>
      </c>
      <c r="B23824" s="1" t="s">
        <v>57642</v>
      </c>
      <c r="C23824" s="1" t="s">
        <v>45651</v>
      </c>
      <c r="D23824" s="2">
        <v>176652</v>
      </c>
      <c r="E23824" s="1" t="s">
        <v>0</v>
      </c>
    </row>
    <row r="23825" spans="1:5" ht="409.5" x14ac:dyDescent="0.25">
      <c r="A23825" s="4" t="s">
        <v>45652</v>
      </c>
      <c r="B23825" s="1" t="s">
        <v>57643</v>
      </c>
      <c r="C23825" s="1" t="s">
        <v>45653</v>
      </c>
      <c r="D23825" s="2">
        <v>176653</v>
      </c>
      <c r="E23825" s="1" t="s">
        <v>0</v>
      </c>
    </row>
    <row r="23826" spans="1:5" x14ac:dyDescent="0.25">
      <c r="A23826" s="1" t="s">
        <v>45654</v>
      </c>
      <c r="B23826" s="1" t="s">
        <v>11904</v>
      </c>
      <c r="C23826" s="1" t="s">
        <v>45655</v>
      </c>
      <c r="D23826" s="2">
        <v>176654</v>
      </c>
      <c r="E23826" s="1" t="s">
        <v>0</v>
      </c>
    </row>
    <row r="23827" spans="1:5" x14ac:dyDescent="0.25">
      <c r="A23827" s="2">
        <v>4765</v>
      </c>
      <c r="B23827" s="2">
        <v>4765</v>
      </c>
      <c r="C23827" s="1" t="s">
        <v>0</v>
      </c>
      <c r="D23827" s="2">
        <v>176655</v>
      </c>
      <c r="E23827" s="1" t="s">
        <v>0</v>
      </c>
    </row>
    <row r="23828" spans="1:5" x14ac:dyDescent="0.25">
      <c r="A23828" s="1" t="s">
        <v>11905</v>
      </c>
      <c r="B23828" s="1" t="s">
        <v>11906</v>
      </c>
      <c r="C23828" s="1" t="s">
        <v>45656</v>
      </c>
      <c r="D23828" s="2">
        <v>176656</v>
      </c>
      <c r="E23828" s="1" t="s">
        <v>0</v>
      </c>
    </row>
    <row r="23829" spans="1:5" x14ac:dyDescent="0.25">
      <c r="A23829" s="1" t="s">
        <v>45657</v>
      </c>
      <c r="B23829" s="1" t="s">
        <v>11907</v>
      </c>
      <c r="C23829" s="1" t="s">
        <v>45658</v>
      </c>
      <c r="D23829" s="2">
        <v>176657</v>
      </c>
      <c r="E23829" s="1" t="s">
        <v>0</v>
      </c>
    </row>
    <row r="23830" spans="1:5" ht="409.5" x14ac:dyDescent="0.25">
      <c r="A23830" s="4" t="s">
        <v>45659</v>
      </c>
      <c r="B23830" s="1" t="s">
        <v>58611</v>
      </c>
      <c r="C23830" s="1" t="s">
        <v>45660</v>
      </c>
      <c r="D23830" s="2">
        <v>176658</v>
      </c>
      <c r="E23830" s="1" t="s">
        <v>0</v>
      </c>
    </row>
    <row r="23831" spans="1:5" x14ac:dyDescent="0.25">
      <c r="A23831" s="1" t="s">
        <v>45661</v>
      </c>
      <c r="B23831" s="1" t="s">
        <v>56258</v>
      </c>
      <c r="C23831" s="1" t="s">
        <v>45662</v>
      </c>
      <c r="D23831" s="2">
        <v>176659</v>
      </c>
      <c r="E23831" s="1" t="s">
        <v>0</v>
      </c>
    </row>
    <row r="23832" spans="1:5" x14ac:dyDescent="0.25">
      <c r="A23832" s="2">
        <v>4766</v>
      </c>
      <c r="B23832" s="2">
        <v>4766</v>
      </c>
      <c r="C23832" s="1" t="s">
        <v>0</v>
      </c>
      <c r="D23832" s="2">
        <v>176660</v>
      </c>
      <c r="E23832" s="1" t="s">
        <v>0</v>
      </c>
    </row>
    <row r="23833" spans="1:5" x14ac:dyDescent="0.25">
      <c r="A23833" s="1" t="s">
        <v>4331</v>
      </c>
      <c r="B23833" s="1" t="s">
        <v>11908</v>
      </c>
      <c r="C23833" s="1" t="s">
        <v>45663</v>
      </c>
      <c r="D23833" s="2">
        <v>176661</v>
      </c>
      <c r="E23833" s="1" t="s">
        <v>0</v>
      </c>
    </row>
    <row r="23834" spans="1:5" x14ac:dyDescent="0.25">
      <c r="A23834" s="1" t="s">
        <v>45664</v>
      </c>
      <c r="B23834" s="1" t="s">
        <v>60289</v>
      </c>
      <c r="C23834" s="1" t="s">
        <v>45665</v>
      </c>
      <c r="D23834" s="2">
        <v>176662</v>
      </c>
      <c r="E23834" s="1" t="s">
        <v>0</v>
      </c>
    </row>
    <row r="23835" spans="1:5" ht="409.5" x14ac:dyDescent="0.25">
      <c r="A23835" s="4" t="s">
        <v>45666</v>
      </c>
      <c r="B23835" s="1" t="s">
        <v>63009</v>
      </c>
      <c r="C23835" s="1" t="s">
        <v>45667</v>
      </c>
      <c r="D23835" s="2">
        <v>176663</v>
      </c>
      <c r="E23835" s="1" t="s">
        <v>0</v>
      </c>
    </row>
    <row r="23836" spans="1:5" x14ac:dyDescent="0.25">
      <c r="A23836" s="1" t="s">
        <v>45668</v>
      </c>
      <c r="B23836" s="1" t="s">
        <v>11909</v>
      </c>
      <c r="C23836" s="1" t="s">
        <v>45669</v>
      </c>
      <c r="D23836" s="2">
        <v>176664</v>
      </c>
      <c r="E23836" s="1" t="s">
        <v>0</v>
      </c>
    </row>
    <row r="23837" spans="1:5" x14ac:dyDescent="0.25">
      <c r="A23837" s="2">
        <v>4767</v>
      </c>
      <c r="B23837" s="2">
        <v>4767</v>
      </c>
      <c r="C23837" s="1" t="s">
        <v>0</v>
      </c>
      <c r="D23837" s="2">
        <v>176665</v>
      </c>
      <c r="E23837" s="1" t="s">
        <v>0</v>
      </c>
    </row>
    <row r="23838" spans="1:5" x14ac:dyDescent="0.25">
      <c r="A23838" s="1" t="s">
        <v>4332</v>
      </c>
      <c r="B23838" s="1" t="s">
        <v>11910</v>
      </c>
      <c r="C23838" s="1" t="s">
        <v>45670</v>
      </c>
      <c r="D23838" s="2">
        <v>176666</v>
      </c>
      <c r="E23838" s="1" t="s">
        <v>0</v>
      </c>
    </row>
    <row r="23839" spans="1:5" x14ac:dyDescent="0.25">
      <c r="A23839" s="1" t="s">
        <v>45671</v>
      </c>
      <c r="B23839" s="1" t="s">
        <v>11911</v>
      </c>
      <c r="C23839" s="1" t="s">
        <v>45672</v>
      </c>
      <c r="D23839" s="2">
        <v>176667</v>
      </c>
      <c r="E23839" s="1" t="s">
        <v>0</v>
      </c>
    </row>
    <row r="23840" spans="1:5" ht="409.5" x14ac:dyDescent="0.25">
      <c r="A23840" s="4" t="s">
        <v>45673</v>
      </c>
      <c r="B23840" s="1" t="s">
        <v>57644</v>
      </c>
      <c r="C23840" s="1" t="s">
        <v>45674</v>
      </c>
      <c r="D23840" s="2">
        <v>176668</v>
      </c>
      <c r="E23840" s="1" t="s">
        <v>0</v>
      </c>
    </row>
    <row r="23841" spans="1:5" x14ac:dyDescent="0.25">
      <c r="A23841" s="1" t="s">
        <v>45675</v>
      </c>
      <c r="B23841" s="1" t="s">
        <v>56259</v>
      </c>
      <c r="C23841" s="1" t="s">
        <v>45676</v>
      </c>
      <c r="D23841" s="2">
        <v>176669</v>
      </c>
      <c r="E23841" s="1" t="s">
        <v>0</v>
      </c>
    </row>
    <row r="23842" spans="1:5" x14ac:dyDescent="0.25">
      <c r="A23842" s="2">
        <v>4768</v>
      </c>
      <c r="B23842" s="2">
        <v>4768</v>
      </c>
      <c r="C23842" s="1" t="s">
        <v>0</v>
      </c>
      <c r="D23842" s="2">
        <v>176670</v>
      </c>
      <c r="E23842" s="1" t="s">
        <v>0</v>
      </c>
    </row>
    <row r="23843" spans="1:5" x14ac:dyDescent="0.25">
      <c r="A23843" s="1" t="s">
        <v>4333</v>
      </c>
      <c r="B23843" s="1" t="s">
        <v>56260</v>
      </c>
      <c r="C23843" s="1" t="s">
        <v>45677</v>
      </c>
      <c r="D23843" s="2">
        <v>176671</v>
      </c>
      <c r="E23843" s="1" t="s">
        <v>0</v>
      </c>
    </row>
    <row r="23844" spans="1:5" x14ac:dyDescent="0.25">
      <c r="A23844" s="1" t="s">
        <v>45678</v>
      </c>
      <c r="B23844" s="1" t="s">
        <v>57645</v>
      </c>
      <c r="C23844" s="1" t="s">
        <v>45679</v>
      </c>
      <c r="D23844" s="2">
        <v>176672</v>
      </c>
      <c r="E23844" s="1" t="s">
        <v>0</v>
      </c>
    </row>
    <row r="23845" spans="1:5" ht="409.5" x14ac:dyDescent="0.25">
      <c r="A23845" s="4" t="s">
        <v>45680</v>
      </c>
      <c r="B23845" s="1" t="s">
        <v>57646</v>
      </c>
      <c r="C23845" s="1" t="s">
        <v>45681</v>
      </c>
      <c r="D23845" s="2">
        <v>176673</v>
      </c>
      <c r="E23845" s="1" t="s">
        <v>0</v>
      </c>
    </row>
    <row r="23846" spans="1:5" x14ac:dyDescent="0.25">
      <c r="A23846" s="1" t="s">
        <v>19132</v>
      </c>
      <c r="B23846" s="1" t="s">
        <v>60955</v>
      </c>
      <c r="C23846" s="1" t="s">
        <v>19133</v>
      </c>
      <c r="D23846" s="2">
        <v>176674</v>
      </c>
      <c r="E23846" s="1" t="s">
        <v>0</v>
      </c>
    </row>
    <row r="23847" spans="1:5" x14ac:dyDescent="0.25">
      <c r="A23847" s="2">
        <v>4769</v>
      </c>
      <c r="B23847" s="2">
        <v>4769</v>
      </c>
      <c r="C23847" s="1" t="s">
        <v>0</v>
      </c>
      <c r="D23847" s="2">
        <v>176675</v>
      </c>
      <c r="E23847" s="1" t="s">
        <v>0</v>
      </c>
    </row>
    <row r="23848" spans="1:5" x14ac:dyDescent="0.25">
      <c r="A23848" s="1" t="s">
        <v>4334</v>
      </c>
      <c r="B23848" s="1" t="s">
        <v>11912</v>
      </c>
      <c r="C23848" s="1" t="s">
        <v>45682</v>
      </c>
      <c r="D23848" s="2">
        <v>176676</v>
      </c>
      <c r="E23848" s="1" t="s">
        <v>0</v>
      </c>
    </row>
    <row r="23849" spans="1:5" x14ac:dyDescent="0.25">
      <c r="A23849" s="1" t="s">
        <v>45683</v>
      </c>
      <c r="B23849" s="1" t="s">
        <v>11913</v>
      </c>
      <c r="C23849" s="1" t="s">
        <v>45684</v>
      </c>
      <c r="D23849" s="2">
        <v>176677</v>
      </c>
      <c r="E23849" s="1" t="s">
        <v>0</v>
      </c>
    </row>
    <row r="23850" spans="1:5" ht="409.5" x14ac:dyDescent="0.25">
      <c r="A23850" s="4" t="s">
        <v>45685</v>
      </c>
      <c r="B23850" s="1" t="s">
        <v>11914</v>
      </c>
      <c r="C23850" s="1" t="s">
        <v>45686</v>
      </c>
      <c r="D23850" s="2">
        <v>176678</v>
      </c>
      <c r="E23850" s="1" t="s">
        <v>0</v>
      </c>
    </row>
    <row r="23851" spans="1:5" x14ac:dyDescent="0.25">
      <c r="A23851" s="1" t="s">
        <v>45687</v>
      </c>
      <c r="B23851" s="1" t="s">
        <v>56261</v>
      </c>
      <c r="C23851" s="1" t="s">
        <v>45688</v>
      </c>
      <c r="D23851" s="2">
        <v>176679</v>
      </c>
      <c r="E23851" s="1" t="s">
        <v>0</v>
      </c>
    </row>
    <row r="23852" spans="1:5" x14ac:dyDescent="0.25">
      <c r="A23852" s="2">
        <v>4770</v>
      </c>
      <c r="B23852" s="2">
        <v>4770</v>
      </c>
      <c r="C23852" s="1" t="s">
        <v>0</v>
      </c>
      <c r="D23852" s="2">
        <v>176680</v>
      </c>
      <c r="E23852" s="1" t="s">
        <v>0</v>
      </c>
    </row>
    <row r="23853" spans="1:5" x14ac:dyDescent="0.25">
      <c r="A23853" s="1" t="s">
        <v>4335</v>
      </c>
      <c r="B23853" s="1" t="s">
        <v>57647</v>
      </c>
      <c r="C23853" s="1" t="s">
        <v>45689</v>
      </c>
      <c r="D23853" s="2">
        <v>176681</v>
      </c>
      <c r="E23853" s="1" t="s">
        <v>0</v>
      </c>
    </row>
    <row r="23854" spans="1:5" x14ac:dyDescent="0.25">
      <c r="A23854" s="1" t="s">
        <v>45690</v>
      </c>
      <c r="B23854" s="1" t="s">
        <v>56262</v>
      </c>
      <c r="C23854" s="1" t="s">
        <v>45691</v>
      </c>
      <c r="D23854" s="2">
        <v>176682</v>
      </c>
      <c r="E23854" s="1" t="s">
        <v>0</v>
      </c>
    </row>
    <row r="23855" spans="1:5" ht="409.5" x14ac:dyDescent="0.25">
      <c r="A23855" s="4" t="s">
        <v>45692</v>
      </c>
      <c r="B23855" s="1" t="s">
        <v>58612</v>
      </c>
      <c r="C23855" s="1" t="s">
        <v>45693</v>
      </c>
      <c r="D23855" s="2">
        <v>176683</v>
      </c>
      <c r="E23855" s="1" t="s">
        <v>0</v>
      </c>
    </row>
    <row r="23856" spans="1:5" x14ac:dyDescent="0.25">
      <c r="A23856" s="1" t="s">
        <v>45694</v>
      </c>
      <c r="B23856" s="1" t="s">
        <v>57648</v>
      </c>
      <c r="C23856" s="1" t="s">
        <v>45695</v>
      </c>
      <c r="D23856" s="2">
        <v>176684</v>
      </c>
      <c r="E23856" s="1" t="s">
        <v>0</v>
      </c>
    </row>
    <row r="23857" spans="1:5" x14ac:dyDescent="0.25">
      <c r="A23857" s="2">
        <v>4771</v>
      </c>
      <c r="B23857" s="2">
        <v>4771</v>
      </c>
      <c r="C23857" s="1" t="s">
        <v>0</v>
      </c>
      <c r="D23857" s="2">
        <v>176685</v>
      </c>
      <c r="E23857" s="1" t="s">
        <v>0</v>
      </c>
    </row>
    <row r="23858" spans="1:5" x14ac:dyDescent="0.25">
      <c r="A23858" s="1" t="s">
        <v>4336</v>
      </c>
      <c r="B23858" s="1" t="s">
        <v>11915</v>
      </c>
      <c r="C23858" s="1" t="s">
        <v>45696</v>
      </c>
      <c r="D23858" s="2">
        <v>176686</v>
      </c>
      <c r="E23858" s="1" t="s">
        <v>0</v>
      </c>
    </row>
    <row r="23859" spans="1:5" x14ac:dyDescent="0.25">
      <c r="A23859" s="1" t="s">
        <v>45697</v>
      </c>
      <c r="B23859" s="1" t="s">
        <v>59100</v>
      </c>
      <c r="C23859" s="1" t="s">
        <v>45698</v>
      </c>
      <c r="D23859" s="2">
        <v>176687</v>
      </c>
      <c r="E23859" s="1" t="s">
        <v>0</v>
      </c>
    </row>
    <row r="23860" spans="1:5" ht="409.5" x14ac:dyDescent="0.25">
      <c r="A23860" s="4" t="s">
        <v>45699</v>
      </c>
      <c r="B23860" s="1" t="s">
        <v>59101</v>
      </c>
      <c r="C23860" s="1" t="s">
        <v>45700</v>
      </c>
      <c r="D23860" s="2">
        <v>176688</v>
      </c>
      <c r="E23860" s="1" t="s">
        <v>0</v>
      </c>
    </row>
    <row r="23861" spans="1:5" x14ac:dyDescent="0.25">
      <c r="A23861" s="1" t="s">
        <v>45701</v>
      </c>
      <c r="B23861" s="1" t="s">
        <v>59102</v>
      </c>
      <c r="C23861" s="1" t="s">
        <v>45702</v>
      </c>
      <c r="D23861" s="2">
        <v>176689</v>
      </c>
      <c r="E23861" s="1" t="s">
        <v>0</v>
      </c>
    </row>
    <row r="23862" spans="1:5" x14ac:dyDescent="0.25">
      <c r="A23862" s="2">
        <v>4772</v>
      </c>
      <c r="B23862" s="2">
        <v>4772</v>
      </c>
      <c r="C23862" s="1" t="s">
        <v>0</v>
      </c>
      <c r="D23862" s="2">
        <v>176690</v>
      </c>
      <c r="E23862" s="1" t="s">
        <v>0</v>
      </c>
    </row>
    <row r="23863" spans="1:5" x14ac:dyDescent="0.25">
      <c r="A23863" s="1" t="s">
        <v>4337</v>
      </c>
      <c r="B23863" s="1" t="s">
        <v>11916</v>
      </c>
      <c r="C23863" s="1" t="s">
        <v>45703</v>
      </c>
      <c r="D23863" s="2">
        <v>176691</v>
      </c>
      <c r="E23863" s="1" t="s">
        <v>0</v>
      </c>
    </row>
    <row r="23864" spans="1:5" x14ac:dyDescent="0.25">
      <c r="A23864" s="1" t="s">
        <v>45704</v>
      </c>
      <c r="B23864" s="1" t="s">
        <v>60290</v>
      </c>
      <c r="C23864" s="1" t="s">
        <v>45705</v>
      </c>
      <c r="D23864" s="2">
        <v>176692</v>
      </c>
      <c r="E23864" s="1" t="s">
        <v>0</v>
      </c>
    </row>
    <row r="23865" spans="1:5" ht="409.5" x14ac:dyDescent="0.25">
      <c r="A23865" s="4" t="s">
        <v>45706</v>
      </c>
      <c r="B23865" s="1" t="s">
        <v>61535</v>
      </c>
      <c r="C23865" s="1" t="s">
        <v>45707</v>
      </c>
      <c r="D23865" s="2">
        <v>176693</v>
      </c>
      <c r="E23865" s="1" t="s">
        <v>0</v>
      </c>
    </row>
    <row r="23866" spans="1:5" x14ac:dyDescent="0.25">
      <c r="A23866" s="1" t="s">
        <v>45708</v>
      </c>
      <c r="B23866" s="1" t="s">
        <v>56263</v>
      </c>
      <c r="C23866" s="1" t="s">
        <v>45709</v>
      </c>
      <c r="D23866" s="2">
        <v>176694</v>
      </c>
      <c r="E23866" s="1" t="s">
        <v>0</v>
      </c>
    </row>
    <row r="23867" spans="1:5" x14ac:dyDescent="0.25">
      <c r="A23867" s="2">
        <v>4773</v>
      </c>
      <c r="B23867" s="2">
        <v>4773</v>
      </c>
      <c r="C23867" s="1" t="s">
        <v>0</v>
      </c>
      <c r="D23867" s="2">
        <v>176695</v>
      </c>
      <c r="E23867" s="1" t="s">
        <v>0</v>
      </c>
    </row>
    <row r="23868" spans="1:5" x14ac:dyDescent="0.25">
      <c r="A23868" s="1" t="s">
        <v>4338</v>
      </c>
      <c r="B23868" s="1" t="s">
        <v>11917</v>
      </c>
      <c r="C23868" s="1" t="s">
        <v>45710</v>
      </c>
      <c r="D23868" s="2">
        <v>176696</v>
      </c>
      <c r="E23868" s="1" t="s">
        <v>0</v>
      </c>
    </row>
    <row r="23869" spans="1:5" x14ac:dyDescent="0.25">
      <c r="A23869" s="1" t="s">
        <v>45711</v>
      </c>
      <c r="B23869" s="1" t="s">
        <v>11918</v>
      </c>
      <c r="C23869" s="1" t="s">
        <v>45712</v>
      </c>
      <c r="D23869" s="2">
        <v>176697</v>
      </c>
      <c r="E23869" s="1" t="s">
        <v>0</v>
      </c>
    </row>
    <row r="23870" spans="1:5" ht="409.5" x14ac:dyDescent="0.25">
      <c r="A23870" s="4" t="s">
        <v>45713</v>
      </c>
      <c r="B23870" s="1" t="s">
        <v>11919</v>
      </c>
      <c r="C23870" s="1" t="s">
        <v>45714</v>
      </c>
      <c r="D23870" s="2">
        <v>176698</v>
      </c>
      <c r="E23870" s="1" t="s">
        <v>0</v>
      </c>
    </row>
    <row r="23871" spans="1:5" x14ac:dyDescent="0.25">
      <c r="A23871" s="1" t="s">
        <v>45715</v>
      </c>
      <c r="B23871" s="1" t="s">
        <v>56264</v>
      </c>
      <c r="C23871" s="1" t="s">
        <v>45716</v>
      </c>
      <c r="D23871" s="2">
        <v>176699</v>
      </c>
      <c r="E23871" s="1" t="s">
        <v>0</v>
      </c>
    </row>
    <row r="23872" spans="1:5" x14ac:dyDescent="0.25">
      <c r="A23872" s="2">
        <v>4774</v>
      </c>
      <c r="B23872" s="2">
        <v>4774</v>
      </c>
      <c r="C23872" s="1" t="s">
        <v>0</v>
      </c>
      <c r="D23872" s="2">
        <v>176700</v>
      </c>
      <c r="E23872" s="1" t="s">
        <v>0</v>
      </c>
    </row>
    <row r="23873" spans="1:5" x14ac:dyDescent="0.25">
      <c r="A23873" s="1" t="s">
        <v>4339</v>
      </c>
      <c r="B23873" s="1" t="s">
        <v>56265</v>
      </c>
      <c r="C23873" s="1" t="s">
        <v>45717</v>
      </c>
      <c r="D23873" s="2">
        <v>176701</v>
      </c>
      <c r="E23873" s="1" t="s">
        <v>0</v>
      </c>
    </row>
    <row r="23874" spans="1:5" x14ac:dyDescent="0.25">
      <c r="A23874" s="1" t="s">
        <v>45718</v>
      </c>
      <c r="B23874" s="1" t="s">
        <v>13295</v>
      </c>
      <c r="C23874" s="1" t="s">
        <v>45719</v>
      </c>
      <c r="D23874" s="2">
        <v>176702</v>
      </c>
      <c r="E23874" s="1" t="s">
        <v>0</v>
      </c>
    </row>
    <row r="23875" spans="1:5" ht="409.5" x14ac:dyDescent="0.25">
      <c r="A23875" s="4" t="s">
        <v>45720</v>
      </c>
      <c r="B23875" s="1" t="s">
        <v>63523</v>
      </c>
      <c r="C23875" s="1" t="s">
        <v>45721</v>
      </c>
      <c r="D23875" s="2">
        <v>176703</v>
      </c>
      <c r="E23875" s="1" t="s">
        <v>0</v>
      </c>
    </row>
    <row r="23876" spans="1:5" x14ac:dyDescent="0.25">
      <c r="A23876" s="1" t="s">
        <v>45722</v>
      </c>
      <c r="B23876" s="1" t="s">
        <v>11920</v>
      </c>
      <c r="C23876" s="1" t="s">
        <v>45723</v>
      </c>
      <c r="D23876" s="2">
        <v>176704</v>
      </c>
      <c r="E23876" s="1" t="s">
        <v>0</v>
      </c>
    </row>
    <row r="23877" spans="1:5" x14ac:dyDescent="0.25">
      <c r="A23877" s="2">
        <v>4775</v>
      </c>
      <c r="B23877" s="2">
        <v>4775</v>
      </c>
      <c r="C23877" s="1" t="s">
        <v>0</v>
      </c>
      <c r="D23877" s="2">
        <v>176705</v>
      </c>
      <c r="E23877" s="1" t="s">
        <v>0</v>
      </c>
    </row>
    <row r="23878" spans="1:5" x14ac:dyDescent="0.25">
      <c r="A23878" s="1" t="s">
        <v>4340</v>
      </c>
      <c r="B23878" s="1" t="s">
        <v>11921</v>
      </c>
      <c r="C23878" s="1" t="s">
        <v>45724</v>
      </c>
      <c r="D23878" s="2">
        <v>176706</v>
      </c>
      <c r="E23878" s="1" t="s">
        <v>0</v>
      </c>
    </row>
    <row r="23879" spans="1:5" x14ac:dyDescent="0.25">
      <c r="A23879" s="1" t="s">
        <v>45725</v>
      </c>
      <c r="B23879" s="1" t="s">
        <v>56266</v>
      </c>
      <c r="C23879" s="1" t="s">
        <v>45726</v>
      </c>
      <c r="D23879" s="2">
        <v>176707</v>
      </c>
      <c r="E23879" s="1" t="s">
        <v>0</v>
      </c>
    </row>
    <row r="23880" spans="1:5" ht="409.5" x14ac:dyDescent="0.25">
      <c r="A23880" s="4" t="s">
        <v>45727</v>
      </c>
      <c r="B23880" s="1" t="s">
        <v>56267</v>
      </c>
      <c r="C23880" s="1" t="s">
        <v>45728</v>
      </c>
      <c r="D23880" s="2">
        <v>176708</v>
      </c>
      <c r="E23880" s="1" t="s">
        <v>0</v>
      </c>
    </row>
    <row r="23881" spans="1:5" x14ac:dyDescent="0.25">
      <c r="A23881" s="1" t="s">
        <v>45729</v>
      </c>
      <c r="B23881" s="1" t="s">
        <v>56268</v>
      </c>
      <c r="C23881" s="1" t="s">
        <v>45730</v>
      </c>
      <c r="D23881" s="2">
        <v>176709</v>
      </c>
      <c r="E23881" s="1" t="s">
        <v>0</v>
      </c>
    </row>
    <row r="23882" spans="1:5" x14ac:dyDescent="0.25">
      <c r="A23882" s="2">
        <v>4776</v>
      </c>
      <c r="B23882" s="2">
        <v>4776</v>
      </c>
      <c r="C23882" s="1" t="s">
        <v>0</v>
      </c>
      <c r="D23882" s="2">
        <v>176710</v>
      </c>
      <c r="E23882" s="1" t="s">
        <v>0</v>
      </c>
    </row>
    <row r="23883" spans="1:5" x14ac:dyDescent="0.25">
      <c r="A23883" s="1" t="s">
        <v>4341</v>
      </c>
      <c r="B23883" s="1" t="s">
        <v>11922</v>
      </c>
      <c r="C23883" s="1" t="s">
        <v>45731</v>
      </c>
      <c r="D23883" s="2">
        <v>176711</v>
      </c>
      <c r="E23883" s="1" t="s">
        <v>0</v>
      </c>
    </row>
    <row r="23884" spans="1:5" x14ac:dyDescent="0.25">
      <c r="A23884" s="1" t="s">
        <v>45732</v>
      </c>
      <c r="B23884" s="1" t="s">
        <v>58613</v>
      </c>
      <c r="C23884" s="1" t="s">
        <v>45733</v>
      </c>
      <c r="D23884" s="2">
        <v>176712</v>
      </c>
      <c r="E23884" s="1" t="s">
        <v>0</v>
      </c>
    </row>
    <row r="23885" spans="1:5" ht="409.5" x14ac:dyDescent="0.25">
      <c r="A23885" s="4" t="s">
        <v>45734</v>
      </c>
      <c r="B23885" s="1" t="s">
        <v>58614</v>
      </c>
      <c r="C23885" s="1" t="s">
        <v>45735</v>
      </c>
      <c r="D23885" s="2">
        <v>176713</v>
      </c>
      <c r="E23885" s="1" t="s">
        <v>0</v>
      </c>
    </row>
    <row r="23886" spans="1:5" x14ac:dyDescent="0.25">
      <c r="A23886" s="1" t="s">
        <v>45736</v>
      </c>
      <c r="B23886" s="1" t="s">
        <v>56269</v>
      </c>
      <c r="C23886" s="1" t="s">
        <v>45737</v>
      </c>
      <c r="D23886" s="2">
        <v>176714</v>
      </c>
      <c r="E23886" s="1" t="s">
        <v>0</v>
      </c>
    </row>
    <row r="23887" spans="1:5" x14ac:dyDescent="0.25">
      <c r="A23887" s="2">
        <v>4777</v>
      </c>
      <c r="B23887" s="2">
        <v>4777</v>
      </c>
      <c r="C23887" s="1" t="s">
        <v>0</v>
      </c>
      <c r="D23887" s="2">
        <v>176715</v>
      </c>
      <c r="E23887" s="1" t="s">
        <v>0</v>
      </c>
    </row>
    <row r="23888" spans="1:5" x14ac:dyDescent="0.25">
      <c r="A23888" s="1" t="s">
        <v>4342</v>
      </c>
      <c r="B23888" s="1" t="s">
        <v>11923</v>
      </c>
      <c r="C23888" s="1" t="s">
        <v>45738</v>
      </c>
      <c r="D23888" s="2">
        <v>176716</v>
      </c>
      <c r="E23888" s="1" t="s">
        <v>0</v>
      </c>
    </row>
    <row r="23889" spans="1:5" x14ac:dyDescent="0.25">
      <c r="A23889" s="1" t="s">
        <v>45739</v>
      </c>
      <c r="B23889" s="1" t="s">
        <v>60291</v>
      </c>
      <c r="C23889" s="1" t="s">
        <v>45740</v>
      </c>
      <c r="D23889" s="2">
        <v>176717</v>
      </c>
      <c r="E23889" s="1" t="s">
        <v>0</v>
      </c>
    </row>
    <row r="23890" spans="1:5" ht="409.5" x14ac:dyDescent="0.25">
      <c r="A23890" s="4" t="s">
        <v>45741</v>
      </c>
      <c r="B23890" s="1" t="s">
        <v>60292</v>
      </c>
      <c r="C23890" s="1" t="s">
        <v>45742</v>
      </c>
      <c r="D23890" s="2">
        <v>176718</v>
      </c>
      <c r="E23890" s="1" t="s">
        <v>0</v>
      </c>
    </row>
    <row r="23891" spans="1:5" x14ac:dyDescent="0.25">
      <c r="A23891" s="1" t="s">
        <v>45743</v>
      </c>
      <c r="B23891" s="1" t="s">
        <v>11924</v>
      </c>
      <c r="C23891" s="1" t="s">
        <v>45744</v>
      </c>
      <c r="D23891" s="2">
        <v>176719</v>
      </c>
      <c r="E23891" s="1" t="s">
        <v>0</v>
      </c>
    </row>
    <row r="23892" spans="1:5" x14ac:dyDescent="0.25">
      <c r="A23892" s="2">
        <v>4778</v>
      </c>
      <c r="B23892" s="2">
        <v>4778</v>
      </c>
      <c r="C23892" s="1" t="s">
        <v>0</v>
      </c>
      <c r="D23892" s="2">
        <v>176720</v>
      </c>
      <c r="E23892" s="1" t="s">
        <v>0</v>
      </c>
    </row>
    <row r="23893" spans="1:5" x14ac:dyDescent="0.25">
      <c r="A23893" s="1" t="s">
        <v>4343</v>
      </c>
      <c r="B23893" s="1" t="s">
        <v>11925</v>
      </c>
      <c r="C23893" s="1" t="s">
        <v>45745</v>
      </c>
      <c r="D23893" s="2">
        <v>176721</v>
      </c>
      <c r="E23893" s="1" t="s">
        <v>0</v>
      </c>
    </row>
    <row r="23894" spans="1:5" x14ac:dyDescent="0.25">
      <c r="A23894" s="1" t="s">
        <v>45746</v>
      </c>
      <c r="B23894" s="1" t="s">
        <v>56270</v>
      </c>
      <c r="C23894" s="1" t="s">
        <v>45747</v>
      </c>
      <c r="D23894" s="2">
        <v>176722</v>
      </c>
      <c r="E23894" s="1" t="s">
        <v>0</v>
      </c>
    </row>
    <row r="23895" spans="1:5" ht="409.5" x14ac:dyDescent="0.25">
      <c r="A23895" s="4" t="s">
        <v>45748</v>
      </c>
      <c r="B23895" s="1" t="s">
        <v>56271</v>
      </c>
      <c r="C23895" s="1" t="s">
        <v>45749</v>
      </c>
      <c r="D23895" s="2">
        <v>176723</v>
      </c>
      <c r="E23895" s="1" t="s">
        <v>0</v>
      </c>
    </row>
    <row r="23896" spans="1:5" x14ac:dyDescent="0.25">
      <c r="A23896" s="1" t="s">
        <v>45750</v>
      </c>
      <c r="B23896" s="1" t="s">
        <v>61399</v>
      </c>
      <c r="C23896" s="1" t="s">
        <v>45751</v>
      </c>
      <c r="D23896" s="2">
        <v>176724</v>
      </c>
      <c r="E23896" s="1" t="s">
        <v>0</v>
      </c>
    </row>
    <row r="23897" spans="1:5" x14ac:dyDescent="0.25">
      <c r="A23897" s="2">
        <v>4779</v>
      </c>
      <c r="B23897" s="2">
        <v>4779</v>
      </c>
      <c r="C23897" s="1" t="s">
        <v>0</v>
      </c>
      <c r="D23897" s="2">
        <v>176725</v>
      </c>
      <c r="E23897" s="1" t="s">
        <v>0</v>
      </c>
    </row>
    <row r="23898" spans="1:5" x14ac:dyDescent="0.25">
      <c r="A23898" s="1" t="s">
        <v>4344</v>
      </c>
      <c r="B23898" s="1" t="s">
        <v>11926</v>
      </c>
      <c r="C23898" s="1" t="s">
        <v>45752</v>
      </c>
      <c r="D23898" s="2">
        <v>176726</v>
      </c>
      <c r="E23898" s="1" t="s">
        <v>0</v>
      </c>
    </row>
    <row r="23899" spans="1:5" x14ac:dyDescent="0.25">
      <c r="A23899" s="1" t="s">
        <v>45753</v>
      </c>
      <c r="B23899" s="1" t="s">
        <v>59103</v>
      </c>
      <c r="C23899" s="1" t="s">
        <v>45754</v>
      </c>
      <c r="D23899" s="2">
        <v>176727</v>
      </c>
      <c r="E23899" s="1" t="s">
        <v>0</v>
      </c>
    </row>
    <row r="23900" spans="1:5" ht="409.5" x14ac:dyDescent="0.25">
      <c r="A23900" s="4" t="s">
        <v>45755</v>
      </c>
      <c r="B23900" s="1" t="s">
        <v>59104</v>
      </c>
      <c r="C23900" s="1" t="s">
        <v>45756</v>
      </c>
      <c r="D23900" s="2">
        <v>176728</v>
      </c>
      <c r="E23900" s="1" t="s">
        <v>0</v>
      </c>
    </row>
    <row r="23901" spans="1:5" x14ac:dyDescent="0.25">
      <c r="A23901" s="1" t="s">
        <v>45757</v>
      </c>
      <c r="B23901" s="1" t="s">
        <v>59105</v>
      </c>
      <c r="C23901" s="1" t="s">
        <v>45758</v>
      </c>
      <c r="D23901" s="2">
        <v>176729</v>
      </c>
      <c r="E23901" s="1" t="s">
        <v>0</v>
      </c>
    </row>
    <row r="23902" spans="1:5" x14ac:dyDescent="0.25">
      <c r="A23902" s="2">
        <v>4780</v>
      </c>
      <c r="B23902" s="2">
        <v>4780</v>
      </c>
      <c r="C23902" s="1" t="s">
        <v>0</v>
      </c>
      <c r="D23902" s="2">
        <v>176730</v>
      </c>
      <c r="E23902" s="1" t="s">
        <v>0</v>
      </c>
    </row>
    <row r="23903" spans="1:5" x14ac:dyDescent="0.25">
      <c r="A23903" s="1" t="s">
        <v>4345</v>
      </c>
      <c r="B23903" s="1" t="s">
        <v>11927</v>
      </c>
      <c r="C23903" s="1" t="s">
        <v>45759</v>
      </c>
      <c r="D23903" s="2">
        <v>176731</v>
      </c>
      <c r="E23903" s="1" t="s">
        <v>0</v>
      </c>
    </row>
    <row r="23904" spans="1:5" x14ac:dyDescent="0.25">
      <c r="A23904" s="1" t="s">
        <v>45760</v>
      </c>
      <c r="B23904" s="1" t="s">
        <v>63010</v>
      </c>
      <c r="C23904" s="1" t="s">
        <v>45761</v>
      </c>
      <c r="D23904" s="2">
        <v>176732</v>
      </c>
      <c r="E23904" s="1" t="s">
        <v>0</v>
      </c>
    </row>
    <row r="23905" spans="1:5" ht="409.5" x14ac:dyDescent="0.25">
      <c r="A23905" s="4" t="s">
        <v>45762</v>
      </c>
      <c r="B23905" s="1" t="s">
        <v>63011</v>
      </c>
      <c r="C23905" s="1" t="s">
        <v>45763</v>
      </c>
      <c r="D23905" s="2">
        <v>176733</v>
      </c>
      <c r="E23905" s="1" t="s">
        <v>0</v>
      </c>
    </row>
    <row r="23906" spans="1:5" x14ac:dyDescent="0.25">
      <c r="A23906" s="1" t="s">
        <v>45764</v>
      </c>
      <c r="B23906" s="1" t="s">
        <v>56272</v>
      </c>
      <c r="C23906" s="1" t="s">
        <v>45765</v>
      </c>
      <c r="D23906" s="2">
        <v>176734</v>
      </c>
      <c r="E23906" s="1" t="s">
        <v>0</v>
      </c>
    </row>
    <row r="23907" spans="1:5" x14ac:dyDescent="0.25">
      <c r="A23907" s="2">
        <v>4781</v>
      </c>
      <c r="B23907" s="2">
        <v>4781</v>
      </c>
      <c r="C23907" s="1" t="s">
        <v>0</v>
      </c>
      <c r="D23907" s="2">
        <v>176735</v>
      </c>
      <c r="E23907" s="1" t="s">
        <v>0</v>
      </c>
    </row>
    <row r="23908" spans="1:5" x14ac:dyDescent="0.25">
      <c r="A23908" s="1" t="s">
        <v>4346</v>
      </c>
      <c r="B23908" s="1" t="s">
        <v>11928</v>
      </c>
      <c r="C23908" s="1" t="s">
        <v>45766</v>
      </c>
      <c r="D23908" s="2">
        <v>176736</v>
      </c>
      <c r="E23908" s="1" t="s">
        <v>0</v>
      </c>
    </row>
    <row r="23909" spans="1:5" x14ac:dyDescent="0.25">
      <c r="A23909" s="1" t="s">
        <v>45767</v>
      </c>
      <c r="B23909" s="1" t="s">
        <v>63012</v>
      </c>
      <c r="C23909" s="1" t="s">
        <v>45768</v>
      </c>
      <c r="D23909" s="2">
        <v>176737</v>
      </c>
      <c r="E23909" s="1" t="s">
        <v>0</v>
      </c>
    </row>
    <row r="23910" spans="1:5" ht="409.5" x14ac:dyDescent="0.25">
      <c r="A23910" s="4" t="s">
        <v>64375</v>
      </c>
      <c r="B23910" s="1" t="s">
        <v>63013</v>
      </c>
      <c r="C23910" s="1" t="s">
        <v>45769</v>
      </c>
      <c r="D23910" s="2">
        <v>176738</v>
      </c>
      <c r="E23910" s="1" t="s">
        <v>0</v>
      </c>
    </row>
    <row r="23911" spans="1:5" x14ac:dyDescent="0.25">
      <c r="A23911" s="1" t="s">
        <v>45770</v>
      </c>
      <c r="B23911" s="1" t="s">
        <v>61400</v>
      </c>
      <c r="C23911" s="1" t="s">
        <v>45771</v>
      </c>
      <c r="D23911" s="2">
        <v>176739</v>
      </c>
      <c r="E23911" s="1" t="s">
        <v>0</v>
      </c>
    </row>
    <row r="23912" spans="1:5" x14ac:dyDescent="0.25">
      <c r="A23912" s="2">
        <v>4782</v>
      </c>
      <c r="B23912" s="2">
        <v>4782</v>
      </c>
      <c r="C23912" s="1" t="s">
        <v>0</v>
      </c>
      <c r="D23912" s="2">
        <v>176740</v>
      </c>
      <c r="E23912" s="1" t="s">
        <v>0</v>
      </c>
    </row>
    <row r="23913" spans="1:5" x14ac:dyDescent="0.25">
      <c r="A23913" s="1" t="s">
        <v>4347</v>
      </c>
      <c r="B23913" s="1" t="s">
        <v>11929</v>
      </c>
      <c r="C23913" s="1" t="s">
        <v>45772</v>
      </c>
      <c r="D23913" s="2">
        <v>176741</v>
      </c>
      <c r="E23913" s="1" t="s">
        <v>0</v>
      </c>
    </row>
    <row r="23914" spans="1:5" x14ac:dyDescent="0.25">
      <c r="A23914" s="1" t="s">
        <v>45773</v>
      </c>
      <c r="B23914" s="1" t="s">
        <v>59106</v>
      </c>
      <c r="C23914" s="1" t="s">
        <v>45774</v>
      </c>
      <c r="D23914" s="2">
        <v>176742</v>
      </c>
      <c r="E23914" s="1" t="s">
        <v>0</v>
      </c>
    </row>
    <row r="23915" spans="1:5" ht="409.5" x14ac:dyDescent="0.25">
      <c r="A23915" s="4" t="s">
        <v>64376</v>
      </c>
      <c r="B23915" s="1" t="s">
        <v>59107</v>
      </c>
      <c r="C23915" s="1" t="s">
        <v>45775</v>
      </c>
      <c r="D23915" s="2">
        <v>176743</v>
      </c>
      <c r="E23915" s="1" t="s">
        <v>0</v>
      </c>
    </row>
    <row r="23916" spans="1:5" x14ac:dyDescent="0.25">
      <c r="A23916" s="1" t="s">
        <v>45776</v>
      </c>
      <c r="B23916" s="1" t="s">
        <v>11930</v>
      </c>
      <c r="C23916" s="1" t="s">
        <v>45777</v>
      </c>
      <c r="D23916" s="2">
        <v>176744</v>
      </c>
      <c r="E23916" s="1" t="s">
        <v>0</v>
      </c>
    </row>
    <row r="23917" spans="1:5" x14ac:dyDescent="0.25">
      <c r="A23917" s="2">
        <v>4783</v>
      </c>
      <c r="B23917" s="2">
        <v>4783</v>
      </c>
      <c r="C23917" s="1" t="s">
        <v>0</v>
      </c>
      <c r="D23917" s="2">
        <v>176745</v>
      </c>
      <c r="E23917" s="1" t="s">
        <v>0</v>
      </c>
    </row>
    <row r="23918" spans="1:5" x14ac:dyDescent="0.25">
      <c r="A23918" s="1" t="s">
        <v>4348</v>
      </c>
      <c r="B23918" s="1" t="s">
        <v>11931</v>
      </c>
      <c r="C23918" s="1" t="s">
        <v>45778</v>
      </c>
      <c r="D23918" s="2">
        <v>176746</v>
      </c>
      <c r="E23918" s="1" t="s">
        <v>0</v>
      </c>
    </row>
    <row r="23919" spans="1:5" x14ac:dyDescent="0.25">
      <c r="A23919" s="1" t="s">
        <v>45779</v>
      </c>
      <c r="B23919" s="1" t="s">
        <v>60293</v>
      </c>
      <c r="C23919" s="1" t="s">
        <v>45780</v>
      </c>
      <c r="D23919" s="2">
        <v>176747</v>
      </c>
      <c r="E23919" s="1" t="s">
        <v>0</v>
      </c>
    </row>
    <row r="23920" spans="1:5" x14ac:dyDescent="0.25">
      <c r="A23920" s="1" t="s">
        <v>45781</v>
      </c>
      <c r="B23920" s="1" t="s">
        <v>60294</v>
      </c>
      <c r="C23920" s="1" t="s">
        <v>45782</v>
      </c>
      <c r="D23920" s="2">
        <v>176748</v>
      </c>
      <c r="E23920" s="1" t="s">
        <v>0</v>
      </c>
    </row>
    <row r="23921" spans="1:5" x14ac:dyDescent="0.25">
      <c r="A23921" s="1" t="s">
        <v>45783</v>
      </c>
      <c r="B23921" s="1" t="s">
        <v>11932</v>
      </c>
      <c r="C23921" s="1" t="s">
        <v>45784</v>
      </c>
      <c r="D23921" s="2">
        <v>176749</v>
      </c>
      <c r="E23921" s="1" t="s">
        <v>0</v>
      </c>
    </row>
    <row r="23922" spans="1:5" x14ac:dyDescent="0.25">
      <c r="A23922" s="2">
        <v>4784</v>
      </c>
      <c r="B23922" s="2">
        <v>4784</v>
      </c>
      <c r="C23922" s="1" t="s">
        <v>0</v>
      </c>
      <c r="D23922" s="2">
        <v>176750</v>
      </c>
      <c r="E23922" s="1" t="s">
        <v>0</v>
      </c>
    </row>
    <row r="23923" spans="1:5" x14ac:dyDescent="0.25">
      <c r="A23923" s="1" t="s">
        <v>4349</v>
      </c>
      <c r="B23923" s="1" t="s">
        <v>11933</v>
      </c>
      <c r="C23923" s="1" t="s">
        <v>45785</v>
      </c>
      <c r="D23923" s="2">
        <v>176751</v>
      </c>
      <c r="E23923" s="1" t="s">
        <v>0</v>
      </c>
    </row>
    <row r="23924" spans="1:5" x14ac:dyDescent="0.25">
      <c r="A23924" s="1" t="s">
        <v>64377</v>
      </c>
      <c r="B23924" s="1" t="s">
        <v>11934</v>
      </c>
      <c r="C23924" s="1" t="s">
        <v>45786</v>
      </c>
      <c r="D23924" s="2">
        <v>176752</v>
      </c>
      <c r="E23924" s="1" t="s">
        <v>0</v>
      </c>
    </row>
    <row r="23925" spans="1:5" ht="409.5" x14ac:dyDescent="0.25">
      <c r="A23925" s="4" t="s">
        <v>64378</v>
      </c>
      <c r="B23925" s="1" t="s">
        <v>56273</v>
      </c>
      <c r="C23925" s="1" t="s">
        <v>45787</v>
      </c>
      <c r="D23925" s="2">
        <v>176753</v>
      </c>
      <c r="E23925" s="1" t="s">
        <v>0</v>
      </c>
    </row>
    <row r="23926" spans="1:5" x14ac:dyDescent="0.25">
      <c r="A23926" s="1" t="s">
        <v>45788</v>
      </c>
      <c r="B23926" s="1" t="s">
        <v>11935</v>
      </c>
      <c r="C23926" s="1" t="s">
        <v>45789</v>
      </c>
      <c r="D23926" s="2">
        <v>176754</v>
      </c>
      <c r="E23926" s="1" t="s">
        <v>0</v>
      </c>
    </row>
    <row r="23927" spans="1:5" x14ac:dyDescent="0.25">
      <c r="A23927" s="2">
        <v>4785</v>
      </c>
      <c r="B23927" s="2">
        <v>4785</v>
      </c>
      <c r="C23927" s="1" t="s">
        <v>0</v>
      </c>
      <c r="D23927" s="2">
        <v>176755</v>
      </c>
      <c r="E23927" s="1" t="s">
        <v>0</v>
      </c>
    </row>
    <row r="23928" spans="1:5" x14ac:dyDescent="0.25">
      <c r="A23928" s="1" t="s">
        <v>4350</v>
      </c>
      <c r="B23928" s="1" t="s">
        <v>11936</v>
      </c>
      <c r="C23928" s="1" t="s">
        <v>45790</v>
      </c>
      <c r="D23928" s="2">
        <v>176756</v>
      </c>
      <c r="E23928" s="1" t="s">
        <v>0</v>
      </c>
    </row>
    <row r="23929" spans="1:5" x14ac:dyDescent="0.25">
      <c r="A23929" s="1" t="s">
        <v>45791</v>
      </c>
      <c r="B23929" s="1" t="s">
        <v>63014</v>
      </c>
      <c r="C23929" s="1" t="s">
        <v>45792</v>
      </c>
      <c r="D23929" s="2">
        <v>176757</v>
      </c>
      <c r="E23929" s="1" t="s">
        <v>0</v>
      </c>
    </row>
    <row r="23930" spans="1:5" ht="409.5" x14ac:dyDescent="0.25">
      <c r="A23930" s="4" t="s">
        <v>45793</v>
      </c>
      <c r="B23930" s="1" t="s">
        <v>63015</v>
      </c>
      <c r="C23930" s="1" t="s">
        <v>45794</v>
      </c>
      <c r="D23930" s="2">
        <v>176758</v>
      </c>
      <c r="E23930" s="1" t="s">
        <v>0</v>
      </c>
    </row>
    <row r="23931" spans="1:5" x14ac:dyDescent="0.25">
      <c r="A23931" s="1" t="s">
        <v>45795</v>
      </c>
      <c r="B23931" s="1" t="s">
        <v>11937</v>
      </c>
      <c r="C23931" s="1" t="s">
        <v>45796</v>
      </c>
      <c r="D23931" s="2">
        <v>176759</v>
      </c>
      <c r="E23931" s="1" t="s">
        <v>0</v>
      </c>
    </row>
    <row r="23932" spans="1:5" x14ac:dyDescent="0.25">
      <c r="A23932" s="2">
        <v>4786</v>
      </c>
      <c r="B23932" s="2">
        <v>4786</v>
      </c>
      <c r="C23932" s="1" t="s">
        <v>0</v>
      </c>
      <c r="D23932" s="2">
        <v>176760</v>
      </c>
      <c r="E23932" s="1" t="s">
        <v>0</v>
      </c>
    </row>
    <row r="23933" spans="1:5" x14ac:dyDescent="0.25">
      <c r="A23933" s="1" t="s">
        <v>4351</v>
      </c>
      <c r="B23933" s="1" t="s">
        <v>11938</v>
      </c>
      <c r="C23933" s="1" t="s">
        <v>45797</v>
      </c>
      <c r="D23933" s="2">
        <v>176761</v>
      </c>
      <c r="E23933" s="1" t="s">
        <v>0</v>
      </c>
    </row>
    <row r="23934" spans="1:5" x14ac:dyDescent="0.25">
      <c r="A23934" s="1" t="s">
        <v>45798</v>
      </c>
      <c r="B23934" s="1" t="s">
        <v>56274</v>
      </c>
      <c r="C23934" s="1" t="s">
        <v>45799</v>
      </c>
      <c r="D23934" s="2">
        <v>176762</v>
      </c>
      <c r="E23934" s="1" t="s">
        <v>0</v>
      </c>
    </row>
    <row r="23935" spans="1:5" ht="409.5" x14ac:dyDescent="0.25">
      <c r="A23935" s="4" t="s">
        <v>45800</v>
      </c>
      <c r="B23935" s="1" t="s">
        <v>57055</v>
      </c>
      <c r="C23935" s="1" t="s">
        <v>45801</v>
      </c>
      <c r="D23935" s="2">
        <v>176763</v>
      </c>
      <c r="E23935" s="1" t="s">
        <v>0</v>
      </c>
    </row>
    <row r="23936" spans="1:5" x14ac:dyDescent="0.25">
      <c r="A23936" s="1" t="s">
        <v>45802</v>
      </c>
      <c r="B23936" s="1" t="s">
        <v>56275</v>
      </c>
      <c r="C23936" s="1" t="s">
        <v>45803</v>
      </c>
      <c r="D23936" s="2">
        <v>176764</v>
      </c>
      <c r="E23936" s="1" t="s">
        <v>0</v>
      </c>
    </row>
    <row r="23937" spans="1:5" x14ac:dyDescent="0.25">
      <c r="A23937" s="2">
        <v>4787</v>
      </c>
      <c r="B23937" s="2">
        <v>4787</v>
      </c>
      <c r="C23937" s="1" t="s">
        <v>0</v>
      </c>
      <c r="D23937" s="2">
        <v>176765</v>
      </c>
      <c r="E23937" s="1" t="s">
        <v>0</v>
      </c>
    </row>
    <row r="23938" spans="1:5" x14ac:dyDescent="0.25">
      <c r="A23938" s="1" t="s">
        <v>4352</v>
      </c>
      <c r="B23938" s="1" t="s">
        <v>56980</v>
      </c>
      <c r="C23938" s="1" t="s">
        <v>45804</v>
      </c>
      <c r="D23938" s="2">
        <v>176766</v>
      </c>
      <c r="E23938" s="1" t="s">
        <v>0</v>
      </c>
    </row>
    <row r="23939" spans="1:5" x14ac:dyDescent="0.25">
      <c r="A23939" s="1" t="s">
        <v>45805</v>
      </c>
      <c r="B23939" s="1" t="s">
        <v>60295</v>
      </c>
      <c r="C23939" s="1" t="s">
        <v>45806</v>
      </c>
      <c r="D23939" s="2">
        <v>176767</v>
      </c>
      <c r="E23939" s="1" t="s">
        <v>0</v>
      </c>
    </row>
    <row r="23940" spans="1:5" ht="409.5" x14ac:dyDescent="0.25">
      <c r="A23940" s="4" t="s">
        <v>45807</v>
      </c>
      <c r="B23940" s="1" t="s">
        <v>60296</v>
      </c>
      <c r="C23940" s="1" t="s">
        <v>45808</v>
      </c>
      <c r="D23940" s="2">
        <v>176768</v>
      </c>
      <c r="E23940" s="1" t="s">
        <v>0</v>
      </c>
    </row>
    <row r="23941" spans="1:5" x14ac:dyDescent="0.25">
      <c r="A23941" s="1" t="s">
        <v>45809</v>
      </c>
      <c r="B23941" s="1" t="s">
        <v>56276</v>
      </c>
      <c r="C23941" s="1" t="s">
        <v>45810</v>
      </c>
      <c r="D23941" s="2">
        <v>176769</v>
      </c>
      <c r="E23941" s="1" t="s">
        <v>0</v>
      </c>
    </row>
    <row r="23942" spans="1:5" x14ac:dyDescent="0.25">
      <c r="A23942" s="2">
        <v>4788</v>
      </c>
      <c r="B23942" s="2">
        <v>4788</v>
      </c>
      <c r="C23942" s="1" t="s">
        <v>0</v>
      </c>
      <c r="D23942" s="2">
        <v>176770</v>
      </c>
      <c r="E23942" s="1" t="s">
        <v>0</v>
      </c>
    </row>
    <row r="23943" spans="1:5" x14ac:dyDescent="0.25">
      <c r="A23943" s="1" t="s">
        <v>4353</v>
      </c>
      <c r="B23943" s="1" t="s">
        <v>11939</v>
      </c>
      <c r="C23943" s="1" t="s">
        <v>45811</v>
      </c>
      <c r="D23943" s="2">
        <v>176771</v>
      </c>
      <c r="E23943" s="1" t="s">
        <v>0</v>
      </c>
    </row>
    <row r="23944" spans="1:5" x14ac:dyDescent="0.25">
      <c r="A23944" s="1" t="s">
        <v>45812</v>
      </c>
      <c r="B23944" s="1" t="s">
        <v>63016</v>
      </c>
      <c r="C23944" s="1" t="s">
        <v>45813</v>
      </c>
      <c r="D23944" s="2">
        <v>176772</v>
      </c>
      <c r="E23944" s="1" t="s">
        <v>0</v>
      </c>
    </row>
    <row r="23945" spans="1:5" ht="409.5" x14ac:dyDescent="0.25">
      <c r="A23945" s="4" t="s">
        <v>45814</v>
      </c>
      <c r="B23945" s="1" t="s">
        <v>63017</v>
      </c>
      <c r="C23945" s="1" t="s">
        <v>45815</v>
      </c>
      <c r="D23945" s="2">
        <v>176773</v>
      </c>
      <c r="E23945" s="1" t="s">
        <v>0</v>
      </c>
    </row>
    <row r="23946" spans="1:5" x14ac:dyDescent="0.25">
      <c r="A23946" s="1" t="s">
        <v>45816</v>
      </c>
      <c r="B23946" s="1" t="s">
        <v>56277</v>
      </c>
      <c r="C23946" s="1" t="s">
        <v>45817</v>
      </c>
      <c r="D23946" s="2">
        <v>176774</v>
      </c>
      <c r="E23946" s="1" t="s">
        <v>0</v>
      </c>
    </row>
    <row r="23947" spans="1:5" x14ac:dyDescent="0.25">
      <c r="A23947" s="2">
        <v>4789</v>
      </c>
      <c r="B23947" s="2">
        <v>4789</v>
      </c>
      <c r="C23947" s="1" t="s">
        <v>0</v>
      </c>
      <c r="D23947" s="2">
        <v>176775</v>
      </c>
      <c r="E23947" s="1" t="s">
        <v>0</v>
      </c>
    </row>
    <row r="23948" spans="1:5" x14ac:dyDescent="0.25">
      <c r="A23948" s="1" t="s">
        <v>4354</v>
      </c>
      <c r="B23948" s="1" t="s">
        <v>11940</v>
      </c>
      <c r="C23948" s="1" t="s">
        <v>45818</v>
      </c>
      <c r="D23948" s="2">
        <v>176776</v>
      </c>
      <c r="E23948" s="1" t="s">
        <v>0</v>
      </c>
    </row>
    <row r="23949" spans="1:5" x14ac:dyDescent="0.25">
      <c r="A23949" s="1" t="s">
        <v>45819</v>
      </c>
      <c r="B23949" s="1" t="s">
        <v>11941</v>
      </c>
      <c r="C23949" s="1" t="s">
        <v>45820</v>
      </c>
      <c r="D23949" s="2">
        <v>176777</v>
      </c>
      <c r="E23949" s="1" t="s">
        <v>0</v>
      </c>
    </row>
    <row r="23950" spans="1:5" ht="409.5" x14ac:dyDescent="0.25">
      <c r="A23950" s="4" t="s">
        <v>45821</v>
      </c>
      <c r="B23950" s="1" t="s">
        <v>56278</v>
      </c>
      <c r="C23950" s="1" t="s">
        <v>45822</v>
      </c>
      <c r="D23950" s="2">
        <v>176778</v>
      </c>
      <c r="E23950" s="1" t="s">
        <v>0</v>
      </c>
    </row>
    <row r="23951" spans="1:5" x14ac:dyDescent="0.25">
      <c r="A23951" s="1" t="s">
        <v>45823</v>
      </c>
      <c r="B23951" s="1" t="s">
        <v>11942</v>
      </c>
      <c r="C23951" s="1" t="s">
        <v>45824</v>
      </c>
      <c r="D23951" s="2">
        <v>176779</v>
      </c>
      <c r="E23951" s="1" t="s">
        <v>0</v>
      </c>
    </row>
    <row r="23952" spans="1:5" x14ac:dyDescent="0.25">
      <c r="A23952" s="2">
        <v>4790</v>
      </c>
      <c r="B23952" s="2">
        <v>4790</v>
      </c>
      <c r="C23952" s="1" t="s">
        <v>0</v>
      </c>
      <c r="D23952" s="2">
        <v>176780</v>
      </c>
      <c r="E23952" s="1" t="s">
        <v>0</v>
      </c>
    </row>
    <row r="23953" spans="1:5" x14ac:dyDescent="0.25">
      <c r="A23953" s="1" t="s">
        <v>4355</v>
      </c>
      <c r="B23953" s="1" t="s">
        <v>11943</v>
      </c>
      <c r="C23953" s="1" t="s">
        <v>45825</v>
      </c>
      <c r="D23953" s="2">
        <v>176781</v>
      </c>
      <c r="E23953" s="1" t="s">
        <v>0</v>
      </c>
    </row>
    <row r="23954" spans="1:5" x14ac:dyDescent="0.25">
      <c r="A23954" s="1" t="s">
        <v>45826</v>
      </c>
      <c r="B23954" s="1" t="s">
        <v>56279</v>
      </c>
      <c r="C23954" s="1" t="s">
        <v>45827</v>
      </c>
      <c r="D23954" s="2">
        <v>176782</v>
      </c>
      <c r="E23954" s="1" t="s">
        <v>0</v>
      </c>
    </row>
    <row r="23955" spans="1:5" ht="409.5" x14ac:dyDescent="0.25">
      <c r="A23955" s="4" t="s">
        <v>64379</v>
      </c>
      <c r="B23955" s="1" t="s">
        <v>56280</v>
      </c>
      <c r="C23955" s="1" t="s">
        <v>45828</v>
      </c>
      <c r="D23955" s="2">
        <v>176783</v>
      </c>
      <c r="E23955" s="1" t="s">
        <v>0</v>
      </c>
    </row>
    <row r="23956" spans="1:5" x14ac:dyDescent="0.25">
      <c r="A23956" s="1" t="s">
        <v>45829</v>
      </c>
      <c r="B23956" s="1" t="s">
        <v>11944</v>
      </c>
      <c r="C23956" s="1" t="s">
        <v>45830</v>
      </c>
      <c r="D23956" s="2">
        <v>176784</v>
      </c>
      <c r="E23956" s="1" t="s">
        <v>0</v>
      </c>
    </row>
    <row r="23957" spans="1:5" x14ac:dyDescent="0.25">
      <c r="A23957" s="2">
        <v>4791</v>
      </c>
      <c r="B23957" s="2">
        <v>4791</v>
      </c>
      <c r="C23957" s="1" t="s">
        <v>0</v>
      </c>
      <c r="D23957" s="2">
        <v>176785</v>
      </c>
      <c r="E23957" s="1" t="s">
        <v>0</v>
      </c>
    </row>
    <row r="23958" spans="1:5" x14ac:dyDescent="0.25">
      <c r="A23958" s="1" t="s">
        <v>4356</v>
      </c>
      <c r="B23958" s="1" t="s">
        <v>11945</v>
      </c>
      <c r="C23958" s="1" t="s">
        <v>45831</v>
      </c>
      <c r="D23958" s="2">
        <v>176786</v>
      </c>
      <c r="E23958" s="1" t="s">
        <v>0</v>
      </c>
    </row>
    <row r="23959" spans="1:5" x14ac:dyDescent="0.25">
      <c r="A23959" s="1" t="s">
        <v>45832</v>
      </c>
      <c r="B23959" s="1" t="s">
        <v>56281</v>
      </c>
      <c r="C23959" s="1" t="s">
        <v>45833</v>
      </c>
      <c r="D23959" s="2">
        <v>176787</v>
      </c>
      <c r="E23959" s="1" t="s">
        <v>0</v>
      </c>
    </row>
    <row r="23960" spans="1:5" ht="409.5" x14ac:dyDescent="0.25">
      <c r="A23960" s="4" t="s">
        <v>45834</v>
      </c>
      <c r="B23960" s="1" t="s">
        <v>57056</v>
      </c>
      <c r="C23960" s="1" t="s">
        <v>45835</v>
      </c>
      <c r="D23960" s="2">
        <v>176788</v>
      </c>
      <c r="E23960" s="1" t="s">
        <v>0</v>
      </c>
    </row>
    <row r="23961" spans="1:5" x14ac:dyDescent="0.25">
      <c r="A23961" s="1" t="s">
        <v>45836</v>
      </c>
      <c r="B23961" s="1" t="s">
        <v>11946</v>
      </c>
      <c r="C23961" s="1" t="s">
        <v>45837</v>
      </c>
      <c r="D23961" s="2">
        <v>176789</v>
      </c>
      <c r="E23961" s="1" t="s">
        <v>0</v>
      </c>
    </row>
    <row r="23962" spans="1:5" x14ac:dyDescent="0.25">
      <c r="A23962" s="2">
        <v>4792</v>
      </c>
      <c r="B23962" s="2">
        <v>4792</v>
      </c>
      <c r="C23962" s="1" t="s">
        <v>0</v>
      </c>
      <c r="D23962" s="2">
        <v>176790</v>
      </c>
      <c r="E23962" s="1" t="s">
        <v>0</v>
      </c>
    </row>
    <row r="23963" spans="1:5" x14ac:dyDescent="0.25">
      <c r="A23963" s="1" t="s">
        <v>4357</v>
      </c>
      <c r="B23963" s="1" t="s">
        <v>11947</v>
      </c>
      <c r="C23963" s="1" t="s">
        <v>45838</v>
      </c>
      <c r="D23963" s="2">
        <v>176791</v>
      </c>
      <c r="E23963" s="1" t="s">
        <v>0</v>
      </c>
    </row>
    <row r="23964" spans="1:5" x14ac:dyDescent="0.25">
      <c r="A23964" s="1" t="s">
        <v>45839</v>
      </c>
      <c r="B23964" s="1" t="s">
        <v>11948</v>
      </c>
      <c r="C23964" s="1" t="s">
        <v>45840</v>
      </c>
      <c r="D23964" s="2">
        <v>176792</v>
      </c>
      <c r="E23964" s="1" t="s">
        <v>0</v>
      </c>
    </row>
    <row r="23965" spans="1:5" ht="409.5" x14ac:dyDescent="0.25">
      <c r="A23965" s="4" t="s">
        <v>45841</v>
      </c>
      <c r="B23965" s="1" t="s">
        <v>63018</v>
      </c>
      <c r="C23965" s="1" t="s">
        <v>45842</v>
      </c>
      <c r="D23965" s="2">
        <v>176793</v>
      </c>
      <c r="E23965" s="1" t="s">
        <v>0</v>
      </c>
    </row>
    <row r="23966" spans="1:5" x14ac:dyDescent="0.25">
      <c r="A23966" s="1" t="s">
        <v>45843</v>
      </c>
      <c r="B23966" s="1" t="s">
        <v>11949</v>
      </c>
      <c r="C23966" s="1" t="s">
        <v>45844</v>
      </c>
      <c r="D23966" s="2">
        <v>176794</v>
      </c>
      <c r="E23966" s="1" t="s">
        <v>0</v>
      </c>
    </row>
    <row r="23967" spans="1:5" x14ac:dyDescent="0.25">
      <c r="A23967" s="2">
        <v>4793</v>
      </c>
      <c r="B23967" s="2">
        <v>4793</v>
      </c>
      <c r="C23967" s="1" t="s">
        <v>0</v>
      </c>
      <c r="D23967" s="2">
        <v>176795</v>
      </c>
      <c r="E23967" s="1" t="s">
        <v>0</v>
      </c>
    </row>
    <row r="23968" spans="1:5" x14ac:dyDescent="0.25">
      <c r="A23968" s="1" t="s">
        <v>4358</v>
      </c>
      <c r="B23968" s="1" t="s">
        <v>11950</v>
      </c>
      <c r="C23968" s="1" t="s">
        <v>45845</v>
      </c>
      <c r="D23968" s="2">
        <v>176796</v>
      </c>
      <c r="E23968" s="1" t="s">
        <v>0</v>
      </c>
    </row>
    <row r="23969" spans="1:5" x14ac:dyDescent="0.25">
      <c r="A23969" s="1" t="s">
        <v>45846</v>
      </c>
      <c r="B23969" s="1" t="s">
        <v>61727</v>
      </c>
      <c r="C23969" s="1" t="s">
        <v>45847</v>
      </c>
      <c r="D23969" s="2">
        <v>176797</v>
      </c>
      <c r="E23969" s="1" t="s">
        <v>0</v>
      </c>
    </row>
    <row r="23970" spans="1:5" ht="409.5" x14ac:dyDescent="0.25">
      <c r="A23970" s="4" t="s">
        <v>64380</v>
      </c>
      <c r="B23970" s="1" t="s">
        <v>61728</v>
      </c>
      <c r="C23970" s="1" t="s">
        <v>45848</v>
      </c>
      <c r="D23970" s="2">
        <v>176798</v>
      </c>
      <c r="E23970" s="1" t="s">
        <v>0</v>
      </c>
    </row>
    <row r="23971" spans="1:5" x14ac:dyDescent="0.25">
      <c r="A23971" s="1" t="s">
        <v>45849</v>
      </c>
      <c r="B23971" s="1" t="s">
        <v>61729</v>
      </c>
      <c r="C23971" s="1" t="s">
        <v>45850</v>
      </c>
      <c r="D23971" s="2">
        <v>176799</v>
      </c>
      <c r="E23971" s="1" t="s">
        <v>0</v>
      </c>
    </row>
    <row r="23972" spans="1:5" x14ac:dyDescent="0.25">
      <c r="A23972" s="2">
        <v>4794</v>
      </c>
      <c r="B23972" s="2">
        <v>4794</v>
      </c>
      <c r="C23972" s="1" t="s">
        <v>0</v>
      </c>
      <c r="D23972" s="2">
        <v>176800</v>
      </c>
      <c r="E23972" s="1" t="s">
        <v>0</v>
      </c>
    </row>
    <row r="23973" spans="1:5" x14ac:dyDescent="0.25">
      <c r="A23973" s="1" t="s">
        <v>4359</v>
      </c>
      <c r="B23973" s="1" t="s">
        <v>11951</v>
      </c>
      <c r="C23973" s="1" t="s">
        <v>45851</v>
      </c>
      <c r="D23973" s="2">
        <v>176801</v>
      </c>
      <c r="E23973" s="1" t="s">
        <v>0</v>
      </c>
    </row>
    <row r="23974" spans="1:5" x14ac:dyDescent="0.25">
      <c r="A23974" s="1" t="s">
        <v>45852</v>
      </c>
      <c r="B23974" s="1" t="s">
        <v>11952</v>
      </c>
      <c r="C23974" s="1" t="s">
        <v>45853</v>
      </c>
      <c r="D23974" s="2">
        <v>176802</v>
      </c>
      <c r="E23974" s="1" t="s">
        <v>0</v>
      </c>
    </row>
    <row r="23975" spans="1:5" ht="409.5" x14ac:dyDescent="0.25">
      <c r="A23975" s="4" t="s">
        <v>45854</v>
      </c>
      <c r="B23975" s="1" t="s">
        <v>56282</v>
      </c>
      <c r="C23975" s="1" t="s">
        <v>45855</v>
      </c>
      <c r="D23975" s="2">
        <v>176803</v>
      </c>
      <c r="E23975" s="1" t="s">
        <v>0</v>
      </c>
    </row>
    <row r="23976" spans="1:5" x14ac:dyDescent="0.25">
      <c r="A23976" s="1" t="s">
        <v>24750</v>
      </c>
      <c r="B23976" s="1" t="s">
        <v>52930</v>
      </c>
      <c r="C23976" s="1" t="s">
        <v>24751</v>
      </c>
      <c r="D23976" s="2">
        <v>176804</v>
      </c>
      <c r="E23976" s="1" t="s">
        <v>0</v>
      </c>
    </row>
    <row r="23977" spans="1:5" x14ac:dyDescent="0.25">
      <c r="A23977" s="2">
        <v>4795</v>
      </c>
      <c r="B23977" s="2">
        <v>4795</v>
      </c>
      <c r="C23977" s="1" t="s">
        <v>0</v>
      </c>
      <c r="D23977" s="2">
        <v>176805</v>
      </c>
      <c r="E23977" s="1" t="s">
        <v>0</v>
      </c>
    </row>
    <row r="23978" spans="1:5" x14ac:dyDescent="0.25">
      <c r="A23978" s="1" t="s">
        <v>4360</v>
      </c>
      <c r="B23978" s="1" t="s">
        <v>11953</v>
      </c>
      <c r="C23978" s="1" t="s">
        <v>45856</v>
      </c>
      <c r="D23978" s="2">
        <v>176806</v>
      </c>
      <c r="E23978" s="1" t="s">
        <v>0</v>
      </c>
    </row>
    <row r="23979" spans="1:5" x14ac:dyDescent="0.25">
      <c r="A23979" s="1" t="s">
        <v>45857</v>
      </c>
      <c r="B23979" s="1" t="s">
        <v>63019</v>
      </c>
      <c r="C23979" s="1" t="s">
        <v>45858</v>
      </c>
      <c r="D23979" s="2">
        <v>176807</v>
      </c>
      <c r="E23979" s="1" t="s">
        <v>0</v>
      </c>
    </row>
    <row r="23980" spans="1:5" ht="409.5" x14ac:dyDescent="0.25">
      <c r="A23980" s="4" t="s">
        <v>45859</v>
      </c>
      <c r="B23980" s="1" t="s">
        <v>63020</v>
      </c>
      <c r="C23980" s="1" t="s">
        <v>45860</v>
      </c>
      <c r="D23980" s="2">
        <v>176808</v>
      </c>
      <c r="E23980" s="1" t="s">
        <v>0</v>
      </c>
    </row>
    <row r="23981" spans="1:5" x14ac:dyDescent="0.25">
      <c r="A23981" s="1" t="s">
        <v>45861</v>
      </c>
      <c r="B23981" s="1" t="s">
        <v>57340</v>
      </c>
      <c r="C23981" s="1" t="s">
        <v>45862</v>
      </c>
      <c r="D23981" s="2">
        <v>176809</v>
      </c>
      <c r="E23981" s="1" t="s">
        <v>0</v>
      </c>
    </row>
    <row r="23982" spans="1:5" x14ac:dyDescent="0.25">
      <c r="A23982" s="2">
        <v>4796</v>
      </c>
      <c r="B23982" s="2">
        <v>4796</v>
      </c>
      <c r="C23982" s="1" t="s">
        <v>0</v>
      </c>
      <c r="D23982" s="2">
        <v>176810</v>
      </c>
      <c r="E23982" s="1" t="s">
        <v>0</v>
      </c>
    </row>
    <row r="23983" spans="1:5" x14ac:dyDescent="0.25">
      <c r="A23983" s="1" t="s">
        <v>4361</v>
      </c>
      <c r="B23983" s="1" t="s">
        <v>51070</v>
      </c>
      <c r="C23983" s="1" t="s">
        <v>45863</v>
      </c>
      <c r="D23983" s="2">
        <v>176811</v>
      </c>
      <c r="E23983" s="1" t="s">
        <v>0</v>
      </c>
    </row>
    <row r="23984" spans="1:5" x14ac:dyDescent="0.25">
      <c r="A23984" s="1" t="s">
        <v>45864</v>
      </c>
      <c r="B23984" s="1" t="s">
        <v>56283</v>
      </c>
      <c r="C23984" s="1" t="s">
        <v>45865</v>
      </c>
      <c r="D23984" s="2">
        <v>176812</v>
      </c>
      <c r="E23984" s="1" t="s">
        <v>0</v>
      </c>
    </row>
    <row r="23985" spans="1:5" ht="409.5" x14ac:dyDescent="0.25">
      <c r="A23985" s="4" t="s">
        <v>45866</v>
      </c>
      <c r="B23985" s="1" t="s">
        <v>56284</v>
      </c>
      <c r="C23985" s="1" t="s">
        <v>45867</v>
      </c>
      <c r="D23985" s="2">
        <v>176813</v>
      </c>
      <c r="E23985" s="1" t="s">
        <v>0</v>
      </c>
    </row>
    <row r="23986" spans="1:5" x14ac:dyDescent="0.25">
      <c r="A23986" s="1" t="s">
        <v>13588</v>
      </c>
      <c r="B23986" s="1" t="s">
        <v>60850</v>
      </c>
      <c r="C23986" s="1" t="s">
        <v>13589</v>
      </c>
      <c r="D23986" s="2">
        <v>176814</v>
      </c>
      <c r="E23986" s="1" t="s">
        <v>0</v>
      </c>
    </row>
    <row r="23987" spans="1:5" x14ac:dyDescent="0.25">
      <c r="A23987" s="2">
        <v>4797</v>
      </c>
      <c r="B23987" s="2">
        <v>4797</v>
      </c>
      <c r="C23987" s="1" t="s">
        <v>0</v>
      </c>
      <c r="D23987" s="2">
        <v>176815</v>
      </c>
      <c r="E23987" s="1" t="s">
        <v>0</v>
      </c>
    </row>
    <row r="23988" spans="1:5" x14ac:dyDescent="0.25">
      <c r="A23988" s="1" t="s">
        <v>4362</v>
      </c>
      <c r="B23988" s="1" t="s">
        <v>11954</v>
      </c>
      <c r="C23988" s="1" t="s">
        <v>45868</v>
      </c>
      <c r="D23988" s="2">
        <v>176816</v>
      </c>
      <c r="E23988" s="1" t="s">
        <v>0</v>
      </c>
    </row>
    <row r="23989" spans="1:5" x14ac:dyDescent="0.25">
      <c r="A23989" s="1" t="s">
        <v>45869</v>
      </c>
      <c r="B23989" s="1" t="s">
        <v>11955</v>
      </c>
      <c r="C23989" s="1" t="s">
        <v>45870</v>
      </c>
      <c r="D23989" s="2">
        <v>176817</v>
      </c>
      <c r="E23989" s="1" t="s">
        <v>0</v>
      </c>
    </row>
    <row r="23990" spans="1:5" ht="409.5" x14ac:dyDescent="0.25">
      <c r="A23990" s="4" t="s">
        <v>45871</v>
      </c>
      <c r="B23990" s="1" t="s">
        <v>59691</v>
      </c>
      <c r="C23990" s="1" t="s">
        <v>45872</v>
      </c>
      <c r="D23990" s="2">
        <v>176818</v>
      </c>
      <c r="E23990" s="1" t="s">
        <v>0</v>
      </c>
    </row>
    <row r="23991" spans="1:5" x14ac:dyDescent="0.25">
      <c r="A23991" s="1" t="s">
        <v>45873</v>
      </c>
      <c r="B23991" s="1" t="s">
        <v>56285</v>
      </c>
      <c r="C23991" s="1" t="s">
        <v>45874</v>
      </c>
      <c r="D23991" s="2">
        <v>176819</v>
      </c>
      <c r="E23991" s="1" t="s">
        <v>0</v>
      </c>
    </row>
    <row r="23992" spans="1:5" x14ac:dyDescent="0.25">
      <c r="A23992" s="2">
        <v>4798</v>
      </c>
      <c r="B23992" s="2">
        <v>4798</v>
      </c>
      <c r="C23992" s="1" t="s">
        <v>0</v>
      </c>
      <c r="D23992" s="2">
        <v>176820</v>
      </c>
      <c r="E23992" s="1" t="s">
        <v>0</v>
      </c>
    </row>
    <row r="23993" spans="1:5" x14ac:dyDescent="0.25">
      <c r="A23993" s="1" t="s">
        <v>4363</v>
      </c>
      <c r="B23993" s="1" t="s">
        <v>11956</v>
      </c>
      <c r="C23993" s="1" t="s">
        <v>45875</v>
      </c>
      <c r="D23993" s="2">
        <v>176821</v>
      </c>
      <c r="E23993" s="1" t="s">
        <v>0</v>
      </c>
    </row>
    <row r="23994" spans="1:5" x14ac:dyDescent="0.25">
      <c r="A23994" s="1" t="s">
        <v>45876</v>
      </c>
      <c r="B23994" s="1" t="s">
        <v>13296</v>
      </c>
      <c r="C23994" s="1" t="s">
        <v>45877</v>
      </c>
      <c r="D23994" s="2">
        <v>176822</v>
      </c>
      <c r="E23994" s="1" t="s">
        <v>0</v>
      </c>
    </row>
    <row r="23995" spans="1:5" ht="409.5" x14ac:dyDescent="0.25">
      <c r="A23995" s="4" t="s">
        <v>45878</v>
      </c>
      <c r="B23995" s="1" t="s">
        <v>56286</v>
      </c>
      <c r="C23995" s="1" t="s">
        <v>45879</v>
      </c>
      <c r="D23995" s="2">
        <v>176823</v>
      </c>
      <c r="E23995" s="1" t="s">
        <v>0</v>
      </c>
    </row>
    <row r="23996" spans="1:5" x14ac:dyDescent="0.25">
      <c r="A23996" s="1" t="s">
        <v>45880</v>
      </c>
      <c r="B23996" s="1" t="s">
        <v>11957</v>
      </c>
      <c r="C23996" s="1" t="s">
        <v>45881</v>
      </c>
      <c r="D23996" s="2">
        <v>176824</v>
      </c>
      <c r="E23996" s="1" t="s">
        <v>0</v>
      </c>
    </row>
    <row r="23997" spans="1:5" x14ac:dyDescent="0.25">
      <c r="A23997" s="2">
        <v>4799</v>
      </c>
      <c r="B23997" s="2">
        <v>4799</v>
      </c>
      <c r="C23997" s="1" t="s">
        <v>0</v>
      </c>
      <c r="D23997" s="2">
        <v>176825</v>
      </c>
      <c r="E23997" s="1" t="s">
        <v>0</v>
      </c>
    </row>
    <row r="23998" spans="1:5" x14ac:dyDescent="0.25">
      <c r="A23998" s="1" t="s">
        <v>4364</v>
      </c>
      <c r="B23998" s="1" t="s">
        <v>11958</v>
      </c>
      <c r="C23998" s="1" t="s">
        <v>45882</v>
      </c>
      <c r="D23998" s="2">
        <v>176826</v>
      </c>
      <c r="E23998" s="1" t="s">
        <v>0</v>
      </c>
    </row>
    <row r="23999" spans="1:5" x14ac:dyDescent="0.25">
      <c r="A23999" s="1" t="s">
        <v>45883</v>
      </c>
      <c r="B23999" s="1" t="s">
        <v>60663</v>
      </c>
      <c r="C23999" s="1" t="s">
        <v>45884</v>
      </c>
      <c r="D23999" s="2">
        <v>176827</v>
      </c>
      <c r="E23999" s="1" t="s">
        <v>0</v>
      </c>
    </row>
    <row r="24000" spans="1:5" ht="409.5" x14ac:dyDescent="0.25">
      <c r="A24000" s="4" t="s">
        <v>45885</v>
      </c>
      <c r="B24000" s="1" t="s">
        <v>60664</v>
      </c>
      <c r="C24000" s="1" t="s">
        <v>45886</v>
      </c>
      <c r="D24000" s="2">
        <v>176828</v>
      </c>
      <c r="E24000" s="1" t="s">
        <v>0</v>
      </c>
    </row>
    <row r="24001" spans="1:5" x14ac:dyDescent="0.25">
      <c r="A24001" s="1" t="s">
        <v>45887</v>
      </c>
      <c r="B24001" s="1" t="s">
        <v>56287</v>
      </c>
      <c r="C24001" s="1" t="s">
        <v>45888</v>
      </c>
      <c r="D24001" s="2">
        <v>176829</v>
      </c>
      <c r="E24001" s="1" t="s">
        <v>0</v>
      </c>
    </row>
    <row r="24002" spans="1:5" x14ac:dyDescent="0.25">
      <c r="A24002" s="2">
        <v>4800</v>
      </c>
      <c r="B24002" s="2">
        <v>4800</v>
      </c>
      <c r="C24002" s="1" t="s">
        <v>0</v>
      </c>
      <c r="D24002" s="2">
        <v>176830</v>
      </c>
      <c r="E24002" s="1" t="s">
        <v>0</v>
      </c>
    </row>
    <row r="24003" spans="1:5" x14ac:dyDescent="0.25">
      <c r="A24003" s="1" t="s">
        <v>4365</v>
      </c>
      <c r="B24003" s="1" t="s">
        <v>11959</v>
      </c>
      <c r="C24003" s="1" t="s">
        <v>45889</v>
      </c>
      <c r="D24003" s="2">
        <v>176831</v>
      </c>
      <c r="E24003" s="1" t="s">
        <v>0</v>
      </c>
    </row>
    <row r="24004" spans="1:5" x14ac:dyDescent="0.25">
      <c r="A24004" s="1" t="s">
        <v>45890</v>
      </c>
      <c r="B24004" s="1" t="s">
        <v>60297</v>
      </c>
      <c r="C24004" s="1" t="s">
        <v>45891</v>
      </c>
      <c r="D24004" s="2">
        <v>176832</v>
      </c>
      <c r="E24004" s="1" t="s">
        <v>0</v>
      </c>
    </row>
    <row r="24005" spans="1:5" ht="409.5" x14ac:dyDescent="0.25">
      <c r="A24005" s="4" t="s">
        <v>45892</v>
      </c>
      <c r="B24005" s="1" t="s">
        <v>60298</v>
      </c>
      <c r="C24005" s="1" t="s">
        <v>45893</v>
      </c>
      <c r="D24005" s="2">
        <v>176833</v>
      </c>
      <c r="E24005" s="1" t="s">
        <v>0</v>
      </c>
    </row>
    <row r="24006" spans="1:5" x14ac:dyDescent="0.25">
      <c r="A24006" s="1" t="s">
        <v>45894</v>
      </c>
      <c r="B24006" s="1" t="s">
        <v>56288</v>
      </c>
      <c r="C24006" s="1" t="s">
        <v>45895</v>
      </c>
      <c r="D24006" s="2">
        <v>176834</v>
      </c>
      <c r="E24006" s="1" t="s">
        <v>0</v>
      </c>
    </row>
    <row r="24007" spans="1:5" x14ac:dyDescent="0.25">
      <c r="A24007" s="2">
        <v>4801</v>
      </c>
      <c r="B24007" s="2">
        <v>4801</v>
      </c>
      <c r="C24007" s="1" t="s">
        <v>0</v>
      </c>
      <c r="D24007" s="2">
        <v>176835</v>
      </c>
      <c r="E24007" s="1" t="s">
        <v>0</v>
      </c>
    </row>
    <row r="24008" spans="1:5" x14ac:dyDescent="0.25">
      <c r="A24008" s="1" t="s">
        <v>4366</v>
      </c>
      <c r="B24008" s="1" t="s">
        <v>11960</v>
      </c>
      <c r="C24008" s="1" t="s">
        <v>45896</v>
      </c>
      <c r="D24008" s="2">
        <v>176836</v>
      </c>
      <c r="E24008" s="1" t="s">
        <v>0</v>
      </c>
    </row>
    <row r="24009" spans="1:5" x14ac:dyDescent="0.25">
      <c r="A24009" s="1" t="s">
        <v>45897</v>
      </c>
      <c r="B24009" s="1" t="s">
        <v>11961</v>
      </c>
      <c r="C24009" s="1" t="s">
        <v>45898</v>
      </c>
      <c r="D24009" s="2">
        <v>176837</v>
      </c>
      <c r="E24009" s="1" t="s">
        <v>0</v>
      </c>
    </row>
    <row r="24010" spans="1:5" ht="409.5" x14ac:dyDescent="0.25">
      <c r="A24010" s="4" t="s">
        <v>45899</v>
      </c>
      <c r="B24010" s="1" t="s">
        <v>56289</v>
      </c>
      <c r="C24010" s="1" t="s">
        <v>45900</v>
      </c>
      <c r="D24010" s="2">
        <v>176838</v>
      </c>
      <c r="E24010" s="1" t="s">
        <v>0</v>
      </c>
    </row>
    <row r="24011" spans="1:5" x14ac:dyDescent="0.25">
      <c r="A24011" s="1" t="s">
        <v>45901</v>
      </c>
      <c r="B24011" s="1" t="s">
        <v>56290</v>
      </c>
      <c r="C24011" s="1" t="s">
        <v>45902</v>
      </c>
      <c r="D24011" s="2">
        <v>176839</v>
      </c>
      <c r="E24011" s="1" t="s">
        <v>0</v>
      </c>
    </row>
    <row r="24012" spans="1:5" x14ac:dyDescent="0.25">
      <c r="A24012" s="2">
        <v>4802</v>
      </c>
      <c r="B24012" s="2">
        <v>4802</v>
      </c>
      <c r="C24012" s="1" t="s">
        <v>0</v>
      </c>
      <c r="D24012" s="2">
        <v>176840</v>
      </c>
      <c r="E24012" s="1" t="s">
        <v>0</v>
      </c>
    </row>
    <row r="24013" spans="1:5" x14ac:dyDescent="0.25">
      <c r="A24013" s="1" t="s">
        <v>4367</v>
      </c>
      <c r="B24013" s="1" t="s">
        <v>51071</v>
      </c>
      <c r="C24013" s="1" t="s">
        <v>45903</v>
      </c>
      <c r="D24013" s="2">
        <v>176841</v>
      </c>
      <c r="E24013" s="1" t="s">
        <v>0</v>
      </c>
    </row>
    <row r="24014" spans="1:5" x14ac:dyDescent="0.25">
      <c r="A24014" s="1" t="s">
        <v>45904</v>
      </c>
      <c r="B24014" s="1" t="s">
        <v>56291</v>
      </c>
      <c r="C24014" s="1" t="s">
        <v>45905</v>
      </c>
      <c r="D24014" s="2">
        <v>176842</v>
      </c>
      <c r="E24014" s="1" t="s">
        <v>0</v>
      </c>
    </row>
    <row r="24015" spans="1:5" ht="409.5" x14ac:dyDescent="0.25">
      <c r="A24015" s="4" t="s">
        <v>45906</v>
      </c>
      <c r="B24015" s="1" t="s">
        <v>56292</v>
      </c>
      <c r="C24015" s="1" t="s">
        <v>45907</v>
      </c>
      <c r="D24015" s="2">
        <v>176843</v>
      </c>
      <c r="E24015" s="1" t="s">
        <v>0</v>
      </c>
    </row>
    <row r="24016" spans="1:5" x14ac:dyDescent="0.25">
      <c r="A24016" s="1" t="s">
        <v>45908</v>
      </c>
      <c r="B24016" s="1" t="s">
        <v>61401</v>
      </c>
      <c r="C24016" s="1" t="s">
        <v>45909</v>
      </c>
      <c r="D24016" s="2">
        <v>176844</v>
      </c>
      <c r="E24016" s="1" t="s">
        <v>0</v>
      </c>
    </row>
    <row r="24017" spans="1:5" x14ac:dyDescent="0.25">
      <c r="A24017" s="2">
        <v>4803</v>
      </c>
      <c r="B24017" s="2">
        <v>4803</v>
      </c>
      <c r="C24017" s="1" t="s">
        <v>0</v>
      </c>
      <c r="D24017" s="2">
        <v>176845</v>
      </c>
      <c r="E24017" s="1" t="s">
        <v>0</v>
      </c>
    </row>
    <row r="24018" spans="1:5" x14ac:dyDescent="0.25">
      <c r="A24018" s="1" t="s">
        <v>4368</v>
      </c>
      <c r="B24018" s="1" t="s">
        <v>11962</v>
      </c>
      <c r="C24018" s="1" t="s">
        <v>11963</v>
      </c>
      <c r="D24018" s="2">
        <v>176846</v>
      </c>
      <c r="E24018" s="1" t="s">
        <v>0</v>
      </c>
    </row>
    <row r="24019" spans="1:5" x14ac:dyDescent="0.25">
      <c r="A24019" s="1" t="s">
        <v>45910</v>
      </c>
      <c r="B24019" s="1" t="s">
        <v>56293</v>
      </c>
      <c r="C24019" s="1" t="s">
        <v>45911</v>
      </c>
      <c r="D24019" s="2">
        <v>176847</v>
      </c>
      <c r="E24019" s="1" t="s">
        <v>0</v>
      </c>
    </row>
    <row r="24020" spans="1:5" ht="409.5" x14ac:dyDescent="0.25">
      <c r="A24020" s="4" t="s">
        <v>45912</v>
      </c>
      <c r="B24020" s="1" t="s">
        <v>58010</v>
      </c>
      <c r="C24020" s="1" t="s">
        <v>45913</v>
      </c>
      <c r="D24020" s="2">
        <v>176848</v>
      </c>
      <c r="E24020" s="1" t="s">
        <v>0</v>
      </c>
    </row>
    <row r="24021" spans="1:5" x14ac:dyDescent="0.25">
      <c r="A24021" s="1" t="s">
        <v>45914</v>
      </c>
      <c r="B24021" s="1" t="s">
        <v>56294</v>
      </c>
      <c r="C24021" s="1" t="s">
        <v>45915</v>
      </c>
      <c r="D24021" s="2">
        <v>176849</v>
      </c>
      <c r="E24021" s="1" t="s">
        <v>0</v>
      </c>
    </row>
    <row r="24022" spans="1:5" x14ac:dyDescent="0.25">
      <c r="A24022" s="2">
        <v>4804</v>
      </c>
      <c r="B24022" s="2">
        <v>4804</v>
      </c>
      <c r="C24022" s="1" t="s">
        <v>0</v>
      </c>
      <c r="D24022" s="2">
        <v>176850</v>
      </c>
      <c r="E24022" s="1" t="s">
        <v>0</v>
      </c>
    </row>
    <row r="24023" spans="1:5" x14ac:dyDescent="0.25">
      <c r="A24023" s="1" t="s">
        <v>4369</v>
      </c>
      <c r="B24023" s="1" t="s">
        <v>51072</v>
      </c>
      <c r="C24023" s="1" t="s">
        <v>45916</v>
      </c>
      <c r="D24023" s="2">
        <v>176851</v>
      </c>
      <c r="E24023" s="1" t="s">
        <v>0</v>
      </c>
    </row>
    <row r="24024" spans="1:5" x14ac:dyDescent="0.25">
      <c r="A24024" s="1" t="s">
        <v>45917</v>
      </c>
      <c r="B24024" s="1" t="s">
        <v>56295</v>
      </c>
      <c r="C24024" s="1" t="s">
        <v>45918</v>
      </c>
      <c r="D24024" s="2">
        <v>176852</v>
      </c>
      <c r="E24024" s="1" t="s">
        <v>0</v>
      </c>
    </row>
    <row r="24025" spans="1:5" ht="409.5" x14ac:dyDescent="0.25">
      <c r="A24025" s="4" t="s">
        <v>45919</v>
      </c>
      <c r="B24025" s="1" t="s">
        <v>56296</v>
      </c>
      <c r="C24025" s="1" t="s">
        <v>45920</v>
      </c>
      <c r="D24025" s="2">
        <v>176853</v>
      </c>
      <c r="E24025" s="1" t="s">
        <v>0</v>
      </c>
    </row>
    <row r="24026" spans="1:5" x14ac:dyDescent="0.25">
      <c r="A24026" s="1" t="s">
        <v>45921</v>
      </c>
      <c r="B24026" s="1" t="s">
        <v>56297</v>
      </c>
      <c r="C24026" s="1" t="s">
        <v>45922</v>
      </c>
      <c r="D24026" s="2">
        <v>176854</v>
      </c>
      <c r="E24026" s="1" t="s">
        <v>0</v>
      </c>
    </row>
    <row r="24027" spans="1:5" x14ac:dyDescent="0.25">
      <c r="A24027" s="2">
        <v>4805</v>
      </c>
      <c r="B24027" s="2">
        <v>4805</v>
      </c>
      <c r="C24027" s="1" t="s">
        <v>0</v>
      </c>
      <c r="D24027" s="2">
        <v>176855</v>
      </c>
      <c r="E24027" s="1" t="s">
        <v>0</v>
      </c>
    </row>
    <row r="24028" spans="1:5" x14ac:dyDescent="0.25">
      <c r="A24028" s="1" t="s">
        <v>13297</v>
      </c>
      <c r="B24028" s="1" t="s">
        <v>11964</v>
      </c>
      <c r="C24028" s="1" t="s">
        <v>45923</v>
      </c>
      <c r="D24028" s="2">
        <v>176856</v>
      </c>
      <c r="E24028" s="1" t="s">
        <v>0</v>
      </c>
    </row>
    <row r="24029" spans="1:5" x14ac:dyDescent="0.25">
      <c r="A24029" s="1" t="s">
        <v>45924</v>
      </c>
      <c r="B24029" s="1" t="s">
        <v>51073</v>
      </c>
      <c r="C24029" s="1" t="s">
        <v>45925</v>
      </c>
      <c r="D24029" s="2">
        <v>176857</v>
      </c>
      <c r="E24029" s="1" t="s">
        <v>0</v>
      </c>
    </row>
    <row r="24030" spans="1:5" ht="409.5" x14ac:dyDescent="0.25">
      <c r="A24030" s="4" t="s">
        <v>45926</v>
      </c>
      <c r="B24030" s="1" t="s">
        <v>51074</v>
      </c>
      <c r="C24030" s="1" t="s">
        <v>45927</v>
      </c>
      <c r="D24030" s="2">
        <v>176858</v>
      </c>
      <c r="E24030" s="1" t="s">
        <v>0</v>
      </c>
    </row>
    <row r="24031" spans="1:5" x14ac:dyDescent="0.25">
      <c r="A24031" s="1" t="s">
        <v>45928</v>
      </c>
      <c r="B24031" s="1" t="s">
        <v>56298</v>
      </c>
      <c r="C24031" s="1" t="s">
        <v>45929</v>
      </c>
      <c r="D24031" s="2">
        <v>176859</v>
      </c>
      <c r="E24031" s="1" t="s">
        <v>0</v>
      </c>
    </row>
    <row r="24032" spans="1:5" x14ac:dyDescent="0.25">
      <c r="A24032" s="2">
        <v>4806</v>
      </c>
      <c r="B24032" s="2">
        <v>4806</v>
      </c>
      <c r="C24032" s="1" t="s">
        <v>0</v>
      </c>
      <c r="D24032" s="2">
        <v>176860</v>
      </c>
      <c r="E24032" s="1" t="s">
        <v>0</v>
      </c>
    </row>
    <row r="24033" spans="1:5" x14ac:dyDescent="0.25">
      <c r="A24033" s="1" t="s">
        <v>4370</v>
      </c>
      <c r="B24033" s="1" t="s">
        <v>11965</v>
      </c>
      <c r="C24033" s="1" t="s">
        <v>45930</v>
      </c>
      <c r="D24033" s="2">
        <v>176861</v>
      </c>
      <c r="E24033" s="1" t="s">
        <v>0</v>
      </c>
    </row>
    <row r="24034" spans="1:5" x14ac:dyDescent="0.25">
      <c r="A24034" s="1" t="s">
        <v>45931</v>
      </c>
      <c r="B24034" s="1" t="s">
        <v>11966</v>
      </c>
      <c r="C24034" s="1" t="s">
        <v>45932</v>
      </c>
      <c r="D24034" s="2">
        <v>176862</v>
      </c>
      <c r="E24034" s="1" t="s">
        <v>0</v>
      </c>
    </row>
    <row r="24035" spans="1:5" ht="409.5" x14ac:dyDescent="0.25">
      <c r="A24035" s="4" t="s">
        <v>45933</v>
      </c>
      <c r="B24035" s="1" t="s">
        <v>13298</v>
      </c>
      <c r="C24035" s="1" t="s">
        <v>45934</v>
      </c>
      <c r="D24035" s="2">
        <v>176863</v>
      </c>
      <c r="E24035" s="1" t="s">
        <v>0</v>
      </c>
    </row>
    <row r="24036" spans="1:5" x14ac:dyDescent="0.25">
      <c r="A24036" s="1" t="s">
        <v>45935</v>
      </c>
      <c r="B24036" s="1" t="s">
        <v>11967</v>
      </c>
      <c r="C24036" s="1" t="s">
        <v>45936</v>
      </c>
      <c r="D24036" s="2">
        <v>176864</v>
      </c>
      <c r="E24036" s="1" t="s">
        <v>0</v>
      </c>
    </row>
    <row r="24037" spans="1:5" x14ac:dyDescent="0.25">
      <c r="A24037" s="2">
        <v>4807</v>
      </c>
      <c r="B24037" s="2">
        <v>4807</v>
      </c>
      <c r="C24037" s="1" t="s">
        <v>0</v>
      </c>
      <c r="D24037" s="2">
        <v>176865</v>
      </c>
      <c r="E24037" s="1" t="s">
        <v>0</v>
      </c>
    </row>
    <row r="24038" spans="1:5" x14ac:dyDescent="0.25">
      <c r="A24038" s="1" t="s">
        <v>11968</v>
      </c>
      <c r="B24038" s="1" t="s">
        <v>51075</v>
      </c>
      <c r="C24038" s="1" t="s">
        <v>45937</v>
      </c>
      <c r="D24038" s="2">
        <v>176866</v>
      </c>
      <c r="E24038" s="1" t="s">
        <v>0</v>
      </c>
    </row>
    <row r="24039" spans="1:5" x14ac:dyDescent="0.25">
      <c r="A24039" s="1" t="s">
        <v>45938</v>
      </c>
      <c r="B24039" s="1" t="s">
        <v>60526</v>
      </c>
      <c r="C24039" s="1" t="s">
        <v>45939</v>
      </c>
      <c r="D24039" s="2">
        <v>176867</v>
      </c>
      <c r="E24039" s="1" t="s">
        <v>0</v>
      </c>
    </row>
    <row r="24040" spans="1:5" ht="409.5" x14ac:dyDescent="0.25">
      <c r="A24040" s="4" t="s">
        <v>45940</v>
      </c>
      <c r="B24040" s="1" t="s">
        <v>60527</v>
      </c>
      <c r="C24040" s="1" t="s">
        <v>45941</v>
      </c>
      <c r="D24040" s="2">
        <v>176868</v>
      </c>
      <c r="E24040" s="1" t="s">
        <v>0</v>
      </c>
    </row>
    <row r="24041" spans="1:5" x14ac:dyDescent="0.25">
      <c r="A24041" s="1" t="s">
        <v>45942</v>
      </c>
      <c r="B24041" s="1" t="s">
        <v>11969</v>
      </c>
      <c r="C24041" s="1" t="s">
        <v>45943</v>
      </c>
      <c r="D24041" s="2">
        <v>176869</v>
      </c>
      <c r="E24041" s="1" t="s">
        <v>0</v>
      </c>
    </row>
    <row r="24042" spans="1:5" x14ac:dyDescent="0.25">
      <c r="A24042" s="2">
        <v>4808</v>
      </c>
      <c r="B24042" s="2">
        <v>4808</v>
      </c>
      <c r="C24042" s="1" t="s">
        <v>0</v>
      </c>
      <c r="D24042" s="2">
        <v>176870</v>
      </c>
      <c r="E24042" s="1" t="s">
        <v>0</v>
      </c>
    </row>
    <row r="24043" spans="1:5" x14ac:dyDescent="0.25">
      <c r="A24043" s="1" t="s">
        <v>4371</v>
      </c>
      <c r="B24043" s="1" t="s">
        <v>56299</v>
      </c>
      <c r="C24043" s="1" t="s">
        <v>45944</v>
      </c>
      <c r="D24043" s="2">
        <v>176871</v>
      </c>
      <c r="E24043" s="1" t="s">
        <v>0</v>
      </c>
    </row>
    <row r="24044" spans="1:5" x14ac:dyDescent="0.25">
      <c r="A24044" s="1" t="s">
        <v>45945</v>
      </c>
      <c r="B24044" s="1" t="s">
        <v>11970</v>
      </c>
      <c r="C24044" s="1" t="s">
        <v>45946</v>
      </c>
      <c r="D24044" s="2">
        <v>176872</v>
      </c>
      <c r="E24044" s="1" t="s">
        <v>0</v>
      </c>
    </row>
    <row r="24045" spans="1:5" ht="409.5" x14ac:dyDescent="0.25">
      <c r="A24045" s="4" t="s">
        <v>45947</v>
      </c>
      <c r="B24045" s="1" t="s">
        <v>56300</v>
      </c>
      <c r="C24045" s="1" t="s">
        <v>45948</v>
      </c>
      <c r="D24045" s="2">
        <v>176873</v>
      </c>
      <c r="E24045" s="1" t="s">
        <v>0</v>
      </c>
    </row>
    <row r="24046" spans="1:5" x14ac:dyDescent="0.25">
      <c r="A24046" s="1" t="s">
        <v>45949</v>
      </c>
      <c r="B24046" s="1" t="s">
        <v>11971</v>
      </c>
      <c r="C24046" s="1" t="s">
        <v>45950</v>
      </c>
      <c r="D24046" s="2">
        <v>176874</v>
      </c>
      <c r="E24046" s="1" t="s">
        <v>0</v>
      </c>
    </row>
    <row r="24047" spans="1:5" x14ac:dyDescent="0.25">
      <c r="A24047" s="2">
        <v>4809</v>
      </c>
      <c r="B24047" s="2">
        <v>4809</v>
      </c>
      <c r="C24047" s="1" t="s">
        <v>0</v>
      </c>
      <c r="D24047" s="2">
        <v>176875</v>
      </c>
      <c r="E24047" s="1" t="s">
        <v>0</v>
      </c>
    </row>
    <row r="24048" spans="1:5" x14ac:dyDescent="0.25">
      <c r="A24048" s="1" t="s">
        <v>4372</v>
      </c>
      <c r="B24048" s="1" t="s">
        <v>11972</v>
      </c>
      <c r="C24048" s="1" t="s">
        <v>45951</v>
      </c>
      <c r="D24048" s="2">
        <v>176876</v>
      </c>
      <c r="E24048" s="1" t="s">
        <v>0</v>
      </c>
    </row>
    <row r="24049" spans="1:5" x14ac:dyDescent="0.25">
      <c r="A24049" s="1" t="s">
        <v>45952</v>
      </c>
      <c r="B24049" s="1" t="s">
        <v>11973</v>
      </c>
      <c r="C24049" s="1" t="s">
        <v>45953</v>
      </c>
      <c r="D24049" s="2">
        <v>176877</v>
      </c>
      <c r="E24049" s="1" t="s">
        <v>0</v>
      </c>
    </row>
    <row r="24050" spans="1:5" ht="409.5" x14ac:dyDescent="0.25">
      <c r="A24050" s="4" t="s">
        <v>45954</v>
      </c>
      <c r="B24050" s="1" t="s">
        <v>56301</v>
      </c>
      <c r="C24050" s="1" t="s">
        <v>45955</v>
      </c>
      <c r="D24050" s="2">
        <v>176878</v>
      </c>
      <c r="E24050" s="1" t="s">
        <v>0</v>
      </c>
    </row>
    <row r="24051" spans="1:5" x14ac:dyDescent="0.25">
      <c r="A24051" s="1" t="s">
        <v>45956</v>
      </c>
      <c r="B24051" s="1" t="s">
        <v>11974</v>
      </c>
      <c r="C24051" s="1" t="s">
        <v>45957</v>
      </c>
      <c r="D24051" s="2">
        <v>176879</v>
      </c>
      <c r="E24051" s="1" t="s">
        <v>0</v>
      </c>
    </row>
    <row r="24052" spans="1:5" x14ac:dyDescent="0.25">
      <c r="A24052" s="2">
        <v>4810</v>
      </c>
      <c r="B24052" s="2">
        <v>4810</v>
      </c>
      <c r="C24052" s="1" t="s">
        <v>0</v>
      </c>
      <c r="D24052" s="2">
        <v>176880</v>
      </c>
      <c r="E24052" s="1" t="s">
        <v>0</v>
      </c>
    </row>
    <row r="24053" spans="1:5" x14ac:dyDescent="0.25">
      <c r="A24053" s="1" t="s">
        <v>4373</v>
      </c>
      <c r="B24053" s="1" t="s">
        <v>11975</v>
      </c>
      <c r="C24053" s="1" t="s">
        <v>45958</v>
      </c>
      <c r="D24053" s="2">
        <v>176881</v>
      </c>
      <c r="E24053" s="1" t="s">
        <v>0</v>
      </c>
    </row>
    <row r="24054" spans="1:5" x14ac:dyDescent="0.25">
      <c r="A24054" s="1" t="s">
        <v>45959</v>
      </c>
      <c r="B24054" s="1" t="s">
        <v>63021</v>
      </c>
      <c r="C24054" s="1" t="s">
        <v>45960</v>
      </c>
      <c r="D24054" s="2">
        <v>176882</v>
      </c>
      <c r="E24054" s="1" t="s">
        <v>0</v>
      </c>
    </row>
    <row r="24055" spans="1:5" ht="409.5" x14ac:dyDescent="0.25">
      <c r="A24055" s="4" t="s">
        <v>45961</v>
      </c>
      <c r="B24055" s="1" t="s">
        <v>63022</v>
      </c>
      <c r="C24055" s="1" t="s">
        <v>45962</v>
      </c>
      <c r="D24055" s="2">
        <v>176883</v>
      </c>
      <c r="E24055" s="1" t="s">
        <v>0</v>
      </c>
    </row>
    <row r="24056" spans="1:5" x14ac:dyDescent="0.25">
      <c r="A24056" s="1" t="s">
        <v>45963</v>
      </c>
      <c r="B24056" s="1" t="s">
        <v>11976</v>
      </c>
      <c r="C24056" s="1" t="s">
        <v>45964</v>
      </c>
      <c r="D24056" s="2">
        <v>176884</v>
      </c>
      <c r="E24056" s="1" t="s">
        <v>0</v>
      </c>
    </row>
    <row r="24057" spans="1:5" x14ac:dyDescent="0.25">
      <c r="A24057" s="2">
        <v>4811</v>
      </c>
      <c r="B24057" s="2">
        <v>4811</v>
      </c>
      <c r="C24057" s="1" t="s">
        <v>0</v>
      </c>
      <c r="D24057" s="2">
        <v>176885</v>
      </c>
      <c r="E24057" s="1" t="s">
        <v>0</v>
      </c>
    </row>
    <row r="24058" spans="1:5" x14ac:dyDescent="0.25">
      <c r="A24058" s="1" t="s">
        <v>4374</v>
      </c>
      <c r="B24058" s="1" t="s">
        <v>11977</v>
      </c>
      <c r="C24058" s="1" t="s">
        <v>45965</v>
      </c>
      <c r="D24058" s="2">
        <v>176886</v>
      </c>
      <c r="E24058" s="1" t="s">
        <v>0</v>
      </c>
    </row>
    <row r="24059" spans="1:5" x14ac:dyDescent="0.25">
      <c r="A24059" s="1" t="s">
        <v>45966</v>
      </c>
      <c r="B24059" s="1" t="s">
        <v>11978</v>
      </c>
      <c r="C24059" s="1" t="s">
        <v>45967</v>
      </c>
      <c r="D24059" s="2">
        <v>176887</v>
      </c>
      <c r="E24059" s="1" t="s">
        <v>0</v>
      </c>
    </row>
    <row r="24060" spans="1:5" ht="409.5" x14ac:dyDescent="0.25">
      <c r="A24060" s="4" t="s">
        <v>45968</v>
      </c>
      <c r="B24060" s="1" t="s">
        <v>56302</v>
      </c>
      <c r="C24060" s="1" t="s">
        <v>45969</v>
      </c>
      <c r="D24060" s="2">
        <v>176888</v>
      </c>
      <c r="E24060" s="1" t="s">
        <v>0</v>
      </c>
    </row>
    <row r="24061" spans="1:5" x14ac:dyDescent="0.25">
      <c r="A24061" s="1" t="s">
        <v>45970</v>
      </c>
      <c r="B24061" s="1" t="s">
        <v>57341</v>
      </c>
      <c r="C24061" s="1" t="s">
        <v>45971</v>
      </c>
      <c r="D24061" s="2">
        <v>176889</v>
      </c>
      <c r="E24061" s="1" t="s">
        <v>0</v>
      </c>
    </row>
    <row r="24062" spans="1:5" x14ac:dyDescent="0.25">
      <c r="A24062" s="2">
        <v>4812</v>
      </c>
      <c r="B24062" s="2">
        <v>4812</v>
      </c>
      <c r="C24062" s="1" t="s">
        <v>0</v>
      </c>
      <c r="D24062" s="2">
        <v>176890</v>
      </c>
      <c r="E24062" s="1" t="s">
        <v>0</v>
      </c>
    </row>
    <row r="24063" spans="1:5" x14ac:dyDescent="0.25">
      <c r="A24063" s="1" t="s">
        <v>4375</v>
      </c>
      <c r="B24063" s="1" t="s">
        <v>11979</v>
      </c>
      <c r="C24063" s="1" t="s">
        <v>45972</v>
      </c>
      <c r="D24063" s="2">
        <v>176891</v>
      </c>
      <c r="E24063" s="1" t="s">
        <v>0</v>
      </c>
    </row>
    <row r="24064" spans="1:5" x14ac:dyDescent="0.25">
      <c r="A24064" s="1" t="s">
        <v>45973</v>
      </c>
      <c r="B24064" s="1" t="s">
        <v>61402</v>
      </c>
      <c r="C24064" s="1" t="s">
        <v>45974</v>
      </c>
      <c r="D24064" s="2">
        <v>176892</v>
      </c>
      <c r="E24064" s="1" t="s">
        <v>0</v>
      </c>
    </row>
    <row r="24065" spans="1:5" ht="409.5" x14ac:dyDescent="0.25">
      <c r="A24065" s="4" t="s">
        <v>45975</v>
      </c>
      <c r="B24065" s="1" t="s">
        <v>61403</v>
      </c>
      <c r="C24065" s="1" t="s">
        <v>45976</v>
      </c>
      <c r="D24065" s="2">
        <v>176893</v>
      </c>
      <c r="E24065" s="1" t="s">
        <v>0</v>
      </c>
    </row>
    <row r="24066" spans="1:5" x14ac:dyDescent="0.25">
      <c r="A24066" s="1" t="s">
        <v>45977</v>
      </c>
      <c r="B24066" s="1" t="s">
        <v>11980</v>
      </c>
      <c r="C24066" s="1" t="s">
        <v>45978</v>
      </c>
      <c r="D24066" s="2">
        <v>176894</v>
      </c>
      <c r="E24066" s="1" t="s">
        <v>0</v>
      </c>
    </row>
    <row r="24067" spans="1:5" x14ac:dyDescent="0.25">
      <c r="A24067" s="2">
        <v>4813</v>
      </c>
      <c r="B24067" s="2">
        <v>4813</v>
      </c>
      <c r="C24067" s="1" t="s">
        <v>0</v>
      </c>
      <c r="D24067" s="2">
        <v>176895</v>
      </c>
      <c r="E24067" s="1" t="s">
        <v>0</v>
      </c>
    </row>
    <row r="24068" spans="1:5" x14ac:dyDescent="0.25">
      <c r="A24068" s="1" t="s">
        <v>4376</v>
      </c>
      <c r="B24068" s="1" t="s">
        <v>11981</v>
      </c>
      <c r="C24068" s="1" t="s">
        <v>45979</v>
      </c>
      <c r="D24068" s="2">
        <v>176896</v>
      </c>
      <c r="E24068" s="1" t="s">
        <v>0</v>
      </c>
    </row>
    <row r="24069" spans="1:5" x14ac:dyDescent="0.25">
      <c r="A24069" s="1" t="s">
        <v>45980</v>
      </c>
      <c r="B24069" s="1" t="s">
        <v>56303</v>
      </c>
      <c r="C24069" s="1" t="s">
        <v>45981</v>
      </c>
      <c r="D24069" s="2">
        <v>176897</v>
      </c>
      <c r="E24069" s="1" t="s">
        <v>0</v>
      </c>
    </row>
    <row r="24070" spans="1:5" ht="409.5" x14ac:dyDescent="0.25">
      <c r="A24070" s="4" t="s">
        <v>45982</v>
      </c>
      <c r="B24070" s="1" t="s">
        <v>63023</v>
      </c>
      <c r="C24070" s="1" t="s">
        <v>45983</v>
      </c>
      <c r="D24070" s="2">
        <v>176898</v>
      </c>
      <c r="E24070" s="1" t="s">
        <v>0</v>
      </c>
    </row>
    <row r="24071" spans="1:5" x14ac:dyDescent="0.25">
      <c r="A24071" s="1" t="s">
        <v>45984</v>
      </c>
      <c r="B24071" s="1" t="s">
        <v>11982</v>
      </c>
      <c r="C24071" s="1" t="s">
        <v>45985</v>
      </c>
      <c r="D24071" s="2">
        <v>176899</v>
      </c>
      <c r="E24071" s="1" t="s">
        <v>0</v>
      </c>
    </row>
    <row r="24072" spans="1:5" x14ac:dyDescent="0.25">
      <c r="A24072" s="2">
        <v>4814</v>
      </c>
      <c r="B24072" s="2">
        <v>4814</v>
      </c>
      <c r="C24072" s="1" t="s">
        <v>0</v>
      </c>
      <c r="D24072" s="2">
        <v>176900</v>
      </c>
      <c r="E24072" s="1" t="s">
        <v>0</v>
      </c>
    </row>
    <row r="24073" spans="1:5" x14ac:dyDescent="0.25">
      <c r="A24073" s="1" t="s">
        <v>13299</v>
      </c>
      <c r="B24073" s="1" t="s">
        <v>11983</v>
      </c>
      <c r="C24073" s="1" t="s">
        <v>45986</v>
      </c>
      <c r="D24073" s="2">
        <v>176901</v>
      </c>
      <c r="E24073" s="1" t="s">
        <v>0</v>
      </c>
    </row>
    <row r="24074" spans="1:5" x14ac:dyDescent="0.25">
      <c r="A24074" s="1" t="s">
        <v>45987</v>
      </c>
      <c r="B24074" s="1" t="s">
        <v>56304</v>
      </c>
      <c r="C24074" s="1" t="s">
        <v>45988</v>
      </c>
      <c r="D24074" s="2">
        <v>176902</v>
      </c>
      <c r="E24074" s="1" t="s">
        <v>0</v>
      </c>
    </row>
    <row r="24075" spans="1:5" ht="409.5" x14ac:dyDescent="0.25">
      <c r="A24075" s="4" t="s">
        <v>45989</v>
      </c>
      <c r="B24075" s="1" t="s">
        <v>56305</v>
      </c>
      <c r="C24075" s="1" t="s">
        <v>45990</v>
      </c>
      <c r="D24075" s="2">
        <v>176903</v>
      </c>
      <c r="E24075" s="1" t="s">
        <v>0</v>
      </c>
    </row>
    <row r="24076" spans="1:5" x14ac:dyDescent="0.25">
      <c r="A24076" s="1" t="s">
        <v>21207</v>
      </c>
      <c r="B24076" s="1" t="s">
        <v>60987</v>
      </c>
      <c r="C24076" s="1" t="s">
        <v>21208</v>
      </c>
      <c r="D24076" s="2">
        <v>176904</v>
      </c>
      <c r="E24076" s="1" t="s">
        <v>0</v>
      </c>
    </row>
    <row r="24077" spans="1:5" x14ac:dyDescent="0.25">
      <c r="A24077" s="2">
        <v>4815</v>
      </c>
      <c r="B24077" s="2">
        <v>4815</v>
      </c>
      <c r="C24077" s="1" t="s">
        <v>0</v>
      </c>
      <c r="D24077" s="2">
        <v>176905</v>
      </c>
      <c r="E24077" s="1" t="s">
        <v>0</v>
      </c>
    </row>
    <row r="24078" spans="1:5" x14ac:dyDescent="0.25">
      <c r="A24078" s="1" t="s">
        <v>4377</v>
      </c>
      <c r="B24078" s="1" t="s">
        <v>11984</v>
      </c>
      <c r="C24078" s="1" t="s">
        <v>45991</v>
      </c>
      <c r="D24078" s="2">
        <v>176906</v>
      </c>
      <c r="E24078" s="1" t="s">
        <v>0</v>
      </c>
    </row>
    <row r="24079" spans="1:5" x14ac:dyDescent="0.25">
      <c r="A24079" s="1" t="s">
        <v>45992</v>
      </c>
      <c r="B24079" s="1" t="s">
        <v>56306</v>
      </c>
      <c r="C24079" s="1" t="s">
        <v>45993</v>
      </c>
      <c r="D24079" s="2">
        <v>176907</v>
      </c>
      <c r="E24079" s="1" t="s">
        <v>0</v>
      </c>
    </row>
    <row r="24080" spans="1:5" ht="409.5" x14ac:dyDescent="0.25">
      <c r="A24080" s="4" t="s">
        <v>45994</v>
      </c>
      <c r="B24080" s="1" t="s">
        <v>63524</v>
      </c>
      <c r="C24080" s="1" t="s">
        <v>45995</v>
      </c>
      <c r="D24080" s="2">
        <v>176908</v>
      </c>
      <c r="E24080" s="1" t="s">
        <v>0</v>
      </c>
    </row>
    <row r="24081" spans="1:5" x14ac:dyDescent="0.25">
      <c r="A24081" s="1" t="s">
        <v>45996</v>
      </c>
      <c r="B24081" s="1" t="s">
        <v>11985</v>
      </c>
      <c r="C24081" s="1" t="s">
        <v>45997</v>
      </c>
      <c r="D24081" s="2">
        <v>176909</v>
      </c>
      <c r="E24081" s="1" t="s">
        <v>0</v>
      </c>
    </row>
    <row r="24082" spans="1:5" x14ac:dyDescent="0.25">
      <c r="A24082" s="2">
        <v>4816</v>
      </c>
      <c r="B24082" s="2">
        <v>4816</v>
      </c>
      <c r="C24082" s="1" t="s">
        <v>0</v>
      </c>
      <c r="D24082" s="2">
        <v>176910</v>
      </c>
      <c r="E24082" s="1" t="s">
        <v>0</v>
      </c>
    </row>
    <row r="24083" spans="1:5" x14ac:dyDescent="0.25">
      <c r="A24083" s="1" t="s">
        <v>4378</v>
      </c>
      <c r="B24083" s="1" t="s">
        <v>11986</v>
      </c>
      <c r="C24083" s="1" t="s">
        <v>45998</v>
      </c>
      <c r="D24083" s="2">
        <v>176911</v>
      </c>
      <c r="E24083" s="1" t="s">
        <v>0</v>
      </c>
    </row>
    <row r="24084" spans="1:5" x14ac:dyDescent="0.25">
      <c r="A24084" s="1" t="s">
        <v>45999</v>
      </c>
      <c r="B24084" s="1" t="s">
        <v>56981</v>
      </c>
      <c r="C24084" s="1" t="s">
        <v>46000</v>
      </c>
      <c r="D24084" s="2">
        <v>176912</v>
      </c>
      <c r="E24084" s="1" t="s">
        <v>0</v>
      </c>
    </row>
    <row r="24085" spans="1:5" ht="409.5" x14ac:dyDescent="0.25">
      <c r="A24085" s="4" t="s">
        <v>46001</v>
      </c>
      <c r="B24085" s="1" t="s">
        <v>56982</v>
      </c>
      <c r="C24085" s="1" t="s">
        <v>46002</v>
      </c>
      <c r="D24085" s="2">
        <v>176913</v>
      </c>
      <c r="E24085" s="1" t="s">
        <v>0</v>
      </c>
    </row>
    <row r="24086" spans="1:5" x14ac:dyDescent="0.25">
      <c r="A24086" s="1" t="s">
        <v>46003</v>
      </c>
      <c r="B24086" s="1" t="s">
        <v>56307</v>
      </c>
      <c r="C24086" s="1" t="s">
        <v>46004</v>
      </c>
      <c r="D24086" s="2">
        <v>176914</v>
      </c>
      <c r="E24086" s="1" t="s">
        <v>0</v>
      </c>
    </row>
    <row r="24087" spans="1:5" x14ac:dyDescent="0.25">
      <c r="A24087" s="2">
        <v>4817</v>
      </c>
      <c r="B24087" s="2">
        <v>4817</v>
      </c>
      <c r="C24087" s="1" t="s">
        <v>0</v>
      </c>
      <c r="D24087" s="2">
        <v>176915</v>
      </c>
      <c r="E24087" s="1" t="s">
        <v>0</v>
      </c>
    </row>
    <row r="24088" spans="1:5" x14ac:dyDescent="0.25">
      <c r="A24088" s="1" t="s">
        <v>4379</v>
      </c>
      <c r="B24088" s="1" t="s">
        <v>11987</v>
      </c>
      <c r="C24088" s="1" t="s">
        <v>46005</v>
      </c>
      <c r="D24088" s="2">
        <v>176916</v>
      </c>
      <c r="E24088" s="1" t="s">
        <v>0</v>
      </c>
    </row>
    <row r="24089" spans="1:5" x14ac:dyDescent="0.25">
      <c r="A24089" s="1" t="s">
        <v>46006</v>
      </c>
      <c r="B24089" s="1" t="s">
        <v>11988</v>
      </c>
      <c r="C24089" s="1" t="s">
        <v>46007</v>
      </c>
      <c r="D24089" s="2">
        <v>176917</v>
      </c>
      <c r="E24089" s="1" t="s">
        <v>0</v>
      </c>
    </row>
    <row r="24090" spans="1:5" ht="409.5" x14ac:dyDescent="0.25">
      <c r="A24090" s="4" t="s">
        <v>46008</v>
      </c>
      <c r="B24090" s="1" t="s">
        <v>11989</v>
      </c>
      <c r="C24090" s="1" t="s">
        <v>46009</v>
      </c>
      <c r="D24090" s="2">
        <v>176918</v>
      </c>
      <c r="E24090" s="1" t="s">
        <v>0</v>
      </c>
    </row>
    <row r="24091" spans="1:5" x14ac:dyDescent="0.25">
      <c r="A24091" s="1" t="s">
        <v>46010</v>
      </c>
      <c r="B24091" s="1" t="s">
        <v>56308</v>
      </c>
      <c r="C24091" s="1" t="s">
        <v>46011</v>
      </c>
      <c r="D24091" s="2">
        <v>176919</v>
      </c>
      <c r="E24091" s="1" t="s">
        <v>0</v>
      </c>
    </row>
    <row r="24092" spans="1:5" x14ac:dyDescent="0.25">
      <c r="A24092" s="2">
        <v>4818</v>
      </c>
      <c r="B24092" s="2">
        <v>4818</v>
      </c>
      <c r="C24092" s="1" t="s">
        <v>0</v>
      </c>
      <c r="D24092" s="2">
        <v>176920</v>
      </c>
      <c r="E24092" s="1" t="s">
        <v>0</v>
      </c>
    </row>
    <row r="24093" spans="1:5" x14ac:dyDescent="0.25">
      <c r="A24093" s="1" t="s">
        <v>4380</v>
      </c>
      <c r="B24093" s="1" t="s">
        <v>11990</v>
      </c>
      <c r="C24093" s="1" t="s">
        <v>46012</v>
      </c>
      <c r="D24093" s="2">
        <v>176921</v>
      </c>
      <c r="E24093" s="1" t="s">
        <v>0</v>
      </c>
    </row>
    <row r="24094" spans="1:5" x14ac:dyDescent="0.25">
      <c r="A24094" s="1" t="s">
        <v>46013</v>
      </c>
      <c r="B24094" s="1" t="s">
        <v>63525</v>
      </c>
      <c r="C24094" s="1" t="s">
        <v>46014</v>
      </c>
      <c r="D24094" s="2">
        <v>176922</v>
      </c>
      <c r="E24094" s="1" t="s">
        <v>0</v>
      </c>
    </row>
    <row r="24095" spans="1:5" ht="409.5" x14ac:dyDescent="0.25">
      <c r="A24095" s="4" t="s">
        <v>46015</v>
      </c>
      <c r="B24095" s="1" t="s">
        <v>63526</v>
      </c>
      <c r="C24095" s="1" t="s">
        <v>46016</v>
      </c>
      <c r="D24095" s="2">
        <v>176923</v>
      </c>
      <c r="E24095" s="1" t="s">
        <v>0</v>
      </c>
    </row>
    <row r="24096" spans="1:5" x14ac:dyDescent="0.25">
      <c r="A24096" s="1" t="s">
        <v>46017</v>
      </c>
      <c r="B24096" s="1" t="s">
        <v>56309</v>
      </c>
      <c r="C24096" s="1" t="s">
        <v>46018</v>
      </c>
      <c r="D24096" s="2">
        <v>176924</v>
      </c>
      <c r="E24096" s="1" t="s">
        <v>0</v>
      </c>
    </row>
    <row r="24097" spans="1:5" x14ac:dyDescent="0.25">
      <c r="A24097" s="2">
        <v>4819</v>
      </c>
      <c r="B24097" s="2">
        <v>4819</v>
      </c>
      <c r="C24097" s="1" t="s">
        <v>0</v>
      </c>
      <c r="D24097" s="2">
        <v>176925</v>
      </c>
      <c r="E24097" s="1" t="s">
        <v>0</v>
      </c>
    </row>
    <row r="24098" spans="1:5" x14ac:dyDescent="0.25">
      <c r="A24098" s="1" t="s">
        <v>4381</v>
      </c>
      <c r="B24098" s="1" t="s">
        <v>11991</v>
      </c>
      <c r="C24098" s="1" t="s">
        <v>46019</v>
      </c>
      <c r="D24098" s="2">
        <v>176926</v>
      </c>
      <c r="E24098" s="1" t="s">
        <v>0</v>
      </c>
    </row>
    <row r="24099" spans="1:5" x14ac:dyDescent="0.25">
      <c r="A24099" s="1" t="s">
        <v>46020</v>
      </c>
      <c r="B24099" s="1" t="s">
        <v>56310</v>
      </c>
      <c r="C24099" s="1" t="s">
        <v>46021</v>
      </c>
      <c r="D24099" s="2">
        <v>176927</v>
      </c>
      <c r="E24099" s="1" t="s">
        <v>0</v>
      </c>
    </row>
    <row r="24100" spans="1:5" ht="409.5" x14ac:dyDescent="0.25">
      <c r="A24100" s="4" t="s">
        <v>46022</v>
      </c>
      <c r="B24100" s="1" t="s">
        <v>56311</v>
      </c>
      <c r="C24100" s="1" t="s">
        <v>46023</v>
      </c>
      <c r="D24100" s="2">
        <v>176928</v>
      </c>
      <c r="E24100" s="1" t="s">
        <v>0</v>
      </c>
    </row>
    <row r="24101" spans="1:5" x14ac:dyDescent="0.25">
      <c r="A24101" s="1" t="s">
        <v>46024</v>
      </c>
      <c r="B24101" s="1" t="s">
        <v>56312</v>
      </c>
      <c r="C24101" s="1" t="s">
        <v>46025</v>
      </c>
      <c r="D24101" s="2">
        <v>176929</v>
      </c>
      <c r="E24101" s="1" t="s">
        <v>0</v>
      </c>
    </row>
    <row r="24102" spans="1:5" x14ac:dyDescent="0.25">
      <c r="A24102" s="2">
        <v>4820</v>
      </c>
      <c r="B24102" s="2">
        <v>4820</v>
      </c>
      <c r="C24102" s="1" t="s">
        <v>0</v>
      </c>
      <c r="D24102" s="2">
        <v>176930</v>
      </c>
      <c r="E24102" s="1" t="s">
        <v>0</v>
      </c>
    </row>
    <row r="24103" spans="1:5" x14ac:dyDescent="0.25">
      <c r="A24103" s="1" t="s">
        <v>4382</v>
      </c>
      <c r="B24103" s="1" t="s">
        <v>11992</v>
      </c>
      <c r="C24103" s="1" t="s">
        <v>46026</v>
      </c>
      <c r="D24103" s="2">
        <v>176931</v>
      </c>
      <c r="E24103" s="1" t="s">
        <v>0</v>
      </c>
    </row>
    <row r="24104" spans="1:5" x14ac:dyDescent="0.25">
      <c r="A24104" s="1" t="s">
        <v>46027</v>
      </c>
      <c r="B24104" s="1" t="s">
        <v>11993</v>
      </c>
      <c r="C24104" s="1" t="s">
        <v>46028</v>
      </c>
      <c r="D24104" s="2">
        <v>176932</v>
      </c>
      <c r="E24104" s="1" t="s">
        <v>0</v>
      </c>
    </row>
    <row r="24105" spans="1:5" ht="409.5" x14ac:dyDescent="0.25">
      <c r="A24105" s="4" t="s">
        <v>64381</v>
      </c>
      <c r="B24105" s="1" t="s">
        <v>58615</v>
      </c>
      <c r="C24105" s="1" t="s">
        <v>46029</v>
      </c>
      <c r="D24105" s="2">
        <v>176933</v>
      </c>
      <c r="E24105" s="1" t="s">
        <v>0</v>
      </c>
    </row>
    <row r="24106" spans="1:5" x14ac:dyDescent="0.25">
      <c r="A24106" s="1" t="s">
        <v>46030</v>
      </c>
      <c r="B24106" s="1" t="s">
        <v>56313</v>
      </c>
      <c r="C24106" s="1" t="s">
        <v>46031</v>
      </c>
      <c r="D24106" s="2">
        <v>176934</v>
      </c>
      <c r="E24106" s="1" t="s">
        <v>0</v>
      </c>
    </row>
    <row r="24107" spans="1:5" x14ac:dyDescent="0.25">
      <c r="A24107" s="2">
        <v>4821</v>
      </c>
      <c r="B24107" s="2">
        <v>4821</v>
      </c>
      <c r="C24107" s="1" t="s">
        <v>0</v>
      </c>
      <c r="D24107" s="2">
        <v>176935</v>
      </c>
      <c r="E24107" s="1" t="s">
        <v>0</v>
      </c>
    </row>
    <row r="24108" spans="1:5" x14ac:dyDescent="0.25">
      <c r="A24108" s="1" t="s">
        <v>4383</v>
      </c>
      <c r="B24108" s="1" t="s">
        <v>11994</v>
      </c>
      <c r="C24108" s="1" t="s">
        <v>46032</v>
      </c>
      <c r="D24108" s="2">
        <v>176936</v>
      </c>
      <c r="E24108" s="1" t="s">
        <v>0</v>
      </c>
    </row>
    <row r="24109" spans="1:5" x14ac:dyDescent="0.25">
      <c r="A24109" s="1" t="s">
        <v>46033</v>
      </c>
      <c r="B24109" s="1" t="s">
        <v>56314</v>
      </c>
      <c r="C24109" s="1" t="s">
        <v>46034</v>
      </c>
      <c r="D24109" s="2">
        <v>176937</v>
      </c>
      <c r="E24109" s="1" t="s">
        <v>0</v>
      </c>
    </row>
    <row r="24110" spans="1:5" ht="409.5" x14ac:dyDescent="0.25">
      <c r="A24110" s="4" t="s">
        <v>46035</v>
      </c>
      <c r="B24110" s="1" t="s">
        <v>56315</v>
      </c>
      <c r="C24110" s="1" t="s">
        <v>46036</v>
      </c>
      <c r="D24110" s="2">
        <v>176938</v>
      </c>
      <c r="E24110" s="1" t="s">
        <v>0</v>
      </c>
    </row>
    <row r="24111" spans="1:5" x14ac:dyDescent="0.25">
      <c r="A24111" s="1" t="s">
        <v>46037</v>
      </c>
      <c r="B24111" s="1" t="s">
        <v>11995</v>
      </c>
      <c r="C24111" s="1" t="s">
        <v>46038</v>
      </c>
      <c r="D24111" s="2">
        <v>176939</v>
      </c>
      <c r="E24111" s="1" t="s">
        <v>0</v>
      </c>
    </row>
    <row r="24112" spans="1:5" x14ac:dyDescent="0.25">
      <c r="A24112" s="2">
        <v>4822</v>
      </c>
      <c r="B24112" s="2">
        <v>4822</v>
      </c>
      <c r="C24112" s="1" t="s">
        <v>0</v>
      </c>
      <c r="D24112" s="2">
        <v>176940</v>
      </c>
      <c r="E24112" s="1" t="s">
        <v>0</v>
      </c>
    </row>
    <row r="24113" spans="1:5" x14ac:dyDescent="0.25">
      <c r="A24113" s="1" t="s">
        <v>4384</v>
      </c>
      <c r="B24113" s="1" t="s">
        <v>58865</v>
      </c>
      <c r="C24113" s="1" t="s">
        <v>46039</v>
      </c>
      <c r="D24113" s="2">
        <v>176941</v>
      </c>
      <c r="E24113" s="1" t="s">
        <v>0</v>
      </c>
    </row>
    <row r="24114" spans="1:5" x14ac:dyDescent="0.25">
      <c r="A24114" s="1" t="s">
        <v>46040</v>
      </c>
      <c r="B24114" s="1" t="s">
        <v>58866</v>
      </c>
      <c r="C24114" s="1" t="s">
        <v>46041</v>
      </c>
      <c r="D24114" s="2">
        <v>176942</v>
      </c>
      <c r="E24114" s="1" t="s">
        <v>0</v>
      </c>
    </row>
    <row r="24115" spans="1:5" ht="409.5" x14ac:dyDescent="0.25">
      <c r="A24115" s="4" t="s">
        <v>46042</v>
      </c>
      <c r="B24115" s="1" t="s">
        <v>59692</v>
      </c>
      <c r="C24115" s="1" t="s">
        <v>46043</v>
      </c>
      <c r="D24115" s="2">
        <v>176943</v>
      </c>
      <c r="E24115" s="1" t="s">
        <v>0</v>
      </c>
    </row>
    <row r="24116" spans="1:5" x14ac:dyDescent="0.25">
      <c r="A24116" s="1" t="s">
        <v>46044</v>
      </c>
      <c r="B24116" s="1" t="s">
        <v>58867</v>
      </c>
      <c r="C24116" s="1" t="s">
        <v>46045</v>
      </c>
      <c r="D24116" s="2">
        <v>176944</v>
      </c>
      <c r="E24116" s="1" t="s">
        <v>0</v>
      </c>
    </row>
    <row r="24117" spans="1:5" x14ac:dyDescent="0.25">
      <c r="A24117" s="2">
        <v>4823</v>
      </c>
      <c r="B24117" s="2">
        <v>4823</v>
      </c>
      <c r="C24117" s="1" t="s">
        <v>0</v>
      </c>
      <c r="D24117" s="2">
        <v>176945</v>
      </c>
      <c r="E24117" s="1" t="s">
        <v>0</v>
      </c>
    </row>
    <row r="24118" spans="1:5" x14ac:dyDescent="0.25">
      <c r="A24118" s="1" t="s">
        <v>11996</v>
      </c>
      <c r="B24118" s="1" t="s">
        <v>11997</v>
      </c>
      <c r="C24118" s="1" t="s">
        <v>46046</v>
      </c>
      <c r="D24118" s="2">
        <v>176946</v>
      </c>
      <c r="E24118" s="1" t="s">
        <v>0</v>
      </c>
    </row>
    <row r="24119" spans="1:5" x14ac:dyDescent="0.25">
      <c r="A24119" s="1" t="s">
        <v>46047</v>
      </c>
      <c r="B24119" s="1" t="s">
        <v>11998</v>
      </c>
      <c r="C24119" s="1" t="s">
        <v>46048</v>
      </c>
      <c r="D24119" s="2">
        <v>176947</v>
      </c>
      <c r="E24119" s="1" t="s">
        <v>0</v>
      </c>
    </row>
    <row r="24120" spans="1:5" ht="409.5" x14ac:dyDescent="0.25">
      <c r="A24120" s="4" t="s">
        <v>46049</v>
      </c>
      <c r="B24120" s="1" t="s">
        <v>58616</v>
      </c>
      <c r="C24120" s="1" t="s">
        <v>46050</v>
      </c>
      <c r="D24120" s="2">
        <v>176948</v>
      </c>
      <c r="E24120" s="1" t="s">
        <v>0</v>
      </c>
    </row>
    <row r="24121" spans="1:5" x14ac:dyDescent="0.25">
      <c r="A24121" s="1" t="s">
        <v>46051</v>
      </c>
      <c r="B24121" s="1" t="s">
        <v>56316</v>
      </c>
      <c r="C24121" s="1" t="s">
        <v>46052</v>
      </c>
      <c r="D24121" s="2">
        <v>176949</v>
      </c>
      <c r="E24121" s="1" t="s">
        <v>0</v>
      </c>
    </row>
    <row r="24122" spans="1:5" x14ac:dyDescent="0.25">
      <c r="A24122" s="2">
        <v>4824</v>
      </c>
      <c r="B24122" s="2">
        <v>4824</v>
      </c>
      <c r="C24122" s="1" t="s">
        <v>0</v>
      </c>
      <c r="D24122" s="2">
        <v>176950</v>
      </c>
      <c r="E24122" s="1" t="s">
        <v>0</v>
      </c>
    </row>
    <row r="24123" spans="1:5" x14ac:dyDescent="0.25">
      <c r="A24123" s="1" t="s">
        <v>4385</v>
      </c>
      <c r="B24123" s="1" t="s">
        <v>56983</v>
      </c>
      <c r="C24123" s="1" t="s">
        <v>46053</v>
      </c>
      <c r="D24123" s="2">
        <v>176951</v>
      </c>
      <c r="E24123" s="1" t="s">
        <v>0</v>
      </c>
    </row>
    <row r="24124" spans="1:5" x14ac:dyDescent="0.25">
      <c r="A24124" s="1" t="s">
        <v>64382</v>
      </c>
      <c r="B24124" s="1" t="s">
        <v>58617</v>
      </c>
      <c r="C24124" s="1" t="s">
        <v>46054</v>
      </c>
      <c r="D24124" s="2">
        <v>176952</v>
      </c>
      <c r="E24124" s="1" t="s">
        <v>0</v>
      </c>
    </row>
    <row r="24125" spans="1:5" ht="409.5" x14ac:dyDescent="0.25">
      <c r="A24125" s="4" t="s">
        <v>64383</v>
      </c>
      <c r="B24125" s="1" t="s">
        <v>60665</v>
      </c>
      <c r="C24125" s="1" t="s">
        <v>46055</v>
      </c>
      <c r="D24125" s="2">
        <v>176953</v>
      </c>
      <c r="E24125" s="1" t="s">
        <v>0</v>
      </c>
    </row>
    <row r="24126" spans="1:5" x14ac:dyDescent="0.25">
      <c r="A24126" s="1" t="s">
        <v>46056</v>
      </c>
      <c r="B24126" s="1" t="s">
        <v>56317</v>
      </c>
      <c r="C24126" s="1" t="s">
        <v>46057</v>
      </c>
      <c r="D24126" s="2">
        <v>176954</v>
      </c>
      <c r="E24126" s="1" t="s">
        <v>0</v>
      </c>
    </row>
    <row r="24127" spans="1:5" x14ac:dyDescent="0.25">
      <c r="A24127" s="2">
        <v>4825</v>
      </c>
      <c r="B24127" s="2">
        <v>4825</v>
      </c>
      <c r="C24127" s="1" t="s">
        <v>0</v>
      </c>
      <c r="D24127" s="2">
        <v>176955</v>
      </c>
      <c r="E24127" s="1" t="s">
        <v>0</v>
      </c>
    </row>
    <row r="24128" spans="1:5" x14ac:dyDescent="0.25">
      <c r="A24128" s="1" t="s">
        <v>4386</v>
      </c>
      <c r="B24128" s="1" t="s">
        <v>11999</v>
      </c>
      <c r="C24128" s="1" t="s">
        <v>46058</v>
      </c>
      <c r="D24128" s="2">
        <v>176956</v>
      </c>
      <c r="E24128" s="1" t="s">
        <v>0</v>
      </c>
    </row>
    <row r="24129" spans="1:5" x14ac:dyDescent="0.25">
      <c r="A24129" s="1" t="s">
        <v>46059</v>
      </c>
      <c r="B24129" s="1" t="s">
        <v>12000</v>
      </c>
      <c r="C24129" s="1" t="s">
        <v>46060</v>
      </c>
      <c r="D24129" s="2">
        <v>176957</v>
      </c>
      <c r="E24129" s="1" t="s">
        <v>0</v>
      </c>
    </row>
    <row r="24130" spans="1:5" ht="409.5" x14ac:dyDescent="0.25">
      <c r="A24130" s="4" t="s">
        <v>46061</v>
      </c>
      <c r="B24130" s="1" t="s">
        <v>46062</v>
      </c>
      <c r="C24130" s="1" t="s">
        <v>46063</v>
      </c>
      <c r="D24130" s="2">
        <v>176958</v>
      </c>
      <c r="E24130" s="1" t="s">
        <v>0</v>
      </c>
    </row>
    <row r="24131" spans="1:5" x14ac:dyDescent="0.25">
      <c r="A24131" s="1" t="s">
        <v>46064</v>
      </c>
      <c r="B24131" s="1" t="s">
        <v>56318</v>
      </c>
      <c r="C24131" s="1" t="s">
        <v>46065</v>
      </c>
      <c r="D24131" s="2">
        <v>176959</v>
      </c>
      <c r="E24131" s="1" t="s">
        <v>0</v>
      </c>
    </row>
    <row r="24132" spans="1:5" x14ac:dyDescent="0.25">
      <c r="A24132" s="2">
        <v>4826</v>
      </c>
      <c r="B24132" s="2">
        <v>4826</v>
      </c>
      <c r="C24132" s="1" t="s">
        <v>0</v>
      </c>
      <c r="D24132" s="2">
        <v>176960</v>
      </c>
      <c r="E24132" s="1" t="s">
        <v>0</v>
      </c>
    </row>
    <row r="24133" spans="1:5" x14ac:dyDescent="0.25">
      <c r="A24133" s="1" t="s">
        <v>4387</v>
      </c>
      <c r="B24133" s="1" t="s">
        <v>12001</v>
      </c>
      <c r="C24133" s="1" t="s">
        <v>46066</v>
      </c>
      <c r="D24133" s="2">
        <v>176961</v>
      </c>
      <c r="E24133" s="1" t="s">
        <v>0</v>
      </c>
    </row>
    <row r="24134" spans="1:5" x14ac:dyDescent="0.25">
      <c r="A24134" s="1" t="s">
        <v>46067</v>
      </c>
      <c r="B24134" s="1" t="s">
        <v>60299</v>
      </c>
      <c r="C24134" s="1" t="s">
        <v>46068</v>
      </c>
      <c r="D24134" s="2">
        <v>176962</v>
      </c>
      <c r="E24134" s="1" t="s">
        <v>0</v>
      </c>
    </row>
    <row r="24135" spans="1:5" ht="409.5" x14ac:dyDescent="0.25">
      <c r="A24135" s="4" t="s">
        <v>46069</v>
      </c>
      <c r="B24135" s="1" t="s">
        <v>60300</v>
      </c>
      <c r="C24135" s="1" t="s">
        <v>46070</v>
      </c>
      <c r="D24135" s="2">
        <v>176963</v>
      </c>
      <c r="E24135" s="1" t="s">
        <v>0</v>
      </c>
    </row>
    <row r="24136" spans="1:5" x14ac:dyDescent="0.25">
      <c r="A24136" s="1" t="s">
        <v>46071</v>
      </c>
      <c r="B24136" s="1" t="s">
        <v>12002</v>
      </c>
      <c r="C24136" s="1" t="s">
        <v>46072</v>
      </c>
      <c r="D24136" s="2">
        <v>176964</v>
      </c>
      <c r="E24136" s="1" t="s">
        <v>0</v>
      </c>
    </row>
    <row r="24137" spans="1:5" x14ac:dyDescent="0.25">
      <c r="A24137" s="2">
        <v>4827</v>
      </c>
      <c r="B24137" s="2">
        <v>4827</v>
      </c>
      <c r="C24137" s="1" t="s">
        <v>0</v>
      </c>
      <c r="D24137" s="2">
        <v>176965</v>
      </c>
      <c r="E24137" s="1" t="s">
        <v>0</v>
      </c>
    </row>
    <row r="24138" spans="1:5" x14ac:dyDescent="0.25">
      <c r="A24138" s="1" t="s">
        <v>4388</v>
      </c>
      <c r="B24138" s="1" t="s">
        <v>12003</v>
      </c>
      <c r="C24138" s="1" t="s">
        <v>46073</v>
      </c>
      <c r="D24138" s="2">
        <v>176966</v>
      </c>
      <c r="E24138" s="1" t="s">
        <v>0</v>
      </c>
    </row>
    <row r="24139" spans="1:5" x14ac:dyDescent="0.25">
      <c r="A24139" s="1" t="s">
        <v>46074</v>
      </c>
      <c r="B24139" s="1" t="s">
        <v>12004</v>
      </c>
      <c r="C24139" s="1" t="s">
        <v>46075</v>
      </c>
      <c r="D24139" s="2">
        <v>176967</v>
      </c>
      <c r="E24139" s="1" t="s">
        <v>0</v>
      </c>
    </row>
    <row r="24140" spans="1:5" ht="409.5" x14ac:dyDescent="0.25">
      <c r="A24140" s="4" t="s">
        <v>46076</v>
      </c>
      <c r="B24140" s="1" t="s">
        <v>58011</v>
      </c>
      <c r="C24140" s="1" t="s">
        <v>46077</v>
      </c>
      <c r="D24140" s="2">
        <v>176968</v>
      </c>
      <c r="E24140" s="1" t="s">
        <v>0</v>
      </c>
    </row>
    <row r="24141" spans="1:5" x14ac:dyDescent="0.25">
      <c r="A24141" s="1" t="s">
        <v>46078</v>
      </c>
      <c r="B24141" s="1" t="s">
        <v>56319</v>
      </c>
      <c r="C24141" s="1" t="s">
        <v>46079</v>
      </c>
      <c r="D24141" s="2">
        <v>176969</v>
      </c>
      <c r="E24141" s="1" t="s">
        <v>0</v>
      </c>
    </row>
    <row r="24142" spans="1:5" x14ac:dyDescent="0.25">
      <c r="A24142" s="2">
        <v>4828</v>
      </c>
      <c r="B24142" s="2">
        <v>4828</v>
      </c>
      <c r="C24142" s="1" t="s">
        <v>0</v>
      </c>
      <c r="D24142" s="2">
        <v>176970</v>
      </c>
      <c r="E24142" s="1" t="s">
        <v>0</v>
      </c>
    </row>
    <row r="24143" spans="1:5" x14ac:dyDescent="0.25">
      <c r="A24143" s="1" t="s">
        <v>4389</v>
      </c>
      <c r="B24143" s="1" t="s">
        <v>12005</v>
      </c>
      <c r="C24143" s="1" t="s">
        <v>46080</v>
      </c>
      <c r="D24143" s="2">
        <v>176971</v>
      </c>
      <c r="E24143" s="1" t="s">
        <v>0</v>
      </c>
    </row>
    <row r="24144" spans="1:5" x14ac:dyDescent="0.25">
      <c r="A24144" s="1" t="s">
        <v>46081</v>
      </c>
      <c r="B24144" s="1" t="s">
        <v>56320</v>
      </c>
      <c r="C24144" s="1" t="s">
        <v>46082</v>
      </c>
      <c r="D24144" s="2">
        <v>176972</v>
      </c>
      <c r="E24144" s="1" t="s">
        <v>0</v>
      </c>
    </row>
    <row r="24145" spans="1:5" ht="409.5" x14ac:dyDescent="0.25">
      <c r="A24145" s="4" t="s">
        <v>46083</v>
      </c>
      <c r="B24145" s="1" t="s">
        <v>56321</v>
      </c>
      <c r="C24145" s="1" t="s">
        <v>46084</v>
      </c>
      <c r="D24145" s="2">
        <v>176973</v>
      </c>
      <c r="E24145" s="1" t="s">
        <v>0</v>
      </c>
    </row>
    <row r="24146" spans="1:5" x14ac:dyDescent="0.25">
      <c r="A24146" s="1" t="s">
        <v>46085</v>
      </c>
      <c r="B24146" s="1" t="s">
        <v>56322</v>
      </c>
      <c r="C24146" s="1" t="s">
        <v>46086</v>
      </c>
      <c r="D24146" s="2">
        <v>176974</v>
      </c>
      <c r="E24146" s="1" t="s">
        <v>0</v>
      </c>
    </row>
    <row r="24147" spans="1:5" x14ac:dyDescent="0.25">
      <c r="A24147" s="2">
        <v>4829</v>
      </c>
      <c r="B24147" s="2">
        <v>4829</v>
      </c>
      <c r="C24147" s="1" t="s">
        <v>0</v>
      </c>
      <c r="D24147" s="2">
        <v>176975</v>
      </c>
      <c r="E24147" s="1" t="s">
        <v>0</v>
      </c>
    </row>
    <row r="24148" spans="1:5" x14ac:dyDescent="0.25">
      <c r="A24148" s="1" t="s">
        <v>4390</v>
      </c>
      <c r="B24148" s="1" t="s">
        <v>12006</v>
      </c>
      <c r="C24148" s="1" t="s">
        <v>46087</v>
      </c>
      <c r="D24148" s="2">
        <v>176976</v>
      </c>
      <c r="E24148" s="1" t="s">
        <v>0</v>
      </c>
    </row>
    <row r="24149" spans="1:5" x14ac:dyDescent="0.25">
      <c r="A24149" s="1" t="s">
        <v>46088</v>
      </c>
      <c r="B24149" s="1" t="s">
        <v>56323</v>
      </c>
      <c r="C24149" s="1" t="s">
        <v>46089</v>
      </c>
      <c r="D24149" s="2">
        <v>176977</v>
      </c>
      <c r="E24149" s="1" t="s">
        <v>0</v>
      </c>
    </row>
    <row r="24150" spans="1:5" ht="409.5" x14ac:dyDescent="0.25">
      <c r="A24150" s="4" t="s">
        <v>46090</v>
      </c>
      <c r="B24150" s="1" t="s">
        <v>63527</v>
      </c>
      <c r="C24150" s="1" t="s">
        <v>46091</v>
      </c>
      <c r="D24150" s="2">
        <v>176978</v>
      </c>
      <c r="E24150" s="1" t="s">
        <v>0</v>
      </c>
    </row>
    <row r="24151" spans="1:5" x14ac:dyDescent="0.25">
      <c r="A24151" s="1" t="s">
        <v>46092</v>
      </c>
      <c r="B24151" s="1" t="s">
        <v>56324</v>
      </c>
      <c r="C24151" s="1" t="s">
        <v>46093</v>
      </c>
      <c r="D24151" s="2">
        <v>176979</v>
      </c>
      <c r="E24151" s="1" t="s">
        <v>0</v>
      </c>
    </row>
    <row r="24152" spans="1:5" x14ac:dyDescent="0.25">
      <c r="A24152" s="2">
        <v>4830</v>
      </c>
      <c r="B24152" s="2">
        <v>4830</v>
      </c>
      <c r="C24152" s="1" t="s">
        <v>0</v>
      </c>
      <c r="D24152" s="2">
        <v>176980</v>
      </c>
      <c r="E24152" s="1" t="s">
        <v>0</v>
      </c>
    </row>
    <row r="24153" spans="1:5" x14ac:dyDescent="0.25">
      <c r="A24153" s="1" t="s">
        <v>4391</v>
      </c>
      <c r="B24153" s="1" t="s">
        <v>12007</v>
      </c>
      <c r="C24153" s="1" t="s">
        <v>46094</v>
      </c>
      <c r="D24153" s="2">
        <v>176981</v>
      </c>
      <c r="E24153" s="1" t="s">
        <v>0</v>
      </c>
    </row>
    <row r="24154" spans="1:5" x14ac:dyDescent="0.25">
      <c r="A24154" s="1" t="s">
        <v>46095</v>
      </c>
      <c r="B24154" s="1" t="s">
        <v>56325</v>
      </c>
      <c r="C24154" s="1" t="s">
        <v>46096</v>
      </c>
      <c r="D24154" s="2">
        <v>176982</v>
      </c>
      <c r="E24154" s="1" t="s">
        <v>0</v>
      </c>
    </row>
    <row r="24155" spans="1:5" ht="409.5" x14ac:dyDescent="0.25">
      <c r="A24155" s="4" t="s">
        <v>46097</v>
      </c>
      <c r="B24155" s="1" t="s">
        <v>56326</v>
      </c>
      <c r="C24155" s="1" t="s">
        <v>46098</v>
      </c>
      <c r="D24155" s="2">
        <v>176983</v>
      </c>
      <c r="E24155" s="1" t="s">
        <v>0</v>
      </c>
    </row>
    <row r="24156" spans="1:5" x14ac:dyDescent="0.25">
      <c r="A24156" s="1" t="s">
        <v>46099</v>
      </c>
      <c r="B24156" s="1" t="s">
        <v>12008</v>
      </c>
      <c r="C24156" s="1" t="s">
        <v>46100</v>
      </c>
      <c r="D24156" s="2">
        <v>176984</v>
      </c>
      <c r="E24156" s="1" t="s">
        <v>0</v>
      </c>
    </row>
    <row r="24157" spans="1:5" x14ac:dyDescent="0.25">
      <c r="A24157" s="2">
        <v>4831</v>
      </c>
      <c r="B24157" s="2">
        <v>4831</v>
      </c>
      <c r="C24157" s="1" t="s">
        <v>0</v>
      </c>
      <c r="D24157" s="2">
        <v>176985</v>
      </c>
      <c r="E24157" s="1" t="s">
        <v>0</v>
      </c>
    </row>
    <row r="24158" spans="1:5" x14ac:dyDescent="0.25">
      <c r="A24158" s="1" t="s">
        <v>13300</v>
      </c>
      <c r="B24158" s="1" t="s">
        <v>13301</v>
      </c>
      <c r="C24158" s="1" t="s">
        <v>46101</v>
      </c>
      <c r="D24158" s="2">
        <v>176986</v>
      </c>
      <c r="E24158" s="1" t="s">
        <v>0</v>
      </c>
    </row>
    <row r="24159" spans="1:5" x14ac:dyDescent="0.25">
      <c r="A24159" s="1" t="s">
        <v>61897</v>
      </c>
      <c r="B24159" s="1" t="s">
        <v>63024</v>
      </c>
      <c r="C24159" s="1" t="s">
        <v>46102</v>
      </c>
      <c r="D24159" s="2">
        <v>176987</v>
      </c>
      <c r="E24159" s="1" t="s">
        <v>0</v>
      </c>
    </row>
    <row r="24160" spans="1:5" ht="409.5" x14ac:dyDescent="0.25">
      <c r="A24160" s="4" t="s">
        <v>61898</v>
      </c>
      <c r="B24160" s="1" t="s">
        <v>63025</v>
      </c>
      <c r="C24160" s="1" t="s">
        <v>46103</v>
      </c>
      <c r="D24160" s="2">
        <v>176988</v>
      </c>
      <c r="E24160" s="1" t="s">
        <v>0</v>
      </c>
    </row>
    <row r="24161" spans="1:5" x14ac:dyDescent="0.25">
      <c r="A24161" s="1" t="s">
        <v>46104</v>
      </c>
      <c r="B24161" s="1" t="s">
        <v>12009</v>
      </c>
      <c r="C24161" s="1" t="s">
        <v>46105</v>
      </c>
      <c r="D24161" s="2">
        <v>176989</v>
      </c>
      <c r="E24161" s="1" t="s">
        <v>0</v>
      </c>
    </row>
    <row r="24162" spans="1:5" x14ac:dyDescent="0.25">
      <c r="A24162" s="2">
        <v>4832</v>
      </c>
      <c r="B24162" s="2">
        <v>4832</v>
      </c>
      <c r="C24162" s="1" t="s">
        <v>0</v>
      </c>
      <c r="D24162" s="2">
        <v>176990</v>
      </c>
      <c r="E24162" s="1" t="s">
        <v>0</v>
      </c>
    </row>
    <row r="24163" spans="1:5" x14ac:dyDescent="0.25">
      <c r="A24163" s="1" t="s">
        <v>4392</v>
      </c>
      <c r="B24163" s="1" t="s">
        <v>12010</v>
      </c>
      <c r="C24163" s="1" t="s">
        <v>46106</v>
      </c>
      <c r="D24163" s="2">
        <v>176991</v>
      </c>
      <c r="E24163" s="1" t="s">
        <v>0</v>
      </c>
    </row>
    <row r="24164" spans="1:5" x14ac:dyDescent="0.25">
      <c r="A24164" s="1" t="s">
        <v>46107</v>
      </c>
      <c r="B24164" s="1" t="s">
        <v>56327</v>
      </c>
      <c r="C24164" s="1" t="s">
        <v>46108</v>
      </c>
      <c r="D24164" s="2">
        <v>176992</v>
      </c>
      <c r="E24164" s="1" t="s">
        <v>0</v>
      </c>
    </row>
    <row r="24165" spans="1:5" ht="409.5" x14ac:dyDescent="0.25">
      <c r="A24165" s="4" t="s">
        <v>46109</v>
      </c>
      <c r="B24165" s="1" t="s">
        <v>56328</v>
      </c>
      <c r="C24165" s="1" t="s">
        <v>46110</v>
      </c>
      <c r="D24165" s="2">
        <v>176993</v>
      </c>
      <c r="E24165" s="1" t="s">
        <v>0</v>
      </c>
    </row>
    <row r="24166" spans="1:5" x14ac:dyDescent="0.25">
      <c r="A24166" s="1" t="s">
        <v>46111</v>
      </c>
      <c r="B24166" s="1" t="s">
        <v>57342</v>
      </c>
      <c r="C24166" s="1" t="s">
        <v>46112</v>
      </c>
      <c r="D24166" s="2">
        <v>176994</v>
      </c>
      <c r="E24166" s="1" t="s">
        <v>0</v>
      </c>
    </row>
    <row r="24167" spans="1:5" x14ac:dyDescent="0.25">
      <c r="A24167" s="2">
        <v>4833</v>
      </c>
      <c r="B24167" s="2">
        <v>4833</v>
      </c>
      <c r="C24167" s="1" t="s">
        <v>0</v>
      </c>
      <c r="D24167" s="2">
        <v>176995</v>
      </c>
      <c r="E24167" s="1" t="s">
        <v>0</v>
      </c>
    </row>
    <row r="24168" spans="1:5" x14ac:dyDescent="0.25">
      <c r="A24168" s="1" t="s">
        <v>4393</v>
      </c>
      <c r="B24168" s="1" t="s">
        <v>12011</v>
      </c>
      <c r="C24168" s="1" t="s">
        <v>46113</v>
      </c>
      <c r="D24168" s="2">
        <v>176996</v>
      </c>
      <c r="E24168" s="1" t="s">
        <v>0</v>
      </c>
    </row>
    <row r="24169" spans="1:5" x14ac:dyDescent="0.25">
      <c r="A24169" s="1" t="s">
        <v>46114</v>
      </c>
      <c r="B24169" s="1" t="s">
        <v>12012</v>
      </c>
      <c r="C24169" s="1" t="s">
        <v>46115</v>
      </c>
      <c r="D24169" s="2">
        <v>176997</v>
      </c>
      <c r="E24169" s="1" t="s">
        <v>0</v>
      </c>
    </row>
    <row r="24170" spans="1:5" ht="409.5" x14ac:dyDescent="0.25">
      <c r="A24170" s="4" t="s">
        <v>46116</v>
      </c>
      <c r="B24170" s="1" t="s">
        <v>12013</v>
      </c>
      <c r="C24170" s="1" t="s">
        <v>46117</v>
      </c>
      <c r="D24170" s="2">
        <v>176998</v>
      </c>
      <c r="E24170" s="1" t="s">
        <v>0</v>
      </c>
    </row>
    <row r="24171" spans="1:5" x14ac:dyDescent="0.25">
      <c r="A24171" s="1" t="s">
        <v>46118</v>
      </c>
      <c r="B24171" s="1" t="s">
        <v>56329</v>
      </c>
      <c r="C24171" s="1" t="s">
        <v>46119</v>
      </c>
      <c r="D24171" s="2">
        <v>176999</v>
      </c>
      <c r="E24171" s="1" t="s">
        <v>0</v>
      </c>
    </row>
    <row r="24172" spans="1:5" x14ac:dyDescent="0.25">
      <c r="A24172" s="2">
        <v>4834</v>
      </c>
      <c r="B24172" s="2">
        <v>4834</v>
      </c>
      <c r="C24172" s="1" t="s">
        <v>0</v>
      </c>
      <c r="D24172" s="2">
        <v>177000</v>
      </c>
      <c r="E24172" s="1" t="s">
        <v>0</v>
      </c>
    </row>
    <row r="24173" spans="1:5" x14ac:dyDescent="0.25">
      <c r="A24173" s="1" t="s">
        <v>4394</v>
      </c>
      <c r="B24173" s="1" t="s">
        <v>51076</v>
      </c>
      <c r="C24173" s="1" t="s">
        <v>46120</v>
      </c>
      <c r="D24173" s="2">
        <v>177001</v>
      </c>
      <c r="E24173" s="1" t="s">
        <v>0</v>
      </c>
    </row>
    <row r="24174" spans="1:5" x14ac:dyDescent="0.25">
      <c r="A24174" s="1" t="s">
        <v>46121</v>
      </c>
      <c r="B24174" s="1" t="s">
        <v>56330</v>
      </c>
      <c r="C24174" s="1" t="s">
        <v>46122</v>
      </c>
      <c r="D24174" s="2">
        <v>177002</v>
      </c>
      <c r="E24174" s="1" t="s">
        <v>0</v>
      </c>
    </row>
    <row r="24175" spans="1:5" ht="409.5" x14ac:dyDescent="0.25">
      <c r="A24175" s="4" t="s">
        <v>46123</v>
      </c>
      <c r="B24175" s="1" t="s">
        <v>56331</v>
      </c>
      <c r="C24175" s="1" t="s">
        <v>46124</v>
      </c>
      <c r="D24175" s="2">
        <v>177003</v>
      </c>
      <c r="E24175" s="1" t="s">
        <v>0</v>
      </c>
    </row>
    <row r="24176" spans="1:5" x14ac:dyDescent="0.25">
      <c r="A24176" s="1" t="s">
        <v>46125</v>
      </c>
      <c r="B24176" s="1" t="s">
        <v>56332</v>
      </c>
      <c r="C24176" s="1" t="s">
        <v>46126</v>
      </c>
      <c r="D24176" s="2">
        <v>177004</v>
      </c>
      <c r="E24176" s="1" t="s">
        <v>0</v>
      </c>
    </row>
    <row r="24177" spans="1:5" x14ac:dyDescent="0.25">
      <c r="A24177" s="2">
        <v>4835</v>
      </c>
      <c r="B24177" s="2">
        <v>4835</v>
      </c>
      <c r="C24177" s="1" t="s">
        <v>0</v>
      </c>
      <c r="D24177" s="2">
        <v>177005</v>
      </c>
      <c r="E24177" s="1" t="s">
        <v>0</v>
      </c>
    </row>
    <row r="24178" spans="1:5" x14ac:dyDescent="0.25">
      <c r="A24178" s="1" t="s">
        <v>4395</v>
      </c>
      <c r="B24178" s="1" t="s">
        <v>12014</v>
      </c>
      <c r="C24178" s="1" t="s">
        <v>46127</v>
      </c>
      <c r="D24178" s="2">
        <v>177006</v>
      </c>
      <c r="E24178" s="1" t="s">
        <v>0</v>
      </c>
    </row>
    <row r="24179" spans="1:5" x14ac:dyDescent="0.25">
      <c r="A24179" s="1" t="s">
        <v>46128</v>
      </c>
      <c r="B24179" s="1" t="s">
        <v>12015</v>
      </c>
      <c r="C24179" s="1" t="s">
        <v>46129</v>
      </c>
      <c r="D24179" s="2">
        <v>177007</v>
      </c>
      <c r="E24179" s="1" t="s">
        <v>0</v>
      </c>
    </row>
    <row r="24180" spans="1:5" ht="409.5" x14ac:dyDescent="0.25">
      <c r="A24180" s="4" t="s">
        <v>46130</v>
      </c>
      <c r="B24180" s="1" t="s">
        <v>58120</v>
      </c>
      <c r="C24180" s="1" t="s">
        <v>46131</v>
      </c>
      <c r="D24180" s="2">
        <v>177008</v>
      </c>
      <c r="E24180" s="1" t="s">
        <v>0</v>
      </c>
    </row>
    <row r="24181" spans="1:5" x14ac:dyDescent="0.25">
      <c r="A24181" s="1" t="s">
        <v>46132</v>
      </c>
      <c r="B24181" s="1" t="s">
        <v>12016</v>
      </c>
      <c r="C24181" s="1" t="s">
        <v>46133</v>
      </c>
      <c r="D24181" s="2">
        <v>177009</v>
      </c>
      <c r="E24181" s="1" t="s">
        <v>0</v>
      </c>
    </row>
    <row r="24182" spans="1:5" x14ac:dyDescent="0.25">
      <c r="A24182" s="2">
        <v>4836</v>
      </c>
      <c r="B24182" s="2">
        <v>4836</v>
      </c>
      <c r="C24182" s="1" t="s">
        <v>0</v>
      </c>
      <c r="D24182" s="2">
        <v>177010</v>
      </c>
      <c r="E24182" s="1" t="s">
        <v>0</v>
      </c>
    </row>
    <row r="24183" spans="1:5" x14ac:dyDescent="0.25">
      <c r="A24183" s="1" t="s">
        <v>12017</v>
      </c>
      <c r="B24183" s="1" t="s">
        <v>12018</v>
      </c>
      <c r="C24183" s="1" t="s">
        <v>46134</v>
      </c>
      <c r="D24183" s="2">
        <v>177011</v>
      </c>
      <c r="E24183" s="1" t="s">
        <v>0</v>
      </c>
    </row>
    <row r="24184" spans="1:5" x14ac:dyDescent="0.25">
      <c r="A24184" s="1" t="s">
        <v>46135</v>
      </c>
      <c r="B24184" s="1" t="s">
        <v>63026</v>
      </c>
      <c r="C24184" s="1" t="s">
        <v>46136</v>
      </c>
      <c r="D24184" s="2">
        <v>177012</v>
      </c>
      <c r="E24184" s="1" t="s">
        <v>0</v>
      </c>
    </row>
    <row r="24185" spans="1:5" ht="409.5" x14ac:dyDescent="0.25">
      <c r="A24185" s="4" t="s">
        <v>46137</v>
      </c>
      <c r="B24185" s="1" t="s">
        <v>63027</v>
      </c>
      <c r="C24185" s="1" t="s">
        <v>46138</v>
      </c>
      <c r="D24185" s="2">
        <v>177013</v>
      </c>
      <c r="E24185" s="1" t="s">
        <v>0</v>
      </c>
    </row>
    <row r="24186" spans="1:5" x14ac:dyDescent="0.25">
      <c r="A24186" s="1" t="s">
        <v>46139</v>
      </c>
      <c r="B24186" s="1" t="s">
        <v>56333</v>
      </c>
      <c r="C24186" s="1" t="s">
        <v>46140</v>
      </c>
      <c r="D24186" s="2">
        <v>177014</v>
      </c>
      <c r="E24186" s="1" t="s">
        <v>0</v>
      </c>
    </row>
    <row r="24187" spans="1:5" x14ac:dyDescent="0.25">
      <c r="A24187" s="2">
        <v>4837</v>
      </c>
      <c r="B24187" s="2">
        <v>4837</v>
      </c>
      <c r="C24187" s="1" t="s">
        <v>0</v>
      </c>
      <c r="D24187" s="2">
        <v>177015</v>
      </c>
      <c r="E24187" s="1" t="s">
        <v>0</v>
      </c>
    </row>
    <row r="24188" spans="1:5" x14ac:dyDescent="0.25">
      <c r="A24188" s="1" t="s">
        <v>4396</v>
      </c>
      <c r="B24188" s="1" t="s">
        <v>12019</v>
      </c>
      <c r="C24188" s="1" t="s">
        <v>46141</v>
      </c>
      <c r="D24188" s="2">
        <v>177016</v>
      </c>
      <c r="E24188" s="1" t="s">
        <v>0</v>
      </c>
    </row>
    <row r="24189" spans="1:5" x14ac:dyDescent="0.25">
      <c r="A24189" s="1" t="s">
        <v>46142</v>
      </c>
      <c r="B24189" s="1" t="s">
        <v>12020</v>
      </c>
      <c r="C24189" s="1" t="s">
        <v>46143</v>
      </c>
      <c r="D24189" s="2">
        <v>177017</v>
      </c>
      <c r="E24189" s="1" t="s">
        <v>0</v>
      </c>
    </row>
    <row r="24190" spans="1:5" ht="409.5" x14ac:dyDescent="0.25">
      <c r="A24190" s="4" t="s">
        <v>46144</v>
      </c>
      <c r="B24190" s="1" t="s">
        <v>58618</v>
      </c>
      <c r="C24190" s="1" t="s">
        <v>46145</v>
      </c>
      <c r="D24190" s="2">
        <v>177018</v>
      </c>
      <c r="E24190" s="1" t="s">
        <v>0</v>
      </c>
    </row>
    <row r="24191" spans="1:5" x14ac:dyDescent="0.25">
      <c r="A24191" s="1" t="s">
        <v>46146</v>
      </c>
      <c r="B24191" s="1" t="s">
        <v>12021</v>
      </c>
      <c r="C24191" s="1" t="s">
        <v>46147</v>
      </c>
      <c r="D24191" s="2">
        <v>177019</v>
      </c>
      <c r="E24191" s="1" t="s">
        <v>0</v>
      </c>
    </row>
    <row r="24192" spans="1:5" x14ac:dyDescent="0.25">
      <c r="A24192" s="2">
        <v>4838</v>
      </c>
      <c r="B24192" s="2">
        <v>4838</v>
      </c>
      <c r="C24192" s="1" t="s">
        <v>0</v>
      </c>
      <c r="D24192" s="2">
        <v>177020</v>
      </c>
      <c r="E24192" s="1" t="s">
        <v>0</v>
      </c>
    </row>
    <row r="24193" spans="1:5" x14ac:dyDescent="0.25">
      <c r="A24193" s="1" t="s">
        <v>4397</v>
      </c>
      <c r="B24193" s="1" t="s">
        <v>12022</v>
      </c>
      <c r="C24193" s="1" t="s">
        <v>46148</v>
      </c>
      <c r="D24193" s="2">
        <v>177021</v>
      </c>
      <c r="E24193" s="1" t="s">
        <v>0</v>
      </c>
    </row>
    <row r="24194" spans="1:5" x14ac:dyDescent="0.25">
      <c r="A24194" s="1" t="s">
        <v>46149</v>
      </c>
      <c r="B24194" s="1" t="s">
        <v>63028</v>
      </c>
      <c r="C24194" s="1" t="s">
        <v>46150</v>
      </c>
      <c r="D24194" s="2">
        <v>177022</v>
      </c>
      <c r="E24194" s="1" t="s">
        <v>0</v>
      </c>
    </row>
    <row r="24195" spans="1:5" ht="409.5" x14ac:dyDescent="0.25">
      <c r="A24195" s="4" t="s">
        <v>46151</v>
      </c>
      <c r="B24195" s="1" t="s">
        <v>63029</v>
      </c>
      <c r="C24195" s="1" t="s">
        <v>46152</v>
      </c>
      <c r="D24195" s="2">
        <v>177023</v>
      </c>
      <c r="E24195" s="1" t="s">
        <v>0</v>
      </c>
    </row>
    <row r="24196" spans="1:5" x14ac:dyDescent="0.25">
      <c r="A24196" s="1" t="s">
        <v>46153</v>
      </c>
      <c r="B24196" s="1" t="s">
        <v>12023</v>
      </c>
      <c r="C24196" s="1" t="s">
        <v>46154</v>
      </c>
      <c r="D24196" s="2">
        <v>177024</v>
      </c>
      <c r="E24196" s="1" t="s">
        <v>0</v>
      </c>
    </row>
    <row r="24197" spans="1:5" x14ac:dyDescent="0.25">
      <c r="A24197" s="2">
        <v>4839</v>
      </c>
      <c r="B24197" s="2">
        <v>4839</v>
      </c>
      <c r="C24197" s="1" t="s">
        <v>0</v>
      </c>
      <c r="D24197" s="2">
        <v>177025</v>
      </c>
      <c r="E24197" s="1" t="s">
        <v>0</v>
      </c>
    </row>
    <row r="24198" spans="1:5" x14ac:dyDescent="0.25">
      <c r="A24198" s="1" t="s">
        <v>4398</v>
      </c>
      <c r="B24198" s="1" t="s">
        <v>12024</v>
      </c>
      <c r="C24198" s="1" t="s">
        <v>46155</v>
      </c>
      <c r="D24198" s="2">
        <v>177026</v>
      </c>
      <c r="E24198" s="1" t="s">
        <v>0</v>
      </c>
    </row>
    <row r="24199" spans="1:5" x14ac:dyDescent="0.25">
      <c r="A24199" s="1" t="s">
        <v>46156</v>
      </c>
      <c r="B24199" s="1" t="s">
        <v>56334</v>
      </c>
      <c r="C24199" s="1" t="s">
        <v>46157</v>
      </c>
      <c r="D24199" s="2">
        <v>177027</v>
      </c>
      <c r="E24199" s="1" t="s">
        <v>0</v>
      </c>
    </row>
    <row r="24200" spans="1:5" ht="409.5" x14ac:dyDescent="0.25">
      <c r="A24200" s="4" t="s">
        <v>46158</v>
      </c>
      <c r="B24200" s="1" t="s">
        <v>57649</v>
      </c>
      <c r="C24200" s="1" t="s">
        <v>46159</v>
      </c>
      <c r="D24200" s="2">
        <v>177028</v>
      </c>
      <c r="E24200" s="1" t="s">
        <v>0</v>
      </c>
    </row>
    <row r="24201" spans="1:5" x14ac:dyDescent="0.25">
      <c r="A24201" s="1" t="s">
        <v>46160</v>
      </c>
      <c r="B24201" s="1" t="s">
        <v>56335</v>
      </c>
      <c r="C24201" s="1" t="s">
        <v>46161</v>
      </c>
      <c r="D24201" s="2">
        <v>177029</v>
      </c>
      <c r="E24201" s="1" t="s">
        <v>0</v>
      </c>
    </row>
    <row r="24202" spans="1:5" x14ac:dyDescent="0.25">
      <c r="A24202" s="2">
        <v>4840</v>
      </c>
      <c r="B24202" s="2">
        <v>4840</v>
      </c>
      <c r="C24202" s="1" t="s">
        <v>0</v>
      </c>
      <c r="D24202" s="2">
        <v>177030</v>
      </c>
      <c r="E24202" s="1" t="s">
        <v>0</v>
      </c>
    </row>
    <row r="24203" spans="1:5" x14ac:dyDescent="0.25">
      <c r="A24203" s="1" t="s">
        <v>4399</v>
      </c>
      <c r="B24203" s="1" t="s">
        <v>12025</v>
      </c>
      <c r="C24203" s="1" t="s">
        <v>46162</v>
      </c>
      <c r="D24203" s="2">
        <v>177031</v>
      </c>
      <c r="E24203" s="1" t="s">
        <v>0</v>
      </c>
    </row>
    <row r="24204" spans="1:5" x14ac:dyDescent="0.25">
      <c r="A24204" s="1" t="s">
        <v>46163</v>
      </c>
      <c r="B24204" s="1" t="s">
        <v>56881</v>
      </c>
      <c r="C24204" s="1" t="s">
        <v>46164</v>
      </c>
      <c r="D24204" s="2">
        <v>177032</v>
      </c>
      <c r="E24204" s="1" t="s">
        <v>0</v>
      </c>
    </row>
    <row r="24205" spans="1:5" ht="409.5" x14ac:dyDescent="0.25">
      <c r="A24205" s="4" t="s">
        <v>46165</v>
      </c>
      <c r="B24205" s="1" t="s">
        <v>56882</v>
      </c>
      <c r="C24205" s="1" t="s">
        <v>46166</v>
      </c>
      <c r="D24205" s="2">
        <v>177033</v>
      </c>
      <c r="E24205" s="1" t="s">
        <v>0</v>
      </c>
    </row>
    <row r="24206" spans="1:5" x14ac:dyDescent="0.25">
      <c r="A24206" s="1" t="s">
        <v>46167</v>
      </c>
      <c r="B24206" s="1" t="s">
        <v>12026</v>
      </c>
      <c r="C24206" s="1" t="s">
        <v>46168</v>
      </c>
      <c r="D24206" s="2">
        <v>177034</v>
      </c>
      <c r="E24206" s="1" t="s">
        <v>0</v>
      </c>
    </row>
    <row r="24207" spans="1:5" x14ac:dyDescent="0.25">
      <c r="A24207" s="2">
        <v>4841</v>
      </c>
      <c r="B24207" s="2">
        <v>4841</v>
      </c>
      <c r="C24207" s="1" t="s">
        <v>0</v>
      </c>
      <c r="D24207" s="2">
        <v>177035</v>
      </c>
      <c r="E24207" s="1" t="s">
        <v>0</v>
      </c>
    </row>
    <row r="24208" spans="1:5" x14ac:dyDescent="0.25">
      <c r="A24208" s="1" t="s">
        <v>4400</v>
      </c>
      <c r="B24208" s="1" t="s">
        <v>12027</v>
      </c>
      <c r="C24208" s="1" t="s">
        <v>46169</v>
      </c>
      <c r="D24208" s="2">
        <v>177036</v>
      </c>
      <c r="E24208" s="1" t="s">
        <v>0</v>
      </c>
    </row>
    <row r="24209" spans="1:5" x14ac:dyDescent="0.25">
      <c r="A24209" s="1" t="s">
        <v>46170</v>
      </c>
      <c r="B24209" s="1" t="s">
        <v>12028</v>
      </c>
      <c r="C24209" s="1" t="s">
        <v>46171</v>
      </c>
      <c r="D24209" s="2">
        <v>177037</v>
      </c>
      <c r="E24209" s="1" t="s">
        <v>0</v>
      </c>
    </row>
    <row r="24210" spans="1:5" ht="409.5" x14ac:dyDescent="0.25">
      <c r="A24210" s="4" t="s">
        <v>46172</v>
      </c>
      <c r="B24210" s="1" t="s">
        <v>56883</v>
      </c>
      <c r="C24210" s="1" t="s">
        <v>46173</v>
      </c>
      <c r="D24210" s="2">
        <v>177038</v>
      </c>
      <c r="E24210" s="1" t="s">
        <v>0</v>
      </c>
    </row>
    <row r="24211" spans="1:5" x14ac:dyDescent="0.25">
      <c r="A24211" s="1" t="s">
        <v>46174</v>
      </c>
      <c r="B24211" s="1" t="s">
        <v>12029</v>
      </c>
      <c r="C24211" s="1" t="s">
        <v>46175</v>
      </c>
      <c r="D24211" s="2">
        <v>177039</v>
      </c>
      <c r="E24211" s="1" t="s">
        <v>0</v>
      </c>
    </row>
    <row r="24212" spans="1:5" x14ac:dyDescent="0.25">
      <c r="A24212" s="2">
        <v>4842</v>
      </c>
      <c r="B24212" s="2">
        <v>4842</v>
      </c>
      <c r="C24212" s="1" t="s">
        <v>0</v>
      </c>
      <c r="D24212" s="2">
        <v>177040</v>
      </c>
      <c r="E24212" s="1" t="s">
        <v>0</v>
      </c>
    </row>
    <row r="24213" spans="1:5" x14ac:dyDescent="0.25">
      <c r="A24213" s="1" t="s">
        <v>4401</v>
      </c>
      <c r="B24213" s="1" t="s">
        <v>12030</v>
      </c>
      <c r="C24213" s="1" t="s">
        <v>46176</v>
      </c>
      <c r="D24213" s="2">
        <v>177041</v>
      </c>
      <c r="E24213" s="1" t="s">
        <v>0</v>
      </c>
    </row>
    <row r="24214" spans="1:5" x14ac:dyDescent="0.25">
      <c r="A24214" s="1" t="s">
        <v>46177</v>
      </c>
      <c r="B24214" s="1" t="s">
        <v>58012</v>
      </c>
      <c r="C24214" s="1" t="s">
        <v>46178</v>
      </c>
      <c r="D24214" s="2">
        <v>177042</v>
      </c>
      <c r="E24214" s="1" t="s">
        <v>0</v>
      </c>
    </row>
    <row r="24215" spans="1:5" ht="409.5" x14ac:dyDescent="0.25">
      <c r="A24215" s="4" t="s">
        <v>46179</v>
      </c>
      <c r="B24215" s="1" t="s">
        <v>58013</v>
      </c>
      <c r="C24215" s="1" t="s">
        <v>46180</v>
      </c>
      <c r="D24215" s="2">
        <v>177043</v>
      </c>
      <c r="E24215" s="1" t="s">
        <v>0</v>
      </c>
    </row>
    <row r="24216" spans="1:5" x14ac:dyDescent="0.25">
      <c r="A24216" s="1" t="s">
        <v>46181</v>
      </c>
      <c r="B24216" s="1" t="s">
        <v>56336</v>
      </c>
      <c r="C24216" s="1" t="s">
        <v>46182</v>
      </c>
      <c r="D24216" s="2">
        <v>177044</v>
      </c>
      <c r="E24216" s="1" t="s">
        <v>0</v>
      </c>
    </row>
    <row r="24217" spans="1:5" x14ac:dyDescent="0.25">
      <c r="A24217" s="2">
        <v>4843</v>
      </c>
      <c r="B24217" s="2">
        <v>4843</v>
      </c>
      <c r="C24217" s="1" t="s">
        <v>0</v>
      </c>
      <c r="D24217" s="2">
        <v>177045</v>
      </c>
      <c r="E24217" s="1" t="s">
        <v>0</v>
      </c>
    </row>
    <row r="24218" spans="1:5" x14ac:dyDescent="0.25">
      <c r="A24218" s="1" t="s">
        <v>4402</v>
      </c>
      <c r="B24218" s="1" t="s">
        <v>12031</v>
      </c>
      <c r="C24218" s="1" t="s">
        <v>46183</v>
      </c>
      <c r="D24218" s="2">
        <v>177046</v>
      </c>
      <c r="E24218" s="1" t="s">
        <v>0</v>
      </c>
    </row>
    <row r="24219" spans="1:5" x14ac:dyDescent="0.25">
      <c r="A24219" s="1" t="s">
        <v>46184</v>
      </c>
      <c r="B24219" s="1" t="s">
        <v>12032</v>
      </c>
      <c r="C24219" s="1" t="s">
        <v>46185</v>
      </c>
      <c r="D24219" s="2">
        <v>177047</v>
      </c>
      <c r="E24219" s="1" t="s">
        <v>0</v>
      </c>
    </row>
    <row r="24220" spans="1:5" ht="409.5" x14ac:dyDescent="0.25">
      <c r="A24220" s="4" t="s">
        <v>46186</v>
      </c>
      <c r="B24220" s="1" t="s">
        <v>58868</v>
      </c>
      <c r="C24220" s="1" t="s">
        <v>46187</v>
      </c>
      <c r="D24220" s="2">
        <v>177048</v>
      </c>
      <c r="E24220" s="1" t="s">
        <v>0</v>
      </c>
    </row>
    <row r="24221" spans="1:5" x14ac:dyDescent="0.25">
      <c r="A24221" s="1" t="s">
        <v>29800</v>
      </c>
      <c r="B24221" s="1" t="s">
        <v>61121</v>
      </c>
      <c r="C24221" s="1" t="s">
        <v>29801</v>
      </c>
      <c r="D24221" s="2">
        <v>177049</v>
      </c>
      <c r="E24221" s="1" t="s">
        <v>0</v>
      </c>
    </row>
    <row r="24222" spans="1:5" x14ac:dyDescent="0.25">
      <c r="A24222" s="2">
        <v>4844</v>
      </c>
      <c r="B24222" s="2">
        <v>4844</v>
      </c>
      <c r="C24222" s="1" t="s">
        <v>0</v>
      </c>
      <c r="D24222" s="2">
        <v>177050</v>
      </c>
      <c r="E24222" s="1" t="s">
        <v>0</v>
      </c>
    </row>
    <row r="24223" spans="1:5" x14ac:dyDescent="0.25">
      <c r="A24223" s="1" t="s">
        <v>13302</v>
      </c>
      <c r="B24223" s="1" t="s">
        <v>12033</v>
      </c>
      <c r="C24223" s="1" t="s">
        <v>46188</v>
      </c>
      <c r="D24223" s="2">
        <v>177051</v>
      </c>
      <c r="E24223" s="1" t="s">
        <v>0</v>
      </c>
    </row>
    <row r="24224" spans="1:5" x14ac:dyDescent="0.25">
      <c r="A24224" s="1" t="s">
        <v>46189</v>
      </c>
      <c r="B24224" s="1" t="s">
        <v>13303</v>
      </c>
      <c r="C24224" s="1" t="s">
        <v>46190</v>
      </c>
      <c r="D24224" s="2">
        <v>177052</v>
      </c>
      <c r="E24224" s="1" t="s">
        <v>0</v>
      </c>
    </row>
    <row r="24225" spans="1:5" ht="409.5" x14ac:dyDescent="0.25">
      <c r="A24225" s="4" t="s">
        <v>46191</v>
      </c>
      <c r="B24225" s="1" t="s">
        <v>13304</v>
      </c>
      <c r="C24225" s="1" t="s">
        <v>46192</v>
      </c>
      <c r="D24225" s="2">
        <v>177053</v>
      </c>
      <c r="E24225" s="1" t="s">
        <v>0</v>
      </c>
    </row>
    <row r="24226" spans="1:5" x14ac:dyDescent="0.25">
      <c r="A24226" s="1" t="s">
        <v>14855</v>
      </c>
      <c r="B24226" s="1" t="s">
        <v>60879</v>
      </c>
      <c r="C24226" s="1" t="s">
        <v>14856</v>
      </c>
      <c r="D24226" s="2">
        <v>177054</v>
      </c>
      <c r="E24226" s="1" t="s">
        <v>0</v>
      </c>
    </row>
    <row r="24227" spans="1:5" x14ac:dyDescent="0.25">
      <c r="A24227" s="2">
        <v>4845</v>
      </c>
      <c r="B24227" s="2">
        <v>4845</v>
      </c>
      <c r="C24227" s="1" t="s">
        <v>0</v>
      </c>
      <c r="D24227" s="2">
        <v>177055</v>
      </c>
      <c r="E24227" s="1" t="s">
        <v>0</v>
      </c>
    </row>
    <row r="24228" spans="1:5" x14ac:dyDescent="0.25">
      <c r="A24228" s="1" t="s">
        <v>4403</v>
      </c>
      <c r="B24228" s="1" t="s">
        <v>12034</v>
      </c>
      <c r="C24228" s="1" t="s">
        <v>46193</v>
      </c>
      <c r="D24228" s="2">
        <v>177056</v>
      </c>
      <c r="E24228" s="1" t="s">
        <v>0</v>
      </c>
    </row>
    <row r="24229" spans="1:5" x14ac:dyDescent="0.25">
      <c r="A24229" s="1" t="s">
        <v>46194</v>
      </c>
      <c r="B24229" s="1" t="s">
        <v>56337</v>
      </c>
      <c r="C24229" s="1" t="s">
        <v>46195</v>
      </c>
      <c r="D24229" s="2">
        <v>177057</v>
      </c>
      <c r="E24229" s="1" t="s">
        <v>0</v>
      </c>
    </row>
    <row r="24230" spans="1:5" ht="409.5" x14ac:dyDescent="0.25">
      <c r="A24230" s="4" t="s">
        <v>46196</v>
      </c>
      <c r="B24230" s="1" t="s">
        <v>58014</v>
      </c>
      <c r="C24230" s="1" t="s">
        <v>46197</v>
      </c>
      <c r="D24230" s="2">
        <v>177058</v>
      </c>
      <c r="E24230" s="1" t="s">
        <v>0</v>
      </c>
    </row>
    <row r="24231" spans="1:5" x14ac:dyDescent="0.25">
      <c r="A24231" s="1" t="s">
        <v>46198</v>
      </c>
      <c r="B24231" s="1" t="s">
        <v>57343</v>
      </c>
      <c r="C24231" s="1" t="s">
        <v>46199</v>
      </c>
      <c r="D24231" s="2">
        <v>177059</v>
      </c>
      <c r="E24231" s="1" t="s">
        <v>0</v>
      </c>
    </row>
    <row r="24232" spans="1:5" x14ac:dyDescent="0.25">
      <c r="A24232" s="2">
        <v>4846</v>
      </c>
      <c r="B24232" s="2">
        <v>4846</v>
      </c>
      <c r="C24232" s="1" t="s">
        <v>0</v>
      </c>
      <c r="D24232" s="2">
        <v>177060</v>
      </c>
      <c r="E24232" s="1" t="s">
        <v>0</v>
      </c>
    </row>
    <row r="24233" spans="1:5" x14ac:dyDescent="0.25">
      <c r="A24233" s="1" t="s">
        <v>4404</v>
      </c>
      <c r="B24233" s="1" t="s">
        <v>12035</v>
      </c>
      <c r="C24233" s="1" t="s">
        <v>46200</v>
      </c>
      <c r="D24233" s="2">
        <v>177061</v>
      </c>
      <c r="E24233" s="1" t="s">
        <v>0</v>
      </c>
    </row>
    <row r="24234" spans="1:5" x14ac:dyDescent="0.25">
      <c r="A24234" s="1" t="s">
        <v>46201</v>
      </c>
      <c r="B24234" s="1" t="s">
        <v>58619</v>
      </c>
      <c r="C24234" s="1" t="s">
        <v>46202</v>
      </c>
      <c r="D24234" s="2">
        <v>177062</v>
      </c>
      <c r="E24234" s="1" t="s">
        <v>0</v>
      </c>
    </row>
    <row r="24235" spans="1:5" ht="409.5" x14ac:dyDescent="0.25">
      <c r="A24235" s="4" t="s">
        <v>46203</v>
      </c>
      <c r="B24235" s="1" t="s">
        <v>58620</v>
      </c>
      <c r="C24235" s="1" t="s">
        <v>46204</v>
      </c>
      <c r="D24235" s="2">
        <v>177063</v>
      </c>
      <c r="E24235" s="1" t="s">
        <v>0</v>
      </c>
    </row>
    <row r="24236" spans="1:5" x14ac:dyDescent="0.25">
      <c r="A24236" s="1" t="s">
        <v>46205</v>
      </c>
      <c r="B24236" s="1" t="s">
        <v>12036</v>
      </c>
      <c r="C24236" s="1" t="s">
        <v>46206</v>
      </c>
      <c r="D24236" s="2">
        <v>177064</v>
      </c>
      <c r="E24236" s="1" t="s">
        <v>0</v>
      </c>
    </row>
    <row r="24237" spans="1:5" x14ac:dyDescent="0.25">
      <c r="A24237" s="2">
        <v>4847</v>
      </c>
      <c r="B24237" s="2">
        <v>4847</v>
      </c>
      <c r="C24237" s="1" t="s">
        <v>0</v>
      </c>
      <c r="D24237" s="2">
        <v>177065</v>
      </c>
      <c r="E24237" s="1" t="s">
        <v>0</v>
      </c>
    </row>
    <row r="24238" spans="1:5" x14ac:dyDescent="0.25">
      <c r="A24238" s="1" t="s">
        <v>4405</v>
      </c>
      <c r="B24238" s="1" t="s">
        <v>12037</v>
      </c>
      <c r="C24238" s="1" t="s">
        <v>46207</v>
      </c>
      <c r="D24238" s="2">
        <v>177066</v>
      </c>
      <c r="E24238" s="1" t="s">
        <v>0</v>
      </c>
    </row>
    <row r="24239" spans="1:5" x14ac:dyDescent="0.25">
      <c r="A24239" s="1" t="s">
        <v>46208</v>
      </c>
      <c r="B24239" s="1" t="s">
        <v>12038</v>
      </c>
      <c r="C24239" s="1" t="s">
        <v>46209</v>
      </c>
      <c r="D24239" s="2">
        <v>177067</v>
      </c>
      <c r="E24239" s="1" t="s">
        <v>0</v>
      </c>
    </row>
    <row r="24240" spans="1:5" x14ac:dyDescent="0.25">
      <c r="A24240" s="1" t="s">
        <v>46208</v>
      </c>
      <c r="B24240" s="1" t="s">
        <v>12038</v>
      </c>
      <c r="C24240" s="1" t="s">
        <v>46209</v>
      </c>
      <c r="D24240" s="2">
        <v>177068</v>
      </c>
      <c r="E24240" s="1" t="s">
        <v>0</v>
      </c>
    </row>
    <row r="24241" spans="1:5" x14ac:dyDescent="0.25">
      <c r="A24241" s="1" t="s">
        <v>46210</v>
      </c>
      <c r="B24241" s="1" t="s">
        <v>56338</v>
      </c>
      <c r="C24241" s="1" t="s">
        <v>46211</v>
      </c>
      <c r="D24241" s="2">
        <v>177069</v>
      </c>
      <c r="E24241" s="1" t="s">
        <v>0</v>
      </c>
    </row>
    <row r="24242" spans="1:5" x14ac:dyDescent="0.25">
      <c r="A24242" s="2">
        <v>4848</v>
      </c>
      <c r="B24242" s="2">
        <v>4848</v>
      </c>
      <c r="C24242" s="1" t="s">
        <v>0</v>
      </c>
      <c r="D24242" s="2">
        <v>177070</v>
      </c>
      <c r="E24242" s="1" t="s">
        <v>0</v>
      </c>
    </row>
    <row r="24243" spans="1:5" x14ac:dyDescent="0.25">
      <c r="A24243" s="1" t="s">
        <v>4406</v>
      </c>
      <c r="B24243" s="1" t="s">
        <v>12039</v>
      </c>
      <c r="C24243" s="1" t="s">
        <v>46212</v>
      </c>
      <c r="D24243" s="2">
        <v>177071</v>
      </c>
      <c r="E24243" s="1" t="s">
        <v>0</v>
      </c>
    </row>
    <row r="24244" spans="1:5" x14ac:dyDescent="0.25">
      <c r="A24244" s="1" t="s">
        <v>46213</v>
      </c>
      <c r="B24244" s="1" t="s">
        <v>56339</v>
      </c>
      <c r="C24244" s="1" t="s">
        <v>46214</v>
      </c>
      <c r="D24244" s="2">
        <v>177072</v>
      </c>
      <c r="E24244" s="1" t="s">
        <v>0</v>
      </c>
    </row>
    <row r="24245" spans="1:5" ht="409.5" x14ac:dyDescent="0.25">
      <c r="A24245" s="4" t="s">
        <v>64384</v>
      </c>
      <c r="B24245" s="1" t="s">
        <v>56340</v>
      </c>
      <c r="C24245" s="1" t="s">
        <v>46215</v>
      </c>
      <c r="D24245" s="2">
        <v>177073</v>
      </c>
      <c r="E24245" s="1" t="s">
        <v>0</v>
      </c>
    </row>
    <row r="24246" spans="1:5" x14ac:dyDescent="0.25">
      <c r="A24246" s="1" t="s">
        <v>46216</v>
      </c>
      <c r="B24246" s="1" t="s">
        <v>61404</v>
      </c>
      <c r="C24246" s="1" t="s">
        <v>46217</v>
      </c>
      <c r="D24246" s="2">
        <v>177074</v>
      </c>
      <c r="E24246" s="1" t="s">
        <v>0</v>
      </c>
    </row>
    <row r="24247" spans="1:5" x14ac:dyDescent="0.25">
      <c r="A24247" s="2">
        <v>4849</v>
      </c>
      <c r="B24247" s="2">
        <v>4849</v>
      </c>
      <c r="C24247" s="1" t="s">
        <v>0</v>
      </c>
      <c r="D24247" s="2">
        <v>177075</v>
      </c>
      <c r="E24247" s="1" t="s">
        <v>0</v>
      </c>
    </row>
    <row r="24248" spans="1:5" x14ac:dyDescent="0.25">
      <c r="A24248" s="1" t="s">
        <v>4407</v>
      </c>
      <c r="B24248" s="1" t="s">
        <v>12040</v>
      </c>
      <c r="C24248" s="1" t="s">
        <v>46218</v>
      </c>
      <c r="D24248" s="2">
        <v>177076</v>
      </c>
      <c r="E24248" s="1" t="s">
        <v>0</v>
      </c>
    </row>
    <row r="24249" spans="1:5" x14ac:dyDescent="0.25">
      <c r="A24249" s="1" t="s">
        <v>46219</v>
      </c>
      <c r="B24249" s="1" t="s">
        <v>57650</v>
      </c>
      <c r="C24249" s="1" t="s">
        <v>46220</v>
      </c>
      <c r="D24249" s="2">
        <v>177077</v>
      </c>
      <c r="E24249" s="1" t="s">
        <v>0</v>
      </c>
    </row>
    <row r="24250" spans="1:5" ht="409.5" x14ac:dyDescent="0.25">
      <c r="A24250" s="4" t="s">
        <v>46221</v>
      </c>
      <c r="B24250" s="1" t="s">
        <v>57651</v>
      </c>
      <c r="C24250" s="1" t="s">
        <v>46222</v>
      </c>
      <c r="D24250" s="2">
        <v>177078</v>
      </c>
      <c r="E24250" s="1" t="s">
        <v>0</v>
      </c>
    </row>
    <row r="24251" spans="1:5" x14ac:dyDescent="0.25">
      <c r="A24251" s="1" t="s">
        <v>46223</v>
      </c>
      <c r="B24251" s="1" t="s">
        <v>12041</v>
      </c>
      <c r="C24251" s="1" t="s">
        <v>46224</v>
      </c>
      <c r="D24251" s="2">
        <v>177079</v>
      </c>
      <c r="E24251" s="1" t="s">
        <v>0</v>
      </c>
    </row>
    <row r="24252" spans="1:5" x14ac:dyDescent="0.25">
      <c r="A24252" s="2">
        <v>4850</v>
      </c>
      <c r="B24252" s="2">
        <v>4850</v>
      </c>
      <c r="C24252" s="1" t="s">
        <v>0</v>
      </c>
      <c r="D24252" s="2">
        <v>177080</v>
      </c>
      <c r="E24252" s="1" t="s">
        <v>0</v>
      </c>
    </row>
    <row r="24253" spans="1:5" x14ac:dyDescent="0.25">
      <c r="A24253" s="1" t="s">
        <v>4408</v>
      </c>
      <c r="B24253" s="1" t="s">
        <v>12042</v>
      </c>
      <c r="C24253" s="1" t="s">
        <v>46225</v>
      </c>
      <c r="D24253" s="2">
        <v>177081</v>
      </c>
      <c r="E24253" s="1" t="s">
        <v>0</v>
      </c>
    </row>
    <row r="24254" spans="1:5" x14ac:dyDescent="0.25">
      <c r="A24254" s="1" t="s">
        <v>46226</v>
      </c>
      <c r="B24254" s="1" t="s">
        <v>56341</v>
      </c>
      <c r="C24254" s="1" t="s">
        <v>46227</v>
      </c>
      <c r="D24254" s="2">
        <v>177082</v>
      </c>
      <c r="E24254" s="1" t="s">
        <v>0</v>
      </c>
    </row>
    <row r="24255" spans="1:5" ht="409.5" x14ac:dyDescent="0.25">
      <c r="A24255" s="4" t="s">
        <v>46228</v>
      </c>
      <c r="B24255" s="1" t="s">
        <v>56342</v>
      </c>
      <c r="C24255" s="1" t="s">
        <v>46229</v>
      </c>
      <c r="D24255" s="2">
        <v>177083</v>
      </c>
      <c r="E24255" s="1" t="s">
        <v>0</v>
      </c>
    </row>
    <row r="24256" spans="1:5" x14ac:dyDescent="0.25">
      <c r="A24256" s="1" t="s">
        <v>46230</v>
      </c>
      <c r="B24256" s="1" t="s">
        <v>12043</v>
      </c>
      <c r="C24256" s="1" t="s">
        <v>46231</v>
      </c>
      <c r="D24256" s="2">
        <v>177084</v>
      </c>
      <c r="E24256" s="1" t="s">
        <v>0</v>
      </c>
    </row>
    <row r="24257" spans="1:5" x14ac:dyDescent="0.25">
      <c r="A24257" s="2">
        <v>4851</v>
      </c>
      <c r="B24257" s="2">
        <v>4851</v>
      </c>
      <c r="C24257" s="1" t="s">
        <v>0</v>
      </c>
      <c r="D24257" s="2">
        <v>177085</v>
      </c>
      <c r="E24257" s="1" t="s">
        <v>0</v>
      </c>
    </row>
    <row r="24258" spans="1:5" x14ac:dyDescent="0.25">
      <c r="A24258" s="1" t="s">
        <v>4409</v>
      </c>
      <c r="B24258" s="1" t="s">
        <v>12044</v>
      </c>
      <c r="C24258" s="1" t="s">
        <v>46232</v>
      </c>
      <c r="D24258" s="2">
        <v>177086</v>
      </c>
      <c r="E24258" s="1" t="s">
        <v>0</v>
      </c>
    </row>
    <row r="24259" spans="1:5" x14ac:dyDescent="0.25">
      <c r="A24259" s="1" t="s">
        <v>46233</v>
      </c>
      <c r="B24259" s="1" t="s">
        <v>56343</v>
      </c>
      <c r="C24259" s="1" t="s">
        <v>46234</v>
      </c>
      <c r="D24259" s="2">
        <v>177087</v>
      </c>
      <c r="E24259" s="1" t="s">
        <v>0</v>
      </c>
    </row>
    <row r="24260" spans="1:5" ht="409.5" x14ac:dyDescent="0.25">
      <c r="A24260" s="4" t="s">
        <v>46235</v>
      </c>
      <c r="B24260" s="1" t="s">
        <v>63030</v>
      </c>
      <c r="C24260" s="1" t="s">
        <v>46236</v>
      </c>
      <c r="D24260" s="2">
        <v>177088</v>
      </c>
      <c r="E24260" s="1" t="s">
        <v>0</v>
      </c>
    </row>
    <row r="24261" spans="1:5" x14ac:dyDescent="0.25">
      <c r="A24261" s="1" t="s">
        <v>46237</v>
      </c>
      <c r="B24261" s="1" t="s">
        <v>12045</v>
      </c>
      <c r="C24261" s="1" t="s">
        <v>46238</v>
      </c>
      <c r="D24261" s="2">
        <v>177089</v>
      </c>
      <c r="E24261" s="1" t="s">
        <v>0</v>
      </c>
    </row>
    <row r="24262" spans="1:5" x14ac:dyDescent="0.25">
      <c r="A24262" s="2">
        <v>4852</v>
      </c>
      <c r="B24262" s="2">
        <v>4852</v>
      </c>
      <c r="C24262" s="1" t="s">
        <v>0</v>
      </c>
      <c r="D24262" s="2">
        <v>177090</v>
      </c>
      <c r="E24262" s="1" t="s">
        <v>0</v>
      </c>
    </row>
    <row r="24263" spans="1:5" x14ac:dyDescent="0.25">
      <c r="A24263" s="1" t="s">
        <v>4410</v>
      </c>
      <c r="B24263" s="1" t="s">
        <v>56344</v>
      </c>
      <c r="C24263" s="1" t="s">
        <v>46239</v>
      </c>
      <c r="D24263" s="2">
        <v>177091</v>
      </c>
      <c r="E24263" s="1" t="s">
        <v>0</v>
      </c>
    </row>
    <row r="24264" spans="1:5" x14ac:dyDescent="0.25">
      <c r="A24264" s="1" t="s">
        <v>46240</v>
      </c>
      <c r="B24264" s="1" t="s">
        <v>56345</v>
      </c>
      <c r="C24264" s="1" t="s">
        <v>46241</v>
      </c>
      <c r="D24264" s="2">
        <v>177092</v>
      </c>
      <c r="E24264" s="1" t="s">
        <v>0</v>
      </c>
    </row>
    <row r="24265" spans="1:5" ht="409.5" x14ac:dyDescent="0.25">
      <c r="A24265" s="4" t="s">
        <v>46242</v>
      </c>
      <c r="B24265" s="1" t="s">
        <v>59693</v>
      </c>
      <c r="C24265" s="1" t="s">
        <v>46243</v>
      </c>
      <c r="D24265" s="2">
        <v>177093</v>
      </c>
      <c r="E24265" s="1" t="s">
        <v>0</v>
      </c>
    </row>
    <row r="24266" spans="1:5" x14ac:dyDescent="0.25">
      <c r="A24266" s="1" t="s">
        <v>46244</v>
      </c>
      <c r="B24266" s="1" t="s">
        <v>56346</v>
      </c>
      <c r="C24266" s="1" t="s">
        <v>46245</v>
      </c>
      <c r="D24266" s="2">
        <v>177094</v>
      </c>
      <c r="E24266" s="1" t="s">
        <v>0</v>
      </c>
    </row>
    <row r="24267" spans="1:5" x14ac:dyDescent="0.25">
      <c r="A24267" s="2">
        <v>4853</v>
      </c>
      <c r="B24267" s="2">
        <v>4853</v>
      </c>
      <c r="C24267" s="1" t="s">
        <v>0</v>
      </c>
      <c r="D24267" s="2">
        <v>177095</v>
      </c>
      <c r="E24267" s="1" t="s">
        <v>0</v>
      </c>
    </row>
    <row r="24268" spans="1:5" x14ac:dyDescent="0.25">
      <c r="A24268" s="1" t="s">
        <v>4411</v>
      </c>
      <c r="B24268" s="1" t="s">
        <v>12046</v>
      </c>
      <c r="C24268" s="1" t="s">
        <v>46246</v>
      </c>
      <c r="D24268" s="2">
        <v>177096</v>
      </c>
      <c r="E24268" s="1" t="s">
        <v>0</v>
      </c>
    </row>
    <row r="24269" spans="1:5" x14ac:dyDescent="0.25">
      <c r="A24269" s="1" t="s">
        <v>46247</v>
      </c>
      <c r="B24269" s="1" t="s">
        <v>12047</v>
      </c>
      <c r="C24269" s="1" t="s">
        <v>46248</v>
      </c>
      <c r="D24269" s="2">
        <v>177097</v>
      </c>
      <c r="E24269" s="1" t="s">
        <v>0</v>
      </c>
    </row>
    <row r="24270" spans="1:5" ht="409.5" x14ac:dyDescent="0.25">
      <c r="A24270" s="4" t="s">
        <v>46249</v>
      </c>
      <c r="B24270" s="1" t="s">
        <v>56347</v>
      </c>
      <c r="C24270" s="1" t="s">
        <v>46250</v>
      </c>
      <c r="D24270" s="2">
        <v>177098</v>
      </c>
      <c r="E24270" s="1" t="s">
        <v>0</v>
      </c>
    </row>
    <row r="24271" spans="1:5" x14ac:dyDescent="0.25">
      <c r="A24271" s="1" t="s">
        <v>46251</v>
      </c>
      <c r="B24271" s="1" t="s">
        <v>12048</v>
      </c>
      <c r="C24271" s="1" t="s">
        <v>46252</v>
      </c>
      <c r="D24271" s="2">
        <v>177099</v>
      </c>
      <c r="E24271" s="1" t="s">
        <v>0</v>
      </c>
    </row>
    <row r="24272" spans="1:5" x14ac:dyDescent="0.25">
      <c r="A24272" s="2">
        <v>4854</v>
      </c>
      <c r="B24272" s="2">
        <v>4854</v>
      </c>
      <c r="C24272" s="1" t="s">
        <v>0</v>
      </c>
      <c r="D24272" s="2">
        <v>177100</v>
      </c>
      <c r="E24272" s="1" t="s">
        <v>0</v>
      </c>
    </row>
    <row r="24273" spans="1:5" x14ac:dyDescent="0.25">
      <c r="A24273" s="1" t="s">
        <v>4412</v>
      </c>
      <c r="B24273" s="1" t="s">
        <v>12049</v>
      </c>
      <c r="C24273" s="1" t="s">
        <v>46253</v>
      </c>
      <c r="D24273" s="2">
        <v>177101</v>
      </c>
      <c r="E24273" s="1" t="s">
        <v>0</v>
      </c>
    </row>
    <row r="24274" spans="1:5" x14ac:dyDescent="0.25">
      <c r="A24274" s="1" t="s">
        <v>46254</v>
      </c>
      <c r="B24274" s="1" t="s">
        <v>63528</v>
      </c>
      <c r="C24274" s="1" t="s">
        <v>46255</v>
      </c>
      <c r="D24274" s="2">
        <v>177102</v>
      </c>
      <c r="E24274" s="1" t="s">
        <v>0</v>
      </c>
    </row>
    <row r="24275" spans="1:5" ht="409.5" x14ac:dyDescent="0.25">
      <c r="A24275" s="4" t="s">
        <v>46256</v>
      </c>
      <c r="B24275" s="1" t="s">
        <v>63529</v>
      </c>
      <c r="C24275" s="1" t="s">
        <v>46257</v>
      </c>
      <c r="D24275" s="2">
        <v>177103</v>
      </c>
      <c r="E24275" s="1" t="s">
        <v>0</v>
      </c>
    </row>
    <row r="24276" spans="1:5" x14ac:dyDescent="0.25">
      <c r="A24276" s="1" t="s">
        <v>46258</v>
      </c>
      <c r="B24276" s="1" t="s">
        <v>12050</v>
      </c>
      <c r="C24276" s="1" t="s">
        <v>46259</v>
      </c>
      <c r="D24276" s="2">
        <v>177104</v>
      </c>
      <c r="E24276" s="1" t="s">
        <v>0</v>
      </c>
    </row>
    <row r="24277" spans="1:5" x14ac:dyDescent="0.25">
      <c r="A24277" s="2">
        <v>4855</v>
      </c>
      <c r="B24277" s="2">
        <v>4855</v>
      </c>
      <c r="C24277" s="1" t="s">
        <v>0</v>
      </c>
      <c r="D24277" s="2">
        <v>177105</v>
      </c>
      <c r="E24277" s="1" t="s">
        <v>0</v>
      </c>
    </row>
    <row r="24278" spans="1:5" x14ac:dyDescent="0.25">
      <c r="A24278" s="1" t="s">
        <v>46260</v>
      </c>
      <c r="B24278" s="1" t="s">
        <v>12051</v>
      </c>
      <c r="C24278" s="1" t="s">
        <v>46261</v>
      </c>
      <c r="D24278" s="2">
        <v>177106</v>
      </c>
      <c r="E24278" s="1" t="s">
        <v>0</v>
      </c>
    </row>
    <row r="24279" spans="1:5" x14ac:dyDescent="0.25">
      <c r="A24279" s="1" t="s">
        <v>46262</v>
      </c>
      <c r="B24279" s="1" t="s">
        <v>56348</v>
      </c>
      <c r="C24279" s="1" t="s">
        <v>46263</v>
      </c>
      <c r="D24279" s="2">
        <v>177107</v>
      </c>
      <c r="E24279" s="1" t="s">
        <v>0</v>
      </c>
    </row>
    <row r="24280" spans="1:5" ht="409.5" x14ac:dyDescent="0.25">
      <c r="A24280" s="4" t="s">
        <v>46264</v>
      </c>
      <c r="B24280" s="1" t="s">
        <v>56349</v>
      </c>
      <c r="C24280" s="1" t="s">
        <v>46265</v>
      </c>
      <c r="D24280" s="2">
        <v>177108</v>
      </c>
      <c r="E24280" s="1" t="s">
        <v>0</v>
      </c>
    </row>
    <row r="24281" spans="1:5" x14ac:dyDescent="0.25">
      <c r="A24281" s="1" t="s">
        <v>38764</v>
      </c>
      <c r="B24281" s="1" t="s">
        <v>10393</v>
      </c>
      <c r="C24281" s="1" t="s">
        <v>38765</v>
      </c>
      <c r="D24281" s="2">
        <v>177109</v>
      </c>
      <c r="E24281" s="1" t="s">
        <v>0</v>
      </c>
    </row>
    <row r="24282" spans="1:5" x14ac:dyDescent="0.25">
      <c r="A24282" s="2">
        <v>4856</v>
      </c>
      <c r="B24282" s="2">
        <v>4856</v>
      </c>
      <c r="C24282" s="1" t="s">
        <v>0</v>
      </c>
      <c r="D24282" s="2">
        <v>177110</v>
      </c>
      <c r="E24282" s="1" t="s">
        <v>0</v>
      </c>
    </row>
    <row r="24283" spans="1:5" x14ac:dyDescent="0.25">
      <c r="A24283" s="1" t="s">
        <v>4413</v>
      </c>
      <c r="B24283" s="1" t="s">
        <v>12052</v>
      </c>
      <c r="C24283" s="1" t="s">
        <v>46266</v>
      </c>
      <c r="D24283" s="2">
        <v>177111</v>
      </c>
      <c r="E24283" s="1" t="s">
        <v>0</v>
      </c>
    </row>
    <row r="24284" spans="1:5" x14ac:dyDescent="0.25">
      <c r="A24284" s="1" t="s">
        <v>46267</v>
      </c>
      <c r="B24284" s="1" t="s">
        <v>63031</v>
      </c>
      <c r="C24284" s="1" t="s">
        <v>46268</v>
      </c>
      <c r="D24284" s="2">
        <v>177112</v>
      </c>
      <c r="E24284" s="1" t="s">
        <v>0</v>
      </c>
    </row>
    <row r="24285" spans="1:5" ht="409.5" x14ac:dyDescent="0.25">
      <c r="A24285" s="4" t="s">
        <v>46269</v>
      </c>
      <c r="B24285" s="1" t="s">
        <v>63032</v>
      </c>
      <c r="C24285" s="1" t="s">
        <v>46270</v>
      </c>
      <c r="D24285" s="2">
        <v>177113</v>
      </c>
      <c r="E24285" s="1" t="s">
        <v>0</v>
      </c>
    </row>
    <row r="24286" spans="1:5" x14ac:dyDescent="0.25">
      <c r="A24286" s="1" t="s">
        <v>46271</v>
      </c>
      <c r="B24286" s="1" t="s">
        <v>61405</v>
      </c>
      <c r="C24286" s="1" t="s">
        <v>46272</v>
      </c>
      <c r="D24286" s="2">
        <v>177114</v>
      </c>
      <c r="E24286" s="1" t="s">
        <v>0</v>
      </c>
    </row>
    <row r="24287" spans="1:5" x14ac:dyDescent="0.25">
      <c r="A24287" s="2">
        <v>4857</v>
      </c>
      <c r="B24287" s="2">
        <v>4857</v>
      </c>
      <c r="C24287" s="1" t="s">
        <v>0</v>
      </c>
      <c r="D24287" s="2">
        <v>177115</v>
      </c>
      <c r="E24287" s="1" t="s">
        <v>0</v>
      </c>
    </row>
    <row r="24288" spans="1:5" x14ac:dyDescent="0.25">
      <c r="A24288" s="1" t="s">
        <v>4414</v>
      </c>
      <c r="B24288" s="1" t="s">
        <v>12053</v>
      </c>
      <c r="C24288" s="1" t="s">
        <v>46273</v>
      </c>
      <c r="D24288" s="2">
        <v>177116</v>
      </c>
      <c r="E24288" s="1" t="s">
        <v>0</v>
      </c>
    </row>
    <row r="24289" spans="1:5" x14ac:dyDescent="0.25">
      <c r="A24289" s="1" t="s">
        <v>46274</v>
      </c>
      <c r="B24289" s="1" t="s">
        <v>56350</v>
      </c>
      <c r="C24289" s="1" t="s">
        <v>46275</v>
      </c>
      <c r="D24289" s="2">
        <v>177117</v>
      </c>
      <c r="E24289" s="1" t="s">
        <v>0</v>
      </c>
    </row>
    <row r="24290" spans="1:5" ht="409.5" x14ac:dyDescent="0.25">
      <c r="A24290" s="4" t="s">
        <v>64385</v>
      </c>
      <c r="B24290" s="1" t="s">
        <v>64386</v>
      </c>
      <c r="C24290" s="1" t="s">
        <v>46276</v>
      </c>
      <c r="D24290" s="2">
        <v>177118</v>
      </c>
      <c r="E24290" s="1" t="s">
        <v>0</v>
      </c>
    </row>
    <row r="24291" spans="1:5" x14ac:dyDescent="0.25">
      <c r="A24291" s="1" t="s">
        <v>46277</v>
      </c>
      <c r="B24291" s="1" t="s">
        <v>56351</v>
      </c>
      <c r="C24291" s="1" t="s">
        <v>46278</v>
      </c>
      <c r="D24291" s="2">
        <v>177119</v>
      </c>
      <c r="E24291" s="1" t="s">
        <v>0</v>
      </c>
    </row>
    <row r="24292" spans="1:5" x14ac:dyDescent="0.25">
      <c r="A24292" s="2">
        <v>4858</v>
      </c>
      <c r="B24292" s="2">
        <v>4858</v>
      </c>
      <c r="C24292" s="1" t="s">
        <v>0</v>
      </c>
      <c r="D24292" s="2">
        <v>177120</v>
      </c>
      <c r="E24292" s="1" t="s">
        <v>0</v>
      </c>
    </row>
    <row r="24293" spans="1:5" x14ac:dyDescent="0.25">
      <c r="A24293" s="1" t="s">
        <v>4415</v>
      </c>
      <c r="B24293" s="1" t="s">
        <v>12054</v>
      </c>
      <c r="C24293" s="1" t="s">
        <v>46279</v>
      </c>
      <c r="D24293" s="2">
        <v>177121</v>
      </c>
      <c r="E24293" s="1" t="s">
        <v>0</v>
      </c>
    </row>
    <row r="24294" spans="1:5" x14ac:dyDescent="0.25">
      <c r="A24294" s="1" t="s">
        <v>46280</v>
      </c>
      <c r="B24294" s="1" t="s">
        <v>56352</v>
      </c>
      <c r="C24294" s="1" t="s">
        <v>46281</v>
      </c>
      <c r="D24294" s="2">
        <v>177122</v>
      </c>
      <c r="E24294" s="1" t="s">
        <v>0</v>
      </c>
    </row>
    <row r="24295" spans="1:5" ht="409.5" x14ac:dyDescent="0.25">
      <c r="A24295" s="4" t="s">
        <v>46282</v>
      </c>
      <c r="B24295" s="1" t="s">
        <v>58121</v>
      </c>
      <c r="C24295" s="1" t="s">
        <v>46283</v>
      </c>
      <c r="D24295" s="2">
        <v>177123</v>
      </c>
      <c r="E24295" s="1" t="s">
        <v>0</v>
      </c>
    </row>
    <row r="24296" spans="1:5" x14ac:dyDescent="0.25">
      <c r="A24296" s="1" t="s">
        <v>46284</v>
      </c>
      <c r="B24296" s="1" t="s">
        <v>56353</v>
      </c>
      <c r="C24296" s="1" t="s">
        <v>46285</v>
      </c>
      <c r="D24296" s="2">
        <v>177124</v>
      </c>
      <c r="E24296" s="1" t="s">
        <v>0</v>
      </c>
    </row>
    <row r="24297" spans="1:5" x14ac:dyDescent="0.25">
      <c r="A24297" s="2">
        <v>4859</v>
      </c>
      <c r="B24297" s="2">
        <v>4859</v>
      </c>
      <c r="C24297" s="1" t="s">
        <v>0</v>
      </c>
      <c r="D24297" s="2">
        <v>177125</v>
      </c>
      <c r="E24297" s="1" t="s">
        <v>0</v>
      </c>
    </row>
    <row r="24298" spans="1:5" x14ac:dyDescent="0.25">
      <c r="A24298" s="1" t="s">
        <v>4416</v>
      </c>
      <c r="B24298" s="1" t="s">
        <v>12055</v>
      </c>
      <c r="C24298" s="1" t="s">
        <v>46286</v>
      </c>
      <c r="D24298" s="2">
        <v>177126</v>
      </c>
      <c r="E24298" s="1" t="s">
        <v>0</v>
      </c>
    </row>
    <row r="24299" spans="1:5" x14ac:dyDescent="0.25">
      <c r="A24299" s="1" t="s">
        <v>46287</v>
      </c>
      <c r="B24299" s="1" t="s">
        <v>12056</v>
      </c>
      <c r="C24299" s="1" t="s">
        <v>46288</v>
      </c>
      <c r="D24299" s="2">
        <v>177127</v>
      </c>
      <c r="E24299" s="1" t="s">
        <v>0</v>
      </c>
    </row>
    <row r="24300" spans="1:5" ht="409.5" x14ac:dyDescent="0.25">
      <c r="A24300" s="4" t="s">
        <v>46289</v>
      </c>
      <c r="B24300" s="1" t="s">
        <v>63033</v>
      </c>
      <c r="C24300" s="1" t="s">
        <v>46290</v>
      </c>
      <c r="D24300" s="2">
        <v>177128</v>
      </c>
      <c r="E24300" s="1" t="s">
        <v>0</v>
      </c>
    </row>
    <row r="24301" spans="1:5" x14ac:dyDescent="0.25">
      <c r="A24301" s="1" t="s">
        <v>46291</v>
      </c>
      <c r="B24301" s="1" t="s">
        <v>12057</v>
      </c>
      <c r="C24301" s="1" t="s">
        <v>46292</v>
      </c>
      <c r="D24301" s="2">
        <v>177129</v>
      </c>
      <c r="E24301" s="1" t="s">
        <v>0</v>
      </c>
    </row>
    <row r="24302" spans="1:5" x14ac:dyDescent="0.25">
      <c r="A24302" s="2">
        <v>4860</v>
      </c>
      <c r="B24302" s="2">
        <v>4860</v>
      </c>
      <c r="C24302" s="1" t="s">
        <v>0</v>
      </c>
      <c r="D24302" s="2">
        <v>177130</v>
      </c>
      <c r="E24302" s="1" t="s">
        <v>0</v>
      </c>
    </row>
    <row r="24303" spans="1:5" x14ac:dyDescent="0.25">
      <c r="A24303" s="1" t="s">
        <v>4417</v>
      </c>
      <c r="B24303" s="1" t="s">
        <v>51077</v>
      </c>
      <c r="C24303" s="1" t="s">
        <v>46293</v>
      </c>
      <c r="D24303" s="2">
        <v>177131</v>
      </c>
      <c r="E24303" s="1" t="s">
        <v>0</v>
      </c>
    </row>
    <row r="24304" spans="1:5" x14ac:dyDescent="0.25">
      <c r="A24304" s="1" t="s">
        <v>46294</v>
      </c>
      <c r="B24304" s="1" t="s">
        <v>12058</v>
      </c>
      <c r="C24304" s="1" t="s">
        <v>46295</v>
      </c>
      <c r="D24304" s="2">
        <v>177132</v>
      </c>
      <c r="E24304" s="1" t="s">
        <v>0</v>
      </c>
    </row>
    <row r="24305" spans="1:5" ht="409.5" x14ac:dyDescent="0.25">
      <c r="A24305" s="4" t="s">
        <v>46296</v>
      </c>
      <c r="B24305" s="1" t="s">
        <v>63530</v>
      </c>
      <c r="C24305" s="1" t="s">
        <v>46297</v>
      </c>
      <c r="D24305" s="2">
        <v>177133</v>
      </c>
      <c r="E24305" s="1" t="s">
        <v>0</v>
      </c>
    </row>
    <row r="24306" spans="1:5" x14ac:dyDescent="0.25">
      <c r="A24306" s="1" t="s">
        <v>13413</v>
      </c>
      <c r="B24306" s="1" t="s">
        <v>60845</v>
      </c>
      <c r="C24306" s="1" t="s">
        <v>13414</v>
      </c>
      <c r="D24306" s="2">
        <v>177134</v>
      </c>
      <c r="E24306" s="1" t="s">
        <v>0</v>
      </c>
    </row>
    <row r="24307" spans="1:5" x14ac:dyDescent="0.25">
      <c r="A24307" s="2">
        <v>4861</v>
      </c>
      <c r="B24307" s="2">
        <v>4861</v>
      </c>
      <c r="C24307" s="1" t="s">
        <v>0</v>
      </c>
      <c r="D24307" s="2">
        <v>177135</v>
      </c>
      <c r="E24307" s="1" t="s">
        <v>0</v>
      </c>
    </row>
    <row r="24308" spans="1:5" x14ac:dyDescent="0.25">
      <c r="A24308" s="1" t="s">
        <v>4418</v>
      </c>
      <c r="B24308" s="1" t="s">
        <v>12059</v>
      </c>
      <c r="C24308" s="1" t="s">
        <v>46298</v>
      </c>
      <c r="D24308" s="2">
        <v>177136</v>
      </c>
      <c r="E24308" s="1" t="s">
        <v>0</v>
      </c>
    </row>
    <row r="24309" spans="1:5" x14ac:dyDescent="0.25">
      <c r="A24309" s="1" t="s">
        <v>46299</v>
      </c>
      <c r="B24309" s="1" t="s">
        <v>60666</v>
      </c>
      <c r="C24309" s="1" t="s">
        <v>46300</v>
      </c>
      <c r="D24309" s="2">
        <v>177137</v>
      </c>
      <c r="E24309" s="1" t="s">
        <v>0</v>
      </c>
    </row>
    <row r="24310" spans="1:5" ht="409.5" x14ac:dyDescent="0.25">
      <c r="A24310" s="4" t="s">
        <v>46301</v>
      </c>
      <c r="B24310" s="1" t="s">
        <v>60667</v>
      </c>
      <c r="C24310" s="1" t="s">
        <v>46302</v>
      </c>
      <c r="D24310" s="2">
        <v>177138</v>
      </c>
      <c r="E24310" s="1" t="s">
        <v>0</v>
      </c>
    </row>
    <row r="24311" spans="1:5" x14ac:dyDescent="0.25">
      <c r="A24311" s="1" t="s">
        <v>4419</v>
      </c>
      <c r="B24311" s="1" t="s">
        <v>4419</v>
      </c>
      <c r="C24311" s="1" t="s">
        <v>378</v>
      </c>
      <c r="D24311" s="2">
        <v>177139</v>
      </c>
      <c r="E24311" s="1" t="s">
        <v>0</v>
      </c>
    </row>
    <row r="24312" spans="1:5" x14ac:dyDescent="0.25">
      <c r="A24312" s="2">
        <v>4862</v>
      </c>
      <c r="B24312" s="2">
        <v>4862</v>
      </c>
      <c r="C24312" s="1" t="s">
        <v>0</v>
      </c>
      <c r="D24312" s="2">
        <v>177140</v>
      </c>
      <c r="E24312" s="1" t="s">
        <v>0</v>
      </c>
    </row>
    <row r="24313" spans="1:5" x14ac:dyDescent="0.25">
      <c r="A24313" s="1" t="s">
        <v>4420</v>
      </c>
      <c r="B24313" s="1" t="s">
        <v>12060</v>
      </c>
      <c r="C24313" s="1" t="s">
        <v>46303</v>
      </c>
      <c r="D24313" s="2">
        <v>177141</v>
      </c>
      <c r="E24313" s="1" t="s">
        <v>0</v>
      </c>
    </row>
    <row r="24314" spans="1:5" x14ac:dyDescent="0.25">
      <c r="A24314" s="1" t="s">
        <v>46304</v>
      </c>
      <c r="B24314" s="1" t="s">
        <v>56354</v>
      </c>
      <c r="C24314" s="1" t="s">
        <v>46305</v>
      </c>
      <c r="D24314" s="2">
        <v>177142</v>
      </c>
      <c r="E24314" s="1" t="s">
        <v>0</v>
      </c>
    </row>
    <row r="24315" spans="1:5" ht="409.5" x14ac:dyDescent="0.25">
      <c r="A24315" s="4" t="s">
        <v>46306</v>
      </c>
      <c r="B24315" s="1" t="s">
        <v>56355</v>
      </c>
      <c r="C24315" s="1" t="s">
        <v>46307</v>
      </c>
      <c r="D24315" s="2">
        <v>177143</v>
      </c>
      <c r="E24315" s="1" t="s">
        <v>0</v>
      </c>
    </row>
    <row r="24316" spans="1:5" x14ac:dyDescent="0.25">
      <c r="A24316" s="1" t="s">
        <v>46308</v>
      </c>
      <c r="B24316" s="1" t="s">
        <v>56356</v>
      </c>
      <c r="C24316" s="1" t="s">
        <v>46309</v>
      </c>
      <c r="D24316" s="2">
        <v>177144</v>
      </c>
      <c r="E24316" s="1" t="s">
        <v>0</v>
      </c>
    </row>
    <row r="24317" spans="1:5" x14ac:dyDescent="0.25">
      <c r="A24317" s="2">
        <v>4863</v>
      </c>
      <c r="B24317" s="2">
        <v>4863</v>
      </c>
      <c r="C24317" s="1" t="s">
        <v>0</v>
      </c>
      <c r="D24317" s="2">
        <v>177145</v>
      </c>
      <c r="E24317" s="1" t="s">
        <v>0</v>
      </c>
    </row>
    <row r="24318" spans="1:5" x14ac:dyDescent="0.25">
      <c r="A24318" s="1" t="s">
        <v>4421</v>
      </c>
      <c r="B24318" s="1" t="s">
        <v>12061</v>
      </c>
      <c r="C24318" s="1" t="s">
        <v>46310</v>
      </c>
      <c r="D24318" s="2">
        <v>177146</v>
      </c>
      <c r="E24318" s="1" t="s">
        <v>0</v>
      </c>
    </row>
    <row r="24319" spans="1:5" x14ac:dyDescent="0.25">
      <c r="A24319" s="1" t="s">
        <v>46311</v>
      </c>
      <c r="B24319" s="1" t="s">
        <v>63034</v>
      </c>
      <c r="C24319" s="1" t="s">
        <v>46312</v>
      </c>
      <c r="D24319" s="2">
        <v>177147</v>
      </c>
      <c r="E24319" s="1" t="s">
        <v>0</v>
      </c>
    </row>
    <row r="24320" spans="1:5" ht="409.5" x14ac:dyDescent="0.25">
      <c r="A24320" s="4" t="s">
        <v>46313</v>
      </c>
      <c r="B24320" s="1" t="s">
        <v>63035</v>
      </c>
      <c r="C24320" s="1" t="s">
        <v>46314</v>
      </c>
      <c r="D24320" s="2">
        <v>177148</v>
      </c>
      <c r="E24320" s="1" t="s">
        <v>0</v>
      </c>
    </row>
    <row r="24321" spans="1:5" x14ac:dyDescent="0.25">
      <c r="A24321" s="1" t="s">
        <v>46315</v>
      </c>
      <c r="B24321" s="1" t="s">
        <v>58869</v>
      </c>
      <c r="C24321" s="1" t="s">
        <v>46316</v>
      </c>
      <c r="D24321" s="2">
        <v>177149</v>
      </c>
      <c r="E24321" s="1" t="s">
        <v>0</v>
      </c>
    </row>
    <row r="24322" spans="1:5" x14ac:dyDescent="0.25">
      <c r="A24322" s="2">
        <v>4864</v>
      </c>
      <c r="B24322" s="2">
        <v>4864</v>
      </c>
      <c r="C24322" s="1" t="s">
        <v>0</v>
      </c>
      <c r="D24322" s="2">
        <v>177150</v>
      </c>
      <c r="E24322" s="1" t="s">
        <v>0</v>
      </c>
    </row>
    <row r="24323" spans="1:5" x14ac:dyDescent="0.25">
      <c r="A24323" s="1" t="s">
        <v>4422</v>
      </c>
      <c r="B24323" s="1" t="s">
        <v>12062</v>
      </c>
      <c r="C24323" s="1" t="s">
        <v>46317</v>
      </c>
      <c r="D24323" s="2">
        <v>177151</v>
      </c>
      <c r="E24323" s="1" t="s">
        <v>0</v>
      </c>
    </row>
    <row r="24324" spans="1:5" x14ac:dyDescent="0.25">
      <c r="A24324" s="1" t="s">
        <v>46318</v>
      </c>
      <c r="B24324" s="1" t="s">
        <v>56357</v>
      </c>
      <c r="C24324" s="1" t="s">
        <v>46319</v>
      </c>
      <c r="D24324" s="2">
        <v>177152</v>
      </c>
      <c r="E24324" s="1" t="s">
        <v>0</v>
      </c>
    </row>
    <row r="24325" spans="1:5" ht="409.5" x14ac:dyDescent="0.25">
      <c r="A24325" s="4" t="s">
        <v>46320</v>
      </c>
      <c r="B24325" s="1" t="s">
        <v>56358</v>
      </c>
      <c r="C24325" s="1" t="s">
        <v>46321</v>
      </c>
      <c r="D24325" s="2">
        <v>177153</v>
      </c>
      <c r="E24325" s="1" t="s">
        <v>0</v>
      </c>
    </row>
    <row r="24326" spans="1:5" x14ac:dyDescent="0.25">
      <c r="A24326" s="1" t="s">
        <v>46322</v>
      </c>
      <c r="B24326" s="1" t="s">
        <v>12063</v>
      </c>
      <c r="C24326" s="1" t="s">
        <v>46323</v>
      </c>
      <c r="D24326" s="2">
        <v>177154</v>
      </c>
      <c r="E24326" s="1" t="s">
        <v>0</v>
      </c>
    </row>
    <row r="24327" spans="1:5" x14ac:dyDescent="0.25">
      <c r="A24327" s="2">
        <v>4865</v>
      </c>
      <c r="B24327" s="2">
        <v>4865</v>
      </c>
      <c r="C24327" s="1" t="s">
        <v>0</v>
      </c>
      <c r="D24327" s="2">
        <v>177155</v>
      </c>
      <c r="E24327" s="1" t="s">
        <v>0</v>
      </c>
    </row>
    <row r="24328" spans="1:5" x14ac:dyDescent="0.25">
      <c r="A24328" s="1" t="s">
        <v>4423</v>
      </c>
      <c r="B24328" s="1" t="s">
        <v>12064</v>
      </c>
      <c r="C24328" s="1" t="s">
        <v>46324</v>
      </c>
      <c r="D24328" s="2">
        <v>177156</v>
      </c>
      <c r="E24328" s="1" t="s">
        <v>0</v>
      </c>
    </row>
    <row r="24329" spans="1:5" x14ac:dyDescent="0.25">
      <c r="A24329" s="1" t="s">
        <v>46325</v>
      </c>
      <c r="B24329" s="1" t="s">
        <v>56359</v>
      </c>
      <c r="C24329" s="1" t="s">
        <v>46326</v>
      </c>
      <c r="D24329" s="2">
        <v>177157</v>
      </c>
      <c r="E24329" s="1" t="s">
        <v>0</v>
      </c>
    </row>
    <row r="24330" spans="1:5" ht="409.5" x14ac:dyDescent="0.25">
      <c r="A24330" s="4" t="s">
        <v>46327</v>
      </c>
      <c r="B24330" s="1" t="s">
        <v>58015</v>
      </c>
      <c r="C24330" s="1" t="s">
        <v>46328</v>
      </c>
      <c r="D24330" s="2">
        <v>177158</v>
      </c>
      <c r="E24330" s="1" t="s">
        <v>0</v>
      </c>
    </row>
    <row r="24331" spans="1:5" x14ac:dyDescent="0.25">
      <c r="A24331" s="1" t="s">
        <v>46329</v>
      </c>
      <c r="B24331" s="1" t="s">
        <v>56360</v>
      </c>
      <c r="C24331" s="1" t="s">
        <v>46330</v>
      </c>
      <c r="D24331" s="2">
        <v>177159</v>
      </c>
      <c r="E24331" s="1" t="s">
        <v>0</v>
      </c>
    </row>
    <row r="24332" spans="1:5" x14ac:dyDescent="0.25">
      <c r="A24332" s="2">
        <v>4866</v>
      </c>
      <c r="B24332" s="2">
        <v>4866</v>
      </c>
      <c r="C24332" s="1" t="s">
        <v>0</v>
      </c>
      <c r="D24332" s="2">
        <v>177160</v>
      </c>
      <c r="E24332" s="1" t="s">
        <v>0</v>
      </c>
    </row>
    <row r="24333" spans="1:5" x14ac:dyDescent="0.25">
      <c r="A24333" s="1" t="s">
        <v>12065</v>
      </c>
      <c r="B24333" s="1" t="s">
        <v>12066</v>
      </c>
      <c r="C24333" s="1" t="s">
        <v>46331</v>
      </c>
      <c r="D24333" s="2">
        <v>177161</v>
      </c>
      <c r="E24333" s="1" t="s">
        <v>0</v>
      </c>
    </row>
    <row r="24334" spans="1:5" x14ac:dyDescent="0.25">
      <c r="A24334" s="1" t="s">
        <v>46332</v>
      </c>
      <c r="B24334" s="1" t="s">
        <v>60301</v>
      </c>
      <c r="C24334" s="1" t="s">
        <v>46333</v>
      </c>
      <c r="D24334" s="2">
        <v>177162</v>
      </c>
      <c r="E24334" s="1" t="s">
        <v>0</v>
      </c>
    </row>
    <row r="24335" spans="1:5" ht="409.5" x14ac:dyDescent="0.25">
      <c r="A24335" s="4" t="s">
        <v>46334</v>
      </c>
      <c r="B24335" s="1" t="s">
        <v>63036</v>
      </c>
      <c r="C24335" s="1" t="s">
        <v>46335</v>
      </c>
      <c r="D24335" s="2">
        <v>177163</v>
      </c>
      <c r="E24335" s="1" t="s">
        <v>0</v>
      </c>
    </row>
    <row r="24336" spans="1:5" x14ac:dyDescent="0.25">
      <c r="A24336" s="1" t="s">
        <v>46336</v>
      </c>
      <c r="B24336" s="1" t="s">
        <v>12067</v>
      </c>
      <c r="C24336" s="1" t="s">
        <v>46337</v>
      </c>
      <c r="D24336" s="2">
        <v>177164</v>
      </c>
      <c r="E24336" s="1" t="s">
        <v>0</v>
      </c>
    </row>
    <row r="24337" spans="1:5" x14ac:dyDescent="0.25">
      <c r="A24337" s="2">
        <v>4867</v>
      </c>
      <c r="B24337" s="2">
        <v>4867</v>
      </c>
      <c r="C24337" s="1" t="s">
        <v>0</v>
      </c>
      <c r="D24337" s="2">
        <v>177165</v>
      </c>
      <c r="E24337" s="1" t="s">
        <v>0</v>
      </c>
    </row>
    <row r="24338" spans="1:5" x14ac:dyDescent="0.25">
      <c r="A24338" s="1" t="s">
        <v>4424</v>
      </c>
      <c r="B24338" s="1" t="s">
        <v>58621</v>
      </c>
      <c r="C24338" s="1" t="s">
        <v>46338</v>
      </c>
      <c r="D24338" s="2">
        <v>177166</v>
      </c>
      <c r="E24338" s="1" t="s">
        <v>0</v>
      </c>
    </row>
    <row r="24339" spans="1:5" x14ac:dyDescent="0.25">
      <c r="A24339" s="1" t="s">
        <v>46339</v>
      </c>
      <c r="B24339" s="1" t="s">
        <v>58622</v>
      </c>
      <c r="C24339" s="1" t="s">
        <v>46340</v>
      </c>
      <c r="D24339" s="2">
        <v>177167</v>
      </c>
      <c r="E24339" s="1" t="s">
        <v>0</v>
      </c>
    </row>
    <row r="24340" spans="1:5" ht="409.5" x14ac:dyDescent="0.25">
      <c r="A24340" s="4" t="s">
        <v>46341</v>
      </c>
      <c r="B24340" s="1" t="s">
        <v>63037</v>
      </c>
      <c r="C24340" s="1" t="s">
        <v>46342</v>
      </c>
      <c r="D24340" s="2">
        <v>177168</v>
      </c>
      <c r="E24340" s="1" t="s">
        <v>0</v>
      </c>
    </row>
    <row r="24341" spans="1:5" x14ac:dyDescent="0.25">
      <c r="A24341" s="1" t="s">
        <v>46343</v>
      </c>
      <c r="B24341" s="1" t="s">
        <v>56361</v>
      </c>
      <c r="C24341" s="1" t="s">
        <v>46344</v>
      </c>
      <c r="D24341" s="2">
        <v>177169</v>
      </c>
      <c r="E24341" s="1" t="s">
        <v>0</v>
      </c>
    </row>
    <row r="24342" spans="1:5" x14ac:dyDescent="0.25">
      <c r="A24342" s="2">
        <v>4868</v>
      </c>
      <c r="B24342" s="2">
        <v>4868</v>
      </c>
      <c r="C24342" s="1" t="s">
        <v>0</v>
      </c>
      <c r="D24342" s="2">
        <v>177170</v>
      </c>
      <c r="E24342" s="1" t="s">
        <v>0</v>
      </c>
    </row>
    <row r="24343" spans="1:5" x14ac:dyDescent="0.25">
      <c r="A24343" s="1" t="s">
        <v>4425</v>
      </c>
      <c r="B24343" s="1" t="s">
        <v>12068</v>
      </c>
      <c r="C24343" s="1" t="s">
        <v>46345</v>
      </c>
      <c r="D24343" s="2">
        <v>177171</v>
      </c>
      <c r="E24343" s="1" t="s">
        <v>0</v>
      </c>
    </row>
    <row r="24344" spans="1:5" x14ac:dyDescent="0.25">
      <c r="A24344" s="1" t="s">
        <v>46346</v>
      </c>
      <c r="B24344" s="1" t="s">
        <v>60668</v>
      </c>
      <c r="C24344" s="1" t="s">
        <v>46347</v>
      </c>
      <c r="D24344" s="2">
        <v>177172</v>
      </c>
      <c r="E24344" s="1" t="s">
        <v>0</v>
      </c>
    </row>
    <row r="24345" spans="1:5" ht="409.5" x14ac:dyDescent="0.25">
      <c r="A24345" s="4" t="s">
        <v>46348</v>
      </c>
      <c r="B24345" s="1" t="s">
        <v>60669</v>
      </c>
      <c r="C24345" s="1" t="s">
        <v>46349</v>
      </c>
      <c r="D24345" s="2">
        <v>177173</v>
      </c>
      <c r="E24345" s="1" t="s">
        <v>0</v>
      </c>
    </row>
    <row r="24346" spans="1:5" x14ac:dyDescent="0.25">
      <c r="A24346" s="1" t="s">
        <v>46350</v>
      </c>
      <c r="B24346" s="1" t="s">
        <v>56362</v>
      </c>
      <c r="C24346" s="1" t="s">
        <v>46351</v>
      </c>
      <c r="D24346" s="2">
        <v>177174</v>
      </c>
      <c r="E24346" s="1" t="s">
        <v>0</v>
      </c>
    </row>
    <row r="24347" spans="1:5" x14ac:dyDescent="0.25">
      <c r="A24347" s="2">
        <v>4869</v>
      </c>
      <c r="B24347" s="2">
        <v>4869</v>
      </c>
      <c r="C24347" s="1" t="s">
        <v>0</v>
      </c>
      <c r="D24347" s="2">
        <v>177175</v>
      </c>
      <c r="E24347" s="1" t="s">
        <v>0</v>
      </c>
    </row>
    <row r="24348" spans="1:5" x14ac:dyDescent="0.25">
      <c r="A24348" s="1" t="s">
        <v>4426</v>
      </c>
      <c r="B24348" s="1" t="s">
        <v>12069</v>
      </c>
      <c r="C24348" s="1" t="s">
        <v>46352</v>
      </c>
      <c r="D24348" s="2">
        <v>177176</v>
      </c>
      <c r="E24348" s="1" t="s">
        <v>0</v>
      </c>
    </row>
    <row r="24349" spans="1:5" x14ac:dyDescent="0.25">
      <c r="A24349" s="1" t="s">
        <v>46353</v>
      </c>
      <c r="B24349" s="1" t="s">
        <v>56363</v>
      </c>
      <c r="C24349" s="1" t="s">
        <v>46354</v>
      </c>
      <c r="D24349" s="2">
        <v>177177</v>
      </c>
      <c r="E24349" s="1" t="s">
        <v>0</v>
      </c>
    </row>
    <row r="24350" spans="1:5" ht="409.5" x14ac:dyDescent="0.25">
      <c r="A24350" s="4" t="s">
        <v>46355</v>
      </c>
      <c r="B24350" s="1" t="s">
        <v>56364</v>
      </c>
      <c r="C24350" s="1" t="s">
        <v>46356</v>
      </c>
      <c r="D24350" s="2">
        <v>177178</v>
      </c>
      <c r="E24350" s="1" t="s">
        <v>0</v>
      </c>
    </row>
    <row r="24351" spans="1:5" x14ac:dyDescent="0.25">
      <c r="A24351" s="1" t="s">
        <v>46357</v>
      </c>
      <c r="B24351" s="1" t="s">
        <v>12070</v>
      </c>
      <c r="C24351" s="1" t="s">
        <v>46358</v>
      </c>
      <c r="D24351" s="2">
        <v>177179</v>
      </c>
      <c r="E24351" s="1" t="s">
        <v>0</v>
      </c>
    </row>
    <row r="24352" spans="1:5" x14ac:dyDescent="0.25">
      <c r="A24352" s="2">
        <v>4870</v>
      </c>
      <c r="B24352" s="2">
        <v>4870</v>
      </c>
      <c r="C24352" s="1" t="s">
        <v>0</v>
      </c>
      <c r="D24352" s="2">
        <v>177180</v>
      </c>
      <c r="E24352" s="1" t="s">
        <v>0</v>
      </c>
    </row>
    <row r="24353" spans="1:5" x14ac:dyDescent="0.25">
      <c r="A24353" s="1" t="s">
        <v>4427</v>
      </c>
      <c r="B24353" s="1" t="s">
        <v>12071</v>
      </c>
      <c r="C24353" s="1" t="s">
        <v>46359</v>
      </c>
      <c r="D24353" s="2">
        <v>177181</v>
      </c>
      <c r="E24353" s="1" t="s">
        <v>0</v>
      </c>
    </row>
    <row r="24354" spans="1:5" x14ac:dyDescent="0.25">
      <c r="A24354" s="1" t="s">
        <v>46360</v>
      </c>
      <c r="B24354" s="1" t="s">
        <v>56365</v>
      </c>
      <c r="C24354" s="1" t="s">
        <v>46361</v>
      </c>
      <c r="D24354" s="2">
        <v>177182</v>
      </c>
      <c r="E24354" s="1" t="s">
        <v>0</v>
      </c>
    </row>
    <row r="24355" spans="1:5" ht="409.5" x14ac:dyDescent="0.25">
      <c r="A24355" s="4" t="s">
        <v>46362</v>
      </c>
      <c r="B24355" s="1" t="s">
        <v>63531</v>
      </c>
      <c r="C24355" s="1" t="s">
        <v>46363</v>
      </c>
      <c r="D24355" s="2">
        <v>177183</v>
      </c>
      <c r="E24355" s="1" t="s">
        <v>0</v>
      </c>
    </row>
    <row r="24356" spans="1:5" x14ac:dyDescent="0.25">
      <c r="A24356" s="1" t="s">
        <v>46364</v>
      </c>
      <c r="B24356" s="1" t="s">
        <v>56366</v>
      </c>
      <c r="C24356" s="1" t="s">
        <v>46365</v>
      </c>
      <c r="D24356" s="2">
        <v>177184</v>
      </c>
      <c r="E24356" s="1" t="s">
        <v>0</v>
      </c>
    </row>
    <row r="24357" spans="1:5" x14ac:dyDescent="0.25">
      <c r="A24357" s="2">
        <v>4871</v>
      </c>
      <c r="B24357" s="2">
        <v>4871</v>
      </c>
      <c r="C24357" s="1" t="s">
        <v>0</v>
      </c>
      <c r="D24357" s="2">
        <v>177185</v>
      </c>
      <c r="E24357" s="1" t="s">
        <v>0</v>
      </c>
    </row>
    <row r="24358" spans="1:5" x14ac:dyDescent="0.25">
      <c r="A24358" s="1" t="s">
        <v>13305</v>
      </c>
      <c r="B24358" s="1" t="s">
        <v>12072</v>
      </c>
      <c r="C24358" s="1" t="s">
        <v>46366</v>
      </c>
      <c r="D24358" s="2">
        <v>177186</v>
      </c>
      <c r="E24358" s="1" t="s">
        <v>0</v>
      </c>
    </row>
    <row r="24359" spans="1:5" x14ac:dyDescent="0.25">
      <c r="A24359" s="1" t="s">
        <v>46367</v>
      </c>
      <c r="B24359" s="1" t="s">
        <v>56367</v>
      </c>
      <c r="C24359" s="1" t="s">
        <v>46368</v>
      </c>
      <c r="D24359" s="2">
        <v>177187</v>
      </c>
      <c r="E24359" s="1" t="s">
        <v>0</v>
      </c>
    </row>
    <row r="24360" spans="1:5" ht="409.5" x14ac:dyDescent="0.25">
      <c r="A24360" s="4" t="s">
        <v>46369</v>
      </c>
      <c r="B24360" s="1" t="s">
        <v>56368</v>
      </c>
      <c r="C24360" s="1" t="s">
        <v>46370</v>
      </c>
      <c r="D24360" s="2">
        <v>177188</v>
      </c>
      <c r="E24360" s="1" t="s">
        <v>0</v>
      </c>
    </row>
    <row r="24361" spans="1:5" x14ac:dyDescent="0.25">
      <c r="A24361" s="1" t="s">
        <v>46371</v>
      </c>
      <c r="B24361" s="1" t="s">
        <v>12073</v>
      </c>
      <c r="C24361" s="1" t="s">
        <v>46372</v>
      </c>
      <c r="D24361" s="2">
        <v>177189</v>
      </c>
      <c r="E24361" s="1" t="s">
        <v>0</v>
      </c>
    </row>
    <row r="24362" spans="1:5" x14ac:dyDescent="0.25">
      <c r="A24362" s="2">
        <v>4872</v>
      </c>
      <c r="B24362" s="2">
        <v>4872</v>
      </c>
      <c r="C24362" s="1" t="s">
        <v>0</v>
      </c>
      <c r="D24362" s="2">
        <v>177190</v>
      </c>
      <c r="E24362" s="1" t="s">
        <v>0</v>
      </c>
    </row>
    <row r="24363" spans="1:5" x14ac:dyDescent="0.25">
      <c r="A24363" s="1" t="s">
        <v>4428</v>
      </c>
      <c r="B24363" s="1" t="s">
        <v>60302</v>
      </c>
      <c r="C24363" s="1" t="s">
        <v>46373</v>
      </c>
      <c r="D24363" s="2">
        <v>177191</v>
      </c>
      <c r="E24363" s="1" t="s">
        <v>0</v>
      </c>
    </row>
    <row r="24364" spans="1:5" x14ac:dyDescent="0.25">
      <c r="A24364" s="1" t="s">
        <v>46374</v>
      </c>
      <c r="B24364" s="1" t="s">
        <v>12074</v>
      </c>
      <c r="C24364" s="1" t="s">
        <v>46375</v>
      </c>
      <c r="D24364" s="2">
        <v>177192</v>
      </c>
      <c r="E24364" s="1" t="s">
        <v>0</v>
      </c>
    </row>
    <row r="24365" spans="1:5" ht="409.5" x14ac:dyDescent="0.25">
      <c r="A24365" s="4" t="s">
        <v>46376</v>
      </c>
      <c r="B24365" s="1" t="s">
        <v>57652</v>
      </c>
      <c r="C24365" s="1" t="s">
        <v>46377</v>
      </c>
      <c r="D24365" s="2">
        <v>177193</v>
      </c>
      <c r="E24365" s="1" t="s">
        <v>0</v>
      </c>
    </row>
    <row r="24366" spans="1:5" x14ac:dyDescent="0.25">
      <c r="A24366" s="1" t="s">
        <v>46378</v>
      </c>
      <c r="B24366" s="1" t="s">
        <v>12075</v>
      </c>
      <c r="C24366" s="1" t="s">
        <v>46379</v>
      </c>
      <c r="D24366" s="2">
        <v>177194</v>
      </c>
      <c r="E24366" s="1" t="s">
        <v>0</v>
      </c>
    </row>
    <row r="24367" spans="1:5" x14ac:dyDescent="0.25">
      <c r="A24367" s="2">
        <v>4873</v>
      </c>
      <c r="B24367" s="2">
        <v>4873</v>
      </c>
      <c r="C24367" s="1" t="s">
        <v>0</v>
      </c>
      <c r="D24367" s="2">
        <v>177195</v>
      </c>
      <c r="E24367" s="1" t="s">
        <v>0</v>
      </c>
    </row>
    <row r="24368" spans="1:5" x14ac:dyDescent="0.25">
      <c r="A24368" s="1" t="s">
        <v>4429</v>
      </c>
      <c r="B24368" s="1" t="s">
        <v>60303</v>
      </c>
      <c r="C24368" s="1" t="s">
        <v>46380</v>
      </c>
      <c r="D24368" s="2">
        <v>177196</v>
      </c>
      <c r="E24368" s="1" t="s">
        <v>0</v>
      </c>
    </row>
    <row r="24369" spans="1:5" x14ac:dyDescent="0.25">
      <c r="A24369" s="1" t="s">
        <v>46381</v>
      </c>
      <c r="B24369" s="1" t="s">
        <v>56369</v>
      </c>
      <c r="C24369" s="1" t="s">
        <v>46382</v>
      </c>
      <c r="D24369" s="2">
        <v>177197</v>
      </c>
      <c r="E24369" s="1" t="s">
        <v>0</v>
      </c>
    </row>
    <row r="24370" spans="1:5" ht="409.5" x14ac:dyDescent="0.25">
      <c r="A24370" s="4" t="s">
        <v>46383</v>
      </c>
      <c r="B24370" s="1" t="s">
        <v>56370</v>
      </c>
      <c r="C24370" s="1" t="s">
        <v>46384</v>
      </c>
      <c r="D24370" s="2">
        <v>177198</v>
      </c>
      <c r="E24370" s="1" t="s">
        <v>0</v>
      </c>
    </row>
    <row r="24371" spans="1:5" x14ac:dyDescent="0.25">
      <c r="A24371" s="1" t="s">
        <v>46385</v>
      </c>
      <c r="B24371" s="1" t="s">
        <v>12076</v>
      </c>
      <c r="C24371" s="1" t="s">
        <v>46386</v>
      </c>
      <c r="D24371" s="2">
        <v>177199</v>
      </c>
      <c r="E24371" s="1" t="s">
        <v>0</v>
      </c>
    </row>
    <row r="24372" spans="1:5" x14ac:dyDescent="0.25">
      <c r="A24372" s="2">
        <v>4874</v>
      </c>
      <c r="B24372" s="2">
        <v>4874</v>
      </c>
      <c r="C24372" s="1" t="s">
        <v>0</v>
      </c>
      <c r="D24372" s="2">
        <v>177200</v>
      </c>
      <c r="E24372" s="1" t="s">
        <v>0</v>
      </c>
    </row>
    <row r="24373" spans="1:5" x14ac:dyDescent="0.25">
      <c r="A24373" s="1" t="s">
        <v>4430</v>
      </c>
      <c r="B24373" s="1" t="s">
        <v>12077</v>
      </c>
      <c r="C24373" s="1" t="s">
        <v>46387</v>
      </c>
      <c r="D24373" s="2">
        <v>177201</v>
      </c>
      <c r="E24373" s="1" t="s">
        <v>0</v>
      </c>
    </row>
    <row r="24374" spans="1:5" x14ac:dyDescent="0.25">
      <c r="A24374" s="1" t="s">
        <v>46388</v>
      </c>
      <c r="B24374" s="1" t="s">
        <v>63532</v>
      </c>
      <c r="C24374" s="1" t="s">
        <v>46389</v>
      </c>
      <c r="D24374" s="2">
        <v>177202</v>
      </c>
      <c r="E24374" s="1" t="s">
        <v>0</v>
      </c>
    </row>
    <row r="24375" spans="1:5" ht="409.5" x14ac:dyDescent="0.25">
      <c r="A24375" s="4" t="s">
        <v>46390</v>
      </c>
      <c r="B24375" s="1" t="s">
        <v>63533</v>
      </c>
      <c r="C24375" s="1" t="s">
        <v>46391</v>
      </c>
      <c r="D24375" s="2">
        <v>177203</v>
      </c>
      <c r="E24375" s="1" t="s">
        <v>0</v>
      </c>
    </row>
    <row r="24376" spans="1:5" x14ac:dyDescent="0.25">
      <c r="A24376" s="1" t="s">
        <v>46392</v>
      </c>
      <c r="B24376" s="1" t="s">
        <v>51078</v>
      </c>
      <c r="C24376" s="1" t="s">
        <v>46393</v>
      </c>
      <c r="D24376" s="2">
        <v>177204</v>
      </c>
      <c r="E24376" s="1" t="s">
        <v>0</v>
      </c>
    </row>
    <row r="24377" spans="1:5" x14ac:dyDescent="0.25">
      <c r="A24377" s="2">
        <v>4875</v>
      </c>
      <c r="B24377" s="2">
        <v>4875</v>
      </c>
      <c r="C24377" s="1" t="s">
        <v>0</v>
      </c>
      <c r="D24377" s="2">
        <v>177205</v>
      </c>
      <c r="E24377" s="1" t="s">
        <v>0</v>
      </c>
    </row>
    <row r="24378" spans="1:5" x14ac:dyDescent="0.25">
      <c r="A24378" s="1" t="s">
        <v>4431</v>
      </c>
      <c r="B24378" s="1" t="s">
        <v>12078</v>
      </c>
      <c r="C24378" s="1" t="s">
        <v>46394</v>
      </c>
      <c r="D24378" s="2">
        <v>177206</v>
      </c>
      <c r="E24378" s="1" t="s">
        <v>0</v>
      </c>
    </row>
    <row r="24379" spans="1:5" x14ac:dyDescent="0.25">
      <c r="A24379" s="1" t="s">
        <v>46395</v>
      </c>
      <c r="B24379" s="1" t="s">
        <v>60304</v>
      </c>
      <c r="C24379" s="1" t="s">
        <v>46396</v>
      </c>
      <c r="D24379" s="2">
        <v>177207</v>
      </c>
      <c r="E24379" s="1" t="s">
        <v>0</v>
      </c>
    </row>
    <row r="24380" spans="1:5" ht="409.5" x14ac:dyDescent="0.25">
      <c r="A24380" s="4" t="s">
        <v>46397</v>
      </c>
      <c r="B24380" s="1" t="s">
        <v>60305</v>
      </c>
      <c r="C24380" s="1" t="s">
        <v>46398</v>
      </c>
      <c r="D24380" s="2">
        <v>177208</v>
      </c>
      <c r="E24380" s="1" t="s">
        <v>0</v>
      </c>
    </row>
    <row r="24381" spans="1:5" x14ac:dyDescent="0.25">
      <c r="A24381" s="1" t="s">
        <v>46399</v>
      </c>
      <c r="B24381" s="1" t="s">
        <v>12079</v>
      </c>
      <c r="C24381" s="1" t="s">
        <v>46400</v>
      </c>
      <c r="D24381" s="2">
        <v>177209</v>
      </c>
      <c r="E24381" s="1" t="s">
        <v>0</v>
      </c>
    </row>
    <row r="24382" spans="1:5" x14ac:dyDescent="0.25">
      <c r="A24382" s="2">
        <v>4876</v>
      </c>
      <c r="B24382" s="2">
        <v>4876</v>
      </c>
      <c r="C24382" s="1" t="s">
        <v>0</v>
      </c>
      <c r="D24382" s="2">
        <v>177210</v>
      </c>
      <c r="E24382" s="1" t="s">
        <v>0</v>
      </c>
    </row>
    <row r="24383" spans="1:5" x14ac:dyDescent="0.25">
      <c r="A24383" s="1" t="s">
        <v>4432</v>
      </c>
      <c r="B24383" s="1" t="s">
        <v>12080</v>
      </c>
      <c r="C24383" s="1" t="s">
        <v>46401</v>
      </c>
      <c r="D24383" s="2">
        <v>177211</v>
      </c>
      <c r="E24383" s="1" t="s">
        <v>0</v>
      </c>
    </row>
    <row r="24384" spans="1:5" x14ac:dyDescent="0.25">
      <c r="A24384" s="1" t="s">
        <v>46402</v>
      </c>
      <c r="B24384" s="1" t="s">
        <v>56371</v>
      </c>
      <c r="C24384" s="1" t="s">
        <v>46403</v>
      </c>
      <c r="D24384" s="2">
        <v>177212</v>
      </c>
      <c r="E24384" s="1" t="s">
        <v>0</v>
      </c>
    </row>
    <row r="24385" spans="1:5" ht="409.5" x14ac:dyDescent="0.25">
      <c r="A24385" s="4" t="s">
        <v>46404</v>
      </c>
      <c r="B24385" s="1" t="s">
        <v>56372</v>
      </c>
      <c r="C24385" s="1" t="s">
        <v>46405</v>
      </c>
      <c r="D24385" s="2">
        <v>177213</v>
      </c>
      <c r="E24385" s="1" t="s">
        <v>0</v>
      </c>
    </row>
    <row r="24386" spans="1:5" x14ac:dyDescent="0.25">
      <c r="A24386" s="1" t="s">
        <v>46406</v>
      </c>
      <c r="B24386" s="1" t="s">
        <v>12081</v>
      </c>
      <c r="C24386" s="1" t="s">
        <v>46401</v>
      </c>
      <c r="D24386" s="2">
        <v>177214</v>
      </c>
      <c r="E24386" s="1" t="s">
        <v>0</v>
      </c>
    </row>
    <row r="24387" spans="1:5" x14ac:dyDescent="0.25">
      <c r="A24387" s="2">
        <v>4877</v>
      </c>
      <c r="B24387" s="2">
        <v>4877</v>
      </c>
      <c r="C24387" s="1" t="s">
        <v>0</v>
      </c>
      <c r="D24387" s="2">
        <v>177215</v>
      </c>
      <c r="E24387" s="1" t="s">
        <v>0</v>
      </c>
    </row>
    <row r="24388" spans="1:5" x14ac:dyDescent="0.25">
      <c r="A24388" s="1" t="s">
        <v>4433</v>
      </c>
      <c r="B24388" s="1" t="s">
        <v>12082</v>
      </c>
      <c r="C24388" s="1" t="s">
        <v>46407</v>
      </c>
      <c r="D24388" s="2">
        <v>177216</v>
      </c>
      <c r="E24388" s="1" t="s">
        <v>0</v>
      </c>
    </row>
    <row r="24389" spans="1:5" x14ac:dyDescent="0.25">
      <c r="A24389" s="1" t="s">
        <v>46408</v>
      </c>
      <c r="B24389" s="1" t="s">
        <v>56373</v>
      </c>
      <c r="C24389" s="1" t="s">
        <v>46409</v>
      </c>
      <c r="D24389" s="2">
        <v>177217</v>
      </c>
      <c r="E24389" s="1" t="s">
        <v>0</v>
      </c>
    </row>
    <row r="24390" spans="1:5" ht="409.5" x14ac:dyDescent="0.25">
      <c r="A24390" s="4" t="s">
        <v>46410</v>
      </c>
      <c r="B24390" s="1" t="s">
        <v>56374</v>
      </c>
      <c r="C24390" s="1" t="s">
        <v>46411</v>
      </c>
      <c r="D24390" s="2">
        <v>177218</v>
      </c>
      <c r="E24390" s="1" t="s">
        <v>0</v>
      </c>
    </row>
    <row r="24391" spans="1:5" x14ac:dyDescent="0.25">
      <c r="A24391" s="1" t="s">
        <v>46412</v>
      </c>
      <c r="B24391" s="1" t="s">
        <v>12083</v>
      </c>
      <c r="C24391" s="1" t="s">
        <v>46413</v>
      </c>
      <c r="D24391" s="2">
        <v>177219</v>
      </c>
      <c r="E24391" s="1" t="s">
        <v>0</v>
      </c>
    </row>
    <row r="24392" spans="1:5" x14ac:dyDescent="0.25">
      <c r="A24392" s="2">
        <v>4878</v>
      </c>
      <c r="B24392" s="2">
        <v>4878</v>
      </c>
      <c r="C24392" s="1" t="s">
        <v>0</v>
      </c>
      <c r="D24392" s="2">
        <v>177220</v>
      </c>
      <c r="E24392" s="1" t="s">
        <v>0</v>
      </c>
    </row>
    <row r="24393" spans="1:5" x14ac:dyDescent="0.25">
      <c r="A24393" s="1" t="s">
        <v>4434</v>
      </c>
      <c r="B24393" s="1" t="s">
        <v>12084</v>
      </c>
      <c r="C24393" s="1" t="s">
        <v>46414</v>
      </c>
      <c r="D24393" s="2">
        <v>177221</v>
      </c>
      <c r="E24393" s="1" t="s">
        <v>0</v>
      </c>
    </row>
    <row r="24394" spans="1:5" x14ac:dyDescent="0.25">
      <c r="A24394" s="1" t="s">
        <v>46415</v>
      </c>
      <c r="B24394" s="1" t="s">
        <v>12085</v>
      </c>
      <c r="C24394" s="1" t="s">
        <v>46416</v>
      </c>
      <c r="D24394" s="2">
        <v>177222</v>
      </c>
      <c r="E24394" s="1" t="s">
        <v>0</v>
      </c>
    </row>
    <row r="24395" spans="1:5" ht="409.5" x14ac:dyDescent="0.25">
      <c r="A24395" s="4" t="s">
        <v>46417</v>
      </c>
      <c r="B24395" s="1" t="s">
        <v>58016</v>
      </c>
      <c r="C24395" s="1" t="s">
        <v>46418</v>
      </c>
      <c r="D24395" s="2">
        <v>177223</v>
      </c>
      <c r="E24395" s="1" t="s">
        <v>0</v>
      </c>
    </row>
    <row r="24396" spans="1:5" x14ac:dyDescent="0.25">
      <c r="A24396" s="1" t="s">
        <v>20657</v>
      </c>
      <c r="B24396" s="1" t="s">
        <v>60982</v>
      </c>
      <c r="C24396" s="1" t="s">
        <v>20658</v>
      </c>
      <c r="D24396" s="2">
        <v>177224</v>
      </c>
      <c r="E24396" s="1" t="s">
        <v>0</v>
      </c>
    </row>
    <row r="24397" spans="1:5" x14ac:dyDescent="0.25">
      <c r="A24397" s="2">
        <v>4879</v>
      </c>
      <c r="B24397" s="2">
        <v>4879</v>
      </c>
      <c r="C24397" s="1" t="s">
        <v>0</v>
      </c>
      <c r="D24397" s="2">
        <v>177225</v>
      </c>
      <c r="E24397" s="1" t="s">
        <v>0</v>
      </c>
    </row>
    <row r="24398" spans="1:5" x14ac:dyDescent="0.25">
      <c r="A24398" s="1" t="s">
        <v>4435</v>
      </c>
      <c r="B24398" s="1" t="s">
        <v>12086</v>
      </c>
      <c r="C24398" s="1" t="s">
        <v>46419</v>
      </c>
      <c r="D24398" s="2">
        <v>177226</v>
      </c>
      <c r="E24398" s="1" t="s">
        <v>0</v>
      </c>
    </row>
    <row r="24399" spans="1:5" x14ac:dyDescent="0.25">
      <c r="A24399" s="1" t="s">
        <v>46420</v>
      </c>
      <c r="B24399" s="1" t="s">
        <v>56375</v>
      </c>
      <c r="C24399" s="1" t="s">
        <v>46421</v>
      </c>
      <c r="D24399" s="2">
        <v>177227</v>
      </c>
      <c r="E24399" s="1" t="s">
        <v>0</v>
      </c>
    </row>
    <row r="24400" spans="1:5" ht="409.5" x14ac:dyDescent="0.25">
      <c r="A24400" s="4" t="s">
        <v>46422</v>
      </c>
      <c r="B24400" s="1" t="s">
        <v>56376</v>
      </c>
      <c r="C24400" s="1" t="s">
        <v>46423</v>
      </c>
      <c r="D24400" s="2">
        <v>177228</v>
      </c>
      <c r="E24400" s="1" t="s">
        <v>0</v>
      </c>
    </row>
    <row r="24401" spans="1:5" x14ac:dyDescent="0.25">
      <c r="A24401" s="1" t="s">
        <v>46424</v>
      </c>
      <c r="B24401" s="1" t="s">
        <v>56377</v>
      </c>
      <c r="C24401" s="1" t="s">
        <v>46425</v>
      </c>
      <c r="D24401" s="2">
        <v>177229</v>
      </c>
      <c r="E24401" s="1" t="s">
        <v>0</v>
      </c>
    </row>
    <row r="24402" spans="1:5" x14ac:dyDescent="0.25">
      <c r="A24402" s="2">
        <v>4880</v>
      </c>
      <c r="B24402" s="2">
        <v>4880</v>
      </c>
      <c r="C24402" s="1" t="s">
        <v>0</v>
      </c>
      <c r="D24402" s="2">
        <v>177230</v>
      </c>
      <c r="E24402" s="1" t="s">
        <v>0</v>
      </c>
    </row>
    <row r="24403" spans="1:5" x14ac:dyDescent="0.25">
      <c r="A24403" s="1" t="s">
        <v>4436</v>
      </c>
      <c r="B24403" s="1" t="s">
        <v>12087</v>
      </c>
      <c r="C24403" s="1" t="s">
        <v>46426</v>
      </c>
      <c r="D24403" s="2">
        <v>177231</v>
      </c>
      <c r="E24403" s="1" t="s">
        <v>0</v>
      </c>
    </row>
    <row r="24404" spans="1:5" x14ac:dyDescent="0.25">
      <c r="A24404" s="1" t="s">
        <v>46427</v>
      </c>
      <c r="B24404" s="1" t="s">
        <v>56378</v>
      </c>
      <c r="C24404" s="1" t="s">
        <v>46428</v>
      </c>
      <c r="D24404" s="2">
        <v>177232</v>
      </c>
      <c r="E24404" s="1" t="s">
        <v>0</v>
      </c>
    </row>
    <row r="24405" spans="1:5" ht="409.5" x14ac:dyDescent="0.25">
      <c r="A24405" s="4" t="s">
        <v>46429</v>
      </c>
      <c r="B24405" s="1" t="s">
        <v>58623</v>
      </c>
      <c r="C24405" s="1" t="s">
        <v>46430</v>
      </c>
      <c r="D24405" s="2">
        <v>177233</v>
      </c>
      <c r="E24405" s="1" t="s">
        <v>0</v>
      </c>
    </row>
    <row r="24406" spans="1:5" x14ac:dyDescent="0.25">
      <c r="A24406" s="1" t="s">
        <v>46431</v>
      </c>
      <c r="B24406" s="1" t="s">
        <v>12088</v>
      </c>
      <c r="C24406" s="1" t="s">
        <v>46432</v>
      </c>
      <c r="D24406" s="2">
        <v>177234</v>
      </c>
      <c r="E24406" s="1" t="s">
        <v>0</v>
      </c>
    </row>
    <row r="24407" spans="1:5" x14ac:dyDescent="0.25">
      <c r="A24407" s="2">
        <v>4881</v>
      </c>
      <c r="B24407" s="2">
        <v>4881</v>
      </c>
      <c r="C24407" s="1" t="s">
        <v>0</v>
      </c>
      <c r="D24407" s="2">
        <v>177235</v>
      </c>
      <c r="E24407" s="1" t="s">
        <v>0</v>
      </c>
    </row>
    <row r="24408" spans="1:5" x14ac:dyDescent="0.25">
      <c r="A24408" s="1" t="s">
        <v>4437</v>
      </c>
      <c r="B24408" s="1" t="s">
        <v>60306</v>
      </c>
      <c r="C24408" s="1" t="s">
        <v>46433</v>
      </c>
      <c r="D24408" s="2">
        <v>177236</v>
      </c>
      <c r="E24408" s="1" t="s">
        <v>0</v>
      </c>
    </row>
    <row r="24409" spans="1:5" x14ac:dyDescent="0.25">
      <c r="A24409" s="1" t="s">
        <v>46434</v>
      </c>
      <c r="B24409" s="1" t="s">
        <v>12089</v>
      </c>
      <c r="C24409" s="1" t="s">
        <v>46435</v>
      </c>
      <c r="D24409" s="2">
        <v>177237</v>
      </c>
      <c r="E24409" s="1" t="s">
        <v>0</v>
      </c>
    </row>
    <row r="24410" spans="1:5" ht="409.5" x14ac:dyDescent="0.25">
      <c r="A24410" s="4" t="s">
        <v>46436</v>
      </c>
      <c r="B24410" s="1" t="s">
        <v>57653</v>
      </c>
      <c r="C24410" s="1" t="s">
        <v>46437</v>
      </c>
      <c r="D24410" s="2">
        <v>177238</v>
      </c>
      <c r="E24410" s="1" t="s">
        <v>0</v>
      </c>
    </row>
    <row r="24411" spans="1:5" x14ac:dyDescent="0.25">
      <c r="A24411" s="1" t="s">
        <v>46438</v>
      </c>
      <c r="B24411" s="1" t="s">
        <v>56379</v>
      </c>
      <c r="C24411" s="1" t="s">
        <v>46439</v>
      </c>
      <c r="D24411" s="2">
        <v>177239</v>
      </c>
      <c r="E24411" s="1" t="s">
        <v>0</v>
      </c>
    </row>
    <row r="24412" spans="1:5" x14ac:dyDescent="0.25">
      <c r="A24412" s="2">
        <v>4882</v>
      </c>
      <c r="B24412" s="2">
        <v>4882</v>
      </c>
      <c r="C24412" s="1" t="s">
        <v>0</v>
      </c>
      <c r="D24412" s="2">
        <v>177240</v>
      </c>
      <c r="E24412" s="1" t="s">
        <v>0</v>
      </c>
    </row>
    <row r="24413" spans="1:5" x14ac:dyDescent="0.25">
      <c r="A24413" s="1" t="s">
        <v>4438</v>
      </c>
      <c r="B24413" s="1" t="s">
        <v>12090</v>
      </c>
      <c r="C24413" s="1" t="s">
        <v>46440</v>
      </c>
      <c r="D24413" s="2">
        <v>177241</v>
      </c>
      <c r="E24413" s="1" t="s">
        <v>0</v>
      </c>
    </row>
    <row r="24414" spans="1:5" x14ac:dyDescent="0.25">
      <c r="A24414" s="1" t="s">
        <v>46441</v>
      </c>
      <c r="B24414" s="1" t="s">
        <v>63038</v>
      </c>
      <c r="C24414" s="1" t="s">
        <v>46442</v>
      </c>
      <c r="D24414" s="2">
        <v>177242</v>
      </c>
      <c r="E24414" s="1" t="s">
        <v>0</v>
      </c>
    </row>
    <row r="24415" spans="1:5" ht="409.5" x14ac:dyDescent="0.25">
      <c r="A24415" s="4" t="s">
        <v>46443</v>
      </c>
      <c r="B24415" s="1" t="s">
        <v>63039</v>
      </c>
      <c r="C24415" s="1" t="s">
        <v>46444</v>
      </c>
      <c r="D24415" s="2">
        <v>177243</v>
      </c>
      <c r="E24415" s="1" t="s">
        <v>0</v>
      </c>
    </row>
    <row r="24416" spans="1:5" x14ac:dyDescent="0.25">
      <c r="A24416" s="1" t="s">
        <v>46445</v>
      </c>
      <c r="B24416" s="1" t="s">
        <v>12091</v>
      </c>
      <c r="C24416" s="1" t="s">
        <v>46446</v>
      </c>
      <c r="D24416" s="2">
        <v>177244</v>
      </c>
      <c r="E24416" s="1" t="s">
        <v>0</v>
      </c>
    </row>
    <row r="24417" spans="1:5" x14ac:dyDescent="0.25">
      <c r="A24417" s="2">
        <v>4883</v>
      </c>
      <c r="B24417" s="2">
        <v>4883</v>
      </c>
      <c r="C24417" s="1" t="s">
        <v>0</v>
      </c>
      <c r="D24417" s="2">
        <v>177245</v>
      </c>
      <c r="E24417" s="1" t="s">
        <v>0</v>
      </c>
    </row>
    <row r="24418" spans="1:5" x14ac:dyDescent="0.25">
      <c r="A24418" s="1" t="s">
        <v>4439</v>
      </c>
      <c r="B24418" s="1" t="s">
        <v>12092</v>
      </c>
      <c r="C24418" s="1" t="s">
        <v>46447</v>
      </c>
      <c r="D24418" s="2">
        <v>177246</v>
      </c>
      <c r="E24418" s="1" t="s">
        <v>0</v>
      </c>
    </row>
    <row r="24419" spans="1:5" x14ac:dyDescent="0.25">
      <c r="A24419" s="1" t="s">
        <v>46448</v>
      </c>
      <c r="B24419" s="1" t="s">
        <v>56380</v>
      </c>
      <c r="C24419" s="1" t="s">
        <v>46449</v>
      </c>
      <c r="D24419" s="2">
        <v>177247</v>
      </c>
      <c r="E24419" s="1" t="s">
        <v>0</v>
      </c>
    </row>
    <row r="24420" spans="1:5" ht="409.5" x14ac:dyDescent="0.25">
      <c r="A24420" s="4" t="s">
        <v>46450</v>
      </c>
      <c r="B24420" s="1" t="s">
        <v>56381</v>
      </c>
      <c r="C24420" s="1" t="s">
        <v>46451</v>
      </c>
      <c r="D24420" s="2">
        <v>177248</v>
      </c>
      <c r="E24420" s="1" t="s">
        <v>0</v>
      </c>
    </row>
    <row r="24421" spans="1:5" x14ac:dyDescent="0.25">
      <c r="A24421" s="1" t="s">
        <v>46452</v>
      </c>
      <c r="B24421" s="1" t="s">
        <v>12093</v>
      </c>
      <c r="C24421" s="1" t="s">
        <v>46453</v>
      </c>
      <c r="D24421" s="2">
        <v>177249</v>
      </c>
      <c r="E24421" s="1" t="s">
        <v>0</v>
      </c>
    </row>
    <row r="24422" spans="1:5" x14ac:dyDescent="0.25">
      <c r="A24422" s="2">
        <v>4884</v>
      </c>
      <c r="B24422" s="2">
        <v>4884</v>
      </c>
      <c r="C24422" s="1" t="s">
        <v>0</v>
      </c>
      <c r="D24422" s="2">
        <v>177250</v>
      </c>
      <c r="E24422" s="1" t="s">
        <v>0</v>
      </c>
    </row>
    <row r="24423" spans="1:5" x14ac:dyDescent="0.25">
      <c r="A24423" s="1" t="s">
        <v>4440</v>
      </c>
      <c r="B24423" s="1" t="s">
        <v>12094</v>
      </c>
      <c r="C24423" s="1" t="s">
        <v>46454</v>
      </c>
      <c r="D24423" s="2">
        <v>177251</v>
      </c>
      <c r="E24423" s="1" t="s">
        <v>0</v>
      </c>
    </row>
    <row r="24424" spans="1:5" x14ac:dyDescent="0.25">
      <c r="A24424" s="1" t="s">
        <v>46455</v>
      </c>
      <c r="B24424" s="1" t="s">
        <v>56382</v>
      </c>
      <c r="C24424" s="1" t="s">
        <v>46456</v>
      </c>
      <c r="D24424" s="2">
        <v>177252</v>
      </c>
      <c r="E24424" s="1" t="s">
        <v>0</v>
      </c>
    </row>
    <row r="24425" spans="1:5" ht="409.5" x14ac:dyDescent="0.25">
      <c r="A24425" s="4" t="s">
        <v>46457</v>
      </c>
      <c r="B24425" s="1" t="s">
        <v>56383</v>
      </c>
      <c r="C24425" s="1" t="s">
        <v>46458</v>
      </c>
      <c r="D24425" s="2">
        <v>177253</v>
      </c>
      <c r="E24425" s="1" t="s">
        <v>0</v>
      </c>
    </row>
    <row r="24426" spans="1:5" x14ac:dyDescent="0.25">
      <c r="A24426" s="1" t="s">
        <v>13413</v>
      </c>
      <c r="B24426" s="1" t="s">
        <v>60845</v>
      </c>
      <c r="C24426" s="1" t="s">
        <v>13414</v>
      </c>
      <c r="D24426" s="2">
        <v>177254</v>
      </c>
      <c r="E24426" s="1" t="s">
        <v>0</v>
      </c>
    </row>
    <row r="24427" spans="1:5" x14ac:dyDescent="0.25">
      <c r="A24427" s="2">
        <v>4885</v>
      </c>
      <c r="B24427" s="2">
        <v>4885</v>
      </c>
      <c r="C24427" s="1" t="s">
        <v>0</v>
      </c>
      <c r="D24427" s="2">
        <v>177255</v>
      </c>
      <c r="E24427" s="1" t="s">
        <v>0</v>
      </c>
    </row>
    <row r="24428" spans="1:5" x14ac:dyDescent="0.25">
      <c r="A24428" s="1" t="s">
        <v>4441</v>
      </c>
      <c r="B24428" s="1" t="s">
        <v>12095</v>
      </c>
      <c r="C24428" s="1" t="s">
        <v>46459</v>
      </c>
      <c r="D24428" s="2">
        <v>177256</v>
      </c>
      <c r="E24428" s="1" t="s">
        <v>0</v>
      </c>
    </row>
    <row r="24429" spans="1:5" x14ac:dyDescent="0.25">
      <c r="A24429" s="1" t="s">
        <v>46460</v>
      </c>
      <c r="B24429" s="1" t="s">
        <v>56384</v>
      </c>
      <c r="C24429" s="1" t="s">
        <v>46461</v>
      </c>
      <c r="D24429" s="2">
        <v>177257</v>
      </c>
      <c r="E24429" s="1" t="s">
        <v>0</v>
      </c>
    </row>
    <row r="24430" spans="1:5" ht="409.5" x14ac:dyDescent="0.25">
      <c r="A24430" s="4" t="s">
        <v>46462</v>
      </c>
      <c r="B24430" s="1" t="s">
        <v>59694</v>
      </c>
      <c r="C24430" s="1" t="s">
        <v>46463</v>
      </c>
      <c r="D24430" s="2">
        <v>177258</v>
      </c>
      <c r="E24430" s="1" t="s">
        <v>0</v>
      </c>
    </row>
    <row r="24431" spans="1:5" x14ac:dyDescent="0.25">
      <c r="A24431" s="1" t="s">
        <v>46464</v>
      </c>
      <c r="B24431" s="1" t="s">
        <v>12096</v>
      </c>
      <c r="C24431" s="1" t="s">
        <v>46465</v>
      </c>
      <c r="D24431" s="2">
        <v>177259</v>
      </c>
      <c r="E24431" s="1" t="s">
        <v>0</v>
      </c>
    </row>
    <row r="24432" spans="1:5" x14ac:dyDescent="0.25">
      <c r="A24432" s="2">
        <v>4886</v>
      </c>
      <c r="B24432" s="2">
        <v>4886</v>
      </c>
      <c r="C24432" s="1" t="s">
        <v>0</v>
      </c>
      <c r="D24432" s="2">
        <v>177260</v>
      </c>
      <c r="E24432" s="1" t="s">
        <v>0</v>
      </c>
    </row>
    <row r="24433" spans="1:5" x14ac:dyDescent="0.25">
      <c r="A24433" s="1" t="s">
        <v>4442</v>
      </c>
      <c r="B24433" s="1" t="s">
        <v>51079</v>
      </c>
      <c r="C24433" s="1" t="s">
        <v>46466</v>
      </c>
      <c r="D24433" s="2">
        <v>177261</v>
      </c>
      <c r="E24433" s="1" t="s">
        <v>0</v>
      </c>
    </row>
    <row r="24434" spans="1:5" x14ac:dyDescent="0.25">
      <c r="A24434" s="1" t="s">
        <v>46467</v>
      </c>
      <c r="B24434" s="1" t="s">
        <v>58624</v>
      </c>
      <c r="C24434" s="1" t="s">
        <v>46468</v>
      </c>
      <c r="D24434" s="2">
        <v>177262</v>
      </c>
      <c r="E24434" s="1" t="s">
        <v>0</v>
      </c>
    </row>
    <row r="24435" spans="1:5" ht="409.5" x14ac:dyDescent="0.25">
      <c r="A24435" s="4" t="s">
        <v>46469</v>
      </c>
      <c r="B24435" s="1" t="s">
        <v>63534</v>
      </c>
      <c r="C24435" s="1" t="s">
        <v>46470</v>
      </c>
      <c r="D24435" s="2">
        <v>177263</v>
      </c>
      <c r="E24435" s="1" t="s">
        <v>0</v>
      </c>
    </row>
    <row r="24436" spans="1:5" x14ac:dyDescent="0.25">
      <c r="A24436" s="1" t="s">
        <v>46471</v>
      </c>
      <c r="B24436" s="1" t="s">
        <v>56385</v>
      </c>
      <c r="C24436" s="1" t="s">
        <v>46472</v>
      </c>
      <c r="D24436" s="2">
        <v>177264</v>
      </c>
      <c r="E24436" s="1" t="s">
        <v>0</v>
      </c>
    </row>
    <row r="24437" spans="1:5" x14ac:dyDescent="0.25">
      <c r="A24437" s="2">
        <v>4887</v>
      </c>
      <c r="B24437" s="2">
        <v>4887</v>
      </c>
      <c r="C24437" s="1" t="s">
        <v>0</v>
      </c>
      <c r="D24437" s="2">
        <v>177265</v>
      </c>
      <c r="E24437" s="1" t="s">
        <v>0</v>
      </c>
    </row>
    <row r="24438" spans="1:5" x14ac:dyDescent="0.25">
      <c r="A24438" s="1" t="s">
        <v>4443</v>
      </c>
      <c r="B24438" s="1" t="s">
        <v>12097</v>
      </c>
      <c r="C24438" s="1" t="s">
        <v>46473</v>
      </c>
      <c r="D24438" s="2">
        <v>177266</v>
      </c>
      <c r="E24438" s="1" t="s">
        <v>0</v>
      </c>
    </row>
    <row r="24439" spans="1:5" x14ac:dyDescent="0.25">
      <c r="A24439" s="1" t="s">
        <v>46474</v>
      </c>
      <c r="B24439" s="1" t="s">
        <v>60799</v>
      </c>
      <c r="C24439" s="1" t="s">
        <v>46475</v>
      </c>
      <c r="D24439" s="2">
        <v>177267</v>
      </c>
      <c r="E24439" s="1" t="s">
        <v>0</v>
      </c>
    </row>
    <row r="24440" spans="1:5" ht="409.5" x14ac:dyDescent="0.25">
      <c r="A24440" s="4" t="s">
        <v>46476</v>
      </c>
      <c r="B24440" s="1" t="s">
        <v>60800</v>
      </c>
      <c r="C24440" s="1" t="s">
        <v>46477</v>
      </c>
      <c r="D24440" s="2">
        <v>177268</v>
      </c>
      <c r="E24440" s="1" t="s">
        <v>0</v>
      </c>
    </row>
    <row r="24441" spans="1:5" x14ac:dyDescent="0.25">
      <c r="A24441" s="1" t="s">
        <v>46478</v>
      </c>
      <c r="B24441" s="1" t="s">
        <v>12098</v>
      </c>
      <c r="C24441" s="1" t="s">
        <v>46479</v>
      </c>
      <c r="D24441" s="2">
        <v>177269</v>
      </c>
      <c r="E24441" s="1" t="s">
        <v>0</v>
      </c>
    </row>
    <row r="24442" spans="1:5" x14ac:dyDescent="0.25">
      <c r="A24442" s="2">
        <v>4888</v>
      </c>
      <c r="B24442" s="2">
        <v>4888</v>
      </c>
      <c r="C24442" s="1" t="s">
        <v>0</v>
      </c>
      <c r="D24442" s="2">
        <v>177270</v>
      </c>
      <c r="E24442" s="1" t="s">
        <v>0</v>
      </c>
    </row>
    <row r="24443" spans="1:5" x14ac:dyDescent="0.25">
      <c r="A24443" s="1" t="s">
        <v>12099</v>
      </c>
      <c r="B24443" s="1" t="s">
        <v>12100</v>
      </c>
      <c r="C24443" s="1" t="s">
        <v>46480</v>
      </c>
      <c r="D24443" s="2">
        <v>177271</v>
      </c>
      <c r="E24443" s="1" t="s">
        <v>0</v>
      </c>
    </row>
    <row r="24444" spans="1:5" x14ac:dyDescent="0.25">
      <c r="A24444" s="1" t="s">
        <v>46481</v>
      </c>
      <c r="B24444" s="1" t="s">
        <v>63833</v>
      </c>
      <c r="C24444" s="1" t="s">
        <v>46482</v>
      </c>
      <c r="D24444" s="2">
        <v>177272</v>
      </c>
      <c r="E24444" s="1" t="s">
        <v>0</v>
      </c>
    </row>
    <row r="24445" spans="1:5" ht="409.5" x14ac:dyDescent="0.25">
      <c r="A24445" s="4" t="s">
        <v>46483</v>
      </c>
      <c r="B24445" s="1" t="s">
        <v>63834</v>
      </c>
      <c r="C24445" s="1" t="s">
        <v>46484</v>
      </c>
      <c r="D24445" s="2">
        <v>177273</v>
      </c>
      <c r="E24445" s="1" t="s">
        <v>0</v>
      </c>
    </row>
    <row r="24446" spans="1:5" x14ac:dyDescent="0.25">
      <c r="A24446" s="1" t="s">
        <v>46485</v>
      </c>
      <c r="B24446" s="1" t="s">
        <v>56386</v>
      </c>
      <c r="C24446" s="1" t="s">
        <v>46486</v>
      </c>
      <c r="D24446" s="2">
        <v>177274</v>
      </c>
      <c r="E24446" s="1" t="s">
        <v>0</v>
      </c>
    </row>
    <row r="24447" spans="1:5" x14ac:dyDescent="0.25">
      <c r="A24447" s="2">
        <v>4889</v>
      </c>
      <c r="B24447" s="2">
        <v>4889</v>
      </c>
      <c r="C24447" s="1" t="s">
        <v>0</v>
      </c>
      <c r="D24447" s="2">
        <v>177275</v>
      </c>
      <c r="E24447" s="1" t="s">
        <v>0</v>
      </c>
    </row>
    <row r="24448" spans="1:5" x14ac:dyDescent="0.25">
      <c r="A24448" s="1" t="s">
        <v>4444</v>
      </c>
      <c r="B24448" s="1" t="s">
        <v>12101</v>
      </c>
      <c r="C24448" s="1" t="s">
        <v>46487</v>
      </c>
      <c r="D24448" s="2">
        <v>177276</v>
      </c>
      <c r="E24448" s="1" t="s">
        <v>0</v>
      </c>
    </row>
    <row r="24449" spans="1:5" x14ac:dyDescent="0.25">
      <c r="A24449" s="1" t="s">
        <v>46488</v>
      </c>
      <c r="B24449" s="1" t="s">
        <v>58625</v>
      </c>
      <c r="C24449" s="1" t="s">
        <v>46489</v>
      </c>
      <c r="D24449" s="2">
        <v>177277</v>
      </c>
      <c r="E24449" s="1" t="s">
        <v>0</v>
      </c>
    </row>
    <row r="24450" spans="1:5" ht="409.5" x14ac:dyDescent="0.25">
      <c r="A24450" s="4" t="s">
        <v>46490</v>
      </c>
      <c r="B24450" s="1" t="s">
        <v>58626</v>
      </c>
      <c r="C24450" s="1" t="s">
        <v>46491</v>
      </c>
      <c r="D24450" s="2">
        <v>177278</v>
      </c>
      <c r="E24450" s="1" t="s">
        <v>0</v>
      </c>
    </row>
    <row r="24451" spans="1:5" x14ac:dyDescent="0.25">
      <c r="A24451" s="1" t="s">
        <v>46492</v>
      </c>
      <c r="B24451" s="1" t="s">
        <v>61406</v>
      </c>
      <c r="C24451" s="1" t="s">
        <v>46493</v>
      </c>
      <c r="D24451" s="2">
        <v>177279</v>
      </c>
      <c r="E24451" s="1" t="s">
        <v>0</v>
      </c>
    </row>
    <row r="24452" spans="1:5" x14ac:dyDescent="0.25">
      <c r="A24452" s="2">
        <v>4890</v>
      </c>
      <c r="B24452" s="2">
        <v>4890</v>
      </c>
      <c r="C24452" s="1" t="s">
        <v>0</v>
      </c>
      <c r="D24452" s="2">
        <v>177280</v>
      </c>
      <c r="E24452" s="1" t="s">
        <v>0</v>
      </c>
    </row>
    <row r="24453" spans="1:5" x14ac:dyDescent="0.25">
      <c r="A24453" s="1" t="s">
        <v>4445</v>
      </c>
      <c r="B24453" s="1" t="s">
        <v>12102</v>
      </c>
      <c r="C24453" s="1" t="s">
        <v>46494</v>
      </c>
      <c r="D24453" s="2">
        <v>177281</v>
      </c>
      <c r="E24453" s="1" t="s">
        <v>0</v>
      </c>
    </row>
    <row r="24454" spans="1:5" x14ac:dyDescent="0.25">
      <c r="A24454" s="1" t="s">
        <v>46495</v>
      </c>
      <c r="B24454" s="1" t="s">
        <v>56387</v>
      </c>
      <c r="C24454" s="1" t="s">
        <v>46496</v>
      </c>
      <c r="D24454" s="2">
        <v>177282</v>
      </c>
      <c r="E24454" s="1" t="s">
        <v>0</v>
      </c>
    </row>
    <row r="24455" spans="1:5" ht="409.5" x14ac:dyDescent="0.25">
      <c r="A24455" s="4" t="s">
        <v>46497</v>
      </c>
      <c r="B24455" s="1" t="s">
        <v>56388</v>
      </c>
      <c r="C24455" s="1" t="s">
        <v>46498</v>
      </c>
      <c r="D24455" s="2">
        <v>177283</v>
      </c>
      <c r="E24455" s="1" t="s">
        <v>0</v>
      </c>
    </row>
    <row r="24456" spans="1:5" x14ac:dyDescent="0.25">
      <c r="A24456" s="1" t="s">
        <v>46499</v>
      </c>
      <c r="B24456" s="1" t="s">
        <v>12103</v>
      </c>
      <c r="C24456" s="1" t="s">
        <v>46500</v>
      </c>
      <c r="D24456" s="2">
        <v>177284</v>
      </c>
      <c r="E24456" s="1" t="s">
        <v>0</v>
      </c>
    </row>
    <row r="24457" spans="1:5" x14ac:dyDescent="0.25">
      <c r="A24457" s="2">
        <v>4891</v>
      </c>
      <c r="B24457" s="2">
        <v>4891</v>
      </c>
      <c r="C24457" s="1" t="s">
        <v>0</v>
      </c>
      <c r="D24457" s="2">
        <v>177285</v>
      </c>
      <c r="E24457" s="1" t="s">
        <v>0</v>
      </c>
    </row>
    <row r="24458" spans="1:5" x14ac:dyDescent="0.25">
      <c r="A24458" s="1" t="s">
        <v>4446</v>
      </c>
      <c r="B24458" s="1" t="s">
        <v>12104</v>
      </c>
      <c r="C24458" s="1" t="s">
        <v>46501</v>
      </c>
      <c r="D24458" s="2">
        <v>177286</v>
      </c>
      <c r="E24458" s="1" t="s">
        <v>0</v>
      </c>
    </row>
    <row r="24459" spans="1:5" x14ac:dyDescent="0.25">
      <c r="A24459" s="1" t="s">
        <v>46502</v>
      </c>
      <c r="B24459" s="1" t="s">
        <v>13306</v>
      </c>
      <c r="C24459" s="1" t="s">
        <v>46503</v>
      </c>
      <c r="D24459" s="2">
        <v>177287</v>
      </c>
      <c r="E24459" s="1" t="s">
        <v>0</v>
      </c>
    </row>
    <row r="24460" spans="1:5" ht="409.5" x14ac:dyDescent="0.25">
      <c r="A24460" s="4" t="s">
        <v>64387</v>
      </c>
      <c r="B24460" s="1" t="s">
        <v>56389</v>
      </c>
      <c r="C24460" s="1" t="s">
        <v>46504</v>
      </c>
      <c r="D24460" s="2">
        <v>177288</v>
      </c>
      <c r="E24460" s="1" t="s">
        <v>0</v>
      </c>
    </row>
    <row r="24461" spans="1:5" x14ac:dyDescent="0.25">
      <c r="A24461" s="1" t="s">
        <v>46505</v>
      </c>
      <c r="B24461" s="1" t="s">
        <v>12105</v>
      </c>
      <c r="C24461" s="1" t="s">
        <v>46506</v>
      </c>
      <c r="D24461" s="2">
        <v>177289</v>
      </c>
      <c r="E24461" s="1" t="s">
        <v>0</v>
      </c>
    </row>
    <row r="24462" spans="1:5" x14ac:dyDescent="0.25">
      <c r="A24462" s="2">
        <v>4892</v>
      </c>
      <c r="B24462" s="2">
        <v>4892</v>
      </c>
      <c r="C24462" s="1" t="s">
        <v>0</v>
      </c>
      <c r="D24462" s="2">
        <v>177290</v>
      </c>
      <c r="E24462" s="1" t="s">
        <v>0</v>
      </c>
    </row>
    <row r="24463" spans="1:5" x14ac:dyDescent="0.25">
      <c r="A24463" s="1" t="s">
        <v>4447</v>
      </c>
      <c r="B24463" s="1" t="s">
        <v>12106</v>
      </c>
      <c r="C24463" s="1" t="s">
        <v>46507</v>
      </c>
      <c r="D24463" s="2">
        <v>177291</v>
      </c>
      <c r="E24463" s="1" t="s">
        <v>0</v>
      </c>
    </row>
    <row r="24464" spans="1:5" x14ac:dyDescent="0.25">
      <c r="A24464" s="1" t="s">
        <v>46508</v>
      </c>
      <c r="B24464" s="1" t="s">
        <v>12107</v>
      </c>
      <c r="C24464" s="1" t="s">
        <v>46509</v>
      </c>
      <c r="D24464" s="2">
        <v>177292</v>
      </c>
      <c r="E24464" s="1" t="s">
        <v>0</v>
      </c>
    </row>
    <row r="24465" spans="1:5" ht="409.5" x14ac:dyDescent="0.25">
      <c r="A24465" s="4" t="s">
        <v>46510</v>
      </c>
      <c r="B24465" s="1" t="s">
        <v>12108</v>
      </c>
      <c r="C24465" s="1" t="s">
        <v>46511</v>
      </c>
      <c r="D24465" s="2">
        <v>177293</v>
      </c>
      <c r="E24465" s="1" t="s">
        <v>0</v>
      </c>
    </row>
    <row r="24466" spans="1:5" x14ac:dyDescent="0.25">
      <c r="A24466" s="1" t="s">
        <v>46512</v>
      </c>
      <c r="B24466" s="1" t="s">
        <v>56390</v>
      </c>
      <c r="C24466" s="1" t="s">
        <v>46513</v>
      </c>
      <c r="D24466" s="2">
        <v>177294</v>
      </c>
      <c r="E24466" s="1" t="s">
        <v>0</v>
      </c>
    </row>
    <row r="24467" spans="1:5" x14ac:dyDescent="0.25">
      <c r="A24467" s="2">
        <v>4893</v>
      </c>
      <c r="B24467" s="2">
        <v>4893</v>
      </c>
      <c r="C24467" s="1" t="s">
        <v>0</v>
      </c>
      <c r="D24467" s="2">
        <v>177295</v>
      </c>
      <c r="E24467" s="1" t="s">
        <v>0</v>
      </c>
    </row>
    <row r="24468" spans="1:5" x14ac:dyDescent="0.25">
      <c r="A24468" s="1" t="s">
        <v>46514</v>
      </c>
      <c r="B24468" s="1" t="s">
        <v>12109</v>
      </c>
      <c r="C24468" s="1" t="s">
        <v>46515</v>
      </c>
      <c r="D24468" s="2">
        <v>177296</v>
      </c>
      <c r="E24468" s="1" t="s">
        <v>0</v>
      </c>
    </row>
    <row r="24469" spans="1:5" x14ac:dyDescent="0.25">
      <c r="A24469" s="1" t="s">
        <v>46516</v>
      </c>
      <c r="B24469" s="1" t="s">
        <v>63835</v>
      </c>
      <c r="C24469" s="1" t="s">
        <v>46517</v>
      </c>
      <c r="D24469" s="2">
        <v>177297</v>
      </c>
      <c r="E24469" s="1" t="s">
        <v>0</v>
      </c>
    </row>
    <row r="24470" spans="1:5" ht="409.5" x14ac:dyDescent="0.25">
      <c r="A24470" s="4" t="s">
        <v>46518</v>
      </c>
      <c r="B24470" s="1" t="s">
        <v>63836</v>
      </c>
      <c r="C24470" s="1" t="s">
        <v>46519</v>
      </c>
      <c r="D24470" s="2">
        <v>177298</v>
      </c>
      <c r="E24470" s="1" t="s">
        <v>0</v>
      </c>
    </row>
    <row r="24471" spans="1:5" x14ac:dyDescent="0.25">
      <c r="A24471" s="1" t="s">
        <v>46520</v>
      </c>
      <c r="B24471" s="1" t="s">
        <v>12110</v>
      </c>
      <c r="C24471" s="1" t="s">
        <v>46521</v>
      </c>
      <c r="D24471" s="2">
        <v>177299</v>
      </c>
      <c r="E24471" s="1" t="s">
        <v>0</v>
      </c>
    </row>
    <row r="24472" spans="1:5" x14ac:dyDescent="0.25">
      <c r="A24472" s="2">
        <v>4894</v>
      </c>
      <c r="B24472" s="2">
        <v>4894</v>
      </c>
      <c r="C24472" s="1" t="s">
        <v>0</v>
      </c>
      <c r="D24472" s="2">
        <v>177300</v>
      </c>
      <c r="E24472" s="1" t="s">
        <v>0</v>
      </c>
    </row>
    <row r="24473" spans="1:5" x14ac:dyDescent="0.25">
      <c r="A24473" s="1" t="s">
        <v>4448</v>
      </c>
      <c r="B24473" s="1" t="s">
        <v>12111</v>
      </c>
      <c r="C24473" s="1" t="s">
        <v>46522</v>
      </c>
      <c r="D24473" s="2">
        <v>177301</v>
      </c>
      <c r="E24473" s="1" t="s">
        <v>0</v>
      </c>
    </row>
    <row r="24474" spans="1:5" x14ac:dyDescent="0.25">
      <c r="A24474" s="1" t="s">
        <v>46523</v>
      </c>
      <c r="B24474" s="1" t="s">
        <v>56391</v>
      </c>
      <c r="C24474" s="1" t="s">
        <v>46524</v>
      </c>
      <c r="D24474" s="2">
        <v>177302</v>
      </c>
      <c r="E24474" s="1" t="s">
        <v>0</v>
      </c>
    </row>
    <row r="24475" spans="1:5" ht="409.5" x14ac:dyDescent="0.25">
      <c r="A24475" s="4" t="s">
        <v>46525</v>
      </c>
      <c r="B24475" s="1" t="s">
        <v>61407</v>
      </c>
      <c r="C24475" s="1" t="s">
        <v>46526</v>
      </c>
      <c r="D24475" s="2">
        <v>177303</v>
      </c>
      <c r="E24475" s="1" t="s">
        <v>0</v>
      </c>
    </row>
    <row r="24476" spans="1:5" x14ac:dyDescent="0.25">
      <c r="A24476" s="1" t="s">
        <v>46527</v>
      </c>
      <c r="B24476" s="1" t="s">
        <v>56392</v>
      </c>
      <c r="C24476" s="1" t="s">
        <v>46528</v>
      </c>
      <c r="D24476" s="2">
        <v>177304</v>
      </c>
      <c r="E24476" s="1" t="s">
        <v>0</v>
      </c>
    </row>
    <row r="24477" spans="1:5" x14ac:dyDescent="0.25">
      <c r="A24477" s="2">
        <v>4895</v>
      </c>
      <c r="B24477" s="2">
        <v>4895</v>
      </c>
      <c r="C24477" s="1" t="s">
        <v>0</v>
      </c>
      <c r="D24477" s="2">
        <v>177305</v>
      </c>
      <c r="E24477" s="1" t="s">
        <v>0</v>
      </c>
    </row>
    <row r="24478" spans="1:5" x14ac:dyDescent="0.25">
      <c r="A24478" s="1" t="s">
        <v>4449</v>
      </c>
      <c r="B24478" s="1" t="s">
        <v>12112</v>
      </c>
      <c r="C24478" s="1" t="s">
        <v>46529</v>
      </c>
      <c r="D24478" s="2">
        <v>177306</v>
      </c>
      <c r="E24478" s="1" t="s">
        <v>0</v>
      </c>
    </row>
    <row r="24479" spans="1:5" x14ac:dyDescent="0.25">
      <c r="A24479" s="1" t="s">
        <v>46530</v>
      </c>
      <c r="B24479" s="1" t="s">
        <v>63040</v>
      </c>
      <c r="C24479" s="1" t="s">
        <v>46531</v>
      </c>
      <c r="D24479" s="2">
        <v>177307</v>
      </c>
      <c r="E24479" s="1" t="s">
        <v>0</v>
      </c>
    </row>
    <row r="24480" spans="1:5" ht="409.5" x14ac:dyDescent="0.25">
      <c r="A24480" s="4" t="s">
        <v>46532</v>
      </c>
      <c r="B24480" s="1" t="s">
        <v>63041</v>
      </c>
      <c r="C24480" s="1" t="s">
        <v>46533</v>
      </c>
      <c r="D24480" s="2">
        <v>177308</v>
      </c>
      <c r="E24480" s="1" t="s">
        <v>0</v>
      </c>
    </row>
    <row r="24481" spans="1:5" x14ac:dyDescent="0.25">
      <c r="A24481" s="1" t="s">
        <v>46534</v>
      </c>
      <c r="B24481" s="1" t="s">
        <v>56393</v>
      </c>
      <c r="C24481" s="1" t="s">
        <v>46535</v>
      </c>
      <c r="D24481" s="2">
        <v>177309</v>
      </c>
      <c r="E24481" s="1" t="s">
        <v>0</v>
      </c>
    </row>
    <row r="24482" spans="1:5" x14ac:dyDescent="0.25">
      <c r="A24482" s="2">
        <v>4896</v>
      </c>
      <c r="B24482" s="2">
        <v>4896</v>
      </c>
      <c r="C24482" s="1" t="s">
        <v>0</v>
      </c>
      <c r="D24482" s="2">
        <v>177310</v>
      </c>
      <c r="E24482" s="1" t="s">
        <v>0</v>
      </c>
    </row>
    <row r="24483" spans="1:5" x14ac:dyDescent="0.25">
      <c r="A24483" s="1" t="s">
        <v>4450</v>
      </c>
      <c r="B24483" s="1" t="s">
        <v>12113</v>
      </c>
      <c r="C24483" s="1" t="s">
        <v>46536</v>
      </c>
      <c r="D24483" s="2">
        <v>177311</v>
      </c>
      <c r="E24483" s="1" t="s">
        <v>0</v>
      </c>
    </row>
    <row r="24484" spans="1:5" x14ac:dyDescent="0.25">
      <c r="A24484" s="1" t="s">
        <v>46537</v>
      </c>
      <c r="B24484" s="1" t="s">
        <v>56394</v>
      </c>
      <c r="C24484" s="1" t="s">
        <v>46538</v>
      </c>
      <c r="D24484" s="2">
        <v>177312</v>
      </c>
      <c r="E24484" s="1" t="s">
        <v>0</v>
      </c>
    </row>
    <row r="24485" spans="1:5" ht="409.5" x14ac:dyDescent="0.25">
      <c r="A24485" s="4" t="s">
        <v>46539</v>
      </c>
      <c r="B24485" s="1" t="s">
        <v>56395</v>
      </c>
      <c r="C24485" s="1" t="s">
        <v>46540</v>
      </c>
      <c r="D24485" s="2">
        <v>177313</v>
      </c>
      <c r="E24485" s="1" t="s">
        <v>0</v>
      </c>
    </row>
    <row r="24486" spans="1:5" x14ac:dyDescent="0.25">
      <c r="A24486" s="1" t="s">
        <v>46541</v>
      </c>
      <c r="B24486" s="1" t="s">
        <v>12114</v>
      </c>
      <c r="C24486" s="1" t="s">
        <v>46542</v>
      </c>
      <c r="D24486" s="2">
        <v>177314</v>
      </c>
      <c r="E24486" s="1" t="s">
        <v>0</v>
      </c>
    </row>
    <row r="24487" spans="1:5" x14ac:dyDescent="0.25">
      <c r="A24487" s="2">
        <v>4897</v>
      </c>
      <c r="B24487" s="2">
        <v>4897</v>
      </c>
      <c r="C24487" s="1" t="s">
        <v>0</v>
      </c>
      <c r="D24487" s="2">
        <v>177315</v>
      </c>
      <c r="E24487" s="1" t="s">
        <v>0</v>
      </c>
    </row>
    <row r="24488" spans="1:5" x14ac:dyDescent="0.25">
      <c r="A24488" s="1" t="s">
        <v>4451</v>
      </c>
      <c r="B24488" s="1" t="s">
        <v>12115</v>
      </c>
      <c r="C24488" s="1" t="s">
        <v>46543</v>
      </c>
      <c r="D24488" s="2">
        <v>177316</v>
      </c>
      <c r="E24488" s="1" t="s">
        <v>0</v>
      </c>
    </row>
    <row r="24489" spans="1:5" x14ac:dyDescent="0.25">
      <c r="A24489" s="1" t="s">
        <v>46544</v>
      </c>
      <c r="B24489" s="1" t="s">
        <v>63042</v>
      </c>
      <c r="C24489" s="1" t="s">
        <v>46545</v>
      </c>
      <c r="D24489" s="2">
        <v>177317</v>
      </c>
      <c r="E24489" s="1" t="s">
        <v>0</v>
      </c>
    </row>
    <row r="24490" spans="1:5" ht="409.5" x14ac:dyDescent="0.25">
      <c r="A24490" s="4" t="s">
        <v>61899</v>
      </c>
      <c r="B24490" s="1" t="s">
        <v>63043</v>
      </c>
      <c r="C24490" s="1" t="s">
        <v>46546</v>
      </c>
      <c r="D24490" s="2">
        <v>177318</v>
      </c>
      <c r="E24490" s="1" t="s">
        <v>0</v>
      </c>
    </row>
    <row r="24491" spans="1:5" x14ac:dyDescent="0.25">
      <c r="A24491" s="1" t="s">
        <v>46547</v>
      </c>
      <c r="B24491" s="1" t="s">
        <v>56396</v>
      </c>
      <c r="C24491" s="1" t="s">
        <v>46548</v>
      </c>
      <c r="D24491" s="2">
        <v>177319</v>
      </c>
      <c r="E24491" s="1" t="s">
        <v>0</v>
      </c>
    </row>
    <row r="24492" spans="1:5" x14ac:dyDescent="0.25">
      <c r="A24492" s="2">
        <v>4898</v>
      </c>
      <c r="B24492" s="2">
        <v>4898</v>
      </c>
      <c r="C24492" s="1" t="s">
        <v>0</v>
      </c>
      <c r="D24492" s="2">
        <v>177320</v>
      </c>
      <c r="E24492" s="1" t="s">
        <v>0</v>
      </c>
    </row>
    <row r="24493" spans="1:5" x14ac:dyDescent="0.25">
      <c r="A24493" s="1" t="s">
        <v>4452</v>
      </c>
      <c r="B24493" s="1" t="s">
        <v>56397</v>
      </c>
      <c r="C24493" s="1" t="s">
        <v>46549</v>
      </c>
      <c r="D24493" s="2">
        <v>177321</v>
      </c>
      <c r="E24493" s="1" t="s">
        <v>0</v>
      </c>
    </row>
    <row r="24494" spans="1:5" x14ac:dyDescent="0.25">
      <c r="A24494" s="1" t="s">
        <v>64388</v>
      </c>
      <c r="B24494" s="1" t="s">
        <v>56398</v>
      </c>
      <c r="C24494" s="1" t="s">
        <v>46550</v>
      </c>
      <c r="D24494" s="2">
        <v>177322</v>
      </c>
      <c r="E24494" s="1" t="s">
        <v>0</v>
      </c>
    </row>
    <row r="24495" spans="1:5" ht="409.5" x14ac:dyDescent="0.25">
      <c r="A24495" s="4" t="s">
        <v>64389</v>
      </c>
      <c r="B24495" s="1" t="s">
        <v>56399</v>
      </c>
      <c r="C24495" s="1" t="s">
        <v>46551</v>
      </c>
      <c r="D24495" s="2">
        <v>177323</v>
      </c>
      <c r="E24495" s="1" t="s">
        <v>0</v>
      </c>
    </row>
    <row r="24496" spans="1:5" x14ac:dyDescent="0.25">
      <c r="A24496" s="1" t="s">
        <v>46552</v>
      </c>
      <c r="B24496" s="1" t="s">
        <v>61408</v>
      </c>
      <c r="C24496" s="1" t="s">
        <v>46553</v>
      </c>
      <c r="D24496" s="2">
        <v>177324</v>
      </c>
      <c r="E24496" s="1" t="s">
        <v>0</v>
      </c>
    </row>
    <row r="24497" spans="1:5" x14ac:dyDescent="0.25">
      <c r="A24497" s="2">
        <v>4899</v>
      </c>
      <c r="B24497" s="2">
        <v>4899</v>
      </c>
      <c r="C24497" s="1" t="s">
        <v>0</v>
      </c>
      <c r="D24497" s="2">
        <v>177325</v>
      </c>
      <c r="E24497" s="1" t="s">
        <v>0</v>
      </c>
    </row>
    <row r="24498" spans="1:5" x14ac:dyDescent="0.25">
      <c r="A24498" s="1" t="s">
        <v>4453</v>
      </c>
      <c r="B24498" s="1" t="s">
        <v>51080</v>
      </c>
      <c r="C24498" s="1" t="s">
        <v>46554</v>
      </c>
      <c r="D24498" s="2">
        <v>177326</v>
      </c>
      <c r="E24498" s="1" t="s">
        <v>0</v>
      </c>
    </row>
    <row r="24499" spans="1:5" x14ac:dyDescent="0.25">
      <c r="A24499" s="1" t="s">
        <v>46555</v>
      </c>
      <c r="B24499" s="1" t="s">
        <v>58870</v>
      </c>
      <c r="C24499" s="1" t="s">
        <v>46556</v>
      </c>
      <c r="D24499" s="2">
        <v>177327</v>
      </c>
      <c r="E24499" s="1" t="s">
        <v>0</v>
      </c>
    </row>
    <row r="24500" spans="1:5" ht="409.5" x14ac:dyDescent="0.25">
      <c r="A24500" s="4" t="s">
        <v>46557</v>
      </c>
      <c r="B24500" s="1" t="s">
        <v>58871</v>
      </c>
      <c r="C24500" s="1" t="s">
        <v>46558</v>
      </c>
      <c r="D24500" s="2">
        <v>177328</v>
      </c>
      <c r="E24500" s="1" t="s">
        <v>0</v>
      </c>
    </row>
    <row r="24501" spans="1:5" x14ac:dyDescent="0.25">
      <c r="A24501" s="1" t="s">
        <v>46559</v>
      </c>
      <c r="B24501" s="1" t="s">
        <v>12116</v>
      </c>
      <c r="C24501" s="1" t="s">
        <v>46560</v>
      </c>
      <c r="D24501" s="2">
        <v>177329</v>
      </c>
      <c r="E24501" s="1" t="s">
        <v>0</v>
      </c>
    </row>
    <row r="24502" spans="1:5" x14ac:dyDescent="0.25">
      <c r="A24502" s="2">
        <v>4900</v>
      </c>
      <c r="B24502" s="2">
        <v>4900</v>
      </c>
      <c r="C24502" s="1" t="s">
        <v>0</v>
      </c>
      <c r="D24502" s="2">
        <v>177330</v>
      </c>
      <c r="E24502" s="1" t="s">
        <v>0</v>
      </c>
    </row>
    <row r="24503" spans="1:5" x14ac:dyDescent="0.25">
      <c r="A24503" s="1" t="s">
        <v>4454</v>
      </c>
      <c r="B24503" s="1" t="s">
        <v>51081</v>
      </c>
      <c r="C24503" s="1" t="s">
        <v>46561</v>
      </c>
      <c r="D24503" s="2">
        <v>177331</v>
      </c>
      <c r="E24503" s="1" t="s">
        <v>0</v>
      </c>
    </row>
    <row r="24504" spans="1:5" x14ac:dyDescent="0.25">
      <c r="A24504" s="1" t="s">
        <v>46562</v>
      </c>
      <c r="B24504" s="1" t="s">
        <v>56400</v>
      </c>
      <c r="C24504" s="1" t="s">
        <v>46563</v>
      </c>
      <c r="D24504" s="2">
        <v>177332</v>
      </c>
      <c r="E24504" s="1" t="s">
        <v>0</v>
      </c>
    </row>
    <row r="24505" spans="1:5" ht="409.5" x14ac:dyDescent="0.25">
      <c r="A24505" s="4" t="s">
        <v>64390</v>
      </c>
      <c r="B24505" s="1" t="s">
        <v>56401</v>
      </c>
      <c r="C24505" s="1" t="s">
        <v>46564</v>
      </c>
      <c r="D24505" s="2">
        <v>177333</v>
      </c>
      <c r="E24505" s="1" t="s">
        <v>0</v>
      </c>
    </row>
    <row r="24506" spans="1:5" x14ac:dyDescent="0.25">
      <c r="A24506" s="1" t="s">
        <v>46565</v>
      </c>
      <c r="B24506" s="1" t="s">
        <v>12117</v>
      </c>
      <c r="C24506" s="1" t="s">
        <v>46566</v>
      </c>
      <c r="D24506" s="2">
        <v>177334</v>
      </c>
      <c r="E24506" s="1" t="s">
        <v>0</v>
      </c>
    </row>
    <row r="24507" spans="1:5" x14ac:dyDescent="0.25">
      <c r="A24507" s="2">
        <v>4901</v>
      </c>
      <c r="B24507" s="2">
        <v>4901</v>
      </c>
      <c r="C24507" s="1" t="s">
        <v>0</v>
      </c>
      <c r="D24507" s="2">
        <v>177335</v>
      </c>
      <c r="E24507" s="1" t="s">
        <v>0</v>
      </c>
    </row>
    <row r="24508" spans="1:5" x14ac:dyDescent="0.25">
      <c r="A24508" s="1" t="s">
        <v>4455</v>
      </c>
      <c r="B24508" s="1" t="s">
        <v>63535</v>
      </c>
      <c r="C24508" s="1" t="s">
        <v>46567</v>
      </c>
      <c r="D24508" s="2">
        <v>177336</v>
      </c>
      <c r="E24508" s="1" t="s">
        <v>0</v>
      </c>
    </row>
    <row r="24509" spans="1:5" x14ac:dyDescent="0.25">
      <c r="A24509" s="1" t="s">
        <v>46568</v>
      </c>
      <c r="B24509" s="1" t="s">
        <v>58017</v>
      </c>
      <c r="C24509" s="1" t="s">
        <v>46569</v>
      </c>
      <c r="D24509" s="2">
        <v>177337</v>
      </c>
      <c r="E24509" s="1" t="s">
        <v>0</v>
      </c>
    </row>
    <row r="24510" spans="1:5" ht="409.5" x14ac:dyDescent="0.25">
      <c r="A24510" s="4" t="s">
        <v>46570</v>
      </c>
      <c r="B24510" s="1" t="s">
        <v>58018</v>
      </c>
      <c r="C24510" s="1" t="s">
        <v>46571</v>
      </c>
      <c r="D24510" s="2">
        <v>177338</v>
      </c>
      <c r="E24510" s="1" t="s">
        <v>0</v>
      </c>
    </row>
    <row r="24511" spans="1:5" x14ac:dyDescent="0.25">
      <c r="A24511" s="1" t="s">
        <v>46572</v>
      </c>
      <c r="B24511" s="1" t="s">
        <v>57344</v>
      </c>
      <c r="C24511" s="1" t="s">
        <v>46573</v>
      </c>
      <c r="D24511" s="2">
        <v>177339</v>
      </c>
      <c r="E24511" s="1" t="s">
        <v>0</v>
      </c>
    </row>
    <row r="24512" spans="1:5" x14ac:dyDescent="0.25">
      <c r="A24512" s="2">
        <v>4902</v>
      </c>
      <c r="B24512" s="2">
        <v>4902</v>
      </c>
      <c r="C24512" s="1" t="s">
        <v>0</v>
      </c>
      <c r="D24512" s="2">
        <v>177340</v>
      </c>
      <c r="E24512" s="1" t="s">
        <v>0</v>
      </c>
    </row>
    <row r="24513" spans="1:5" x14ac:dyDescent="0.25">
      <c r="A24513" s="1" t="s">
        <v>4456</v>
      </c>
      <c r="B24513" s="1" t="s">
        <v>12118</v>
      </c>
      <c r="C24513" s="1" t="s">
        <v>46574</v>
      </c>
      <c r="D24513" s="2">
        <v>177341</v>
      </c>
      <c r="E24513" s="1" t="s">
        <v>0</v>
      </c>
    </row>
    <row r="24514" spans="1:5" x14ac:dyDescent="0.25">
      <c r="A24514" s="1" t="s">
        <v>46575</v>
      </c>
      <c r="B24514" s="1" t="s">
        <v>56402</v>
      </c>
      <c r="C24514" s="1" t="s">
        <v>46576</v>
      </c>
      <c r="D24514" s="2">
        <v>177342</v>
      </c>
      <c r="E24514" s="1" t="s">
        <v>0</v>
      </c>
    </row>
    <row r="24515" spans="1:5" ht="409.5" x14ac:dyDescent="0.25">
      <c r="A24515" s="4" t="s">
        <v>46577</v>
      </c>
      <c r="B24515" s="1" t="s">
        <v>56403</v>
      </c>
      <c r="C24515" s="1" t="s">
        <v>46578</v>
      </c>
      <c r="D24515" s="2">
        <v>177343</v>
      </c>
      <c r="E24515" s="1" t="s">
        <v>0</v>
      </c>
    </row>
    <row r="24516" spans="1:5" x14ac:dyDescent="0.25">
      <c r="A24516" s="1" t="s">
        <v>46579</v>
      </c>
      <c r="B24516" s="1" t="s">
        <v>61409</v>
      </c>
      <c r="C24516" s="1" t="s">
        <v>46580</v>
      </c>
      <c r="D24516" s="2">
        <v>177344</v>
      </c>
      <c r="E24516" s="1" t="s">
        <v>0</v>
      </c>
    </row>
    <row r="24517" spans="1:5" x14ac:dyDescent="0.25">
      <c r="A24517" s="2">
        <v>4903</v>
      </c>
      <c r="B24517" s="2">
        <v>4903</v>
      </c>
      <c r="C24517" s="1" t="s">
        <v>0</v>
      </c>
      <c r="D24517" s="2">
        <v>177345</v>
      </c>
      <c r="E24517" s="1" t="s">
        <v>0</v>
      </c>
    </row>
    <row r="24518" spans="1:5" x14ac:dyDescent="0.25">
      <c r="A24518" s="1" t="s">
        <v>4457</v>
      </c>
      <c r="B24518" s="1" t="s">
        <v>12119</v>
      </c>
      <c r="C24518" s="1" t="s">
        <v>46581</v>
      </c>
      <c r="D24518" s="2">
        <v>177346</v>
      </c>
      <c r="E24518" s="1" t="s">
        <v>0</v>
      </c>
    </row>
    <row r="24519" spans="1:5" x14ac:dyDescent="0.25">
      <c r="A24519" s="1" t="s">
        <v>46582</v>
      </c>
      <c r="B24519" s="1" t="s">
        <v>56404</v>
      </c>
      <c r="C24519" s="1" t="s">
        <v>46583</v>
      </c>
      <c r="D24519" s="2">
        <v>177347</v>
      </c>
      <c r="E24519" s="1" t="s">
        <v>0</v>
      </c>
    </row>
    <row r="24520" spans="1:5" ht="409.5" x14ac:dyDescent="0.25">
      <c r="A24520" s="4" t="s">
        <v>46584</v>
      </c>
      <c r="B24520" s="1" t="s">
        <v>56405</v>
      </c>
      <c r="C24520" s="1" t="s">
        <v>46585</v>
      </c>
      <c r="D24520" s="2">
        <v>177348</v>
      </c>
      <c r="E24520" s="1" t="s">
        <v>0</v>
      </c>
    </row>
    <row r="24521" spans="1:5" x14ac:dyDescent="0.25">
      <c r="A24521" s="1" t="s">
        <v>46586</v>
      </c>
      <c r="B24521" s="1" t="s">
        <v>12120</v>
      </c>
      <c r="C24521" s="1" t="s">
        <v>46587</v>
      </c>
      <c r="D24521" s="2">
        <v>177349</v>
      </c>
      <c r="E24521" s="1" t="s">
        <v>0</v>
      </c>
    </row>
    <row r="24522" spans="1:5" x14ac:dyDescent="0.25">
      <c r="A24522" s="2">
        <v>4904</v>
      </c>
      <c r="B24522" s="2">
        <v>4904</v>
      </c>
      <c r="C24522" s="1" t="s">
        <v>0</v>
      </c>
      <c r="D24522" s="2">
        <v>177350</v>
      </c>
      <c r="E24522" s="1" t="s">
        <v>0</v>
      </c>
    </row>
    <row r="24523" spans="1:5" x14ac:dyDescent="0.25">
      <c r="A24523" s="1" t="s">
        <v>4458</v>
      </c>
      <c r="B24523" s="1" t="s">
        <v>12121</v>
      </c>
      <c r="C24523" s="1" t="s">
        <v>46588</v>
      </c>
      <c r="D24523" s="2">
        <v>177351</v>
      </c>
      <c r="E24523" s="1" t="s">
        <v>0</v>
      </c>
    </row>
    <row r="24524" spans="1:5" x14ac:dyDescent="0.25">
      <c r="A24524" s="1" t="s">
        <v>46589</v>
      </c>
      <c r="B24524" s="1" t="s">
        <v>51082</v>
      </c>
      <c r="C24524" s="1" t="s">
        <v>46590</v>
      </c>
      <c r="D24524" s="2">
        <v>177352</v>
      </c>
      <c r="E24524" s="1" t="s">
        <v>0</v>
      </c>
    </row>
    <row r="24525" spans="1:5" ht="409.5" x14ac:dyDescent="0.25">
      <c r="A24525" s="4" t="s">
        <v>46591</v>
      </c>
      <c r="B24525" s="1" t="s">
        <v>58627</v>
      </c>
      <c r="C24525" s="1" t="s">
        <v>46592</v>
      </c>
      <c r="D24525" s="2">
        <v>177353</v>
      </c>
      <c r="E24525" s="1" t="s">
        <v>0</v>
      </c>
    </row>
    <row r="24526" spans="1:5" x14ac:dyDescent="0.25">
      <c r="A24526" s="1" t="s">
        <v>46593</v>
      </c>
      <c r="B24526" s="1" t="s">
        <v>12122</v>
      </c>
      <c r="C24526" s="1" t="s">
        <v>46594</v>
      </c>
      <c r="D24526" s="2">
        <v>177354</v>
      </c>
      <c r="E24526" s="1" t="s">
        <v>0</v>
      </c>
    </row>
    <row r="24527" spans="1:5" x14ac:dyDescent="0.25">
      <c r="A24527" s="2">
        <v>4905</v>
      </c>
      <c r="B24527" s="2">
        <v>4905</v>
      </c>
      <c r="C24527" s="1" t="s">
        <v>0</v>
      </c>
      <c r="D24527" s="2">
        <v>177355</v>
      </c>
      <c r="E24527" s="1" t="s">
        <v>0</v>
      </c>
    </row>
    <row r="24528" spans="1:5" x14ac:dyDescent="0.25">
      <c r="A24528" s="1" t="s">
        <v>4459</v>
      </c>
      <c r="B24528" s="1" t="s">
        <v>12123</v>
      </c>
      <c r="C24528" s="1" t="s">
        <v>46595</v>
      </c>
      <c r="D24528" s="2">
        <v>177356</v>
      </c>
      <c r="E24528" s="1" t="s">
        <v>0</v>
      </c>
    </row>
    <row r="24529" spans="1:5" x14ac:dyDescent="0.25">
      <c r="A24529" s="1" t="s">
        <v>46596</v>
      </c>
      <c r="B24529" s="1" t="s">
        <v>56406</v>
      </c>
      <c r="C24529" s="1" t="s">
        <v>46597</v>
      </c>
      <c r="D24529" s="2">
        <v>177357</v>
      </c>
      <c r="E24529" s="1" t="s">
        <v>0</v>
      </c>
    </row>
    <row r="24530" spans="1:5" ht="409.5" x14ac:dyDescent="0.25">
      <c r="A24530" s="4" t="s">
        <v>46598</v>
      </c>
      <c r="B24530" s="1" t="s">
        <v>63044</v>
      </c>
      <c r="C24530" s="1" t="s">
        <v>46599</v>
      </c>
      <c r="D24530" s="2">
        <v>177358</v>
      </c>
      <c r="E24530" s="1" t="s">
        <v>0</v>
      </c>
    </row>
    <row r="24531" spans="1:5" x14ac:dyDescent="0.25">
      <c r="A24531" s="1" t="s">
        <v>46600</v>
      </c>
      <c r="B24531" s="1" t="s">
        <v>12124</v>
      </c>
      <c r="C24531" s="1" t="s">
        <v>46601</v>
      </c>
      <c r="D24531" s="2">
        <v>177359</v>
      </c>
      <c r="E24531" s="1" t="s">
        <v>0</v>
      </c>
    </row>
    <row r="24532" spans="1:5" x14ac:dyDescent="0.25">
      <c r="A24532" s="2">
        <v>4906</v>
      </c>
      <c r="B24532" s="2">
        <v>4906</v>
      </c>
      <c r="C24532" s="1" t="s">
        <v>0</v>
      </c>
      <c r="D24532" s="2">
        <v>177360</v>
      </c>
      <c r="E24532" s="1" t="s">
        <v>0</v>
      </c>
    </row>
    <row r="24533" spans="1:5" x14ac:dyDescent="0.25">
      <c r="A24533" s="1" t="s">
        <v>4460</v>
      </c>
      <c r="B24533" s="1" t="s">
        <v>58628</v>
      </c>
      <c r="C24533" s="1" t="s">
        <v>46602</v>
      </c>
      <c r="D24533" s="2">
        <v>177361</v>
      </c>
      <c r="E24533" s="1" t="s">
        <v>0</v>
      </c>
    </row>
    <row r="24534" spans="1:5" x14ac:dyDescent="0.25">
      <c r="A24534" s="1" t="s">
        <v>46603</v>
      </c>
      <c r="B24534" s="1" t="s">
        <v>63045</v>
      </c>
      <c r="C24534" s="1" t="s">
        <v>46604</v>
      </c>
      <c r="D24534" s="2">
        <v>177362</v>
      </c>
      <c r="E24534" s="1" t="s">
        <v>0</v>
      </c>
    </row>
    <row r="24535" spans="1:5" ht="409.5" x14ac:dyDescent="0.25">
      <c r="A24535" s="4" t="s">
        <v>46605</v>
      </c>
      <c r="B24535" s="1" t="s">
        <v>63046</v>
      </c>
      <c r="C24535" s="1" t="s">
        <v>46606</v>
      </c>
      <c r="D24535" s="2">
        <v>177363</v>
      </c>
      <c r="E24535" s="1" t="s">
        <v>0</v>
      </c>
    </row>
    <row r="24536" spans="1:5" x14ac:dyDescent="0.25">
      <c r="A24536" s="1" t="s">
        <v>46607</v>
      </c>
      <c r="B24536" s="1" t="s">
        <v>58629</v>
      </c>
      <c r="C24536" s="1" t="s">
        <v>46608</v>
      </c>
      <c r="D24536" s="2">
        <v>177364</v>
      </c>
      <c r="E24536" s="1" t="s">
        <v>0</v>
      </c>
    </row>
    <row r="24537" spans="1:5" x14ac:dyDescent="0.25">
      <c r="A24537" s="2">
        <v>4907</v>
      </c>
      <c r="B24537" s="2">
        <v>4907</v>
      </c>
      <c r="C24537" s="1" t="s">
        <v>0</v>
      </c>
      <c r="D24537" s="2">
        <v>177365</v>
      </c>
      <c r="E24537" s="1" t="s">
        <v>0</v>
      </c>
    </row>
    <row r="24538" spans="1:5" x14ac:dyDescent="0.25">
      <c r="A24538" s="1" t="s">
        <v>4461</v>
      </c>
      <c r="B24538" s="1" t="s">
        <v>12125</v>
      </c>
      <c r="C24538" s="1" t="s">
        <v>46609</v>
      </c>
      <c r="D24538" s="2">
        <v>177366</v>
      </c>
      <c r="E24538" s="1" t="s">
        <v>0</v>
      </c>
    </row>
    <row r="24539" spans="1:5" x14ac:dyDescent="0.25">
      <c r="A24539" s="1" t="s">
        <v>46610</v>
      </c>
      <c r="B24539" s="1" t="s">
        <v>51083</v>
      </c>
      <c r="C24539" s="1" t="s">
        <v>46611</v>
      </c>
      <c r="D24539" s="2">
        <v>177367</v>
      </c>
      <c r="E24539" s="1" t="s">
        <v>0</v>
      </c>
    </row>
    <row r="24540" spans="1:5" ht="409.5" x14ac:dyDescent="0.25">
      <c r="A24540" s="4" t="s">
        <v>46612</v>
      </c>
      <c r="B24540" s="1" t="s">
        <v>60670</v>
      </c>
      <c r="C24540" s="1" t="s">
        <v>46613</v>
      </c>
      <c r="D24540" s="2">
        <v>177368</v>
      </c>
      <c r="E24540" s="1" t="s">
        <v>0</v>
      </c>
    </row>
    <row r="24541" spans="1:5" x14ac:dyDescent="0.25">
      <c r="A24541" s="1" t="s">
        <v>46614</v>
      </c>
      <c r="B24541" s="1" t="s">
        <v>56407</v>
      </c>
      <c r="C24541" s="1" t="s">
        <v>46615</v>
      </c>
      <c r="D24541" s="2">
        <v>177369</v>
      </c>
      <c r="E24541" s="1" t="s">
        <v>0</v>
      </c>
    </row>
    <row r="24542" spans="1:5" x14ac:dyDescent="0.25">
      <c r="A24542" s="2">
        <v>4908</v>
      </c>
      <c r="B24542" s="2">
        <v>4908</v>
      </c>
      <c r="C24542" s="1" t="s">
        <v>0</v>
      </c>
      <c r="D24542" s="2">
        <v>177370</v>
      </c>
      <c r="E24542" s="1" t="s">
        <v>0</v>
      </c>
    </row>
    <row r="24543" spans="1:5" x14ac:dyDescent="0.25">
      <c r="A24543" s="1" t="s">
        <v>46616</v>
      </c>
      <c r="B24543" s="1" t="s">
        <v>12126</v>
      </c>
      <c r="C24543" s="1" t="s">
        <v>46617</v>
      </c>
      <c r="D24543" s="2">
        <v>177371</v>
      </c>
      <c r="E24543" s="1" t="s">
        <v>0</v>
      </c>
    </row>
    <row r="24544" spans="1:5" x14ac:dyDescent="0.25">
      <c r="A24544" s="1" t="s">
        <v>46618</v>
      </c>
      <c r="B24544" s="1" t="s">
        <v>13307</v>
      </c>
      <c r="C24544" s="1" t="s">
        <v>46619</v>
      </c>
      <c r="D24544" s="2">
        <v>177372</v>
      </c>
      <c r="E24544" s="1" t="s">
        <v>0</v>
      </c>
    </row>
    <row r="24545" spans="1:5" ht="409.5" x14ac:dyDescent="0.25">
      <c r="A24545" s="4" t="s">
        <v>46620</v>
      </c>
      <c r="B24545" s="1" t="s">
        <v>56408</v>
      </c>
      <c r="C24545" s="1" t="s">
        <v>46621</v>
      </c>
      <c r="D24545" s="2">
        <v>177373</v>
      </c>
      <c r="E24545" s="1" t="s">
        <v>0</v>
      </c>
    </row>
    <row r="24546" spans="1:5" x14ac:dyDescent="0.25">
      <c r="A24546" s="1" t="s">
        <v>46622</v>
      </c>
      <c r="B24546" s="1" t="s">
        <v>12127</v>
      </c>
      <c r="C24546" s="1" t="s">
        <v>46623</v>
      </c>
      <c r="D24546" s="2">
        <v>177374</v>
      </c>
      <c r="E24546" s="1" t="s">
        <v>0</v>
      </c>
    </row>
    <row r="24547" spans="1:5" x14ac:dyDescent="0.25">
      <c r="A24547" s="2">
        <v>4909</v>
      </c>
      <c r="B24547" s="2">
        <v>4909</v>
      </c>
      <c r="C24547" s="1" t="s">
        <v>0</v>
      </c>
      <c r="D24547" s="2">
        <v>177375</v>
      </c>
      <c r="E24547" s="1" t="s">
        <v>0</v>
      </c>
    </row>
    <row r="24548" spans="1:5" x14ac:dyDescent="0.25">
      <c r="A24548" s="1" t="s">
        <v>4462</v>
      </c>
      <c r="B24548" s="1" t="s">
        <v>12128</v>
      </c>
      <c r="C24548" s="1" t="s">
        <v>46624</v>
      </c>
      <c r="D24548" s="2">
        <v>177376</v>
      </c>
      <c r="E24548" s="1" t="s">
        <v>0</v>
      </c>
    </row>
    <row r="24549" spans="1:5" x14ac:dyDescent="0.25">
      <c r="A24549" s="1" t="s">
        <v>46625</v>
      </c>
      <c r="B24549" s="1" t="s">
        <v>12129</v>
      </c>
      <c r="C24549" s="1" t="s">
        <v>46626</v>
      </c>
      <c r="D24549" s="2">
        <v>177377</v>
      </c>
      <c r="E24549" s="1" t="s">
        <v>0</v>
      </c>
    </row>
    <row r="24550" spans="1:5" ht="409.5" x14ac:dyDescent="0.25">
      <c r="A24550" s="4" t="s">
        <v>46627</v>
      </c>
      <c r="B24550" s="1" t="s">
        <v>63047</v>
      </c>
      <c r="C24550" s="1" t="s">
        <v>46628</v>
      </c>
      <c r="D24550" s="2">
        <v>177378</v>
      </c>
      <c r="E24550" s="1" t="s">
        <v>0</v>
      </c>
    </row>
    <row r="24551" spans="1:5" x14ac:dyDescent="0.25">
      <c r="A24551" s="1" t="s">
        <v>46629</v>
      </c>
      <c r="B24551" s="1" t="s">
        <v>12130</v>
      </c>
      <c r="C24551" s="1" t="s">
        <v>46630</v>
      </c>
      <c r="D24551" s="2">
        <v>177379</v>
      </c>
      <c r="E24551" s="1" t="s">
        <v>0</v>
      </c>
    </row>
    <row r="24552" spans="1:5" x14ac:dyDescent="0.25">
      <c r="A24552" s="2">
        <v>4910</v>
      </c>
      <c r="B24552" s="2">
        <v>4910</v>
      </c>
      <c r="C24552" s="1" t="s">
        <v>0</v>
      </c>
      <c r="D24552" s="2">
        <v>177380</v>
      </c>
      <c r="E24552" s="1" t="s">
        <v>0</v>
      </c>
    </row>
    <row r="24553" spans="1:5" x14ac:dyDescent="0.25">
      <c r="A24553" s="1" t="s">
        <v>4463</v>
      </c>
      <c r="B24553" s="1" t="s">
        <v>12131</v>
      </c>
      <c r="C24553" s="1" t="s">
        <v>46631</v>
      </c>
      <c r="D24553" s="2">
        <v>177381</v>
      </c>
      <c r="E24553" s="1" t="s">
        <v>0</v>
      </c>
    </row>
    <row r="24554" spans="1:5" x14ac:dyDescent="0.25">
      <c r="A24554" s="1" t="s">
        <v>46632</v>
      </c>
      <c r="B24554" s="1" t="s">
        <v>58630</v>
      </c>
      <c r="C24554" s="1" t="s">
        <v>46633</v>
      </c>
      <c r="D24554" s="2">
        <v>177382</v>
      </c>
      <c r="E24554" s="1" t="s">
        <v>0</v>
      </c>
    </row>
    <row r="24555" spans="1:5" ht="409.5" x14ac:dyDescent="0.25">
      <c r="A24555" s="4" t="s">
        <v>46634</v>
      </c>
      <c r="B24555" s="1" t="s">
        <v>58631</v>
      </c>
      <c r="C24555" s="1" t="s">
        <v>46635</v>
      </c>
      <c r="D24555" s="2">
        <v>177383</v>
      </c>
      <c r="E24555" s="1" t="s">
        <v>0</v>
      </c>
    </row>
    <row r="24556" spans="1:5" x14ac:dyDescent="0.25">
      <c r="A24556" s="1" t="s">
        <v>46636</v>
      </c>
      <c r="B24556" s="1" t="s">
        <v>56409</v>
      </c>
      <c r="C24556" s="1" t="s">
        <v>46637</v>
      </c>
      <c r="D24556" s="2">
        <v>177384</v>
      </c>
      <c r="E24556" s="1" t="s">
        <v>0</v>
      </c>
    </row>
    <row r="24557" spans="1:5" x14ac:dyDescent="0.25">
      <c r="A24557" s="2">
        <v>4911</v>
      </c>
      <c r="B24557" s="2">
        <v>4911</v>
      </c>
      <c r="C24557" s="1" t="s">
        <v>0</v>
      </c>
      <c r="D24557" s="2">
        <v>177385</v>
      </c>
      <c r="E24557" s="1" t="s">
        <v>0</v>
      </c>
    </row>
    <row r="24558" spans="1:5" x14ac:dyDescent="0.25">
      <c r="A24558" s="1" t="s">
        <v>4464</v>
      </c>
      <c r="B24558" s="1" t="s">
        <v>58632</v>
      </c>
      <c r="C24558" s="1" t="s">
        <v>46638</v>
      </c>
      <c r="D24558" s="2">
        <v>177386</v>
      </c>
      <c r="E24558" s="1" t="s">
        <v>0</v>
      </c>
    </row>
    <row r="24559" spans="1:5" x14ac:dyDescent="0.25">
      <c r="A24559" s="1" t="s">
        <v>46639</v>
      </c>
      <c r="B24559" s="1" t="s">
        <v>57654</v>
      </c>
      <c r="C24559" s="1" t="s">
        <v>46640</v>
      </c>
      <c r="D24559" s="2">
        <v>177387</v>
      </c>
      <c r="E24559" s="1" t="s">
        <v>0</v>
      </c>
    </row>
    <row r="24560" spans="1:5" ht="409.5" x14ac:dyDescent="0.25">
      <c r="A24560" s="4" t="s">
        <v>46641</v>
      </c>
      <c r="B24560" s="1" t="s">
        <v>60671</v>
      </c>
      <c r="C24560" s="1" t="s">
        <v>46642</v>
      </c>
      <c r="D24560" s="2">
        <v>177388</v>
      </c>
      <c r="E24560" s="1" t="s">
        <v>0</v>
      </c>
    </row>
    <row r="24561" spans="1:5" x14ac:dyDescent="0.25">
      <c r="A24561" s="1" t="s">
        <v>46643</v>
      </c>
      <c r="B24561" s="1" t="s">
        <v>56410</v>
      </c>
      <c r="C24561" s="1" t="s">
        <v>46644</v>
      </c>
      <c r="D24561" s="2">
        <v>177389</v>
      </c>
      <c r="E24561" s="1" t="s">
        <v>0</v>
      </c>
    </row>
    <row r="24562" spans="1:5" x14ac:dyDescent="0.25">
      <c r="A24562" s="2">
        <v>4912</v>
      </c>
      <c r="B24562" s="2">
        <v>4912</v>
      </c>
      <c r="C24562" s="1" t="s">
        <v>0</v>
      </c>
      <c r="D24562" s="2">
        <v>177390</v>
      </c>
      <c r="E24562" s="1" t="s">
        <v>0</v>
      </c>
    </row>
    <row r="24563" spans="1:5" x14ac:dyDescent="0.25">
      <c r="A24563" s="1" t="s">
        <v>4465</v>
      </c>
      <c r="B24563" s="1" t="s">
        <v>12132</v>
      </c>
      <c r="C24563" s="1" t="s">
        <v>46645</v>
      </c>
      <c r="D24563" s="2">
        <v>177391</v>
      </c>
      <c r="E24563" s="1" t="s">
        <v>0</v>
      </c>
    </row>
    <row r="24564" spans="1:5" x14ac:dyDescent="0.25">
      <c r="A24564" s="1" t="s">
        <v>46646</v>
      </c>
      <c r="B24564" s="1" t="s">
        <v>12133</v>
      </c>
      <c r="C24564" s="1" t="s">
        <v>46647</v>
      </c>
      <c r="D24564" s="2">
        <v>177392</v>
      </c>
      <c r="E24564" s="1" t="s">
        <v>0</v>
      </c>
    </row>
    <row r="24565" spans="1:5" ht="409.5" x14ac:dyDescent="0.25">
      <c r="A24565" s="4" t="s">
        <v>46648</v>
      </c>
      <c r="B24565" s="1" t="s">
        <v>13308</v>
      </c>
      <c r="C24565" s="1" t="s">
        <v>46649</v>
      </c>
      <c r="D24565" s="2">
        <v>177393</v>
      </c>
      <c r="E24565" s="1" t="s">
        <v>0</v>
      </c>
    </row>
    <row r="24566" spans="1:5" x14ac:dyDescent="0.25">
      <c r="A24566" s="1" t="s">
        <v>46650</v>
      </c>
      <c r="B24566" s="1" t="s">
        <v>56411</v>
      </c>
      <c r="C24566" s="1" t="s">
        <v>46651</v>
      </c>
      <c r="D24566" s="2">
        <v>177394</v>
      </c>
      <c r="E24566" s="1" t="s">
        <v>0</v>
      </c>
    </row>
    <row r="24567" spans="1:5" x14ac:dyDescent="0.25">
      <c r="A24567" s="2">
        <v>4913</v>
      </c>
      <c r="B24567" s="2">
        <v>4913</v>
      </c>
      <c r="C24567" s="1" t="s">
        <v>0</v>
      </c>
      <c r="D24567" s="2">
        <v>177395</v>
      </c>
      <c r="E24567" s="1" t="s">
        <v>0</v>
      </c>
    </row>
    <row r="24568" spans="1:5" x14ac:dyDescent="0.25">
      <c r="A24568" s="1" t="s">
        <v>4466</v>
      </c>
      <c r="B24568" s="1" t="s">
        <v>12134</v>
      </c>
      <c r="C24568" s="1" t="s">
        <v>46652</v>
      </c>
      <c r="D24568" s="2">
        <v>177396</v>
      </c>
      <c r="E24568" s="1" t="s">
        <v>0</v>
      </c>
    </row>
    <row r="24569" spans="1:5" x14ac:dyDescent="0.25">
      <c r="A24569" s="1" t="s">
        <v>46653</v>
      </c>
      <c r="B24569" s="1" t="s">
        <v>12135</v>
      </c>
      <c r="C24569" s="1" t="s">
        <v>46654</v>
      </c>
      <c r="D24569" s="2">
        <v>177397</v>
      </c>
      <c r="E24569" s="1" t="s">
        <v>0</v>
      </c>
    </row>
    <row r="24570" spans="1:5" ht="409.5" x14ac:dyDescent="0.25">
      <c r="A24570" s="4" t="s">
        <v>46655</v>
      </c>
      <c r="B24570" s="1" t="s">
        <v>63048</v>
      </c>
      <c r="C24570" s="1" t="s">
        <v>46656</v>
      </c>
      <c r="D24570" s="2">
        <v>177398</v>
      </c>
      <c r="E24570" s="1" t="s">
        <v>0</v>
      </c>
    </row>
    <row r="24571" spans="1:5" x14ac:dyDescent="0.25">
      <c r="A24571" s="1" t="s">
        <v>46657</v>
      </c>
      <c r="B24571" s="1" t="s">
        <v>56412</v>
      </c>
      <c r="C24571" s="1" t="s">
        <v>46658</v>
      </c>
      <c r="D24571" s="2">
        <v>177399</v>
      </c>
      <c r="E24571" s="1" t="s">
        <v>0</v>
      </c>
    </row>
    <row r="24572" spans="1:5" x14ac:dyDescent="0.25">
      <c r="A24572" s="2">
        <v>4914</v>
      </c>
      <c r="B24572" s="2">
        <v>4914</v>
      </c>
      <c r="C24572" s="1" t="s">
        <v>0</v>
      </c>
      <c r="D24572" s="2">
        <v>177400</v>
      </c>
      <c r="E24572" s="1" t="s">
        <v>0</v>
      </c>
    </row>
    <row r="24573" spans="1:5" x14ac:dyDescent="0.25">
      <c r="A24573" s="1" t="s">
        <v>4467</v>
      </c>
      <c r="B24573" s="1" t="s">
        <v>51084</v>
      </c>
      <c r="C24573" s="1" t="s">
        <v>46659</v>
      </c>
      <c r="D24573" s="2">
        <v>177401</v>
      </c>
      <c r="E24573" s="1" t="s">
        <v>0</v>
      </c>
    </row>
    <row r="24574" spans="1:5" x14ac:dyDescent="0.25">
      <c r="A24574" s="1" t="s">
        <v>46660</v>
      </c>
      <c r="B24574" s="1" t="s">
        <v>63536</v>
      </c>
      <c r="C24574" s="1" t="s">
        <v>46661</v>
      </c>
      <c r="D24574" s="2">
        <v>177402</v>
      </c>
      <c r="E24574" s="1" t="s">
        <v>0</v>
      </c>
    </row>
    <row r="24575" spans="1:5" ht="409.5" x14ac:dyDescent="0.25">
      <c r="A24575" s="4" t="s">
        <v>46662</v>
      </c>
      <c r="B24575" s="1" t="s">
        <v>63537</v>
      </c>
      <c r="C24575" s="1" t="s">
        <v>46663</v>
      </c>
      <c r="D24575" s="2">
        <v>177403</v>
      </c>
      <c r="E24575" s="1" t="s">
        <v>0</v>
      </c>
    </row>
    <row r="24576" spans="1:5" x14ac:dyDescent="0.25">
      <c r="A24576" s="1" t="s">
        <v>46664</v>
      </c>
      <c r="B24576" s="1" t="s">
        <v>61410</v>
      </c>
      <c r="C24576" s="1" t="s">
        <v>46665</v>
      </c>
      <c r="D24576" s="2">
        <v>177404</v>
      </c>
      <c r="E24576" s="1" t="s">
        <v>0</v>
      </c>
    </row>
    <row r="24577" spans="1:5" x14ac:dyDescent="0.25">
      <c r="A24577" s="2">
        <v>4915</v>
      </c>
      <c r="B24577" s="2">
        <v>4915</v>
      </c>
      <c r="C24577" s="1" t="s">
        <v>0</v>
      </c>
      <c r="D24577" s="2">
        <v>177405</v>
      </c>
      <c r="E24577" s="1" t="s">
        <v>0</v>
      </c>
    </row>
    <row r="24578" spans="1:5" x14ac:dyDescent="0.25">
      <c r="A24578" s="1" t="s">
        <v>4468</v>
      </c>
      <c r="B24578" s="1" t="s">
        <v>56413</v>
      </c>
      <c r="C24578" s="1" t="s">
        <v>46666</v>
      </c>
      <c r="D24578" s="2">
        <v>177406</v>
      </c>
      <c r="E24578" s="1" t="s">
        <v>0</v>
      </c>
    </row>
    <row r="24579" spans="1:5" x14ac:dyDescent="0.25">
      <c r="A24579" s="1" t="s">
        <v>46667</v>
      </c>
      <c r="B24579" s="1" t="s">
        <v>61411</v>
      </c>
      <c r="C24579" s="1" t="s">
        <v>46668</v>
      </c>
      <c r="D24579" s="2">
        <v>177407</v>
      </c>
      <c r="E24579" s="1" t="s">
        <v>0</v>
      </c>
    </row>
    <row r="24580" spans="1:5" ht="409.5" x14ac:dyDescent="0.25">
      <c r="A24580" s="4" t="s">
        <v>46669</v>
      </c>
      <c r="B24580" s="1" t="s">
        <v>61412</v>
      </c>
      <c r="C24580" s="1" t="s">
        <v>46670</v>
      </c>
      <c r="D24580" s="2">
        <v>177408</v>
      </c>
      <c r="E24580" s="1" t="s">
        <v>0</v>
      </c>
    </row>
    <row r="24581" spans="1:5" x14ac:dyDescent="0.25">
      <c r="A24581" s="1" t="s">
        <v>46671</v>
      </c>
      <c r="B24581" s="1" t="s">
        <v>12136</v>
      </c>
      <c r="C24581" s="1" t="s">
        <v>46672</v>
      </c>
      <c r="D24581" s="2">
        <v>177409</v>
      </c>
      <c r="E24581" s="1" t="s">
        <v>0</v>
      </c>
    </row>
    <row r="24582" spans="1:5" x14ac:dyDescent="0.25">
      <c r="A24582" s="2">
        <v>4916</v>
      </c>
      <c r="B24582" s="2">
        <v>4916</v>
      </c>
      <c r="C24582" s="1" t="s">
        <v>0</v>
      </c>
      <c r="D24582" s="2">
        <v>177410</v>
      </c>
      <c r="E24582" s="1" t="s">
        <v>0</v>
      </c>
    </row>
    <row r="24583" spans="1:5" x14ac:dyDescent="0.25">
      <c r="A24583" s="1" t="s">
        <v>4469</v>
      </c>
      <c r="B24583" s="1" t="s">
        <v>12137</v>
      </c>
      <c r="C24583" s="1" t="s">
        <v>46673</v>
      </c>
      <c r="D24583" s="2">
        <v>177411</v>
      </c>
      <c r="E24583" s="1" t="s">
        <v>0</v>
      </c>
    </row>
    <row r="24584" spans="1:5" x14ac:dyDescent="0.25">
      <c r="A24584" s="1" t="s">
        <v>46674</v>
      </c>
      <c r="B24584" s="1" t="s">
        <v>12138</v>
      </c>
      <c r="C24584" s="1" t="s">
        <v>46675</v>
      </c>
      <c r="D24584" s="2">
        <v>177412</v>
      </c>
      <c r="E24584" s="1" t="s">
        <v>0</v>
      </c>
    </row>
    <row r="24585" spans="1:5" ht="409.5" x14ac:dyDescent="0.25">
      <c r="A24585" s="4" t="s">
        <v>46676</v>
      </c>
      <c r="B24585" s="1" t="s">
        <v>56414</v>
      </c>
      <c r="C24585" s="1" t="s">
        <v>46677</v>
      </c>
      <c r="D24585" s="2">
        <v>177413</v>
      </c>
      <c r="E24585" s="1" t="s">
        <v>0</v>
      </c>
    </row>
    <row r="24586" spans="1:5" x14ac:dyDescent="0.25">
      <c r="A24586" s="1" t="s">
        <v>46678</v>
      </c>
      <c r="B24586" s="1" t="s">
        <v>12139</v>
      </c>
      <c r="C24586" s="1" t="s">
        <v>46679</v>
      </c>
      <c r="D24586" s="2">
        <v>177414</v>
      </c>
      <c r="E24586" s="1" t="s">
        <v>0</v>
      </c>
    </row>
    <row r="24587" spans="1:5" x14ac:dyDescent="0.25">
      <c r="A24587" s="2">
        <v>4917</v>
      </c>
      <c r="B24587" s="2">
        <v>4917</v>
      </c>
      <c r="C24587" s="1" t="s">
        <v>0</v>
      </c>
      <c r="D24587" s="2">
        <v>177415</v>
      </c>
      <c r="E24587" s="1" t="s">
        <v>0</v>
      </c>
    </row>
    <row r="24588" spans="1:5" x14ac:dyDescent="0.25">
      <c r="A24588" s="1" t="s">
        <v>12140</v>
      </c>
      <c r="B24588" s="1" t="s">
        <v>12141</v>
      </c>
      <c r="C24588" s="1" t="s">
        <v>46680</v>
      </c>
      <c r="D24588" s="2">
        <v>177416</v>
      </c>
      <c r="E24588" s="1" t="s">
        <v>0</v>
      </c>
    </row>
    <row r="24589" spans="1:5" x14ac:dyDescent="0.25">
      <c r="A24589" s="1" t="s">
        <v>46681</v>
      </c>
      <c r="B24589" s="1" t="s">
        <v>56884</v>
      </c>
      <c r="C24589" s="1" t="s">
        <v>46682</v>
      </c>
      <c r="D24589" s="2">
        <v>177417</v>
      </c>
      <c r="E24589" s="1" t="s">
        <v>0</v>
      </c>
    </row>
    <row r="24590" spans="1:5" ht="409.5" x14ac:dyDescent="0.25">
      <c r="A24590" s="4" t="s">
        <v>46683</v>
      </c>
      <c r="B24590" s="1" t="s">
        <v>59695</v>
      </c>
      <c r="C24590" s="1" t="s">
        <v>46684</v>
      </c>
      <c r="D24590" s="2">
        <v>177418</v>
      </c>
      <c r="E24590" s="1" t="s">
        <v>0</v>
      </c>
    </row>
    <row r="24591" spans="1:5" x14ac:dyDescent="0.25">
      <c r="A24591" s="1" t="s">
        <v>46685</v>
      </c>
      <c r="B24591" s="1" t="s">
        <v>12142</v>
      </c>
      <c r="C24591" s="1" t="s">
        <v>46686</v>
      </c>
      <c r="D24591" s="2">
        <v>177419</v>
      </c>
      <c r="E24591" s="1" t="s">
        <v>0</v>
      </c>
    </row>
    <row r="24592" spans="1:5" x14ac:dyDescent="0.25">
      <c r="A24592" s="2">
        <v>4918</v>
      </c>
      <c r="B24592" s="2">
        <v>4918</v>
      </c>
      <c r="C24592" s="1" t="s">
        <v>0</v>
      </c>
      <c r="D24592" s="2">
        <v>177420</v>
      </c>
      <c r="E24592" s="1" t="s">
        <v>0</v>
      </c>
    </row>
    <row r="24593" spans="1:5" x14ac:dyDescent="0.25">
      <c r="A24593" s="1" t="s">
        <v>4470</v>
      </c>
      <c r="B24593" s="1" t="s">
        <v>12143</v>
      </c>
      <c r="C24593" s="1" t="s">
        <v>46687</v>
      </c>
      <c r="D24593" s="2">
        <v>177421</v>
      </c>
      <c r="E24593" s="1" t="s">
        <v>0</v>
      </c>
    </row>
    <row r="24594" spans="1:5" x14ac:dyDescent="0.25">
      <c r="A24594" s="1" t="s">
        <v>46688</v>
      </c>
      <c r="B24594" s="1" t="s">
        <v>63049</v>
      </c>
      <c r="C24594" s="1" t="s">
        <v>46689</v>
      </c>
      <c r="D24594" s="2">
        <v>177422</v>
      </c>
      <c r="E24594" s="1" t="s">
        <v>0</v>
      </c>
    </row>
    <row r="24595" spans="1:5" ht="409.5" x14ac:dyDescent="0.25">
      <c r="A24595" s="4" t="s">
        <v>46690</v>
      </c>
      <c r="B24595" s="1" t="s">
        <v>63050</v>
      </c>
      <c r="C24595" s="1" t="s">
        <v>46691</v>
      </c>
      <c r="D24595" s="2">
        <v>177423</v>
      </c>
      <c r="E24595" s="1" t="s">
        <v>0</v>
      </c>
    </row>
    <row r="24596" spans="1:5" x14ac:dyDescent="0.25">
      <c r="A24596" s="1" t="s">
        <v>46692</v>
      </c>
      <c r="B24596" s="1" t="s">
        <v>12144</v>
      </c>
      <c r="C24596" s="1" t="s">
        <v>46693</v>
      </c>
      <c r="D24596" s="2">
        <v>177424</v>
      </c>
      <c r="E24596" s="1" t="s">
        <v>0</v>
      </c>
    </row>
    <row r="24597" spans="1:5" x14ac:dyDescent="0.25">
      <c r="A24597" s="2">
        <v>4919</v>
      </c>
      <c r="B24597" s="2">
        <v>4919</v>
      </c>
      <c r="C24597" s="1" t="s">
        <v>0</v>
      </c>
      <c r="D24597" s="2">
        <v>177425</v>
      </c>
      <c r="E24597" s="1" t="s">
        <v>0</v>
      </c>
    </row>
    <row r="24598" spans="1:5" x14ac:dyDescent="0.25">
      <c r="A24598" s="1" t="s">
        <v>12145</v>
      </c>
      <c r="B24598" s="1" t="s">
        <v>12146</v>
      </c>
      <c r="C24598" s="1" t="s">
        <v>46694</v>
      </c>
      <c r="D24598" s="2">
        <v>177426</v>
      </c>
      <c r="E24598" s="1" t="s">
        <v>0</v>
      </c>
    </row>
    <row r="24599" spans="1:5" x14ac:dyDescent="0.25">
      <c r="A24599" s="1" t="s">
        <v>46695</v>
      </c>
      <c r="B24599" s="1" t="s">
        <v>58019</v>
      </c>
      <c r="C24599" s="1" t="s">
        <v>46696</v>
      </c>
      <c r="D24599" s="2">
        <v>177427</v>
      </c>
      <c r="E24599" s="1" t="s">
        <v>0</v>
      </c>
    </row>
    <row r="24600" spans="1:5" ht="409.5" x14ac:dyDescent="0.25">
      <c r="A24600" s="4" t="s">
        <v>46697</v>
      </c>
      <c r="B24600" s="1" t="s">
        <v>58020</v>
      </c>
      <c r="C24600" s="1" t="s">
        <v>46698</v>
      </c>
      <c r="D24600" s="2">
        <v>177428</v>
      </c>
      <c r="E24600" s="1" t="s">
        <v>0</v>
      </c>
    </row>
    <row r="24601" spans="1:5" x14ac:dyDescent="0.25">
      <c r="A24601" s="1" t="s">
        <v>46699</v>
      </c>
      <c r="B24601" s="1" t="s">
        <v>12147</v>
      </c>
      <c r="C24601" s="1" t="s">
        <v>46700</v>
      </c>
      <c r="D24601" s="2">
        <v>177429</v>
      </c>
      <c r="E24601" s="1" t="s">
        <v>0</v>
      </c>
    </row>
    <row r="24602" spans="1:5" x14ac:dyDescent="0.25">
      <c r="A24602" s="2">
        <v>4920</v>
      </c>
      <c r="B24602" s="2">
        <v>4920</v>
      </c>
      <c r="C24602" s="1" t="s">
        <v>0</v>
      </c>
      <c r="D24602" s="2">
        <v>177430</v>
      </c>
      <c r="E24602" s="1" t="s">
        <v>0</v>
      </c>
    </row>
    <row r="24603" spans="1:5" x14ac:dyDescent="0.25">
      <c r="A24603" s="1" t="s">
        <v>46701</v>
      </c>
      <c r="B24603" s="1" t="s">
        <v>13309</v>
      </c>
      <c r="C24603" s="1" t="s">
        <v>46702</v>
      </c>
      <c r="D24603" s="2">
        <v>177431</v>
      </c>
      <c r="E24603" s="1" t="s">
        <v>0</v>
      </c>
    </row>
    <row r="24604" spans="1:5" x14ac:dyDescent="0.25">
      <c r="A24604" s="1" t="s">
        <v>46703</v>
      </c>
      <c r="B24604" s="1" t="s">
        <v>56415</v>
      </c>
      <c r="C24604" s="1" t="s">
        <v>46704</v>
      </c>
      <c r="D24604" s="2">
        <v>177432</v>
      </c>
      <c r="E24604" s="1" t="s">
        <v>0</v>
      </c>
    </row>
    <row r="24605" spans="1:5" ht="409.5" x14ac:dyDescent="0.25">
      <c r="A24605" s="4" t="s">
        <v>46705</v>
      </c>
      <c r="B24605" s="1" t="s">
        <v>61413</v>
      </c>
      <c r="C24605" s="1" t="s">
        <v>46706</v>
      </c>
      <c r="D24605" s="2">
        <v>177433</v>
      </c>
      <c r="E24605" s="1" t="s">
        <v>0</v>
      </c>
    </row>
    <row r="24606" spans="1:5" x14ac:dyDescent="0.25">
      <c r="A24606" s="1" t="s">
        <v>46707</v>
      </c>
      <c r="B24606" s="1" t="s">
        <v>56416</v>
      </c>
      <c r="C24606" s="1" t="s">
        <v>46708</v>
      </c>
      <c r="D24606" s="2">
        <v>177434</v>
      </c>
      <c r="E24606" s="1" t="s">
        <v>0</v>
      </c>
    </row>
    <row r="24607" spans="1:5" x14ac:dyDescent="0.25">
      <c r="A24607" s="2">
        <v>4921</v>
      </c>
      <c r="B24607" s="2">
        <v>4921</v>
      </c>
      <c r="C24607" s="1" t="s">
        <v>0</v>
      </c>
      <c r="D24607" s="2">
        <v>177435</v>
      </c>
      <c r="E24607" s="1" t="s">
        <v>0</v>
      </c>
    </row>
    <row r="24608" spans="1:5" x14ac:dyDescent="0.25">
      <c r="A24608" s="1" t="s">
        <v>46709</v>
      </c>
      <c r="B24608" s="1" t="s">
        <v>12148</v>
      </c>
      <c r="C24608" s="1" t="s">
        <v>46710</v>
      </c>
      <c r="D24608" s="2">
        <v>177436</v>
      </c>
      <c r="E24608" s="1" t="s">
        <v>0</v>
      </c>
    </row>
    <row r="24609" spans="1:5" x14ac:dyDescent="0.25">
      <c r="A24609" s="1" t="s">
        <v>46711</v>
      </c>
      <c r="B24609" s="1" t="s">
        <v>12149</v>
      </c>
      <c r="C24609" s="1" t="s">
        <v>46712</v>
      </c>
      <c r="D24609" s="2">
        <v>177437</v>
      </c>
      <c r="E24609" s="1" t="s">
        <v>0</v>
      </c>
    </row>
    <row r="24610" spans="1:5" ht="409.5" x14ac:dyDescent="0.25">
      <c r="A24610" s="4" t="s">
        <v>46713</v>
      </c>
      <c r="B24610" s="1" t="s">
        <v>63910</v>
      </c>
      <c r="C24610" s="1" t="s">
        <v>46714</v>
      </c>
      <c r="D24610" s="2">
        <v>177438</v>
      </c>
      <c r="E24610" s="1" t="s">
        <v>0</v>
      </c>
    </row>
    <row r="24611" spans="1:5" x14ac:dyDescent="0.25">
      <c r="A24611" s="1" t="s">
        <v>46715</v>
      </c>
      <c r="B24611" s="1" t="s">
        <v>12150</v>
      </c>
      <c r="C24611" s="1" t="s">
        <v>46716</v>
      </c>
      <c r="D24611" s="2">
        <v>177439</v>
      </c>
      <c r="E24611" s="1" t="s">
        <v>0</v>
      </c>
    </row>
    <row r="24612" spans="1:5" x14ac:dyDescent="0.25">
      <c r="A24612" s="2">
        <v>4922</v>
      </c>
      <c r="B24612" s="2">
        <v>4922</v>
      </c>
      <c r="C24612" s="1" t="s">
        <v>0</v>
      </c>
      <c r="D24612" s="2">
        <v>177440</v>
      </c>
      <c r="E24612" s="1" t="s">
        <v>0</v>
      </c>
    </row>
    <row r="24613" spans="1:5" x14ac:dyDescent="0.25">
      <c r="A24613" s="1" t="s">
        <v>4471</v>
      </c>
      <c r="B24613" s="1" t="s">
        <v>12151</v>
      </c>
      <c r="C24613" s="1" t="s">
        <v>46717</v>
      </c>
      <c r="D24613" s="2">
        <v>177441</v>
      </c>
      <c r="E24613" s="1" t="s">
        <v>0</v>
      </c>
    </row>
    <row r="24614" spans="1:5" x14ac:dyDescent="0.25">
      <c r="A24614" s="1" t="s">
        <v>46718</v>
      </c>
      <c r="B24614" s="1" t="s">
        <v>56417</v>
      </c>
      <c r="C24614" s="1" t="s">
        <v>46719</v>
      </c>
      <c r="D24614" s="2">
        <v>177442</v>
      </c>
      <c r="E24614" s="1" t="s">
        <v>0</v>
      </c>
    </row>
    <row r="24615" spans="1:5" ht="409.5" x14ac:dyDescent="0.25">
      <c r="A24615" s="4" t="s">
        <v>46720</v>
      </c>
      <c r="B24615" s="1" t="s">
        <v>56418</v>
      </c>
      <c r="C24615" s="1" t="s">
        <v>46721</v>
      </c>
      <c r="D24615" s="2">
        <v>177443</v>
      </c>
      <c r="E24615" s="1" t="s">
        <v>0</v>
      </c>
    </row>
    <row r="24616" spans="1:5" x14ac:dyDescent="0.25">
      <c r="A24616" s="1" t="s">
        <v>46722</v>
      </c>
      <c r="B24616" s="1" t="s">
        <v>12152</v>
      </c>
      <c r="C24616" s="1" t="s">
        <v>46723</v>
      </c>
      <c r="D24616" s="2">
        <v>177444</v>
      </c>
      <c r="E24616" s="1" t="s">
        <v>0</v>
      </c>
    </row>
    <row r="24617" spans="1:5" x14ac:dyDescent="0.25">
      <c r="A24617" s="2">
        <v>4923</v>
      </c>
      <c r="B24617" s="2">
        <v>4923</v>
      </c>
      <c r="C24617" s="1" t="s">
        <v>0</v>
      </c>
      <c r="D24617" s="2">
        <v>177445</v>
      </c>
      <c r="E24617" s="1" t="s">
        <v>0</v>
      </c>
    </row>
    <row r="24618" spans="1:5" x14ac:dyDescent="0.25">
      <c r="A24618" s="1" t="s">
        <v>4472</v>
      </c>
      <c r="B24618" s="1" t="s">
        <v>12153</v>
      </c>
      <c r="C24618" s="1" t="s">
        <v>46724</v>
      </c>
      <c r="D24618" s="2">
        <v>177446</v>
      </c>
      <c r="E24618" s="1" t="s">
        <v>0</v>
      </c>
    </row>
    <row r="24619" spans="1:5" x14ac:dyDescent="0.25">
      <c r="A24619" s="1" t="s">
        <v>46725</v>
      </c>
      <c r="B24619" s="1" t="s">
        <v>12154</v>
      </c>
      <c r="C24619" s="1" t="s">
        <v>46726</v>
      </c>
      <c r="D24619" s="2">
        <v>177447</v>
      </c>
      <c r="E24619" s="1" t="s">
        <v>0</v>
      </c>
    </row>
    <row r="24620" spans="1:5" ht="409.5" x14ac:dyDescent="0.25">
      <c r="A24620" s="4" t="s">
        <v>46727</v>
      </c>
      <c r="B24620" s="1" t="s">
        <v>56419</v>
      </c>
      <c r="C24620" s="1" t="s">
        <v>46728</v>
      </c>
      <c r="D24620" s="2">
        <v>177448</v>
      </c>
      <c r="E24620" s="1" t="s">
        <v>0</v>
      </c>
    </row>
    <row r="24621" spans="1:5" x14ac:dyDescent="0.25">
      <c r="A24621" s="1" t="s">
        <v>46729</v>
      </c>
      <c r="B24621" s="1" t="s">
        <v>12155</v>
      </c>
      <c r="C24621" s="1" t="s">
        <v>46730</v>
      </c>
      <c r="D24621" s="2">
        <v>177449</v>
      </c>
      <c r="E24621" s="1" t="s">
        <v>0</v>
      </c>
    </row>
    <row r="24622" spans="1:5" x14ac:dyDescent="0.25">
      <c r="A24622" s="2">
        <v>4924</v>
      </c>
      <c r="B24622" s="2">
        <v>4924</v>
      </c>
      <c r="C24622" s="1" t="s">
        <v>0</v>
      </c>
      <c r="D24622" s="2">
        <v>177450</v>
      </c>
      <c r="E24622" s="1" t="s">
        <v>0</v>
      </c>
    </row>
    <row r="24623" spans="1:5" x14ac:dyDescent="0.25">
      <c r="A24623" s="1" t="s">
        <v>4473</v>
      </c>
      <c r="B24623" s="1" t="s">
        <v>12156</v>
      </c>
      <c r="C24623" s="1" t="s">
        <v>46731</v>
      </c>
      <c r="D24623" s="2">
        <v>177451</v>
      </c>
      <c r="E24623" s="1" t="s">
        <v>0</v>
      </c>
    </row>
    <row r="24624" spans="1:5" x14ac:dyDescent="0.25">
      <c r="A24624" s="1" t="s">
        <v>46732</v>
      </c>
      <c r="B24624" s="1" t="s">
        <v>56420</v>
      </c>
      <c r="C24624" s="1" t="s">
        <v>46733</v>
      </c>
      <c r="D24624" s="2">
        <v>177452</v>
      </c>
      <c r="E24624" s="1" t="s">
        <v>0</v>
      </c>
    </row>
    <row r="24625" spans="1:5" ht="409.5" x14ac:dyDescent="0.25">
      <c r="A24625" s="4" t="s">
        <v>46734</v>
      </c>
      <c r="B24625" s="1" t="s">
        <v>56421</v>
      </c>
      <c r="C24625" s="1" t="s">
        <v>46735</v>
      </c>
      <c r="D24625" s="2">
        <v>177453</v>
      </c>
      <c r="E24625" s="1" t="s">
        <v>0</v>
      </c>
    </row>
    <row r="24626" spans="1:5" x14ac:dyDescent="0.25">
      <c r="A24626" s="1" t="s">
        <v>46736</v>
      </c>
      <c r="B24626" s="1" t="s">
        <v>56422</v>
      </c>
      <c r="C24626" s="1" t="s">
        <v>46737</v>
      </c>
      <c r="D24626" s="2">
        <v>177454</v>
      </c>
      <c r="E24626" s="1" t="s">
        <v>0</v>
      </c>
    </row>
    <row r="24627" spans="1:5" x14ac:dyDescent="0.25">
      <c r="A24627" s="2">
        <v>4925</v>
      </c>
      <c r="B24627" s="2">
        <v>4925</v>
      </c>
      <c r="C24627" s="1" t="s">
        <v>0</v>
      </c>
      <c r="D24627" s="2">
        <v>177455</v>
      </c>
      <c r="E24627" s="1" t="s">
        <v>0</v>
      </c>
    </row>
    <row r="24628" spans="1:5" x14ac:dyDescent="0.25">
      <c r="A24628" s="1" t="s">
        <v>4474</v>
      </c>
      <c r="B24628" s="1" t="s">
        <v>12157</v>
      </c>
      <c r="C24628" s="1" t="s">
        <v>46738</v>
      </c>
      <c r="D24628" s="2">
        <v>177456</v>
      </c>
      <c r="E24628" s="1" t="s">
        <v>0</v>
      </c>
    </row>
    <row r="24629" spans="1:5" x14ac:dyDescent="0.25">
      <c r="A24629" s="1" t="s">
        <v>46739</v>
      </c>
      <c r="B24629" s="1" t="s">
        <v>58021</v>
      </c>
      <c r="C24629" s="1" t="s">
        <v>46740</v>
      </c>
      <c r="D24629" s="2">
        <v>177457</v>
      </c>
      <c r="E24629" s="1" t="s">
        <v>0</v>
      </c>
    </row>
    <row r="24630" spans="1:5" ht="409.5" x14ac:dyDescent="0.25">
      <c r="A24630" s="4" t="s">
        <v>46741</v>
      </c>
      <c r="B24630" s="1" t="s">
        <v>58022</v>
      </c>
      <c r="C24630" s="1" t="s">
        <v>46742</v>
      </c>
      <c r="D24630" s="2">
        <v>177458</v>
      </c>
      <c r="E24630" s="1" t="s">
        <v>0</v>
      </c>
    </row>
    <row r="24631" spans="1:5" x14ac:dyDescent="0.25">
      <c r="A24631" s="1" t="s">
        <v>46743</v>
      </c>
      <c r="B24631" s="1" t="s">
        <v>56423</v>
      </c>
      <c r="C24631" s="1" t="s">
        <v>46744</v>
      </c>
      <c r="D24631" s="2">
        <v>177459</v>
      </c>
      <c r="E24631" s="1" t="s">
        <v>0</v>
      </c>
    </row>
    <row r="24632" spans="1:5" x14ac:dyDescent="0.25">
      <c r="A24632" s="2">
        <v>4926</v>
      </c>
      <c r="B24632" s="2">
        <v>4926</v>
      </c>
      <c r="C24632" s="1" t="s">
        <v>0</v>
      </c>
      <c r="D24632" s="2">
        <v>177460</v>
      </c>
      <c r="E24632" s="1" t="s">
        <v>0</v>
      </c>
    </row>
    <row r="24633" spans="1:5" x14ac:dyDescent="0.25">
      <c r="A24633" s="1" t="s">
        <v>4475</v>
      </c>
      <c r="B24633" s="1" t="s">
        <v>12158</v>
      </c>
      <c r="C24633" s="1" t="s">
        <v>46745</v>
      </c>
      <c r="D24633" s="2">
        <v>177461</v>
      </c>
      <c r="E24633" s="1" t="s">
        <v>0</v>
      </c>
    </row>
    <row r="24634" spans="1:5" x14ac:dyDescent="0.25">
      <c r="A24634" s="1" t="s">
        <v>46746</v>
      </c>
      <c r="B24634" s="1" t="s">
        <v>51085</v>
      </c>
      <c r="C24634" s="1" t="s">
        <v>46747</v>
      </c>
      <c r="D24634" s="2">
        <v>177462</v>
      </c>
      <c r="E24634" s="1" t="s">
        <v>0</v>
      </c>
    </row>
    <row r="24635" spans="1:5" ht="409.5" x14ac:dyDescent="0.25">
      <c r="A24635" s="4" t="s">
        <v>46748</v>
      </c>
      <c r="B24635" s="1" t="s">
        <v>51086</v>
      </c>
      <c r="C24635" s="1" t="s">
        <v>46749</v>
      </c>
      <c r="D24635" s="2">
        <v>177463</v>
      </c>
      <c r="E24635" s="1" t="s">
        <v>0</v>
      </c>
    </row>
    <row r="24636" spans="1:5" x14ac:dyDescent="0.25">
      <c r="A24636" s="1" t="s">
        <v>46750</v>
      </c>
      <c r="B24636" s="1" t="s">
        <v>56424</v>
      </c>
      <c r="C24636" s="1" t="s">
        <v>46751</v>
      </c>
      <c r="D24636" s="2">
        <v>177464</v>
      </c>
      <c r="E24636" s="1" t="s">
        <v>0</v>
      </c>
    </row>
    <row r="24637" spans="1:5" x14ac:dyDescent="0.25">
      <c r="A24637" s="2">
        <v>4927</v>
      </c>
      <c r="B24637" s="2">
        <v>4927</v>
      </c>
      <c r="C24637" s="1" t="s">
        <v>0</v>
      </c>
      <c r="D24637" s="2">
        <v>177465</v>
      </c>
      <c r="E24637" s="1" t="s">
        <v>0</v>
      </c>
    </row>
    <row r="24638" spans="1:5" x14ac:dyDescent="0.25">
      <c r="A24638" s="1" t="s">
        <v>4476</v>
      </c>
      <c r="B24638" s="1" t="s">
        <v>12159</v>
      </c>
      <c r="C24638" s="1" t="s">
        <v>46752</v>
      </c>
      <c r="D24638" s="2">
        <v>177466</v>
      </c>
      <c r="E24638" s="1" t="s">
        <v>0</v>
      </c>
    </row>
    <row r="24639" spans="1:5" x14ac:dyDescent="0.25">
      <c r="A24639" s="1" t="s">
        <v>46753</v>
      </c>
      <c r="B24639" s="1" t="s">
        <v>56425</v>
      </c>
      <c r="C24639" s="1" t="s">
        <v>46754</v>
      </c>
      <c r="D24639" s="2">
        <v>177467</v>
      </c>
      <c r="E24639" s="1" t="s">
        <v>0</v>
      </c>
    </row>
    <row r="24640" spans="1:5" ht="409.5" x14ac:dyDescent="0.25">
      <c r="A24640" s="4" t="s">
        <v>46755</v>
      </c>
      <c r="B24640" s="1" t="s">
        <v>58023</v>
      </c>
      <c r="C24640" s="1" t="s">
        <v>46756</v>
      </c>
      <c r="D24640" s="2">
        <v>177468</v>
      </c>
      <c r="E24640" s="1" t="s">
        <v>0</v>
      </c>
    </row>
    <row r="24641" spans="1:5" x14ac:dyDescent="0.25">
      <c r="A24641" s="1" t="s">
        <v>46757</v>
      </c>
      <c r="B24641" s="1" t="s">
        <v>12160</v>
      </c>
      <c r="C24641" s="1" t="s">
        <v>46758</v>
      </c>
      <c r="D24641" s="2">
        <v>177469</v>
      </c>
      <c r="E24641" s="1" t="s">
        <v>0</v>
      </c>
    </row>
    <row r="24642" spans="1:5" x14ac:dyDescent="0.25">
      <c r="A24642" s="2">
        <v>4928</v>
      </c>
      <c r="B24642" s="2">
        <v>4928</v>
      </c>
      <c r="C24642" s="1" t="s">
        <v>0</v>
      </c>
      <c r="D24642" s="2">
        <v>177470</v>
      </c>
      <c r="E24642" s="1" t="s">
        <v>0</v>
      </c>
    </row>
    <row r="24643" spans="1:5" x14ac:dyDescent="0.25">
      <c r="A24643" s="1" t="s">
        <v>4477</v>
      </c>
      <c r="B24643" s="1" t="s">
        <v>12161</v>
      </c>
      <c r="C24643" s="1" t="s">
        <v>46759</v>
      </c>
      <c r="D24643" s="2">
        <v>177471</v>
      </c>
      <c r="E24643" s="1" t="s">
        <v>0</v>
      </c>
    </row>
    <row r="24644" spans="1:5" x14ac:dyDescent="0.25">
      <c r="A24644" s="1" t="s">
        <v>46760</v>
      </c>
      <c r="B24644" s="1" t="s">
        <v>12162</v>
      </c>
      <c r="C24644" s="1" t="s">
        <v>46761</v>
      </c>
      <c r="D24644" s="2">
        <v>177472</v>
      </c>
      <c r="E24644" s="1" t="s">
        <v>0</v>
      </c>
    </row>
    <row r="24645" spans="1:5" ht="409.5" x14ac:dyDescent="0.25">
      <c r="A24645" s="4" t="s">
        <v>46762</v>
      </c>
      <c r="B24645" s="1" t="s">
        <v>56426</v>
      </c>
      <c r="C24645" s="1" t="s">
        <v>46763</v>
      </c>
      <c r="D24645" s="2">
        <v>177473</v>
      </c>
      <c r="E24645" s="1" t="s">
        <v>0</v>
      </c>
    </row>
    <row r="24646" spans="1:5" x14ac:dyDescent="0.25">
      <c r="A24646" s="1" t="s">
        <v>46764</v>
      </c>
      <c r="B24646" s="1" t="s">
        <v>12163</v>
      </c>
      <c r="C24646" s="1" t="s">
        <v>46765</v>
      </c>
      <c r="D24646" s="2">
        <v>177474</v>
      </c>
      <c r="E24646" s="1" t="s">
        <v>0</v>
      </c>
    </row>
    <row r="24647" spans="1:5" x14ac:dyDescent="0.25">
      <c r="A24647" s="2">
        <v>4929</v>
      </c>
      <c r="B24647" s="2">
        <v>4929</v>
      </c>
      <c r="C24647" s="1" t="s">
        <v>0</v>
      </c>
      <c r="D24647" s="2">
        <v>177475</v>
      </c>
      <c r="E24647" s="1" t="s">
        <v>0</v>
      </c>
    </row>
    <row r="24648" spans="1:5" x14ac:dyDescent="0.25">
      <c r="A24648" s="1" t="s">
        <v>4478</v>
      </c>
      <c r="B24648" s="1" t="s">
        <v>12164</v>
      </c>
      <c r="C24648" s="1" t="s">
        <v>46766</v>
      </c>
      <c r="D24648" s="2">
        <v>177476</v>
      </c>
      <c r="E24648" s="1" t="s">
        <v>0</v>
      </c>
    </row>
    <row r="24649" spans="1:5" x14ac:dyDescent="0.25">
      <c r="A24649" s="1" t="s">
        <v>46767</v>
      </c>
      <c r="B24649" s="1" t="s">
        <v>56427</v>
      </c>
      <c r="C24649" s="1" t="s">
        <v>46768</v>
      </c>
      <c r="D24649" s="2">
        <v>177477</v>
      </c>
      <c r="E24649" s="1" t="s">
        <v>0</v>
      </c>
    </row>
    <row r="24650" spans="1:5" ht="409.5" x14ac:dyDescent="0.25">
      <c r="A24650" s="4" t="s">
        <v>46769</v>
      </c>
      <c r="B24650" s="1" t="s">
        <v>56428</v>
      </c>
      <c r="C24650" s="1" t="s">
        <v>46770</v>
      </c>
      <c r="D24650" s="2">
        <v>177478</v>
      </c>
      <c r="E24650" s="1" t="s">
        <v>0</v>
      </c>
    </row>
    <row r="24651" spans="1:5" x14ac:dyDescent="0.25">
      <c r="A24651" s="1" t="s">
        <v>46771</v>
      </c>
      <c r="B24651" s="1" t="s">
        <v>12165</v>
      </c>
      <c r="C24651" s="1" t="s">
        <v>46772</v>
      </c>
      <c r="D24651" s="2">
        <v>177479</v>
      </c>
      <c r="E24651" s="1" t="s">
        <v>0</v>
      </c>
    </row>
    <row r="24652" spans="1:5" x14ac:dyDescent="0.25">
      <c r="A24652" s="2">
        <v>4930</v>
      </c>
      <c r="B24652" s="2">
        <v>4930</v>
      </c>
      <c r="C24652" s="1" t="s">
        <v>0</v>
      </c>
      <c r="D24652" s="2">
        <v>177480</v>
      </c>
      <c r="E24652" s="1" t="s">
        <v>0</v>
      </c>
    </row>
    <row r="24653" spans="1:5" x14ac:dyDescent="0.25">
      <c r="A24653" s="1" t="s">
        <v>4479</v>
      </c>
      <c r="B24653" s="1" t="s">
        <v>51087</v>
      </c>
      <c r="C24653" s="1" t="s">
        <v>46773</v>
      </c>
      <c r="D24653" s="2">
        <v>177481</v>
      </c>
      <c r="E24653" s="1" t="s">
        <v>0</v>
      </c>
    </row>
    <row r="24654" spans="1:5" x14ac:dyDescent="0.25">
      <c r="A24654" s="1" t="s">
        <v>46774</v>
      </c>
      <c r="B24654" s="1" t="s">
        <v>56429</v>
      </c>
      <c r="C24654" s="1" t="s">
        <v>46775</v>
      </c>
      <c r="D24654" s="2">
        <v>177482</v>
      </c>
      <c r="E24654" s="1" t="s">
        <v>0</v>
      </c>
    </row>
    <row r="24655" spans="1:5" ht="409.5" x14ac:dyDescent="0.25">
      <c r="A24655" s="4" t="s">
        <v>46776</v>
      </c>
      <c r="B24655" s="1" t="s">
        <v>56430</v>
      </c>
      <c r="C24655" s="1" t="s">
        <v>46777</v>
      </c>
      <c r="D24655" s="2">
        <v>177483</v>
      </c>
      <c r="E24655" s="1" t="s">
        <v>0</v>
      </c>
    </row>
    <row r="24656" spans="1:5" x14ac:dyDescent="0.25">
      <c r="A24656" s="1" t="s">
        <v>46778</v>
      </c>
      <c r="B24656" s="1" t="s">
        <v>12166</v>
      </c>
      <c r="C24656" s="1" t="s">
        <v>46779</v>
      </c>
      <c r="D24656" s="2">
        <v>177484</v>
      </c>
      <c r="E24656" s="1" t="s">
        <v>0</v>
      </c>
    </row>
    <row r="24657" spans="1:5" x14ac:dyDescent="0.25">
      <c r="A24657" s="2">
        <v>4931</v>
      </c>
      <c r="B24657" s="2">
        <v>4931</v>
      </c>
      <c r="C24657" s="1" t="s">
        <v>0</v>
      </c>
      <c r="D24657" s="2">
        <v>177485</v>
      </c>
      <c r="E24657" s="1" t="s">
        <v>0</v>
      </c>
    </row>
    <row r="24658" spans="1:5" x14ac:dyDescent="0.25">
      <c r="A24658" s="1" t="s">
        <v>4480</v>
      </c>
      <c r="B24658" s="1" t="s">
        <v>51088</v>
      </c>
      <c r="C24658" s="1" t="s">
        <v>46780</v>
      </c>
      <c r="D24658" s="2">
        <v>177486</v>
      </c>
      <c r="E24658" s="1" t="s">
        <v>0</v>
      </c>
    </row>
    <row r="24659" spans="1:5" x14ac:dyDescent="0.25">
      <c r="A24659" s="1" t="s">
        <v>46781</v>
      </c>
      <c r="B24659" s="1" t="s">
        <v>56431</v>
      </c>
      <c r="C24659" s="1" t="s">
        <v>46782</v>
      </c>
      <c r="D24659" s="2">
        <v>177487</v>
      </c>
      <c r="E24659" s="1" t="s">
        <v>0</v>
      </c>
    </row>
    <row r="24660" spans="1:5" ht="409.5" x14ac:dyDescent="0.25">
      <c r="A24660" s="4" t="s">
        <v>46783</v>
      </c>
      <c r="B24660" s="1" t="s">
        <v>56432</v>
      </c>
      <c r="C24660" s="1" t="s">
        <v>46784</v>
      </c>
      <c r="D24660" s="2">
        <v>177488</v>
      </c>
      <c r="E24660" s="1" t="s">
        <v>0</v>
      </c>
    </row>
    <row r="24661" spans="1:5" x14ac:dyDescent="0.25">
      <c r="A24661" s="1" t="s">
        <v>46785</v>
      </c>
      <c r="B24661" s="1" t="s">
        <v>56433</v>
      </c>
      <c r="C24661" s="1" t="s">
        <v>46786</v>
      </c>
      <c r="D24661" s="2">
        <v>177489</v>
      </c>
      <c r="E24661" s="1" t="s">
        <v>0</v>
      </c>
    </row>
    <row r="24662" spans="1:5" x14ac:dyDescent="0.25">
      <c r="A24662" s="2">
        <v>4932</v>
      </c>
      <c r="B24662" s="2">
        <v>4932</v>
      </c>
      <c r="C24662" s="1" t="s">
        <v>0</v>
      </c>
      <c r="D24662" s="2">
        <v>177490</v>
      </c>
      <c r="E24662" s="1" t="s">
        <v>0</v>
      </c>
    </row>
    <row r="24663" spans="1:5" x14ac:dyDescent="0.25">
      <c r="A24663" s="1" t="s">
        <v>4481</v>
      </c>
      <c r="B24663" s="1" t="s">
        <v>12167</v>
      </c>
      <c r="C24663" s="1" t="s">
        <v>46787</v>
      </c>
      <c r="D24663" s="2">
        <v>177491</v>
      </c>
      <c r="E24663" s="1" t="s">
        <v>0</v>
      </c>
    </row>
    <row r="24664" spans="1:5" x14ac:dyDescent="0.25">
      <c r="A24664" s="1" t="s">
        <v>46788</v>
      </c>
      <c r="B24664" s="1" t="s">
        <v>12168</v>
      </c>
      <c r="C24664" s="1" t="s">
        <v>46789</v>
      </c>
      <c r="D24664" s="2">
        <v>177492</v>
      </c>
      <c r="E24664" s="1" t="s">
        <v>0</v>
      </c>
    </row>
    <row r="24665" spans="1:5" ht="409.5" x14ac:dyDescent="0.25">
      <c r="A24665" s="4" t="s">
        <v>46790</v>
      </c>
      <c r="B24665" s="1" t="s">
        <v>58024</v>
      </c>
      <c r="C24665" s="1" t="s">
        <v>46791</v>
      </c>
      <c r="D24665" s="2">
        <v>177493</v>
      </c>
      <c r="E24665" s="1" t="s">
        <v>0</v>
      </c>
    </row>
    <row r="24666" spans="1:5" x14ac:dyDescent="0.25">
      <c r="A24666" s="1" t="s">
        <v>46792</v>
      </c>
      <c r="B24666" s="1" t="s">
        <v>12169</v>
      </c>
      <c r="C24666" s="1" t="s">
        <v>46793</v>
      </c>
      <c r="D24666" s="2">
        <v>177494</v>
      </c>
      <c r="E24666" s="1" t="s">
        <v>0</v>
      </c>
    </row>
    <row r="24667" spans="1:5" x14ac:dyDescent="0.25">
      <c r="A24667" s="2">
        <v>4933</v>
      </c>
      <c r="B24667" s="2">
        <v>4933</v>
      </c>
      <c r="C24667" s="1" t="s">
        <v>0</v>
      </c>
      <c r="D24667" s="2">
        <v>177495</v>
      </c>
      <c r="E24667" s="1" t="s">
        <v>0</v>
      </c>
    </row>
    <row r="24668" spans="1:5" x14ac:dyDescent="0.25">
      <c r="A24668" s="1" t="s">
        <v>13310</v>
      </c>
      <c r="B24668" s="1" t="s">
        <v>13311</v>
      </c>
      <c r="C24668" s="1" t="s">
        <v>46794</v>
      </c>
      <c r="D24668" s="2">
        <v>177496</v>
      </c>
      <c r="E24668" s="1" t="s">
        <v>0</v>
      </c>
    </row>
    <row r="24669" spans="1:5" x14ac:dyDescent="0.25">
      <c r="A24669" s="1" t="s">
        <v>46795</v>
      </c>
      <c r="B24669" s="1" t="s">
        <v>56434</v>
      </c>
      <c r="C24669" s="1" t="s">
        <v>46796</v>
      </c>
      <c r="D24669" s="2">
        <v>177497</v>
      </c>
      <c r="E24669" s="1" t="s">
        <v>0</v>
      </c>
    </row>
    <row r="24670" spans="1:5" ht="409.5" x14ac:dyDescent="0.25">
      <c r="A24670" s="4" t="s">
        <v>46797</v>
      </c>
      <c r="B24670" s="1" t="s">
        <v>56435</v>
      </c>
      <c r="C24670" s="1" t="s">
        <v>46798</v>
      </c>
      <c r="D24670" s="2">
        <v>177498</v>
      </c>
      <c r="E24670" s="1" t="s">
        <v>0</v>
      </c>
    </row>
    <row r="24671" spans="1:5" x14ac:dyDescent="0.25">
      <c r="A24671" s="1" t="s">
        <v>46799</v>
      </c>
      <c r="B24671" s="1" t="s">
        <v>56436</v>
      </c>
      <c r="C24671" s="1" t="s">
        <v>46800</v>
      </c>
      <c r="D24671" s="2">
        <v>177499</v>
      </c>
      <c r="E24671" s="1" t="s">
        <v>0</v>
      </c>
    </row>
    <row r="24672" spans="1:5" x14ac:dyDescent="0.25">
      <c r="A24672" s="2">
        <v>4934</v>
      </c>
      <c r="B24672" s="2">
        <v>4934</v>
      </c>
      <c r="C24672" s="1" t="s">
        <v>0</v>
      </c>
      <c r="D24672" s="2">
        <v>177500</v>
      </c>
      <c r="E24672" s="1" t="s">
        <v>0</v>
      </c>
    </row>
    <row r="24673" spans="1:5" x14ac:dyDescent="0.25">
      <c r="A24673" s="1" t="s">
        <v>4482</v>
      </c>
      <c r="B24673" s="1" t="s">
        <v>51089</v>
      </c>
      <c r="C24673" s="1" t="s">
        <v>46801</v>
      </c>
      <c r="D24673" s="2">
        <v>177501</v>
      </c>
      <c r="E24673" s="1" t="s">
        <v>0</v>
      </c>
    </row>
    <row r="24674" spans="1:5" x14ac:dyDescent="0.25">
      <c r="A24674" s="1" t="s">
        <v>46802</v>
      </c>
      <c r="B24674" s="1" t="s">
        <v>51090</v>
      </c>
      <c r="C24674" s="1" t="s">
        <v>46803</v>
      </c>
      <c r="D24674" s="2">
        <v>177502</v>
      </c>
      <c r="E24674" s="1" t="s">
        <v>0</v>
      </c>
    </row>
    <row r="24675" spans="1:5" ht="409.5" x14ac:dyDescent="0.25">
      <c r="A24675" s="4" t="s">
        <v>46804</v>
      </c>
      <c r="B24675" s="1" t="s">
        <v>60842</v>
      </c>
      <c r="C24675" s="1" t="s">
        <v>46805</v>
      </c>
      <c r="D24675" s="2">
        <v>177503</v>
      </c>
      <c r="E24675" s="1" t="s">
        <v>0</v>
      </c>
    </row>
    <row r="24676" spans="1:5" x14ac:dyDescent="0.25">
      <c r="A24676" s="1" t="s">
        <v>46806</v>
      </c>
      <c r="B24676" s="1" t="s">
        <v>61414</v>
      </c>
      <c r="C24676" s="1" t="s">
        <v>46807</v>
      </c>
      <c r="D24676" s="2">
        <v>177504</v>
      </c>
      <c r="E24676" s="1" t="s">
        <v>0</v>
      </c>
    </row>
    <row r="24677" spans="1:5" x14ac:dyDescent="0.25">
      <c r="A24677" s="2">
        <v>4935</v>
      </c>
      <c r="B24677" s="2">
        <v>4935</v>
      </c>
      <c r="C24677" s="1" t="s">
        <v>0</v>
      </c>
      <c r="D24677" s="2">
        <v>177505</v>
      </c>
      <c r="E24677" s="1" t="s">
        <v>0</v>
      </c>
    </row>
    <row r="24678" spans="1:5" x14ac:dyDescent="0.25">
      <c r="A24678" s="1" t="s">
        <v>4483</v>
      </c>
      <c r="B24678" s="1" t="s">
        <v>12170</v>
      </c>
      <c r="C24678" s="1" t="s">
        <v>46808</v>
      </c>
      <c r="D24678" s="2">
        <v>177506</v>
      </c>
      <c r="E24678" s="1" t="s">
        <v>0</v>
      </c>
    </row>
    <row r="24679" spans="1:5" x14ac:dyDescent="0.25">
      <c r="A24679" s="1" t="s">
        <v>46809</v>
      </c>
      <c r="B24679" s="1" t="s">
        <v>56437</v>
      </c>
      <c r="C24679" s="1" t="s">
        <v>46810</v>
      </c>
      <c r="D24679" s="2">
        <v>177507</v>
      </c>
      <c r="E24679" s="1" t="s">
        <v>0</v>
      </c>
    </row>
    <row r="24680" spans="1:5" ht="409.5" x14ac:dyDescent="0.25">
      <c r="A24680" s="4" t="s">
        <v>46811</v>
      </c>
      <c r="B24680" s="1" t="s">
        <v>63051</v>
      </c>
      <c r="C24680" s="1" t="s">
        <v>46812</v>
      </c>
      <c r="D24680" s="2">
        <v>177508</v>
      </c>
      <c r="E24680" s="1" t="s">
        <v>0</v>
      </c>
    </row>
    <row r="24681" spans="1:5" x14ac:dyDescent="0.25">
      <c r="A24681" s="1" t="s">
        <v>46813</v>
      </c>
      <c r="B24681" s="1" t="s">
        <v>12171</v>
      </c>
      <c r="C24681" s="1" t="s">
        <v>46814</v>
      </c>
      <c r="D24681" s="2">
        <v>177509</v>
      </c>
      <c r="E24681" s="1" t="s">
        <v>0</v>
      </c>
    </row>
    <row r="24682" spans="1:5" x14ac:dyDescent="0.25">
      <c r="A24682" s="2">
        <v>4936</v>
      </c>
      <c r="B24682" s="2">
        <v>4936</v>
      </c>
      <c r="C24682" s="1" t="s">
        <v>0</v>
      </c>
      <c r="D24682" s="2">
        <v>177510</v>
      </c>
      <c r="E24682" s="1" t="s">
        <v>0</v>
      </c>
    </row>
    <row r="24683" spans="1:5" x14ac:dyDescent="0.25">
      <c r="A24683" s="1" t="s">
        <v>4484</v>
      </c>
      <c r="B24683" s="1" t="s">
        <v>12172</v>
      </c>
      <c r="C24683" s="1" t="s">
        <v>46815</v>
      </c>
      <c r="D24683" s="2">
        <v>177511</v>
      </c>
      <c r="E24683" s="1" t="s">
        <v>0</v>
      </c>
    </row>
    <row r="24684" spans="1:5" x14ac:dyDescent="0.25">
      <c r="A24684" s="1" t="s">
        <v>46816</v>
      </c>
      <c r="B24684" s="1" t="s">
        <v>63052</v>
      </c>
      <c r="C24684" s="1" t="s">
        <v>46817</v>
      </c>
      <c r="D24684" s="2">
        <v>177512</v>
      </c>
      <c r="E24684" s="1" t="s">
        <v>0</v>
      </c>
    </row>
    <row r="24685" spans="1:5" ht="409.5" x14ac:dyDescent="0.25">
      <c r="A24685" s="4" t="s">
        <v>46818</v>
      </c>
      <c r="B24685" s="1" t="s">
        <v>63053</v>
      </c>
      <c r="C24685" s="1" t="s">
        <v>46819</v>
      </c>
      <c r="D24685" s="2">
        <v>177513</v>
      </c>
      <c r="E24685" s="1" t="s">
        <v>0</v>
      </c>
    </row>
    <row r="24686" spans="1:5" x14ac:dyDescent="0.25">
      <c r="A24686" s="1" t="s">
        <v>46820</v>
      </c>
      <c r="B24686" s="1" t="s">
        <v>12173</v>
      </c>
      <c r="C24686" s="1" t="s">
        <v>46821</v>
      </c>
      <c r="D24686" s="2">
        <v>177514</v>
      </c>
      <c r="E24686" s="1" t="s">
        <v>0</v>
      </c>
    </row>
    <row r="24687" spans="1:5" x14ac:dyDescent="0.25">
      <c r="A24687" s="2">
        <v>4937</v>
      </c>
      <c r="B24687" s="2">
        <v>4937</v>
      </c>
      <c r="C24687" s="1" t="s">
        <v>0</v>
      </c>
      <c r="D24687" s="2">
        <v>177515</v>
      </c>
      <c r="E24687" s="1" t="s">
        <v>0</v>
      </c>
    </row>
    <row r="24688" spans="1:5" x14ac:dyDescent="0.25">
      <c r="A24688" s="1" t="s">
        <v>4485</v>
      </c>
      <c r="B24688" s="1" t="s">
        <v>12174</v>
      </c>
      <c r="C24688" s="1" t="s">
        <v>46822</v>
      </c>
      <c r="D24688" s="2">
        <v>177516</v>
      </c>
      <c r="E24688" s="1" t="s">
        <v>0</v>
      </c>
    </row>
    <row r="24689" spans="1:5" x14ac:dyDescent="0.25">
      <c r="A24689" s="1" t="s">
        <v>46823</v>
      </c>
      <c r="B24689" s="1" t="s">
        <v>56438</v>
      </c>
      <c r="C24689" s="1" t="s">
        <v>46824</v>
      </c>
      <c r="D24689" s="2">
        <v>177517</v>
      </c>
      <c r="E24689" s="1" t="s">
        <v>0</v>
      </c>
    </row>
    <row r="24690" spans="1:5" ht="409.5" x14ac:dyDescent="0.25">
      <c r="A24690" s="4" t="s">
        <v>46825</v>
      </c>
      <c r="B24690" s="1" t="s">
        <v>57655</v>
      </c>
      <c r="C24690" s="1" t="s">
        <v>46826</v>
      </c>
      <c r="D24690" s="2">
        <v>177518</v>
      </c>
      <c r="E24690" s="1" t="s">
        <v>0</v>
      </c>
    </row>
    <row r="24691" spans="1:5" x14ac:dyDescent="0.25">
      <c r="A24691" s="1" t="s">
        <v>46827</v>
      </c>
      <c r="B24691" s="1" t="s">
        <v>56439</v>
      </c>
      <c r="C24691" s="1" t="s">
        <v>46828</v>
      </c>
      <c r="D24691" s="2">
        <v>177519</v>
      </c>
      <c r="E24691" s="1" t="s">
        <v>0</v>
      </c>
    </row>
    <row r="24692" spans="1:5" x14ac:dyDescent="0.25">
      <c r="A24692" s="2">
        <v>4938</v>
      </c>
      <c r="B24692" s="2">
        <v>4938</v>
      </c>
      <c r="C24692" s="1" t="s">
        <v>0</v>
      </c>
      <c r="D24692" s="2">
        <v>177520</v>
      </c>
      <c r="E24692" s="1" t="s">
        <v>0</v>
      </c>
    </row>
    <row r="24693" spans="1:5" x14ac:dyDescent="0.25">
      <c r="A24693" s="1" t="s">
        <v>13312</v>
      </c>
      <c r="B24693" s="1" t="s">
        <v>56440</v>
      </c>
      <c r="C24693" s="1" t="s">
        <v>46829</v>
      </c>
      <c r="D24693" s="2">
        <v>177521</v>
      </c>
      <c r="E24693" s="1" t="s">
        <v>0</v>
      </c>
    </row>
    <row r="24694" spans="1:5" x14ac:dyDescent="0.25">
      <c r="A24694" s="1" t="s">
        <v>46830</v>
      </c>
      <c r="B24694" s="1" t="s">
        <v>56441</v>
      </c>
      <c r="C24694" s="1" t="s">
        <v>46831</v>
      </c>
      <c r="D24694" s="2">
        <v>177522</v>
      </c>
      <c r="E24694" s="1" t="s">
        <v>0</v>
      </c>
    </row>
    <row r="24695" spans="1:5" ht="409.5" x14ac:dyDescent="0.25">
      <c r="A24695" s="4" t="s">
        <v>46832</v>
      </c>
      <c r="B24695" s="1" t="s">
        <v>56442</v>
      </c>
      <c r="C24695" s="1" t="s">
        <v>46833</v>
      </c>
      <c r="D24695" s="2">
        <v>177523</v>
      </c>
      <c r="E24695" s="1" t="s">
        <v>0</v>
      </c>
    </row>
    <row r="24696" spans="1:5" x14ac:dyDescent="0.25">
      <c r="A24696" s="1" t="s">
        <v>46834</v>
      </c>
      <c r="B24696" s="1" t="s">
        <v>12175</v>
      </c>
      <c r="C24696" s="1" t="s">
        <v>46835</v>
      </c>
      <c r="D24696" s="2">
        <v>177524</v>
      </c>
      <c r="E24696" s="1" t="s">
        <v>0</v>
      </c>
    </row>
    <row r="24697" spans="1:5" x14ac:dyDescent="0.25">
      <c r="A24697" s="2">
        <v>4939</v>
      </c>
      <c r="B24697" s="2">
        <v>4939</v>
      </c>
      <c r="C24697" s="1" t="s">
        <v>0</v>
      </c>
      <c r="D24697" s="2">
        <v>177525</v>
      </c>
      <c r="E24697" s="1" t="s">
        <v>0</v>
      </c>
    </row>
    <row r="24698" spans="1:5" x14ac:dyDescent="0.25">
      <c r="A24698" s="1" t="s">
        <v>4486</v>
      </c>
      <c r="B24698" s="1" t="s">
        <v>12176</v>
      </c>
      <c r="C24698" s="1" t="s">
        <v>46836</v>
      </c>
      <c r="D24698" s="2">
        <v>177526</v>
      </c>
      <c r="E24698" s="1" t="s">
        <v>0</v>
      </c>
    </row>
    <row r="24699" spans="1:5" x14ac:dyDescent="0.25">
      <c r="A24699" s="1" t="s">
        <v>46837</v>
      </c>
      <c r="B24699" s="1" t="s">
        <v>63538</v>
      </c>
      <c r="C24699" s="1" t="s">
        <v>46838</v>
      </c>
      <c r="D24699" s="2">
        <v>177527</v>
      </c>
      <c r="E24699" s="1" t="s">
        <v>0</v>
      </c>
    </row>
    <row r="24700" spans="1:5" ht="409.5" x14ac:dyDescent="0.25">
      <c r="A24700" s="4" t="s">
        <v>46839</v>
      </c>
      <c r="B24700" s="1" t="s">
        <v>63539</v>
      </c>
      <c r="C24700" s="1" t="s">
        <v>46840</v>
      </c>
      <c r="D24700" s="2">
        <v>177528</v>
      </c>
      <c r="E24700" s="1" t="s">
        <v>0</v>
      </c>
    </row>
    <row r="24701" spans="1:5" x14ac:dyDescent="0.25">
      <c r="A24701" s="1" t="s">
        <v>46841</v>
      </c>
      <c r="B24701" s="1" t="s">
        <v>56443</v>
      </c>
      <c r="C24701" s="1" t="s">
        <v>46842</v>
      </c>
      <c r="D24701" s="2">
        <v>177529</v>
      </c>
      <c r="E24701" s="1" t="s">
        <v>0</v>
      </c>
    </row>
    <row r="24702" spans="1:5" x14ac:dyDescent="0.25">
      <c r="A24702" s="2">
        <v>4940</v>
      </c>
      <c r="B24702" s="2">
        <v>4940</v>
      </c>
      <c r="C24702" s="1" t="s">
        <v>0</v>
      </c>
      <c r="D24702" s="2">
        <v>177530</v>
      </c>
      <c r="E24702" s="1" t="s">
        <v>0</v>
      </c>
    </row>
    <row r="24703" spans="1:5" x14ac:dyDescent="0.25">
      <c r="A24703" s="1" t="s">
        <v>4487</v>
      </c>
      <c r="B24703" s="1" t="s">
        <v>56444</v>
      </c>
      <c r="C24703" s="1" t="s">
        <v>46843</v>
      </c>
      <c r="D24703" s="2">
        <v>177531</v>
      </c>
      <c r="E24703" s="1" t="s">
        <v>0</v>
      </c>
    </row>
    <row r="24704" spans="1:5" x14ac:dyDescent="0.25">
      <c r="A24704" s="1" t="s">
        <v>46844</v>
      </c>
      <c r="B24704" s="1" t="s">
        <v>56445</v>
      </c>
      <c r="C24704" s="1" t="s">
        <v>46845</v>
      </c>
      <c r="D24704" s="2">
        <v>177532</v>
      </c>
      <c r="E24704" s="1" t="s">
        <v>0</v>
      </c>
    </row>
    <row r="24705" spans="1:5" ht="409.5" x14ac:dyDescent="0.25">
      <c r="A24705" s="4" t="s">
        <v>64391</v>
      </c>
      <c r="B24705" s="1" t="s">
        <v>58025</v>
      </c>
      <c r="C24705" s="1" t="s">
        <v>46846</v>
      </c>
      <c r="D24705" s="2">
        <v>177533</v>
      </c>
      <c r="E24705" s="1" t="s">
        <v>0</v>
      </c>
    </row>
    <row r="24706" spans="1:5" x14ac:dyDescent="0.25">
      <c r="A24706" s="1" t="s">
        <v>46847</v>
      </c>
      <c r="B24706" s="1" t="s">
        <v>12177</v>
      </c>
      <c r="C24706" s="1" t="s">
        <v>46848</v>
      </c>
      <c r="D24706" s="2">
        <v>177534</v>
      </c>
      <c r="E24706" s="1" t="s">
        <v>0</v>
      </c>
    </row>
    <row r="24707" spans="1:5" x14ac:dyDescent="0.25">
      <c r="A24707" s="2">
        <v>4941</v>
      </c>
      <c r="B24707" s="2">
        <v>4941</v>
      </c>
      <c r="C24707" s="1" t="s">
        <v>0</v>
      </c>
      <c r="D24707" s="2">
        <v>177535</v>
      </c>
      <c r="E24707" s="1" t="s">
        <v>0</v>
      </c>
    </row>
    <row r="24708" spans="1:5" x14ac:dyDescent="0.25">
      <c r="A24708" s="1" t="s">
        <v>4488</v>
      </c>
      <c r="B24708" s="1" t="s">
        <v>12178</v>
      </c>
      <c r="C24708" s="1" t="s">
        <v>46849</v>
      </c>
      <c r="D24708" s="2">
        <v>177536</v>
      </c>
      <c r="E24708" s="1" t="s">
        <v>0</v>
      </c>
    </row>
    <row r="24709" spans="1:5" x14ac:dyDescent="0.25">
      <c r="A24709" s="1" t="s">
        <v>46850</v>
      </c>
      <c r="B24709" s="1" t="s">
        <v>63054</v>
      </c>
      <c r="C24709" s="1" t="s">
        <v>46851</v>
      </c>
      <c r="D24709" s="2">
        <v>177537</v>
      </c>
      <c r="E24709" s="1" t="s">
        <v>0</v>
      </c>
    </row>
    <row r="24710" spans="1:5" ht="409.5" x14ac:dyDescent="0.25">
      <c r="A24710" s="4" t="s">
        <v>46852</v>
      </c>
      <c r="B24710" s="1" t="s">
        <v>63055</v>
      </c>
      <c r="C24710" s="1" t="s">
        <v>46853</v>
      </c>
      <c r="D24710" s="2">
        <v>177538</v>
      </c>
      <c r="E24710" s="1" t="s">
        <v>0</v>
      </c>
    </row>
    <row r="24711" spans="1:5" x14ac:dyDescent="0.25">
      <c r="A24711" s="1" t="s">
        <v>46854</v>
      </c>
      <c r="B24711" s="1" t="s">
        <v>56446</v>
      </c>
      <c r="C24711" s="1" t="s">
        <v>46855</v>
      </c>
      <c r="D24711" s="2">
        <v>177539</v>
      </c>
      <c r="E24711" s="1" t="s">
        <v>0</v>
      </c>
    </row>
    <row r="24712" spans="1:5" x14ac:dyDescent="0.25">
      <c r="A24712" s="2">
        <v>4942</v>
      </c>
      <c r="B24712" s="2">
        <v>4942</v>
      </c>
      <c r="C24712" s="1" t="s">
        <v>0</v>
      </c>
      <c r="D24712" s="2">
        <v>177540</v>
      </c>
      <c r="E24712" s="1" t="s">
        <v>0</v>
      </c>
    </row>
    <row r="24713" spans="1:5" x14ac:dyDescent="0.25">
      <c r="A24713" s="1" t="s">
        <v>4489</v>
      </c>
      <c r="B24713" s="1" t="s">
        <v>12179</v>
      </c>
      <c r="C24713" s="1" t="s">
        <v>46856</v>
      </c>
      <c r="D24713" s="2">
        <v>177541</v>
      </c>
      <c r="E24713" s="1" t="s">
        <v>0</v>
      </c>
    </row>
    <row r="24714" spans="1:5" x14ac:dyDescent="0.25">
      <c r="A24714" s="1" t="s">
        <v>46857</v>
      </c>
      <c r="B24714" s="1" t="s">
        <v>56447</v>
      </c>
      <c r="C24714" s="1" t="s">
        <v>46858</v>
      </c>
      <c r="D24714" s="2">
        <v>177542</v>
      </c>
      <c r="E24714" s="1" t="s">
        <v>0</v>
      </c>
    </row>
    <row r="24715" spans="1:5" ht="409.5" x14ac:dyDescent="0.25">
      <c r="A24715" s="4" t="s">
        <v>46859</v>
      </c>
      <c r="B24715" s="1" t="s">
        <v>59696</v>
      </c>
      <c r="C24715" s="1" t="s">
        <v>46860</v>
      </c>
      <c r="D24715" s="2">
        <v>177543</v>
      </c>
      <c r="E24715" s="1" t="s">
        <v>0</v>
      </c>
    </row>
    <row r="24716" spans="1:5" x14ac:dyDescent="0.25">
      <c r="A24716" s="1" t="s">
        <v>46861</v>
      </c>
      <c r="B24716" s="1" t="s">
        <v>56448</v>
      </c>
      <c r="C24716" s="1" t="s">
        <v>13435</v>
      </c>
      <c r="D24716" s="2">
        <v>177544</v>
      </c>
      <c r="E24716" s="1" t="s">
        <v>0</v>
      </c>
    </row>
    <row r="24717" spans="1:5" x14ac:dyDescent="0.25">
      <c r="A24717" s="2">
        <v>4943</v>
      </c>
      <c r="B24717" s="2">
        <v>4943</v>
      </c>
      <c r="C24717" s="1" t="s">
        <v>0</v>
      </c>
      <c r="D24717" s="2">
        <v>177545</v>
      </c>
      <c r="E24717" s="1" t="s">
        <v>0</v>
      </c>
    </row>
    <row r="24718" spans="1:5" x14ac:dyDescent="0.25">
      <c r="A24718" s="1" t="s">
        <v>4490</v>
      </c>
      <c r="B24718" s="1" t="s">
        <v>12180</v>
      </c>
      <c r="C24718" s="1" t="s">
        <v>46862</v>
      </c>
      <c r="D24718" s="2">
        <v>177546</v>
      </c>
      <c r="E24718" s="1" t="s">
        <v>0</v>
      </c>
    </row>
    <row r="24719" spans="1:5" x14ac:dyDescent="0.25">
      <c r="A24719" s="1" t="s">
        <v>46863</v>
      </c>
      <c r="B24719" s="1" t="s">
        <v>12181</v>
      </c>
      <c r="C24719" s="1" t="s">
        <v>46864</v>
      </c>
      <c r="D24719" s="2">
        <v>177547</v>
      </c>
      <c r="E24719" s="1" t="s">
        <v>0</v>
      </c>
    </row>
    <row r="24720" spans="1:5" ht="409.5" x14ac:dyDescent="0.25">
      <c r="A24720" s="4" t="s">
        <v>46865</v>
      </c>
      <c r="B24720" s="1" t="s">
        <v>58026</v>
      </c>
      <c r="C24720" s="1" t="s">
        <v>46866</v>
      </c>
      <c r="D24720" s="2">
        <v>177548</v>
      </c>
      <c r="E24720" s="1" t="s">
        <v>0</v>
      </c>
    </row>
    <row r="24721" spans="1:5" x14ac:dyDescent="0.25">
      <c r="A24721" s="1" t="s">
        <v>46867</v>
      </c>
      <c r="B24721" s="1" t="s">
        <v>12182</v>
      </c>
      <c r="C24721" s="1" t="s">
        <v>46868</v>
      </c>
      <c r="D24721" s="2">
        <v>177549</v>
      </c>
      <c r="E24721" s="1" t="s">
        <v>0</v>
      </c>
    </row>
    <row r="24722" spans="1:5" x14ac:dyDescent="0.25">
      <c r="A24722" s="2">
        <v>4944</v>
      </c>
      <c r="B24722" s="2">
        <v>4944</v>
      </c>
      <c r="C24722" s="1" t="s">
        <v>0</v>
      </c>
      <c r="D24722" s="2">
        <v>177550</v>
      </c>
      <c r="E24722" s="1" t="s">
        <v>0</v>
      </c>
    </row>
    <row r="24723" spans="1:5" x14ac:dyDescent="0.25">
      <c r="A24723" s="1" t="s">
        <v>4491</v>
      </c>
      <c r="B24723" s="1" t="s">
        <v>56449</v>
      </c>
      <c r="C24723" s="1" t="s">
        <v>46869</v>
      </c>
      <c r="D24723" s="2">
        <v>177551</v>
      </c>
      <c r="E24723" s="1" t="s">
        <v>0</v>
      </c>
    </row>
    <row r="24724" spans="1:5" x14ac:dyDescent="0.25">
      <c r="A24724" s="1" t="s">
        <v>46870</v>
      </c>
      <c r="B24724" s="1" t="s">
        <v>56450</v>
      </c>
      <c r="C24724" s="1" t="s">
        <v>46871</v>
      </c>
      <c r="D24724" s="2">
        <v>177552</v>
      </c>
      <c r="E24724" s="1" t="s">
        <v>0</v>
      </c>
    </row>
    <row r="24725" spans="1:5" ht="409.5" x14ac:dyDescent="0.25">
      <c r="A24725" s="4" t="s">
        <v>46872</v>
      </c>
      <c r="B24725" s="1" t="s">
        <v>60307</v>
      </c>
      <c r="C24725" s="1" t="s">
        <v>46873</v>
      </c>
      <c r="D24725" s="2">
        <v>177553</v>
      </c>
      <c r="E24725" s="1" t="s">
        <v>0</v>
      </c>
    </row>
    <row r="24726" spans="1:5" x14ac:dyDescent="0.25">
      <c r="A24726" s="1" t="s">
        <v>46874</v>
      </c>
      <c r="B24726" s="1" t="s">
        <v>56451</v>
      </c>
      <c r="C24726" s="1" t="s">
        <v>46875</v>
      </c>
      <c r="D24726" s="2">
        <v>177554</v>
      </c>
      <c r="E24726" s="1" t="s">
        <v>0</v>
      </c>
    </row>
    <row r="24727" spans="1:5" x14ac:dyDescent="0.25">
      <c r="A24727" s="2">
        <v>4945</v>
      </c>
      <c r="B24727" s="2">
        <v>4945</v>
      </c>
      <c r="C24727" s="1" t="s">
        <v>0</v>
      </c>
      <c r="D24727" s="2">
        <v>177555</v>
      </c>
      <c r="E24727" s="1" t="s">
        <v>0</v>
      </c>
    </row>
    <row r="24728" spans="1:5" x14ac:dyDescent="0.25">
      <c r="A24728" s="1" t="s">
        <v>4492</v>
      </c>
      <c r="B24728" s="1" t="s">
        <v>12183</v>
      </c>
      <c r="C24728" s="1" t="s">
        <v>46876</v>
      </c>
      <c r="D24728" s="2">
        <v>177556</v>
      </c>
      <c r="E24728" s="1" t="s">
        <v>0</v>
      </c>
    </row>
    <row r="24729" spans="1:5" x14ac:dyDescent="0.25">
      <c r="A24729" s="1" t="s">
        <v>46877</v>
      </c>
      <c r="B24729" s="1" t="s">
        <v>58633</v>
      </c>
      <c r="C24729" s="1" t="s">
        <v>46878</v>
      </c>
      <c r="D24729" s="2">
        <v>177557</v>
      </c>
      <c r="E24729" s="1" t="s">
        <v>0</v>
      </c>
    </row>
    <row r="24730" spans="1:5" ht="409.5" x14ac:dyDescent="0.25">
      <c r="A24730" s="4" t="s">
        <v>46879</v>
      </c>
      <c r="B24730" s="1" t="s">
        <v>58634</v>
      </c>
      <c r="C24730" s="1" t="s">
        <v>46880</v>
      </c>
      <c r="D24730" s="2">
        <v>177558</v>
      </c>
      <c r="E24730" s="1" t="s">
        <v>0</v>
      </c>
    </row>
    <row r="24731" spans="1:5" x14ac:dyDescent="0.25">
      <c r="A24731" s="1" t="s">
        <v>46881</v>
      </c>
      <c r="B24731" s="1" t="s">
        <v>58635</v>
      </c>
      <c r="C24731" s="1" t="s">
        <v>46882</v>
      </c>
      <c r="D24731" s="2">
        <v>177559</v>
      </c>
      <c r="E24731" s="1" t="s">
        <v>0</v>
      </c>
    </row>
    <row r="24732" spans="1:5" x14ac:dyDescent="0.25">
      <c r="A24732" s="2">
        <v>4946</v>
      </c>
      <c r="B24732" s="2">
        <v>4946</v>
      </c>
      <c r="C24732" s="1" t="s">
        <v>0</v>
      </c>
      <c r="D24732" s="2">
        <v>177560</v>
      </c>
      <c r="E24732" s="1" t="s">
        <v>0</v>
      </c>
    </row>
    <row r="24733" spans="1:5" x14ac:dyDescent="0.25">
      <c r="A24733" s="1" t="s">
        <v>4493</v>
      </c>
      <c r="B24733" s="1" t="s">
        <v>56452</v>
      </c>
      <c r="C24733" s="1" t="s">
        <v>46883</v>
      </c>
      <c r="D24733" s="2">
        <v>177561</v>
      </c>
      <c r="E24733" s="1" t="s">
        <v>0</v>
      </c>
    </row>
    <row r="24734" spans="1:5" x14ac:dyDescent="0.25">
      <c r="A24734" s="1" t="s">
        <v>46884</v>
      </c>
      <c r="B24734" s="1" t="s">
        <v>58872</v>
      </c>
      <c r="C24734" s="1" t="s">
        <v>46885</v>
      </c>
      <c r="D24734" s="2">
        <v>177562</v>
      </c>
      <c r="E24734" s="1" t="s">
        <v>0</v>
      </c>
    </row>
    <row r="24735" spans="1:5" ht="409.5" x14ac:dyDescent="0.25">
      <c r="A24735" s="4" t="s">
        <v>46886</v>
      </c>
      <c r="B24735" s="1" t="s">
        <v>58873</v>
      </c>
      <c r="C24735" s="1" t="s">
        <v>46887</v>
      </c>
      <c r="D24735" s="2">
        <v>177563</v>
      </c>
      <c r="E24735" s="1" t="s">
        <v>0</v>
      </c>
    </row>
    <row r="24736" spans="1:5" x14ac:dyDescent="0.25">
      <c r="A24736" s="1" t="s">
        <v>46888</v>
      </c>
      <c r="B24736" s="1" t="s">
        <v>61415</v>
      </c>
      <c r="C24736" s="1" t="s">
        <v>46889</v>
      </c>
      <c r="D24736" s="2">
        <v>177564</v>
      </c>
      <c r="E24736" s="1" t="s">
        <v>0</v>
      </c>
    </row>
    <row r="24737" spans="1:5" x14ac:dyDescent="0.25">
      <c r="A24737" s="2">
        <v>4947</v>
      </c>
      <c r="B24737" s="2">
        <v>4947</v>
      </c>
      <c r="C24737" s="1" t="s">
        <v>0</v>
      </c>
      <c r="D24737" s="2">
        <v>177565</v>
      </c>
      <c r="E24737" s="1" t="s">
        <v>0</v>
      </c>
    </row>
    <row r="24738" spans="1:5" x14ac:dyDescent="0.25">
      <c r="A24738" s="1" t="s">
        <v>4494</v>
      </c>
      <c r="B24738" s="1" t="s">
        <v>60308</v>
      </c>
      <c r="C24738" s="1" t="s">
        <v>46890</v>
      </c>
      <c r="D24738" s="2">
        <v>177566</v>
      </c>
      <c r="E24738" s="1" t="s">
        <v>0</v>
      </c>
    </row>
    <row r="24739" spans="1:5" x14ac:dyDescent="0.25">
      <c r="A24739" s="1" t="s">
        <v>46891</v>
      </c>
      <c r="B24739" s="1" t="s">
        <v>12184</v>
      </c>
      <c r="C24739" s="1" t="s">
        <v>46892</v>
      </c>
      <c r="D24739" s="2">
        <v>177567</v>
      </c>
      <c r="E24739" s="1" t="s">
        <v>0</v>
      </c>
    </row>
    <row r="24740" spans="1:5" ht="409.5" x14ac:dyDescent="0.25">
      <c r="A24740" s="4" t="s">
        <v>64392</v>
      </c>
      <c r="B24740" s="1" t="s">
        <v>60309</v>
      </c>
      <c r="C24740" s="1" t="s">
        <v>46893</v>
      </c>
      <c r="D24740" s="2">
        <v>177568</v>
      </c>
      <c r="E24740" s="1" t="s">
        <v>0</v>
      </c>
    </row>
    <row r="24741" spans="1:5" x14ac:dyDescent="0.25">
      <c r="A24741" s="1" t="s">
        <v>46894</v>
      </c>
      <c r="B24741" s="1" t="s">
        <v>56453</v>
      </c>
      <c r="C24741" s="1" t="s">
        <v>46895</v>
      </c>
      <c r="D24741" s="2">
        <v>177569</v>
      </c>
      <c r="E24741" s="1" t="s">
        <v>0</v>
      </c>
    </row>
    <row r="24742" spans="1:5" x14ac:dyDescent="0.25">
      <c r="A24742" s="2">
        <v>4948</v>
      </c>
      <c r="B24742" s="2">
        <v>4948</v>
      </c>
      <c r="C24742" s="1" t="s">
        <v>0</v>
      </c>
      <c r="D24742" s="2">
        <v>177570</v>
      </c>
      <c r="E24742" s="1" t="s">
        <v>0</v>
      </c>
    </row>
    <row r="24743" spans="1:5" x14ac:dyDescent="0.25">
      <c r="A24743" s="1" t="s">
        <v>4495</v>
      </c>
      <c r="B24743" s="1" t="s">
        <v>12185</v>
      </c>
      <c r="C24743" s="1" t="s">
        <v>46896</v>
      </c>
      <c r="D24743" s="2">
        <v>177571</v>
      </c>
      <c r="E24743" s="1" t="s">
        <v>0</v>
      </c>
    </row>
    <row r="24744" spans="1:5" x14ac:dyDescent="0.25">
      <c r="A24744" s="1" t="s">
        <v>46897</v>
      </c>
      <c r="B24744" s="1" t="s">
        <v>12186</v>
      </c>
      <c r="C24744" s="1" t="s">
        <v>46898</v>
      </c>
      <c r="D24744" s="2">
        <v>177572</v>
      </c>
      <c r="E24744" s="1" t="s">
        <v>0</v>
      </c>
    </row>
    <row r="24745" spans="1:5" ht="409.5" x14ac:dyDescent="0.25">
      <c r="A24745" s="4" t="s">
        <v>64393</v>
      </c>
      <c r="B24745" s="1" t="s">
        <v>60310</v>
      </c>
      <c r="C24745" s="1" t="s">
        <v>46899</v>
      </c>
      <c r="D24745" s="2">
        <v>177573</v>
      </c>
      <c r="E24745" s="1" t="s">
        <v>0</v>
      </c>
    </row>
    <row r="24746" spans="1:5" x14ac:dyDescent="0.25">
      <c r="A24746" s="1" t="s">
        <v>46900</v>
      </c>
      <c r="B24746" s="1" t="s">
        <v>12187</v>
      </c>
      <c r="C24746" s="1" t="s">
        <v>46901</v>
      </c>
      <c r="D24746" s="2">
        <v>177574</v>
      </c>
      <c r="E24746" s="1" t="s">
        <v>0</v>
      </c>
    </row>
    <row r="24747" spans="1:5" x14ac:dyDescent="0.25">
      <c r="A24747" s="2">
        <v>4949</v>
      </c>
      <c r="B24747" s="2">
        <v>4949</v>
      </c>
      <c r="C24747" s="1" t="s">
        <v>0</v>
      </c>
      <c r="D24747" s="2">
        <v>177575</v>
      </c>
      <c r="E24747" s="1" t="s">
        <v>0</v>
      </c>
    </row>
    <row r="24748" spans="1:5" x14ac:dyDescent="0.25">
      <c r="A24748" s="1" t="s">
        <v>4496</v>
      </c>
      <c r="B24748" s="1" t="s">
        <v>12188</v>
      </c>
      <c r="C24748" s="1" t="s">
        <v>46902</v>
      </c>
      <c r="D24748" s="2">
        <v>177576</v>
      </c>
      <c r="E24748" s="1" t="s">
        <v>0</v>
      </c>
    </row>
    <row r="24749" spans="1:5" x14ac:dyDescent="0.25">
      <c r="A24749" s="1" t="s">
        <v>46903</v>
      </c>
      <c r="B24749" s="1" t="s">
        <v>56454</v>
      </c>
      <c r="C24749" s="1" t="s">
        <v>46904</v>
      </c>
      <c r="D24749" s="2">
        <v>177577</v>
      </c>
      <c r="E24749" s="1" t="s">
        <v>0</v>
      </c>
    </row>
    <row r="24750" spans="1:5" ht="409.5" x14ac:dyDescent="0.25">
      <c r="A24750" s="4" t="s">
        <v>46905</v>
      </c>
      <c r="B24750" s="1" t="s">
        <v>63540</v>
      </c>
      <c r="C24750" s="1" t="s">
        <v>46906</v>
      </c>
      <c r="D24750" s="2">
        <v>177578</v>
      </c>
      <c r="E24750" s="1" t="s">
        <v>0</v>
      </c>
    </row>
    <row r="24751" spans="1:5" x14ac:dyDescent="0.25">
      <c r="A24751" s="1" t="s">
        <v>46907</v>
      </c>
      <c r="B24751" s="1" t="s">
        <v>61416</v>
      </c>
      <c r="C24751" s="1" t="s">
        <v>46908</v>
      </c>
      <c r="D24751" s="2">
        <v>177579</v>
      </c>
      <c r="E24751" s="1" t="s">
        <v>0</v>
      </c>
    </row>
    <row r="24752" spans="1:5" x14ac:dyDescent="0.25">
      <c r="A24752" s="2">
        <v>4950</v>
      </c>
      <c r="B24752" s="2">
        <v>4950</v>
      </c>
      <c r="C24752" s="1" t="s">
        <v>0</v>
      </c>
      <c r="D24752" s="2">
        <v>177580</v>
      </c>
      <c r="E24752" s="1" t="s">
        <v>0</v>
      </c>
    </row>
    <row r="24753" spans="1:5" x14ac:dyDescent="0.25">
      <c r="A24753" s="1" t="s">
        <v>4497</v>
      </c>
      <c r="B24753" s="1" t="s">
        <v>12189</v>
      </c>
      <c r="C24753" s="1" t="s">
        <v>46909</v>
      </c>
      <c r="D24753" s="2">
        <v>177581</v>
      </c>
      <c r="E24753" s="1" t="s">
        <v>0</v>
      </c>
    </row>
    <row r="24754" spans="1:5" x14ac:dyDescent="0.25">
      <c r="A24754" s="1" t="s">
        <v>46910</v>
      </c>
      <c r="B24754" s="1" t="s">
        <v>63837</v>
      </c>
      <c r="C24754" s="1" t="s">
        <v>46911</v>
      </c>
      <c r="D24754" s="2">
        <v>177582</v>
      </c>
      <c r="E24754" s="1" t="s">
        <v>0</v>
      </c>
    </row>
    <row r="24755" spans="1:5" ht="409.5" x14ac:dyDescent="0.25">
      <c r="A24755" s="4" t="s">
        <v>46912</v>
      </c>
      <c r="B24755" s="1" t="s">
        <v>63838</v>
      </c>
      <c r="C24755" s="1" t="s">
        <v>46913</v>
      </c>
      <c r="D24755" s="2">
        <v>177583</v>
      </c>
      <c r="E24755" s="1" t="s">
        <v>0</v>
      </c>
    </row>
    <row r="24756" spans="1:5" x14ac:dyDescent="0.25">
      <c r="A24756" s="1" t="s">
        <v>23597</v>
      </c>
      <c r="B24756" s="1" t="s">
        <v>61029</v>
      </c>
      <c r="C24756" s="1" t="s">
        <v>23598</v>
      </c>
      <c r="D24756" s="2">
        <v>177584</v>
      </c>
      <c r="E24756" s="1" t="s">
        <v>0</v>
      </c>
    </row>
    <row r="24757" spans="1:5" x14ac:dyDescent="0.25">
      <c r="A24757" s="2">
        <v>4951</v>
      </c>
      <c r="B24757" s="2">
        <v>4951</v>
      </c>
      <c r="C24757" s="1" t="s">
        <v>0</v>
      </c>
      <c r="D24757" s="2">
        <v>177585</v>
      </c>
      <c r="E24757" s="1" t="s">
        <v>0</v>
      </c>
    </row>
    <row r="24758" spans="1:5" x14ac:dyDescent="0.25">
      <c r="A24758" s="1" t="s">
        <v>4498</v>
      </c>
      <c r="B24758" s="1" t="s">
        <v>12190</v>
      </c>
      <c r="C24758" s="1" t="s">
        <v>46914</v>
      </c>
      <c r="D24758" s="2">
        <v>177586</v>
      </c>
      <c r="E24758" s="1" t="s">
        <v>0</v>
      </c>
    </row>
    <row r="24759" spans="1:5" x14ac:dyDescent="0.25">
      <c r="A24759" s="1" t="s">
        <v>46915</v>
      </c>
      <c r="B24759" s="1" t="s">
        <v>56455</v>
      </c>
      <c r="C24759" s="1" t="s">
        <v>46916</v>
      </c>
      <c r="D24759" s="2">
        <v>177587</v>
      </c>
      <c r="E24759" s="1" t="s">
        <v>0</v>
      </c>
    </row>
    <row r="24760" spans="1:5" ht="409.5" x14ac:dyDescent="0.25">
      <c r="A24760" s="4" t="s">
        <v>46917</v>
      </c>
      <c r="B24760" s="1" t="s">
        <v>56456</v>
      </c>
      <c r="C24760" s="1" t="s">
        <v>46918</v>
      </c>
      <c r="D24760" s="2">
        <v>177588</v>
      </c>
      <c r="E24760" s="1" t="s">
        <v>0</v>
      </c>
    </row>
    <row r="24761" spans="1:5" x14ac:dyDescent="0.25">
      <c r="A24761" s="1" t="s">
        <v>46919</v>
      </c>
      <c r="B24761" s="1" t="s">
        <v>57345</v>
      </c>
      <c r="C24761" s="1" t="s">
        <v>46920</v>
      </c>
      <c r="D24761" s="2">
        <v>177589</v>
      </c>
      <c r="E24761" s="1" t="s">
        <v>0</v>
      </c>
    </row>
    <row r="24762" spans="1:5" x14ac:dyDescent="0.25">
      <c r="A24762" s="2">
        <v>4952</v>
      </c>
      <c r="B24762" s="2">
        <v>4952</v>
      </c>
      <c r="C24762" s="1" t="s">
        <v>0</v>
      </c>
      <c r="D24762" s="2">
        <v>177590</v>
      </c>
      <c r="E24762" s="1" t="s">
        <v>0</v>
      </c>
    </row>
    <row r="24763" spans="1:5" x14ac:dyDescent="0.25">
      <c r="A24763" s="1" t="s">
        <v>4499</v>
      </c>
      <c r="B24763" s="1" t="s">
        <v>12191</v>
      </c>
      <c r="C24763" s="1" t="s">
        <v>46921</v>
      </c>
      <c r="D24763" s="2">
        <v>177591</v>
      </c>
      <c r="E24763" s="1" t="s">
        <v>0</v>
      </c>
    </row>
    <row r="24764" spans="1:5" x14ac:dyDescent="0.25">
      <c r="A24764" s="1" t="s">
        <v>46922</v>
      </c>
      <c r="B24764" s="1" t="s">
        <v>60311</v>
      </c>
      <c r="C24764" s="1" t="s">
        <v>46923</v>
      </c>
      <c r="D24764" s="2">
        <v>177592</v>
      </c>
      <c r="E24764" s="1" t="s">
        <v>0</v>
      </c>
    </row>
    <row r="24765" spans="1:5" ht="409.5" x14ac:dyDescent="0.25">
      <c r="A24765" s="4" t="s">
        <v>64394</v>
      </c>
      <c r="B24765" s="1" t="s">
        <v>61536</v>
      </c>
      <c r="C24765" s="1" t="s">
        <v>46924</v>
      </c>
      <c r="D24765" s="2">
        <v>177593</v>
      </c>
      <c r="E24765" s="1" t="s">
        <v>0</v>
      </c>
    </row>
    <row r="24766" spans="1:5" x14ac:dyDescent="0.25">
      <c r="A24766" s="1" t="s">
        <v>46925</v>
      </c>
      <c r="B24766" s="1" t="s">
        <v>56457</v>
      </c>
      <c r="C24766" s="1" t="s">
        <v>46926</v>
      </c>
      <c r="D24766" s="2">
        <v>177594</v>
      </c>
      <c r="E24766" s="1" t="s">
        <v>0</v>
      </c>
    </row>
    <row r="24767" spans="1:5" x14ac:dyDescent="0.25">
      <c r="A24767" s="2">
        <v>4953</v>
      </c>
      <c r="B24767" s="2">
        <v>4953</v>
      </c>
      <c r="C24767" s="1" t="s">
        <v>0</v>
      </c>
      <c r="D24767" s="2">
        <v>177595</v>
      </c>
      <c r="E24767" s="1" t="s">
        <v>0</v>
      </c>
    </row>
    <row r="24768" spans="1:5" x14ac:dyDescent="0.25">
      <c r="A24768" s="1" t="s">
        <v>4500</v>
      </c>
      <c r="B24768" s="1" t="s">
        <v>58636</v>
      </c>
      <c r="C24768" s="1" t="s">
        <v>46927</v>
      </c>
      <c r="D24768" s="2">
        <v>177596</v>
      </c>
      <c r="E24768" s="1" t="s">
        <v>0</v>
      </c>
    </row>
    <row r="24769" spans="1:5" x14ac:dyDescent="0.25">
      <c r="A24769" s="1" t="s">
        <v>46928</v>
      </c>
      <c r="B24769" s="1" t="s">
        <v>58637</v>
      </c>
      <c r="C24769" s="1" t="s">
        <v>46929</v>
      </c>
      <c r="D24769" s="2">
        <v>177597</v>
      </c>
      <c r="E24769" s="1" t="s">
        <v>0</v>
      </c>
    </row>
    <row r="24770" spans="1:5" ht="409.5" x14ac:dyDescent="0.25">
      <c r="A24770" s="4" t="s">
        <v>46930</v>
      </c>
      <c r="B24770" s="1" t="s">
        <v>58638</v>
      </c>
      <c r="C24770" s="1" t="s">
        <v>46931</v>
      </c>
      <c r="D24770" s="2">
        <v>177598</v>
      </c>
      <c r="E24770" s="1" t="s">
        <v>0</v>
      </c>
    </row>
    <row r="24771" spans="1:5" x14ac:dyDescent="0.25">
      <c r="A24771" s="1" t="s">
        <v>46932</v>
      </c>
      <c r="B24771" s="1" t="s">
        <v>56458</v>
      </c>
      <c r="C24771" s="1" t="s">
        <v>46933</v>
      </c>
      <c r="D24771" s="2">
        <v>177599</v>
      </c>
      <c r="E24771" s="1" t="s">
        <v>0</v>
      </c>
    </row>
    <row r="24772" spans="1:5" x14ac:dyDescent="0.25">
      <c r="A24772" s="2">
        <v>4954</v>
      </c>
      <c r="B24772" s="2">
        <v>4954</v>
      </c>
      <c r="C24772" s="1" t="s">
        <v>0</v>
      </c>
      <c r="D24772" s="2">
        <v>177600</v>
      </c>
      <c r="E24772" s="1" t="s">
        <v>0</v>
      </c>
    </row>
    <row r="24773" spans="1:5" x14ac:dyDescent="0.25">
      <c r="A24773" s="1" t="s">
        <v>4501</v>
      </c>
      <c r="B24773" s="1" t="s">
        <v>51091</v>
      </c>
      <c r="C24773" s="1" t="s">
        <v>46934</v>
      </c>
      <c r="D24773" s="2">
        <v>177601</v>
      </c>
      <c r="E24773" s="1" t="s">
        <v>0</v>
      </c>
    </row>
    <row r="24774" spans="1:5" x14ac:dyDescent="0.25">
      <c r="A24774" s="1" t="s">
        <v>46935</v>
      </c>
      <c r="B24774" s="1" t="s">
        <v>59697</v>
      </c>
      <c r="C24774" s="1" t="s">
        <v>46936</v>
      </c>
      <c r="D24774" s="2">
        <v>177602</v>
      </c>
      <c r="E24774" s="1" t="s">
        <v>0</v>
      </c>
    </row>
    <row r="24775" spans="1:5" ht="409.5" x14ac:dyDescent="0.25">
      <c r="A24775" s="4" t="s">
        <v>46937</v>
      </c>
      <c r="B24775" s="1" t="s">
        <v>59698</v>
      </c>
      <c r="C24775" s="1" t="s">
        <v>46938</v>
      </c>
      <c r="D24775" s="2">
        <v>177603</v>
      </c>
      <c r="E24775" s="1" t="s">
        <v>0</v>
      </c>
    </row>
    <row r="24776" spans="1:5" x14ac:dyDescent="0.25">
      <c r="A24776" s="1" t="s">
        <v>13413</v>
      </c>
      <c r="B24776" s="1" t="s">
        <v>60845</v>
      </c>
      <c r="C24776" s="1" t="s">
        <v>13414</v>
      </c>
      <c r="D24776" s="2">
        <v>177604</v>
      </c>
      <c r="E24776" s="1" t="s">
        <v>0</v>
      </c>
    </row>
    <row r="24777" spans="1:5" x14ac:dyDescent="0.25">
      <c r="A24777" s="2">
        <v>4955</v>
      </c>
      <c r="B24777" s="2">
        <v>4955</v>
      </c>
      <c r="C24777" s="1" t="s">
        <v>0</v>
      </c>
      <c r="D24777" s="2">
        <v>177605</v>
      </c>
      <c r="E24777" s="1" t="s">
        <v>0</v>
      </c>
    </row>
    <row r="24778" spans="1:5" x14ac:dyDescent="0.25">
      <c r="A24778" s="1" t="s">
        <v>4502</v>
      </c>
      <c r="B24778" s="1" t="s">
        <v>51092</v>
      </c>
      <c r="C24778" s="1" t="s">
        <v>46939</v>
      </c>
      <c r="D24778" s="2">
        <v>177606</v>
      </c>
      <c r="E24778" s="1" t="s">
        <v>0</v>
      </c>
    </row>
    <row r="24779" spans="1:5" x14ac:dyDescent="0.25">
      <c r="A24779" s="1" t="s">
        <v>46940</v>
      </c>
      <c r="B24779" s="1" t="s">
        <v>56459</v>
      </c>
      <c r="C24779" s="1" t="s">
        <v>46941</v>
      </c>
      <c r="D24779" s="2">
        <v>177607</v>
      </c>
      <c r="E24779" s="1" t="s">
        <v>0</v>
      </c>
    </row>
    <row r="24780" spans="1:5" ht="409.5" x14ac:dyDescent="0.25">
      <c r="A24780" s="4" t="s">
        <v>64395</v>
      </c>
      <c r="B24780" s="1" t="s">
        <v>58027</v>
      </c>
      <c r="C24780" s="1" t="s">
        <v>46942</v>
      </c>
      <c r="D24780" s="2">
        <v>177608</v>
      </c>
      <c r="E24780" s="1" t="s">
        <v>0</v>
      </c>
    </row>
    <row r="24781" spans="1:5" x14ac:dyDescent="0.25">
      <c r="A24781" s="1" t="s">
        <v>46943</v>
      </c>
      <c r="B24781" s="1" t="s">
        <v>61417</v>
      </c>
      <c r="C24781" s="1" t="s">
        <v>46944</v>
      </c>
      <c r="D24781" s="2">
        <v>177609</v>
      </c>
      <c r="E24781" s="1" t="s">
        <v>0</v>
      </c>
    </row>
    <row r="24782" spans="1:5" x14ac:dyDescent="0.25">
      <c r="A24782" s="2">
        <v>4956</v>
      </c>
      <c r="B24782" s="2">
        <v>4956</v>
      </c>
      <c r="C24782" s="1" t="s">
        <v>0</v>
      </c>
      <c r="D24782" s="2">
        <v>177610</v>
      </c>
      <c r="E24782" s="1" t="s">
        <v>0</v>
      </c>
    </row>
    <row r="24783" spans="1:5" x14ac:dyDescent="0.25">
      <c r="A24783" s="1" t="s">
        <v>4503</v>
      </c>
      <c r="B24783" s="1" t="s">
        <v>12192</v>
      </c>
      <c r="C24783" s="1" t="s">
        <v>46945</v>
      </c>
      <c r="D24783" s="2">
        <v>177611</v>
      </c>
      <c r="E24783" s="1" t="s">
        <v>0</v>
      </c>
    </row>
    <row r="24784" spans="1:5" x14ac:dyDescent="0.25">
      <c r="A24784" s="1" t="s">
        <v>46946</v>
      </c>
      <c r="B24784" s="1" t="s">
        <v>56460</v>
      </c>
      <c r="C24784" s="1" t="s">
        <v>46947</v>
      </c>
      <c r="D24784" s="2">
        <v>177612</v>
      </c>
      <c r="E24784" s="1" t="s">
        <v>0</v>
      </c>
    </row>
    <row r="24785" spans="1:5" ht="409.5" x14ac:dyDescent="0.25">
      <c r="A24785" s="4" t="s">
        <v>46948</v>
      </c>
      <c r="B24785" s="1" t="s">
        <v>56461</v>
      </c>
      <c r="C24785" s="1" t="s">
        <v>46949</v>
      </c>
      <c r="D24785" s="2">
        <v>177613</v>
      </c>
      <c r="E24785" s="1" t="s">
        <v>0</v>
      </c>
    </row>
    <row r="24786" spans="1:5" x14ac:dyDescent="0.25">
      <c r="A24786" s="1" t="s">
        <v>46950</v>
      </c>
      <c r="B24786" s="1" t="s">
        <v>61418</v>
      </c>
      <c r="C24786" s="1" t="s">
        <v>46951</v>
      </c>
      <c r="D24786" s="2">
        <v>177614</v>
      </c>
      <c r="E24786" s="1" t="s">
        <v>0</v>
      </c>
    </row>
    <row r="24787" spans="1:5" x14ac:dyDescent="0.25">
      <c r="A24787" s="2">
        <v>4957</v>
      </c>
      <c r="B24787" s="2">
        <v>4957</v>
      </c>
      <c r="C24787" s="1" t="s">
        <v>0</v>
      </c>
      <c r="D24787" s="2">
        <v>177615</v>
      </c>
      <c r="E24787" s="1" t="s">
        <v>0</v>
      </c>
    </row>
    <row r="24788" spans="1:5" x14ac:dyDescent="0.25">
      <c r="A24788" s="1" t="s">
        <v>4504</v>
      </c>
      <c r="B24788" s="1" t="s">
        <v>59699</v>
      </c>
      <c r="C24788" s="1" t="s">
        <v>46952</v>
      </c>
      <c r="D24788" s="2">
        <v>177616</v>
      </c>
      <c r="E24788" s="1" t="s">
        <v>0</v>
      </c>
    </row>
    <row r="24789" spans="1:5" x14ac:dyDescent="0.25">
      <c r="A24789" s="1" t="s">
        <v>46953</v>
      </c>
      <c r="B24789" s="1" t="s">
        <v>63056</v>
      </c>
      <c r="C24789" s="1" t="s">
        <v>46954</v>
      </c>
      <c r="D24789" s="2">
        <v>177617</v>
      </c>
      <c r="E24789" s="1" t="s">
        <v>0</v>
      </c>
    </row>
    <row r="24790" spans="1:5" ht="409.5" x14ac:dyDescent="0.25">
      <c r="A24790" s="4" t="s">
        <v>46955</v>
      </c>
      <c r="B24790" s="1" t="s">
        <v>63057</v>
      </c>
      <c r="C24790" s="1" t="s">
        <v>46956</v>
      </c>
      <c r="D24790" s="2">
        <v>177618</v>
      </c>
      <c r="E24790" s="1" t="s">
        <v>0</v>
      </c>
    </row>
    <row r="24791" spans="1:5" x14ac:dyDescent="0.25">
      <c r="A24791" s="1" t="s">
        <v>46957</v>
      </c>
      <c r="B24791" s="1" t="s">
        <v>12193</v>
      </c>
      <c r="C24791" s="1" t="s">
        <v>46958</v>
      </c>
      <c r="D24791" s="2">
        <v>177619</v>
      </c>
      <c r="E24791" s="1" t="s">
        <v>0</v>
      </c>
    </row>
    <row r="24792" spans="1:5" x14ac:dyDescent="0.25">
      <c r="A24792" s="2">
        <v>4958</v>
      </c>
      <c r="B24792" s="2">
        <v>4958</v>
      </c>
      <c r="C24792" s="1" t="s">
        <v>0</v>
      </c>
      <c r="D24792" s="2">
        <v>177620</v>
      </c>
      <c r="E24792" s="1" t="s">
        <v>0</v>
      </c>
    </row>
    <row r="24793" spans="1:5" x14ac:dyDescent="0.25">
      <c r="A24793" s="1" t="s">
        <v>4505</v>
      </c>
      <c r="B24793" s="1" t="s">
        <v>12194</v>
      </c>
      <c r="C24793" s="1" t="s">
        <v>46959</v>
      </c>
      <c r="D24793" s="2">
        <v>177621</v>
      </c>
      <c r="E24793" s="1" t="s">
        <v>0</v>
      </c>
    </row>
    <row r="24794" spans="1:5" x14ac:dyDescent="0.25">
      <c r="A24794" s="1" t="s">
        <v>46960</v>
      </c>
      <c r="B24794" s="1" t="s">
        <v>56462</v>
      </c>
      <c r="C24794" s="1" t="s">
        <v>46961</v>
      </c>
      <c r="D24794" s="2">
        <v>177622</v>
      </c>
      <c r="E24794" s="1" t="s">
        <v>0</v>
      </c>
    </row>
    <row r="24795" spans="1:5" ht="409.5" x14ac:dyDescent="0.25">
      <c r="A24795" s="4" t="s">
        <v>46962</v>
      </c>
      <c r="B24795" s="1" t="s">
        <v>56463</v>
      </c>
      <c r="C24795" s="1" t="s">
        <v>46963</v>
      </c>
      <c r="D24795" s="2">
        <v>177623</v>
      </c>
      <c r="E24795" s="1" t="s">
        <v>0</v>
      </c>
    </row>
    <row r="24796" spans="1:5" x14ac:dyDescent="0.25">
      <c r="A24796" s="1" t="s">
        <v>46964</v>
      </c>
      <c r="B24796" s="1" t="s">
        <v>57346</v>
      </c>
      <c r="C24796" s="1" t="s">
        <v>46965</v>
      </c>
      <c r="D24796" s="2">
        <v>177624</v>
      </c>
      <c r="E24796" s="1" t="s">
        <v>0</v>
      </c>
    </row>
    <row r="24797" spans="1:5" x14ac:dyDescent="0.25">
      <c r="A24797" s="2">
        <v>4959</v>
      </c>
      <c r="B24797" s="2">
        <v>4959</v>
      </c>
      <c r="C24797" s="1" t="s">
        <v>0</v>
      </c>
      <c r="D24797" s="2">
        <v>177625</v>
      </c>
      <c r="E24797" s="1" t="s">
        <v>0</v>
      </c>
    </row>
    <row r="24798" spans="1:5" x14ac:dyDescent="0.25">
      <c r="A24798" s="1" t="s">
        <v>4506</v>
      </c>
      <c r="B24798" s="1" t="s">
        <v>51093</v>
      </c>
      <c r="C24798" s="1" t="s">
        <v>46966</v>
      </c>
      <c r="D24798" s="2">
        <v>177626</v>
      </c>
      <c r="E24798" s="1" t="s">
        <v>0</v>
      </c>
    </row>
    <row r="24799" spans="1:5" x14ac:dyDescent="0.25">
      <c r="A24799" s="1" t="s">
        <v>46967</v>
      </c>
      <c r="B24799" s="1" t="s">
        <v>56464</v>
      </c>
      <c r="C24799" s="1" t="s">
        <v>46968</v>
      </c>
      <c r="D24799" s="2">
        <v>177627</v>
      </c>
      <c r="E24799" s="1" t="s">
        <v>0</v>
      </c>
    </row>
    <row r="24800" spans="1:5" ht="409.5" x14ac:dyDescent="0.25">
      <c r="A24800" s="4" t="s">
        <v>64396</v>
      </c>
      <c r="B24800" s="1" t="s">
        <v>56465</v>
      </c>
      <c r="C24800" s="1" t="s">
        <v>46969</v>
      </c>
      <c r="D24800" s="2">
        <v>177628</v>
      </c>
      <c r="E24800" s="1" t="s">
        <v>0</v>
      </c>
    </row>
    <row r="24801" spans="1:5" x14ac:dyDescent="0.25">
      <c r="A24801" s="1" t="s">
        <v>46970</v>
      </c>
      <c r="B24801" s="1" t="s">
        <v>56466</v>
      </c>
      <c r="C24801" s="1" t="s">
        <v>46971</v>
      </c>
      <c r="D24801" s="2">
        <v>177629</v>
      </c>
      <c r="E24801" s="1" t="s">
        <v>0</v>
      </c>
    </row>
    <row r="24802" spans="1:5" x14ac:dyDescent="0.25">
      <c r="A24802" s="2">
        <v>4960</v>
      </c>
      <c r="B24802" s="2">
        <v>4960</v>
      </c>
      <c r="C24802" s="1" t="s">
        <v>0</v>
      </c>
      <c r="D24802" s="2">
        <v>177630</v>
      </c>
      <c r="E24802" s="1" t="s">
        <v>0</v>
      </c>
    </row>
    <row r="24803" spans="1:5" x14ac:dyDescent="0.25">
      <c r="A24803" s="1" t="s">
        <v>4507</v>
      </c>
      <c r="B24803" s="1" t="s">
        <v>12195</v>
      </c>
      <c r="C24803" s="1" t="s">
        <v>46972</v>
      </c>
      <c r="D24803" s="2">
        <v>177631</v>
      </c>
      <c r="E24803" s="1" t="s">
        <v>0</v>
      </c>
    </row>
    <row r="24804" spans="1:5" x14ac:dyDescent="0.25">
      <c r="A24804" s="1" t="s">
        <v>46973</v>
      </c>
      <c r="B24804" s="1" t="s">
        <v>56467</v>
      </c>
      <c r="C24804" s="1" t="s">
        <v>46974</v>
      </c>
      <c r="D24804" s="2">
        <v>177632</v>
      </c>
      <c r="E24804" s="1" t="s">
        <v>0</v>
      </c>
    </row>
    <row r="24805" spans="1:5" ht="409.5" x14ac:dyDescent="0.25">
      <c r="A24805" s="4" t="s">
        <v>46975</v>
      </c>
      <c r="B24805" s="1" t="s">
        <v>56468</v>
      </c>
      <c r="C24805" s="1" t="s">
        <v>46976</v>
      </c>
      <c r="D24805" s="2">
        <v>177633</v>
      </c>
      <c r="E24805" s="1" t="s">
        <v>0</v>
      </c>
    </row>
    <row r="24806" spans="1:5" x14ac:dyDescent="0.25">
      <c r="A24806" s="1" t="s">
        <v>46977</v>
      </c>
      <c r="B24806" s="1" t="s">
        <v>12196</v>
      </c>
      <c r="C24806" s="1" t="s">
        <v>46978</v>
      </c>
      <c r="D24806" s="2">
        <v>177634</v>
      </c>
      <c r="E24806" s="1" t="s">
        <v>0</v>
      </c>
    </row>
    <row r="24807" spans="1:5" x14ac:dyDescent="0.25">
      <c r="A24807" s="2">
        <v>4961</v>
      </c>
      <c r="B24807" s="2">
        <v>4961</v>
      </c>
      <c r="C24807" s="1" t="s">
        <v>0</v>
      </c>
      <c r="D24807" s="2">
        <v>177635</v>
      </c>
      <c r="E24807" s="1" t="s">
        <v>0</v>
      </c>
    </row>
    <row r="24808" spans="1:5" x14ac:dyDescent="0.25">
      <c r="A24808" s="1" t="s">
        <v>4508</v>
      </c>
      <c r="B24808" s="1" t="s">
        <v>12197</v>
      </c>
      <c r="C24808" s="1" t="s">
        <v>46979</v>
      </c>
      <c r="D24808" s="2">
        <v>177636</v>
      </c>
      <c r="E24808" s="1" t="s">
        <v>0</v>
      </c>
    </row>
    <row r="24809" spans="1:5" x14ac:dyDescent="0.25">
      <c r="A24809" s="1" t="s">
        <v>46980</v>
      </c>
      <c r="B24809" s="1" t="s">
        <v>12198</v>
      </c>
      <c r="C24809" s="1" t="s">
        <v>46981</v>
      </c>
      <c r="D24809" s="2">
        <v>177637</v>
      </c>
      <c r="E24809" s="1" t="s">
        <v>0</v>
      </c>
    </row>
    <row r="24810" spans="1:5" ht="409.5" x14ac:dyDescent="0.25">
      <c r="A24810" s="4" t="s">
        <v>46982</v>
      </c>
      <c r="B24810" s="1" t="s">
        <v>56469</v>
      </c>
      <c r="C24810" s="1" t="s">
        <v>46983</v>
      </c>
      <c r="D24810" s="2">
        <v>177638</v>
      </c>
      <c r="E24810" s="1" t="s">
        <v>0</v>
      </c>
    </row>
    <row r="24811" spans="1:5" x14ac:dyDescent="0.25">
      <c r="A24811" s="1" t="s">
        <v>46984</v>
      </c>
      <c r="B24811" s="1" t="s">
        <v>12199</v>
      </c>
      <c r="C24811" s="1" t="s">
        <v>46985</v>
      </c>
      <c r="D24811" s="2">
        <v>177639</v>
      </c>
      <c r="E24811" s="1" t="s">
        <v>0</v>
      </c>
    </row>
    <row r="24812" spans="1:5" x14ac:dyDescent="0.25">
      <c r="A24812" s="2">
        <v>4962</v>
      </c>
      <c r="B24812" s="2">
        <v>4962</v>
      </c>
      <c r="C24812" s="1" t="s">
        <v>0</v>
      </c>
      <c r="D24812" s="2">
        <v>177640</v>
      </c>
      <c r="E24812" s="1" t="s">
        <v>0</v>
      </c>
    </row>
    <row r="24813" spans="1:5" x14ac:dyDescent="0.25">
      <c r="A24813" s="1" t="s">
        <v>4509</v>
      </c>
      <c r="B24813" s="1" t="s">
        <v>12200</v>
      </c>
      <c r="C24813" s="1" t="s">
        <v>46986</v>
      </c>
      <c r="D24813" s="2">
        <v>177641</v>
      </c>
      <c r="E24813" s="1" t="s">
        <v>0</v>
      </c>
    </row>
    <row r="24814" spans="1:5" x14ac:dyDescent="0.25">
      <c r="A24814" s="1" t="s">
        <v>46987</v>
      </c>
      <c r="B24814" s="1" t="s">
        <v>56885</v>
      </c>
      <c r="C24814" s="1" t="s">
        <v>46988</v>
      </c>
      <c r="D24814" s="2">
        <v>177642</v>
      </c>
      <c r="E24814" s="1" t="s">
        <v>0</v>
      </c>
    </row>
    <row r="24815" spans="1:5" ht="409.5" x14ac:dyDescent="0.25">
      <c r="A24815" s="4" t="s">
        <v>46989</v>
      </c>
      <c r="B24815" s="1" t="s">
        <v>56886</v>
      </c>
      <c r="C24815" s="1" t="s">
        <v>46990</v>
      </c>
      <c r="D24815" s="2">
        <v>177643</v>
      </c>
      <c r="E24815" s="1" t="s">
        <v>0</v>
      </c>
    </row>
    <row r="24816" spans="1:5" x14ac:dyDescent="0.25">
      <c r="A24816" s="1" t="s">
        <v>46991</v>
      </c>
      <c r="B24816" s="1" t="s">
        <v>56470</v>
      </c>
      <c r="C24816" s="1" t="s">
        <v>46992</v>
      </c>
      <c r="D24816" s="2">
        <v>177644</v>
      </c>
      <c r="E24816" s="1" t="s">
        <v>0</v>
      </c>
    </row>
    <row r="24817" spans="1:5" x14ac:dyDescent="0.25">
      <c r="A24817" s="2">
        <v>4963</v>
      </c>
      <c r="B24817" s="2">
        <v>4963</v>
      </c>
      <c r="C24817" s="1" t="s">
        <v>0</v>
      </c>
      <c r="D24817" s="2">
        <v>177645</v>
      </c>
      <c r="E24817" s="1" t="s">
        <v>0</v>
      </c>
    </row>
    <row r="24818" spans="1:5" x14ac:dyDescent="0.25">
      <c r="A24818" s="1" t="s">
        <v>12201</v>
      </c>
      <c r="B24818" s="1" t="s">
        <v>12202</v>
      </c>
      <c r="C24818" s="1" t="s">
        <v>46993</v>
      </c>
      <c r="D24818" s="2">
        <v>177646</v>
      </c>
      <c r="E24818" s="1" t="s">
        <v>0</v>
      </c>
    </row>
    <row r="24819" spans="1:5" x14ac:dyDescent="0.25">
      <c r="A24819" s="1" t="s">
        <v>46994</v>
      </c>
      <c r="B24819" s="1" t="s">
        <v>60312</v>
      </c>
      <c r="C24819" s="1" t="s">
        <v>46995</v>
      </c>
      <c r="D24819" s="2">
        <v>177647</v>
      </c>
      <c r="E24819" s="1" t="s">
        <v>0</v>
      </c>
    </row>
    <row r="24820" spans="1:5" ht="409.5" x14ac:dyDescent="0.25">
      <c r="A24820" s="4" t="s">
        <v>46996</v>
      </c>
      <c r="B24820" s="1" t="s">
        <v>60313</v>
      </c>
      <c r="C24820" s="1" t="s">
        <v>46997</v>
      </c>
      <c r="D24820" s="2">
        <v>177648</v>
      </c>
      <c r="E24820" s="1" t="s">
        <v>0</v>
      </c>
    </row>
    <row r="24821" spans="1:5" x14ac:dyDescent="0.25">
      <c r="A24821" s="1" t="s">
        <v>46998</v>
      </c>
      <c r="B24821" s="1" t="s">
        <v>56471</v>
      </c>
      <c r="C24821" s="1" t="s">
        <v>46999</v>
      </c>
      <c r="D24821" s="2">
        <v>177649</v>
      </c>
      <c r="E24821" s="1" t="s">
        <v>0</v>
      </c>
    </row>
    <row r="24822" spans="1:5" x14ac:dyDescent="0.25">
      <c r="A24822" s="2">
        <v>4964</v>
      </c>
      <c r="B24822" s="2">
        <v>4964</v>
      </c>
      <c r="C24822" s="1" t="s">
        <v>0</v>
      </c>
      <c r="D24822" s="2">
        <v>177650</v>
      </c>
      <c r="E24822" s="1" t="s">
        <v>0</v>
      </c>
    </row>
    <row r="24823" spans="1:5" x14ac:dyDescent="0.25">
      <c r="A24823" s="1" t="s">
        <v>4510</v>
      </c>
      <c r="B24823" s="1" t="s">
        <v>12203</v>
      </c>
      <c r="C24823" s="1" t="s">
        <v>47000</v>
      </c>
      <c r="D24823" s="2">
        <v>177651</v>
      </c>
      <c r="E24823" s="1" t="s">
        <v>0</v>
      </c>
    </row>
    <row r="24824" spans="1:5" x14ac:dyDescent="0.25">
      <c r="A24824" s="1" t="s">
        <v>47001</v>
      </c>
      <c r="B24824" s="1" t="s">
        <v>56472</v>
      </c>
      <c r="C24824" s="1" t="s">
        <v>47002</v>
      </c>
      <c r="D24824" s="2">
        <v>177652</v>
      </c>
      <c r="E24824" s="1" t="s">
        <v>0</v>
      </c>
    </row>
    <row r="24825" spans="1:5" ht="409.5" x14ac:dyDescent="0.25">
      <c r="A24825" s="4" t="s">
        <v>47003</v>
      </c>
      <c r="B24825" s="1" t="s">
        <v>56473</v>
      </c>
      <c r="C24825" s="1" t="s">
        <v>47004</v>
      </c>
      <c r="D24825" s="2">
        <v>177653</v>
      </c>
      <c r="E24825" s="1" t="s">
        <v>0</v>
      </c>
    </row>
    <row r="24826" spans="1:5" x14ac:dyDescent="0.25">
      <c r="A24826" s="1" t="s">
        <v>47005</v>
      </c>
      <c r="B24826" s="1" t="s">
        <v>61419</v>
      </c>
      <c r="C24826" s="1" t="s">
        <v>47006</v>
      </c>
      <c r="D24826" s="2">
        <v>177654</v>
      </c>
      <c r="E24826" s="1" t="s">
        <v>0</v>
      </c>
    </row>
    <row r="24827" spans="1:5" x14ac:dyDescent="0.25">
      <c r="A24827" s="2">
        <v>4965</v>
      </c>
      <c r="B24827" s="2">
        <v>4965</v>
      </c>
      <c r="C24827" s="1" t="s">
        <v>0</v>
      </c>
      <c r="D24827" s="2">
        <v>177655</v>
      </c>
      <c r="E24827" s="1" t="s">
        <v>0</v>
      </c>
    </row>
    <row r="24828" spans="1:5" x14ac:dyDescent="0.25">
      <c r="A24828" s="1" t="s">
        <v>4511</v>
      </c>
      <c r="B24828" s="1" t="s">
        <v>56984</v>
      </c>
      <c r="C24828" s="1" t="s">
        <v>47007</v>
      </c>
      <c r="D24828" s="2">
        <v>177656</v>
      </c>
      <c r="E24828" s="1" t="s">
        <v>0</v>
      </c>
    </row>
    <row r="24829" spans="1:5" x14ac:dyDescent="0.25">
      <c r="A24829" s="1" t="s">
        <v>47008</v>
      </c>
      <c r="B24829" s="1" t="s">
        <v>12204</v>
      </c>
      <c r="C24829" s="1" t="s">
        <v>47009</v>
      </c>
      <c r="D24829" s="2">
        <v>177657</v>
      </c>
      <c r="E24829" s="1" t="s">
        <v>0</v>
      </c>
    </row>
    <row r="24830" spans="1:5" ht="409.5" x14ac:dyDescent="0.25">
      <c r="A24830" s="4" t="s">
        <v>61900</v>
      </c>
      <c r="B24830" s="1" t="s">
        <v>63058</v>
      </c>
      <c r="C24830" s="1" t="s">
        <v>47010</v>
      </c>
      <c r="D24830" s="2">
        <v>177658</v>
      </c>
      <c r="E24830" s="1" t="s">
        <v>0</v>
      </c>
    </row>
    <row r="24831" spans="1:5" x14ac:dyDescent="0.25">
      <c r="A24831" s="1" t="s">
        <v>47011</v>
      </c>
      <c r="B24831" s="1" t="s">
        <v>12205</v>
      </c>
      <c r="C24831" s="1" t="s">
        <v>47012</v>
      </c>
      <c r="D24831" s="2">
        <v>177659</v>
      </c>
      <c r="E24831" s="1" t="s">
        <v>0</v>
      </c>
    </row>
    <row r="24832" spans="1:5" x14ac:dyDescent="0.25">
      <c r="A24832" s="2">
        <v>4966</v>
      </c>
      <c r="B24832" s="2">
        <v>4966</v>
      </c>
      <c r="C24832" s="1" t="s">
        <v>0</v>
      </c>
      <c r="D24832" s="2">
        <v>177660</v>
      </c>
      <c r="E24832" s="1" t="s">
        <v>0</v>
      </c>
    </row>
    <row r="24833" spans="1:5" x14ac:dyDescent="0.25">
      <c r="A24833" s="1" t="s">
        <v>4512</v>
      </c>
      <c r="B24833" s="1" t="s">
        <v>58951</v>
      </c>
      <c r="C24833" s="1" t="s">
        <v>47013</v>
      </c>
      <c r="D24833" s="2">
        <v>177661</v>
      </c>
      <c r="E24833" s="1" t="s">
        <v>0</v>
      </c>
    </row>
    <row r="24834" spans="1:5" x14ac:dyDescent="0.25">
      <c r="A24834" s="1" t="s">
        <v>47014</v>
      </c>
      <c r="B24834" s="1" t="s">
        <v>12206</v>
      </c>
      <c r="C24834" s="1" t="s">
        <v>47015</v>
      </c>
      <c r="D24834" s="2">
        <v>177662</v>
      </c>
      <c r="E24834" s="1" t="s">
        <v>0</v>
      </c>
    </row>
    <row r="24835" spans="1:5" ht="409.5" x14ac:dyDescent="0.25">
      <c r="A24835" s="4" t="s">
        <v>47016</v>
      </c>
      <c r="B24835" s="1" t="s">
        <v>58952</v>
      </c>
      <c r="C24835" s="1" t="s">
        <v>47017</v>
      </c>
      <c r="D24835" s="2">
        <v>177663</v>
      </c>
      <c r="E24835" s="1" t="s">
        <v>0</v>
      </c>
    </row>
    <row r="24836" spans="1:5" x14ac:dyDescent="0.25">
      <c r="A24836" s="1" t="s">
        <v>47018</v>
      </c>
      <c r="B24836" s="1" t="s">
        <v>58953</v>
      </c>
      <c r="C24836" s="1" t="s">
        <v>47019</v>
      </c>
      <c r="D24836" s="2">
        <v>177664</v>
      </c>
      <c r="E24836" s="1" t="s">
        <v>0</v>
      </c>
    </row>
    <row r="24837" spans="1:5" x14ac:dyDescent="0.25">
      <c r="A24837" s="2">
        <v>4967</v>
      </c>
      <c r="B24837" s="2">
        <v>4967</v>
      </c>
      <c r="C24837" s="1" t="s">
        <v>0</v>
      </c>
      <c r="D24837" s="2">
        <v>177665</v>
      </c>
      <c r="E24837" s="1" t="s">
        <v>0</v>
      </c>
    </row>
    <row r="24838" spans="1:5" x14ac:dyDescent="0.25">
      <c r="A24838" s="1" t="s">
        <v>4513</v>
      </c>
      <c r="B24838" s="1" t="s">
        <v>12207</v>
      </c>
      <c r="C24838" s="1" t="s">
        <v>47020</v>
      </c>
      <c r="D24838" s="2">
        <v>177666</v>
      </c>
      <c r="E24838" s="1" t="s">
        <v>0</v>
      </c>
    </row>
    <row r="24839" spans="1:5" x14ac:dyDescent="0.25">
      <c r="A24839" s="1" t="s">
        <v>47021</v>
      </c>
      <c r="B24839" s="1" t="s">
        <v>12208</v>
      </c>
      <c r="C24839" s="1" t="s">
        <v>47022</v>
      </c>
      <c r="D24839" s="2">
        <v>177667</v>
      </c>
      <c r="E24839" s="1" t="s">
        <v>0</v>
      </c>
    </row>
    <row r="24840" spans="1:5" ht="409.5" x14ac:dyDescent="0.25">
      <c r="A24840" s="4" t="s">
        <v>47023</v>
      </c>
      <c r="B24840" s="1" t="s">
        <v>57656</v>
      </c>
      <c r="C24840" s="1" t="s">
        <v>47024</v>
      </c>
      <c r="D24840" s="2">
        <v>177668</v>
      </c>
      <c r="E24840" s="1" t="s">
        <v>0</v>
      </c>
    </row>
    <row r="24841" spans="1:5" x14ac:dyDescent="0.25">
      <c r="A24841" s="1" t="s">
        <v>47025</v>
      </c>
      <c r="B24841" s="1" t="s">
        <v>56474</v>
      </c>
      <c r="C24841" s="1" t="s">
        <v>47026</v>
      </c>
      <c r="D24841" s="2">
        <v>177669</v>
      </c>
      <c r="E24841" s="1" t="s">
        <v>0</v>
      </c>
    </row>
    <row r="24842" spans="1:5" x14ac:dyDescent="0.25">
      <c r="A24842" s="2">
        <v>4968</v>
      </c>
      <c r="B24842" s="2">
        <v>4968</v>
      </c>
      <c r="C24842" s="1" t="s">
        <v>0</v>
      </c>
      <c r="D24842" s="2">
        <v>177670</v>
      </c>
      <c r="E24842" s="1" t="s">
        <v>0</v>
      </c>
    </row>
    <row r="24843" spans="1:5" x14ac:dyDescent="0.25">
      <c r="A24843" s="1" t="s">
        <v>4514</v>
      </c>
      <c r="B24843" s="1" t="s">
        <v>12209</v>
      </c>
      <c r="C24843" s="1" t="s">
        <v>47027</v>
      </c>
      <c r="D24843" s="2">
        <v>177671</v>
      </c>
      <c r="E24843" s="1" t="s">
        <v>0</v>
      </c>
    </row>
    <row r="24844" spans="1:5" x14ac:dyDescent="0.25">
      <c r="A24844" s="1" t="s">
        <v>47028</v>
      </c>
      <c r="B24844" s="1" t="s">
        <v>61420</v>
      </c>
      <c r="C24844" s="1" t="s">
        <v>47029</v>
      </c>
      <c r="D24844" s="2">
        <v>177672</v>
      </c>
      <c r="E24844" s="1" t="s">
        <v>0</v>
      </c>
    </row>
    <row r="24845" spans="1:5" ht="409.5" x14ac:dyDescent="0.25">
      <c r="A24845" s="4" t="s">
        <v>47030</v>
      </c>
      <c r="B24845" s="1" t="s">
        <v>61421</v>
      </c>
      <c r="C24845" s="1" t="s">
        <v>47031</v>
      </c>
      <c r="D24845" s="2">
        <v>177673</v>
      </c>
      <c r="E24845" s="1" t="s">
        <v>0</v>
      </c>
    </row>
    <row r="24846" spans="1:5" x14ac:dyDescent="0.25">
      <c r="A24846" s="1" t="s">
        <v>47032</v>
      </c>
      <c r="B24846" s="1" t="s">
        <v>56475</v>
      </c>
      <c r="C24846" s="1" t="s">
        <v>47033</v>
      </c>
      <c r="D24846" s="2">
        <v>177674</v>
      </c>
      <c r="E24846" s="1" t="s">
        <v>0</v>
      </c>
    </row>
    <row r="24847" spans="1:5" x14ac:dyDescent="0.25">
      <c r="A24847" s="2">
        <v>4969</v>
      </c>
      <c r="B24847" s="2">
        <v>4969</v>
      </c>
      <c r="C24847" s="1" t="s">
        <v>0</v>
      </c>
      <c r="D24847" s="2">
        <v>177675</v>
      </c>
      <c r="E24847" s="1" t="s">
        <v>0</v>
      </c>
    </row>
    <row r="24848" spans="1:5" x14ac:dyDescent="0.25">
      <c r="A24848" s="1" t="s">
        <v>4515</v>
      </c>
      <c r="B24848" s="1" t="s">
        <v>12210</v>
      </c>
      <c r="C24848" s="1" t="s">
        <v>47034</v>
      </c>
      <c r="D24848" s="2">
        <v>177676</v>
      </c>
      <c r="E24848" s="1" t="s">
        <v>0</v>
      </c>
    </row>
    <row r="24849" spans="1:5" x14ac:dyDescent="0.25">
      <c r="A24849" s="1" t="s">
        <v>47035</v>
      </c>
      <c r="B24849" s="1" t="s">
        <v>12211</v>
      </c>
      <c r="C24849" s="1" t="s">
        <v>47036</v>
      </c>
      <c r="D24849" s="2">
        <v>177677</v>
      </c>
      <c r="E24849" s="1" t="s">
        <v>0</v>
      </c>
    </row>
    <row r="24850" spans="1:5" ht="409.5" x14ac:dyDescent="0.25">
      <c r="A24850" s="4" t="s">
        <v>47037</v>
      </c>
      <c r="B24850" s="1" t="s">
        <v>56476</v>
      </c>
      <c r="C24850" s="1" t="s">
        <v>47038</v>
      </c>
      <c r="D24850" s="2">
        <v>177678</v>
      </c>
      <c r="E24850" s="1" t="s">
        <v>0</v>
      </c>
    </row>
    <row r="24851" spans="1:5" x14ac:dyDescent="0.25">
      <c r="A24851" s="1" t="s">
        <v>47039</v>
      </c>
      <c r="B24851" s="1" t="s">
        <v>12212</v>
      </c>
      <c r="C24851" s="1" t="s">
        <v>47040</v>
      </c>
      <c r="D24851" s="2">
        <v>177679</v>
      </c>
      <c r="E24851" s="1" t="s">
        <v>0</v>
      </c>
    </row>
    <row r="24852" spans="1:5" x14ac:dyDescent="0.25">
      <c r="A24852" s="2">
        <v>4970</v>
      </c>
      <c r="B24852" s="2">
        <v>4970</v>
      </c>
      <c r="C24852" s="1" t="s">
        <v>0</v>
      </c>
      <c r="D24852" s="2">
        <v>177680</v>
      </c>
      <c r="E24852" s="1" t="s">
        <v>0</v>
      </c>
    </row>
    <row r="24853" spans="1:5" x14ac:dyDescent="0.25">
      <c r="A24853" s="1" t="s">
        <v>4516</v>
      </c>
      <c r="B24853" s="1" t="s">
        <v>56477</v>
      </c>
      <c r="C24853" s="1" t="s">
        <v>47041</v>
      </c>
      <c r="D24853" s="2">
        <v>177681</v>
      </c>
      <c r="E24853" s="1" t="s">
        <v>0</v>
      </c>
    </row>
    <row r="24854" spans="1:5" x14ac:dyDescent="0.25">
      <c r="A24854" s="1" t="s">
        <v>47042</v>
      </c>
      <c r="B24854" s="1" t="s">
        <v>61422</v>
      </c>
      <c r="C24854" s="1" t="s">
        <v>47043</v>
      </c>
      <c r="D24854" s="2">
        <v>177682</v>
      </c>
      <c r="E24854" s="1" t="s">
        <v>0</v>
      </c>
    </row>
    <row r="24855" spans="1:5" ht="409.5" x14ac:dyDescent="0.25">
      <c r="A24855" s="4" t="s">
        <v>47044</v>
      </c>
      <c r="B24855" s="1" t="s">
        <v>63541</v>
      </c>
      <c r="C24855" s="1" t="s">
        <v>47045</v>
      </c>
      <c r="D24855" s="2">
        <v>177683</v>
      </c>
      <c r="E24855" s="1" t="s">
        <v>0</v>
      </c>
    </row>
    <row r="24856" spans="1:5" x14ac:dyDescent="0.25">
      <c r="A24856" s="1" t="s">
        <v>47046</v>
      </c>
      <c r="B24856" s="1" t="s">
        <v>12213</v>
      </c>
      <c r="C24856" s="1" t="s">
        <v>47047</v>
      </c>
      <c r="D24856" s="2">
        <v>177684</v>
      </c>
      <c r="E24856" s="1" t="s">
        <v>0</v>
      </c>
    </row>
    <row r="24857" spans="1:5" x14ac:dyDescent="0.25">
      <c r="A24857" s="2">
        <v>4971</v>
      </c>
      <c r="B24857" s="2">
        <v>4971</v>
      </c>
      <c r="C24857" s="1" t="s">
        <v>0</v>
      </c>
      <c r="D24857" s="2">
        <v>177685</v>
      </c>
      <c r="E24857" s="1" t="s">
        <v>0</v>
      </c>
    </row>
    <row r="24858" spans="1:5" x14ac:dyDescent="0.25">
      <c r="A24858" s="1" t="s">
        <v>4517</v>
      </c>
      <c r="B24858" s="1" t="s">
        <v>12214</v>
      </c>
      <c r="C24858" s="1" t="s">
        <v>47048</v>
      </c>
      <c r="D24858" s="2">
        <v>177686</v>
      </c>
      <c r="E24858" s="1" t="s">
        <v>0</v>
      </c>
    </row>
    <row r="24859" spans="1:5" x14ac:dyDescent="0.25">
      <c r="A24859" s="1" t="s">
        <v>47049</v>
      </c>
      <c r="B24859" s="1" t="s">
        <v>12215</v>
      </c>
      <c r="C24859" s="1" t="s">
        <v>47050</v>
      </c>
      <c r="D24859" s="2">
        <v>177687</v>
      </c>
      <c r="E24859" s="1" t="s">
        <v>0</v>
      </c>
    </row>
    <row r="24860" spans="1:5" ht="409.5" x14ac:dyDescent="0.25">
      <c r="A24860" s="4" t="s">
        <v>47051</v>
      </c>
      <c r="B24860" s="1" t="s">
        <v>47052</v>
      </c>
      <c r="C24860" s="1" t="s">
        <v>47053</v>
      </c>
      <c r="D24860" s="2">
        <v>177688</v>
      </c>
      <c r="E24860" s="1" t="s">
        <v>0</v>
      </c>
    </row>
    <row r="24861" spans="1:5" x14ac:dyDescent="0.25">
      <c r="A24861" s="1" t="s">
        <v>47054</v>
      </c>
      <c r="B24861" s="1" t="s">
        <v>12216</v>
      </c>
      <c r="C24861" s="1" t="s">
        <v>47055</v>
      </c>
      <c r="D24861" s="2">
        <v>177689</v>
      </c>
      <c r="E24861" s="1" t="s">
        <v>0</v>
      </c>
    </row>
    <row r="24862" spans="1:5" x14ac:dyDescent="0.25">
      <c r="A24862" s="2">
        <v>4972</v>
      </c>
      <c r="B24862" s="2">
        <v>4972</v>
      </c>
      <c r="C24862" s="1" t="s">
        <v>0</v>
      </c>
      <c r="D24862" s="2">
        <v>177690</v>
      </c>
      <c r="E24862" s="1" t="s">
        <v>0</v>
      </c>
    </row>
    <row r="24863" spans="1:5" x14ac:dyDescent="0.25">
      <c r="A24863" s="1" t="s">
        <v>4518</v>
      </c>
      <c r="B24863" s="1" t="s">
        <v>56478</v>
      </c>
      <c r="C24863" s="1" t="s">
        <v>47056</v>
      </c>
      <c r="D24863" s="2">
        <v>177691</v>
      </c>
      <c r="E24863" s="1" t="s">
        <v>0</v>
      </c>
    </row>
    <row r="24864" spans="1:5" x14ac:dyDescent="0.25">
      <c r="A24864" s="1" t="s">
        <v>47057</v>
      </c>
      <c r="B24864" s="1" t="s">
        <v>56479</v>
      </c>
      <c r="C24864" s="1" t="s">
        <v>47058</v>
      </c>
      <c r="D24864" s="2">
        <v>177692</v>
      </c>
      <c r="E24864" s="1" t="s">
        <v>0</v>
      </c>
    </row>
    <row r="24865" spans="1:5" ht="409.5" x14ac:dyDescent="0.25">
      <c r="A24865" s="4" t="s">
        <v>47059</v>
      </c>
      <c r="B24865" s="1" t="s">
        <v>56480</v>
      </c>
      <c r="C24865" s="1" t="s">
        <v>47060</v>
      </c>
      <c r="D24865" s="2">
        <v>177693</v>
      </c>
      <c r="E24865" s="1" t="s">
        <v>0</v>
      </c>
    </row>
    <row r="24866" spans="1:5" x14ac:dyDescent="0.25">
      <c r="A24866" s="1" t="s">
        <v>47061</v>
      </c>
      <c r="B24866" s="1" t="s">
        <v>12217</v>
      </c>
      <c r="C24866" s="1" t="s">
        <v>47062</v>
      </c>
      <c r="D24866" s="2">
        <v>177694</v>
      </c>
      <c r="E24866" s="1" t="s">
        <v>0</v>
      </c>
    </row>
    <row r="24867" spans="1:5" x14ac:dyDescent="0.25">
      <c r="A24867" s="2">
        <v>4973</v>
      </c>
      <c r="B24867" s="2">
        <v>4973</v>
      </c>
      <c r="C24867" s="1" t="s">
        <v>0</v>
      </c>
      <c r="D24867" s="2">
        <v>177695</v>
      </c>
      <c r="E24867" s="1" t="s">
        <v>0</v>
      </c>
    </row>
    <row r="24868" spans="1:5" x14ac:dyDescent="0.25">
      <c r="A24868" s="1" t="s">
        <v>4519</v>
      </c>
      <c r="B24868" s="1" t="s">
        <v>12218</v>
      </c>
      <c r="C24868" s="1" t="s">
        <v>47063</v>
      </c>
      <c r="D24868" s="2">
        <v>177696</v>
      </c>
      <c r="E24868" s="1" t="s">
        <v>0</v>
      </c>
    </row>
    <row r="24869" spans="1:5" x14ac:dyDescent="0.25">
      <c r="A24869" s="1" t="s">
        <v>47064</v>
      </c>
      <c r="B24869" s="1" t="s">
        <v>12219</v>
      </c>
      <c r="C24869" s="1" t="s">
        <v>47065</v>
      </c>
      <c r="D24869" s="2">
        <v>177697</v>
      </c>
      <c r="E24869" s="1" t="s">
        <v>0</v>
      </c>
    </row>
    <row r="24870" spans="1:5" ht="409.5" x14ac:dyDescent="0.25">
      <c r="A24870" s="4" t="s">
        <v>47066</v>
      </c>
      <c r="B24870" s="1" t="s">
        <v>56481</v>
      </c>
      <c r="C24870" s="1" t="s">
        <v>47067</v>
      </c>
      <c r="D24870" s="2">
        <v>177698</v>
      </c>
      <c r="E24870" s="1" t="s">
        <v>0</v>
      </c>
    </row>
    <row r="24871" spans="1:5" x14ac:dyDescent="0.25">
      <c r="A24871" s="1" t="s">
        <v>47068</v>
      </c>
      <c r="B24871" s="1" t="s">
        <v>56482</v>
      </c>
      <c r="C24871" s="1" t="s">
        <v>47069</v>
      </c>
      <c r="D24871" s="2">
        <v>177699</v>
      </c>
      <c r="E24871" s="1" t="s">
        <v>0</v>
      </c>
    </row>
    <row r="24872" spans="1:5" x14ac:dyDescent="0.25">
      <c r="A24872" s="2">
        <v>4974</v>
      </c>
      <c r="B24872" s="2">
        <v>4974</v>
      </c>
      <c r="C24872" s="1" t="s">
        <v>0</v>
      </c>
      <c r="D24872" s="2">
        <v>177700</v>
      </c>
      <c r="E24872" s="1" t="s">
        <v>0</v>
      </c>
    </row>
    <row r="24873" spans="1:5" x14ac:dyDescent="0.25">
      <c r="A24873" s="1" t="s">
        <v>4520</v>
      </c>
      <c r="B24873" s="1" t="s">
        <v>12220</v>
      </c>
      <c r="C24873" s="1" t="s">
        <v>47070</v>
      </c>
      <c r="D24873" s="2">
        <v>177701</v>
      </c>
      <c r="E24873" s="1" t="s">
        <v>0</v>
      </c>
    </row>
    <row r="24874" spans="1:5" x14ac:dyDescent="0.25">
      <c r="A24874" s="1" t="s">
        <v>47071</v>
      </c>
      <c r="B24874" s="1" t="s">
        <v>63059</v>
      </c>
      <c r="C24874" s="1" t="s">
        <v>47072</v>
      </c>
      <c r="D24874" s="2">
        <v>177702</v>
      </c>
      <c r="E24874" s="1" t="s">
        <v>0</v>
      </c>
    </row>
    <row r="24875" spans="1:5" ht="409.5" x14ac:dyDescent="0.25">
      <c r="A24875" s="4" t="s">
        <v>47073</v>
      </c>
      <c r="B24875" s="1" t="s">
        <v>63060</v>
      </c>
      <c r="C24875" s="1" t="s">
        <v>47074</v>
      </c>
      <c r="D24875" s="2">
        <v>177703</v>
      </c>
      <c r="E24875" s="1" t="s">
        <v>0</v>
      </c>
    </row>
    <row r="24876" spans="1:5" x14ac:dyDescent="0.25">
      <c r="A24876" s="1" t="s">
        <v>47075</v>
      </c>
      <c r="B24876" s="1" t="s">
        <v>12221</v>
      </c>
      <c r="C24876" s="1" t="s">
        <v>47076</v>
      </c>
      <c r="D24876" s="2">
        <v>177704</v>
      </c>
      <c r="E24876" s="1" t="s">
        <v>0</v>
      </c>
    </row>
    <row r="24877" spans="1:5" x14ac:dyDescent="0.25">
      <c r="A24877" s="2">
        <v>4975</v>
      </c>
      <c r="B24877" s="2">
        <v>4975</v>
      </c>
      <c r="C24877" s="1" t="s">
        <v>0</v>
      </c>
      <c r="D24877" s="2">
        <v>177705</v>
      </c>
      <c r="E24877" s="1" t="s">
        <v>0</v>
      </c>
    </row>
    <row r="24878" spans="1:5" x14ac:dyDescent="0.25">
      <c r="A24878" s="1" t="s">
        <v>4521</v>
      </c>
      <c r="B24878" s="1" t="s">
        <v>12222</v>
      </c>
      <c r="C24878" s="1" t="s">
        <v>47077</v>
      </c>
      <c r="D24878" s="2">
        <v>177706</v>
      </c>
      <c r="E24878" s="1" t="s">
        <v>0</v>
      </c>
    </row>
    <row r="24879" spans="1:5" x14ac:dyDescent="0.25">
      <c r="A24879" s="1" t="s">
        <v>47078</v>
      </c>
      <c r="B24879" s="1" t="s">
        <v>13313</v>
      </c>
      <c r="C24879" s="1" t="s">
        <v>47079</v>
      </c>
      <c r="D24879" s="2">
        <v>177707</v>
      </c>
      <c r="E24879" s="1" t="s">
        <v>0</v>
      </c>
    </row>
    <row r="24880" spans="1:5" ht="409.5" x14ac:dyDescent="0.25">
      <c r="A24880" s="4" t="s">
        <v>47080</v>
      </c>
      <c r="B24880" s="1" t="s">
        <v>56483</v>
      </c>
      <c r="C24880" s="1" t="s">
        <v>47081</v>
      </c>
      <c r="D24880" s="2">
        <v>177708</v>
      </c>
      <c r="E24880" s="1" t="s">
        <v>0</v>
      </c>
    </row>
    <row r="24881" spans="1:5" x14ac:dyDescent="0.25">
      <c r="A24881" s="1" t="s">
        <v>47082</v>
      </c>
      <c r="B24881" s="1" t="s">
        <v>12223</v>
      </c>
      <c r="C24881" s="1" t="s">
        <v>47083</v>
      </c>
      <c r="D24881" s="2">
        <v>177709</v>
      </c>
      <c r="E24881" s="1" t="s">
        <v>0</v>
      </c>
    </row>
    <row r="24882" spans="1:5" x14ac:dyDescent="0.25">
      <c r="A24882" s="2">
        <v>4976</v>
      </c>
      <c r="B24882" s="2">
        <v>4976</v>
      </c>
      <c r="C24882" s="1" t="s">
        <v>0</v>
      </c>
      <c r="D24882" s="2">
        <v>177710</v>
      </c>
      <c r="E24882" s="1" t="s">
        <v>0</v>
      </c>
    </row>
    <row r="24883" spans="1:5" x14ac:dyDescent="0.25">
      <c r="A24883" s="1" t="s">
        <v>4522</v>
      </c>
      <c r="B24883" s="1" t="s">
        <v>12224</v>
      </c>
      <c r="C24883" s="1" t="s">
        <v>47084</v>
      </c>
      <c r="D24883" s="2">
        <v>177711</v>
      </c>
      <c r="E24883" s="1" t="s">
        <v>0</v>
      </c>
    </row>
    <row r="24884" spans="1:5" x14ac:dyDescent="0.25">
      <c r="A24884" s="1" t="s">
        <v>47085</v>
      </c>
      <c r="B24884" s="1" t="s">
        <v>51094</v>
      </c>
      <c r="C24884" s="1" t="s">
        <v>47086</v>
      </c>
      <c r="D24884" s="2">
        <v>177712</v>
      </c>
      <c r="E24884" s="1" t="s">
        <v>0</v>
      </c>
    </row>
    <row r="24885" spans="1:5" ht="409.5" x14ac:dyDescent="0.25">
      <c r="A24885" s="4" t="s">
        <v>47087</v>
      </c>
      <c r="B24885" s="1" t="s">
        <v>58639</v>
      </c>
      <c r="C24885" s="1" t="s">
        <v>47088</v>
      </c>
      <c r="D24885" s="2">
        <v>177713</v>
      </c>
      <c r="E24885" s="1" t="s">
        <v>0</v>
      </c>
    </row>
    <row r="24886" spans="1:5" x14ac:dyDescent="0.25">
      <c r="A24886" s="1" t="s">
        <v>47089</v>
      </c>
      <c r="B24886" s="1" t="s">
        <v>12225</v>
      </c>
      <c r="C24886" s="1" t="s">
        <v>47090</v>
      </c>
      <c r="D24886" s="2">
        <v>177714</v>
      </c>
      <c r="E24886" s="1" t="s">
        <v>0</v>
      </c>
    </row>
    <row r="24887" spans="1:5" x14ac:dyDescent="0.25">
      <c r="A24887" s="2">
        <v>4977</v>
      </c>
      <c r="B24887" s="2">
        <v>4977</v>
      </c>
      <c r="C24887" s="1" t="s">
        <v>0</v>
      </c>
      <c r="D24887" s="2">
        <v>177715</v>
      </c>
      <c r="E24887" s="1" t="s">
        <v>0</v>
      </c>
    </row>
    <row r="24888" spans="1:5" x14ac:dyDescent="0.25">
      <c r="A24888" s="1" t="s">
        <v>4523</v>
      </c>
      <c r="B24888" s="1" t="s">
        <v>12226</v>
      </c>
      <c r="C24888" s="1" t="s">
        <v>47091</v>
      </c>
      <c r="D24888" s="2">
        <v>177716</v>
      </c>
      <c r="E24888" s="1" t="s">
        <v>0</v>
      </c>
    </row>
    <row r="24889" spans="1:5" x14ac:dyDescent="0.25">
      <c r="A24889" s="1" t="s">
        <v>47092</v>
      </c>
      <c r="B24889" s="1" t="s">
        <v>58640</v>
      </c>
      <c r="C24889" s="1" t="s">
        <v>47093</v>
      </c>
      <c r="D24889" s="2">
        <v>177717</v>
      </c>
      <c r="E24889" s="1" t="s">
        <v>0</v>
      </c>
    </row>
    <row r="24890" spans="1:5" ht="409.5" x14ac:dyDescent="0.25">
      <c r="A24890" s="4" t="s">
        <v>47094</v>
      </c>
      <c r="B24890" s="1" t="s">
        <v>58641</v>
      </c>
      <c r="C24890" s="1" t="s">
        <v>47095</v>
      </c>
      <c r="D24890" s="2">
        <v>177718</v>
      </c>
      <c r="E24890" s="1" t="s">
        <v>0</v>
      </c>
    </row>
    <row r="24891" spans="1:5" x14ac:dyDescent="0.25">
      <c r="A24891" s="1" t="s">
        <v>47096</v>
      </c>
      <c r="B24891" s="1" t="s">
        <v>56484</v>
      </c>
      <c r="C24891" s="1" t="s">
        <v>47097</v>
      </c>
      <c r="D24891" s="2">
        <v>177719</v>
      </c>
      <c r="E24891" s="1" t="s">
        <v>0</v>
      </c>
    </row>
    <row r="24892" spans="1:5" x14ac:dyDescent="0.25">
      <c r="A24892" s="2">
        <v>4978</v>
      </c>
      <c r="B24892" s="2">
        <v>4978</v>
      </c>
      <c r="C24892" s="1" t="s">
        <v>0</v>
      </c>
      <c r="D24892" s="2">
        <v>177720</v>
      </c>
      <c r="E24892" s="1" t="s">
        <v>0</v>
      </c>
    </row>
    <row r="24893" spans="1:5" x14ac:dyDescent="0.25">
      <c r="A24893" s="1" t="s">
        <v>4524</v>
      </c>
      <c r="B24893" s="1" t="s">
        <v>12227</v>
      </c>
      <c r="C24893" s="1" t="s">
        <v>47098</v>
      </c>
      <c r="D24893" s="2">
        <v>177721</v>
      </c>
      <c r="E24893" s="1" t="s">
        <v>0</v>
      </c>
    </row>
    <row r="24894" spans="1:5" x14ac:dyDescent="0.25">
      <c r="A24894" s="1" t="s">
        <v>47099</v>
      </c>
      <c r="B24894" s="1" t="s">
        <v>12228</v>
      </c>
      <c r="C24894" s="1" t="s">
        <v>47100</v>
      </c>
      <c r="D24894" s="2">
        <v>177722</v>
      </c>
      <c r="E24894" s="1" t="s">
        <v>0</v>
      </c>
    </row>
    <row r="24895" spans="1:5" ht="409.5" x14ac:dyDescent="0.25">
      <c r="A24895" s="4" t="s">
        <v>47101</v>
      </c>
      <c r="B24895" s="1" t="s">
        <v>56485</v>
      </c>
      <c r="C24895" s="1" t="s">
        <v>47102</v>
      </c>
      <c r="D24895" s="2">
        <v>177723</v>
      </c>
      <c r="E24895" s="1" t="s">
        <v>0</v>
      </c>
    </row>
    <row r="24896" spans="1:5" x14ac:dyDescent="0.25">
      <c r="A24896" s="1" t="s">
        <v>47103</v>
      </c>
      <c r="B24896" s="1" t="s">
        <v>12229</v>
      </c>
      <c r="C24896" s="1" t="s">
        <v>47104</v>
      </c>
      <c r="D24896" s="2">
        <v>177724</v>
      </c>
      <c r="E24896" s="1" t="s">
        <v>0</v>
      </c>
    </row>
    <row r="24897" spans="1:5" x14ac:dyDescent="0.25">
      <c r="A24897" s="2">
        <v>4979</v>
      </c>
      <c r="B24897" s="2">
        <v>4979</v>
      </c>
      <c r="C24897" s="1" t="s">
        <v>0</v>
      </c>
      <c r="D24897" s="2">
        <v>177725</v>
      </c>
      <c r="E24897" s="1" t="s">
        <v>0</v>
      </c>
    </row>
    <row r="24898" spans="1:5" x14ac:dyDescent="0.25">
      <c r="A24898" s="1" t="s">
        <v>4525</v>
      </c>
      <c r="B24898" s="1" t="s">
        <v>51095</v>
      </c>
      <c r="C24898" s="1" t="s">
        <v>47105</v>
      </c>
      <c r="D24898" s="2">
        <v>177726</v>
      </c>
      <c r="E24898" s="1" t="s">
        <v>0</v>
      </c>
    </row>
    <row r="24899" spans="1:5" x14ac:dyDescent="0.25">
      <c r="A24899" s="1" t="s">
        <v>47106</v>
      </c>
      <c r="B24899" s="1" t="s">
        <v>56486</v>
      </c>
      <c r="C24899" s="1" t="s">
        <v>47107</v>
      </c>
      <c r="D24899" s="2">
        <v>177727</v>
      </c>
      <c r="E24899" s="1" t="s">
        <v>0</v>
      </c>
    </row>
    <row r="24900" spans="1:5" ht="409.5" x14ac:dyDescent="0.25">
      <c r="A24900" s="4" t="s">
        <v>47108</v>
      </c>
      <c r="B24900" s="1" t="s">
        <v>63542</v>
      </c>
      <c r="C24900" s="1" t="s">
        <v>47109</v>
      </c>
      <c r="D24900" s="2">
        <v>177728</v>
      </c>
      <c r="E24900" s="1" t="s">
        <v>0</v>
      </c>
    </row>
    <row r="24901" spans="1:5" x14ac:dyDescent="0.25">
      <c r="A24901" s="1" t="s">
        <v>47110</v>
      </c>
      <c r="B24901" s="1" t="s">
        <v>47111</v>
      </c>
      <c r="C24901" s="1" t="s">
        <v>47112</v>
      </c>
      <c r="D24901" s="2">
        <v>177729</v>
      </c>
      <c r="E24901" s="1" t="s">
        <v>0</v>
      </c>
    </row>
    <row r="24902" spans="1:5" x14ac:dyDescent="0.25">
      <c r="A24902" s="2">
        <v>4980</v>
      </c>
      <c r="B24902" s="2">
        <v>4980</v>
      </c>
      <c r="C24902" s="1" t="s">
        <v>0</v>
      </c>
      <c r="D24902" s="2">
        <v>177730</v>
      </c>
      <c r="E24902" s="1" t="s">
        <v>0</v>
      </c>
    </row>
    <row r="24903" spans="1:5" x14ac:dyDescent="0.25">
      <c r="A24903" s="1" t="s">
        <v>4526</v>
      </c>
      <c r="B24903" s="1" t="s">
        <v>12230</v>
      </c>
      <c r="C24903" s="1" t="s">
        <v>47113</v>
      </c>
      <c r="D24903" s="2">
        <v>177731</v>
      </c>
      <c r="E24903" s="1" t="s">
        <v>0</v>
      </c>
    </row>
    <row r="24904" spans="1:5" x14ac:dyDescent="0.25">
      <c r="A24904" s="1" t="s">
        <v>47114</v>
      </c>
      <c r="B24904" s="1" t="s">
        <v>12231</v>
      </c>
      <c r="C24904" s="1" t="s">
        <v>47115</v>
      </c>
      <c r="D24904" s="2">
        <v>177732</v>
      </c>
      <c r="E24904" s="1" t="s">
        <v>0</v>
      </c>
    </row>
    <row r="24905" spans="1:5" ht="409.5" x14ac:dyDescent="0.25">
      <c r="A24905" s="4" t="s">
        <v>47116</v>
      </c>
      <c r="B24905" s="1" t="s">
        <v>47117</v>
      </c>
      <c r="C24905" s="1" t="s">
        <v>47118</v>
      </c>
      <c r="D24905" s="2">
        <v>177733</v>
      </c>
      <c r="E24905" s="1" t="s">
        <v>0</v>
      </c>
    </row>
    <row r="24906" spans="1:5" x14ac:dyDescent="0.25">
      <c r="A24906" s="1" t="s">
        <v>47119</v>
      </c>
      <c r="B24906" s="1" t="s">
        <v>56487</v>
      </c>
      <c r="C24906" s="1" t="s">
        <v>47120</v>
      </c>
      <c r="D24906" s="2">
        <v>177734</v>
      </c>
      <c r="E24906" s="1" t="s">
        <v>0</v>
      </c>
    </row>
    <row r="24907" spans="1:5" x14ac:dyDescent="0.25">
      <c r="A24907" s="2">
        <v>4981</v>
      </c>
      <c r="B24907" s="2">
        <v>4981</v>
      </c>
      <c r="C24907" s="1" t="s">
        <v>0</v>
      </c>
      <c r="D24907" s="2">
        <v>177735</v>
      </c>
      <c r="E24907" s="1" t="s">
        <v>0</v>
      </c>
    </row>
    <row r="24908" spans="1:5" x14ac:dyDescent="0.25">
      <c r="A24908" s="1" t="s">
        <v>4527</v>
      </c>
      <c r="B24908" s="1" t="s">
        <v>12232</v>
      </c>
      <c r="C24908" s="1" t="s">
        <v>47121</v>
      </c>
      <c r="D24908" s="2">
        <v>177736</v>
      </c>
      <c r="E24908" s="1" t="s">
        <v>0</v>
      </c>
    </row>
    <row r="24909" spans="1:5" x14ac:dyDescent="0.25">
      <c r="A24909" s="1" t="s">
        <v>47122</v>
      </c>
      <c r="B24909" s="1" t="s">
        <v>12233</v>
      </c>
      <c r="C24909" s="1" t="s">
        <v>47123</v>
      </c>
      <c r="D24909" s="2">
        <v>177737</v>
      </c>
      <c r="E24909" s="1" t="s">
        <v>0</v>
      </c>
    </row>
    <row r="24910" spans="1:5" ht="409.5" x14ac:dyDescent="0.25">
      <c r="A24910" s="4" t="s">
        <v>47124</v>
      </c>
      <c r="B24910" s="1" t="s">
        <v>56488</v>
      </c>
      <c r="C24910" s="1" t="s">
        <v>47125</v>
      </c>
      <c r="D24910" s="2">
        <v>177738</v>
      </c>
      <c r="E24910" s="1" t="s">
        <v>0</v>
      </c>
    </row>
    <row r="24911" spans="1:5" x14ac:dyDescent="0.25">
      <c r="A24911" s="1" t="s">
        <v>47126</v>
      </c>
      <c r="B24911" s="1" t="s">
        <v>56489</v>
      </c>
      <c r="C24911" s="1" t="s">
        <v>47127</v>
      </c>
      <c r="D24911" s="2">
        <v>177739</v>
      </c>
      <c r="E24911" s="1" t="s">
        <v>0</v>
      </c>
    </row>
    <row r="24912" spans="1:5" x14ac:dyDescent="0.25">
      <c r="A24912" s="2">
        <v>4982</v>
      </c>
      <c r="B24912" s="2">
        <v>4982</v>
      </c>
      <c r="C24912" s="1" t="s">
        <v>0</v>
      </c>
      <c r="D24912" s="2">
        <v>177740</v>
      </c>
      <c r="E24912" s="1" t="s">
        <v>0</v>
      </c>
    </row>
    <row r="24913" spans="1:5" x14ac:dyDescent="0.25">
      <c r="A24913" s="1" t="s">
        <v>4528</v>
      </c>
      <c r="B24913" s="1" t="s">
        <v>12234</v>
      </c>
      <c r="C24913" s="1" t="s">
        <v>47128</v>
      </c>
      <c r="D24913" s="2">
        <v>177741</v>
      </c>
      <c r="E24913" s="1" t="s">
        <v>0</v>
      </c>
    </row>
    <row r="24914" spans="1:5" x14ac:dyDescent="0.25">
      <c r="A24914" s="1" t="s">
        <v>47129</v>
      </c>
      <c r="B24914" s="1" t="s">
        <v>56887</v>
      </c>
      <c r="C24914" s="1" t="s">
        <v>47130</v>
      </c>
      <c r="D24914" s="2">
        <v>177742</v>
      </c>
      <c r="E24914" s="1" t="s">
        <v>0</v>
      </c>
    </row>
    <row r="24915" spans="1:5" ht="409.5" x14ac:dyDescent="0.25">
      <c r="A24915" s="4" t="s">
        <v>47131</v>
      </c>
      <c r="B24915" s="1" t="s">
        <v>56888</v>
      </c>
      <c r="C24915" s="1" t="s">
        <v>47132</v>
      </c>
      <c r="D24915" s="2">
        <v>177743</v>
      </c>
      <c r="E24915" s="1" t="s">
        <v>0</v>
      </c>
    </row>
    <row r="24916" spans="1:5" x14ac:dyDescent="0.25">
      <c r="A24916" s="1" t="s">
        <v>47133</v>
      </c>
      <c r="B24916" s="1" t="s">
        <v>12235</v>
      </c>
      <c r="C24916" s="1" t="s">
        <v>47134</v>
      </c>
      <c r="D24916" s="2">
        <v>177744</v>
      </c>
      <c r="E24916" s="1" t="s">
        <v>0</v>
      </c>
    </row>
    <row r="24917" spans="1:5" x14ac:dyDescent="0.25">
      <c r="A24917" s="2">
        <v>4983</v>
      </c>
      <c r="B24917" s="2">
        <v>4983</v>
      </c>
      <c r="C24917" s="1" t="s">
        <v>0</v>
      </c>
      <c r="D24917" s="2">
        <v>177745</v>
      </c>
      <c r="E24917" s="1" t="s">
        <v>0</v>
      </c>
    </row>
    <row r="24918" spans="1:5" x14ac:dyDescent="0.25">
      <c r="A24918" s="1" t="s">
        <v>4529</v>
      </c>
      <c r="B24918" s="1" t="s">
        <v>12236</v>
      </c>
      <c r="C24918" s="1" t="s">
        <v>47135</v>
      </c>
      <c r="D24918" s="2">
        <v>177746</v>
      </c>
      <c r="E24918" s="1" t="s">
        <v>0</v>
      </c>
    </row>
    <row r="24919" spans="1:5" x14ac:dyDescent="0.25">
      <c r="A24919" s="1" t="s">
        <v>47136</v>
      </c>
      <c r="B24919" s="1" t="s">
        <v>63839</v>
      </c>
      <c r="C24919" s="1" t="s">
        <v>47137</v>
      </c>
      <c r="D24919" s="2">
        <v>177747</v>
      </c>
      <c r="E24919" s="1" t="s">
        <v>0</v>
      </c>
    </row>
    <row r="24920" spans="1:5" ht="409.5" x14ac:dyDescent="0.25">
      <c r="A24920" s="4" t="s">
        <v>47138</v>
      </c>
      <c r="B24920" s="1" t="s">
        <v>63840</v>
      </c>
      <c r="C24920" s="1" t="s">
        <v>47139</v>
      </c>
      <c r="D24920" s="2">
        <v>177748</v>
      </c>
      <c r="E24920" s="1" t="s">
        <v>0</v>
      </c>
    </row>
    <row r="24921" spans="1:5" x14ac:dyDescent="0.25">
      <c r="A24921" s="1" t="s">
        <v>47140</v>
      </c>
      <c r="B24921" s="1" t="s">
        <v>57347</v>
      </c>
      <c r="C24921" s="1" t="s">
        <v>47141</v>
      </c>
      <c r="D24921" s="2">
        <v>177749</v>
      </c>
      <c r="E24921" s="1" t="s">
        <v>0</v>
      </c>
    </row>
    <row r="24922" spans="1:5" x14ac:dyDescent="0.25">
      <c r="A24922" s="2">
        <v>4984</v>
      </c>
      <c r="B24922" s="2">
        <v>4984</v>
      </c>
      <c r="C24922" s="1" t="s">
        <v>0</v>
      </c>
      <c r="D24922" s="2">
        <v>177750</v>
      </c>
      <c r="E24922" s="1" t="s">
        <v>0</v>
      </c>
    </row>
    <row r="24923" spans="1:5" x14ac:dyDescent="0.25">
      <c r="A24923" s="1" t="s">
        <v>4530</v>
      </c>
      <c r="B24923" s="1" t="s">
        <v>12237</v>
      </c>
      <c r="C24923" s="1" t="s">
        <v>47142</v>
      </c>
      <c r="D24923" s="2">
        <v>177751</v>
      </c>
      <c r="E24923" s="1" t="s">
        <v>0</v>
      </c>
    </row>
    <row r="24924" spans="1:5" x14ac:dyDescent="0.25">
      <c r="A24924" s="1" t="s">
        <v>47143</v>
      </c>
      <c r="B24924" s="1" t="s">
        <v>12238</v>
      </c>
      <c r="C24924" s="1" t="s">
        <v>47144</v>
      </c>
      <c r="D24924" s="2">
        <v>177752</v>
      </c>
      <c r="E24924" s="1" t="s">
        <v>0</v>
      </c>
    </row>
    <row r="24925" spans="1:5" ht="409.5" x14ac:dyDescent="0.25">
      <c r="A24925" s="4" t="s">
        <v>47145</v>
      </c>
      <c r="B24925" s="1" t="s">
        <v>58028</v>
      </c>
      <c r="C24925" s="1" t="s">
        <v>47146</v>
      </c>
      <c r="D24925" s="2">
        <v>177753</v>
      </c>
      <c r="E24925" s="1" t="s">
        <v>0</v>
      </c>
    </row>
    <row r="24926" spans="1:5" x14ac:dyDescent="0.25">
      <c r="A24926" s="1" t="s">
        <v>47147</v>
      </c>
      <c r="B24926" s="1" t="s">
        <v>12239</v>
      </c>
      <c r="C24926" s="1" t="s">
        <v>47148</v>
      </c>
      <c r="D24926" s="2">
        <v>177754</v>
      </c>
      <c r="E24926" s="1" t="s">
        <v>0</v>
      </c>
    </row>
    <row r="24927" spans="1:5" x14ac:dyDescent="0.25">
      <c r="A24927" s="2">
        <v>4985</v>
      </c>
      <c r="B24927" s="2">
        <v>4985</v>
      </c>
      <c r="C24927" s="1" t="s">
        <v>0</v>
      </c>
      <c r="D24927" s="2">
        <v>177755</v>
      </c>
      <c r="E24927" s="1" t="s">
        <v>0</v>
      </c>
    </row>
    <row r="24928" spans="1:5" x14ac:dyDescent="0.25">
      <c r="A24928" s="1" t="s">
        <v>13314</v>
      </c>
      <c r="B24928" s="1" t="s">
        <v>13315</v>
      </c>
      <c r="C24928" s="1" t="s">
        <v>47149</v>
      </c>
      <c r="D24928" s="2">
        <v>177756</v>
      </c>
      <c r="E24928" s="1" t="s">
        <v>0</v>
      </c>
    </row>
    <row r="24929" spans="1:5" x14ac:dyDescent="0.25">
      <c r="A24929" s="1" t="s">
        <v>47150</v>
      </c>
      <c r="B24929" s="1" t="s">
        <v>12240</v>
      </c>
      <c r="C24929" s="1" t="s">
        <v>47151</v>
      </c>
      <c r="D24929" s="2">
        <v>177757</v>
      </c>
      <c r="E24929" s="1" t="s">
        <v>0</v>
      </c>
    </row>
    <row r="24930" spans="1:5" ht="409.5" x14ac:dyDescent="0.25">
      <c r="A24930" s="4" t="s">
        <v>47152</v>
      </c>
      <c r="B24930" s="1" t="s">
        <v>47153</v>
      </c>
      <c r="C24930" s="1" t="s">
        <v>47154</v>
      </c>
      <c r="D24930" s="2">
        <v>177758</v>
      </c>
      <c r="E24930" s="1" t="s">
        <v>0</v>
      </c>
    </row>
    <row r="24931" spans="1:5" x14ac:dyDescent="0.25">
      <c r="A24931" s="1" t="s">
        <v>47155</v>
      </c>
      <c r="B24931" s="1" t="s">
        <v>56490</v>
      </c>
      <c r="C24931" s="1" t="s">
        <v>47156</v>
      </c>
      <c r="D24931" s="2">
        <v>177759</v>
      </c>
      <c r="E24931" s="1" t="s">
        <v>0</v>
      </c>
    </row>
    <row r="24932" spans="1:5" x14ac:dyDescent="0.25">
      <c r="A24932" s="2">
        <v>4986</v>
      </c>
      <c r="B24932" s="2">
        <v>4986</v>
      </c>
      <c r="C24932" s="1" t="s">
        <v>0</v>
      </c>
      <c r="D24932" s="2">
        <v>177760</v>
      </c>
      <c r="E24932" s="1" t="s">
        <v>0</v>
      </c>
    </row>
    <row r="24933" spans="1:5" x14ac:dyDescent="0.25">
      <c r="A24933" s="1" t="s">
        <v>4531</v>
      </c>
      <c r="B24933" s="1" t="s">
        <v>12241</v>
      </c>
      <c r="C24933" s="1" t="s">
        <v>47157</v>
      </c>
      <c r="D24933" s="2">
        <v>177761</v>
      </c>
      <c r="E24933" s="1" t="s">
        <v>0</v>
      </c>
    </row>
    <row r="24934" spans="1:5" x14ac:dyDescent="0.25">
      <c r="A24934" s="1" t="s">
        <v>47158</v>
      </c>
      <c r="B24934" s="1" t="s">
        <v>63543</v>
      </c>
      <c r="C24934" s="1" t="s">
        <v>47159</v>
      </c>
      <c r="D24934" s="2">
        <v>177762</v>
      </c>
      <c r="E24934" s="1" t="s">
        <v>0</v>
      </c>
    </row>
    <row r="24935" spans="1:5" ht="409.5" x14ac:dyDescent="0.25">
      <c r="A24935" s="4" t="s">
        <v>47160</v>
      </c>
      <c r="B24935" s="1" t="s">
        <v>63544</v>
      </c>
      <c r="C24935" s="1" t="s">
        <v>47161</v>
      </c>
      <c r="D24935" s="2">
        <v>177763</v>
      </c>
      <c r="E24935" s="1" t="s">
        <v>0</v>
      </c>
    </row>
    <row r="24936" spans="1:5" x14ac:dyDescent="0.25">
      <c r="A24936" s="1" t="s">
        <v>47162</v>
      </c>
      <c r="B24936" s="1" t="s">
        <v>56491</v>
      </c>
      <c r="C24936" s="1" t="s">
        <v>47163</v>
      </c>
      <c r="D24936" s="2">
        <v>177764</v>
      </c>
      <c r="E24936" s="1" t="s">
        <v>0</v>
      </c>
    </row>
    <row r="24937" spans="1:5" x14ac:dyDescent="0.25">
      <c r="A24937" s="2">
        <v>4987</v>
      </c>
      <c r="B24937" s="2">
        <v>4987</v>
      </c>
      <c r="C24937" s="1" t="s">
        <v>0</v>
      </c>
      <c r="D24937" s="2">
        <v>177765</v>
      </c>
      <c r="E24937" s="1" t="s">
        <v>0</v>
      </c>
    </row>
    <row r="24938" spans="1:5" x14ac:dyDescent="0.25">
      <c r="A24938" s="1" t="s">
        <v>4532</v>
      </c>
      <c r="B24938" s="1" t="s">
        <v>12242</v>
      </c>
      <c r="C24938" s="1" t="s">
        <v>47164</v>
      </c>
      <c r="D24938" s="2">
        <v>177766</v>
      </c>
      <c r="E24938" s="1" t="s">
        <v>0</v>
      </c>
    </row>
    <row r="24939" spans="1:5" x14ac:dyDescent="0.25">
      <c r="A24939" s="1" t="s">
        <v>47165</v>
      </c>
      <c r="B24939" s="1" t="s">
        <v>60314</v>
      </c>
      <c r="C24939" s="1" t="s">
        <v>47166</v>
      </c>
      <c r="D24939" s="2">
        <v>177767</v>
      </c>
      <c r="E24939" s="1" t="s">
        <v>0</v>
      </c>
    </row>
    <row r="24940" spans="1:5" ht="409.5" x14ac:dyDescent="0.25">
      <c r="A24940" s="4" t="s">
        <v>47167</v>
      </c>
      <c r="B24940" s="1" t="s">
        <v>60315</v>
      </c>
      <c r="C24940" s="1" t="s">
        <v>47168</v>
      </c>
      <c r="D24940" s="2">
        <v>177768</v>
      </c>
      <c r="E24940" s="1" t="s">
        <v>0</v>
      </c>
    </row>
    <row r="24941" spans="1:5" x14ac:dyDescent="0.25">
      <c r="A24941" s="1" t="s">
        <v>47169</v>
      </c>
      <c r="B24941" s="1" t="s">
        <v>12243</v>
      </c>
      <c r="C24941" s="1" t="s">
        <v>47170</v>
      </c>
      <c r="D24941" s="2">
        <v>177769</v>
      </c>
      <c r="E24941" s="1" t="s">
        <v>0</v>
      </c>
    </row>
    <row r="24942" spans="1:5" x14ac:dyDescent="0.25">
      <c r="A24942" s="2">
        <v>4988</v>
      </c>
      <c r="B24942" s="2">
        <v>4988</v>
      </c>
      <c r="C24942" s="1" t="s">
        <v>0</v>
      </c>
      <c r="D24942" s="2">
        <v>177770</v>
      </c>
      <c r="E24942" s="1" t="s">
        <v>0</v>
      </c>
    </row>
    <row r="24943" spans="1:5" x14ac:dyDescent="0.25">
      <c r="A24943" s="1" t="s">
        <v>4533</v>
      </c>
      <c r="B24943" s="1" t="s">
        <v>12244</v>
      </c>
      <c r="C24943" s="1" t="s">
        <v>47171</v>
      </c>
      <c r="D24943" s="2">
        <v>177771</v>
      </c>
      <c r="E24943" s="1" t="s">
        <v>0</v>
      </c>
    </row>
    <row r="24944" spans="1:5" x14ac:dyDescent="0.25">
      <c r="A24944" s="1" t="s">
        <v>47172</v>
      </c>
      <c r="B24944" s="1" t="s">
        <v>12245</v>
      </c>
      <c r="C24944" s="1" t="s">
        <v>47173</v>
      </c>
      <c r="D24944" s="2">
        <v>177772</v>
      </c>
      <c r="E24944" s="1" t="s">
        <v>0</v>
      </c>
    </row>
    <row r="24945" spans="1:5" ht="409.5" x14ac:dyDescent="0.25">
      <c r="A24945" s="4" t="s">
        <v>47174</v>
      </c>
      <c r="B24945" s="1" t="s">
        <v>56492</v>
      </c>
      <c r="C24945" s="1" t="s">
        <v>47175</v>
      </c>
      <c r="D24945" s="2">
        <v>177773</v>
      </c>
      <c r="E24945" s="1" t="s">
        <v>0</v>
      </c>
    </row>
    <row r="24946" spans="1:5" x14ac:dyDescent="0.25">
      <c r="A24946" s="1" t="s">
        <v>47176</v>
      </c>
      <c r="B24946" s="1" t="s">
        <v>12246</v>
      </c>
      <c r="C24946" s="1" t="s">
        <v>47177</v>
      </c>
      <c r="D24946" s="2">
        <v>177774</v>
      </c>
      <c r="E24946" s="1" t="s">
        <v>0</v>
      </c>
    </row>
    <row r="24947" spans="1:5" x14ac:dyDescent="0.25">
      <c r="A24947" s="2">
        <v>4989</v>
      </c>
      <c r="B24947" s="2">
        <v>4989</v>
      </c>
      <c r="C24947" s="1" t="s">
        <v>0</v>
      </c>
      <c r="D24947" s="2">
        <v>177775</v>
      </c>
      <c r="E24947" s="1" t="s">
        <v>0</v>
      </c>
    </row>
    <row r="24948" spans="1:5" x14ac:dyDescent="0.25">
      <c r="A24948" s="1" t="s">
        <v>4534</v>
      </c>
      <c r="B24948" s="1" t="s">
        <v>51096</v>
      </c>
      <c r="C24948" s="1" t="s">
        <v>47178</v>
      </c>
      <c r="D24948" s="2">
        <v>177776</v>
      </c>
      <c r="E24948" s="1" t="s">
        <v>0</v>
      </c>
    </row>
    <row r="24949" spans="1:5" x14ac:dyDescent="0.25">
      <c r="A24949" s="1" t="s">
        <v>47179</v>
      </c>
      <c r="B24949" s="1" t="s">
        <v>56493</v>
      </c>
      <c r="C24949" s="1" t="s">
        <v>47180</v>
      </c>
      <c r="D24949" s="2">
        <v>177777</v>
      </c>
      <c r="E24949" s="1" t="s">
        <v>0</v>
      </c>
    </row>
    <row r="24950" spans="1:5" ht="409.5" x14ac:dyDescent="0.25">
      <c r="A24950" s="4" t="s">
        <v>47181</v>
      </c>
      <c r="B24950" s="1" t="s">
        <v>56494</v>
      </c>
      <c r="C24950" s="1" t="s">
        <v>47182</v>
      </c>
      <c r="D24950" s="2">
        <v>177778</v>
      </c>
      <c r="E24950" s="1" t="s">
        <v>0</v>
      </c>
    </row>
    <row r="24951" spans="1:5" x14ac:dyDescent="0.25">
      <c r="A24951" s="1" t="s">
        <v>47183</v>
      </c>
      <c r="B24951" s="1" t="s">
        <v>56495</v>
      </c>
      <c r="C24951" s="1" t="s">
        <v>47184</v>
      </c>
      <c r="D24951" s="2">
        <v>177779</v>
      </c>
      <c r="E24951" s="1" t="s">
        <v>0</v>
      </c>
    </row>
    <row r="24952" spans="1:5" x14ac:dyDescent="0.25">
      <c r="A24952" s="2">
        <v>4990</v>
      </c>
      <c r="B24952" s="2">
        <v>4990</v>
      </c>
      <c r="C24952" s="1" t="s">
        <v>0</v>
      </c>
      <c r="D24952" s="2">
        <v>177780</v>
      </c>
      <c r="E24952" s="1" t="s">
        <v>0</v>
      </c>
    </row>
    <row r="24953" spans="1:5" x14ac:dyDescent="0.25">
      <c r="A24953" s="1" t="s">
        <v>4535</v>
      </c>
      <c r="B24953" s="1" t="s">
        <v>56496</v>
      </c>
      <c r="C24953" s="1" t="s">
        <v>47185</v>
      </c>
      <c r="D24953" s="2">
        <v>177781</v>
      </c>
      <c r="E24953" s="1" t="s">
        <v>0</v>
      </c>
    </row>
    <row r="24954" spans="1:5" x14ac:dyDescent="0.25">
      <c r="A24954" s="1" t="s">
        <v>47186</v>
      </c>
      <c r="B24954" s="1" t="s">
        <v>56497</v>
      </c>
      <c r="C24954" s="1" t="s">
        <v>47187</v>
      </c>
      <c r="D24954" s="2">
        <v>177782</v>
      </c>
      <c r="E24954" s="1" t="s">
        <v>0</v>
      </c>
    </row>
    <row r="24955" spans="1:5" ht="409.5" x14ac:dyDescent="0.25">
      <c r="A24955" s="4" t="s">
        <v>47188</v>
      </c>
      <c r="B24955" s="1" t="s">
        <v>60316</v>
      </c>
      <c r="C24955" s="1" t="s">
        <v>47189</v>
      </c>
      <c r="D24955" s="2">
        <v>177783</v>
      </c>
      <c r="E24955" s="1" t="s">
        <v>0</v>
      </c>
    </row>
    <row r="24956" spans="1:5" x14ac:dyDescent="0.25">
      <c r="A24956" s="1" t="s">
        <v>47190</v>
      </c>
      <c r="B24956" s="1" t="s">
        <v>56498</v>
      </c>
      <c r="C24956" s="1" t="s">
        <v>47191</v>
      </c>
      <c r="D24956" s="2">
        <v>177784</v>
      </c>
      <c r="E24956" s="1" t="s">
        <v>0</v>
      </c>
    </row>
    <row r="24957" spans="1:5" x14ac:dyDescent="0.25">
      <c r="A24957" s="2">
        <v>4991</v>
      </c>
      <c r="B24957" s="2">
        <v>4991</v>
      </c>
      <c r="C24957" s="1" t="s">
        <v>0</v>
      </c>
      <c r="D24957" s="2">
        <v>177785</v>
      </c>
      <c r="E24957" s="1" t="s">
        <v>0</v>
      </c>
    </row>
    <row r="24958" spans="1:5" x14ac:dyDescent="0.25">
      <c r="A24958" s="1" t="s">
        <v>4536</v>
      </c>
      <c r="B24958" s="1" t="s">
        <v>56499</v>
      </c>
      <c r="C24958" s="1" t="s">
        <v>47192</v>
      </c>
      <c r="D24958" s="2">
        <v>177786</v>
      </c>
      <c r="E24958" s="1" t="s">
        <v>0</v>
      </c>
    </row>
    <row r="24959" spans="1:5" x14ac:dyDescent="0.25">
      <c r="A24959" s="1" t="s">
        <v>47193</v>
      </c>
      <c r="B24959" s="1" t="s">
        <v>12247</v>
      </c>
      <c r="C24959" s="1" t="s">
        <v>47194</v>
      </c>
      <c r="D24959" s="2">
        <v>177787</v>
      </c>
      <c r="E24959" s="1" t="s">
        <v>0</v>
      </c>
    </row>
    <row r="24960" spans="1:5" ht="409.5" x14ac:dyDescent="0.25">
      <c r="A24960" s="4" t="s">
        <v>47195</v>
      </c>
      <c r="B24960" s="1" t="s">
        <v>12248</v>
      </c>
      <c r="C24960" s="1" t="s">
        <v>47196</v>
      </c>
      <c r="D24960" s="2">
        <v>177788</v>
      </c>
      <c r="E24960" s="1" t="s">
        <v>0</v>
      </c>
    </row>
    <row r="24961" spans="1:5" x14ac:dyDescent="0.25">
      <c r="A24961" s="1" t="s">
        <v>47197</v>
      </c>
      <c r="B24961" s="1" t="s">
        <v>12249</v>
      </c>
      <c r="C24961" s="1" t="s">
        <v>47198</v>
      </c>
      <c r="D24961" s="2">
        <v>177789</v>
      </c>
      <c r="E24961" s="1" t="s">
        <v>0</v>
      </c>
    </row>
    <row r="24962" spans="1:5" x14ac:dyDescent="0.25">
      <c r="A24962" s="2">
        <v>4992</v>
      </c>
      <c r="B24962" s="2">
        <v>4992</v>
      </c>
      <c r="C24962" s="1" t="s">
        <v>0</v>
      </c>
      <c r="D24962" s="2">
        <v>177790</v>
      </c>
      <c r="E24962" s="1" t="s">
        <v>0</v>
      </c>
    </row>
    <row r="24963" spans="1:5" x14ac:dyDescent="0.25">
      <c r="A24963" s="1" t="s">
        <v>4537</v>
      </c>
      <c r="B24963" s="1" t="s">
        <v>12250</v>
      </c>
      <c r="C24963" s="1" t="s">
        <v>47199</v>
      </c>
      <c r="D24963" s="2">
        <v>177791</v>
      </c>
      <c r="E24963" s="1" t="s">
        <v>0</v>
      </c>
    </row>
    <row r="24964" spans="1:5" x14ac:dyDescent="0.25">
      <c r="A24964" s="1" t="s">
        <v>47200</v>
      </c>
      <c r="B24964" s="1" t="s">
        <v>63061</v>
      </c>
      <c r="C24964" s="1" t="s">
        <v>47201</v>
      </c>
      <c r="D24964" s="2">
        <v>177792</v>
      </c>
      <c r="E24964" s="1" t="s">
        <v>0</v>
      </c>
    </row>
    <row r="24965" spans="1:5" ht="409.5" x14ac:dyDescent="0.25">
      <c r="A24965" s="4" t="s">
        <v>47202</v>
      </c>
      <c r="B24965" s="1" t="s">
        <v>63062</v>
      </c>
      <c r="C24965" s="1" t="s">
        <v>47203</v>
      </c>
      <c r="D24965" s="2">
        <v>177793</v>
      </c>
      <c r="E24965" s="1" t="s">
        <v>0</v>
      </c>
    </row>
    <row r="24966" spans="1:5" x14ac:dyDescent="0.25">
      <c r="A24966" s="1" t="s">
        <v>47204</v>
      </c>
      <c r="B24966" s="1" t="s">
        <v>12251</v>
      </c>
      <c r="C24966" s="1" t="s">
        <v>47205</v>
      </c>
      <c r="D24966" s="2">
        <v>177794</v>
      </c>
      <c r="E24966" s="1" t="s">
        <v>0</v>
      </c>
    </row>
    <row r="24967" spans="1:5" x14ac:dyDescent="0.25">
      <c r="A24967" s="2">
        <v>4993</v>
      </c>
      <c r="B24967" s="2">
        <v>4993</v>
      </c>
      <c r="C24967" s="1" t="s">
        <v>0</v>
      </c>
      <c r="D24967" s="2">
        <v>177795</v>
      </c>
      <c r="E24967" s="1" t="s">
        <v>0</v>
      </c>
    </row>
    <row r="24968" spans="1:5" x14ac:dyDescent="0.25">
      <c r="A24968" s="1" t="s">
        <v>2834</v>
      </c>
      <c r="B24968" s="1" t="s">
        <v>54432</v>
      </c>
      <c r="C24968" s="1" t="s">
        <v>34432</v>
      </c>
      <c r="D24968" s="2">
        <v>177796</v>
      </c>
      <c r="E24968" s="1" t="s">
        <v>0</v>
      </c>
    </row>
    <row r="24969" spans="1:5" x14ac:dyDescent="0.25">
      <c r="A24969" s="1" t="s">
        <v>34433</v>
      </c>
      <c r="B24969" s="1" t="s">
        <v>60626</v>
      </c>
      <c r="C24969" s="1" t="s">
        <v>34434</v>
      </c>
      <c r="D24969" s="2">
        <v>177797</v>
      </c>
      <c r="E24969" s="1" t="s">
        <v>0</v>
      </c>
    </row>
    <row r="24970" spans="1:5" ht="409.5" x14ac:dyDescent="0.25">
      <c r="A24970" s="4" t="s">
        <v>34435</v>
      </c>
      <c r="B24970" s="1" t="s">
        <v>60627</v>
      </c>
      <c r="C24970" s="1" t="s">
        <v>34436</v>
      </c>
      <c r="D24970" s="2">
        <v>177798</v>
      </c>
      <c r="E24970" s="1" t="s">
        <v>0</v>
      </c>
    </row>
    <row r="24971" spans="1:5" x14ac:dyDescent="0.25">
      <c r="A24971" s="1" t="s">
        <v>47206</v>
      </c>
      <c r="B24971" s="1" t="s">
        <v>60672</v>
      </c>
      <c r="C24971" s="1" t="s">
        <v>47207</v>
      </c>
      <c r="D24971" s="2">
        <v>177799</v>
      </c>
      <c r="E24971" s="1" t="s">
        <v>0</v>
      </c>
    </row>
    <row r="24972" spans="1:5" x14ac:dyDescent="0.25">
      <c r="A24972" s="2">
        <v>4994</v>
      </c>
      <c r="B24972" s="2">
        <v>4994</v>
      </c>
      <c r="C24972" s="1" t="s">
        <v>0</v>
      </c>
      <c r="D24972" s="2">
        <v>177800</v>
      </c>
      <c r="E24972" s="1" t="s">
        <v>0</v>
      </c>
    </row>
    <row r="24973" spans="1:5" x14ac:dyDescent="0.25">
      <c r="A24973" s="1" t="s">
        <v>4538</v>
      </c>
      <c r="B24973" s="1" t="s">
        <v>56500</v>
      </c>
      <c r="C24973" s="1" t="s">
        <v>47208</v>
      </c>
      <c r="D24973" s="2">
        <v>177801</v>
      </c>
      <c r="E24973" s="1" t="s">
        <v>0</v>
      </c>
    </row>
    <row r="24974" spans="1:5" x14ac:dyDescent="0.25">
      <c r="A24974" s="1" t="s">
        <v>47209</v>
      </c>
      <c r="B24974" s="1" t="s">
        <v>56501</v>
      </c>
      <c r="C24974" s="1" t="s">
        <v>47210</v>
      </c>
      <c r="D24974" s="2">
        <v>177802</v>
      </c>
      <c r="E24974" s="1" t="s">
        <v>0</v>
      </c>
    </row>
    <row r="24975" spans="1:5" ht="409.5" x14ac:dyDescent="0.25">
      <c r="A24975" s="4" t="s">
        <v>64397</v>
      </c>
      <c r="B24975" s="1" t="s">
        <v>56502</v>
      </c>
      <c r="C24975" s="1" t="s">
        <v>47211</v>
      </c>
      <c r="D24975" s="2">
        <v>177803</v>
      </c>
      <c r="E24975" s="1" t="s">
        <v>0</v>
      </c>
    </row>
    <row r="24976" spans="1:5" x14ac:dyDescent="0.25">
      <c r="A24976" s="1" t="s">
        <v>47212</v>
      </c>
      <c r="B24976" s="1" t="s">
        <v>12252</v>
      </c>
      <c r="C24976" s="1" t="s">
        <v>47213</v>
      </c>
      <c r="D24976" s="2">
        <v>177804</v>
      </c>
      <c r="E24976" s="1" t="s">
        <v>0</v>
      </c>
    </row>
    <row r="24977" spans="1:5" x14ac:dyDescent="0.25">
      <c r="A24977" s="2">
        <v>4995</v>
      </c>
      <c r="B24977" s="2">
        <v>4995</v>
      </c>
      <c r="C24977" s="1" t="s">
        <v>0</v>
      </c>
      <c r="D24977" s="2">
        <v>177805</v>
      </c>
      <c r="E24977" s="1" t="s">
        <v>0</v>
      </c>
    </row>
    <row r="24978" spans="1:5" x14ac:dyDescent="0.25">
      <c r="A24978" s="1" t="s">
        <v>4539</v>
      </c>
      <c r="B24978" s="1" t="s">
        <v>56503</v>
      </c>
      <c r="C24978" s="1" t="s">
        <v>47214</v>
      </c>
      <c r="D24978" s="2">
        <v>177806</v>
      </c>
      <c r="E24978" s="1" t="s">
        <v>0</v>
      </c>
    </row>
    <row r="24979" spans="1:5" x14ac:dyDescent="0.25">
      <c r="A24979" s="1" t="s">
        <v>47215</v>
      </c>
      <c r="B24979" s="1" t="s">
        <v>56504</v>
      </c>
      <c r="C24979" s="1" t="s">
        <v>47216</v>
      </c>
      <c r="D24979" s="2">
        <v>177807</v>
      </c>
      <c r="E24979" s="1" t="s">
        <v>0</v>
      </c>
    </row>
    <row r="24980" spans="1:5" ht="409.5" x14ac:dyDescent="0.25">
      <c r="A24980" s="4" t="s">
        <v>47217</v>
      </c>
      <c r="B24980" s="1" t="s">
        <v>56505</v>
      </c>
      <c r="C24980" s="1" t="s">
        <v>47218</v>
      </c>
      <c r="D24980" s="2">
        <v>177808</v>
      </c>
      <c r="E24980" s="1" t="s">
        <v>0</v>
      </c>
    </row>
    <row r="24981" spans="1:5" x14ac:dyDescent="0.25">
      <c r="A24981" s="1" t="s">
        <v>47219</v>
      </c>
      <c r="B24981" s="1" t="s">
        <v>56506</v>
      </c>
      <c r="C24981" s="1" t="s">
        <v>47220</v>
      </c>
      <c r="D24981" s="2">
        <v>177809</v>
      </c>
      <c r="E24981" s="1" t="s">
        <v>0</v>
      </c>
    </row>
    <row r="24982" spans="1:5" x14ac:dyDescent="0.25">
      <c r="A24982" s="2">
        <v>4996</v>
      </c>
      <c r="B24982" s="2">
        <v>4996</v>
      </c>
      <c r="C24982" s="1" t="s">
        <v>0</v>
      </c>
      <c r="D24982" s="2">
        <v>177810</v>
      </c>
      <c r="E24982" s="1" t="s">
        <v>0</v>
      </c>
    </row>
    <row r="24983" spans="1:5" x14ac:dyDescent="0.25">
      <c r="A24983" s="1" t="s">
        <v>4540</v>
      </c>
      <c r="B24983" s="1" t="s">
        <v>12253</v>
      </c>
      <c r="C24983" s="1" t="s">
        <v>47221</v>
      </c>
      <c r="D24983" s="2">
        <v>177811</v>
      </c>
      <c r="E24983" s="1" t="s">
        <v>0</v>
      </c>
    </row>
    <row r="24984" spans="1:5" x14ac:dyDescent="0.25">
      <c r="A24984" s="1" t="s">
        <v>47222</v>
      </c>
      <c r="B24984" s="1" t="s">
        <v>56507</v>
      </c>
      <c r="C24984" s="1" t="s">
        <v>47223</v>
      </c>
      <c r="D24984" s="2">
        <v>177812</v>
      </c>
      <c r="E24984" s="1" t="s">
        <v>0</v>
      </c>
    </row>
    <row r="24985" spans="1:5" ht="409.5" x14ac:dyDescent="0.25">
      <c r="A24985" s="4" t="s">
        <v>47224</v>
      </c>
      <c r="B24985" s="1" t="s">
        <v>56508</v>
      </c>
      <c r="C24985" s="1" t="s">
        <v>47225</v>
      </c>
      <c r="D24985" s="2">
        <v>177813</v>
      </c>
      <c r="E24985" s="1" t="s">
        <v>0</v>
      </c>
    </row>
    <row r="24986" spans="1:5" x14ac:dyDescent="0.25">
      <c r="A24986" s="1" t="s">
        <v>35605</v>
      </c>
      <c r="B24986" s="1" t="s">
        <v>61217</v>
      </c>
      <c r="C24986" s="1" t="s">
        <v>35606</v>
      </c>
      <c r="D24986" s="2">
        <v>177814</v>
      </c>
      <c r="E24986" s="1" t="s">
        <v>0</v>
      </c>
    </row>
    <row r="24987" spans="1:5" x14ac:dyDescent="0.25">
      <c r="A24987" s="2">
        <v>4997</v>
      </c>
      <c r="B24987" s="2">
        <v>4997</v>
      </c>
      <c r="C24987" s="1" t="s">
        <v>0</v>
      </c>
      <c r="D24987" s="2">
        <v>177815</v>
      </c>
      <c r="E24987" s="1" t="s">
        <v>0</v>
      </c>
    </row>
    <row r="24988" spans="1:5" x14ac:dyDescent="0.25">
      <c r="A24988" s="1" t="s">
        <v>4541</v>
      </c>
      <c r="B24988" s="1" t="s">
        <v>60317</v>
      </c>
      <c r="C24988" s="1" t="s">
        <v>47226</v>
      </c>
      <c r="D24988" s="2">
        <v>177816</v>
      </c>
      <c r="E24988" s="1" t="s">
        <v>0</v>
      </c>
    </row>
    <row r="24989" spans="1:5" x14ac:dyDescent="0.25">
      <c r="A24989" s="1" t="s">
        <v>47227</v>
      </c>
      <c r="B24989" s="1" t="s">
        <v>60318</v>
      </c>
      <c r="C24989" s="1" t="s">
        <v>47228</v>
      </c>
      <c r="D24989" s="2">
        <v>177817</v>
      </c>
      <c r="E24989" s="1" t="s">
        <v>0</v>
      </c>
    </row>
    <row r="24990" spans="1:5" ht="409.5" x14ac:dyDescent="0.25">
      <c r="A24990" s="4" t="s">
        <v>47229</v>
      </c>
      <c r="B24990" s="1" t="s">
        <v>60319</v>
      </c>
      <c r="C24990" s="1" t="s">
        <v>47230</v>
      </c>
      <c r="D24990" s="2">
        <v>177818</v>
      </c>
      <c r="E24990" s="1" t="s">
        <v>0</v>
      </c>
    </row>
    <row r="24991" spans="1:5" x14ac:dyDescent="0.25">
      <c r="A24991" s="1" t="s">
        <v>47231</v>
      </c>
      <c r="B24991" s="1" t="s">
        <v>60320</v>
      </c>
      <c r="C24991" s="1" t="s">
        <v>47232</v>
      </c>
      <c r="D24991" s="2">
        <v>177819</v>
      </c>
      <c r="E24991" s="1" t="s">
        <v>0</v>
      </c>
    </row>
    <row r="24992" spans="1:5" x14ac:dyDescent="0.25">
      <c r="A24992" s="2">
        <v>4998</v>
      </c>
      <c r="B24992" s="2">
        <v>4998</v>
      </c>
      <c r="C24992" s="1" t="s">
        <v>0</v>
      </c>
      <c r="D24992" s="2">
        <v>177820</v>
      </c>
      <c r="E24992" s="1" t="s">
        <v>0</v>
      </c>
    </row>
    <row r="24993" spans="1:5" x14ac:dyDescent="0.25">
      <c r="A24993" s="1" t="s">
        <v>4542</v>
      </c>
      <c r="B24993" s="1" t="s">
        <v>56509</v>
      </c>
      <c r="C24993" s="1" t="s">
        <v>47233</v>
      </c>
      <c r="D24993" s="2">
        <v>177821</v>
      </c>
      <c r="E24993" s="1" t="s">
        <v>0</v>
      </c>
    </row>
    <row r="24994" spans="1:5" x14ac:dyDescent="0.25">
      <c r="A24994" s="1" t="s">
        <v>47234</v>
      </c>
      <c r="B24994" s="1" t="s">
        <v>56510</v>
      </c>
      <c r="C24994" s="1" t="s">
        <v>47235</v>
      </c>
      <c r="D24994" s="2">
        <v>177822</v>
      </c>
      <c r="E24994" s="1" t="s">
        <v>0</v>
      </c>
    </row>
    <row r="24995" spans="1:5" ht="409.5" x14ac:dyDescent="0.25">
      <c r="A24995" s="4" t="s">
        <v>47236</v>
      </c>
      <c r="B24995" s="1" t="s">
        <v>56511</v>
      </c>
      <c r="C24995" s="1" t="s">
        <v>47237</v>
      </c>
      <c r="D24995" s="2">
        <v>177823</v>
      </c>
      <c r="E24995" s="1" t="s">
        <v>0</v>
      </c>
    </row>
    <row r="24996" spans="1:5" x14ac:dyDescent="0.25">
      <c r="A24996" s="1" t="s">
        <v>47238</v>
      </c>
      <c r="B24996" s="1" t="s">
        <v>12254</v>
      </c>
      <c r="C24996" s="1" t="s">
        <v>47239</v>
      </c>
      <c r="D24996" s="2">
        <v>177824</v>
      </c>
      <c r="E24996" s="1" t="s">
        <v>0</v>
      </c>
    </row>
    <row r="24997" spans="1:5" x14ac:dyDescent="0.25">
      <c r="A24997" s="2">
        <v>4999</v>
      </c>
      <c r="B24997" s="2">
        <v>4999</v>
      </c>
      <c r="C24997" s="1" t="s">
        <v>0</v>
      </c>
      <c r="D24997" s="2">
        <v>177825</v>
      </c>
      <c r="E24997" s="1" t="s">
        <v>0</v>
      </c>
    </row>
    <row r="24998" spans="1:5" x14ac:dyDescent="0.25">
      <c r="A24998" s="1" t="s">
        <v>4543</v>
      </c>
      <c r="B24998" s="1" t="s">
        <v>12255</v>
      </c>
      <c r="C24998" s="1" t="s">
        <v>47240</v>
      </c>
      <c r="D24998" s="2">
        <v>177826</v>
      </c>
      <c r="E24998" s="1" t="s">
        <v>0</v>
      </c>
    </row>
    <row r="24999" spans="1:5" x14ac:dyDescent="0.25">
      <c r="A24999" s="1" t="s">
        <v>47241</v>
      </c>
      <c r="B24999" s="1" t="s">
        <v>63841</v>
      </c>
      <c r="C24999" s="1" t="s">
        <v>47242</v>
      </c>
      <c r="D24999" s="2">
        <v>177827</v>
      </c>
      <c r="E24999" s="1" t="s">
        <v>0</v>
      </c>
    </row>
    <row r="25000" spans="1:5" ht="409.5" x14ac:dyDescent="0.25">
      <c r="A25000" s="4" t="s">
        <v>47243</v>
      </c>
      <c r="B25000" s="1" t="s">
        <v>63842</v>
      </c>
      <c r="C25000" s="1" t="s">
        <v>47244</v>
      </c>
      <c r="D25000" s="2">
        <v>177828</v>
      </c>
      <c r="E25000" s="1" t="s">
        <v>0</v>
      </c>
    </row>
    <row r="25001" spans="1:5" x14ac:dyDescent="0.25">
      <c r="A25001" s="1" t="s">
        <v>47245</v>
      </c>
      <c r="B25001" s="1" t="s">
        <v>61423</v>
      </c>
      <c r="C25001" s="1" t="s">
        <v>47246</v>
      </c>
      <c r="D25001" s="2">
        <v>177829</v>
      </c>
      <c r="E25001" s="1" t="s">
        <v>0</v>
      </c>
    </row>
    <row r="25002" spans="1:5" x14ac:dyDescent="0.25">
      <c r="A25002" s="2">
        <v>5000</v>
      </c>
      <c r="B25002" s="2">
        <v>5000</v>
      </c>
      <c r="C25002" s="1" t="s">
        <v>0</v>
      </c>
      <c r="D25002" s="2">
        <v>177830</v>
      </c>
      <c r="E25002" s="1" t="s">
        <v>0</v>
      </c>
    </row>
    <row r="25003" spans="1:5" x14ac:dyDescent="0.25">
      <c r="A25003" s="1" t="s">
        <v>4544</v>
      </c>
      <c r="B25003" s="1" t="s">
        <v>12256</v>
      </c>
      <c r="C25003" s="1" t="s">
        <v>47247</v>
      </c>
      <c r="D25003" s="2">
        <v>177831</v>
      </c>
      <c r="E25003" s="1" t="s">
        <v>0</v>
      </c>
    </row>
    <row r="25004" spans="1:5" x14ac:dyDescent="0.25">
      <c r="A25004" s="1" t="s">
        <v>47248</v>
      </c>
      <c r="B25004" s="1" t="s">
        <v>56512</v>
      </c>
      <c r="C25004" s="1" t="s">
        <v>47249</v>
      </c>
      <c r="D25004" s="2">
        <v>177832</v>
      </c>
      <c r="E25004" s="1" t="s">
        <v>0</v>
      </c>
    </row>
    <row r="25005" spans="1:5" ht="409.5" x14ac:dyDescent="0.25">
      <c r="A25005" s="4" t="s">
        <v>47250</v>
      </c>
      <c r="B25005" s="1" t="s">
        <v>60801</v>
      </c>
      <c r="C25005" s="1" t="s">
        <v>47251</v>
      </c>
      <c r="D25005" s="2">
        <v>177833</v>
      </c>
      <c r="E25005" s="1" t="s">
        <v>0</v>
      </c>
    </row>
    <row r="25006" spans="1:5" x14ac:dyDescent="0.25">
      <c r="A25006" s="1" t="s">
        <v>40343</v>
      </c>
      <c r="B25006" s="1" t="s">
        <v>61296</v>
      </c>
      <c r="C25006" s="1" t="s">
        <v>40344</v>
      </c>
      <c r="D25006" s="2">
        <v>177834</v>
      </c>
      <c r="E25006" s="1" t="s">
        <v>0</v>
      </c>
    </row>
    <row r="25007" spans="1:5" x14ac:dyDescent="0.25">
      <c r="A25007" s="2">
        <v>5001</v>
      </c>
      <c r="B25007" s="2">
        <v>5001</v>
      </c>
      <c r="C25007" s="1" t="s">
        <v>0</v>
      </c>
      <c r="D25007" s="2">
        <v>177835</v>
      </c>
      <c r="E25007" s="1" t="s">
        <v>0</v>
      </c>
    </row>
    <row r="25008" spans="1:5" x14ac:dyDescent="0.25">
      <c r="A25008" s="1" t="s">
        <v>4545</v>
      </c>
      <c r="B25008" s="1" t="s">
        <v>12257</v>
      </c>
      <c r="C25008" s="1" t="s">
        <v>47252</v>
      </c>
      <c r="D25008" s="2">
        <v>177836</v>
      </c>
      <c r="E25008" s="1" t="s">
        <v>0</v>
      </c>
    </row>
    <row r="25009" spans="1:5" x14ac:dyDescent="0.25">
      <c r="A25009" s="1" t="s">
        <v>47253</v>
      </c>
      <c r="B25009" s="1" t="s">
        <v>12258</v>
      </c>
      <c r="C25009" s="1" t="s">
        <v>47254</v>
      </c>
      <c r="D25009" s="2">
        <v>177837</v>
      </c>
      <c r="E25009" s="1" t="s">
        <v>0</v>
      </c>
    </row>
    <row r="25010" spans="1:5" ht="409.5" x14ac:dyDescent="0.25">
      <c r="A25010" s="4" t="s">
        <v>47255</v>
      </c>
      <c r="B25010" s="1" t="s">
        <v>56889</v>
      </c>
      <c r="C25010" s="1" t="s">
        <v>47256</v>
      </c>
      <c r="D25010" s="2">
        <v>177838</v>
      </c>
      <c r="E25010" s="1" t="s">
        <v>0</v>
      </c>
    </row>
    <row r="25011" spans="1:5" x14ac:dyDescent="0.25">
      <c r="A25011" s="1" t="s">
        <v>47257</v>
      </c>
      <c r="B25011" s="1" t="s">
        <v>12259</v>
      </c>
      <c r="C25011" s="1" t="s">
        <v>47258</v>
      </c>
      <c r="D25011" s="2">
        <v>177839</v>
      </c>
      <c r="E25011" s="1" t="s">
        <v>0</v>
      </c>
    </row>
    <row r="25012" spans="1:5" x14ac:dyDescent="0.25">
      <c r="A25012" s="2">
        <v>5002</v>
      </c>
      <c r="B25012" s="2">
        <v>5002</v>
      </c>
      <c r="C25012" s="1" t="s">
        <v>0</v>
      </c>
      <c r="D25012" s="2">
        <v>177840</v>
      </c>
      <c r="E25012" s="1" t="s">
        <v>0</v>
      </c>
    </row>
    <row r="25013" spans="1:5" x14ac:dyDescent="0.25">
      <c r="A25013" s="1" t="s">
        <v>4546</v>
      </c>
      <c r="B25013" s="1" t="s">
        <v>12260</v>
      </c>
      <c r="C25013" s="1" t="s">
        <v>47259</v>
      </c>
      <c r="D25013" s="2">
        <v>177841</v>
      </c>
      <c r="E25013" s="1" t="s">
        <v>0</v>
      </c>
    </row>
    <row r="25014" spans="1:5" x14ac:dyDescent="0.25">
      <c r="A25014" s="1" t="s">
        <v>47260</v>
      </c>
      <c r="B25014" s="1" t="s">
        <v>12261</v>
      </c>
      <c r="C25014" s="1" t="s">
        <v>47261</v>
      </c>
      <c r="D25014" s="2">
        <v>177842</v>
      </c>
      <c r="E25014" s="1" t="s">
        <v>0</v>
      </c>
    </row>
    <row r="25015" spans="1:5" ht="409.5" x14ac:dyDescent="0.25">
      <c r="A25015" s="4" t="s">
        <v>64398</v>
      </c>
      <c r="B25015" s="1" t="s">
        <v>58029</v>
      </c>
      <c r="C25015" s="1" t="s">
        <v>47262</v>
      </c>
      <c r="D25015" s="2">
        <v>177843</v>
      </c>
      <c r="E25015" s="1" t="s">
        <v>0</v>
      </c>
    </row>
    <row r="25016" spans="1:5" x14ac:dyDescent="0.25">
      <c r="A25016" s="1" t="s">
        <v>47263</v>
      </c>
      <c r="B25016" s="1" t="s">
        <v>56513</v>
      </c>
      <c r="C25016" s="1" t="s">
        <v>47264</v>
      </c>
      <c r="D25016" s="2">
        <v>177844</v>
      </c>
      <c r="E25016" s="1" t="s">
        <v>0</v>
      </c>
    </row>
    <row r="25017" spans="1:5" x14ac:dyDescent="0.25">
      <c r="A25017" s="2">
        <v>5003</v>
      </c>
      <c r="B25017" s="2">
        <v>5003</v>
      </c>
      <c r="C25017" s="1" t="s">
        <v>0</v>
      </c>
      <c r="D25017" s="2">
        <v>177845</v>
      </c>
      <c r="E25017" s="1" t="s">
        <v>0</v>
      </c>
    </row>
    <row r="25018" spans="1:5" x14ac:dyDescent="0.25">
      <c r="A25018" s="1" t="s">
        <v>4547</v>
      </c>
      <c r="B25018" s="1" t="s">
        <v>12262</v>
      </c>
      <c r="C25018" s="1" t="s">
        <v>47265</v>
      </c>
      <c r="D25018" s="2">
        <v>177846</v>
      </c>
      <c r="E25018" s="1" t="s">
        <v>0</v>
      </c>
    </row>
    <row r="25019" spans="1:5" x14ac:dyDescent="0.25">
      <c r="A25019" s="1" t="s">
        <v>47266</v>
      </c>
      <c r="B25019" s="1" t="s">
        <v>13316</v>
      </c>
      <c r="C25019" s="1" t="s">
        <v>47267</v>
      </c>
      <c r="D25019" s="2">
        <v>177847</v>
      </c>
      <c r="E25019" s="1" t="s">
        <v>0</v>
      </c>
    </row>
    <row r="25020" spans="1:5" ht="409.5" x14ac:dyDescent="0.25">
      <c r="A25020" s="4" t="s">
        <v>47268</v>
      </c>
      <c r="B25020" s="1" t="s">
        <v>56514</v>
      </c>
      <c r="C25020" s="1" t="s">
        <v>47269</v>
      </c>
      <c r="D25020" s="2">
        <v>177848</v>
      </c>
      <c r="E25020" s="1" t="s">
        <v>0</v>
      </c>
    </row>
    <row r="25021" spans="1:5" x14ac:dyDescent="0.25">
      <c r="A25021" s="1" t="s">
        <v>47270</v>
      </c>
      <c r="B25021" s="1" t="s">
        <v>12263</v>
      </c>
      <c r="C25021" s="1" t="s">
        <v>47271</v>
      </c>
      <c r="D25021" s="2">
        <v>177849</v>
      </c>
      <c r="E25021" s="1" t="s">
        <v>0</v>
      </c>
    </row>
    <row r="25022" spans="1:5" x14ac:dyDescent="0.25">
      <c r="A25022" s="2">
        <v>5004</v>
      </c>
      <c r="B25022" s="2">
        <v>5004</v>
      </c>
      <c r="C25022" s="1" t="s">
        <v>0</v>
      </c>
      <c r="D25022" s="2">
        <v>177850</v>
      </c>
      <c r="E25022" s="1" t="s">
        <v>0</v>
      </c>
    </row>
    <row r="25023" spans="1:5" x14ac:dyDescent="0.25">
      <c r="A25023" s="1" t="s">
        <v>4548</v>
      </c>
      <c r="B25023" s="1" t="s">
        <v>12264</v>
      </c>
      <c r="C25023" s="1" t="s">
        <v>47272</v>
      </c>
      <c r="D25023" s="2">
        <v>177851</v>
      </c>
      <c r="E25023" s="1" t="s">
        <v>0</v>
      </c>
    </row>
    <row r="25024" spans="1:5" x14ac:dyDescent="0.25">
      <c r="A25024" s="1" t="s">
        <v>47273</v>
      </c>
      <c r="B25024" s="1" t="s">
        <v>12265</v>
      </c>
      <c r="C25024" s="1" t="s">
        <v>47274</v>
      </c>
      <c r="D25024" s="2">
        <v>177852</v>
      </c>
      <c r="E25024" s="1" t="s">
        <v>0</v>
      </c>
    </row>
    <row r="25025" spans="1:5" ht="409.5" x14ac:dyDescent="0.25">
      <c r="A25025" s="4" t="s">
        <v>47275</v>
      </c>
      <c r="B25025" s="1" t="s">
        <v>56515</v>
      </c>
      <c r="C25025" s="1" t="s">
        <v>47276</v>
      </c>
      <c r="D25025" s="2">
        <v>177853</v>
      </c>
      <c r="E25025" s="1" t="s">
        <v>0</v>
      </c>
    </row>
    <row r="25026" spans="1:5" x14ac:dyDescent="0.25">
      <c r="A25026" s="1" t="s">
        <v>47277</v>
      </c>
      <c r="B25026" s="1" t="s">
        <v>12266</v>
      </c>
      <c r="C25026" s="1" t="s">
        <v>47278</v>
      </c>
      <c r="D25026" s="2">
        <v>177854</v>
      </c>
      <c r="E25026" s="1" t="s">
        <v>0</v>
      </c>
    </row>
    <row r="25027" spans="1:5" x14ac:dyDescent="0.25">
      <c r="A25027" s="2">
        <v>5005</v>
      </c>
      <c r="B25027" s="2">
        <v>5005</v>
      </c>
      <c r="C25027" s="1" t="s">
        <v>0</v>
      </c>
      <c r="D25027" s="2">
        <v>177855</v>
      </c>
      <c r="E25027" s="1" t="s">
        <v>0</v>
      </c>
    </row>
    <row r="25028" spans="1:5" x14ac:dyDescent="0.25">
      <c r="A25028" s="1" t="s">
        <v>4549</v>
      </c>
      <c r="B25028" s="1" t="s">
        <v>12267</v>
      </c>
      <c r="C25028" s="1" t="s">
        <v>47279</v>
      </c>
      <c r="D25028" s="2">
        <v>177856</v>
      </c>
      <c r="E25028" s="1" t="s">
        <v>0</v>
      </c>
    </row>
    <row r="25029" spans="1:5" x14ac:dyDescent="0.25">
      <c r="A25029" s="1" t="s">
        <v>47280</v>
      </c>
      <c r="B25029" s="1" t="s">
        <v>58030</v>
      </c>
      <c r="C25029" s="1" t="s">
        <v>47281</v>
      </c>
      <c r="D25029" s="2">
        <v>177857</v>
      </c>
      <c r="E25029" s="1" t="s">
        <v>0</v>
      </c>
    </row>
    <row r="25030" spans="1:5" ht="409.5" x14ac:dyDescent="0.25">
      <c r="A25030" s="4" t="s">
        <v>47282</v>
      </c>
      <c r="B25030" s="1" t="s">
        <v>58031</v>
      </c>
      <c r="C25030" s="1" t="s">
        <v>47283</v>
      </c>
      <c r="D25030" s="2">
        <v>177858</v>
      </c>
      <c r="E25030" s="1" t="s">
        <v>0</v>
      </c>
    </row>
    <row r="25031" spans="1:5" x14ac:dyDescent="0.25">
      <c r="A25031" s="1" t="s">
        <v>14855</v>
      </c>
      <c r="B25031" s="1" t="s">
        <v>60879</v>
      </c>
      <c r="C25031" s="1" t="s">
        <v>14856</v>
      </c>
      <c r="D25031" s="2">
        <v>177859</v>
      </c>
      <c r="E25031" s="1" t="s">
        <v>0</v>
      </c>
    </row>
    <row r="25032" spans="1:5" x14ac:dyDescent="0.25">
      <c r="A25032" s="2">
        <v>5006</v>
      </c>
      <c r="B25032" s="2">
        <v>5006</v>
      </c>
      <c r="C25032" s="1" t="s">
        <v>0</v>
      </c>
      <c r="D25032" s="2">
        <v>177860</v>
      </c>
      <c r="E25032" s="1" t="s">
        <v>0</v>
      </c>
    </row>
    <row r="25033" spans="1:5" x14ac:dyDescent="0.25">
      <c r="A25033" s="1" t="s">
        <v>4550</v>
      </c>
      <c r="B25033" s="1" t="s">
        <v>12268</v>
      </c>
      <c r="C25033" s="1" t="s">
        <v>47284</v>
      </c>
      <c r="D25033" s="2">
        <v>177861</v>
      </c>
      <c r="E25033" s="1" t="s">
        <v>0</v>
      </c>
    </row>
    <row r="25034" spans="1:5" x14ac:dyDescent="0.25">
      <c r="A25034" s="1" t="s">
        <v>47285</v>
      </c>
      <c r="B25034" s="1" t="s">
        <v>60802</v>
      </c>
      <c r="C25034" s="1" t="s">
        <v>47286</v>
      </c>
      <c r="D25034" s="2">
        <v>177862</v>
      </c>
      <c r="E25034" s="1" t="s">
        <v>0</v>
      </c>
    </row>
    <row r="25035" spans="1:5" ht="409.5" x14ac:dyDescent="0.25">
      <c r="A25035" s="4" t="s">
        <v>47287</v>
      </c>
      <c r="B25035" s="1" t="s">
        <v>63063</v>
      </c>
      <c r="C25035" s="1" t="s">
        <v>47288</v>
      </c>
      <c r="D25035" s="2">
        <v>177863</v>
      </c>
      <c r="E25035" s="1" t="s">
        <v>0</v>
      </c>
    </row>
    <row r="25036" spans="1:5" x14ac:dyDescent="0.25">
      <c r="A25036" s="1" t="s">
        <v>47289</v>
      </c>
      <c r="B25036" s="1" t="s">
        <v>56516</v>
      </c>
      <c r="C25036" s="1" t="s">
        <v>47290</v>
      </c>
      <c r="D25036" s="2">
        <v>177864</v>
      </c>
      <c r="E25036" s="1" t="s">
        <v>0</v>
      </c>
    </row>
    <row r="25037" spans="1:5" x14ac:dyDescent="0.25">
      <c r="A25037" s="2">
        <v>5007</v>
      </c>
      <c r="B25037" s="2">
        <v>5007</v>
      </c>
      <c r="C25037" s="1" t="s">
        <v>0</v>
      </c>
      <c r="D25037" s="2">
        <v>177865</v>
      </c>
      <c r="E25037" s="1" t="s">
        <v>0</v>
      </c>
    </row>
    <row r="25038" spans="1:5" x14ac:dyDescent="0.25">
      <c r="A25038" s="1" t="s">
        <v>4551</v>
      </c>
      <c r="B25038" s="1" t="s">
        <v>12269</v>
      </c>
      <c r="C25038" s="1" t="s">
        <v>47291</v>
      </c>
      <c r="D25038" s="2">
        <v>177866</v>
      </c>
      <c r="E25038" s="1" t="s">
        <v>0</v>
      </c>
    </row>
    <row r="25039" spans="1:5" x14ac:dyDescent="0.25">
      <c r="A25039" s="1" t="s">
        <v>47292</v>
      </c>
      <c r="B25039" s="1" t="s">
        <v>56517</v>
      </c>
      <c r="C25039" s="1" t="s">
        <v>47293</v>
      </c>
      <c r="D25039" s="2">
        <v>177867</v>
      </c>
      <c r="E25039" s="1" t="s">
        <v>0</v>
      </c>
    </row>
    <row r="25040" spans="1:5" ht="409.5" x14ac:dyDescent="0.25">
      <c r="A25040" s="4" t="s">
        <v>47294</v>
      </c>
      <c r="B25040" s="1" t="s">
        <v>63064</v>
      </c>
      <c r="C25040" s="1" t="s">
        <v>47295</v>
      </c>
      <c r="D25040" s="2">
        <v>177868</v>
      </c>
      <c r="E25040" s="1" t="s">
        <v>0</v>
      </c>
    </row>
    <row r="25041" spans="1:5" x14ac:dyDescent="0.25">
      <c r="A25041" s="1" t="s">
        <v>47296</v>
      </c>
      <c r="B25041" s="1" t="s">
        <v>12270</v>
      </c>
      <c r="C25041" s="1" t="s">
        <v>47297</v>
      </c>
      <c r="D25041" s="2">
        <v>177869</v>
      </c>
      <c r="E25041" s="1" t="s">
        <v>0</v>
      </c>
    </row>
    <row r="25042" spans="1:5" x14ac:dyDescent="0.25">
      <c r="A25042" s="2">
        <v>5008</v>
      </c>
      <c r="B25042" s="2">
        <v>5008</v>
      </c>
      <c r="C25042" s="1" t="s">
        <v>0</v>
      </c>
      <c r="D25042" s="2">
        <v>177870</v>
      </c>
      <c r="E25042" s="1" t="s">
        <v>0</v>
      </c>
    </row>
    <row r="25043" spans="1:5" x14ac:dyDescent="0.25">
      <c r="A25043" s="1" t="s">
        <v>4552</v>
      </c>
      <c r="B25043" s="1" t="s">
        <v>12271</v>
      </c>
      <c r="C25043" s="1" t="s">
        <v>47298</v>
      </c>
      <c r="D25043" s="2">
        <v>177871</v>
      </c>
      <c r="E25043" s="1" t="s">
        <v>0</v>
      </c>
    </row>
    <row r="25044" spans="1:5" x14ac:dyDescent="0.25">
      <c r="A25044" s="1" t="s">
        <v>47299</v>
      </c>
      <c r="B25044" s="1" t="s">
        <v>58032</v>
      </c>
      <c r="C25044" s="1" t="s">
        <v>47300</v>
      </c>
      <c r="D25044" s="2">
        <v>177872</v>
      </c>
      <c r="E25044" s="1" t="s">
        <v>0</v>
      </c>
    </row>
    <row r="25045" spans="1:5" ht="409.5" x14ac:dyDescent="0.25">
      <c r="A25045" s="4" t="s">
        <v>47301</v>
      </c>
      <c r="B25045" s="1" t="s">
        <v>58033</v>
      </c>
      <c r="C25045" s="1" t="s">
        <v>47302</v>
      </c>
      <c r="D25045" s="2">
        <v>177873</v>
      </c>
      <c r="E25045" s="1" t="s">
        <v>0</v>
      </c>
    </row>
    <row r="25046" spans="1:5" x14ac:dyDescent="0.25">
      <c r="A25046" s="1" t="s">
        <v>47303</v>
      </c>
      <c r="B25046" s="1" t="s">
        <v>12272</v>
      </c>
      <c r="C25046" s="1" t="s">
        <v>47304</v>
      </c>
      <c r="D25046" s="2">
        <v>177874</v>
      </c>
      <c r="E25046" s="1" t="s">
        <v>0</v>
      </c>
    </row>
    <row r="25047" spans="1:5" x14ac:dyDescent="0.25">
      <c r="A25047" s="2">
        <v>5009</v>
      </c>
      <c r="B25047" s="2">
        <v>5009</v>
      </c>
      <c r="C25047" s="1" t="s">
        <v>0</v>
      </c>
      <c r="D25047" s="2">
        <v>177875</v>
      </c>
      <c r="E25047" s="1" t="s">
        <v>0</v>
      </c>
    </row>
    <row r="25048" spans="1:5" x14ac:dyDescent="0.25">
      <c r="A25048" s="1" t="s">
        <v>4553</v>
      </c>
      <c r="B25048" s="1" t="s">
        <v>12273</v>
      </c>
      <c r="C25048" s="1" t="s">
        <v>47305</v>
      </c>
      <c r="D25048" s="2">
        <v>177876</v>
      </c>
      <c r="E25048" s="1" t="s">
        <v>0</v>
      </c>
    </row>
    <row r="25049" spans="1:5" x14ac:dyDescent="0.25">
      <c r="A25049" s="1" t="s">
        <v>47306</v>
      </c>
      <c r="B25049" s="1" t="s">
        <v>60475</v>
      </c>
      <c r="C25049" s="1" t="s">
        <v>47307</v>
      </c>
      <c r="D25049" s="2">
        <v>177877</v>
      </c>
      <c r="E25049" s="1" t="s">
        <v>0</v>
      </c>
    </row>
    <row r="25050" spans="1:5" ht="409.5" x14ac:dyDescent="0.25">
      <c r="A25050" s="4" t="s">
        <v>47308</v>
      </c>
      <c r="B25050" s="1" t="s">
        <v>60476</v>
      </c>
      <c r="C25050" s="1" t="s">
        <v>47309</v>
      </c>
      <c r="D25050" s="2">
        <v>177878</v>
      </c>
      <c r="E25050" s="1" t="s">
        <v>0</v>
      </c>
    </row>
    <row r="25051" spans="1:5" x14ac:dyDescent="0.25">
      <c r="A25051" s="1" t="s">
        <v>47310</v>
      </c>
      <c r="B25051" s="1" t="s">
        <v>12274</v>
      </c>
      <c r="C25051" s="1" t="s">
        <v>47311</v>
      </c>
      <c r="D25051" s="2">
        <v>177879</v>
      </c>
      <c r="E25051" s="1" t="s">
        <v>0</v>
      </c>
    </row>
    <row r="25052" spans="1:5" x14ac:dyDescent="0.25">
      <c r="A25052" s="2">
        <v>5010</v>
      </c>
      <c r="B25052" s="2">
        <v>5010</v>
      </c>
      <c r="C25052" s="1" t="s">
        <v>0</v>
      </c>
      <c r="D25052" s="2">
        <v>177880</v>
      </c>
      <c r="E25052" s="1" t="s">
        <v>0</v>
      </c>
    </row>
    <row r="25053" spans="1:5" x14ac:dyDescent="0.25">
      <c r="A25053" s="1" t="s">
        <v>13317</v>
      </c>
      <c r="B25053" s="1" t="s">
        <v>12275</v>
      </c>
      <c r="C25053" s="1" t="s">
        <v>47312</v>
      </c>
      <c r="D25053" s="2">
        <v>177881</v>
      </c>
      <c r="E25053" s="1" t="s">
        <v>0</v>
      </c>
    </row>
    <row r="25054" spans="1:5" x14ac:dyDescent="0.25">
      <c r="A25054" s="1" t="s">
        <v>47313</v>
      </c>
      <c r="B25054" s="1" t="s">
        <v>12276</v>
      </c>
      <c r="C25054" s="1" t="s">
        <v>47314</v>
      </c>
      <c r="D25054" s="2">
        <v>177882</v>
      </c>
      <c r="E25054" s="1" t="s">
        <v>0</v>
      </c>
    </row>
    <row r="25055" spans="1:5" ht="409.5" x14ac:dyDescent="0.25">
      <c r="A25055" s="4" t="s">
        <v>47315</v>
      </c>
      <c r="B25055" s="1" t="s">
        <v>12277</v>
      </c>
      <c r="C25055" s="1" t="s">
        <v>47316</v>
      </c>
      <c r="D25055" s="2">
        <v>177883</v>
      </c>
      <c r="E25055" s="1" t="s">
        <v>0</v>
      </c>
    </row>
    <row r="25056" spans="1:5" x14ac:dyDescent="0.25">
      <c r="A25056" s="1" t="s">
        <v>47317</v>
      </c>
      <c r="B25056" s="1" t="s">
        <v>12278</v>
      </c>
      <c r="C25056" s="1" t="s">
        <v>47318</v>
      </c>
      <c r="D25056" s="2">
        <v>177884</v>
      </c>
      <c r="E25056" s="1" t="s">
        <v>0</v>
      </c>
    </row>
    <row r="25057" spans="1:5" x14ac:dyDescent="0.25">
      <c r="A25057" s="2">
        <v>5011</v>
      </c>
      <c r="B25057" s="2">
        <v>5011</v>
      </c>
      <c r="C25057" s="1" t="s">
        <v>0</v>
      </c>
      <c r="D25057" s="2">
        <v>177885</v>
      </c>
      <c r="E25057" s="1" t="s">
        <v>0</v>
      </c>
    </row>
    <row r="25058" spans="1:5" x14ac:dyDescent="0.25">
      <c r="A25058" s="1" t="s">
        <v>4554</v>
      </c>
      <c r="B25058" s="1" t="s">
        <v>12279</v>
      </c>
      <c r="C25058" s="1" t="s">
        <v>47319</v>
      </c>
      <c r="D25058" s="2">
        <v>177886</v>
      </c>
      <c r="E25058" s="1" t="s">
        <v>0</v>
      </c>
    </row>
    <row r="25059" spans="1:5" x14ac:dyDescent="0.25">
      <c r="A25059" s="1" t="s">
        <v>47320</v>
      </c>
      <c r="B25059" s="1" t="s">
        <v>12280</v>
      </c>
      <c r="C25059" s="1" t="s">
        <v>47321</v>
      </c>
      <c r="D25059" s="2">
        <v>177887</v>
      </c>
      <c r="E25059" s="1" t="s">
        <v>0</v>
      </c>
    </row>
    <row r="25060" spans="1:5" ht="409.5" x14ac:dyDescent="0.25">
      <c r="A25060" s="4" t="s">
        <v>47322</v>
      </c>
      <c r="B25060" s="1" t="s">
        <v>63545</v>
      </c>
      <c r="C25060" s="1" t="s">
        <v>47323</v>
      </c>
      <c r="D25060" s="2">
        <v>177888</v>
      </c>
      <c r="E25060" s="1" t="s">
        <v>0</v>
      </c>
    </row>
    <row r="25061" spans="1:5" x14ac:dyDescent="0.25">
      <c r="A25061" s="1" t="s">
        <v>47324</v>
      </c>
      <c r="B25061" s="1" t="s">
        <v>56518</v>
      </c>
      <c r="C25061" s="1" t="s">
        <v>47325</v>
      </c>
      <c r="D25061" s="2">
        <v>177889</v>
      </c>
      <c r="E25061" s="1" t="s">
        <v>0</v>
      </c>
    </row>
    <row r="25062" spans="1:5" x14ac:dyDescent="0.25">
      <c r="A25062" s="2">
        <v>5012</v>
      </c>
      <c r="B25062" s="2">
        <v>5012</v>
      </c>
      <c r="C25062" s="1" t="s">
        <v>0</v>
      </c>
      <c r="D25062" s="2">
        <v>177890</v>
      </c>
      <c r="E25062" s="1" t="s">
        <v>0</v>
      </c>
    </row>
    <row r="25063" spans="1:5" x14ac:dyDescent="0.25">
      <c r="A25063" s="1" t="s">
        <v>4555</v>
      </c>
      <c r="B25063" s="1" t="s">
        <v>12281</v>
      </c>
      <c r="C25063" s="1" t="s">
        <v>47326</v>
      </c>
      <c r="D25063" s="2">
        <v>177891</v>
      </c>
      <c r="E25063" s="1" t="s">
        <v>0</v>
      </c>
    </row>
    <row r="25064" spans="1:5" x14ac:dyDescent="0.25">
      <c r="A25064" s="1" t="s">
        <v>47327</v>
      </c>
      <c r="B25064" s="1" t="s">
        <v>58874</v>
      </c>
      <c r="C25064" s="1" t="s">
        <v>47328</v>
      </c>
      <c r="D25064" s="2">
        <v>177892</v>
      </c>
      <c r="E25064" s="1" t="s">
        <v>0</v>
      </c>
    </row>
    <row r="25065" spans="1:5" ht="409.5" x14ac:dyDescent="0.25">
      <c r="A25065" s="4" t="s">
        <v>47329</v>
      </c>
      <c r="B25065" s="1" t="s">
        <v>58875</v>
      </c>
      <c r="C25065" s="1" t="s">
        <v>47330</v>
      </c>
      <c r="D25065" s="2">
        <v>177893</v>
      </c>
      <c r="E25065" s="1" t="s">
        <v>0</v>
      </c>
    </row>
    <row r="25066" spans="1:5" x14ac:dyDescent="0.25">
      <c r="A25066" s="1" t="s">
        <v>47331</v>
      </c>
      <c r="B25066" s="1" t="s">
        <v>12282</v>
      </c>
      <c r="C25066" s="1" t="s">
        <v>47332</v>
      </c>
      <c r="D25066" s="2">
        <v>177894</v>
      </c>
      <c r="E25066" s="1" t="s">
        <v>0</v>
      </c>
    </row>
    <row r="25067" spans="1:5" x14ac:dyDescent="0.25">
      <c r="A25067" s="2">
        <v>5013</v>
      </c>
      <c r="B25067" s="2">
        <v>5013</v>
      </c>
      <c r="C25067" s="1" t="s">
        <v>0</v>
      </c>
      <c r="D25067" s="2">
        <v>177895</v>
      </c>
      <c r="E25067" s="1" t="s">
        <v>0</v>
      </c>
    </row>
    <row r="25068" spans="1:5" x14ac:dyDescent="0.25">
      <c r="A25068" s="1" t="s">
        <v>4556</v>
      </c>
      <c r="B25068" s="1" t="s">
        <v>12283</v>
      </c>
      <c r="C25068" s="1" t="s">
        <v>47333</v>
      </c>
      <c r="D25068" s="2">
        <v>177896</v>
      </c>
      <c r="E25068" s="1" t="s">
        <v>0</v>
      </c>
    </row>
    <row r="25069" spans="1:5" x14ac:dyDescent="0.25">
      <c r="A25069" s="1" t="s">
        <v>47334</v>
      </c>
      <c r="B25069" s="1" t="s">
        <v>12284</v>
      </c>
      <c r="C25069" s="1" t="s">
        <v>47335</v>
      </c>
      <c r="D25069" s="2">
        <v>177897</v>
      </c>
      <c r="E25069" s="1" t="s">
        <v>0</v>
      </c>
    </row>
    <row r="25070" spans="1:5" ht="409.5" x14ac:dyDescent="0.25">
      <c r="A25070" s="4" t="s">
        <v>47336</v>
      </c>
      <c r="B25070" s="1" t="s">
        <v>12285</v>
      </c>
      <c r="C25070" s="1" t="s">
        <v>47337</v>
      </c>
      <c r="D25070" s="2">
        <v>177898</v>
      </c>
      <c r="E25070" s="1" t="s">
        <v>0</v>
      </c>
    </row>
    <row r="25071" spans="1:5" x14ac:dyDescent="0.25">
      <c r="A25071" s="1" t="s">
        <v>47338</v>
      </c>
      <c r="B25071" s="1" t="s">
        <v>56519</v>
      </c>
      <c r="C25071" s="1" t="s">
        <v>47339</v>
      </c>
      <c r="D25071" s="2">
        <v>177899</v>
      </c>
      <c r="E25071" s="1" t="s">
        <v>0</v>
      </c>
    </row>
    <row r="25072" spans="1:5" x14ac:dyDescent="0.25">
      <c r="A25072" s="2">
        <v>5014</v>
      </c>
      <c r="B25072" s="2">
        <v>5014</v>
      </c>
      <c r="C25072" s="1" t="s">
        <v>0</v>
      </c>
      <c r="D25072" s="2">
        <v>177900</v>
      </c>
      <c r="E25072" s="1" t="s">
        <v>0</v>
      </c>
    </row>
    <row r="25073" spans="1:5" x14ac:dyDescent="0.25">
      <c r="A25073" s="1" t="s">
        <v>4557</v>
      </c>
      <c r="B25073" s="1" t="s">
        <v>12286</v>
      </c>
      <c r="C25073" s="1" t="s">
        <v>47340</v>
      </c>
      <c r="D25073" s="2">
        <v>177901</v>
      </c>
      <c r="E25073" s="1" t="s">
        <v>0</v>
      </c>
    </row>
    <row r="25074" spans="1:5" x14ac:dyDescent="0.25">
      <c r="A25074" s="1" t="s">
        <v>47341</v>
      </c>
      <c r="B25074" s="1" t="s">
        <v>56520</v>
      </c>
      <c r="C25074" s="1" t="s">
        <v>47342</v>
      </c>
      <c r="D25074" s="2">
        <v>177902</v>
      </c>
      <c r="E25074" s="1" t="s">
        <v>0</v>
      </c>
    </row>
    <row r="25075" spans="1:5" ht="409.5" x14ac:dyDescent="0.25">
      <c r="A25075" s="4" t="s">
        <v>47343</v>
      </c>
      <c r="B25075" s="1" t="s">
        <v>60321</v>
      </c>
      <c r="C25075" s="1" t="s">
        <v>47344</v>
      </c>
      <c r="D25075" s="2">
        <v>177903</v>
      </c>
      <c r="E25075" s="1" t="s">
        <v>0</v>
      </c>
    </row>
    <row r="25076" spans="1:5" x14ac:dyDescent="0.25">
      <c r="A25076" s="1" t="s">
        <v>47345</v>
      </c>
      <c r="B25076" s="1" t="s">
        <v>12287</v>
      </c>
      <c r="C25076" s="1" t="s">
        <v>47346</v>
      </c>
      <c r="D25076" s="2">
        <v>177904</v>
      </c>
      <c r="E25076" s="1" t="s">
        <v>0</v>
      </c>
    </row>
    <row r="25077" spans="1:5" x14ac:dyDescent="0.25">
      <c r="A25077" s="2">
        <v>5015</v>
      </c>
      <c r="B25077" s="2">
        <v>5015</v>
      </c>
      <c r="C25077" s="1" t="s">
        <v>0</v>
      </c>
      <c r="D25077" s="2">
        <v>177905</v>
      </c>
      <c r="E25077" s="1" t="s">
        <v>0</v>
      </c>
    </row>
    <row r="25078" spans="1:5" x14ac:dyDescent="0.25">
      <c r="A25078" s="1" t="s">
        <v>4558</v>
      </c>
      <c r="B25078" s="1" t="s">
        <v>12288</v>
      </c>
      <c r="C25078" s="1" t="s">
        <v>47347</v>
      </c>
      <c r="D25078" s="2">
        <v>177906</v>
      </c>
      <c r="E25078" s="1" t="s">
        <v>0</v>
      </c>
    </row>
    <row r="25079" spans="1:5" x14ac:dyDescent="0.25">
      <c r="A25079" s="1" t="s">
        <v>47348</v>
      </c>
      <c r="B25079" s="1" t="s">
        <v>12289</v>
      </c>
      <c r="C25079" s="1" t="s">
        <v>47349</v>
      </c>
      <c r="D25079" s="2">
        <v>177907</v>
      </c>
      <c r="E25079" s="1" t="s">
        <v>0</v>
      </c>
    </row>
    <row r="25080" spans="1:5" ht="409.5" x14ac:dyDescent="0.25">
      <c r="A25080" s="4" t="s">
        <v>47350</v>
      </c>
      <c r="B25080" s="1" t="s">
        <v>58034</v>
      </c>
      <c r="C25080" s="1" t="s">
        <v>47351</v>
      </c>
      <c r="D25080" s="2">
        <v>177908</v>
      </c>
      <c r="E25080" s="1" t="s">
        <v>0</v>
      </c>
    </row>
    <row r="25081" spans="1:5" x14ac:dyDescent="0.25">
      <c r="A25081" s="1" t="s">
        <v>47352</v>
      </c>
      <c r="B25081" s="1" t="s">
        <v>12290</v>
      </c>
      <c r="C25081" s="1" t="s">
        <v>47353</v>
      </c>
      <c r="D25081" s="2">
        <v>177909</v>
      </c>
      <c r="E25081" s="1" t="s">
        <v>0</v>
      </c>
    </row>
    <row r="25082" spans="1:5" x14ac:dyDescent="0.25">
      <c r="A25082" s="2">
        <v>5016</v>
      </c>
      <c r="B25082" s="2">
        <v>5016</v>
      </c>
      <c r="C25082" s="1" t="s">
        <v>0</v>
      </c>
      <c r="D25082" s="2">
        <v>177910</v>
      </c>
      <c r="E25082" s="1" t="s">
        <v>0</v>
      </c>
    </row>
    <row r="25083" spans="1:5" x14ac:dyDescent="0.25">
      <c r="A25083" s="1" t="s">
        <v>4559</v>
      </c>
      <c r="B25083" s="1" t="s">
        <v>12291</v>
      </c>
      <c r="C25083" s="1" t="s">
        <v>47354</v>
      </c>
      <c r="D25083" s="2">
        <v>177911</v>
      </c>
      <c r="E25083" s="1" t="s">
        <v>0</v>
      </c>
    </row>
    <row r="25084" spans="1:5" x14ac:dyDescent="0.25">
      <c r="A25084" s="1" t="s">
        <v>47355</v>
      </c>
      <c r="B25084" s="1" t="s">
        <v>56890</v>
      </c>
      <c r="C25084" s="1" t="s">
        <v>47356</v>
      </c>
      <c r="D25084" s="2">
        <v>177912</v>
      </c>
      <c r="E25084" s="1" t="s">
        <v>0</v>
      </c>
    </row>
    <row r="25085" spans="1:5" ht="409.5" x14ac:dyDescent="0.25">
      <c r="A25085" s="4" t="s">
        <v>47357</v>
      </c>
      <c r="B25085" s="1" t="s">
        <v>56891</v>
      </c>
      <c r="C25085" s="1" t="s">
        <v>47358</v>
      </c>
      <c r="D25085" s="2">
        <v>177913</v>
      </c>
      <c r="E25085" s="1" t="s">
        <v>0</v>
      </c>
    </row>
    <row r="25086" spans="1:5" x14ac:dyDescent="0.25">
      <c r="A25086" s="1" t="s">
        <v>47359</v>
      </c>
      <c r="B25086" s="1" t="s">
        <v>56521</v>
      </c>
      <c r="C25086" s="1" t="s">
        <v>47360</v>
      </c>
      <c r="D25086" s="2">
        <v>177914</v>
      </c>
      <c r="E25086" s="1" t="s">
        <v>0</v>
      </c>
    </row>
    <row r="25087" spans="1:5" x14ac:dyDescent="0.25">
      <c r="A25087" s="2">
        <v>5017</v>
      </c>
      <c r="B25087" s="2">
        <v>5017</v>
      </c>
      <c r="C25087" s="1" t="s">
        <v>0</v>
      </c>
      <c r="D25087" s="2">
        <v>177915</v>
      </c>
      <c r="E25087" s="1" t="s">
        <v>0</v>
      </c>
    </row>
    <row r="25088" spans="1:5" x14ac:dyDescent="0.25">
      <c r="A25088" s="1" t="s">
        <v>4560</v>
      </c>
      <c r="B25088" s="1" t="s">
        <v>12292</v>
      </c>
      <c r="C25088" s="1" t="s">
        <v>47361</v>
      </c>
      <c r="D25088" s="2">
        <v>177916</v>
      </c>
      <c r="E25088" s="1" t="s">
        <v>0</v>
      </c>
    </row>
    <row r="25089" spans="1:5" x14ac:dyDescent="0.25">
      <c r="A25089" s="1" t="s">
        <v>47362</v>
      </c>
      <c r="B25089" s="1" t="s">
        <v>12293</v>
      </c>
      <c r="C25089" s="1" t="s">
        <v>47363</v>
      </c>
      <c r="D25089" s="2">
        <v>177917</v>
      </c>
      <c r="E25089" s="1" t="s">
        <v>0</v>
      </c>
    </row>
    <row r="25090" spans="1:5" ht="409.5" x14ac:dyDescent="0.25">
      <c r="A25090" s="4" t="s">
        <v>47364</v>
      </c>
      <c r="B25090" s="1" t="s">
        <v>63065</v>
      </c>
      <c r="C25090" s="1" t="s">
        <v>47365</v>
      </c>
      <c r="D25090" s="2">
        <v>177918</v>
      </c>
      <c r="E25090" s="1" t="s">
        <v>0</v>
      </c>
    </row>
    <row r="25091" spans="1:5" x14ac:dyDescent="0.25">
      <c r="A25091" s="1" t="s">
        <v>47366</v>
      </c>
      <c r="B25091" s="1" t="s">
        <v>56522</v>
      </c>
      <c r="C25091" s="1" t="s">
        <v>47367</v>
      </c>
      <c r="D25091" s="2">
        <v>177919</v>
      </c>
      <c r="E25091" s="1" t="s">
        <v>0</v>
      </c>
    </row>
    <row r="25092" spans="1:5" x14ac:dyDescent="0.25">
      <c r="A25092" s="2">
        <v>5018</v>
      </c>
      <c r="B25092" s="2">
        <v>5018</v>
      </c>
      <c r="C25092" s="1" t="s">
        <v>0</v>
      </c>
      <c r="D25092" s="2">
        <v>177920</v>
      </c>
      <c r="E25092" s="1" t="s">
        <v>0</v>
      </c>
    </row>
    <row r="25093" spans="1:5" x14ac:dyDescent="0.25">
      <c r="A25093" s="1" t="s">
        <v>4561</v>
      </c>
      <c r="B25093" s="1" t="s">
        <v>56523</v>
      </c>
      <c r="C25093" s="1" t="s">
        <v>47368</v>
      </c>
      <c r="D25093" s="2">
        <v>177921</v>
      </c>
      <c r="E25093" s="1" t="s">
        <v>0</v>
      </c>
    </row>
    <row r="25094" spans="1:5" x14ac:dyDescent="0.25">
      <c r="A25094" s="1" t="s">
        <v>47369</v>
      </c>
      <c r="B25094" s="1" t="s">
        <v>12294</v>
      </c>
      <c r="C25094" s="1" t="s">
        <v>47370</v>
      </c>
      <c r="D25094" s="2">
        <v>177922</v>
      </c>
      <c r="E25094" s="1" t="s">
        <v>0</v>
      </c>
    </row>
    <row r="25095" spans="1:5" x14ac:dyDescent="0.25">
      <c r="A25095" s="1" t="s">
        <v>47369</v>
      </c>
      <c r="B25095" s="1" t="s">
        <v>12294</v>
      </c>
      <c r="C25095" s="1" t="s">
        <v>47370</v>
      </c>
      <c r="D25095" s="2">
        <v>177923</v>
      </c>
      <c r="E25095" s="1" t="s">
        <v>0</v>
      </c>
    </row>
    <row r="25096" spans="1:5" x14ac:dyDescent="0.25">
      <c r="A25096" s="1" t="s">
        <v>47371</v>
      </c>
      <c r="B25096" s="1" t="s">
        <v>57348</v>
      </c>
      <c r="C25096" s="1" t="s">
        <v>47372</v>
      </c>
      <c r="D25096" s="2">
        <v>177924</v>
      </c>
      <c r="E25096" s="1" t="s">
        <v>0</v>
      </c>
    </row>
    <row r="25097" spans="1:5" x14ac:dyDescent="0.25">
      <c r="A25097" s="2">
        <v>5019</v>
      </c>
      <c r="B25097" s="2">
        <v>5019</v>
      </c>
      <c r="C25097" s="1" t="s">
        <v>0</v>
      </c>
      <c r="D25097" s="2">
        <v>177925</v>
      </c>
      <c r="E25097" s="1" t="s">
        <v>0</v>
      </c>
    </row>
    <row r="25098" spans="1:5" x14ac:dyDescent="0.25">
      <c r="A25098" s="1" t="s">
        <v>4562</v>
      </c>
      <c r="B25098" s="1" t="s">
        <v>12295</v>
      </c>
      <c r="C25098" s="1" t="s">
        <v>47373</v>
      </c>
      <c r="D25098" s="2">
        <v>177926</v>
      </c>
      <c r="E25098" s="1" t="s">
        <v>0</v>
      </c>
    </row>
    <row r="25099" spans="1:5" x14ac:dyDescent="0.25">
      <c r="A25099" s="1" t="s">
        <v>47374</v>
      </c>
      <c r="B25099" s="1" t="s">
        <v>56524</v>
      </c>
      <c r="C25099" s="1" t="s">
        <v>47375</v>
      </c>
      <c r="D25099" s="2">
        <v>177927</v>
      </c>
      <c r="E25099" s="1" t="s">
        <v>0</v>
      </c>
    </row>
    <row r="25100" spans="1:5" ht="409.5" x14ac:dyDescent="0.25">
      <c r="A25100" s="4" t="s">
        <v>47376</v>
      </c>
      <c r="B25100" s="1" t="s">
        <v>56525</v>
      </c>
      <c r="C25100" s="1" t="s">
        <v>47377</v>
      </c>
      <c r="D25100" s="2">
        <v>177928</v>
      </c>
      <c r="E25100" s="1" t="s">
        <v>0</v>
      </c>
    </row>
    <row r="25101" spans="1:5" x14ac:dyDescent="0.25">
      <c r="A25101" s="1" t="s">
        <v>47378</v>
      </c>
      <c r="B25101" s="1" t="s">
        <v>57349</v>
      </c>
      <c r="C25101" s="1" t="s">
        <v>47379</v>
      </c>
      <c r="D25101" s="2">
        <v>177929</v>
      </c>
      <c r="E25101" s="1" t="s">
        <v>0</v>
      </c>
    </row>
    <row r="25102" spans="1:5" x14ac:dyDescent="0.25">
      <c r="A25102" s="2">
        <v>5020</v>
      </c>
      <c r="B25102" s="2">
        <v>5020</v>
      </c>
      <c r="C25102" s="1" t="s">
        <v>0</v>
      </c>
      <c r="D25102" s="2">
        <v>177930</v>
      </c>
      <c r="E25102" s="1" t="s">
        <v>0</v>
      </c>
    </row>
    <row r="25103" spans="1:5" x14ac:dyDescent="0.25">
      <c r="A25103" s="1" t="s">
        <v>4563</v>
      </c>
      <c r="B25103" s="1" t="s">
        <v>12296</v>
      </c>
      <c r="C25103" s="1" t="s">
        <v>47380</v>
      </c>
      <c r="D25103" s="2">
        <v>177931</v>
      </c>
      <c r="E25103" s="1" t="s">
        <v>0</v>
      </c>
    </row>
    <row r="25104" spans="1:5" x14ac:dyDescent="0.25">
      <c r="A25104" s="1" t="s">
        <v>47381</v>
      </c>
      <c r="B25104" s="1" t="s">
        <v>56526</v>
      </c>
      <c r="C25104" s="1" t="s">
        <v>47382</v>
      </c>
      <c r="D25104" s="2">
        <v>177932</v>
      </c>
      <c r="E25104" s="1" t="s">
        <v>0</v>
      </c>
    </row>
    <row r="25105" spans="1:5" ht="409.5" x14ac:dyDescent="0.25">
      <c r="A25105" s="4" t="s">
        <v>47383</v>
      </c>
      <c r="B25105" s="1" t="s">
        <v>56527</v>
      </c>
      <c r="C25105" s="1" t="s">
        <v>47384</v>
      </c>
      <c r="D25105" s="2">
        <v>177933</v>
      </c>
      <c r="E25105" s="1" t="s">
        <v>0</v>
      </c>
    </row>
    <row r="25106" spans="1:5" x14ac:dyDescent="0.25">
      <c r="A25106" s="1" t="s">
        <v>47385</v>
      </c>
      <c r="B25106" s="1" t="s">
        <v>61424</v>
      </c>
      <c r="C25106" s="1" t="s">
        <v>47386</v>
      </c>
      <c r="D25106" s="2">
        <v>177934</v>
      </c>
      <c r="E25106" s="1" t="s">
        <v>0</v>
      </c>
    </row>
    <row r="25107" spans="1:5" x14ac:dyDescent="0.25">
      <c r="A25107" s="2">
        <v>5021</v>
      </c>
      <c r="B25107" s="2">
        <v>5021</v>
      </c>
      <c r="C25107" s="1" t="s">
        <v>0</v>
      </c>
      <c r="D25107" s="2">
        <v>177935</v>
      </c>
      <c r="E25107" s="1" t="s">
        <v>0</v>
      </c>
    </row>
    <row r="25108" spans="1:5" x14ac:dyDescent="0.25">
      <c r="A25108" s="1" t="s">
        <v>4564</v>
      </c>
      <c r="B25108" s="1" t="s">
        <v>56528</v>
      </c>
      <c r="C25108" s="1" t="s">
        <v>47387</v>
      </c>
      <c r="D25108" s="2">
        <v>177936</v>
      </c>
      <c r="E25108" s="1" t="s">
        <v>0</v>
      </c>
    </row>
    <row r="25109" spans="1:5" x14ac:dyDescent="0.25">
      <c r="A25109" s="1" t="s">
        <v>47388</v>
      </c>
      <c r="B25109" s="1" t="s">
        <v>56529</v>
      </c>
      <c r="C25109" s="1" t="s">
        <v>47389</v>
      </c>
      <c r="D25109" s="2">
        <v>177937</v>
      </c>
      <c r="E25109" s="1" t="s">
        <v>0</v>
      </c>
    </row>
    <row r="25110" spans="1:5" ht="409.5" x14ac:dyDescent="0.25">
      <c r="A25110" s="4" t="s">
        <v>47390</v>
      </c>
      <c r="B25110" s="1" t="s">
        <v>56530</v>
      </c>
      <c r="C25110" s="1" t="s">
        <v>47391</v>
      </c>
      <c r="D25110" s="2">
        <v>177938</v>
      </c>
      <c r="E25110" s="1" t="s">
        <v>0</v>
      </c>
    </row>
    <row r="25111" spans="1:5" x14ac:dyDescent="0.25">
      <c r="A25111" s="1" t="s">
        <v>47392</v>
      </c>
      <c r="B25111" s="1" t="s">
        <v>12297</v>
      </c>
      <c r="C25111" s="1" t="s">
        <v>47393</v>
      </c>
      <c r="D25111" s="2">
        <v>177939</v>
      </c>
      <c r="E25111" s="1" t="s">
        <v>0</v>
      </c>
    </row>
    <row r="25112" spans="1:5" x14ac:dyDescent="0.25">
      <c r="A25112" s="2">
        <v>5022</v>
      </c>
      <c r="B25112" s="2">
        <v>5022</v>
      </c>
      <c r="C25112" s="1" t="s">
        <v>0</v>
      </c>
      <c r="D25112" s="2">
        <v>177940</v>
      </c>
      <c r="E25112" s="1" t="s">
        <v>0</v>
      </c>
    </row>
    <row r="25113" spans="1:5" x14ac:dyDescent="0.25">
      <c r="A25113" s="1" t="s">
        <v>4565</v>
      </c>
      <c r="B25113" s="1" t="s">
        <v>60322</v>
      </c>
      <c r="C25113" s="1" t="s">
        <v>47394</v>
      </c>
      <c r="D25113" s="2">
        <v>177941</v>
      </c>
      <c r="E25113" s="1" t="s">
        <v>0</v>
      </c>
    </row>
    <row r="25114" spans="1:5" x14ac:dyDescent="0.25">
      <c r="A25114" s="1" t="s">
        <v>47395</v>
      </c>
      <c r="B25114" s="1" t="s">
        <v>63066</v>
      </c>
      <c r="C25114" s="1" t="s">
        <v>47396</v>
      </c>
      <c r="D25114" s="2">
        <v>177942</v>
      </c>
      <c r="E25114" s="1" t="s">
        <v>0</v>
      </c>
    </row>
    <row r="25115" spans="1:5" ht="409.5" x14ac:dyDescent="0.25">
      <c r="A25115" s="4" t="s">
        <v>47397</v>
      </c>
      <c r="B25115" s="1" t="s">
        <v>63067</v>
      </c>
      <c r="C25115" s="1" t="s">
        <v>47398</v>
      </c>
      <c r="D25115" s="2">
        <v>177943</v>
      </c>
      <c r="E25115" s="1" t="s">
        <v>0</v>
      </c>
    </row>
    <row r="25116" spans="1:5" x14ac:dyDescent="0.25">
      <c r="A25116" s="1" t="s">
        <v>47399</v>
      </c>
      <c r="B25116" s="1" t="s">
        <v>58876</v>
      </c>
      <c r="C25116" s="1" t="s">
        <v>47400</v>
      </c>
      <c r="D25116" s="2">
        <v>177944</v>
      </c>
      <c r="E25116" s="1" t="s">
        <v>0</v>
      </c>
    </row>
    <row r="25117" spans="1:5" x14ac:dyDescent="0.25">
      <c r="A25117" s="2">
        <v>5023</v>
      </c>
      <c r="B25117" s="2">
        <v>5023</v>
      </c>
      <c r="C25117" s="1" t="s">
        <v>0</v>
      </c>
      <c r="D25117" s="2">
        <v>177945</v>
      </c>
      <c r="E25117" s="1" t="s">
        <v>0</v>
      </c>
    </row>
    <row r="25118" spans="1:5" x14ac:dyDescent="0.25">
      <c r="A25118" s="1" t="s">
        <v>4566</v>
      </c>
      <c r="B25118" s="1" t="s">
        <v>12298</v>
      </c>
      <c r="C25118" s="1" t="s">
        <v>47401</v>
      </c>
      <c r="D25118" s="2">
        <v>177946</v>
      </c>
      <c r="E25118" s="1" t="s">
        <v>0</v>
      </c>
    </row>
    <row r="25119" spans="1:5" x14ac:dyDescent="0.25">
      <c r="A25119" s="1" t="s">
        <v>47402</v>
      </c>
      <c r="B25119" s="1" t="s">
        <v>12299</v>
      </c>
      <c r="C25119" s="1" t="s">
        <v>47403</v>
      </c>
      <c r="D25119" s="2">
        <v>177947</v>
      </c>
      <c r="E25119" s="1" t="s">
        <v>0</v>
      </c>
    </row>
    <row r="25120" spans="1:5" ht="409.5" x14ac:dyDescent="0.25">
      <c r="A25120" s="4" t="s">
        <v>47404</v>
      </c>
      <c r="B25120" s="1" t="s">
        <v>12300</v>
      </c>
      <c r="C25120" s="1" t="s">
        <v>47405</v>
      </c>
      <c r="D25120" s="2">
        <v>177948</v>
      </c>
      <c r="E25120" s="1" t="s">
        <v>0</v>
      </c>
    </row>
    <row r="25121" spans="1:5" x14ac:dyDescent="0.25">
      <c r="A25121" s="1" t="s">
        <v>47406</v>
      </c>
      <c r="B25121" s="1" t="s">
        <v>56531</v>
      </c>
      <c r="C25121" s="1" t="s">
        <v>47407</v>
      </c>
      <c r="D25121" s="2">
        <v>177949</v>
      </c>
      <c r="E25121" s="1" t="s">
        <v>0</v>
      </c>
    </row>
    <row r="25122" spans="1:5" x14ac:dyDescent="0.25">
      <c r="A25122" s="2">
        <v>5024</v>
      </c>
      <c r="B25122" s="2">
        <v>5024</v>
      </c>
      <c r="C25122" s="1" t="s">
        <v>0</v>
      </c>
      <c r="D25122" s="2">
        <v>177950</v>
      </c>
      <c r="E25122" s="1" t="s">
        <v>0</v>
      </c>
    </row>
    <row r="25123" spans="1:5" x14ac:dyDescent="0.25">
      <c r="A25123" s="1" t="s">
        <v>4567</v>
      </c>
      <c r="B25123" s="1" t="s">
        <v>60323</v>
      </c>
      <c r="C25123" s="1" t="s">
        <v>47408</v>
      </c>
      <c r="D25123" s="2">
        <v>177951</v>
      </c>
      <c r="E25123" s="1" t="s">
        <v>0</v>
      </c>
    </row>
    <row r="25124" spans="1:5" x14ac:dyDescent="0.25">
      <c r="A25124" s="1" t="s">
        <v>47409</v>
      </c>
      <c r="B25124" s="1" t="s">
        <v>56532</v>
      </c>
      <c r="C25124" s="1" t="s">
        <v>47410</v>
      </c>
      <c r="D25124" s="2">
        <v>177952</v>
      </c>
      <c r="E25124" s="1" t="s">
        <v>0</v>
      </c>
    </row>
    <row r="25125" spans="1:5" ht="409.5" x14ac:dyDescent="0.25">
      <c r="A25125" s="4" t="s">
        <v>64399</v>
      </c>
      <c r="B25125" s="1" t="s">
        <v>61425</v>
      </c>
      <c r="C25125" s="1" t="s">
        <v>47411</v>
      </c>
      <c r="D25125" s="2">
        <v>177953</v>
      </c>
      <c r="E25125" s="1" t="s">
        <v>0</v>
      </c>
    </row>
    <row r="25126" spans="1:5" x14ac:dyDescent="0.25">
      <c r="A25126" s="1" t="s">
        <v>47412</v>
      </c>
      <c r="B25126" s="1" t="s">
        <v>12301</v>
      </c>
      <c r="C25126" s="1" t="s">
        <v>47413</v>
      </c>
      <c r="D25126" s="2">
        <v>177954</v>
      </c>
      <c r="E25126" s="1" t="s">
        <v>0</v>
      </c>
    </row>
    <row r="25127" spans="1:5" x14ac:dyDescent="0.25">
      <c r="A25127" s="2">
        <v>5025</v>
      </c>
      <c r="B25127" s="2">
        <v>5025</v>
      </c>
      <c r="C25127" s="1" t="s">
        <v>0</v>
      </c>
      <c r="D25127" s="2">
        <v>177955</v>
      </c>
      <c r="E25127" s="1" t="s">
        <v>0</v>
      </c>
    </row>
    <row r="25128" spans="1:5" x14ac:dyDescent="0.25">
      <c r="A25128" s="1" t="s">
        <v>4568</v>
      </c>
      <c r="B25128" s="1" t="s">
        <v>12302</v>
      </c>
      <c r="C25128" s="1" t="s">
        <v>47414</v>
      </c>
      <c r="D25128" s="2">
        <v>177956</v>
      </c>
      <c r="E25128" s="1" t="s">
        <v>0</v>
      </c>
    </row>
    <row r="25129" spans="1:5" x14ac:dyDescent="0.25">
      <c r="A25129" s="1" t="s">
        <v>47415</v>
      </c>
      <c r="B25129" s="1" t="s">
        <v>56533</v>
      </c>
      <c r="C25129" s="1" t="s">
        <v>47416</v>
      </c>
      <c r="D25129" s="2">
        <v>177957</v>
      </c>
      <c r="E25129" s="1" t="s">
        <v>0</v>
      </c>
    </row>
    <row r="25130" spans="1:5" ht="409.5" x14ac:dyDescent="0.25">
      <c r="A25130" s="4" t="s">
        <v>47417</v>
      </c>
      <c r="B25130" s="1" t="s">
        <v>61426</v>
      </c>
      <c r="C25130" s="1" t="s">
        <v>47418</v>
      </c>
      <c r="D25130" s="2">
        <v>177958</v>
      </c>
      <c r="E25130" s="1" t="s">
        <v>0</v>
      </c>
    </row>
    <row r="25131" spans="1:5" x14ac:dyDescent="0.25">
      <c r="A25131" s="1" t="s">
        <v>47419</v>
      </c>
      <c r="B25131" s="1" t="s">
        <v>12303</v>
      </c>
      <c r="C25131" s="1" t="s">
        <v>47420</v>
      </c>
      <c r="D25131" s="2">
        <v>177959</v>
      </c>
      <c r="E25131" s="1" t="s">
        <v>0</v>
      </c>
    </row>
    <row r="25132" spans="1:5" x14ac:dyDescent="0.25">
      <c r="A25132" s="2">
        <v>5026</v>
      </c>
      <c r="B25132" s="2">
        <v>5026</v>
      </c>
      <c r="C25132" s="1" t="s">
        <v>0</v>
      </c>
      <c r="D25132" s="2">
        <v>177960</v>
      </c>
      <c r="E25132" s="1" t="s">
        <v>0</v>
      </c>
    </row>
    <row r="25133" spans="1:5" x14ac:dyDescent="0.25">
      <c r="A25133" s="1" t="s">
        <v>4569</v>
      </c>
      <c r="B25133" s="1" t="s">
        <v>12304</v>
      </c>
      <c r="C25133" s="1" t="s">
        <v>47421</v>
      </c>
      <c r="D25133" s="2">
        <v>177961</v>
      </c>
      <c r="E25133" s="1" t="s">
        <v>0</v>
      </c>
    </row>
    <row r="25134" spans="1:5" x14ac:dyDescent="0.25">
      <c r="A25134" s="1" t="s">
        <v>47422</v>
      </c>
      <c r="B25134" s="1" t="s">
        <v>63546</v>
      </c>
      <c r="C25134" s="1" t="s">
        <v>47423</v>
      </c>
      <c r="D25134" s="2">
        <v>177962</v>
      </c>
      <c r="E25134" s="1" t="s">
        <v>0</v>
      </c>
    </row>
    <row r="25135" spans="1:5" ht="409.5" x14ac:dyDescent="0.25">
      <c r="A25135" s="4" t="s">
        <v>47424</v>
      </c>
      <c r="B25135" s="1" t="s">
        <v>63547</v>
      </c>
      <c r="C25135" s="1" t="s">
        <v>47425</v>
      </c>
      <c r="D25135" s="2">
        <v>177963</v>
      </c>
      <c r="E25135" s="1" t="s">
        <v>0</v>
      </c>
    </row>
    <row r="25136" spans="1:5" x14ac:dyDescent="0.25">
      <c r="A25136" s="1" t="s">
        <v>47426</v>
      </c>
      <c r="B25136" s="1" t="s">
        <v>57350</v>
      </c>
      <c r="C25136" s="1" t="s">
        <v>47427</v>
      </c>
      <c r="D25136" s="2">
        <v>177964</v>
      </c>
      <c r="E25136" s="1" t="s">
        <v>0</v>
      </c>
    </row>
    <row r="25137" spans="1:5" x14ac:dyDescent="0.25">
      <c r="A25137" s="2">
        <v>5027</v>
      </c>
      <c r="B25137" s="2">
        <v>5027</v>
      </c>
      <c r="C25137" s="1" t="s">
        <v>0</v>
      </c>
      <c r="D25137" s="2">
        <v>177965</v>
      </c>
      <c r="E25137" s="1" t="s">
        <v>0</v>
      </c>
    </row>
    <row r="25138" spans="1:5" x14ac:dyDescent="0.25">
      <c r="A25138" s="1" t="s">
        <v>4570</v>
      </c>
      <c r="B25138" s="1" t="s">
        <v>12305</v>
      </c>
      <c r="C25138" s="1" t="s">
        <v>47428</v>
      </c>
      <c r="D25138" s="2">
        <v>177966</v>
      </c>
      <c r="E25138" s="1" t="s">
        <v>0</v>
      </c>
    </row>
    <row r="25139" spans="1:5" x14ac:dyDescent="0.25">
      <c r="A25139" s="1" t="s">
        <v>47429</v>
      </c>
      <c r="B25139" s="1" t="s">
        <v>12306</v>
      </c>
      <c r="C25139" s="1" t="s">
        <v>47430</v>
      </c>
      <c r="D25139" s="2">
        <v>177967</v>
      </c>
      <c r="E25139" s="1" t="s">
        <v>0</v>
      </c>
    </row>
    <row r="25140" spans="1:5" ht="409.5" x14ac:dyDescent="0.25">
      <c r="A25140" s="4" t="s">
        <v>47431</v>
      </c>
      <c r="B25140" s="1" t="s">
        <v>63548</v>
      </c>
      <c r="C25140" s="1" t="s">
        <v>47432</v>
      </c>
      <c r="D25140" s="2">
        <v>177968</v>
      </c>
      <c r="E25140" s="1" t="s">
        <v>0</v>
      </c>
    </row>
    <row r="25141" spans="1:5" x14ac:dyDescent="0.25">
      <c r="A25141" s="1" t="s">
        <v>47433</v>
      </c>
      <c r="B25141" s="1" t="s">
        <v>56534</v>
      </c>
      <c r="C25141" s="1" t="s">
        <v>47434</v>
      </c>
      <c r="D25141" s="2">
        <v>177969</v>
      </c>
      <c r="E25141" s="1" t="s">
        <v>0</v>
      </c>
    </row>
    <row r="25142" spans="1:5" x14ac:dyDescent="0.25">
      <c r="A25142" s="2">
        <v>5028</v>
      </c>
      <c r="B25142" s="2">
        <v>5028</v>
      </c>
      <c r="C25142" s="1" t="s">
        <v>0</v>
      </c>
      <c r="D25142" s="2">
        <v>177970</v>
      </c>
      <c r="E25142" s="1" t="s">
        <v>0</v>
      </c>
    </row>
    <row r="25143" spans="1:5" x14ac:dyDescent="0.25">
      <c r="A25143" s="1" t="s">
        <v>4571</v>
      </c>
      <c r="B25143" s="1" t="s">
        <v>12307</v>
      </c>
      <c r="C25143" s="1" t="s">
        <v>47435</v>
      </c>
      <c r="D25143" s="2">
        <v>177971</v>
      </c>
      <c r="E25143" s="1" t="s">
        <v>0</v>
      </c>
    </row>
    <row r="25144" spans="1:5" x14ac:dyDescent="0.25">
      <c r="A25144" s="1" t="s">
        <v>47436</v>
      </c>
      <c r="B25144" s="1" t="s">
        <v>56535</v>
      </c>
      <c r="C25144" s="1" t="s">
        <v>47437</v>
      </c>
      <c r="D25144" s="2">
        <v>177972</v>
      </c>
      <c r="E25144" s="1" t="s">
        <v>0</v>
      </c>
    </row>
    <row r="25145" spans="1:5" ht="409.5" x14ac:dyDescent="0.25">
      <c r="A25145" s="4" t="s">
        <v>64400</v>
      </c>
      <c r="B25145" s="1" t="s">
        <v>56536</v>
      </c>
      <c r="C25145" s="1" t="s">
        <v>47438</v>
      </c>
      <c r="D25145" s="2">
        <v>177973</v>
      </c>
      <c r="E25145" s="1" t="s">
        <v>0</v>
      </c>
    </row>
    <row r="25146" spans="1:5" x14ac:dyDescent="0.25">
      <c r="A25146" s="1" t="s">
        <v>47439</v>
      </c>
      <c r="B25146" s="1" t="s">
        <v>12308</v>
      </c>
      <c r="C25146" s="1" t="s">
        <v>47440</v>
      </c>
      <c r="D25146" s="2">
        <v>177974</v>
      </c>
      <c r="E25146" s="1" t="s">
        <v>0</v>
      </c>
    </row>
    <row r="25147" spans="1:5" x14ac:dyDescent="0.25">
      <c r="A25147" s="2">
        <v>5029</v>
      </c>
      <c r="B25147" s="2">
        <v>5029</v>
      </c>
      <c r="C25147" s="1" t="s">
        <v>0</v>
      </c>
      <c r="D25147" s="2">
        <v>177975</v>
      </c>
      <c r="E25147" s="1" t="s">
        <v>0</v>
      </c>
    </row>
    <row r="25148" spans="1:5" x14ac:dyDescent="0.25">
      <c r="A25148" s="1" t="s">
        <v>4572</v>
      </c>
      <c r="B25148" s="1" t="s">
        <v>12309</v>
      </c>
      <c r="C25148" s="1" t="s">
        <v>47441</v>
      </c>
      <c r="D25148" s="2">
        <v>177976</v>
      </c>
      <c r="E25148" s="1" t="s">
        <v>0</v>
      </c>
    </row>
    <row r="25149" spans="1:5" x14ac:dyDescent="0.25">
      <c r="A25149" s="1" t="s">
        <v>47442</v>
      </c>
      <c r="B25149" s="1" t="s">
        <v>63068</v>
      </c>
      <c r="C25149" s="1" t="s">
        <v>47443</v>
      </c>
      <c r="D25149" s="2">
        <v>177977</v>
      </c>
      <c r="E25149" s="1" t="s">
        <v>0</v>
      </c>
    </row>
    <row r="25150" spans="1:5" ht="409.5" x14ac:dyDescent="0.25">
      <c r="A25150" s="4" t="s">
        <v>47444</v>
      </c>
      <c r="B25150" s="1" t="s">
        <v>63069</v>
      </c>
      <c r="C25150" s="1" t="s">
        <v>47445</v>
      </c>
      <c r="D25150" s="2">
        <v>177978</v>
      </c>
      <c r="E25150" s="1" t="s">
        <v>0</v>
      </c>
    </row>
    <row r="25151" spans="1:5" x14ac:dyDescent="0.25">
      <c r="A25151" s="1" t="s">
        <v>47446</v>
      </c>
      <c r="B25151" s="1" t="s">
        <v>56537</v>
      </c>
      <c r="C25151" s="1" t="s">
        <v>47447</v>
      </c>
      <c r="D25151" s="2">
        <v>177979</v>
      </c>
      <c r="E25151" s="1" t="s">
        <v>0</v>
      </c>
    </row>
    <row r="25152" spans="1:5" x14ac:dyDescent="0.25">
      <c r="A25152" s="2">
        <v>5030</v>
      </c>
      <c r="B25152" s="2">
        <v>5030</v>
      </c>
      <c r="C25152" s="1" t="s">
        <v>0</v>
      </c>
      <c r="D25152" s="2">
        <v>177980</v>
      </c>
      <c r="E25152" s="1" t="s">
        <v>0</v>
      </c>
    </row>
    <row r="25153" spans="1:5" x14ac:dyDescent="0.25">
      <c r="A25153" s="1" t="s">
        <v>4573</v>
      </c>
      <c r="B25153" s="1" t="s">
        <v>12310</v>
      </c>
      <c r="C25153" s="1" t="s">
        <v>47448</v>
      </c>
      <c r="D25153" s="2">
        <v>177981</v>
      </c>
      <c r="E25153" s="1" t="s">
        <v>0</v>
      </c>
    </row>
    <row r="25154" spans="1:5" x14ac:dyDescent="0.25">
      <c r="A25154" s="1" t="s">
        <v>47449</v>
      </c>
      <c r="B25154" s="1" t="s">
        <v>58642</v>
      </c>
      <c r="C25154" s="1" t="s">
        <v>47450</v>
      </c>
      <c r="D25154" s="2">
        <v>177982</v>
      </c>
      <c r="E25154" s="1" t="s">
        <v>0</v>
      </c>
    </row>
    <row r="25155" spans="1:5" ht="409.5" x14ac:dyDescent="0.25">
      <c r="A25155" s="4" t="s">
        <v>47451</v>
      </c>
      <c r="B25155" s="1" t="s">
        <v>63070</v>
      </c>
      <c r="C25155" s="1" t="s">
        <v>47452</v>
      </c>
      <c r="D25155" s="2">
        <v>177983</v>
      </c>
      <c r="E25155" s="1" t="s">
        <v>0</v>
      </c>
    </row>
    <row r="25156" spans="1:5" x14ac:dyDescent="0.25">
      <c r="A25156" s="1" t="s">
        <v>47453</v>
      </c>
      <c r="B25156" s="1" t="s">
        <v>61427</v>
      </c>
      <c r="C25156" s="1" t="s">
        <v>47454</v>
      </c>
      <c r="D25156" s="2">
        <v>177984</v>
      </c>
      <c r="E25156" s="1" t="s">
        <v>0</v>
      </c>
    </row>
    <row r="25157" spans="1:5" x14ac:dyDescent="0.25">
      <c r="A25157" s="2">
        <v>5031</v>
      </c>
      <c r="B25157" s="2">
        <v>5031</v>
      </c>
      <c r="C25157" s="1" t="s">
        <v>0</v>
      </c>
      <c r="D25157" s="2">
        <v>177985</v>
      </c>
      <c r="E25157" s="1" t="s">
        <v>0</v>
      </c>
    </row>
    <row r="25158" spans="1:5" x14ac:dyDescent="0.25">
      <c r="A25158" s="1" t="s">
        <v>4574</v>
      </c>
      <c r="B25158" s="1" t="s">
        <v>12311</v>
      </c>
      <c r="C25158" s="1" t="s">
        <v>47455</v>
      </c>
      <c r="D25158" s="2">
        <v>177986</v>
      </c>
      <c r="E25158" s="1" t="s">
        <v>0</v>
      </c>
    </row>
    <row r="25159" spans="1:5" x14ac:dyDescent="0.25">
      <c r="A25159" s="1" t="s">
        <v>47456</v>
      </c>
      <c r="B25159" s="1" t="s">
        <v>57057</v>
      </c>
      <c r="C25159" s="1" t="s">
        <v>47457</v>
      </c>
      <c r="D25159" s="2">
        <v>177987</v>
      </c>
      <c r="E25159" s="1" t="s">
        <v>0</v>
      </c>
    </row>
    <row r="25160" spans="1:5" ht="409.5" x14ac:dyDescent="0.25">
      <c r="A25160" s="4" t="s">
        <v>47458</v>
      </c>
      <c r="B25160" s="1" t="s">
        <v>57058</v>
      </c>
      <c r="C25160" s="1" t="s">
        <v>47459</v>
      </c>
      <c r="D25160" s="2">
        <v>177988</v>
      </c>
      <c r="E25160" s="1" t="s">
        <v>0</v>
      </c>
    </row>
    <row r="25161" spans="1:5" x14ac:dyDescent="0.25">
      <c r="A25161" s="1" t="s">
        <v>47460</v>
      </c>
      <c r="B25161" s="1" t="s">
        <v>12312</v>
      </c>
      <c r="C25161" s="1" t="s">
        <v>47461</v>
      </c>
      <c r="D25161" s="2">
        <v>177989</v>
      </c>
      <c r="E25161" s="1" t="s">
        <v>0</v>
      </c>
    </row>
    <row r="25162" spans="1:5" x14ac:dyDescent="0.25">
      <c r="A25162" s="2">
        <v>5032</v>
      </c>
      <c r="B25162" s="2">
        <v>5032</v>
      </c>
      <c r="C25162" s="1" t="s">
        <v>0</v>
      </c>
      <c r="D25162" s="2">
        <v>177990</v>
      </c>
      <c r="E25162" s="1" t="s">
        <v>0</v>
      </c>
    </row>
    <row r="25163" spans="1:5" x14ac:dyDescent="0.25">
      <c r="A25163" s="1" t="s">
        <v>4575</v>
      </c>
      <c r="B25163" s="1" t="s">
        <v>12313</v>
      </c>
      <c r="C25163" s="1" t="s">
        <v>47462</v>
      </c>
      <c r="D25163" s="2">
        <v>177991</v>
      </c>
      <c r="E25163" s="1" t="s">
        <v>0</v>
      </c>
    </row>
    <row r="25164" spans="1:5" x14ac:dyDescent="0.25">
      <c r="A25164" s="1" t="s">
        <v>47463</v>
      </c>
      <c r="B25164" s="1" t="s">
        <v>60324</v>
      </c>
      <c r="C25164" s="1" t="s">
        <v>47464</v>
      </c>
      <c r="D25164" s="2">
        <v>177992</v>
      </c>
      <c r="E25164" s="1" t="s">
        <v>0</v>
      </c>
    </row>
    <row r="25165" spans="1:5" ht="409.5" x14ac:dyDescent="0.25">
      <c r="A25165" s="4" t="s">
        <v>47465</v>
      </c>
      <c r="B25165" s="1" t="s">
        <v>60325</v>
      </c>
      <c r="C25165" s="1" t="s">
        <v>47466</v>
      </c>
      <c r="D25165" s="2">
        <v>177993</v>
      </c>
      <c r="E25165" s="1" t="s">
        <v>0</v>
      </c>
    </row>
    <row r="25166" spans="1:5" x14ac:dyDescent="0.25">
      <c r="A25166" s="1" t="s">
        <v>47467</v>
      </c>
      <c r="B25166" s="1" t="s">
        <v>56538</v>
      </c>
      <c r="C25166" s="1" t="s">
        <v>47468</v>
      </c>
      <c r="D25166" s="2">
        <v>177994</v>
      </c>
      <c r="E25166" s="1" t="s">
        <v>0</v>
      </c>
    </row>
    <row r="25167" spans="1:5" x14ac:dyDescent="0.25">
      <c r="A25167" s="2">
        <v>5033</v>
      </c>
      <c r="B25167" s="2">
        <v>5033</v>
      </c>
      <c r="C25167" s="1" t="s">
        <v>0</v>
      </c>
      <c r="D25167" s="2">
        <v>177995</v>
      </c>
      <c r="E25167" s="1" t="s">
        <v>0</v>
      </c>
    </row>
    <row r="25168" spans="1:5" x14ac:dyDescent="0.25">
      <c r="A25168" s="1" t="s">
        <v>4576</v>
      </c>
      <c r="B25168" s="1" t="s">
        <v>56539</v>
      </c>
      <c r="C25168" s="1" t="s">
        <v>47469</v>
      </c>
      <c r="D25168" s="2">
        <v>177996</v>
      </c>
      <c r="E25168" s="1" t="s">
        <v>0</v>
      </c>
    </row>
    <row r="25169" spans="1:5" x14ac:dyDescent="0.25">
      <c r="A25169" s="1" t="s">
        <v>47470</v>
      </c>
      <c r="B25169" s="1" t="s">
        <v>63071</v>
      </c>
      <c r="C25169" s="1" t="s">
        <v>47471</v>
      </c>
      <c r="D25169" s="2">
        <v>177997</v>
      </c>
      <c r="E25169" s="1" t="s">
        <v>0</v>
      </c>
    </row>
    <row r="25170" spans="1:5" ht="409.5" x14ac:dyDescent="0.25">
      <c r="A25170" s="4" t="s">
        <v>47472</v>
      </c>
      <c r="B25170" s="1" t="s">
        <v>63072</v>
      </c>
      <c r="C25170" s="1" t="s">
        <v>47473</v>
      </c>
      <c r="D25170" s="2">
        <v>177998</v>
      </c>
      <c r="E25170" s="1" t="s">
        <v>0</v>
      </c>
    </row>
    <row r="25171" spans="1:5" x14ac:dyDescent="0.25">
      <c r="A25171" s="1" t="s">
        <v>47474</v>
      </c>
      <c r="B25171" s="1" t="s">
        <v>56540</v>
      </c>
      <c r="C25171" s="1" t="s">
        <v>47475</v>
      </c>
      <c r="D25171" s="2">
        <v>177999</v>
      </c>
      <c r="E25171" s="1" t="s">
        <v>0</v>
      </c>
    </row>
    <row r="25172" spans="1:5" x14ac:dyDescent="0.25">
      <c r="A25172" s="2">
        <v>5034</v>
      </c>
      <c r="B25172" s="2">
        <v>5034</v>
      </c>
      <c r="C25172" s="1" t="s">
        <v>0</v>
      </c>
      <c r="D25172" s="2">
        <v>178000</v>
      </c>
      <c r="E25172" s="1" t="s">
        <v>0</v>
      </c>
    </row>
    <row r="25173" spans="1:5" x14ac:dyDescent="0.25">
      <c r="A25173" s="1" t="s">
        <v>4577</v>
      </c>
      <c r="B25173" s="1" t="s">
        <v>12314</v>
      </c>
      <c r="C25173" s="1" t="s">
        <v>47476</v>
      </c>
      <c r="D25173" s="2">
        <v>178001</v>
      </c>
      <c r="E25173" s="1" t="s">
        <v>0</v>
      </c>
    </row>
    <row r="25174" spans="1:5" x14ac:dyDescent="0.25">
      <c r="A25174" s="1" t="s">
        <v>47477</v>
      </c>
      <c r="B25174" s="1" t="s">
        <v>12315</v>
      </c>
      <c r="C25174" s="1" t="s">
        <v>47478</v>
      </c>
      <c r="D25174" s="2">
        <v>178002</v>
      </c>
      <c r="E25174" s="1" t="s">
        <v>0</v>
      </c>
    </row>
    <row r="25175" spans="1:5" ht="409.5" x14ac:dyDescent="0.25">
      <c r="A25175" s="4" t="s">
        <v>47479</v>
      </c>
      <c r="B25175" s="1" t="s">
        <v>63843</v>
      </c>
      <c r="C25175" s="1" t="s">
        <v>47480</v>
      </c>
      <c r="D25175" s="2">
        <v>178003</v>
      </c>
      <c r="E25175" s="1" t="s">
        <v>0</v>
      </c>
    </row>
    <row r="25176" spans="1:5" x14ac:dyDescent="0.25">
      <c r="A25176" s="1" t="s">
        <v>47481</v>
      </c>
      <c r="B25176" s="1" t="s">
        <v>12316</v>
      </c>
      <c r="C25176" s="1" t="s">
        <v>47482</v>
      </c>
      <c r="D25176" s="2">
        <v>178004</v>
      </c>
      <c r="E25176" s="1" t="s">
        <v>0</v>
      </c>
    </row>
    <row r="25177" spans="1:5" x14ac:dyDescent="0.25">
      <c r="A25177" s="2">
        <v>5035</v>
      </c>
      <c r="B25177" s="2">
        <v>5035</v>
      </c>
      <c r="C25177" s="1" t="s">
        <v>0</v>
      </c>
      <c r="D25177" s="2">
        <v>178005</v>
      </c>
      <c r="E25177" s="1" t="s">
        <v>0</v>
      </c>
    </row>
    <row r="25178" spans="1:5" x14ac:dyDescent="0.25">
      <c r="A25178" s="1" t="s">
        <v>4578</v>
      </c>
      <c r="B25178" s="1" t="s">
        <v>56541</v>
      </c>
      <c r="C25178" s="1" t="s">
        <v>47483</v>
      </c>
      <c r="D25178" s="2">
        <v>178006</v>
      </c>
      <c r="E25178" s="1" t="s">
        <v>0</v>
      </c>
    </row>
    <row r="25179" spans="1:5" x14ac:dyDescent="0.25">
      <c r="A25179" s="1" t="s">
        <v>47484</v>
      </c>
      <c r="B25179" s="1" t="s">
        <v>61428</v>
      </c>
      <c r="C25179" s="1" t="s">
        <v>47485</v>
      </c>
      <c r="D25179" s="2">
        <v>178007</v>
      </c>
      <c r="E25179" s="1" t="s">
        <v>0</v>
      </c>
    </row>
    <row r="25180" spans="1:5" ht="409.5" x14ac:dyDescent="0.25">
      <c r="A25180" s="4" t="s">
        <v>47486</v>
      </c>
      <c r="B25180" s="1" t="s">
        <v>61429</v>
      </c>
      <c r="C25180" s="1" t="s">
        <v>47487</v>
      </c>
      <c r="D25180" s="2">
        <v>178008</v>
      </c>
      <c r="E25180" s="1" t="s">
        <v>0</v>
      </c>
    </row>
    <row r="25181" spans="1:5" x14ac:dyDescent="0.25">
      <c r="A25181" s="1" t="s">
        <v>47488</v>
      </c>
      <c r="B25181" s="1" t="s">
        <v>12317</v>
      </c>
      <c r="C25181" s="1" t="s">
        <v>47489</v>
      </c>
      <c r="D25181" s="2">
        <v>178009</v>
      </c>
      <c r="E25181" s="1" t="s">
        <v>0</v>
      </c>
    </row>
    <row r="25182" spans="1:5" x14ac:dyDescent="0.25">
      <c r="A25182" s="2">
        <v>5036</v>
      </c>
      <c r="B25182" s="2">
        <v>5036</v>
      </c>
      <c r="C25182" s="1" t="s">
        <v>0</v>
      </c>
      <c r="D25182" s="2">
        <v>178010</v>
      </c>
      <c r="E25182" s="1" t="s">
        <v>0</v>
      </c>
    </row>
    <row r="25183" spans="1:5" x14ac:dyDescent="0.25">
      <c r="A25183" s="1" t="s">
        <v>4579</v>
      </c>
      <c r="B25183" s="1" t="s">
        <v>12318</v>
      </c>
      <c r="C25183" s="1" t="s">
        <v>47490</v>
      </c>
      <c r="D25183" s="2">
        <v>178011</v>
      </c>
      <c r="E25183" s="1" t="s">
        <v>0</v>
      </c>
    </row>
    <row r="25184" spans="1:5" x14ac:dyDescent="0.25">
      <c r="A25184" s="1" t="s">
        <v>47491</v>
      </c>
      <c r="B25184" s="1" t="s">
        <v>63549</v>
      </c>
      <c r="C25184" s="1" t="s">
        <v>47492</v>
      </c>
      <c r="D25184" s="2">
        <v>178012</v>
      </c>
      <c r="E25184" s="1" t="s">
        <v>0</v>
      </c>
    </row>
    <row r="25185" spans="1:5" ht="409.5" x14ac:dyDescent="0.25">
      <c r="A25185" s="4" t="s">
        <v>47493</v>
      </c>
      <c r="B25185" s="1" t="s">
        <v>63550</v>
      </c>
      <c r="C25185" s="1" t="s">
        <v>47494</v>
      </c>
      <c r="D25185" s="2">
        <v>178013</v>
      </c>
      <c r="E25185" s="1" t="s">
        <v>0</v>
      </c>
    </row>
    <row r="25186" spans="1:5" x14ac:dyDescent="0.25">
      <c r="A25186" s="1" t="s">
        <v>14855</v>
      </c>
      <c r="B25186" s="1" t="s">
        <v>60879</v>
      </c>
      <c r="C25186" s="1" t="s">
        <v>14856</v>
      </c>
      <c r="D25186" s="2">
        <v>178014</v>
      </c>
      <c r="E25186" s="1" t="s">
        <v>0</v>
      </c>
    </row>
    <row r="25187" spans="1:5" x14ac:dyDescent="0.25">
      <c r="A25187" s="2">
        <v>5037</v>
      </c>
      <c r="B25187" s="2">
        <v>5037</v>
      </c>
      <c r="C25187" s="1" t="s">
        <v>0</v>
      </c>
      <c r="D25187" s="2">
        <v>178015</v>
      </c>
      <c r="E25187" s="1" t="s">
        <v>0</v>
      </c>
    </row>
    <row r="25188" spans="1:5" x14ac:dyDescent="0.25">
      <c r="A25188" s="1" t="s">
        <v>4580</v>
      </c>
      <c r="B25188" s="1" t="s">
        <v>12319</v>
      </c>
      <c r="C25188" s="1" t="s">
        <v>47495</v>
      </c>
      <c r="D25188" s="2">
        <v>178016</v>
      </c>
      <c r="E25188" s="1" t="s">
        <v>0</v>
      </c>
    </row>
    <row r="25189" spans="1:5" x14ac:dyDescent="0.25">
      <c r="A25189" s="1" t="s">
        <v>47496</v>
      </c>
      <c r="B25189" s="1" t="s">
        <v>12320</v>
      </c>
      <c r="C25189" s="1" t="s">
        <v>47497</v>
      </c>
      <c r="D25189" s="2">
        <v>178017</v>
      </c>
      <c r="E25189" s="1" t="s">
        <v>0</v>
      </c>
    </row>
    <row r="25190" spans="1:5" ht="409.5" x14ac:dyDescent="0.25">
      <c r="A25190" s="4" t="s">
        <v>47498</v>
      </c>
      <c r="B25190" s="1" t="s">
        <v>51097</v>
      </c>
      <c r="C25190" s="1" t="s">
        <v>47499</v>
      </c>
      <c r="D25190" s="2">
        <v>178018</v>
      </c>
      <c r="E25190" s="1" t="s">
        <v>0</v>
      </c>
    </row>
    <row r="25191" spans="1:5" x14ac:dyDescent="0.25">
      <c r="A25191" s="1" t="s">
        <v>47500</v>
      </c>
      <c r="B25191" s="1" t="s">
        <v>56542</v>
      </c>
      <c r="C25191" s="1" t="s">
        <v>47501</v>
      </c>
      <c r="D25191" s="2">
        <v>178019</v>
      </c>
      <c r="E25191" s="1" t="s">
        <v>0</v>
      </c>
    </row>
    <row r="25192" spans="1:5" x14ac:dyDescent="0.25">
      <c r="A25192" s="2">
        <v>5038</v>
      </c>
      <c r="B25192" s="2">
        <v>5038</v>
      </c>
      <c r="C25192" s="1" t="s">
        <v>0</v>
      </c>
      <c r="D25192" s="2">
        <v>178020</v>
      </c>
      <c r="E25192" s="1" t="s">
        <v>0</v>
      </c>
    </row>
    <row r="25193" spans="1:5" x14ac:dyDescent="0.25">
      <c r="A25193" s="1" t="s">
        <v>4581</v>
      </c>
      <c r="B25193" s="1" t="s">
        <v>12321</v>
      </c>
      <c r="C25193" s="1" t="s">
        <v>47502</v>
      </c>
      <c r="D25193" s="2">
        <v>178021</v>
      </c>
      <c r="E25193" s="1" t="s">
        <v>0</v>
      </c>
    </row>
    <row r="25194" spans="1:5" x14ac:dyDescent="0.25">
      <c r="A25194" s="1" t="s">
        <v>47503</v>
      </c>
      <c r="B25194" s="1" t="s">
        <v>56543</v>
      </c>
      <c r="C25194" s="1" t="s">
        <v>47504</v>
      </c>
      <c r="D25194" s="2">
        <v>178022</v>
      </c>
      <c r="E25194" s="1" t="s">
        <v>0</v>
      </c>
    </row>
    <row r="25195" spans="1:5" ht="409.5" x14ac:dyDescent="0.25">
      <c r="A25195" s="4" t="s">
        <v>47505</v>
      </c>
      <c r="B25195" s="1" t="s">
        <v>56544</v>
      </c>
      <c r="C25195" s="1" t="s">
        <v>47506</v>
      </c>
      <c r="D25195" s="2">
        <v>178023</v>
      </c>
      <c r="E25195" s="1" t="s">
        <v>0</v>
      </c>
    </row>
    <row r="25196" spans="1:5" x14ac:dyDescent="0.25">
      <c r="A25196" s="1" t="s">
        <v>47507</v>
      </c>
      <c r="B25196" s="1" t="s">
        <v>56545</v>
      </c>
      <c r="C25196" s="1" t="s">
        <v>47508</v>
      </c>
      <c r="D25196" s="2">
        <v>178024</v>
      </c>
      <c r="E25196" s="1" t="s">
        <v>0</v>
      </c>
    </row>
    <row r="25197" spans="1:5" x14ac:dyDescent="0.25">
      <c r="A25197" s="2">
        <v>5039</v>
      </c>
      <c r="B25197" s="2">
        <v>5039</v>
      </c>
      <c r="C25197" s="1" t="s">
        <v>0</v>
      </c>
      <c r="D25197" s="2">
        <v>178025</v>
      </c>
      <c r="E25197" s="1" t="s">
        <v>0</v>
      </c>
    </row>
    <row r="25198" spans="1:5" x14ac:dyDescent="0.25">
      <c r="A25198" s="1" t="s">
        <v>4582</v>
      </c>
      <c r="B25198" s="1" t="s">
        <v>56546</v>
      </c>
      <c r="C25198" s="1" t="s">
        <v>47509</v>
      </c>
      <c r="D25198" s="2">
        <v>178026</v>
      </c>
      <c r="E25198" s="1" t="s">
        <v>0</v>
      </c>
    </row>
    <row r="25199" spans="1:5" x14ac:dyDescent="0.25">
      <c r="A25199" s="1" t="s">
        <v>47510</v>
      </c>
      <c r="B25199" s="1" t="s">
        <v>56547</v>
      </c>
      <c r="C25199" s="1" t="s">
        <v>47511</v>
      </c>
      <c r="D25199" s="2">
        <v>178027</v>
      </c>
      <c r="E25199" s="1" t="s">
        <v>0</v>
      </c>
    </row>
    <row r="25200" spans="1:5" ht="409.5" x14ac:dyDescent="0.25">
      <c r="A25200" s="4" t="s">
        <v>47512</v>
      </c>
      <c r="B25200" s="1" t="s">
        <v>56548</v>
      </c>
      <c r="C25200" s="1" t="s">
        <v>47513</v>
      </c>
      <c r="D25200" s="2">
        <v>178028</v>
      </c>
      <c r="E25200" s="1" t="s">
        <v>0</v>
      </c>
    </row>
    <row r="25201" spans="1:5" x14ac:dyDescent="0.25">
      <c r="A25201" s="1" t="s">
        <v>47514</v>
      </c>
      <c r="B25201" s="1" t="s">
        <v>12322</v>
      </c>
      <c r="C25201" s="1" t="s">
        <v>47515</v>
      </c>
      <c r="D25201" s="2">
        <v>178029</v>
      </c>
      <c r="E25201" s="1" t="s">
        <v>0</v>
      </c>
    </row>
    <row r="25202" spans="1:5" x14ac:dyDescent="0.25">
      <c r="A25202" s="2">
        <v>5040</v>
      </c>
      <c r="B25202" s="2">
        <v>5040</v>
      </c>
      <c r="C25202" s="1" t="s">
        <v>0</v>
      </c>
      <c r="D25202" s="2">
        <v>178030</v>
      </c>
      <c r="E25202" s="1" t="s">
        <v>0</v>
      </c>
    </row>
    <row r="25203" spans="1:5" x14ac:dyDescent="0.25">
      <c r="A25203" s="1" t="s">
        <v>4583</v>
      </c>
      <c r="B25203" s="1" t="s">
        <v>56549</v>
      </c>
      <c r="C25203" s="1" t="s">
        <v>47516</v>
      </c>
      <c r="D25203" s="2">
        <v>178031</v>
      </c>
      <c r="E25203" s="1" t="s">
        <v>0</v>
      </c>
    </row>
    <row r="25204" spans="1:5" x14ac:dyDescent="0.25">
      <c r="A25204" s="1" t="s">
        <v>47517</v>
      </c>
      <c r="B25204" s="1" t="s">
        <v>56550</v>
      </c>
      <c r="C25204" s="1" t="s">
        <v>47518</v>
      </c>
      <c r="D25204" s="2">
        <v>178032</v>
      </c>
      <c r="E25204" s="1" t="s">
        <v>0</v>
      </c>
    </row>
    <row r="25205" spans="1:5" ht="409.5" x14ac:dyDescent="0.25">
      <c r="A25205" s="4" t="s">
        <v>47519</v>
      </c>
      <c r="B25205" s="1" t="s">
        <v>56551</v>
      </c>
      <c r="C25205" s="1" t="s">
        <v>47520</v>
      </c>
      <c r="D25205" s="2">
        <v>178033</v>
      </c>
      <c r="E25205" s="1" t="s">
        <v>0</v>
      </c>
    </row>
    <row r="25206" spans="1:5" x14ac:dyDescent="0.25">
      <c r="A25206" s="1" t="s">
        <v>47521</v>
      </c>
      <c r="B25206" s="1" t="s">
        <v>61430</v>
      </c>
      <c r="C25206" s="1" t="s">
        <v>47522</v>
      </c>
      <c r="D25206" s="2">
        <v>178034</v>
      </c>
      <c r="E25206" s="1" t="s">
        <v>0</v>
      </c>
    </row>
    <row r="25207" spans="1:5" x14ac:dyDescent="0.25">
      <c r="A25207" s="2">
        <v>5041</v>
      </c>
      <c r="B25207" s="2">
        <v>5041</v>
      </c>
      <c r="C25207" s="1" t="s">
        <v>0</v>
      </c>
      <c r="D25207" s="2">
        <v>178035</v>
      </c>
      <c r="E25207" s="1" t="s">
        <v>0</v>
      </c>
    </row>
    <row r="25208" spans="1:5" x14ac:dyDescent="0.25">
      <c r="A25208" s="1" t="s">
        <v>4584</v>
      </c>
      <c r="B25208" s="1" t="s">
        <v>12323</v>
      </c>
      <c r="C25208" s="1" t="s">
        <v>47523</v>
      </c>
      <c r="D25208" s="2">
        <v>178036</v>
      </c>
      <c r="E25208" s="1" t="s">
        <v>0</v>
      </c>
    </row>
    <row r="25209" spans="1:5" x14ac:dyDescent="0.25">
      <c r="A25209" s="1" t="s">
        <v>47524</v>
      </c>
      <c r="B25209" s="1" t="s">
        <v>12324</v>
      </c>
      <c r="C25209" s="1" t="s">
        <v>47525</v>
      </c>
      <c r="D25209" s="2">
        <v>178037</v>
      </c>
      <c r="E25209" s="1" t="s">
        <v>0</v>
      </c>
    </row>
    <row r="25210" spans="1:5" ht="409.5" x14ac:dyDescent="0.25">
      <c r="A25210" s="4" t="s">
        <v>47526</v>
      </c>
      <c r="B25210" s="1" t="s">
        <v>56552</v>
      </c>
      <c r="C25210" s="1" t="s">
        <v>47527</v>
      </c>
      <c r="D25210" s="2">
        <v>178038</v>
      </c>
      <c r="E25210" s="1" t="s">
        <v>0</v>
      </c>
    </row>
    <row r="25211" spans="1:5" x14ac:dyDescent="0.25">
      <c r="A25211" s="1" t="s">
        <v>47528</v>
      </c>
      <c r="B25211" s="1" t="s">
        <v>12325</v>
      </c>
      <c r="C25211" s="1" t="s">
        <v>47529</v>
      </c>
      <c r="D25211" s="2">
        <v>178039</v>
      </c>
      <c r="E25211" s="1" t="s">
        <v>0</v>
      </c>
    </row>
    <row r="25212" spans="1:5" x14ac:dyDescent="0.25">
      <c r="A25212" s="2">
        <v>5042</v>
      </c>
      <c r="B25212" s="2">
        <v>5042</v>
      </c>
      <c r="C25212" s="1" t="s">
        <v>0</v>
      </c>
      <c r="D25212" s="2">
        <v>178040</v>
      </c>
      <c r="E25212" s="1" t="s">
        <v>0</v>
      </c>
    </row>
    <row r="25213" spans="1:5" x14ac:dyDescent="0.25">
      <c r="A25213" s="1" t="s">
        <v>4585</v>
      </c>
      <c r="B25213" s="1" t="s">
        <v>12326</v>
      </c>
      <c r="C25213" s="1" t="s">
        <v>47530</v>
      </c>
      <c r="D25213" s="2">
        <v>178041</v>
      </c>
      <c r="E25213" s="1" t="s">
        <v>0</v>
      </c>
    </row>
    <row r="25214" spans="1:5" x14ac:dyDescent="0.25">
      <c r="A25214" s="1" t="s">
        <v>47531</v>
      </c>
      <c r="B25214" s="1" t="s">
        <v>56553</v>
      </c>
      <c r="C25214" s="1" t="s">
        <v>47532</v>
      </c>
      <c r="D25214" s="2">
        <v>178042</v>
      </c>
      <c r="E25214" s="1" t="s">
        <v>0</v>
      </c>
    </row>
    <row r="25215" spans="1:5" ht="409.5" x14ac:dyDescent="0.25">
      <c r="A25215" s="4" t="s">
        <v>47533</v>
      </c>
      <c r="B25215" s="1" t="s">
        <v>57059</v>
      </c>
      <c r="C25215" s="1" t="s">
        <v>47534</v>
      </c>
      <c r="D25215" s="2">
        <v>178043</v>
      </c>
      <c r="E25215" s="1" t="s">
        <v>0</v>
      </c>
    </row>
    <row r="25216" spans="1:5" x14ac:dyDescent="0.25">
      <c r="A25216" s="1" t="s">
        <v>47535</v>
      </c>
      <c r="B25216" s="1" t="s">
        <v>61431</v>
      </c>
      <c r="C25216" s="1" t="s">
        <v>47536</v>
      </c>
      <c r="D25216" s="2">
        <v>178044</v>
      </c>
      <c r="E25216" s="1" t="s">
        <v>0</v>
      </c>
    </row>
    <row r="25217" spans="1:5" x14ac:dyDescent="0.25">
      <c r="A25217" s="2">
        <v>5043</v>
      </c>
      <c r="B25217" s="2">
        <v>5043</v>
      </c>
      <c r="C25217" s="1" t="s">
        <v>0</v>
      </c>
      <c r="D25217" s="2">
        <v>178045</v>
      </c>
      <c r="E25217" s="1" t="s">
        <v>0</v>
      </c>
    </row>
    <row r="25218" spans="1:5" x14ac:dyDescent="0.25">
      <c r="A25218" s="1" t="s">
        <v>64401</v>
      </c>
      <c r="B25218" s="1" t="s">
        <v>64402</v>
      </c>
      <c r="C25218" s="1" t="s">
        <v>47537</v>
      </c>
      <c r="D25218" s="2">
        <v>178046</v>
      </c>
      <c r="E25218" s="1" t="s">
        <v>0</v>
      </c>
    </row>
    <row r="25219" spans="1:5" x14ac:dyDescent="0.25">
      <c r="A25219" s="1" t="s">
        <v>47538</v>
      </c>
      <c r="B25219" s="1" t="s">
        <v>60673</v>
      </c>
      <c r="C25219" s="1" t="s">
        <v>47539</v>
      </c>
      <c r="D25219" s="2">
        <v>178047</v>
      </c>
      <c r="E25219" s="1" t="s">
        <v>0</v>
      </c>
    </row>
    <row r="25220" spans="1:5" ht="409.5" x14ac:dyDescent="0.25">
      <c r="A25220" s="4" t="s">
        <v>47540</v>
      </c>
      <c r="B25220" s="1" t="s">
        <v>60674</v>
      </c>
      <c r="C25220" s="1" t="s">
        <v>47541</v>
      </c>
      <c r="D25220" s="2">
        <v>178048</v>
      </c>
      <c r="E25220" s="1" t="s">
        <v>0</v>
      </c>
    </row>
    <row r="25221" spans="1:5" x14ac:dyDescent="0.25">
      <c r="A25221" s="1" t="s">
        <v>47542</v>
      </c>
      <c r="B25221" s="1" t="s">
        <v>12327</v>
      </c>
      <c r="C25221" s="1" t="s">
        <v>47543</v>
      </c>
      <c r="D25221" s="2">
        <v>178049</v>
      </c>
      <c r="E25221" s="1" t="s">
        <v>0</v>
      </c>
    </row>
    <row r="25222" spans="1:5" x14ac:dyDescent="0.25">
      <c r="A25222" s="2">
        <v>5044</v>
      </c>
      <c r="B25222" s="2">
        <v>5044</v>
      </c>
      <c r="C25222" s="1" t="s">
        <v>0</v>
      </c>
      <c r="D25222" s="2">
        <v>178050</v>
      </c>
      <c r="E25222" s="1" t="s">
        <v>0</v>
      </c>
    </row>
    <row r="25223" spans="1:5" x14ac:dyDescent="0.25">
      <c r="A25223" s="1" t="s">
        <v>4586</v>
      </c>
      <c r="B25223" s="1" t="s">
        <v>12328</v>
      </c>
      <c r="C25223" s="1" t="s">
        <v>47544</v>
      </c>
      <c r="D25223" s="2">
        <v>178051</v>
      </c>
      <c r="E25223" s="1" t="s">
        <v>0</v>
      </c>
    </row>
    <row r="25224" spans="1:5" x14ac:dyDescent="0.25">
      <c r="A25224" s="1" t="s">
        <v>47545</v>
      </c>
      <c r="B25224" s="1" t="s">
        <v>63073</v>
      </c>
      <c r="C25224" s="1" t="s">
        <v>47546</v>
      </c>
      <c r="D25224" s="2">
        <v>178052</v>
      </c>
      <c r="E25224" s="1" t="s">
        <v>0</v>
      </c>
    </row>
    <row r="25225" spans="1:5" ht="409.5" x14ac:dyDescent="0.25">
      <c r="A25225" s="4" t="s">
        <v>47547</v>
      </c>
      <c r="B25225" s="1" t="s">
        <v>63074</v>
      </c>
      <c r="C25225" s="1" t="s">
        <v>47548</v>
      </c>
      <c r="D25225" s="2">
        <v>178053</v>
      </c>
      <c r="E25225" s="1" t="s">
        <v>0</v>
      </c>
    </row>
    <row r="25226" spans="1:5" x14ac:dyDescent="0.25">
      <c r="A25226" s="1" t="s">
        <v>47549</v>
      </c>
      <c r="B25226" s="1" t="s">
        <v>56554</v>
      </c>
      <c r="C25226" s="1" t="s">
        <v>47550</v>
      </c>
      <c r="D25226" s="2">
        <v>178054</v>
      </c>
      <c r="E25226" s="1" t="s">
        <v>0</v>
      </c>
    </row>
    <row r="25227" spans="1:5" x14ac:dyDescent="0.25">
      <c r="A25227" s="2">
        <v>5045</v>
      </c>
      <c r="B25227" s="2">
        <v>5045</v>
      </c>
      <c r="C25227" s="1" t="s">
        <v>0</v>
      </c>
      <c r="D25227" s="2">
        <v>178055</v>
      </c>
      <c r="E25227" s="1" t="s">
        <v>0</v>
      </c>
    </row>
    <row r="25228" spans="1:5" x14ac:dyDescent="0.25">
      <c r="A25228" s="1" t="s">
        <v>4587</v>
      </c>
      <c r="B25228" s="1" t="s">
        <v>12329</v>
      </c>
      <c r="C25228" s="1" t="s">
        <v>47551</v>
      </c>
      <c r="D25228" s="2">
        <v>178056</v>
      </c>
      <c r="E25228" s="1" t="s">
        <v>0</v>
      </c>
    </row>
    <row r="25229" spans="1:5" x14ac:dyDescent="0.25">
      <c r="A25229" s="1" t="s">
        <v>47552</v>
      </c>
      <c r="B25229" s="1" t="s">
        <v>51098</v>
      </c>
      <c r="C25229" s="1" t="s">
        <v>47553</v>
      </c>
      <c r="D25229" s="2">
        <v>178057</v>
      </c>
      <c r="E25229" s="1" t="s">
        <v>0</v>
      </c>
    </row>
    <row r="25230" spans="1:5" ht="409.5" x14ac:dyDescent="0.25">
      <c r="A25230" s="4" t="s">
        <v>64403</v>
      </c>
      <c r="B25230" s="1" t="s">
        <v>63075</v>
      </c>
      <c r="C25230" s="1" t="s">
        <v>47554</v>
      </c>
      <c r="D25230" s="2">
        <v>178058</v>
      </c>
      <c r="E25230" s="1" t="s">
        <v>0</v>
      </c>
    </row>
    <row r="25231" spans="1:5" x14ac:dyDescent="0.25">
      <c r="A25231" s="1" t="s">
        <v>47555</v>
      </c>
      <c r="B25231" s="1" t="s">
        <v>56555</v>
      </c>
      <c r="C25231" s="1" t="s">
        <v>47556</v>
      </c>
      <c r="D25231" s="2">
        <v>178059</v>
      </c>
      <c r="E25231" s="1" t="s">
        <v>0</v>
      </c>
    </row>
    <row r="25232" spans="1:5" x14ac:dyDescent="0.25">
      <c r="A25232" s="2">
        <v>5046</v>
      </c>
      <c r="B25232" s="2">
        <v>5046</v>
      </c>
      <c r="C25232" s="1" t="s">
        <v>0</v>
      </c>
      <c r="D25232" s="2">
        <v>178060</v>
      </c>
      <c r="E25232" s="1" t="s">
        <v>0</v>
      </c>
    </row>
    <row r="25233" spans="1:5" x14ac:dyDescent="0.25">
      <c r="A25233" s="1" t="s">
        <v>4588</v>
      </c>
      <c r="B25233" s="1" t="s">
        <v>12330</v>
      </c>
      <c r="C25233" s="1" t="s">
        <v>47557</v>
      </c>
      <c r="D25233" s="2">
        <v>178061</v>
      </c>
      <c r="E25233" s="1" t="s">
        <v>0</v>
      </c>
    </row>
    <row r="25234" spans="1:5" x14ac:dyDescent="0.25">
      <c r="A25234" s="1" t="s">
        <v>47558</v>
      </c>
      <c r="B25234" s="1" t="s">
        <v>56556</v>
      </c>
      <c r="C25234" s="1" t="s">
        <v>47559</v>
      </c>
      <c r="D25234" s="2">
        <v>178062</v>
      </c>
      <c r="E25234" s="1" t="s">
        <v>0</v>
      </c>
    </row>
    <row r="25235" spans="1:5" ht="409.5" x14ac:dyDescent="0.25">
      <c r="A25235" s="4" t="s">
        <v>47560</v>
      </c>
      <c r="B25235" s="1" t="s">
        <v>56557</v>
      </c>
      <c r="C25235" s="1" t="s">
        <v>47561</v>
      </c>
      <c r="D25235" s="2">
        <v>178063</v>
      </c>
      <c r="E25235" s="1" t="s">
        <v>0</v>
      </c>
    </row>
    <row r="25236" spans="1:5" x14ac:dyDescent="0.25">
      <c r="A25236" s="1" t="s">
        <v>47562</v>
      </c>
      <c r="B25236" s="1" t="s">
        <v>12331</v>
      </c>
      <c r="C25236" s="1" t="s">
        <v>47563</v>
      </c>
      <c r="D25236" s="2">
        <v>178064</v>
      </c>
      <c r="E25236" s="1" t="s">
        <v>0</v>
      </c>
    </row>
    <row r="25237" spans="1:5" x14ac:dyDescent="0.25">
      <c r="A25237" s="2">
        <v>5047</v>
      </c>
      <c r="B25237" s="2">
        <v>5047</v>
      </c>
      <c r="C25237" s="1" t="s">
        <v>0</v>
      </c>
      <c r="D25237" s="2">
        <v>178065</v>
      </c>
      <c r="E25237" s="1" t="s">
        <v>0</v>
      </c>
    </row>
    <row r="25238" spans="1:5" x14ac:dyDescent="0.25">
      <c r="A25238" s="1" t="s">
        <v>4589</v>
      </c>
      <c r="B25238" s="1" t="s">
        <v>12332</v>
      </c>
      <c r="C25238" s="1" t="s">
        <v>47564</v>
      </c>
      <c r="D25238" s="2">
        <v>178066</v>
      </c>
      <c r="E25238" s="1" t="s">
        <v>0</v>
      </c>
    </row>
    <row r="25239" spans="1:5" x14ac:dyDescent="0.25">
      <c r="A25239" s="1" t="s">
        <v>47565</v>
      </c>
      <c r="B25239" s="1" t="s">
        <v>12333</v>
      </c>
      <c r="C25239" s="1" t="s">
        <v>47566</v>
      </c>
      <c r="D25239" s="2">
        <v>178067</v>
      </c>
      <c r="E25239" s="1" t="s">
        <v>0</v>
      </c>
    </row>
    <row r="25240" spans="1:5" ht="409.5" x14ac:dyDescent="0.25">
      <c r="A25240" s="4" t="s">
        <v>47567</v>
      </c>
      <c r="B25240" s="1" t="s">
        <v>63844</v>
      </c>
      <c r="C25240" s="1" t="s">
        <v>47568</v>
      </c>
      <c r="D25240" s="2">
        <v>178068</v>
      </c>
      <c r="E25240" s="1" t="s">
        <v>0</v>
      </c>
    </row>
    <row r="25241" spans="1:5" x14ac:dyDescent="0.25">
      <c r="A25241" s="1" t="s">
        <v>47569</v>
      </c>
      <c r="B25241" s="1" t="s">
        <v>12334</v>
      </c>
      <c r="C25241" s="1" t="s">
        <v>47570</v>
      </c>
      <c r="D25241" s="2">
        <v>178069</v>
      </c>
      <c r="E25241" s="1" t="s">
        <v>0</v>
      </c>
    </row>
    <row r="25242" spans="1:5" x14ac:dyDescent="0.25">
      <c r="A25242" s="2">
        <v>5048</v>
      </c>
      <c r="B25242" s="2">
        <v>5048</v>
      </c>
      <c r="C25242" s="1" t="s">
        <v>0</v>
      </c>
      <c r="D25242" s="2">
        <v>178070</v>
      </c>
      <c r="E25242" s="1" t="s">
        <v>0</v>
      </c>
    </row>
    <row r="25243" spans="1:5" x14ac:dyDescent="0.25">
      <c r="A25243" s="1" t="s">
        <v>4590</v>
      </c>
      <c r="B25243" s="1" t="s">
        <v>12335</v>
      </c>
      <c r="C25243" s="1" t="s">
        <v>47571</v>
      </c>
      <c r="D25243" s="2">
        <v>178071</v>
      </c>
      <c r="E25243" s="1" t="s">
        <v>0</v>
      </c>
    </row>
    <row r="25244" spans="1:5" x14ac:dyDescent="0.25">
      <c r="A25244" s="1" t="s">
        <v>47572</v>
      </c>
      <c r="B25244" s="1" t="s">
        <v>58643</v>
      </c>
      <c r="C25244" s="1" t="s">
        <v>47573</v>
      </c>
      <c r="D25244" s="2">
        <v>178072</v>
      </c>
      <c r="E25244" s="1" t="s">
        <v>0</v>
      </c>
    </row>
    <row r="25245" spans="1:5" ht="409.5" x14ac:dyDescent="0.25">
      <c r="A25245" s="4" t="s">
        <v>47574</v>
      </c>
      <c r="B25245" s="1" t="s">
        <v>58644</v>
      </c>
      <c r="C25245" s="1" t="s">
        <v>47575</v>
      </c>
      <c r="D25245" s="2">
        <v>178073</v>
      </c>
      <c r="E25245" s="1" t="s">
        <v>0</v>
      </c>
    </row>
    <row r="25246" spans="1:5" x14ac:dyDescent="0.25">
      <c r="A25246" s="1" t="s">
        <v>47576</v>
      </c>
      <c r="B25246" s="1" t="s">
        <v>58645</v>
      </c>
      <c r="C25246" s="1" t="s">
        <v>47577</v>
      </c>
      <c r="D25246" s="2">
        <v>178074</v>
      </c>
      <c r="E25246" s="1" t="s">
        <v>0</v>
      </c>
    </row>
    <row r="25247" spans="1:5" x14ac:dyDescent="0.25">
      <c r="A25247" s="2">
        <v>5049</v>
      </c>
      <c r="B25247" s="2">
        <v>5049</v>
      </c>
      <c r="C25247" s="1" t="s">
        <v>0</v>
      </c>
      <c r="D25247" s="2">
        <v>178075</v>
      </c>
      <c r="E25247" s="1" t="s">
        <v>0</v>
      </c>
    </row>
    <row r="25248" spans="1:5" x14ac:dyDescent="0.25">
      <c r="A25248" s="1" t="s">
        <v>4591</v>
      </c>
      <c r="B25248" s="1" t="s">
        <v>12336</v>
      </c>
      <c r="C25248" s="1" t="s">
        <v>47578</v>
      </c>
      <c r="D25248" s="2">
        <v>178076</v>
      </c>
      <c r="E25248" s="1" t="s">
        <v>0</v>
      </c>
    </row>
    <row r="25249" spans="1:5" x14ac:dyDescent="0.25">
      <c r="A25249" s="1" t="s">
        <v>47579</v>
      </c>
      <c r="B25249" s="1" t="s">
        <v>56558</v>
      </c>
      <c r="C25249" s="1" t="s">
        <v>47580</v>
      </c>
      <c r="D25249" s="2">
        <v>178077</v>
      </c>
      <c r="E25249" s="1" t="s">
        <v>0</v>
      </c>
    </row>
    <row r="25250" spans="1:5" ht="409.5" x14ac:dyDescent="0.25">
      <c r="A25250" s="4" t="s">
        <v>47581</v>
      </c>
      <c r="B25250" s="1" t="s">
        <v>63551</v>
      </c>
      <c r="C25250" s="1" t="s">
        <v>47582</v>
      </c>
      <c r="D25250" s="2">
        <v>178078</v>
      </c>
      <c r="E25250" s="1" t="s">
        <v>0</v>
      </c>
    </row>
    <row r="25251" spans="1:5" x14ac:dyDescent="0.25">
      <c r="A25251" s="1" t="s">
        <v>47583</v>
      </c>
      <c r="B25251" s="1" t="s">
        <v>56559</v>
      </c>
      <c r="C25251" s="1" t="s">
        <v>47584</v>
      </c>
      <c r="D25251" s="2">
        <v>178079</v>
      </c>
      <c r="E25251" s="1" t="s">
        <v>0</v>
      </c>
    </row>
    <row r="25252" spans="1:5" x14ac:dyDescent="0.25">
      <c r="A25252" s="2">
        <v>5050</v>
      </c>
      <c r="B25252" s="2">
        <v>5050</v>
      </c>
      <c r="C25252" s="1" t="s">
        <v>0</v>
      </c>
      <c r="D25252" s="2">
        <v>178080</v>
      </c>
      <c r="E25252" s="1" t="s">
        <v>0</v>
      </c>
    </row>
    <row r="25253" spans="1:5" x14ac:dyDescent="0.25">
      <c r="A25253" s="1" t="s">
        <v>4592</v>
      </c>
      <c r="B25253" s="1" t="s">
        <v>12337</v>
      </c>
      <c r="C25253" s="1" t="s">
        <v>47585</v>
      </c>
      <c r="D25253" s="2">
        <v>178081</v>
      </c>
      <c r="E25253" s="1" t="s">
        <v>0</v>
      </c>
    </row>
    <row r="25254" spans="1:5" x14ac:dyDescent="0.25">
      <c r="A25254" s="1" t="s">
        <v>47586</v>
      </c>
      <c r="B25254" s="1" t="s">
        <v>58646</v>
      </c>
      <c r="C25254" s="1" t="s">
        <v>47587</v>
      </c>
      <c r="D25254" s="2">
        <v>178082</v>
      </c>
      <c r="E25254" s="1" t="s">
        <v>0</v>
      </c>
    </row>
    <row r="25255" spans="1:5" ht="409.5" x14ac:dyDescent="0.25">
      <c r="A25255" s="4" t="s">
        <v>47588</v>
      </c>
      <c r="B25255" s="1" t="s">
        <v>58647</v>
      </c>
      <c r="C25255" s="1" t="s">
        <v>47589</v>
      </c>
      <c r="D25255" s="2">
        <v>178083</v>
      </c>
      <c r="E25255" s="1" t="s">
        <v>0</v>
      </c>
    </row>
    <row r="25256" spans="1:5" x14ac:dyDescent="0.25">
      <c r="A25256" s="1" t="s">
        <v>47590</v>
      </c>
      <c r="B25256" s="1" t="s">
        <v>12338</v>
      </c>
      <c r="C25256" s="1" t="s">
        <v>47591</v>
      </c>
      <c r="D25256" s="2">
        <v>178084</v>
      </c>
      <c r="E25256" s="1" t="s">
        <v>0</v>
      </c>
    </row>
    <row r="25257" spans="1:5" x14ac:dyDescent="0.25">
      <c r="A25257" s="2">
        <v>5051</v>
      </c>
      <c r="B25257" s="2">
        <v>5051</v>
      </c>
      <c r="C25257" s="1" t="s">
        <v>0</v>
      </c>
      <c r="D25257" s="2">
        <v>178085</v>
      </c>
      <c r="E25257" s="1" t="s">
        <v>0</v>
      </c>
    </row>
    <row r="25258" spans="1:5" x14ac:dyDescent="0.25">
      <c r="A25258" s="1" t="s">
        <v>4593</v>
      </c>
      <c r="B25258" s="1" t="s">
        <v>12339</v>
      </c>
      <c r="C25258" s="1" t="s">
        <v>47592</v>
      </c>
      <c r="D25258" s="2">
        <v>178086</v>
      </c>
      <c r="E25258" s="1" t="s">
        <v>0</v>
      </c>
    </row>
    <row r="25259" spans="1:5" x14ac:dyDescent="0.25">
      <c r="A25259" s="1" t="s">
        <v>47593</v>
      </c>
      <c r="B25259" s="1" t="s">
        <v>60477</v>
      </c>
      <c r="C25259" s="1" t="s">
        <v>47594</v>
      </c>
      <c r="D25259" s="2">
        <v>178087</v>
      </c>
      <c r="E25259" s="1" t="s">
        <v>0</v>
      </c>
    </row>
    <row r="25260" spans="1:5" ht="409.5" x14ac:dyDescent="0.25">
      <c r="A25260" s="4" t="s">
        <v>47595</v>
      </c>
      <c r="B25260" s="1" t="s">
        <v>63552</v>
      </c>
      <c r="C25260" s="1" t="s">
        <v>47596</v>
      </c>
      <c r="D25260" s="2">
        <v>178088</v>
      </c>
      <c r="E25260" s="1" t="s">
        <v>0</v>
      </c>
    </row>
    <row r="25261" spans="1:5" x14ac:dyDescent="0.25">
      <c r="A25261" s="1" t="s">
        <v>47597</v>
      </c>
      <c r="B25261" s="1" t="s">
        <v>12340</v>
      </c>
      <c r="C25261" s="1" t="s">
        <v>47598</v>
      </c>
      <c r="D25261" s="2">
        <v>178089</v>
      </c>
      <c r="E25261" s="1" t="s">
        <v>0</v>
      </c>
    </row>
    <row r="25262" spans="1:5" x14ac:dyDescent="0.25">
      <c r="A25262" s="2">
        <v>5052</v>
      </c>
      <c r="B25262" s="2">
        <v>5052</v>
      </c>
      <c r="C25262" s="1" t="s">
        <v>0</v>
      </c>
      <c r="D25262" s="2">
        <v>178090</v>
      </c>
      <c r="E25262" s="1" t="s">
        <v>0</v>
      </c>
    </row>
    <row r="25263" spans="1:5" x14ac:dyDescent="0.25">
      <c r="A25263" s="1" t="s">
        <v>4594</v>
      </c>
      <c r="B25263" s="1" t="s">
        <v>51099</v>
      </c>
      <c r="C25263" s="1" t="s">
        <v>47599</v>
      </c>
      <c r="D25263" s="2">
        <v>178091</v>
      </c>
      <c r="E25263" s="1" t="s">
        <v>0</v>
      </c>
    </row>
    <row r="25264" spans="1:5" x14ac:dyDescent="0.25">
      <c r="A25264" s="1" t="s">
        <v>47600</v>
      </c>
      <c r="B25264" s="1" t="s">
        <v>56560</v>
      </c>
      <c r="C25264" s="1" t="s">
        <v>47601</v>
      </c>
      <c r="D25264" s="2">
        <v>178092</v>
      </c>
      <c r="E25264" s="1" t="s">
        <v>0</v>
      </c>
    </row>
    <row r="25265" spans="1:5" ht="409.5" x14ac:dyDescent="0.25">
      <c r="A25265" s="4" t="s">
        <v>47602</v>
      </c>
      <c r="B25265" s="1" t="s">
        <v>58035</v>
      </c>
      <c r="C25265" s="1" t="s">
        <v>47603</v>
      </c>
      <c r="D25265" s="2">
        <v>178093</v>
      </c>
      <c r="E25265" s="1" t="s">
        <v>0</v>
      </c>
    </row>
    <row r="25266" spans="1:5" x14ac:dyDescent="0.25">
      <c r="A25266" s="1" t="s">
        <v>47604</v>
      </c>
      <c r="B25266" s="1" t="s">
        <v>56561</v>
      </c>
      <c r="C25266" s="1" t="s">
        <v>47605</v>
      </c>
      <c r="D25266" s="2">
        <v>178094</v>
      </c>
      <c r="E25266" s="1" t="s">
        <v>0</v>
      </c>
    </row>
    <row r="25267" spans="1:5" x14ac:dyDescent="0.25">
      <c r="A25267" s="2">
        <v>5053</v>
      </c>
      <c r="B25267" s="2">
        <v>5053</v>
      </c>
      <c r="C25267" s="1" t="s">
        <v>0</v>
      </c>
      <c r="D25267" s="2">
        <v>178095</v>
      </c>
      <c r="E25267" s="1" t="s">
        <v>0</v>
      </c>
    </row>
    <row r="25268" spans="1:5" x14ac:dyDescent="0.25">
      <c r="A25268" s="1" t="s">
        <v>4595</v>
      </c>
      <c r="B25268" s="1" t="s">
        <v>12341</v>
      </c>
      <c r="C25268" s="1" t="s">
        <v>47606</v>
      </c>
      <c r="D25268" s="2">
        <v>178096</v>
      </c>
      <c r="E25268" s="1" t="s">
        <v>0</v>
      </c>
    </row>
    <row r="25269" spans="1:5" x14ac:dyDescent="0.25">
      <c r="A25269" s="1" t="s">
        <v>47607</v>
      </c>
      <c r="B25269" s="1" t="s">
        <v>12342</v>
      </c>
      <c r="C25269" s="1" t="s">
        <v>47608</v>
      </c>
      <c r="D25269" s="2">
        <v>178097</v>
      </c>
      <c r="E25269" s="1" t="s">
        <v>0</v>
      </c>
    </row>
    <row r="25270" spans="1:5" ht="409.5" x14ac:dyDescent="0.25">
      <c r="A25270" s="4" t="s">
        <v>47609</v>
      </c>
      <c r="B25270" s="1" t="s">
        <v>51100</v>
      </c>
      <c r="C25270" s="1" t="s">
        <v>47610</v>
      </c>
      <c r="D25270" s="2">
        <v>178098</v>
      </c>
      <c r="E25270" s="1" t="s">
        <v>0</v>
      </c>
    </row>
    <row r="25271" spans="1:5" x14ac:dyDescent="0.25">
      <c r="A25271" s="1" t="s">
        <v>47611</v>
      </c>
      <c r="B25271" s="1" t="s">
        <v>56562</v>
      </c>
      <c r="C25271" s="1" t="s">
        <v>47612</v>
      </c>
      <c r="D25271" s="2">
        <v>178099</v>
      </c>
      <c r="E25271" s="1" t="s">
        <v>0</v>
      </c>
    </row>
    <row r="25272" spans="1:5" x14ac:dyDescent="0.25">
      <c r="A25272" s="2">
        <v>5054</v>
      </c>
      <c r="B25272" s="2">
        <v>5054</v>
      </c>
      <c r="C25272" s="1" t="s">
        <v>0</v>
      </c>
      <c r="D25272" s="2">
        <v>178100</v>
      </c>
      <c r="E25272" s="1" t="s">
        <v>0</v>
      </c>
    </row>
    <row r="25273" spans="1:5" x14ac:dyDescent="0.25">
      <c r="A25273" s="1" t="s">
        <v>4596</v>
      </c>
      <c r="B25273" s="1" t="s">
        <v>60326</v>
      </c>
      <c r="C25273" s="1" t="s">
        <v>47613</v>
      </c>
      <c r="D25273" s="2">
        <v>178101</v>
      </c>
      <c r="E25273" s="1" t="s">
        <v>0</v>
      </c>
    </row>
    <row r="25274" spans="1:5" x14ac:dyDescent="0.25">
      <c r="A25274" s="1" t="s">
        <v>47614</v>
      </c>
      <c r="B25274" s="1" t="s">
        <v>58648</v>
      </c>
      <c r="C25274" s="1" t="s">
        <v>47615</v>
      </c>
      <c r="D25274" s="2">
        <v>178102</v>
      </c>
      <c r="E25274" s="1" t="s">
        <v>0</v>
      </c>
    </row>
    <row r="25275" spans="1:5" ht="409.5" x14ac:dyDescent="0.25">
      <c r="A25275" s="4" t="s">
        <v>47616</v>
      </c>
      <c r="B25275" s="1" t="s">
        <v>60327</v>
      </c>
      <c r="C25275" s="1" t="s">
        <v>47617</v>
      </c>
      <c r="D25275" s="2">
        <v>178103</v>
      </c>
      <c r="E25275" s="1" t="s">
        <v>0</v>
      </c>
    </row>
    <row r="25276" spans="1:5" x14ac:dyDescent="0.25">
      <c r="A25276" s="1" t="s">
        <v>47618</v>
      </c>
      <c r="B25276" s="1" t="s">
        <v>12343</v>
      </c>
      <c r="C25276" s="1" t="s">
        <v>47619</v>
      </c>
      <c r="D25276" s="2">
        <v>178104</v>
      </c>
      <c r="E25276" s="1" t="s">
        <v>0</v>
      </c>
    </row>
    <row r="25277" spans="1:5" x14ac:dyDescent="0.25">
      <c r="A25277" s="2">
        <v>5055</v>
      </c>
      <c r="B25277" s="2">
        <v>5055</v>
      </c>
      <c r="C25277" s="1" t="s">
        <v>0</v>
      </c>
      <c r="D25277" s="2">
        <v>178105</v>
      </c>
      <c r="E25277" s="1" t="s">
        <v>0</v>
      </c>
    </row>
    <row r="25278" spans="1:5" x14ac:dyDescent="0.25">
      <c r="A25278" s="1" t="s">
        <v>4597</v>
      </c>
      <c r="B25278" s="1" t="s">
        <v>12344</v>
      </c>
      <c r="C25278" s="1" t="s">
        <v>47620</v>
      </c>
      <c r="D25278" s="2">
        <v>178106</v>
      </c>
      <c r="E25278" s="1" t="s">
        <v>0</v>
      </c>
    </row>
    <row r="25279" spans="1:5" x14ac:dyDescent="0.25">
      <c r="A25279" s="1" t="s">
        <v>47621</v>
      </c>
      <c r="B25279" s="1" t="s">
        <v>63076</v>
      </c>
      <c r="C25279" s="1" t="s">
        <v>47622</v>
      </c>
      <c r="D25279" s="2">
        <v>178107</v>
      </c>
      <c r="E25279" s="1" t="s">
        <v>0</v>
      </c>
    </row>
    <row r="25280" spans="1:5" ht="409.5" x14ac:dyDescent="0.25">
      <c r="A25280" s="4" t="s">
        <v>47623</v>
      </c>
      <c r="B25280" s="1" t="s">
        <v>63077</v>
      </c>
      <c r="C25280" s="1" t="s">
        <v>47624</v>
      </c>
      <c r="D25280" s="2">
        <v>178108</v>
      </c>
      <c r="E25280" s="1" t="s">
        <v>0</v>
      </c>
    </row>
    <row r="25281" spans="1:5" x14ac:dyDescent="0.25">
      <c r="A25281" s="1" t="s">
        <v>47625</v>
      </c>
      <c r="B25281" s="1" t="s">
        <v>12345</v>
      </c>
      <c r="C25281" s="1" t="s">
        <v>47626</v>
      </c>
      <c r="D25281" s="2">
        <v>178109</v>
      </c>
      <c r="E25281" s="1" t="s">
        <v>0</v>
      </c>
    </row>
    <row r="25282" spans="1:5" x14ac:dyDescent="0.25">
      <c r="A25282" s="2">
        <v>5056</v>
      </c>
      <c r="B25282" s="2">
        <v>5056</v>
      </c>
      <c r="C25282" s="1" t="s">
        <v>0</v>
      </c>
      <c r="D25282" s="2">
        <v>178110</v>
      </c>
      <c r="E25282" s="1" t="s">
        <v>0</v>
      </c>
    </row>
    <row r="25283" spans="1:5" x14ac:dyDescent="0.25">
      <c r="A25283" s="1" t="s">
        <v>4598</v>
      </c>
      <c r="B25283" s="1" t="s">
        <v>12346</v>
      </c>
      <c r="C25283" s="1" t="s">
        <v>47627</v>
      </c>
      <c r="D25283" s="2">
        <v>178111</v>
      </c>
      <c r="E25283" s="1" t="s">
        <v>0</v>
      </c>
    </row>
    <row r="25284" spans="1:5" x14ac:dyDescent="0.25">
      <c r="A25284" s="1" t="s">
        <v>47628</v>
      </c>
      <c r="B25284" s="1" t="s">
        <v>12347</v>
      </c>
      <c r="C25284" s="1" t="s">
        <v>47629</v>
      </c>
      <c r="D25284" s="2">
        <v>178112</v>
      </c>
      <c r="E25284" s="1" t="s">
        <v>0</v>
      </c>
    </row>
    <row r="25285" spans="1:5" ht="409.5" x14ac:dyDescent="0.25">
      <c r="A25285" s="4" t="s">
        <v>47630</v>
      </c>
      <c r="B25285" s="1" t="s">
        <v>12348</v>
      </c>
      <c r="C25285" s="1" t="s">
        <v>47631</v>
      </c>
      <c r="D25285" s="2">
        <v>178113</v>
      </c>
      <c r="E25285" s="1" t="s">
        <v>0</v>
      </c>
    </row>
    <row r="25286" spans="1:5" x14ac:dyDescent="0.25">
      <c r="A25286" s="1" t="s">
        <v>47632</v>
      </c>
      <c r="B25286" s="1" t="s">
        <v>12349</v>
      </c>
      <c r="C25286" s="1" t="s">
        <v>47633</v>
      </c>
      <c r="D25286" s="2">
        <v>178114</v>
      </c>
      <c r="E25286" s="1" t="s">
        <v>0</v>
      </c>
    </row>
    <row r="25287" spans="1:5" x14ac:dyDescent="0.25">
      <c r="A25287" s="2">
        <v>5057</v>
      </c>
      <c r="B25287" s="2">
        <v>5057</v>
      </c>
      <c r="C25287" s="1" t="s">
        <v>0</v>
      </c>
      <c r="D25287" s="2">
        <v>178115</v>
      </c>
      <c r="E25287" s="1" t="s">
        <v>0</v>
      </c>
    </row>
    <row r="25288" spans="1:5" x14ac:dyDescent="0.25">
      <c r="A25288" s="1" t="s">
        <v>4599</v>
      </c>
      <c r="B25288" s="1" t="s">
        <v>12350</v>
      </c>
      <c r="C25288" s="1" t="s">
        <v>47634</v>
      </c>
      <c r="D25288" s="2">
        <v>178116</v>
      </c>
      <c r="E25288" s="1" t="s">
        <v>0</v>
      </c>
    </row>
    <row r="25289" spans="1:5" x14ac:dyDescent="0.25">
      <c r="A25289" s="1" t="s">
        <v>47635</v>
      </c>
      <c r="B25289" s="1" t="s">
        <v>58877</v>
      </c>
      <c r="C25289" s="1" t="s">
        <v>47636</v>
      </c>
      <c r="D25289" s="2">
        <v>178117</v>
      </c>
      <c r="E25289" s="1" t="s">
        <v>0</v>
      </c>
    </row>
    <row r="25290" spans="1:5" ht="409.5" x14ac:dyDescent="0.25">
      <c r="A25290" s="4" t="s">
        <v>47637</v>
      </c>
      <c r="B25290" s="1" t="s">
        <v>58878</v>
      </c>
      <c r="C25290" s="1" t="s">
        <v>47638</v>
      </c>
      <c r="D25290" s="2">
        <v>178118</v>
      </c>
      <c r="E25290" s="1" t="s">
        <v>0</v>
      </c>
    </row>
    <row r="25291" spans="1:5" x14ac:dyDescent="0.25">
      <c r="A25291" s="1" t="s">
        <v>47639</v>
      </c>
      <c r="B25291" s="1" t="s">
        <v>58879</v>
      </c>
      <c r="C25291" s="1" t="s">
        <v>47640</v>
      </c>
      <c r="D25291" s="2">
        <v>178119</v>
      </c>
      <c r="E25291" s="1" t="s">
        <v>0</v>
      </c>
    </row>
    <row r="25292" spans="1:5" x14ac:dyDescent="0.25">
      <c r="A25292" s="2">
        <v>5058</v>
      </c>
      <c r="B25292" s="2">
        <v>5058</v>
      </c>
      <c r="C25292" s="1" t="s">
        <v>0</v>
      </c>
      <c r="D25292" s="2">
        <v>178120</v>
      </c>
      <c r="E25292" s="1" t="s">
        <v>0</v>
      </c>
    </row>
    <row r="25293" spans="1:5" x14ac:dyDescent="0.25">
      <c r="A25293" s="1" t="s">
        <v>4600</v>
      </c>
      <c r="B25293" s="1" t="s">
        <v>12351</v>
      </c>
      <c r="C25293" s="1" t="s">
        <v>47641</v>
      </c>
      <c r="D25293" s="2">
        <v>178121</v>
      </c>
      <c r="E25293" s="1" t="s">
        <v>0</v>
      </c>
    </row>
    <row r="25294" spans="1:5" x14ac:dyDescent="0.25">
      <c r="A25294" s="1" t="s">
        <v>47642</v>
      </c>
      <c r="B25294" s="1" t="s">
        <v>56563</v>
      </c>
      <c r="C25294" s="1" t="s">
        <v>47643</v>
      </c>
      <c r="D25294" s="2">
        <v>178122</v>
      </c>
      <c r="E25294" s="1" t="s">
        <v>0</v>
      </c>
    </row>
    <row r="25295" spans="1:5" ht="409.5" x14ac:dyDescent="0.25">
      <c r="A25295" s="4" t="s">
        <v>47644</v>
      </c>
      <c r="B25295" s="1" t="s">
        <v>63078</v>
      </c>
      <c r="C25295" s="1" t="s">
        <v>47645</v>
      </c>
      <c r="D25295" s="2">
        <v>178123</v>
      </c>
      <c r="E25295" s="1" t="s">
        <v>0</v>
      </c>
    </row>
    <row r="25296" spans="1:5" x14ac:dyDescent="0.25">
      <c r="A25296" s="1" t="s">
        <v>47646</v>
      </c>
      <c r="B25296" s="1" t="s">
        <v>56564</v>
      </c>
      <c r="C25296" s="1" t="s">
        <v>47647</v>
      </c>
      <c r="D25296" s="2">
        <v>178124</v>
      </c>
      <c r="E25296" s="1" t="s">
        <v>0</v>
      </c>
    </row>
    <row r="25297" spans="1:5" x14ac:dyDescent="0.25">
      <c r="A25297" s="2">
        <v>5059</v>
      </c>
      <c r="B25297" s="2">
        <v>5059</v>
      </c>
      <c r="C25297" s="1" t="s">
        <v>0</v>
      </c>
      <c r="D25297" s="2">
        <v>178125</v>
      </c>
      <c r="E25297" s="1" t="s">
        <v>0</v>
      </c>
    </row>
    <row r="25298" spans="1:5" x14ac:dyDescent="0.25">
      <c r="A25298" s="1" t="s">
        <v>12352</v>
      </c>
      <c r="B25298" s="1" t="s">
        <v>56985</v>
      </c>
      <c r="C25298" s="1" t="s">
        <v>47648</v>
      </c>
      <c r="D25298" s="2">
        <v>178126</v>
      </c>
      <c r="E25298" s="1" t="s">
        <v>0</v>
      </c>
    </row>
    <row r="25299" spans="1:5" x14ac:dyDescent="0.25">
      <c r="A25299" s="1" t="s">
        <v>47649</v>
      </c>
      <c r="B25299" s="1" t="s">
        <v>61730</v>
      </c>
      <c r="C25299" s="1" t="s">
        <v>47650</v>
      </c>
      <c r="D25299" s="2">
        <v>178127</v>
      </c>
      <c r="E25299" s="1" t="s">
        <v>0</v>
      </c>
    </row>
    <row r="25300" spans="1:5" ht="409.5" x14ac:dyDescent="0.25">
      <c r="A25300" s="4" t="s">
        <v>47651</v>
      </c>
      <c r="B25300" s="1" t="s">
        <v>61731</v>
      </c>
      <c r="C25300" s="1" t="s">
        <v>47652</v>
      </c>
      <c r="D25300" s="2">
        <v>178128</v>
      </c>
      <c r="E25300" s="1" t="s">
        <v>0</v>
      </c>
    </row>
    <row r="25301" spans="1:5" x14ac:dyDescent="0.25">
      <c r="A25301" s="1" t="s">
        <v>47653</v>
      </c>
      <c r="B25301" s="1" t="s">
        <v>12353</v>
      </c>
      <c r="C25301" s="1" t="s">
        <v>47654</v>
      </c>
      <c r="D25301" s="2">
        <v>178129</v>
      </c>
      <c r="E25301" s="1" t="s">
        <v>0</v>
      </c>
    </row>
    <row r="25302" spans="1:5" x14ac:dyDescent="0.25">
      <c r="A25302" s="2">
        <v>5060</v>
      </c>
      <c r="B25302" s="2">
        <v>5060</v>
      </c>
      <c r="C25302" s="1" t="s">
        <v>0</v>
      </c>
      <c r="D25302" s="2">
        <v>178130</v>
      </c>
      <c r="E25302" s="1" t="s">
        <v>0</v>
      </c>
    </row>
    <row r="25303" spans="1:5" x14ac:dyDescent="0.25">
      <c r="A25303" s="1" t="s">
        <v>4601</v>
      </c>
      <c r="B25303" s="1" t="s">
        <v>12354</v>
      </c>
      <c r="C25303" s="1" t="s">
        <v>47655</v>
      </c>
      <c r="D25303" s="2">
        <v>178131</v>
      </c>
      <c r="E25303" s="1" t="s">
        <v>0</v>
      </c>
    </row>
    <row r="25304" spans="1:5" x14ac:dyDescent="0.25">
      <c r="A25304" s="1" t="s">
        <v>47656</v>
      </c>
      <c r="B25304" s="1" t="s">
        <v>12355</v>
      </c>
      <c r="C25304" s="1" t="s">
        <v>47657</v>
      </c>
      <c r="D25304" s="2">
        <v>178132</v>
      </c>
      <c r="E25304" s="1" t="s">
        <v>0</v>
      </c>
    </row>
    <row r="25305" spans="1:5" ht="409.5" x14ac:dyDescent="0.25">
      <c r="A25305" s="4" t="s">
        <v>47658</v>
      </c>
      <c r="B25305" s="1" t="s">
        <v>56565</v>
      </c>
      <c r="C25305" s="1" t="s">
        <v>47659</v>
      </c>
      <c r="D25305" s="2">
        <v>178133</v>
      </c>
      <c r="E25305" s="1" t="s">
        <v>0</v>
      </c>
    </row>
    <row r="25306" spans="1:5" x14ac:dyDescent="0.25">
      <c r="A25306" s="1" t="s">
        <v>47660</v>
      </c>
      <c r="B25306" s="1" t="s">
        <v>12356</v>
      </c>
      <c r="C25306" s="1" t="s">
        <v>47661</v>
      </c>
      <c r="D25306" s="2">
        <v>178134</v>
      </c>
      <c r="E25306" s="1" t="s">
        <v>0</v>
      </c>
    </row>
    <row r="25307" spans="1:5" x14ac:dyDescent="0.25">
      <c r="A25307" s="2">
        <v>5061</v>
      </c>
      <c r="B25307" s="2">
        <v>5061</v>
      </c>
      <c r="C25307" s="1" t="s">
        <v>0</v>
      </c>
      <c r="D25307" s="2">
        <v>178135</v>
      </c>
      <c r="E25307" s="1" t="s">
        <v>0</v>
      </c>
    </row>
    <row r="25308" spans="1:5" x14ac:dyDescent="0.25">
      <c r="A25308" s="1" t="s">
        <v>4602</v>
      </c>
      <c r="B25308" s="1" t="s">
        <v>12357</v>
      </c>
      <c r="C25308" s="1" t="s">
        <v>47662</v>
      </c>
      <c r="D25308" s="2">
        <v>178136</v>
      </c>
      <c r="E25308" s="1" t="s">
        <v>0</v>
      </c>
    </row>
    <row r="25309" spans="1:5" x14ac:dyDescent="0.25">
      <c r="A25309" s="1" t="s">
        <v>47663</v>
      </c>
      <c r="B25309" s="1" t="s">
        <v>12358</v>
      </c>
      <c r="C25309" s="1" t="s">
        <v>47664</v>
      </c>
      <c r="D25309" s="2">
        <v>178137</v>
      </c>
      <c r="E25309" s="1" t="s">
        <v>0</v>
      </c>
    </row>
    <row r="25310" spans="1:5" ht="409.5" x14ac:dyDescent="0.25">
      <c r="A25310" s="4" t="s">
        <v>47665</v>
      </c>
      <c r="B25310" s="1" t="s">
        <v>12359</v>
      </c>
      <c r="C25310" s="1" t="s">
        <v>47666</v>
      </c>
      <c r="D25310" s="2">
        <v>178138</v>
      </c>
      <c r="E25310" s="1" t="s">
        <v>0</v>
      </c>
    </row>
    <row r="25311" spans="1:5" x14ac:dyDescent="0.25">
      <c r="A25311" s="1" t="s">
        <v>47667</v>
      </c>
      <c r="B25311" s="1" t="s">
        <v>56566</v>
      </c>
      <c r="C25311" s="1" t="s">
        <v>47668</v>
      </c>
      <c r="D25311" s="2">
        <v>178139</v>
      </c>
      <c r="E25311" s="1" t="s">
        <v>0</v>
      </c>
    </row>
    <row r="25312" spans="1:5" x14ac:dyDescent="0.25">
      <c r="A25312" s="2">
        <v>5062</v>
      </c>
      <c r="B25312" s="2">
        <v>5062</v>
      </c>
      <c r="C25312" s="1" t="s">
        <v>0</v>
      </c>
      <c r="D25312" s="2">
        <v>178140</v>
      </c>
      <c r="E25312" s="1" t="s">
        <v>0</v>
      </c>
    </row>
    <row r="25313" spans="1:5" x14ac:dyDescent="0.25">
      <c r="A25313" s="1" t="s">
        <v>4603</v>
      </c>
      <c r="B25313" s="1" t="s">
        <v>60328</v>
      </c>
      <c r="C25313" s="1" t="s">
        <v>47669</v>
      </c>
      <c r="D25313" s="2">
        <v>178141</v>
      </c>
      <c r="E25313" s="1" t="s">
        <v>0</v>
      </c>
    </row>
    <row r="25314" spans="1:5" x14ac:dyDescent="0.25">
      <c r="A25314" s="1" t="s">
        <v>47670</v>
      </c>
      <c r="B25314" s="1" t="s">
        <v>58036</v>
      </c>
      <c r="C25314" s="1" t="s">
        <v>47671</v>
      </c>
      <c r="D25314" s="2">
        <v>178142</v>
      </c>
      <c r="E25314" s="1" t="s">
        <v>0</v>
      </c>
    </row>
    <row r="25315" spans="1:5" ht="409.5" x14ac:dyDescent="0.25">
      <c r="A25315" s="4" t="s">
        <v>47672</v>
      </c>
      <c r="B25315" s="1" t="s">
        <v>58037</v>
      </c>
      <c r="C25315" s="1" t="s">
        <v>47673</v>
      </c>
      <c r="D25315" s="2">
        <v>178143</v>
      </c>
      <c r="E25315" s="1" t="s">
        <v>0</v>
      </c>
    </row>
    <row r="25316" spans="1:5" x14ac:dyDescent="0.25">
      <c r="A25316" s="1" t="s">
        <v>47674</v>
      </c>
      <c r="B25316" s="1" t="s">
        <v>56567</v>
      </c>
      <c r="C25316" s="1" t="s">
        <v>47675</v>
      </c>
      <c r="D25316" s="2">
        <v>178144</v>
      </c>
      <c r="E25316" s="1" t="s">
        <v>0</v>
      </c>
    </row>
    <row r="25317" spans="1:5" x14ac:dyDescent="0.25">
      <c r="A25317" s="2">
        <v>5063</v>
      </c>
      <c r="B25317" s="2">
        <v>5063</v>
      </c>
      <c r="C25317" s="1" t="s">
        <v>0</v>
      </c>
      <c r="D25317" s="2">
        <v>178145</v>
      </c>
      <c r="E25317" s="1" t="s">
        <v>0</v>
      </c>
    </row>
    <row r="25318" spans="1:5" x14ac:dyDescent="0.25">
      <c r="A25318" s="1" t="s">
        <v>4604</v>
      </c>
      <c r="B25318" s="1" t="s">
        <v>12360</v>
      </c>
      <c r="C25318" s="1" t="s">
        <v>47676</v>
      </c>
      <c r="D25318" s="2">
        <v>178146</v>
      </c>
      <c r="E25318" s="1" t="s">
        <v>0</v>
      </c>
    </row>
    <row r="25319" spans="1:5" x14ac:dyDescent="0.25">
      <c r="A25319" s="1" t="s">
        <v>61901</v>
      </c>
      <c r="B25319" s="1" t="s">
        <v>12361</v>
      </c>
      <c r="C25319" s="1" t="s">
        <v>47677</v>
      </c>
      <c r="D25319" s="2">
        <v>178147</v>
      </c>
      <c r="E25319" s="1" t="s">
        <v>0</v>
      </c>
    </row>
    <row r="25320" spans="1:5" ht="409.5" x14ac:dyDescent="0.25">
      <c r="A25320" s="4" t="s">
        <v>61902</v>
      </c>
      <c r="B25320" s="1" t="s">
        <v>58649</v>
      </c>
      <c r="C25320" s="1" t="s">
        <v>47678</v>
      </c>
      <c r="D25320" s="2">
        <v>178148</v>
      </c>
      <c r="E25320" s="1" t="s">
        <v>0</v>
      </c>
    </row>
    <row r="25321" spans="1:5" x14ac:dyDescent="0.25">
      <c r="A25321" s="1" t="s">
        <v>47679</v>
      </c>
      <c r="B25321" s="1" t="s">
        <v>61432</v>
      </c>
      <c r="C25321" s="1" t="s">
        <v>47680</v>
      </c>
      <c r="D25321" s="2">
        <v>178149</v>
      </c>
      <c r="E25321" s="1" t="s">
        <v>0</v>
      </c>
    </row>
    <row r="25322" spans="1:5" x14ac:dyDescent="0.25">
      <c r="A25322" s="2">
        <v>5064</v>
      </c>
      <c r="B25322" s="2">
        <v>5064</v>
      </c>
      <c r="C25322" s="1" t="s">
        <v>0</v>
      </c>
      <c r="D25322" s="2">
        <v>178150</v>
      </c>
      <c r="E25322" s="1" t="s">
        <v>0</v>
      </c>
    </row>
    <row r="25323" spans="1:5" x14ac:dyDescent="0.25">
      <c r="A25323" s="1" t="s">
        <v>4605</v>
      </c>
      <c r="B25323" s="1" t="s">
        <v>12362</v>
      </c>
      <c r="C25323" s="1" t="s">
        <v>47681</v>
      </c>
      <c r="D25323" s="2">
        <v>178151</v>
      </c>
      <c r="E25323" s="1" t="s">
        <v>0</v>
      </c>
    </row>
    <row r="25324" spans="1:5" x14ac:dyDescent="0.25">
      <c r="A25324" s="1" t="s">
        <v>47682</v>
      </c>
      <c r="B25324" s="1" t="s">
        <v>63079</v>
      </c>
      <c r="C25324" s="1" t="s">
        <v>47683</v>
      </c>
      <c r="D25324" s="2">
        <v>178152</v>
      </c>
      <c r="E25324" s="1" t="s">
        <v>0</v>
      </c>
    </row>
    <row r="25325" spans="1:5" ht="409.5" x14ac:dyDescent="0.25">
      <c r="A25325" s="4" t="s">
        <v>47684</v>
      </c>
      <c r="B25325" s="1" t="s">
        <v>63080</v>
      </c>
      <c r="C25325" s="1" t="s">
        <v>47685</v>
      </c>
      <c r="D25325" s="2">
        <v>178153</v>
      </c>
      <c r="E25325" s="1" t="s">
        <v>0</v>
      </c>
    </row>
    <row r="25326" spans="1:5" x14ac:dyDescent="0.25">
      <c r="A25326" s="1" t="s">
        <v>47686</v>
      </c>
      <c r="B25326" s="1" t="s">
        <v>56568</v>
      </c>
      <c r="C25326" s="1" t="s">
        <v>47687</v>
      </c>
      <c r="D25326" s="2">
        <v>178154</v>
      </c>
      <c r="E25326" s="1" t="s">
        <v>0</v>
      </c>
    </row>
    <row r="25327" spans="1:5" x14ac:dyDescent="0.25">
      <c r="A25327" s="2">
        <v>5065</v>
      </c>
      <c r="B25327" s="2">
        <v>5065</v>
      </c>
      <c r="C25327" s="1" t="s">
        <v>0</v>
      </c>
      <c r="D25327" s="2">
        <v>178155</v>
      </c>
      <c r="E25327" s="1" t="s">
        <v>0</v>
      </c>
    </row>
    <row r="25328" spans="1:5" x14ac:dyDescent="0.25">
      <c r="A25328" s="1" t="s">
        <v>4606</v>
      </c>
      <c r="B25328" s="1" t="s">
        <v>12363</v>
      </c>
      <c r="C25328" s="1" t="s">
        <v>47688</v>
      </c>
      <c r="D25328" s="2">
        <v>178156</v>
      </c>
      <c r="E25328" s="1" t="s">
        <v>0</v>
      </c>
    </row>
    <row r="25329" spans="1:5" x14ac:dyDescent="0.25">
      <c r="A25329" s="1" t="s">
        <v>47689</v>
      </c>
      <c r="B25329" s="1" t="s">
        <v>56569</v>
      </c>
      <c r="C25329" s="1" t="s">
        <v>47690</v>
      </c>
      <c r="D25329" s="2">
        <v>178157</v>
      </c>
      <c r="E25329" s="1" t="s">
        <v>0</v>
      </c>
    </row>
    <row r="25330" spans="1:5" ht="409.5" x14ac:dyDescent="0.25">
      <c r="A25330" s="4" t="s">
        <v>47691</v>
      </c>
      <c r="B25330" s="1" t="s">
        <v>56570</v>
      </c>
      <c r="C25330" s="1" t="s">
        <v>47692</v>
      </c>
      <c r="D25330" s="2">
        <v>178158</v>
      </c>
      <c r="E25330" s="1" t="s">
        <v>0</v>
      </c>
    </row>
    <row r="25331" spans="1:5" x14ac:dyDescent="0.25">
      <c r="A25331" s="1" t="s">
        <v>47693</v>
      </c>
      <c r="B25331" s="1" t="s">
        <v>12364</v>
      </c>
      <c r="C25331" s="1" t="s">
        <v>47694</v>
      </c>
      <c r="D25331" s="2">
        <v>178159</v>
      </c>
      <c r="E25331" s="1" t="s">
        <v>0</v>
      </c>
    </row>
    <row r="25332" spans="1:5" x14ac:dyDescent="0.25">
      <c r="A25332" s="2">
        <v>5066</v>
      </c>
      <c r="B25332" s="2">
        <v>5066</v>
      </c>
      <c r="C25332" s="1" t="s">
        <v>0</v>
      </c>
      <c r="D25332" s="2">
        <v>178160</v>
      </c>
      <c r="E25332" s="1" t="s">
        <v>0</v>
      </c>
    </row>
    <row r="25333" spans="1:5" x14ac:dyDescent="0.25">
      <c r="A25333" s="1" t="s">
        <v>4607</v>
      </c>
      <c r="B25333" s="1" t="s">
        <v>60329</v>
      </c>
      <c r="C25333" s="1" t="s">
        <v>47695</v>
      </c>
      <c r="D25333" s="2">
        <v>178161</v>
      </c>
      <c r="E25333" s="1" t="s">
        <v>0</v>
      </c>
    </row>
    <row r="25334" spans="1:5" x14ac:dyDescent="0.25">
      <c r="A25334" s="1" t="s">
        <v>47696</v>
      </c>
      <c r="B25334" s="1" t="s">
        <v>60330</v>
      </c>
      <c r="C25334" s="1" t="s">
        <v>47697</v>
      </c>
      <c r="D25334" s="2">
        <v>178162</v>
      </c>
      <c r="E25334" s="1" t="s">
        <v>0</v>
      </c>
    </row>
    <row r="25335" spans="1:5" ht="409.5" x14ac:dyDescent="0.25">
      <c r="A25335" s="4" t="s">
        <v>47698</v>
      </c>
      <c r="B25335" s="1" t="s">
        <v>60331</v>
      </c>
      <c r="C25335" s="1" t="s">
        <v>47699</v>
      </c>
      <c r="D25335" s="2">
        <v>178163</v>
      </c>
      <c r="E25335" s="1" t="s">
        <v>0</v>
      </c>
    </row>
    <row r="25336" spans="1:5" x14ac:dyDescent="0.25">
      <c r="A25336" s="1" t="s">
        <v>47700</v>
      </c>
      <c r="B25336" s="1" t="s">
        <v>61433</v>
      </c>
      <c r="C25336" s="1" t="s">
        <v>47701</v>
      </c>
      <c r="D25336" s="2">
        <v>178164</v>
      </c>
      <c r="E25336" s="1" t="s">
        <v>0</v>
      </c>
    </row>
    <row r="25337" spans="1:5" x14ac:dyDescent="0.25">
      <c r="A25337" s="2">
        <v>5067</v>
      </c>
      <c r="B25337" s="2">
        <v>5067</v>
      </c>
      <c r="C25337" s="1" t="s">
        <v>0</v>
      </c>
      <c r="D25337" s="2">
        <v>178165</v>
      </c>
      <c r="E25337" s="1" t="s">
        <v>0</v>
      </c>
    </row>
    <row r="25338" spans="1:5" x14ac:dyDescent="0.25">
      <c r="A25338" s="1" t="s">
        <v>13318</v>
      </c>
      <c r="B25338" s="1" t="s">
        <v>12365</v>
      </c>
      <c r="C25338" s="1" t="s">
        <v>47702</v>
      </c>
      <c r="D25338" s="2">
        <v>178166</v>
      </c>
      <c r="E25338" s="1" t="s">
        <v>0</v>
      </c>
    </row>
    <row r="25339" spans="1:5" x14ac:dyDescent="0.25">
      <c r="A25339" s="1" t="s">
        <v>47703</v>
      </c>
      <c r="B25339" s="1" t="s">
        <v>13319</v>
      </c>
      <c r="C25339" s="1" t="s">
        <v>47704</v>
      </c>
      <c r="D25339" s="2">
        <v>178167</v>
      </c>
      <c r="E25339" s="1" t="s">
        <v>0</v>
      </c>
    </row>
    <row r="25340" spans="1:5" ht="409.5" x14ac:dyDescent="0.25">
      <c r="A25340" s="4" t="s">
        <v>64404</v>
      </c>
      <c r="B25340" s="1" t="s">
        <v>56571</v>
      </c>
      <c r="C25340" s="1" t="s">
        <v>47705</v>
      </c>
      <c r="D25340" s="2">
        <v>178168</v>
      </c>
      <c r="E25340" s="1" t="s">
        <v>0</v>
      </c>
    </row>
    <row r="25341" spans="1:5" x14ac:dyDescent="0.25">
      <c r="A25341" s="1" t="s">
        <v>47706</v>
      </c>
      <c r="B25341" s="1" t="s">
        <v>12366</v>
      </c>
      <c r="C25341" s="1" t="s">
        <v>47707</v>
      </c>
      <c r="D25341" s="2">
        <v>178169</v>
      </c>
      <c r="E25341" s="1" t="s">
        <v>0</v>
      </c>
    </row>
    <row r="25342" spans="1:5" x14ac:dyDescent="0.25">
      <c r="A25342" s="2">
        <v>5068</v>
      </c>
      <c r="B25342" s="2">
        <v>5068</v>
      </c>
      <c r="C25342" s="1" t="s">
        <v>0</v>
      </c>
      <c r="D25342" s="2">
        <v>178170</v>
      </c>
      <c r="E25342" s="1" t="s">
        <v>0</v>
      </c>
    </row>
    <row r="25343" spans="1:5" x14ac:dyDescent="0.25">
      <c r="A25343" s="1" t="s">
        <v>4608</v>
      </c>
      <c r="B25343" s="1" t="s">
        <v>12367</v>
      </c>
      <c r="C25343" s="1" t="s">
        <v>47708</v>
      </c>
      <c r="D25343" s="2">
        <v>178171</v>
      </c>
      <c r="E25343" s="1" t="s">
        <v>0</v>
      </c>
    </row>
    <row r="25344" spans="1:5" x14ac:dyDescent="0.25">
      <c r="A25344" s="1" t="s">
        <v>47709</v>
      </c>
      <c r="B25344" s="1" t="s">
        <v>60675</v>
      </c>
      <c r="C25344" s="1" t="s">
        <v>47710</v>
      </c>
      <c r="D25344" s="2">
        <v>178172</v>
      </c>
      <c r="E25344" s="1" t="s">
        <v>0</v>
      </c>
    </row>
    <row r="25345" spans="1:5" ht="409.5" x14ac:dyDescent="0.25">
      <c r="A25345" s="4" t="s">
        <v>47711</v>
      </c>
      <c r="B25345" s="1" t="s">
        <v>60676</v>
      </c>
      <c r="C25345" s="1" t="s">
        <v>47712</v>
      </c>
      <c r="D25345" s="2">
        <v>178173</v>
      </c>
      <c r="E25345" s="1" t="s">
        <v>0</v>
      </c>
    </row>
    <row r="25346" spans="1:5" x14ac:dyDescent="0.25">
      <c r="A25346" s="1" t="s">
        <v>47713</v>
      </c>
      <c r="B25346" s="1" t="s">
        <v>12368</v>
      </c>
      <c r="C25346" s="1" t="s">
        <v>47714</v>
      </c>
      <c r="D25346" s="2">
        <v>178174</v>
      </c>
      <c r="E25346" s="1" t="s">
        <v>0</v>
      </c>
    </row>
    <row r="25347" spans="1:5" x14ac:dyDescent="0.25">
      <c r="A25347" s="2">
        <v>5069</v>
      </c>
      <c r="B25347" s="2">
        <v>5069</v>
      </c>
      <c r="C25347" s="1" t="s">
        <v>0</v>
      </c>
      <c r="D25347" s="2">
        <v>178175</v>
      </c>
      <c r="E25347" s="1" t="s">
        <v>0</v>
      </c>
    </row>
    <row r="25348" spans="1:5" x14ac:dyDescent="0.25">
      <c r="A25348" s="1" t="s">
        <v>4609</v>
      </c>
      <c r="B25348" s="1" t="s">
        <v>12369</v>
      </c>
      <c r="C25348" s="1" t="s">
        <v>47715</v>
      </c>
      <c r="D25348" s="2">
        <v>178176</v>
      </c>
      <c r="E25348" s="1" t="s">
        <v>0</v>
      </c>
    </row>
    <row r="25349" spans="1:5" x14ac:dyDescent="0.25">
      <c r="A25349" s="1" t="s">
        <v>47716</v>
      </c>
      <c r="B25349" s="1" t="s">
        <v>12370</v>
      </c>
      <c r="C25349" s="1" t="s">
        <v>47717</v>
      </c>
      <c r="D25349" s="2">
        <v>178177</v>
      </c>
      <c r="E25349" s="1" t="s">
        <v>0</v>
      </c>
    </row>
    <row r="25350" spans="1:5" ht="409.5" x14ac:dyDescent="0.25">
      <c r="A25350" s="4" t="s">
        <v>47718</v>
      </c>
      <c r="B25350" s="1" t="s">
        <v>63553</v>
      </c>
      <c r="C25350" s="1" t="s">
        <v>47719</v>
      </c>
      <c r="D25350" s="2">
        <v>178178</v>
      </c>
      <c r="E25350" s="1" t="s">
        <v>0</v>
      </c>
    </row>
    <row r="25351" spans="1:5" x14ac:dyDescent="0.25">
      <c r="A25351" s="1" t="s">
        <v>47720</v>
      </c>
      <c r="B25351" s="1" t="s">
        <v>56572</v>
      </c>
      <c r="C25351" s="1" t="s">
        <v>47721</v>
      </c>
      <c r="D25351" s="2">
        <v>178179</v>
      </c>
      <c r="E25351" s="1" t="s">
        <v>0</v>
      </c>
    </row>
    <row r="25352" spans="1:5" x14ac:dyDescent="0.25">
      <c r="A25352" s="2">
        <v>5070</v>
      </c>
      <c r="B25352" s="2">
        <v>5070</v>
      </c>
      <c r="C25352" s="1" t="s">
        <v>0</v>
      </c>
      <c r="D25352" s="2">
        <v>178180</v>
      </c>
      <c r="E25352" s="1" t="s">
        <v>0</v>
      </c>
    </row>
    <row r="25353" spans="1:5" x14ac:dyDescent="0.25">
      <c r="A25353" s="1" t="s">
        <v>13320</v>
      </c>
      <c r="B25353" s="1" t="s">
        <v>12371</v>
      </c>
      <c r="C25353" s="1" t="s">
        <v>47722</v>
      </c>
      <c r="D25353" s="2">
        <v>178181</v>
      </c>
      <c r="E25353" s="1" t="s">
        <v>0</v>
      </c>
    </row>
    <row r="25354" spans="1:5" x14ac:dyDescent="0.25">
      <c r="A25354" s="1" t="s">
        <v>47723</v>
      </c>
      <c r="B25354" s="1" t="s">
        <v>56573</v>
      </c>
      <c r="C25354" s="1" t="s">
        <v>47724</v>
      </c>
      <c r="D25354" s="2">
        <v>178182</v>
      </c>
      <c r="E25354" s="1" t="s">
        <v>0</v>
      </c>
    </row>
    <row r="25355" spans="1:5" ht="409.5" x14ac:dyDescent="0.25">
      <c r="A25355" s="4" t="s">
        <v>47725</v>
      </c>
      <c r="B25355" s="1" t="s">
        <v>56574</v>
      </c>
      <c r="C25355" s="1" t="s">
        <v>47726</v>
      </c>
      <c r="D25355" s="2">
        <v>178183</v>
      </c>
      <c r="E25355" s="1" t="s">
        <v>0</v>
      </c>
    </row>
    <row r="25356" spans="1:5" x14ac:dyDescent="0.25">
      <c r="A25356" s="1" t="s">
        <v>47727</v>
      </c>
      <c r="B25356" s="1" t="s">
        <v>12372</v>
      </c>
      <c r="C25356" s="1" t="s">
        <v>47728</v>
      </c>
      <c r="D25356" s="2">
        <v>178184</v>
      </c>
      <c r="E25356" s="1" t="s">
        <v>0</v>
      </c>
    </row>
    <row r="25357" spans="1:5" x14ac:dyDescent="0.25">
      <c r="A25357" s="2">
        <v>5071</v>
      </c>
      <c r="B25357" s="2">
        <v>5071</v>
      </c>
      <c r="C25357" s="1" t="s">
        <v>0</v>
      </c>
      <c r="D25357" s="2">
        <v>178185</v>
      </c>
      <c r="E25357" s="1" t="s">
        <v>0</v>
      </c>
    </row>
    <row r="25358" spans="1:5" x14ac:dyDescent="0.25">
      <c r="A25358" s="1" t="s">
        <v>4610</v>
      </c>
      <c r="B25358" s="1" t="s">
        <v>12373</v>
      </c>
      <c r="C25358" s="1" t="s">
        <v>47729</v>
      </c>
      <c r="D25358" s="2">
        <v>178186</v>
      </c>
      <c r="E25358" s="1" t="s">
        <v>0</v>
      </c>
    </row>
    <row r="25359" spans="1:5" x14ac:dyDescent="0.25">
      <c r="A25359" s="1" t="s">
        <v>47730</v>
      </c>
      <c r="B25359" s="1" t="s">
        <v>56575</v>
      </c>
      <c r="C25359" s="1" t="s">
        <v>47731</v>
      </c>
      <c r="D25359" s="2">
        <v>178187</v>
      </c>
      <c r="E25359" s="1" t="s">
        <v>0</v>
      </c>
    </row>
    <row r="25360" spans="1:5" ht="409.5" x14ac:dyDescent="0.25">
      <c r="A25360" s="4" t="s">
        <v>47732</v>
      </c>
      <c r="B25360" s="1" t="s">
        <v>56576</v>
      </c>
      <c r="C25360" s="1" t="s">
        <v>47733</v>
      </c>
      <c r="D25360" s="2">
        <v>178188</v>
      </c>
      <c r="E25360" s="1" t="s">
        <v>0</v>
      </c>
    </row>
    <row r="25361" spans="1:5" x14ac:dyDescent="0.25">
      <c r="A25361" s="1" t="s">
        <v>14855</v>
      </c>
      <c r="B25361" s="1" t="s">
        <v>60879</v>
      </c>
      <c r="C25361" s="1" t="s">
        <v>14856</v>
      </c>
      <c r="D25361" s="2">
        <v>178189</v>
      </c>
      <c r="E25361" s="1" t="s">
        <v>0</v>
      </c>
    </row>
    <row r="25362" spans="1:5" x14ac:dyDescent="0.25">
      <c r="A25362" s="2">
        <v>5072</v>
      </c>
      <c r="B25362" s="2">
        <v>5072</v>
      </c>
      <c r="C25362" s="1" t="s">
        <v>0</v>
      </c>
      <c r="D25362" s="2">
        <v>178190</v>
      </c>
      <c r="E25362" s="1" t="s">
        <v>0</v>
      </c>
    </row>
    <row r="25363" spans="1:5" x14ac:dyDescent="0.25">
      <c r="A25363" s="1" t="s">
        <v>4611</v>
      </c>
      <c r="B25363" s="1" t="s">
        <v>12374</v>
      </c>
      <c r="C25363" s="1" t="s">
        <v>47734</v>
      </c>
      <c r="D25363" s="2">
        <v>178191</v>
      </c>
      <c r="E25363" s="1" t="s">
        <v>0</v>
      </c>
    </row>
    <row r="25364" spans="1:5" x14ac:dyDescent="0.25">
      <c r="A25364" s="1" t="s">
        <v>47735</v>
      </c>
      <c r="B25364" s="1" t="s">
        <v>59108</v>
      </c>
      <c r="C25364" s="1" t="s">
        <v>47736</v>
      </c>
      <c r="D25364" s="2">
        <v>178192</v>
      </c>
      <c r="E25364" s="1" t="s">
        <v>0</v>
      </c>
    </row>
    <row r="25365" spans="1:5" ht="409.5" x14ac:dyDescent="0.25">
      <c r="A25365" s="4" t="s">
        <v>47737</v>
      </c>
      <c r="B25365" s="1" t="s">
        <v>59109</v>
      </c>
      <c r="C25365" s="1" t="s">
        <v>47738</v>
      </c>
      <c r="D25365" s="2">
        <v>178193</v>
      </c>
      <c r="E25365" s="1" t="s">
        <v>0</v>
      </c>
    </row>
    <row r="25366" spans="1:5" x14ac:dyDescent="0.25">
      <c r="A25366" s="1" t="s">
        <v>47739</v>
      </c>
      <c r="B25366" s="1" t="s">
        <v>12375</v>
      </c>
      <c r="C25366" s="1" t="s">
        <v>47740</v>
      </c>
      <c r="D25366" s="2">
        <v>178194</v>
      </c>
      <c r="E25366" s="1" t="s">
        <v>0</v>
      </c>
    </row>
    <row r="25367" spans="1:5" x14ac:dyDescent="0.25">
      <c r="A25367" s="2">
        <v>5073</v>
      </c>
      <c r="B25367" s="2">
        <v>5073</v>
      </c>
      <c r="C25367" s="1" t="s">
        <v>0</v>
      </c>
      <c r="D25367" s="2">
        <v>178195</v>
      </c>
      <c r="E25367" s="1" t="s">
        <v>0</v>
      </c>
    </row>
    <row r="25368" spans="1:5" x14ac:dyDescent="0.25">
      <c r="A25368" s="1" t="s">
        <v>4612</v>
      </c>
      <c r="B25368" s="1" t="s">
        <v>59110</v>
      </c>
      <c r="C25368" s="1" t="s">
        <v>47741</v>
      </c>
      <c r="D25368" s="2">
        <v>178196</v>
      </c>
      <c r="E25368" s="1" t="s">
        <v>0</v>
      </c>
    </row>
    <row r="25369" spans="1:5" x14ac:dyDescent="0.25">
      <c r="A25369" s="1" t="s">
        <v>47742</v>
      </c>
      <c r="B25369" s="1" t="s">
        <v>59111</v>
      </c>
      <c r="C25369" s="1" t="s">
        <v>47743</v>
      </c>
      <c r="D25369" s="2">
        <v>178197</v>
      </c>
      <c r="E25369" s="1" t="s">
        <v>0</v>
      </c>
    </row>
    <row r="25370" spans="1:5" ht="409.5" x14ac:dyDescent="0.25">
      <c r="A25370" s="4" t="s">
        <v>47744</v>
      </c>
      <c r="B25370" s="1" t="s">
        <v>59112</v>
      </c>
      <c r="C25370" s="1" t="s">
        <v>47745</v>
      </c>
      <c r="D25370" s="2">
        <v>178198</v>
      </c>
      <c r="E25370" s="1" t="s">
        <v>0</v>
      </c>
    </row>
    <row r="25371" spans="1:5" x14ac:dyDescent="0.25">
      <c r="A25371" s="1" t="s">
        <v>47746</v>
      </c>
      <c r="B25371" s="1" t="s">
        <v>59113</v>
      </c>
      <c r="C25371" s="1" t="s">
        <v>47747</v>
      </c>
      <c r="D25371" s="2">
        <v>178199</v>
      </c>
      <c r="E25371" s="1" t="s">
        <v>0</v>
      </c>
    </row>
    <row r="25372" spans="1:5" x14ac:dyDescent="0.25">
      <c r="A25372" s="2">
        <v>5074</v>
      </c>
      <c r="B25372" s="2">
        <v>5074</v>
      </c>
      <c r="C25372" s="1" t="s">
        <v>0</v>
      </c>
      <c r="D25372" s="2">
        <v>178200</v>
      </c>
      <c r="E25372" s="1" t="s">
        <v>0</v>
      </c>
    </row>
    <row r="25373" spans="1:5" x14ac:dyDescent="0.25">
      <c r="A25373" s="1" t="s">
        <v>4613</v>
      </c>
      <c r="B25373" s="1" t="s">
        <v>56577</v>
      </c>
      <c r="C25373" s="1" t="s">
        <v>47748</v>
      </c>
      <c r="D25373" s="2">
        <v>178201</v>
      </c>
      <c r="E25373" s="1" t="s">
        <v>0</v>
      </c>
    </row>
    <row r="25374" spans="1:5" x14ac:dyDescent="0.25">
      <c r="A25374" s="1" t="s">
        <v>47749</v>
      </c>
      <c r="B25374" s="1" t="s">
        <v>56578</v>
      </c>
      <c r="C25374" s="1" t="s">
        <v>47750</v>
      </c>
      <c r="D25374" s="2">
        <v>178202</v>
      </c>
      <c r="E25374" s="1" t="s">
        <v>0</v>
      </c>
    </row>
    <row r="25375" spans="1:5" ht="409.5" x14ac:dyDescent="0.25">
      <c r="A25375" s="4" t="s">
        <v>47751</v>
      </c>
      <c r="B25375" s="1" t="s">
        <v>56579</v>
      </c>
      <c r="C25375" s="1" t="s">
        <v>47752</v>
      </c>
      <c r="D25375" s="2">
        <v>178203</v>
      </c>
      <c r="E25375" s="1" t="s">
        <v>0</v>
      </c>
    </row>
    <row r="25376" spans="1:5" x14ac:dyDescent="0.25">
      <c r="A25376" s="1" t="s">
        <v>47753</v>
      </c>
      <c r="B25376" s="1" t="s">
        <v>12376</v>
      </c>
      <c r="C25376" s="1" t="s">
        <v>47754</v>
      </c>
      <c r="D25376" s="2">
        <v>178204</v>
      </c>
      <c r="E25376" s="1" t="s">
        <v>0</v>
      </c>
    </row>
    <row r="25377" spans="1:5" x14ac:dyDescent="0.25">
      <c r="A25377" s="2">
        <v>5075</v>
      </c>
      <c r="B25377" s="2">
        <v>5075</v>
      </c>
      <c r="C25377" s="1" t="s">
        <v>0</v>
      </c>
      <c r="D25377" s="2">
        <v>178205</v>
      </c>
      <c r="E25377" s="1" t="s">
        <v>0</v>
      </c>
    </row>
    <row r="25378" spans="1:5" x14ac:dyDescent="0.25">
      <c r="A25378" s="1" t="s">
        <v>4614</v>
      </c>
      <c r="B25378" s="1" t="s">
        <v>12377</v>
      </c>
      <c r="C25378" s="1" t="s">
        <v>47755</v>
      </c>
      <c r="D25378" s="2">
        <v>178206</v>
      </c>
      <c r="E25378" s="1" t="s">
        <v>0</v>
      </c>
    </row>
    <row r="25379" spans="1:5" x14ac:dyDescent="0.25">
      <c r="A25379" s="1" t="s">
        <v>47756</v>
      </c>
      <c r="B25379" s="1" t="s">
        <v>56580</v>
      </c>
      <c r="C25379" s="1" t="s">
        <v>47757</v>
      </c>
      <c r="D25379" s="2">
        <v>178207</v>
      </c>
      <c r="E25379" s="1" t="s">
        <v>0</v>
      </c>
    </row>
    <row r="25380" spans="1:5" ht="409.5" x14ac:dyDescent="0.25">
      <c r="A25380" s="4" t="s">
        <v>47758</v>
      </c>
      <c r="B25380" s="1" t="s">
        <v>58650</v>
      </c>
      <c r="C25380" s="1" t="s">
        <v>47759</v>
      </c>
      <c r="D25380" s="2">
        <v>178208</v>
      </c>
      <c r="E25380" s="1" t="s">
        <v>0</v>
      </c>
    </row>
    <row r="25381" spans="1:5" x14ac:dyDescent="0.25">
      <c r="A25381" s="1" t="s">
        <v>47760</v>
      </c>
      <c r="B25381" s="1" t="s">
        <v>57351</v>
      </c>
      <c r="C25381" s="1" t="s">
        <v>47761</v>
      </c>
      <c r="D25381" s="2">
        <v>178209</v>
      </c>
      <c r="E25381" s="1" t="s">
        <v>0</v>
      </c>
    </row>
    <row r="25382" spans="1:5" x14ac:dyDescent="0.25">
      <c r="A25382" s="2">
        <v>5076</v>
      </c>
      <c r="B25382" s="2">
        <v>5076</v>
      </c>
      <c r="C25382" s="1" t="s">
        <v>0</v>
      </c>
      <c r="D25382" s="2">
        <v>178210</v>
      </c>
      <c r="E25382" s="1" t="s">
        <v>0</v>
      </c>
    </row>
    <row r="25383" spans="1:5" x14ac:dyDescent="0.25">
      <c r="A25383" s="1" t="s">
        <v>4615</v>
      </c>
      <c r="B25383" s="1" t="s">
        <v>12378</v>
      </c>
      <c r="C25383" s="1" t="s">
        <v>47762</v>
      </c>
      <c r="D25383" s="2">
        <v>178211</v>
      </c>
      <c r="E25383" s="1" t="s">
        <v>0</v>
      </c>
    </row>
    <row r="25384" spans="1:5" x14ac:dyDescent="0.25">
      <c r="A25384" s="1" t="s">
        <v>47763</v>
      </c>
      <c r="B25384" s="1" t="s">
        <v>51101</v>
      </c>
      <c r="C25384" s="1" t="s">
        <v>47764</v>
      </c>
      <c r="D25384" s="2">
        <v>178212</v>
      </c>
      <c r="E25384" s="1" t="s">
        <v>0</v>
      </c>
    </row>
    <row r="25385" spans="1:5" ht="409.5" x14ac:dyDescent="0.25">
      <c r="A25385" s="4" t="s">
        <v>47765</v>
      </c>
      <c r="B25385" s="1" t="s">
        <v>51102</v>
      </c>
      <c r="C25385" s="1" t="s">
        <v>47766</v>
      </c>
      <c r="D25385" s="2">
        <v>178213</v>
      </c>
      <c r="E25385" s="1" t="s">
        <v>0</v>
      </c>
    </row>
    <row r="25386" spans="1:5" x14ac:dyDescent="0.25">
      <c r="A25386" s="1" t="s">
        <v>47767</v>
      </c>
      <c r="B25386" s="1" t="s">
        <v>57352</v>
      </c>
      <c r="C25386" s="1" t="s">
        <v>47768</v>
      </c>
      <c r="D25386" s="2">
        <v>178214</v>
      </c>
      <c r="E25386" s="1" t="s">
        <v>0</v>
      </c>
    </row>
    <row r="25387" spans="1:5" x14ac:dyDescent="0.25">
      <c r="A25387" s="2">
        <v>5077</v>
      </c>
      <c r="B25387" s="2">
        <v>5077</v>
      </c>
      <c r="C25387" s="1" t="s">
        <v>0</v>
      </c>
      <c r="D25387" s="2">
        <v>178215</v>
      </c>
      <c r="E25387" s="1" t="s">
        <v>0</v>
      </c>
    </row>
    <row r="25388" spans="1:5" x14ac:dyDescent="0.25">
      <c r="A25388" s="1" t="s">
        <v>4616</v>
      </c>
      <c r="B25388" s="1" t="s">
        <v>58880</v>
      </c>
      <c r="C25388" s="1" t="s">
        <v>47769</v>
      </c>
      <c r="D25388" s="2">
        <v>178216</v>
      </c>
      <c r="E25388" s="1" t="s">
        <v>0</v>
      </c>
    </row>
    <row r="25389" spans="1:5" x14ac:dyDescent="0.25">
      <c r="A25389" s="1" t="s">
        <v>47770</v>
      </c>
      <c r="B25389" s="1" t="s">
        <v>63081</v>
      </c>
      <c r="C25389" s="1" t="s">
        <v>47771</v>
      </c>
      <c r="D25389" s="2">
        <v>178217</v>
      </c>
      <c r="E25389" s="1" t="s">
        <v>0</v>
      </c>
    </row>
    <row r="25390" spans="1:5" ht="409.5" x14ac:dyDescent="0.25">
      <c r="A25390" s="4" t="s">
        <v>47772</v>
      </c>
      <c r="B25390" s="1" t="s">
        <v>63082</v>
      </c>
      <c r="C25390" s="1" t="s">
        <v>47773</v>
      </c>
      <c r="D25390" s="2">
        <v>178218</v>
      </c>
      <c r="E25390" s="1" t="s">
        <v>0</v>
      </c>
    </row>
    <row r="25391" spans="1:5" x14ac:dyDescent="0.25">
      <c r="A25391" s="1" t="s">
        <v>47774</v>
      </c>
      <c r="B25391" s="1" t="s">
        <v>58881</v>
      </c>
      <c r="C25391" s="1" t="s">
        <v>47775</v>
      </c>
      <c r="D25391" s="2">
        <v>178219</v>
      </c>
      <c r="E25391" s="1" t="s">
        <v>0</v>
      </c>
    </row>
    <row r="25392" spans="1:5" x14ac:dyDescent="0.25">
      <c r="A25392" s="2">
        <v>5078</v>
      </c>
      <c r="B25392" s="2">
        <v>5078</v>
      </c>
      <c r="C25392" s="1" t="s">
        <v>0</v>
      </c>
      <c r="D25392" s="2">
        <v>178220</v>
      </c>
      <c r="E25392" s="1" t="s">
        <v>0</v>
      </c>
    </row>
    <row r="25393" spans="1:5" x14ac:dyDescent="0.25">
      <c r="A25393" s="1" t="s">
        <v>4617</v>
      </c>
      <c r="B25393" s="1" t="s">
        <v>12379</v>
      </c>
      <c r="C25393" s="1" t="s">
        <v>47776</v>
      </c>
      <c r="D25393" s="2">
        <v>178221</v>
      </c>
      <c r="E25393" s="1" t="s">
        <v>0</v>
      </c>
    </row>
    <row r="25394" spans="1:5" x14ac:dyDescent="0.25">
      <c r="A25394" s="1" t="s">
        <v>47777</v>
      </c>
      <c r="B25394" s="1" t="s">
        <v>56581</v>
      </c>
      <c r="C25394" s="1" t="s">
        <v>47778</v>
      </c>
      <c r="D25394" s="2">
        <v>178222</v>
      </c>
      <c r="E25394" s="1" t="s">
        <v>0</v>
      </c>
    </row>
    <row r="25395" spans="1:5" ht="409.5" x14ac:dyDescent="0.25">
      <c r="A25395" s="4" t="s">
        <v>64405</v>
      </c>
      <c r="B25395" s="1" t="s">
        <v>58651</v>
      </c>
      <c r="C25395" s="1" t="s">
        <v>47779</v>
      </c>
      <c r="D25395" s="2">
        <v>178223</v>
      </c>
      <c r="E25395" s="1" t="s">
        <v>0</v>
      </c>
    </row>
    <row r="25396" spans="1:5" x14ac:dyDescent="0.25">
      <c r="A25396" s="1" t="s">
        <v>47780</v>
      </c>
      <c r="B25396" s="1" t="s">
        <v>58652</v>
      </c>
      <c r="C25396" s="1" t="s">
        <v>47781</v>
      </c>
      <c r="D25396" s="2">
        <v>178224</v>
      </c>
      <c r="E25396" s="1" t="s">
        <v>0</v>
      </c>
    </row>
    <row r="25397" spans="1:5" x14ac:dyDescent="0.25">
      <c r="A25397" s="2">
        <v>5079</v>
      </c>
      <c r="B25397" s="2">
        <v>5079</v>
      </c>
      <c r="C25397" s="1" t="s">
        <v>0</v>
      </c>
      <c r="D25397" s="2">
        <v>178225</v>
      </c>
      <c r="E25397" s="1" t="s">
        <v>0</v>
      </c>
    </row>
    <row r="25398" spans="1:5" x14ac:dyDescent="0.25">
      <c r="A25398" s="1" t="s">
        <v>64406</v>
      </c>
      <c r="B25398" s="1" t="s">
        <v>12380</v>
      </c>
      <c r="C25398" s="1" t="s">
        <v>47782</v>
      </c>
      <c r="D25398" s="2">
        <v>178226</v>
      </c>
      <c r="E25398" s="1" t="s">
        <v>0</v>
      </c>
    </row>
    <row r="25399" spans="1:5" x14ac:dyDescent="0.25">
      <c r="A25399" s="1" t="s">
        <v>64407</v>
      </c>
      <c r="B25399" s="1" t="s">
        <v>56582</v>
      </c>
      <c r="C25399" s="1" t="s">
        <v>47783</v>
      </c>
      <c r="D25399" s="2">
        <v>178227</v>
      </c>
      <c r="E25399" s="1" t="s">
        <v>0</v>
      </c>
    </row>
    <row r="25400" spans="1:5" ht="409.5" x14ac:dyDescent="0.25">
      <c r="A25400" s="4" t="s">
        <v>64408</v>
      </c>
      <c r="B25400" s="1" t="s">
        <v>57657</v>
      </c>
      <c r="C25400" s="1" t="s">
        <v>47784</v>
      </c>
      <c r="D25400" s="2">
        <v>178228</v>
      </c>
      <c r="E25400" s="1" t="s">
        <v>0</v>
      </c>
    </row>
    <row r="25401" spans="1:5" x14ac:dyDescent="0.25">
      <c r="A25401" s="1" t="s">
        <v>47785</v>
      </c>
      <c r="B25401" s="1" t="s">
        <v>12381</v>
      </c>
      <c r="C25401" s="1" t="s">
        <v>47786</v>
      </c>
      <c r="D25401" s="2">
        <v>178229</v>
      </c>
      <c r="E25401" s="1" t="s">
        <v>0</v>
      </c>
    </row>
    <row r="25402" spans="1:5" x14ac:dyDescent="0.25">
      <c r="A25402" s="2">
        <v>5080</v>
      </c>
      <c r="B25402" s="2">
        <v>5080</v>
      </c>
      <c r="C25402" s="1" t="s">
        <v>0</v>
      </c>
      <c r="D25402" s="2">
        <v>178230</v>
      </c>
      <c r="E25402" s="1" t="s">
        <v>0</v>
      </c>
    </row>
    <row r="25403" spans="1:5" x14ac:dyDescent="0.25">
      <c r="A25403" s="1" t="s">
        <v>4618</v>
      </c>
      <c r="B25403" s="1" t="s">
        <v>12382</v>
      </c>
      <c r="C25403" s="1" t="s">
        <v>47787</v>
      </c>
      <c r="D25403" s="2">
        <v>178231</v>
      </c>
      <c r="E25403" s="1" t="s">
        <v>0</v>
      </c>
    </row>
    <row r="25404" spans="1:5" x14ac:dyDescent="0.25">
      <c r="A25404" s="1" t="s">
        <v>47788</v>
      </c>
      <c r="B25404" s="1" t="s">
        <v>12383</v>
      </c>
      <c r="C25404" s="1" t="s">
        <v>47789</v>
      </c>
      <c r="D25404" s="2">
        <v>178232</v>
      </c>
      <c r="E25404" s="1" t="s">
        <v>0</v>
      </c>
    </row>
    <row r="25405" spans="1:5" ht="409.5" x14ac:dyDescent="0.25">
      <c r="A25405" s="4" t="s">
        <v>47790</v>
      </c>
      <c r="B25405" s="1" t="s">
        <v>56583</v>
      </c>
      <c r="C25405" s="1" t="s">
        <v>47791</v>
      </c>
      <c r="D25405" s="2">
        <v>178233</v>
      </c>
      <c r="E25405" s="1" t="s">
        <v>0</v>
      </c>
    </row>
    <row r="25406" spans="1:5" x14ac:dyDescent="0.25">
      <c r="A25406" s="1" t="s">
        <v>47792</v>
      </c>
      <c r="B25406" s="1" t="s">
        <v>12384</v>
      </c>
      <c r="C25406" s="1" t="s">
        <v>47793</v>
      </c>
      <c r="D25406" s="2">
        <v>178234</v>
      </c>
      <c r="E25406" s="1" t="s">
        <v>0</v>
      </c>
    </row>
    <row r="25407" spans="1:5" x14ac:dyDescent="0.25">
      <c r="A25407" s="2">
        <v>5081</v>
      </c>
      <c r="B25407" s="2">
        <v>5081</v>
      </c>
      <c r="C25407" s="1" t="s">
        <v>0</v>
      </c>
      <c r="D25407" s="2">
        <v>178235</v>
      </c>
      <c r="E25407" s="1" t="s">
        <v>0</v>
      </c>
    </row>
    <row r="25408" spans="1:5" x14ac:dyDescent="0.25">
      <c r="A25408" s="1" t="s">
        <v>4619</v>
      </c>
      <c r="B25408" s="1" t="s">
        <v>12385</v>
      </c>
      <c r="C25408" s="1" t="s">
        <v>47794</v>
      </c>
      <c r="D25408" s="2">
        <v>178236</v>
      </c>
      <c r="E25408" s="1" t="s">
        <v>0</v>
      </c>
    </row>
    <row r="25409" spans="1:5" x14ac:dyDescent="0.25">
      <c r="A25409" s="1" t="s">
        <v>47795</v>
      </c>
      <c r="B25409" s="1" t="s">
        <v>56584</v>
      </c>
      <c r="C25409" s="1" t="s">
        <v>47796</v>
      </c>
      <c r="D25409" s="2">
        <v>178237</v>
      </c>
      <c r="E25409" s="1" t="s">
        <v>0</v>
      </c>
    </row>
    <row r="25410" spans="1:5" ht="409.5" x14ac:dyDescent="0.25">
      <c r="A25410" s="4" t="s">
        <v>47797</v>
      </c>
      <c r="B25410" s="1" t="s">
        <v>56585</v>
      </c>
      <c r="C25410" s="1" t="s">
        <v>47798</v>
      </c>
      <c r="D25410" s="2">
        <v>178238</v>
      </c>
      <c r="E25410" s="1" t="s">
        <v>0</v>
      </c>
    </row>
    <row r="25411" spans="1:5" x14ac:dyDescent="0.25">
      <c r="A25411" s="1" t="s">
        <v>47799</v>
      </c>
      <c r="B25411" s="1" t="s">
        <v>56586</v>
      </c>
      <c r="C25411" s="1" t="s">
        <v>47800</v>
      </c>
      <c r="D25411" s="2">
        <v>178239</v>
      </c>
      <c r="E25411" s="1" t="s">
        <v>0</v>
      </c>
    </row>
    <row r="25412" spans="1:5" x14ac:dyDescent="0.25">
      <c r="A25412" s="2">
        <v>5082</v>
      </c>
      <c r="B25412" s="2">
        <v>5082</v>
      </c>
      <c r="C25412" s="1" t="s">
        <v>0</v>
      </c>
      <c r="D25412" s="2">
        <v>178240</v>
      </c>
      <c r="E25412" s="1" t="s">
        <v>0</v>
      </c>
    </row>
    <row r="25413" spans="1:5" x14ac:dyDescent="0.25">
      <c r="A25413" s="1" t="s">
        <v>4620</v>
      </c>
      <c r="B25413" s="1" t="s">
        <v>12386</v>
      </c>
      <c r="C25413" s="1" t="s">
        <v>47801</v>
      </c>
      <c r="D25413" s="2">
        <v>178241</v>
      </c>
      <c r="E25413" s="1" t="s">
        <v>0</v>
      </c>
    </row>
    <row r="25414" spans="1:5" x14ac:dyDescent="0.25">
      <c r="A25414" s="1" t="s">
        <v>47802</v>
      </c>
      <c r="B25414" s="1" t="s">
        <v>56587</v>
      </c>
      <c r="C25414" s="1" t="s">
        <v>47803</v>
      </c>
      <c r="D25414" s="2">
        <v>178242</v>
      </c>
      <c r="E25414" s="1" t="s">
        <v>0</v>
      </c>
    </row>
    <row r="25415" spans="1:5" ht="409.5" x14ac:dyDescent="0.25">
      <c r="A25415" s="4" t="s">
        <v>47804</v>
      </c>
      <c r="B25415" s="1" t="s">
        <v>56588</v>
      </c>
      <c r="C25415" s="1" t="s">
        <v>47805</v>
      </c>
      <c r="D25415" s="2">
        <v>178243</v>
      </c>
      <c r="E25415" s="1" t="s">
        <v>0</v>
      </c>
    </row>
    <row r="25416" spans="1:5" x14ac:dyDescent="0.25">
      <c r="A25416" s="1" t="s">
        <v>47806</v>
      </c>
      <c r="B25416" s="1" t="s">
        <v>12387</v>
      </c>
      <c r="C25416" s="1" t="s">
        <v>47807</v>
      </c>
      <c r="D25416" s="2">
        <v>178244</v>
      </c>
      <c r="E25416" s="1" t="s">
        <v>0</v>
      </c>
    </row>
    <row r="25417" spans="1:5" x14ac:dyDescent="0.25">
      <c r="A25417" s="2">
        <v>5083</v>
      </c>
      <c r="B25417" s="2">
        <v>5083</v>
      </c>
      <c r="C25417" s="1" t="s">
        <v>0</v>
      </c>
      <c r="D25417" s="2">
        <v>178245</v>
      </c>
      <c r="E25417" s="1" t="s">
        <v>0</v>
      </c>
    </row>
    <row r="25418" spans="1:5" x14ac:dyDescent="0.25">
      <c r="A25418" s="1" t="s">
        <v>4621</v>
      </c>
      <c r="B25418" s="1" t="s">
        <v>51103</v>
      </c>
      <c r="C25418" s="1" t="s">
        <v>47808</v>
      </c>
      <c r="D25418" s="2">
        <v>178246</v>
      </c>
      <c r="E25418" s="1" t="s">
        <v>0</v>
      </c>
    </row>
    <row r="25419" spans="1:5" x14ac:dyDescent="0.25">
      <c r="A25419" s="1" t="s">
        <v>47809</v>
      </c>
      <c r="B25419" s="1" t="s">
        <v>56589</v>
      </c>
      <c r="C25419" s="1" t="s">
        <v>47810</v>
      </c>
      <c r="D25419" s="2">
        <v>178247</v>
      </c>
      <c r="E25419" s="1" t="s">
        <v>0</v>
      </c>
    </row>
    <row r="25420" spans="1:5" ht="409.5" x14ac:dyDescent="0.25">
      <c r="A25420" s="4" t="s">
        <v>47811</v>
      </c>
      <c r="B25420" s="1" t="s">
        <v>60332</v>
      </c>
      <c r="C25420" s="1" t="s">
        <v>47812</v>
      </c>
      <c r="D25420" s="2">
        <v>178248</v>
      </c>
      <c r="E25420" s="1" t="s">
        <v>0</v>
      </c>
    </row>
    <row r="25421" spans="1:5" x14ac:dyDescent="0.25">
      <c r="A25421" s="1" t="s">
        <v>47813</v>
      </c>
      <c r="B25421" s="1" t="s">
        <v>56590</v>
      </c>
      <c r="C25421" s="1" t="s">
        <v>47814</v>
      </c>
      <c r="D25421" s="2">
        <v>178249</v>
      </c>
      <c r="E25421" s="1" t="s">
        <v>0</v>
      </c>
    </row>
    <row r="25422" spans="1:5" x14ac:dyDescent="0.25">
      <c r="A25422" s="2">
        <v>5084</v>
      </c>
      <c r="B25422" s="2">
        <v>5084</v>
      </c>
      <c r="C25422" s="1" t="s">
        <v>0</v>
      </c>
      <c r="D25422" s="2">
        <v>178250</v>
      </c>
      <c r="E25422" s="1" t="s">
        <v>0</v>
      </c>
    </row>
    <row r="25423" spans="1:5" x14ac:dyDescent="0.25">
      <c r="A25423" s="1" t="s">
        <v>4622</v>
      </c>
      <c r="B25423" s="1" t="s">
        <v>58038</v>
      </c>
      <c r="C25423" s="1" t="s">
        <v>47815</v>
      </c>
      <c r="D25423" s="2">
        <v>178251</v>
      </c>
      <c r="E25423" s="1" t="s">
        <v>0</v>
      </c>
    </row>
    <row r="25424" spans="1:5" x14ac:dyDescent="0.25">
      <c r="A25424" s="1" t="s">
        <v>47816</v>
      </c>
      <c r="B25424" s="1" t="s">
        <v>58039</v>
      </c>
      <c r="C25424" s="1" t="s">
        <v>47817</v>
      </c>
      <c r="D25424" s="2">
        <v>178252</v>
      </c>
      <c r="E25424" s="1" t="s">
        <v>0</v>
      </c>
    </row>
    <row r="25425" spans="1:5" ht="409.5" x14ac:dyDescent="0.25">
      <c r="A25425" s="4" t="s">
        <v>47818</v>
      </c>
      <c r="B25425" s="1" t="s">
        <v>58040</v>
      </c>
      <c r="C25425" s="1" t="s">
        <v>47819</v>
      </c>
      <c r="D25425" s="2">
        <v>178253</v>
      </c>
      <c r="E25425" s="1" t="s">
        <v>0</v>
      </c>
    </row>
    <row r="25426" spans="1:5" x14ac:dyDescent="0.25">
      <c r="A25426" s="1" t="s">
        <v>47820</v>
      </c>
      <c r="B25426" s="1" t="s">
        <v>58041</v>
      </c>
      <c r="C25426" s="1" t="s">
        <v>47821</v>
      </c>
      <c r="D25426" s="2">
        <v>178254</v>
      </c>
      <c r="E25426" s="1" t="s">
        <v>0</v>
      </c>
    </row>
    <row r="25427" spans="1:5" x14ac:dyDescent="0.25">
      <c r="A25427" s="2">
        <v>5085</v>
      </c>
      <c r="B25427" s="2">
        <v>5085</v>
      </c>
      <c r="C25427" s="1" t="s">
        <v>0</v>
      </c>
      <c r="D25427" s="2">
        <v>178255</v>
      </c>
      <c r="E25427" s="1" t="s">
        <v>0</v>
      </c>
    </row>
    <row r="25428" spans="1:5" x14ac:dyDescent="0.25">
      <c r="A25428" s="1" t="s">
        <v>4623</v>
      </c>
      <c r="B25428" s="1" t="s">
        <v>12388</v>
      </c>
      <c r="C25428" s="1" t="s">
        <v>47822</v>
      </c>
      <c r="D25428" s="2">
        <v>178256</v>
      </c>
      <c r="E25428" s="1" t="s">
        <v>0</v>
      </c>
    </row>
    <row r="25429" spans="1:5" x14ac:dyDescent="0.25">
      <c r="A25429" s="1" t="s">
        <v>47823</v>
      </c>
      <c r="B25429" s="1" t="s">
        <v>58653</v>
      </c>
      <c r="C25429" s="1" t="s">
        <v>47824</v>
      </c>
      <c r="D25429" s="2">
        <v>178257</v>
      </c>
      <c r="E25429" s="1" t="s">
        <v>0</v>
      </c>
    </row>
    <row r="25430" spans="1:5" ht="409.5" x14ac:dyDescent="0.25">
      <c r="A25430" s="4" t="s">
        <v>47825</v>
      </c>
      <c r="B25430" s="1" t="s">
        <v>58654</v>
      </c>
      <c r="C25430" s="1" t="s">
        <v>47826</v>
      </c>
      <c r="D25430" s="2">
        <v>178258</v>
      </c>
      <c r="E25430" s="1" t="s">
        <v>0</v>
      </c>
    </row>
    <row r="25431" spans="1:5" x14ac:dyDescent="0.25">
      <c r="A25431" s="1" t="s">
        <v>47827</v>
      </c>
      <c r="B25431" s="1" t="s">
        <v>56591</v>
      </c>
      <c r="C25431" s="1" t="s">
        <v>47828</v>
      </c>
      <c r="D25431" s="2">
        <v>178259</v>
      </c>
      <c r="E25431" s="1" t="s">
        <v>0</v>
      </c>
    </row>
    <row r="25432" spans="1:5" x14ac:dyDescent="0.25">
      <c r="A25432" s="2">
        <v>5086</v>
      </c>
      <c r="B25432" s="2">
        <v>5086</v>
      </c>
      <c r="C25432" s="1" t="s">
        <v>0</v>
      </c>
      <c r="D25432" s="2">
        <v>178260</v>
      </c>
      <c r="E25432" s="1" t="s">
        <v>0</v>
      </c>
    </row>
    <row r="25433" spans="1:5" x14ac:dyDescent="0.25">
      <c r="A25433" s="1" t="s">
        <v>4624</v>
      </c>
      <c r="B25433" s="1" t="s">
        <v>12389</v>
      </c>
      <c r="C25433" s="1" t="s">
        <v>47829</v>
      </c>
      <c r="D25433" s="2">
        <v>178261</v>
      </c>
      <c r="E25433" s="1" t="s">
        <v>0</v>
      </c>
    </row>
    <row r="25434" spans="1:5" x14ac:dyDescent="0.25">
      <c r="A25434" s="1" t="s">
        <v>64409</v>
      </c>
      <c r="B25434" s="1" t="s">
        <v>56592</v>
      </c>
      <c r="C25434" s="1" t="s">
        <v>47830</v>
      </c>
      <c r="D25434" s="2">
        <v>178262</v>
      </c>
      <c r="E25434" s="1" t="s">
        <v>0</v>
      </c>
    </row>
    <row r="25435" spans="1:5" ht="409.5" x14ac:dyDescent="0.25">
      <c r="A25435" s="4" t="s">
        <v>64410</v>
      </c>
      <c r="B25435" s="1" t="s">
        <v>59700</v>
      </c>
      <c r="C25435" s="1" t="s">
        <v>47831</v>
      </c>
      <c r="D25435" s="2">
        <v>178263</v>
      </c>
      <c r="E25435" s="1" t="s">
        <v>0</v>
      </c>
    </row>
    <row r="25436" spans="1:5" x14ac:dyDescent="0.25">
      <c r="A25436" s="1" t="s">
        <v>47832</v>
      </c>
      <c r="B25436" s="1" t="s">
        <v>12390</v>
      </c>
      <c r="C25436" s="1" t="s">
        <v>47833</v>
      </c>
      <c r="D25436" s="2">
        <v>178264</v>
      </c>
      <c r="E25436" s="1" t="s">
        <v>0</v>
      </c>
    </row>
    <row r="25437" spans="1:5" x14ac:dyDescent="0.25">
      <c r="A25437" s="2">
        <v>5087</v>
      </c>
      <c r="B25437" s="2">
        <v>5087</v>
      </c>
      <c r="C25437" s="1" t="s">
        <v>0</v>
      </c>
      <c r="D25437" s="2">
        <v>178265</v>
      </c>
      <c r="E25437" s="1" t="s">
        <v>0</v>
      </c>
    </row>
    <row r="25438" spans="1:5" x14ac:dyDescent="0.25">
      <c r="A25438" s="1" t="s">
        <v>4625</v>
      </c>
      <c r="B25438" s="1" t="s">
        <v>12391</v>
      </c>
      <c r="C25438" s="1" t="s">
        <v>47834</v>
      </c>
      <c r="D25438" s="2">
        <v>178266</v>
      </c>
      <c r="E25438" s="1" t="s">
        <v>0</v>
      </c>
    </row>
    <row r="25439" spans="1:5" x14ac:dyDescent="0.25">
      <c r="A25439" s="1" t="s">
        <v>47835</v>
      </c>
      <c r="B25439" s="1" t="s">
        <v>63845</v>
      </c>
      <c r="C25439" s="1" t="s">
        <v>47836</v>
      </c>
      <c r="D25439" s="2">
        <v>178267</v>
      </c>
      <c r="E25439" s="1" t="s">
        <v>0</v>
      </c>
    </row>
    <row r="25440" spans="1:5" ht="409.5" x14ac:dyDescent="0.25">
      <c r="A25440" s="4" t="s">
        <v>47837</v>
      </c>
      <c r="B25440" s="1" t="s">
        <v>63846</v>
      </c>
      <c r="C25440" s="1" t="s">
        <v>47838</v>
      </c>
      <c r="D25440" s="2">
        <v>178268</v>
      </c>
      <c r="E25440" s="1" t="s">
        <v>0</v>
      </c>
    </row>
    <row r="25441" spans="1:5" x14ac:dyDescent="0.25">
      <c r="A25441" s="1" t="s">
        <v>47839</v>
      </c>
      <c r="B25441" s="1" t="s">
        <v>47840</v>
      </c>
      <c r="C25441" s="1" t="s">
        <v>47841</v>
      </c>
      <c r="D25441" s="2">
        <v>178269</v>
      </c>
      <c r="E25441" s="1" t="s">
        <v>0</v>
      </c>
    </row>
    <row r="25442" spans="1:5" x14ac:dyDescent="0.25">
      <c r="A25442" s="2">
        <v>5088</v>
      </c>
      <c r="B25442" s="2">
        <v>5088</v>
      </c>
      <c r="C25442" s="1" t="s">
        <v>0</v>
      </c>
      <c r="D25442" s="2">
        <v>178270</v>
      </c>
      <c r="E25442" s="1" t="s">
        <v>0</v>
      </c>
    </row>
    <row r="25443" spans="1:5" x14ac:dyDescent="0.25">
      <c r="A25443" s="1" t="s">
        <v>4626</v>
      </c>
      <c r="B25443" s="1" t="s">
        <v>12392</v>
      </c>
      <c r="C25443" s="1" t="s">
        <v>47842</v>
      </c>
      <c r="D25443" s="2">
        <v>178271</v>
      </c>
      <c r="E25443" s="1" t="s">
        <v>0</v>
      </c>
    </row>
    <row r="25444" spans="1:5" x14ac:dyDescent="0.25">
      <c r="A25444" s="1" t="s">
        <v>47843</v>
      </c>
      <c r="B25444" s="1" t="s">
        <v>12393</v>
      </c>
      <c r="C25444" s="1" t="s">
        <v>47844</v>
      </c>
      <c r="D25444" s="2">
        <v>178272</v>
      </c>
      <c r="E25444" s="1" t="s">
        <v>0</v>
      </c>
    </row>
    <row r="25445" spans="1:5" ht="409.5" x14ac:dyDescent="0.25">
      <c r="A25445" s="4" t="s">
        <v>47845</v>
      </c>
      <c r="B25445" s="1" t="s">
        <v>59701</v>
      </c>
      <c r="C25445" s="1" t="s">
        <v>47846</v>
      </c>
      <c r="D25445" s="2">
        <v>178273</v>
      </c>
      <c r="E25445" s="1" t="s">
        <v>0</v>
      </c>
    </row>
    <row r="25446" spans="1:5" x14ac:dyDescent="0.25">
      <c r="A25446" s="1" t="s">
        <v>47847</v>
      </c>
      <c r="B25446" s="1" t="s">
        <v>56593</v>
      </c>
      <c r="C25446" s="1" t="s">
        <v>47848</v>
      </c>
      <c r="D25446" s="2">
        <v>178274</v>
      </c>
      <c r="E25446" s="1" t="s">
        <v>0</v>
      </c>
    </row>
    <row r="25447" spans="1:5" x14ac:dyDescent="0.25">
      <c r="A25447" s="2">
        <v>5089</v>
      </c>
      <c r="B25447" s="2">
        <v>5089</v>
      </c>
      <c r="C25447" s="1" t="s">
        <v>0</v>
      </c>
      <c r="D25447" s="2">
        <v>178275</v>
      </c>
      <c r="E25447" s="1" t="s">
        <v>0</v>
      </c>
    </row>
    <row r="25448" spans="1:5" x14ac:dyDescent="0.25">
      <c r="A25448" s="1" t="s">
        <v>4627</v>
      </c>
      <c r="B25448" s="1" t="s">
        <v>12394</v>
      </c>
      <c r="C25448" s="1" t="s">
        <v>47849</v>
      </c>
      <c r="D25448" s="2">
        <v>178276</v>
      </c>
      <c r="E25448" s="1" t="s">
        <v>0</v>
      </c>
    </row>
    <row r="25449" spans="1:5" x14ac:dyDescent="0.25">
      <c r="A25449" s="1" t="s">
        <v>47850</v>
      </c>
      <c r="B25449" s="1" t="s">
        <v>56594</v>
      </c>
      <c r="C25449" s="1" t="s">
        <v>47851</v>
      </c>
      <c r="D25449" s="2">
        <v>178277</v>
      </c>
      <c r="E25449" s="1" t="s">
        <v>0</v>
      </c>
    </row>
    <row r="25450" spans="1:5" ht="409.5" x14ac:dyDescent="0.25">
      <c r="A25450" s="4" t="s">
        <v>47852</v>
      </c>
      <c r="B25450" s="1" t="s">
        <v>56595</v>
      </c>
      <c r="C25450" s="1" t="s">
        <v>47853</v>
      </c>
      <c r="D25450" s="2">
        <v>178278</v>
      </c>
      <c r="E25450" s="1" t="s">
        <v>0</v>
      </c>
    </row>
    <row r="25451" spans="1:5" x14ac:dyDescent="0.25">
      <c r="A25451" s="1" t="s">
        <v>47854</v>
      </c>
      <c r="B25451" s="1" t="s">
        <v>12395</v>
      </c>
      <c r="C25451" s="1" t="s">
        <v>47855</v>
      </c>
      <c r="D25451" s="2">
        <v>178279</v>
      </c>
      <c r="E25451" s="1" t="s">
        <v>0</v>
      </c>
    </row>
    <row r="25452" spans="1:5" x14ac:dyDescent="0.25">
      <c r="A25452" s="2">
        <v>5090</v>
      </c>
      <c r="B25452" s="2">
        <v>5090</v>
      </c>
      <c r="C25452" s="1" t="s">
        <v>0</v>
      </c>
      <c r="D25452" s="2">
        <v>178280</v>
      </c>
      <c r="E25452" s="1" t="s">
        <v>0</v>
      </c>
    </row>
    <row r="25453" spans="1:5" x14ac:dyDescent="0.25">
      <c r="A25453" s="1" t="s">
        <v>4628</v>
      </c>
      <c r="B25453" s="1" t="s">
        <v>12396</v>
      </c>
      <c r="C25453" s="1" t="s">
        <v>47856</v>
      </c>
      <c r="D25453" s="2">
        <v>178281</v>
      </c>
      <c r="E25453" s="1" t="s">
        <v>0</v>
      </c>
    </row>
    <row r="25454" spans="1:5" x14ac:dyDescent="0.25">
      <c r="A25454" s="1" t="s">
        <v>47857</v>
      </c>
      <c r="B25454" s="1" t="s">
        <v>56596</v>
      </c>
      <c r="C25454" s="1" t="s">
        <v>47858</v>
      </c>
      <c r="D25454" s="2">
        <v>178282</v>
      </c>
      <c r="E25454" s="1" t="s">
        <v>0</v>
      </c>
    </row>
    <row r="25455" spans="1:5" ht="409.5" x14ac:dyDescent="0.25">
      <c r="A25455" s="4" t="s">
        <v>47859</v>
      </c>
      <c r="B25455" s="1" t="s">
        <v>60803</v>
      </c>
      <c r="C25455" s="1" t="s">
        <v>47860</v>
      </c>
      <c r="D25455" s="2">
        <v>178283</v>
      </c>
      <c r="E25455" s="1" t="s">
        <v>0</v>
      </c>
    </row>
    <row r="25456" spans="1:5" x14ac:dyDescent="0.25">
      <c r="A25456" s="1" t="s">
        <v>47861</v>
      </c>
      <c r="B25456" s="1" t="s">
        <v>56597</v>
      </c>
      <c r="C25456" s="1" t="s">
        <v>47862</v>
      </c>
      <c r="D25456" s="2">
        <v>178284</v>
      </c>
      <c r="E25456" s="1" t="s">
        <v>0</v>
      </c>
    </row>
    <row r="25457" spans="1:5" x14ac:dyDescent="0.25">
      <c r="A25457" s="2">
        <v>5091</v>
      </c>
      <c r="B25457" s="2">
        <v>5091</v>
      </c>
      <c r="C25457" s="1" t="s">
        <v>0</v>
      </c>
      <c r="D25457" s="2">
        <v>178285</v>
      </c>
      <c r="E25457" s="1" t="s">
        <v>0</v>
      </c>
    </row>
    <row r="25458" spans="1:5" x14ac:dyDescent="0.25">
      <c r="A25458" s="1" t="s">
        <v>4629</v>
      </c>
      <c r="B25458" s="1" t="s">
        <v>12397</v>
      </c>
      <c r="C25458" s="1" t="s">
        <v>47863</v>
      </c>
      <c r="D25458" s="2">
        <v>178286</v>
      </c>
      <c r="E25458" s="1" t="s">
        <v>0</v>
      </c>
    </row>
    <row r="25459" spans="1:5" x14ac:dyDescent="0.25">
      <c r="A25459" s="1" t="s">
        <v>47864</v>
      </c>
      <c r="B25459" s="1" t="s">
        <v>12398</v>
      </c>
      <c r="C25459" s="1" t="s">
        <v>47865</v>
      </c>
      <c r="D25459" s="2">
        <v>178287</v>
      </c>
      <c r="E25459" s="1" t="s">
        <v>0</v>
      </c>
    </row>
    <row r="25460" spans="1:5" ht="409.5" x14ac:dyDescent="0.25">
      <c r="A25460" s="4" t="s">
        <v>47866</v>
      </c>
      <c r="B25460" s="1" t="s">
        <v>63554</v>
      </c>
      <c r="C25460" s="1" t="s">
        <v>47867</v>
      </c>
      <c r="D25460" s="2">
        <v>178288</v>
      </c>
      <c r="E25460" s="1" t="s">
        <v>0</v>
      </c>
    </row>
    <row r="25461" spans="1:5" x14ac:dyDescent="0.25">
      <c r="A25461" s="1" t="s">
        <v>47868</v>
      </c>
      <c r="B25461" s="1" t="s">
        <v>12399</v>
      </c>
      <c r="C25461" s="1" t="s">
        <v>47869</v>
      </c>
      <c r="D25461" s="2">
        <v>178289</v>
      </c>
      <c r="E25461" s="1" t="s">
        <v>0</v>
      </c>
    </row>
    <row r="25462" spans="1:5" x14ac:dyDescent="0.25">
      <c r="A25462" s="2">
        <v>5092</v>
      </c>
      <c r="B25462" s="2">
        <v>5092</v>
      </c>
      <c r="C25462" s="1" t="s">
        <v>0</v>
      </c>
      <c r="D25462" s="2">
        <v>178290</v>
      </c>
      <c r="E25462" s="1" t="s">
        <v>0</v>
      </c>
    </row>
    <row r="25463" spans="1:5" x14ac:dyDescent="0.25">
      <c r="A25463" s="1" t="s">
        <v>4630</v>
      </c>
      <c r="B25463" s="1" t="s">
        <v>12400</v>
      </c>
      <c r="C25463" s="1" t="s">
        <v>47870</v>
      </c>
      <c r="D25463" s="2">
        <v>178291</v>
      </c>
      <c r="E25463" s="1" t="s">
        <v>0</v>
      </c>
    </row>
    <row r="25464" spans="1:5" x14ac:dyDescent="0.25">
      <c r="A25464" s="1" t="s">
        <v>47871</v>
      </c>
      <c r="B25464" s="1" t="s">
        <v>56598</v>
      </c>
      <c r="C25464" s="1" t="s">
        <v>47872</v>
      </c>
      <c r="D25464" s="2">
        <v>178292</v>
      </c>
      <c r="E25464" s="1" t="s">
        <v>0</v>
      </c>
    </row>
    <row r="25465" spans="1:5" ht="409.5" x14ac:dyDescent="0.25">
      <c r="A25465" s="4" t="s">
        <v>47873</v>
      </c>
      <c r="B25465" s="1" t="s">
        <v>63555</v>
      </c>
      <c r="C25465" s="1" t="s">
        <v>47874</v>
      </c>
      <c r="D25465" s="2">
        <v>178293</v>
      </c>
      <c r="E25465" s="1" t="s">
        <v>0</v>
      </c>
    </row>
    <row r="25466" spans="1:5" x14ac:dyDescent="0.25">
      <c r="A25466" s="1" t="s">
        <v>47875</v>
      </c>
      <c r="B25466" s="1" t="s">
        <v>56599</v>
      </c>
      <c r="C25466" s="1" t="s">
        <v>47876</v>
      </c>
      <c r="D25466" s="2">
        <v>178294</v>
      </c>
      <c r="E25466" s="1" t="s">
        <v>0</v>
      </c>
    </row>
    <row r="25467" spans="1:5" x14ac:dyDescent="0.25">
      <c r="A25467" s="2">
        <v>5093</v>
      </c>
      <c r="B25467" s="2">
        <v>5093</v>
      </c>
      <c r="C25467" s="1" t="s">
        <v>0</v>
      </c>
      <c r="D25467" s="2">
        <v>178295</v>
      </c>
      <c r="E25467" s="1" t="s">
        <v>0</v>
      </c>
    </row>
    <row r="25468" spans="1:5" x14ac:dyDescent="0.25">
      <c r="A25468" s="1" t="s">
        <v>4631</v>
      </c>
      <c r="B25468" s="1" t="s">
        <v>12401</v>
      </c>
      <c r="C25468" s="1" t="s">
        <v>47877</v>
      </c>
      <c r="D25468" s="2">
        <v>178296</v>
      </c>
      <c r="E25468" s="1" t="s">
        <v>0</v>
      </c>
    </row>
    <row r="25469" spans="1:5" x14ac:dyDescent="0.25">
      <c r="A25469" s="1" t="s">
        <v>47878</v>
      </c>
      <c r="B25469" s="1" t="s">
        <v>58042</v>
      </c>
      <c r="C25469" s="1" t="s">
        <v>47879</v>
      </c>
      <c r="D25469" s="2">
        <v>178297</v>
      </c>
      <c r="E25469" s="1" t="s">
        <v>0</v>
      </c>
    </row>
    <row r="25470" spans="1:5" ht="409.5" x14ac:dyDescent="0.25">
      <c r="A25470" s="4" t="s">
        <v>47880</v>
      </c>
      <c r="B25470" s="1" t="s">
        <v>58043</v>
      </c>
      <c r="C25470" s="1" t="s">
        <v>47881</v>
      </c>
      <c r="D25470" s="2">
        <v>178298</v>
      </c>
      <c r="E25470" s="1" t="s">
        <v>0</v>
      </c>
    </row>
    <row r="25471" spans="1:5" x14ac:dyDescent="0.25">
      <c r="A25471" s="1" t="s">
        <v>47882</v>
      </c>
      <c r="B25471" s="1" t="s">
        <v>61434</v>
      </c>
      <c r="C25471" s="1" t="s">
        <v>47883</v>
      </c>
      <c r="D25471" s="2">
        <v>178299</v>
      </c>
      <c r="E25471" s="1" t="s">
        <v>0</v>
      </c>
    </row>
    <row r="25472" spans="1:5" x14ac:dyDescent="0.25">
      <c r="A25472" s="2">
        <v>5094</v>
      </c>
      <c r="B25472" s="2">
        <v>5094</v>
      </c>
      <c r="C25472" s="1" t="s">
        <v>0</v>
      </c>
      <c r="D25472" s="2">
        <v>178300</v>
      </c>
      <c r="E25472" s="1" t="s">
        <v>0</v>
      </c>
    </row>
    <row r="25473" spans="1:5" x14ac:dyDescent="0.25">
      <c r="A25473" s="1" t="s">
        <v>12402</v>
      </c>
      <c r="B25473" s="1" t="s">
        <v>12403</v>
      </c>
      <c r="C25473" s="1" t="s">
        <v>47884</v>
      </c>
      <c r="D25473" s="2">
        <v>178301</v>
      </c>
      <c r="E25473" s="1" t="s">
        <v>0</v>
      </c>
    </row>
    <row r="25474" spans="1:5" x14ac:dyDescent="0.25">
      <c r="A25474" s="1" t="s">
        <v>47885</v>
      </c>
      <c r="B25474" s="1" t="s">
        <v>56600</v>
      </c>
      <c r="C25474" s="1" t="s">
        <v>47886</v>
      </c>
      <c r="D25474" s="2">
        <v>178302</v>
      </c>
      <c r="E25474" s="1" t="s">
        <v>0</v>
      </c>
    </row>
    <row r="25475" spans="1:5" ht="409.5" x14ac:dyDescent="0.25">
      <c r="A25475" s="4" t="s">
        <v>47887</v>
      </c>
      <c r="B25475" s="1" t="s">
        <v>56601</v>
      </c>
      <c r="C25475" s="1" t="s">
        <v>47888</v>
      </c>
      <c r="D25475" s="2">
        <v>178303</v>
      </c>
      <c r="E25475" s="1" t="s">
        <v>0</v>
      </c>
    </row>
    <row r="25476" spans="1:5" x14ac:dyDescent="0.25">
      <c r="A25476" s="1" t="s">
        <v>47889</v>
      </c>
      <c r="B25476" s="1" t="s">
        <v>56602</v>
      </c>
      <c r="C25476" s="1" t="s">
        <v>47890</v>
      </c>
      <c r="D25476" s="2">
        <v>178304</v>
      </c>
      <c r="E25476" s="1" t="s">
        <v>0</v>
      </c>
    </row>
    <row r="25477" spans="1:5" x14ac:dyDescent="0.25">
      <c r="A25477" s="2">
        <v>5095</v>
      </c>
      <c r="B25477" s="2">
        <v>5095</v>
      </c>
      <c r="C25477" s="1" t="s">
        <v>0</v>
      </c>
      <c r="D25477" s="2">
        <v>178305</v>
      </c>
      <c r="E25477" s="1" t="s">
        <v>0</v>
      </c>
    </row>
    <row r="25478" spans="1:5" x14ac:dyDescent="0.25">
      <c r="A25478" s="1" t="s">
        <v>12404</v>
      </c>
      <c r="B25478" s="1" t="s">
        <v>58044</v>
      </c>
      <c r="C25478" s="1" t="s">
        <v>47891</v>
      </c>
      <c r="D25478" s="2">
        <v>178306</v>
      </c>
      <c r="E25478" s="1" t="s">
        <v>0</v>
      </c>
    </row>
    <row r="25479" spans="1:5" x14ac:dyDescent="0.25">
      <c r="A25479" s="1" t="s">
        <v>47892</v>
      </c>
      <c r="B25479" s="1" t="s">
        <v>63556</v>
      </c>
      <c r="C25479" s="1" t="s">
        <v>47893</v>
      </c>
      <c r="D25479" s="2">
        <v>178307</v>
      </c>
      <c r="E25479" s="1" t="s">
        <v>0</v>
      </c>
    </row>
    <row r="25480" spans="1:5" ht="409.5" x14ac:dyDescent="0.25">
      <c r="A25480" s="4" t="s">
        <v>47894</v>
      </c>
      <c r="B25480" s="1" t="s">
        <v>63557</v>
      </c>
      <c r="C25480" s="1" t="s">
        <v>47895</v>
      </c>
      <c r="D25480" s="2">
        <v>178308</v>
      </c>
      <c r="E25480" s="1" t="s">
        <v>0</v>
      </c>
    </row>
    <row r="25481" spans="1:5" x14ac:dyDescent="0.25">
      <c r="A25481" s="1" t="s">
        <v>47896</v>
      </c>
      <c r="B25481" s="1" t="s">
        <v>56603</v>
      </c>
      <c r="C25481" s="1" t="s">
        <v>47897</v>
      </c>
      <c r="D25481" s="2">
        <v>178309</v>
      </c>
      <c r="E25481" s="1" t="s">
        <v>0</v>
      </c>
    </row>
    <row r="25482" spans="1:5" x14ac:dyDescent="0.25">
      <c r="A25482" s="2">
        <v>5096</v>
      </c>
      <c r="B25482" s="2">
        <v>5096</v>
      </c>
      <c r="C25482" s="1" t="s">
        <v>0</v>
      </c>
      <c r="D25482" s="2">
        <v>178310</v>
      </c>
      <c r="E25482" s="1" t="s">
        <v>0</v>
      </c>
    </row>
    <row r="25483" spans="1:5" x14ac:dyDescent="0.25">
      <c r="A25483" s="1" t="s">
        <v>4632</v>
      </c>
      <c r="B25483" s="1" t="s">
        <v>12405</v>
      </c>
      <c r="C25483" s="1" t="s">
        <v>47898</v>
      </c>
      <c r="D25483" s="2">
        <v>178311</v>
      </c>
      <c r="E25483" s="1" t="s">
        <v>0</v>
      </c>
    </row>
    <row r="25484" spans="1:5" x14ac:dyDescent="0.25">
      <c r="A25484" s="1" t="s">
        <v>47899</v>
      </c>
      <c r="B25484" s="1" t="s">
        <v>12406</v>
      </c>
      <c r="C25484" s="1" t="s">
        <v>47900</v>
      </c>
      <c r="D25484" s="2">
        <v>178312</v>
      </c>
      <c r="E25484" s="1" t="s">
        <v>0</v>
      </c>
    </row>
    <row r="25485" spans="1:5" ht="409.5" x14ac:dyDescent="0.25">
      <c r="A25485" s="4" t="s">
        <v>47901</v>
      </c>
      <c r="B25485" s="1" t="s">
        <v>13321</v>
      </c>
      <c r="C25485" s="1" t="s">
        <v>47902</v>
      </c>
      <c r="D25485" s="2">
        <v>178313</v>
      </c>
      <c r="E25485" s="1" t="s">
        <v>0</v>
      </c>
    </row>
    <row r="25486" spans="1:5" x14ac:dyDescent="0.25">
      <c r="A25486" s="1" t="s">
        <v>47903</v>
      </c>
      <c r="B25486" s="1" t="s">
        <v>12407</v>
      </c>
      <c r="C25486" s="1" t="s">
        <v>12408</v>
      </c>
      <c r="D25486" s="2">
        <v>178314</v>
      </c>
      <c r="E25486" s="1" t="s">
        <v>0</v>
      </c>
    </row>
    <row r="25487" spans="1:5" x14ac:dyDescent="0.25">
      <c r="A25487" s="2">
        <v>5097</v>
      </c>
      <c r="B25487" s="2">
        <v>5097</v>
      </c>
      <c r="C25487" s="1" t="s">
        <v>0</v>
      </c>
      <c r="D25487" s="2">
        <v>178315</v>
      </c>
      <c r="E25487" s="1" t="s">
        <v>0</v>
      </c>
    </row>
    <row r="25488" spans="1:5" x14ac:dyDescent="0.25">
      <c r="A25488" s="1" t="s">
        <v>4633</v>
      </c>
      <c r="B25488" s="1" t="s">
        <v>12409</v>
      </c>
      <c r="C25488" s="1" t="s">
        <v>47904</v>
      </c>
      <c r="D25488" s="2">
        <v>178316</v>
      </c>
      <c r="E25488" s="1" t="s">
        <v>0</v>
      </c>
    </row>
    <row r="25489" spans="1:5" x14ac:dyDescent="0.25">
      <c r="A25489" s="1" t="s">
        <v>47905</v>
      </c>
      <c r="B25489" s="1" t="s">
        <v>12410</v>
      </c>
      <c r="C25489" s="1" t="s">
        <v>47906</v>
      </c>
      <c r="D25489" s="2">
        <v>178317</v>
      </c>
      <c r="E25489" s="1" t="s">
        <v>0</v>
      </c>
    </row>
    <row r="25490" spans="1:5" ht="409.5" x14ac:dyDescent="0.25">
      <c r="A25490" s="4" t="s">
        <v>47907</v>
      </c>
      <c r="B25490" s="1" t="s">
        <v>58045</v>
      </c>
      <c r="C25490" s="1" t="s">
        <v>47908</v>
      </c>
      <c r="D25490" s="2">
        <v>178318</v>
      </c>
      <c r="E25490" s="1" t="s">
        <v>0</v>
      </c>
    </row>
    <row r="25491" spans="1:5" x14ac:dyDescent="0.25">
      <c r="A25491" s="1" t="s">
        <v>47909</v>
      </c>
      <c r="B25491" s="1" t="s">
        <v>56604</v>
      </c>
      <c r="C25491" s="1" t="s">
        <v>47910</v>
      </c>
      <c r="D25491" s="2">
        <v>178319</v>
      </c>
      <c r="E25491" s="1" t="s">
        <v>0</v>
      </c>
    </row>
    <row r="25492" spans="1:5" x14ac:dyDescent="0.25">
      <c r="A25492" s="2">
        <v>5098</v>
      </c>
      <c r="B25492" s="2">
        <v>5098</v>
      </c>
      <c r="C25492" s="1" t="s">
        <v>0</v>
      </c>
      <c r="D25492" s="2">
        <v>178320</v>
      </c>
      <c r="E25492" s="1" t="s">
        <v>0</v>
      </c>
    </row>
    <row r="25493" spans="1:5" x14ac:dyDescent="0.25">
      <c r="A25493" s="1" t="s">
        <v>4634</v>
      </c>
      <c r="B25493" s="1" t="s">
        <v>12411</v>
      </c>
      <c r="C25493" s="1" t="s">
        <v>47911</v>
      </c>
      <c r="D25493" s="2">
        <v>178321</v>
      </c>
      <c r="E25493" s="1" t="s">
        <v>0</v>
      </c>
    </row>
    <row r="25494" spans="1:5" x14ac:dyDescent="0.25">
      <c r="A25494" s="1" t="s">
        <v>47912</v>
      </c>
      <c r="B25494" s="1" t="s">
        <v>51104</v>
      </c>
      <c r="C25494" s="1" t="s">
        <v>47913</v>
      </c>
      <c r="D25494" s="2">
        <v>178322</v>
      </c>
      <c r="E25494" s="1" t="s">
        <v>0</v>
      </c>
    </row>
    <row r="25495" spans="1:5" ht="409.5" x14ac:dyDescent="0.25">
      <c r="A25495" s="4" t="s">
        <v>47914</v>
      </c>
      <c r="B25495" s="1" t="s">
        <v>63558</v>
      </c>
      <c r="C25495" s="1" t="s">
        <v>47915</v>
      </c>
      <c r="D25495" s="2">
        <v>178323</v>
      </c>
      <c r="E25495" s="1" t="s">
        <v>0</v>
      </c>
    </row>
    <row r="25496" spans="1:5" x14ac:dyDescent="0.25">
      <c r="A25496" s="1" t="s">
        <v>13588</v>
      </c>
      <c r="B25496" s="1" t="s">
        <v>60850</v>
      </c>
      <c r="C25496" s="1" t="s">
        <v>13589</v>
      </c>
      <c r="D25496" s="2">
        <v>178324</v>
      </c>
      <c r="E25496" s="1" t="s">
        <v>0</v>
      </c>
    </row>
    <row r="25497" spans="1:5" x14ac:dyDescent="0.25">
      <c r="A25497" s="2">
        <v>5099</v>
      </c>
      <c r="B25497" s="2">
        <v>5099</v>
      </c>
      <c r="C25497" s="1" t="s">
        <v>0</v>
      </c>
      <c r="D25497" s="2">
        <v>178325</v>
      </c>
      <c r="E25497" s="1" t="s">
        <v>0</v>
      </c>
    </row>
    <row r="25498" spans="1:5" x14ac:dyDescent="0.25">
      <c r="A25498" s="1" t="s">
        <v>4635</v>
      </c>
      <c r="B25498" s="1" t="s">
        <v>12412</v>
      </c>
      <c r="C25498" s="1" t="s">
        <v>47916</v>
      </c>
      <c r="D25498" s="2">
        <v>178326</v>
      </c>
      <c r="E25498" s="1" t="s">
        <v>0</v>
      </c>
    </row>
    <row r="25499" spans="1:5" x14ac:dyDescent="0.25">
      <c r="A25499" s="1" t="s">
        <v>47917</v>
      </c>
      <c r="B25499" s="1" t="s">
        <v>56605</v>
      </c>
      <c r="C25499" s="1" t="s">
        <v>47918</v>
      </c>
      <c r="D25499" s="2">
        <v>178327</v>
      </c>
      <c r="E25499" s="1" t="s">
        <v>0</v>
      </c>
    </row>
    <row r="25500" spans="1:5" ht="409.5" x14ac:dyDescent="0.25">
      <c r="A25500" s="4" t="s">
        <v>47919</v>
      </c>
      <c r="B25500" s="1" t="s">
        <v>56606</v>
      </c>
      <c r="C25500" s="1" t="s">
        <v>47920</v>
      </c>
      <c r="D25500" s="2">
        <v>178328</v>
      </c>
      <c r="E25500" s="1" t="s">
        <v>0</v>
      </c>
    </row>
    <row r="25501" spans="1:5" x14ac:dyDescent="0.25">
      <c r="A25501" s="1" t="s">
        <v>47921</v>
      </c>
      <c r="B25501" s="1" t="s">
        <v>12413</v>
      </c>
      <c r="C25501" s="1" t="s">
        <v>47922</v>
      </c>
      <c r="D25501" s="2">
        <v>178329</v>
      </c>
      <c r="E25501" s="1" t="s">
        <v>0</v>
      </c>
    </row>
    <row r="25502" spans="1:5" x14ac:dyDescent="0.25">
      <c r="A25502" s="2">
        <v>5100</v>
      </c>
      <c r="B25502" s="2">
        <v>5100</v>
      </c>
      <c r="C25502" s="1" t="s">
        <v>0</v>
      </c>
      <c r="D25502" s="2">
        <v>178330</v>
      </c>
      <c r="E25502" s="1" t="s">
        <v>0</v>
      </c>
    </row>
    <row r="25503" spans="1:5" x14ac:dyDescent="0.25">
      <c r="A25503" s="1" t="s">
        <v>4636</v>
      </c>
      <c r="B25503" s="1" t="s">
        <v>12414</v>
      </c>
      <c r="C25503" s="1" t="s">
        <v>47923</v>
      </c>
      <c r="D25503" s="2">
        <v>178331</v>
      </c>
      <c r="E25503" s="1" t="s">
        <v>0</v>
      </c>
    </row>
    <row r="25504" spans="1:5" x14ac:dyDescent="0.25">
      <c r="A25504" s="1" t="s">
        <v>47924</v>
      </c>
      <c r="B25504" s="1" t="s">
        <v>12415</v>
      </c>
      <c r="C25504" s="1" t="s">
        <v>47925</v>
      </c>
      <c r="D25504" s="2">
        <v>178332</v>
      </c>
      <c r="E25504" s="1" t="s">
        <v>0</v>
      </c>
    </row>
    <row r="25505" spans="1:5" ht="409.5" x14ac:dyDescent="0.25">
      <c r="A25505" s="4" t="s">
        <v>47926</v>
      </c>
      <c r="B25505" s="1" t="s">
        <v>63559</v>
      </c>
      <c r="C25505" s="1" t="s">
        <v>47927</v>
      </c>
      <c r="D25505" s="2">
        <v>178333</v>
      </c>
      <c r="E25505" s="1" t="s">
        <v>0</v>
      </c>
    </row>
    <row r="25506" spans="1:5" x14ac:dyDescent="0.25">
      <c r="A25506" s="1" t="s">
        <v>47928</v>
      </c>
      <c r="B25506" s="1" t="s">
        <v>56607</v>
      </c>
      <c r="C25506" s="1" t="s">
        <v>47929</v>
      </c>
      <c r="D25506" s="2">
        <v>178334</v>
      </c>
      <c r="E25506" s="1" t="s">
        <v>0</v>
      </c>
    </row>
    <row r="25507" spans="1:5" x14ac:dyDescent="0.25">
      <c r="A25507" s="2">
        <v>5101</v>
      </c>
      <c r="B25507" s="2">
        <v>5101</v>
      </c>
      <c r="C25507" s="1" t="s">
        <v>0</v>
      </c>
      <c r="D25507" s="2">
        <v>178335</v>
      </c>
      <c r="E25507" s="1" t="s">
        <v>0</v>
      </c>
    </row>
    <row r="25508" spans="1:5" x14ac:dyDescent="0.25">
      <c r="A25508" s="1" t="s">
        <v>4637</v>
      </c>
      <c r="B25508" s="1" t="s">
        <v>56608</v>
      </c>
      <c r="C25508" s="1" t="s">
        <v>47930</v>
      </c>
      <c r="D25508" s="2">
        <v>178336</v>
      </c>
      <c r="E25508" s="1" t="s">
        <v>0</v>
      </c>
    </row>
    <row r="25509" spans="1:5" x14ac:dyDescent="0.25">
      <c r="A25509" s="1" t="s">
        <v>47931</v>
      </c>
      <c r="B25509" s="1" t="s">
        <v>56609</v>
      </c>
      <c r="C25509" s="1" t="s">
        <v>47932</v>
      </c>
      <c r="D25509" s="2">
        <v>178337</v>
      </c>
      <c r="E25509" s="1" t="s">
        <v>0</v>
      </c>
    </row>
    <row r="25510" spans="1:5" ht="409.5" x14ac:dyDescent="0.25">
      <c r="A25510" s="4" t="s">
        <v>47933</v>
      </c>
      <c r="B25510" s="1" t="s">
        <v>60333</v>
      </c>
      <c r="C25510" s="1" t="s">
        <v>47934</v>
      </c>
      <c r="D25510" s="2">
        <v>178338</v>
      </c>
      <c r="E25510" s="1" t="s">
        <v>0</v>
      </c>
    </row>
    <row r="25511" spans="1:5" x14ac:dyDescent="0.25">
      <c r="A25511" s="1" t="s">
        <v>47935</v>
      </c>
      <c r="B25511" s="1" t="s">
        <v>60334</v>
      </c>
      <c r="C25511" s="1" t="s">
        <v>47936</v>
      </c>
      <c r="D25511" s="2">
        <v>178339</v>
      </c>
      <c r="E25511" s="1" t="s">
        <v>0</v>
      </c>
    </row>
    <row r="25512" spans="1:5" x14ac:dyDescent="0.25">
      <c r="A25512" s="2">
        <v>5102</v>
      </c>
      <c r="B25512" s="2">
        <v>5102</v>
      </c>
      <c r="C25512" s="1" t="s">
        <v>0</v>
      </c>
      <c r="D25512" s="2">
        <v>178340</v>
      </c>
      <c r="E25512" s="1" t="s">
        <v>0</v>
      </c>
    </row>
    <row r="25513" spans="1:5" x14ac:dyDescent="0.25">
      <c r="A25513" s="1" t="s">
        <v>4638</v>
      </c>
      <c r="B25513" s="1" t="s">
        <v>12416</v>
      </c>
      <c r="C25513" s="1" t="s">
        <v>47937</v>
      </c>
      <c r="D25513" s="2">
        <v>178341</v>
      </c>
      <c r="E25513" s="1" t="s">
        <v>0</v>
      </c>
    </row>
    <row r="25514" spans="1:5" x14ac:dyDescent="0.25">
      <c r="A25514" s="1" t="s">
        <v>47938</v>
      </c>
      <c r="B25514" s="1" t="s">
        <v>12417</v>
      </c>
      <c r="C25514" s="1" t="s">
        <v>47939</v>
      </c>
      <c r="D25514" s="2">
        <v>178342</v>
      </c>
      <c r="E25514" s="1" t="s">
        <v>0</v>
      </c>
    </row>
    <row r="25515" spans="1:5" ht="409.5" x14ac:dyDescent="0.25">
      <c r="A25515" s="4" t="s">
        <v>47940</v>
      </c>
      <c r="B25515" s="1" t="s">
        <v>60677</v>
      </c>
      <c r="C25515" s="1" t="s">
        <v>47941</v>
      </c>
      <c r="D25515" s="2">
        <v>178343</v>
      </c>
      <c r="E25515" s="1" t="s">
        <v>0</v>
      </c>
    </row>
    <row r="25516" spans="1:5" x14ac:dyDescent="0.25">
      <c r="A25516" s="1" t="s">
        <v>47942</v>
      </c>
      <c r="B25516" s="1" t="s">
        <v>12418</v>
      </c>
      <c r="C25516" s="1" t="s">
        <v>47943</v>
      </c>
      <c r="D25516" s="2">
        <v>178344</v>
      </c>
      <c r="E25516" s="1" t="s">
        <v>0</v>
      </c>
    </row>
    <row r="25517" spans="1:5" x14ac:dyDescent="0.25">
      <c r="A25517" s="2">
        <v>5103</v>
      </c>
      <c r="B25517" s="2">
        <v>5103</v>
      </c>
      <c r="C25517" s="1" t="s">
        <v>0</v>
      </c>
      <c r="D25517" s="2">
        <v>178345</v>
      </c>
      <c r="E25517" s="1" t="s">
        <v>0</v>
      </c>
    </row>
    <row r="25518" spans="1:5" x14ac:dyDescent="0.25">
      <c r="A25518" s="1" t="s">
        <v>4639</v>
      </c>
      <c r="B25518" s="1" t="s">
        <v>56610</v>
      </c>
      <c r="C25518" s="1" t="s">
        <v>47944</v>
      </c>
      <c r="D25518" s="2">
        <v>178346</v>
      </c>
      <c r="E25518" s="1" t="s">
        <v>0</v>
      </c>
    </row>
    <row r="25519" spans="1:5" x14ac:dyDescent="0.25">
      <c r="A25519" s="1" t="s">
        <v>47945</v>
      </c>
      <c r="B25519" s="1" t="s">
        <v>56611</v>
      </c>
      <c r="C25519" s="1" t="s">
        <v>47946</v>
      </c>
      <c r="D25519" s="2">
        <v>178347</v>
      </c>
      <c r="E25519" s="1" t="s">
        <v>0</v>
      </c>
    </row>
    <row r="25520" spans="1:5" ht="409.5" x14ac:dyDescent="0.25">
      <c r="A25520" s="4" t="s">
        <v>47947</v>
      </c>
      <c r="B25520" s="1" t="s">
        <v>60335</v>
      </c>
      <c r="C25520" s="1" t="s">
        <v>47948</v>
      </c>
      <c r="D25520" s="2">
        <v>178348</v>
      </c>
      <c r="E25520" s="1" t="s">
        <v>0</v>
      </c>
    </row>
    <row r="25521" spans="1:5" x14ac:dyDescent="0.25">
      <c r="A25521" s="1" t="s">
        <v>13413</v>
      </c>
      <c r="B25521" s="1" t="s">
        <v>60845</v>
      </c>
      <c r="C25521" s="1" t="s">
        <v>13414</v>
      </c>
      <c r="D25521" s="2">
        <v>178349</v>
      </c>
      <c r="E25521" s="1" t="s">
        <v>0</v>
      </c>
    </row>
    <row r="25522" spans="1:5" x14ac:dyDescent="0.25">
      <c r="A25522" s="2">
        <v>5104</v>
      </c>
      <c r="B25522" s="2">
        <v>5104</v>
      </c>
      <c r="C25522" s="1" t="s">
        <v>0</v>
      </c>
      <c r="D25522" s="2">
        <v>178350</v>
      </c>
      <c r="E25522" s="1" t="s">
        <v>0</v>
      </c>
    </row>
    <row r="25523" spans="1:5" x14ac:dyDescent="0.25">
      <c r="A25523" s="1" t="s">
        <v>4640</v>
      </c>
      <c r="B25523" s="1" t="s">
        <v>12419</v>
      </c>
      <c r="C25523" s="1" t="s">
        <v>47949</v>
      </c>
      <c r="D25523" s="2">
        <v>178351</v>
      </c>
      <c r="E25523" s="1" t="s">
        <v>0</v>
      </c>
    </row>
    <row r="25524" spans="1:5" x14ac:dyDescent="0.25">
      <c r="A25524" s="1" t="s">
        <v>47950</v>
      </c>
      <c r="B25524" s="1" t="s">
        <v>56612</v>
      </c>
      <c r="C25524" s="1" t="s">
        <v>47951</v>
      </c>
      <c r="D25524" s="2">
        <v>178352</v>
      </c>
      <c r="E25524" s="1" t="s">
        <v>0</v>
      </c>
    </row>
    <row r="25525" spans="1:5" ht="409.5" x14ac:dyDescent="0.25">
      <c r="A25525" s="4" t="s">
        <v>47952</v>
      </c>
      <c r="B25525" s="1" t="s">
        <v>63560</v>
      </c>
      <c r="C25525" s="1" t="s">
        <v>47953</v>
      </c>
      <c r="D25525" s="2">
        <v>178353</v>
      </c>
      <c r="E25525" s="1" t="s">
        <v>0</v>
      </c>
    </row>
    <row r="25526" spans="1:5" x14ac:dyDescent="0.25">
      <c r="A25526" s="1" t="s">
        <v>47954</v>
      </c>
      <c r="B25526" s="1" t="s">
        <v>12420</v>
      </c>
      <c r="C25526" s="1" t="s">
        <v>47955</v>
      </c>
      <c r="D25526" s="2">
        <v>178354</v>
      </c>
      <c r="E25526" s="1" t="s">
        <v>0</v>
      </c>
    </row>
    <row r="25527" spans="1:5" x14ac:dyDescent="0.25">
      <c r="A25527" s="2">
        <v>5105</v>
      </c>
      <c r="B25527" s="2">
        <v>5105</v>
      </c>
      <c r="C25527" s="1" t="s">
        <v>0</v>
      </c>
      <c r="D25527" s="2">
        <v>178355</v>
      </c>
      <c r="E25527" s="1" t="s">
        <v>0</v>
      </c>
    </row>
    <row r="25528" spans="1:5" x14ac:dyDescent="0.25">
      <c r="A25528" s="1" t="s">
        <v>4641</v>
      </c>
      <c r="B25528" s="1" t="s">
        <v>12421</v>
      </c>
      <c r="C25528" s="1" t="s">
        <v>47956</v>
      </c>
      <c r="D25528" s="2">
        <v>178356</v>
      </c>
      <c r="E25528" s="1" t="s">
        <v>0</v>
      </c>
    </row>
    <row r="25529" spans="1:5" x14ac:dyDescent="0.25">
      <c r="A25529" s="1" t="s">
        <v>47957</v>
      </c>
      <c r="B25529" s="1" t="s">
        <v>47958</v>
      </c>
      <c r="C25529" s="1" t="s">
        <v>47959</v>
      </c>
      <c r="D25529" s="2">
        <v>178357</v>
      </c>
      <c r="E25529" s="1" t="s">
        <v>0</v>
      </c>
    </row>
    <row r="25530" spans="1:5" ht="409.5" x14ac:dyDescent="0.25">
      <c r="A25530" s="4" t="s">
        <v>47960</v>
      </c>
      <c r="B25530" s="1" t="s">
        <v>57658</v>
      </c>
      <c r="C25530" s="1" t="s">
        <v>47961</v>
      </c>
      <c r="D25530" s="2">
        <v>178358</v>
      </c>
      <c r="E25530" s="1" t="s">
        <v>0</v>
      </c>
    </row>
    <row r="25531" spans="1:5" x14ac:dyDescent="0.25">
      <c r="A25531" s="1" t="s">
        <v>42363</v>
      </c>
      <c r="B25531" s="1" t="s">
        <v>55718</v>
      </c>
      <c r="C25531" s="1" t="s">
        <v>42364</v>
      </c>
      <c r="D25531" s="2">
        <v>178359</v>
      </c>
      <c r="E25531" s="1" t="s">
        <v>0</v>
      </c>
    </row>
    <row r="25532" spans="1:5" x14ac:dyDescent="0.25">
      <c r="A25532" s="2">
        <v>5106</v>
      </c>
      <c r="B25532" s="2">
        <v>5106</v>
      </c>
      <c r="C25532" s="1" t="s">
        <v>0</v>
      </c>
      <c r="D25532" s="2">
        <v>178360</v>
      </c>
      <c r="E25532" s="1" t="s">
        <v>0</v>
      </c>
    </row>
    <row r="25533" spans="1:5" x14ac:dyDescent="0.25">
      <c r="A25533" s="1" t="s">
        <v>4642</v>
      </c>
      <c r="B25533" s="1" t="s">
        <v>12422</v>
      </c>
      <c r="C25533" s="1" t="s">
        <v>47962</v>
      </c>
      <c r="D25533" s="2">
        <v>178361</v>
      </c>
      <c r="E25533" s="1" t="s">
        <v>0</v>
      </c>
    </row>
    <row r="25534" spans="1:5" x14ac:dyDescent="0.25">
      <c r="A25534" s="1" t="s">
        <v>47963</v>
      </c>
      <c r="B25534" s="1" t="s">
        <v>59702</v>
      </c>
      <c r="C25534" s="1" t="s">
        <v>47964</v>
      </c>
      <c r="D25534" s="2">
        <v>178362</v>
      </c>
      <c r="E25534" s="1" t="s">
        <v>0</v>
      </c>
    </row>
    <row r="25535" spans="1:5" ht="409.5" x14ac:dyDescent="0.25">
      <c r="A25535" s="4" t="s">
        <v>47965</v>
      </c>
      <c r="B25535" s="1" t="s">
        <v>59703</v>
      </c>
      <c r="C25535" s="1" t="s">
        <v>47966</v>
      </c>
      <c r="D25535" s="2">
        <v>178363</v>
      </c>
      <c r="E25535" s="1" t="s">
        <v>0</v>
      </c>
    </row>
    <row r="25536" spans="1:5" x14ac:dyDescent="0.25">
      <c r="A25536" s="1" t="s">
        <v>47967</v>
      </c>
      <c r="B25536" s="1" t="s">
        <v>12423</v>
      </c>
      <c r="C25536" s="1" t="s">
        <v>47968</v>
      </c>
      <c r="D25536" s="2">
        <v>178364</v>
      </c>
      <c r="E25536" s="1" t="s">
        <v>0</v>
      </c>
    </row>
    <row r="25537" spans="1:5" x14ac:dyDescent="0.25">
      <c r="A25537" s="2">
        <v>5107</v>
      </c>
      <c r="B25537" s="2">
        <v>5107</v>
      </c>
      <c r="C25537" s="1" t="s">
        <v>0</v>
      </c>
      <c r="D25537" s="2">
        <v>178365</v>
      </c>
      <c r="E25537" s="1" t="s">
        <v>0</v>
      </c>
    </row>
    <row r="25538" spans="1:5" x14ac:dyDescent="0.25">
      <c r="A25538" s="1" t="s">
        <v>4643</v>
      </c>
      <c r="B25538" s="1" t="s">
        <v>12424</v>
      </c>
      <c r="C25538" s="1" t="s">
        <v>47969</v>
      </c>
      <c r="D25538" s="2">
        <v>178366</v>
      </c>
      <c r="E25538" s="1" t="s">
        <v>0</v>
      </c>
    </row>
    <row r="25539" spans="1:5" x14ac:dyDescent="0.25">
      <c r="A25539" s="1" t="s">
        <v>47970</v>
      </c>
      <c r="B25539" s="1" t="s">
        <v>58882</v>
      </c>
      <c r="C25539" s="1" t="s">
        <v>47971</v>
      </c>
      <c r="D25539" s="2">
        <v>178367</v>
      </c>
      <c r="E25539" s="1" t="s">
        <v>0</v>
      </c>
    </row>
    <row r="25540" spans="1:5" ht="409.5" x14ac:dyDescent="0.25">
      <c r="A25540" s="4" t="s">
        <v>47972</v>
      </c>
      <c r="B25540" s="1" t="s">
        <v>58883</v>
      </c>
      <c r="C25540" s="1" t="s">
        <v>47973</v>
      </c>
      <c r="D25540" s="2">
        <v>178368</v>
      </c>
      <c r="E25540" s="1" t="s">
        <v>0</v>
      </c>
    </row>
    <row r="25541" spans="1:5" x14ac:dyDescent="0.25">
      <c r="A25541" s="1" t="s">
        <v>47974</v>
      </c>
      <c r="B25541" s="1" t="s">
        <v>12425</v>
      </c>
      <c r="C25541" s="1" t="s">
        <v>47975</v>
      </c>
      <c r="D25541" s="2">
        <v>178369</v>
      </c>
      <c r="E25541" s="1" t="s">
        <v>0</v>
      </c>
    </row>
    <row r="25542" spans="1:5" x14ac:dyDescent="0.25">
      <c r="A25542" s="2">
        <v>5108</v>
      </c>
      <c r="B25542" s="2">
        <v>5108</v>
      </c>
      <c r="C25542" s="1" t="s">
        <v>0</v>
      </c>
      <c r="D25542" s="2">
        <v>178370</v>
      </c>
      <c r="E25542" s="1" t="s">
        <v>0</v>
      </c>
    </row>
    <row r="25543" spans="1:5" x14ac:dyDescent="0.25">
      <c r="A25543" s="1" t="s">
        <v>12426</v>
      </c>
      <c r="B25543" s="1" t="s">
        <v>12427</v>
      </c>
      <c r="C25543" s="1" t="s">
        <v>47976</v>
      </c>
      <c r="D25543" s="2">
        <v>178371</v>
      </c>
      <c r="E25543" s="1" t="s">
        <v>0</v>
      </c>
    </row>
    <row r="25544" spans="1:5" x14ac:dyDescent="0.25">
      <c r="A25544" s="1" t="s">
        <v>47977</v>
      </c>
      <c r="B25544" s="1" t="s">
        <v>56613</v>
      </c>
      <c r="C25544" s="1" t="s">
        <v>47978</v>
      </c>
      <c r="D25544" s="2">
        <v>178372</v>
      </c>
      <c r="E25544" s="1" t="s">
        <v>0</v>
      </c>
    </row>
    <row r="25545" spans="1:5" ht="409.5" x14ac:dyDescent="0.25">
      <c r="A25545" s="4" t="s">
        <v>47979</v>
      </c>
      <c r="B25545" s="1" t="s">
        <v>61435</v>
      </c>
      <c r="C25545" s="1" t="s">
        <v>47980</v>
      </c>
      <c r="D25545" s="2">
        <v>178373</v>
      </c>
      <c r="E25545" s="1" t="s">
        <v>0</v>
      </c>
    </row>
    <row r="25546" spans="1:5" x14ac:dyDescent="0.25">
      <c r="A25546" s="1" t="s">
        <v>19132</v>
      </c>
      <c r="B25546" s="1" t="s">
        <v>60955</v>
      </c>
      <c r="C25546" s="1" t="s">
        <v>19133</v>
      </c>
      <c r="D25546" s="2">
        <v>178374</v>
      </c>
      <c r="E25546" s="1" t="s">
        <v>0</v>
      </c>
    </row>
    <row r="25547" spans="1:5" x14ac:dyDescent="0.25">
      <c r="A25547" s="2">
        <v>5109</v>
      </c>
      <c r="B25547" s="2">
        <v>5109</v>
      </c>
      <c r="C25547" s="1" t="s">
        <v>0</v>
      </c>
      <c r="D25547" s="2">
        <v>178375</v>
      </c>
      <c r="E25547" s="1" t="s">
        <v>0</v>
      </c>
    </row>
    <row r="25548" spans="1:5" x14ac:dyDescent="0.25">
      <c r="A25548" s="1" t="s">
        <v>4644</v>
      </c>
      <c r="B25548" s="1" t="s">
        <v>12428</v>
      </c>
      <c r="C25548" s="1" t="s">
        <v>47981</v>
      </c>
      <c r="D25548" s="2">
        <v>178376</v>
      </c>
      <c r="E25548" s="1" t="s">
        <v>0</v>
      </c>
    </row>
    <row r="25549" spans="1:5" x14ac:dyDescent="0.25">
      <c r="A25549" s="1" t="s">
        <v>47982</v>
      </c>
      <c r="B25549" s="1" t="s">
        <v>56614</v>
      </c>
      <c r="C25549" s="1" t="s">
        <v>47983</v>
      </c>
      <c r="D25549" s="2">
        <v>178377</v>
      </c>
      <c r="E25549" s="1" t="s">
        <v>0</v>
      </c>
    </row>
    <row r="25550" spans="1:5" ht="409.5" x14ac:dyDescent="0.25">
      <c r="A25550" s="4" t="s">
        <v>47984</v>
      </c>
      <c r="B25550" s="1" t="s">
        <v>56615</v>
      </c>
      <c r="C25550" s="1" t="s">
        <v>47985</v>
      </c>
      <c r="D25550" s="2">
        <v>178378</v>
      </c>
      <c r="E25550" s="1" t="s">
        <v>0</v>
      </c>
    </row>
    <row r="25551" spans="1:5" x14ac:dyDescent="0.25">
      <c r="A25551" s="1" t="s">
        <v>47986</v>
      </c>
      <c r="B25551" s="1" t="s">
        <v>56616</v>
      </c>
      <c r="C25551" s="1" t="s">
        <v>47987</v>
      </c>
      <c r="D25551" s="2">
        <v>178379</v>
      </c>
      <c r="E25551" s="1" t="s">
        <v>0</v>
      </c>
    </row>
    <row r="25552" spans="1:5" x14ac:dyDescent="0.25">
      <c r="A25552" s="2">
        <v>5110</v>
      </c>
      <c r="B25552" s="2">
        <v>5110</v>
      </c>
      <c r="C25552" s="1" t="s">
        <v>0</v>
      </c>
      <c r="D25552" s="2">
        <v>178380</v>
      </c>
      <c r="E25552" s="1" t="s">
        <v>0</v>
      </c>
    </row>
    <row r="25553" spans="1:5" x14ac:dyDescent="0.25">
      <c r="A25553" s="1" t="s">
        <v>4645</v>
      </c>
      <c r="B25553" s="1" t="s">
        <v>12429</v>
      </c>
      <c r="C25553" s="1" t="s">
        <v>47988</v>
      </c>
      <c r="D25553" s="2">
        <v>178381</v>
      </c>
      <c r="E25553" s="1" t="s">
        <v>0</v>
      </c>
    </row>
    <row r="25554" spans="1:5" x14ac:dyDescent="0.25">
      <c r="A25554" s="1" t="s">
        <v>47989</v>
      </c>
      <c r="B25554" s="1" t="s">
        <v>56617</v>
      </c>
      <c r="C25554" s="1" t="s">
        <v>47990</v>
      </c>
      <c r="D25554" s="2">
        <v>178382</v>
      </c>
      <c r="E25554" s="1" t="s">
        <v>0</v>
      </c>
    </row>
    <row r="25555" spans="1:5" ht="409.5" x14ac:dyDescent="0.25">
      <c r="A25555" s="4" t="s">
        <v>47991</v>
      </c>
      <c r="B25555" s="1" t="s">
        <v>56618</v>
      </c>
      <c r="C25555" s="1" t="s">
        <v>47992</v>
      </c>
      <c r="D25555" s="2">
        <v>178383</v>
      </c>
      <c r="E25555" s="1" t="s">
        <v>0</v>
      </c>
    </row>
    <row r="25556" spans="1:5" x14ac:dyDescent="0.25">
      <c r="A25556" s="1" t="s">
        <v>13413</v>
      </c>
      <c r="B25556" s="1" t="s">
        <v>60845</v>
      </c>
      <c r="C25556" s="1" t="s">
        <v>13414</v>
      </c>
      <c r="D25556" s="2">
        <v>178384</v>
      </c>
      <c r="E25556" s="1" t="s">
        <v>0</v>
      </c>
    </row>
    <row r="25557" spans="1:5" x14ac:dyDescent="0.25">
      <c r="A25557" s="2">
        <v>5111</v>
      </c>
      <c r="B25557" s="2">
        <v>5111</v>
      </c>
      <c r="C25557" s="1" t="s">
        <v>0</v>
      </c>
      <c r="D25557" s="2">
        <v>178385</v>
      </c>
      <c r="E25557" s="1" t="s">
        <v>0</v>
      </c>
    </row>
    <row r="25558" spans="1:5" x14ac:dyDescent="0.25">
      <c r="A25558" s="1" t="s">
        <v>12430</v>
      </c>
      <c r="B25558" s="1" t="s">
        <v>12431</v>
      </c>
      <c r="C25558" s="1" t="s">
        <v>47993</v>
      </c>
      <c r="D25558" s="2">
        <v>178386</v>
      </c>
      <c r="E25558" s="1" t="s">
        <v>0</v>
      </c>
    </row>
    <row r="25559" spans="1:5" x14ac:dyDescent="0.25">
      <c r="A25559" s="1" t="s">
        <v>47994</v>
      </c>
      <c r="B25559" s="1" t="s">
        <v>12432</v>
      </c>
      <c r="C25559" s="1" t="s">
        <v>47995</v>
      </c>
      <c r="D25559" s="2">
        <v>178387</v>
      </c>
      <c r="E25559" s="1" t="s">
        <v>0</v>
      </c>
    </row>
    <row r="25560" spans="1:5" ht="409.5" x14ac:dyDescent="0.25">
      <c r="A25560" s="4" t="s">
        <v>47996</v>
      </c>
      <c r="B25560" s="1" t="s">
        <v>56619</v>
      </c>
      <c r="C25560" s="1" t="s">
        <v>47997</v>
      </c>
      <c r="D25560" s="2">
        <v>178388</v>
      </c>
      <c r="E25560" s="1" t="s">
        <v>0</v>
      </c>
    </row>
    <row r="25561" spans="1:5" x14ac:dyDescent="0.25">
      <c r="A25561" s="1" t="s">
        <v>47998</v>
      </c>
      <c r="B25561" s="1" t="s">
        <v>12433</v>
      </c>
      <c r="C25561" s="1" t="s">
        <v>47999</v>
      </c>
      <c r="D25561" s="2">
        <v>178389</v>
      </c>
      <c r="E25561" s="1" t="s">
        <v>0</v>
      </c>
    </row>
    <row r="25562" spans="1:5" x14ac:dyDescent="0.25">
      <c r="A25562" s="2">
        <v>5112</v>
      </c>
      <c r="B25562" s="2">
        <v>5112</v>
      </c>
      <c r="C25562" s="1" t="s">
        <v>0</v>
      </c>
      <c r="D25562" s="2">
        <v>178390</v>
      </c>
      <c r="E25562" s="1" t="s">
        <v>0</v>
      </c>
    </row>
    <row r="25563" spans="1:5" x14ac:dyDescent="0.25">
      <c r="A25563" s="1" t="s">
        <v>4646</v>
      </c>
      <c r="B25563" s="1" t="s">
        <v>12434</v>
      </c>
      <c r="C25563" s="1" t="s">
        <v>48000</v>
      </c>
      <c r="D25563" s="2">
        <v>178391</v>
      </c>
      <c r="E25563" s="1" t="s">
        <v>0</v>
      </c>
    </row>
    <row r="25564" spans="1:5" x14ac:dyDescent="0.25">
      <c r="A25564" s="1" t="s">
        <v>48001</v>
      </c>
      <c r="B25564" s="1" t="s">
        <v>12435</v>
      </c>
      <c r="C25564" s="1" t="s">
        <v>48002</v>
      </c>
      <c r="D25564" s="2">
        <v>178392</v>
      </c>
      <c r="E25564" s="1" t="s">
        <v>0</v>
      </c>
    </row>
    <row r="25565" spans="1:5" ht="409.5" x14ac:dyDescent="0.25">
      <c r="A25565" s="4" t="s">
        <v>48003</v>
      </c>
      <c r="B25565" s="1" t="s">
        <v>57687</v>
      </c>
      <c r="C25565" s="1" t="s">
        <v>48004</v>
      </c>
      <c r="D25565" s="2">
        <v>178393</v>
      </c>
      <c r="E25565" s="1" t="s">
        <v>0</v>
      </c>
    </row>
    <row r="25566" spans="1:5" x14ac:dyDescent="0.25">
      <c r="A25566" s="1" t="s">
        <v>48005</v>
      </c>
      <c r="B25566" s="1" t="s">
        <v>12436</v>
      </c>
      <c r="C25566" s="1" t="s">
        <v>48006</v>
      </c>
      <c r="D25566" s="2">
        <v>178394</v>
      </c>
      <c r="E25566" s="1" t="s">
        <v>0</v>
      </c>
    </row>
    <row r="25567" spans="1:5" x14ac:dyDescent="0.25">
      <c r="A25567" s="2">
        <v>5113</v>
      </c>
      <c r="B25567" s="2">
        <v>5113</v>
      </c>
      <c r="C25567" s="1" t="s">
        <v>0</v>
      </c>
      <c r="D25567" s="2">
        <v>178395</v>
      </c>
      <c r="E25567" s="1" t="s">
        <v>0</v>
      </c>
    </row>
    <row r="25568" spans="1:5" x14ac:dyDescent="0.25">
      <c r="A25568" s="1" t="s">
        <v>12437</v>
      </c>
      <c r="B25568" s="1" t="s">
        <v>57100</v>
      </c>
      <c r="C25568" s="1" t="s">
        <v>48007</v>
      </c>
      <c r="D25568" s="2">
        <v>178396</v>
      </c>
      <c r="E25568" s="1" t="s">
        <v>0</v>
      </c>
    </row>
    <row r="25569" spans="1:5" x14ac:dyDescent="0.25">
      <c r="A25569" s="1" t="s">
        <v>48008</v>
      </c>
      <c r="B25569" s="1" t="s">
        <v>61436</v>
      </c>
      <c r="C25569" s="1" t="s">
        <v>48009</v>
      </c>
      <c r="D25569" s="2">
        <v>178397</v>
      </c>
      <c r="E25569" s="1" t="s">
        <v>0</v>
      </c>
    </row>
    <row r="25570" spans="1:5" ht="409.5" x14ac:dyDescent="0.25">
      <c r="A25570" s="4" t="s">
        <v>48010</v>
      </c>
      <c r="B25570" s="1" t="s">
        <v>61437</v>
      </c>
      <c r="C25570" s="1" t="s">
        <v>48011</v>
      </c>
      <c r="D25570" s="2">
        <v>178398</v>
      </c>
      <c r="E25570" s="1" t="s">
        <v>0</v>
      </c>
    </row>
    <row r="25571" spans="1:5" x14ac:dyDescent="0.25">
      <c r="A25571" s="1" t="s">
        <v>48012</v>
      </c>
      <c r="B25571" s="1" t="s">
        <v>61438</v>
      </c>
      <c r="C25571" s="1" t="s">
        <v>48013</v>
      </c>
      <c r="D25571" s="2">
        <v>178399</v>
      </c>
      <c r="E25571" s="1" t="s">
        <v>0</v>
      </c>
    </row>
    <row r="25572" spans="1:5" x14ac:dyDescent="0.25">
      <c r="A25572" s="2">
        <v>5114</v>
      </c>
      <c r="B25572" s="2">
        <v>5114</v>
      </c>
      <c r="C25572" s="1" t="s">
        <v>0</v>
      </c>
      <c r="D25572" s="2">
        <v>178400</v>
      </c>
      <c r="E25572" s="1" t="s">
        <v>0</v>
      </c>
    </row>
    <row r="25573" spans="1:5" x14ac:dyDescent="0.25">
      <c r="A25573" s="1" t="s">
        <v>4647</v>
      </c>
      <c r="B25573" s="1" t="s">
        <v>12438</v>
      </c>
      <c r="C25573" s="1" t="s">
        <v>48014</v>
      </c>
      <c r="D25573" s="2">
        <v>178401</v>
      </c>
      <c r="E25573" s="1" t="s">
        <v>0</v>
      </c>
    </row>
    <row r="25574" spans="1:5" x14ac:dyDescent="0.25">
      <c r="A25574" s="1" t="s">
        <v>48015</v>
      </c>
      <c r="B25574" s="1" t="s">
        <v>51105</v>
      </c>
      <c r="C25574" s="1" t="s">
        <v>48016</v>
      </c>
      <c r="D25574" s="2">
        <v>178402</v>
      </c>
      <c r="E25574" s="1" t="s">
        <v>0</v>
      </c>
    </row>
    <row r="25575" spans="1:5" ht="409.5" x14ac:dyDescent="0.25">
      <c r="A25575" s="4" t="s">
        <v>48017</v>
      </c>
      <c r="B25575" s="1" t="s">
        <v>51106</v>
      </c>
      <c r="C25575" s="1" t="s">
        <v>48018</v>
      </c>
      <c r="D25575" s="2">
        <v>178403</v>
      </c>
      <c r="E25575" s="1" t="s">
        <v>0</v>
      </c>
    </row>
    <row r="25576" spans="1:5" x14ac:dyDescent="0.25">
      <c r="A25576" s="1" t="s">
        <v>48019</v>
      </c>
      <c r="B25576" s="1" t="s">
        <v>56620</v>
      </c>
      <c r="C25576" s="1" t="s">
        <v>48020</v>
      </c>
      <c r="D25576" s="2">
        <v>178404</v>
      </c>
      <c r="E25576" s="1" t="s">
        <v>0</v>
      </c>
    </row>
    <row r="25577" spans="1:5" x14ac:dyDescent="0.25">
      <c r="A25577" s="2">
        <v>5115</v>
      </c>
      <c r="B25577" s="2">
        <v>5115</v>
      </c>
      <c r="C25577" s="1" t="s">
        <v>0</v>
      </c>
      <c r="D25577" s="2">
        <v>178405</v>
      </c>
      <c r="E25577" s="1" t="s">
        <v>0</v>
      </c>
    </row>
    <row r="25578" spans="1:5" x14ac:dyDescent="0.25">
      <c r="A25578" s="1" t="s">
        <v>4648</v>
      </c>
      <c r="B25578" s="1" t="s">
        <v>12439</v>
      </c>
      <c r="C25578" s="1" t="s">
        <v>48021</v>
      </c>
      <c r="D25578" s="2">
        <v>178406</v>
      </c>
      <c r="E25578" s="1" t="s">
        <v>0</v>
      </c>
    </row>
    <row r="25579" spans="1:5" x14ac:dyDescent="0.25">
      <c r="A25579" s="1" t="s">
        <v>48022</v>
      </c>
      <c r="B25579" s="1" t="s">
        <v>12440</v>
      </c>
      <c r="C25579" s="1" t="s">
        <v>48023</v>
      </c>
      <c r="D25579" s="2">
        <v>178407</v>
      </c>
      <c r="E25579" s="1" t="s">
        <v>0</v>
      </c>
    </row>
    <row r="25580" spans="1:5" ht="409.5" x14ac:dyDescent="0.25">
      <c r="A25580" s="4" t="s">
        <v>48024</v>
      </c>
      <c r="B25580" s="1" t="s">
        <v>58046</v>
      </c>
      <c r="C25580" s="1" t="s">
        <v>48025</v>
      </c>
      <c r="D25580" s="2">
        <v>178408</v>
      </c>
      <c r="E25580" s="1" t="s">
        <v>0</v>
      </c>
    </row>
    <row r="25581" spans="1:5" x14ac:dyDescent="0.25">
      <c r="A25581" s="1" t="s">
        <v>48026</v>
      </c>
      <c r="B25581" s="1" t="s">
        <v>12441</v>
      </c>
      <c r="C25581" s="1" t="s">
        <v>48027</v>
      </c>
      <c r="D25581" s="2">
        <v>178409</v>
      </c>
      <c r="E25581" s="1" t="s">
        <v>0</v>
      </c>
    </row>
    <row r="25582" spans="1:5" x14ac:dyDescent="0.25">
      <c r="A25582" s="2">
        <v>5116</v>
      </c>
      <c r="B25582" s="2">
        <v>5116</v>
      </c>
      <c r="C25582" s="1" t="s">
        <v>0</v>
      </c>
      <c r="D25582" s="2">
        <v>178410</v>
      </c>
      <c r="E25582" s="1" t="s">
        <v>0</v>
      </c>
    </row>
    <row r="25583" spans="1:5" x14ac:dyDescent="0.25">
      <c r="A25583" s="1" t="s">
        <v>4649</v>
      </c>
      <c r="B25583" s="1" t="s">
        <v>12442</v>
      </c>
      <c r="C25583" s="1" t="s">
        <v>48028</v>
      </c>
      <c r="D25583" s="2">
        <v>178411</v>
      </c>
      <c r="E25583" s="1" t="s">
        <v>0</v>
      </c>
    </row>
    <row r="25584" spans="1:5" x14ac:dyDescent="0.25">
      <c r="A25584" s="1" t="s">
        <v>48029</v>
      </c>
      <c r="B25584" s="1" t="s">
        <v>56621</v>
      </c>
      <c r="C25584" s="1" t="s">
        <v>48030</v>
      </c>
      <c r="D25584" s="2">
        <v>178412</v>
      </c>
      <c r="E25584" s="1" t="s">
        <v>0</v>
      </c>
    </row>
    <row r="25585" spans="1:5" ht="409.5" x14ac:dyDescent="0.25">
      <c r="A25585" s="4" t="s">
        <v>48031</v>
      </c>
      <c r="B25585" s="1" t="s">
        <v>56622</v>
      </c>
      <c r="C25585" s="1" t="s">
        <v>48032</v>
      </c>
      <c r="D25585" s="2">
        <v>178413</v>
      </c>
      <c r="E25585" s="1" t="s">
        <v>0</v>
      </c>
    </row>
    <row r="25586" spans="1:5" x14ac:dyDescent="0.25">
      <c r="A25586" s="1" t="s">
        <v>48033</v>
      </c>
      <c r="B25586" s="1" t="s">
        <v>56623</v>
      </c>
      <c r="C25586" s="1" t="s">
        <v>48034</v>
      </c>
      <c r="D25586" s="2">
        <v>178414</v>
      </c>
      <c r="E25586" s="1" t="s">
        <v>0</v>
      </c>
    </row>
    <row r="25587" spans="1:5" x14ac:dyDescent="0.25">
      <c r="A25587" s="2">
        <v>5117</v>
      </c>
      <c r="B25587" s="2">
        <v>5117</v>
      </c>
      <c r="C25587" s="1" t="s">
        <v>0</v>
      </c>
      <c r="D25587" s="2">
        <v>178415</v>
      </c>
      <c r="E25587" s="1" t="s">
        <v>0</v>
      </c>
    </row>
    <row r="25588" spans="1:5" x14ac:dyDescent="0.25">
      <c r="A25588" s="1" t="s">
        <v>4650</v>
      </c>
      <c r="B25588" s="1" t="s">
        <v>60336</v>
      </c>
      <c r="C25588" s="1" t="s">
        <v>48035</v>
      </c>
      <c r="D25588" s="2">
        <v>178416</v>
      </c>
      <c r="E25588" s="1" t="s">
        <v>0</v>
      </c>
    </row>
    <row r="25589" spans="1:5" x14ac:dyDescent="0.25">
      <c r="A25589" s="1" t="s">
        <v>48036</v>
      </c>
      <c r="B25589" s="1" t="s">
        <v>56624</v>
      </c>
      <c r="C25589" s="1" t="s">
        <v>48037</v>
      </c>
      <c r="D25589" s="2">
        <v>178417</v>
      </c>
      <c r="E25589" s="1" t="s">
        <v>0</v>
      </c>
    </row>
    <row r="25590" spans="1:5" ht="409.5" x14ac:dyDescent="0.25">
      <c r="A25590" s="4" t="s">
        <v>48038</v>
      </c>
      <c r="B25590" s="1" t="s">
        <v>58655</v>
      </c>
      <c r="C25590" s="1" t="s">
        <v>48039</v>
      </c>
      <c r="D25590" s="2">
        <v>178418</v>
      </c>
      <c r="E25590" s="1" t="s">
        <v>0</v>
      </c>
    </row>
    <row r="25591" spans="1:5" x14ac:dyDescent="0.25">
      <c r="A25591" s="1" t="s">
        <v>48040</v>
      </c>
      <c r="B25591" s="1" t="s">
        <v>56625</v>
      </c>
      <c r="C25591" s="1" t="s">
        <v>48041</v>
      </c>
      <c r="D25591" s="2">
        <v>178419</v>
      </c>
      <c r="E25591" s="1" t="s">
        <v>0</v>
      </c>
    </row>
    <row r="25592" spans="1:5" x14ac:dyDescent="0.25">
      <c r="A25592" s="2">
        <v>5118</v>
      </c>
      <c r="B25592" s="2">
        <v>5118</v>
      </c>
      <c r="C25592" s="1" t="s">
        <v>0</v>
      </c>
      <c r="D25592" s="2">
        <v>178420</v>
      </c>
      <c r="E25592" s="1" t="s">
        <v>0</v>
      </c>
    </row>
    <row r="25593" spans="1:5" x14ac:dyDescent="0.25">
      <c r="A25593" s="1" t="s">
        <v>4651</v>
      </c>
      <c r="B25593" s="1" t="s">
        <v>12443</v>
      </c>
      <c r="C25593" s="1" t="s">
        <v>48042</v>
      </c>
      <c r="D25593" s="2">
        <v>178421</v>
      </c>
      <c r="E25593" s="1" t="s">
        <v>0</v>
      </c>
    </row>
    <row r="25594" spans="1:5" x14ac:dyDescent="0.25">
      <c r="A25594" s="1" t="s">
        <v>48043</v>
      </c>
      <c r="B25594" s="1" t="s">
        <v>63083</v>
      </c>
      <c r="C25594" s="1" t="s">
        <v>48044</v>
      </c>
      <c r="D25594" s="2">
        <v>178422</v>
      </c>
      <c r="E25594" s="1" t="s">
        <v>0</v>
      </c>
    </row>
    <row r="25595" spans="1:5" ht="409.5" x14ac:dyDescent="0.25">
      <c r="A25595" s="4" t="s">
        <v>48045</v>
      </c>
      <c r="B25595" s="1" t="s">
        <v>63084</v>
      </c>
      <c r="C25595" s="1" t="s">
        <v>48046</v>
      </c>
      <c r="D25595" s="2">
        <v>178423</v>
      </c>
      <c r="E25595" s="1" t="s">
        <v>0</v>
      </c>
    </row>
    <row r="25596" spans="1:5" x14ac:dyDescent="0.25">
      <c r="A25596" s="1" t="s">
        <v>48047</v>
      </c>
      <c r="B25596" s="1" t="s">
        <v>12444</v>
      </c>
      <c r="C25596" s="1" t="s">
        <v>48048</v>
      </c>
      <c r="D25596" s="2">
        <v>178424</v>
      </c>
      <c r="E25596" s="1" t="s">
        <v>0</v>
      </c>
    </row>
    <row r="25597" spans="1:5" x14ac:dyDescent="0.25">
      <c r="A25597" s="2">
        <v>5119</v>
      </c>
      <c r="B25597" s="2">
        <v>5119</v>
      </c>
      <c r="C25597" s="1" t="s">
        <v>0</v>
      </c>
      <c r="D25597" s="2">
        <v>178425</v>
      </c>
      <c r="E25597" s="1" t="s">
        <v>0</v>
      </c>
    </row>
    <row r="25598" spans="1:5" x14ac:dyDescent="0.25">
      <c r="A25598" s="1" t="s">
        <v>4652</v>
      </c>
      <c r="B25598" s="1" t="s">
        <v>12445</v>
      </c>
      <c r="C25598" s="1" t="s">
        <v>48049</v>
      </c>
      <c r="D25598" s="2">
        <v>178426</v>
      </c>
      <c r="E25598" s="1" t="s">
        <v>0</v>
      </c>
    </row>
    <row r="25599" spans="1:5" x14ac:dyDescent="0.25">
      <c r="A25599" s="1" t="s">
        <v>48050</v>
      </c>
      <c r="B25599" s="1" t="s">
        <v>56626</v>
      </c>
      <c r="C25599" s="1" t="s">
        <v>48051</v>
      </c>
      <c r="D25599" s="2">
        <v>178427</v>
      </c>
      <c r="E25599" s="1" t="s">
        <v>0</v>
      </c>
    </row>
    <row r="25600" spans="1:5" ht="409.5" x14ac:dyDescent="0.25">
      <c r="A25600" s="4" t="s">
        <v>48052</v>
      </c>
      <c r="B25600" s="1" t="s">
        <v>56627</v>
      </c>
      <c r="C25600" s="1" t="s">
        <v>48053</v>
      </c>
      <c r="D25600" s="2">
        <v>178428</v>
      </c>
      <c r="E25600" s="1" t="s">
        <v>0</v>
      </c>
    </row>
    <row r="25601" spans="1:5" x14ac:dyDescent="0.25">
      <c r="A25601" s="1" t="s">
        <v>48054</v>
      </c>
      <c r="B25601" s="1" t="s">
        <v>12446</v>
      </c>
      <c r="C25601" s="1" t="s">
        <v>48055</v>
      </c>
      <c r="D25601" s="2">
        <v>178429</v>
      </c>
      <c r="E25601" s="1" t="s">
        <v>0</v>
      </c>
    </row>
    <row r="25602" spans="1:5" x14ac:dyDescent="0.25">
      <c r="A25602" s="2">
        <v>5120</v>
      </c>
      <c r="B25602" s="2">
        <v>5120</v>
      </c>
      <c r="C25602" s="1" t="s">
        <v>0</v>
      </c>
      <c r="D25602" s="2">
        <v>178430</v>
      </c>
      <c r="E25602" s="1" t="s">
        <v>0</v>
      </c>
    </row>
    <row r="25603" spans="1:5" x14ac:dyDescent="0.25">
      <c r="A25603" s="1" t="s">
        <v>4653</v>
      </c>
      <c r="B25603" s="1" t="s">
        <v>12447</v>
      </c>
      <c r="C25603" s="1" t="s">
        <v>48056</v>
      </c>
      <c r="D25603" s="2">
        <v>178431</v>
      </c>
      <c r="E25603" s="1" t="s">
        <v>0</v>
      </c>
    </row>
    <row r="25604" spans="1:5" x14ac:dyDescent="0.25">
      <c r="A25604" s="1" t="s">
        <v>48057</v>
      </c>
      <c r="B25604" s="1" t="s">
        <v>12448</v>
      </c>
      <c r="C25604" s="1" t="s">
        <v>48058</v>
      </c>
      <c r="D25604" s="2">
        <v>178432</v>
      </c>
      <c r="E25604" s="1" t="s">
        <v>0</v>
      </c>
    </row>
    <row r="25605" spans="1:5" ht="409.5" x14ac:dyDescent="0.25">
      <c r="A25605" s="4" t="s">
        <v>48059</v>
      </c>
      <c r="B25605" s="1" t="s">
        <v>12449</v>
      </c>
      <c r="C25605" s="1" t="s">
        <v>48060</v>
      </c>
      <c r="D25605" s="2">
        <v>178433</v>
      </c>
      <c r="E25605" s="1" t="s">
        <v>0</v>
      </c>
    </row>
    <row r="25606" spans="1:5" x14ac:dyDescent="0.25">
      <c r="A25606" s="1" t="s">
        <v>48061</v>
      </c>
      <c r="B25606" s="1" t="s">
        <v>12450</v>
      </c>
      <c r="C25606" s="1" t="s">
        <v>48062</v>
      </c>
      <c r="D25606" s="2">
        <v>178434</v>
      </c>
      <c r="E25606" s="1" t="s">
        <v>0</v>
      </c>
    </row>
    <row r="25607" spans="1:5" x14ac:dyDescent="0.25">
      <c r="A25607" s="2">
        <v>5121</v>
      </c>
      <c r="B25607" s="2">
        <v>5121</v>
      </c>
      <c r="C25607" s="1" t="s">
        <v>0</v>
      </c>
      <c r="D25607" s="2">
        <v>178435</v>
      </c>
      <c r="E25607" s="1" t="s">
        <v>0</v>
      </c>
    </row>
    <row r="25608" spans="1:5" x14ac:dyDescent="0.25">
      <c r="A25608" s="1" t="s">
        <v>4654</v>
      </c>
      <c r="B25608" s="1" t="s">
        <v>12451</v>
      </c>
      <c r="C25608" s="1" t="s">
        <v>48063</v>
      </c>
      <c r="D25608" s="2">
        <v>178436</v>
      </c>
      <c r="E25608" s="1" t="s">
        <v>0</v>
      </c>
    </row>
    <row r="25609" spans="1:5" x14ac:dyDescent="0.25">
      <c r="A25609" s="1" t="s">
        <v>48064</v>
      </c>
      <c r="B25609" s="1" t="s">
        <v>63085</v>
      </c>
      <c r="C25609" s="1" t="s">
        <v>48065</v>
      </c>
      <c r="D25609" s="2">
        <v>178437</v>
      </c>
      <c r="E25609" s="1" t="s">
        <v>0</v>
      </c>
    </row>
    <row r="25610" spans="1:5" ht="409.5" x14ac:dyDescent="0.25">
      <c r="A25610" s="4" t="s">
        <v>48066</v>
      </c>
      <c r="B25610" s="1" t="s">
        <v>63086</v>
      </c>
      <c r="C25610" s="1" t="s">
        <v>48067</v>
      </c>
      <c r="D25610" s="2">
        <v>178438</v>
      </c>
      <c r="E25610" s="1" t="s">
        <v>0</v>
      </c>
    </row>
    <row r="25611" spans="1:5" x14ac:dyDescent="0.25">
      <c r="A25611" s="1" t="s">
        <v>48068</v>
      </c>
      <c r="B25611" s="1" t="s">
        <v>56628</v>
      </c>
      <c r="C25611" s="1" t="s">
        <v>48069</v>
      </c>
      <c r="D25611" s="2">
        <v>178439</v>
      </c>
      <c r="E25611" s="1" t="s">
        <v>0</v>
      </c>
    </row>
    <row r="25612" spans="1:5" x14ac:dyDescent="0.25">
      <c r="A25612" s="2">
        <v>5122</v>
      </c>
      <c r="B25612" s="2">
        <v>5122</v>
      </c>
      <c r="C25612" s="1" t="s">
        <v>0</v>
      </c>
      <c r="D25612" s="2">
        <v>178440</v>
      </c>
      <c r="E25612" s="1" t="s">
        <v>0</v>
      </c>
    </row>
    <row r="25613" spans="1:5" x14ac:dyDescent="0.25">
      <c r="A25613" s="1" t="s">
        <v>4655</v>
      </c>
      <c r="B25613" s="1" t="s">
        <v>12452</v>
      </c>
      <c r="C25613" s="1" t="s">
        <v>48070</v>
      </c>
      <c r="D25613" s="2">
        <v>178441</v>
      </c>
      <c r="E25613" s="1" t="s">
        <v>0</v>
      </c>
    </row>
    <row r="25614" spans="1:5" x14ac:dyDescent="0.25">
      <c r="A25614" s="1" t="s">
        <v>48071</v>
      </c>
      <c r="B25614" s="1" t="s">
        <v>57353</v>
      </c>
      <c r="C25614" s="1" t="s">
        <v>48072</v>
      </c>
      <c r="D25614" s="2">
        <v>178442</v>
      </c>
      <c r="E25614" s="1" t="s">
        <v>0</v>
      </c>
    </row>
    <row r="25615" spans="1:5" ht="409.5" x14ac:dyDescent="0.25">
      <c r="A25615" s="4" t="s">
        <v>64411</v>
      </c>
      <c r="B25615" s="1" t="s">
        <v>63847</v>
      </c>
      <c r="C25615" s="1" t="s">
        <v>48073</v>
      </c>
      <c r="D25615" s="2">
        <v>178443</v>
      </c>
      <c r="E25615" s="1" t="s">
        <v>0</v>
      </c>
    </row>
    <row r="25616" spans="1:5" x14ac:dyDescent="0.25">
      <c r="A25616" s="1" t="s">
        <v>48074</v>
      </c>
      <c r="B25616" s="1" t="s">
        <v>57354</v>
      </c>
      <c r="C25616" s="1" t="s">
        <v>48075</v>
      </c>
      <c r="D25616" s="2">
        <v>178444</v>
      </c>
      <c r="E25616" s="1" t="s">
        <v>0</v>
      </c>
    </row>
    <row r="25617" spans="1:5" x14ac:dyDescent="0.25">
      <c r="A25617" s="2">
        <v>5123</v>
      </c>
      <c r="B25617" s="2">
        <v>5123</v>
      </c>
      <c r="C25617" s="1" t="s">
        <v>0</v>
      </c>
      <c r="D25617" s="2">
        <v>178445</v>
      </c>
      <c r="E25617" s="1" t="s">
        <v>0</v>
      </c>
    </row>
    <row r="25618" spans="1:5" x14ac:dyDescent="0.25">
      <c r="A25618" s="1" t="s">
        <v>4656</v>
      </c>
      <c r="B25618" s="1" t="s">
        <v>12453</v>
      </c>
      <c r="C25618" s="1" t="s">
        <v>48076</v>
      </c>
      <c r="D25618" s="2">
        <v>178446</v>
      </c>
      <c r="E25618" s="1" t="s">
        <v>0</v>
      </c>
    </row>
    <row r="25619" spans="1:5" x14ac:dyDescent="0.25">
      <c r="A25619" s="1" t="s">
        <v>48077</v>
      </c>
      <c r="B25619" s="1" t="s">
        <v>63561</v>
      </c>
      <c r="C25619" s="1" t="s">
        <v>48078</v>
      </c>
      <c r="D25619" s="2">
        <v>178447</v>
      </c>
      <c r="E25619" s="1" t="s">
        <v>0</v>
      </c>
    </row>
    <row r="25620" spans="1:5" ht="409.5" x14ac:dyDescent="0.25">
      <c r="A25620" s="4" t="s">
        <v>48079</v>
      </c>
      <c r="B25620" s="1" t="s">
        <v>63562</v>
      </c>
      <c r="C25620" s="1" t="s">
        <v>48080</v>
      </c>
      <c r="D25620" s="2">
        <v>178448</v>
      </c>
      <c r="E25620" s="1" t="s">
        <v>0</v>
      </c>
    </row>
    <row r="25621" spans="1:5" x14ac:dyDescent="0.25">
      <c r="A25621" s="1" t="s">
        <v>48081</v>
      </c>
      <c r="B25621" s="1" t="s">
        <v>12454</v>
      </c>
      <c r="C25621" s="1" t="s">
        <v>48082</v>
      </c>
      <c r="D25621" s="2">
        <v>178449</v>
      </c>
      <c r="E25621" s="1" t="s">
        <v>0</v>
      </c>
    </row>
    <row r="25622" spans="1:5" x14ac:dyDescent="0.25">
      <c r="A25622" s="2">
        <v>5124</v>
      </c>
      <c r="B25622" s="2">
        <v>5124</v>
      </c>
      <c r="C25622" s="1" t="s">
        <v>0</v>
      </c>
      <c r="D25622" s="2">
        <v>178450</v>
      </c>
      <c r="E25622" s="1" t="s">
        <v>0</v>
      </c>
    </row>
    <row r="25623" spans="1:5" x14ac:dyDescent="0.25">
      <c r="A25623" s="1" t="s">
        <v>4657</v>
      </c>
      <c r="B25623" s="1" t="s">
        <v>12455</v>
      </c>
      <c r="C25623" s="1" t="s">
        <v>48083</v>
      </c>
      <c r="D25623" s="2">
        <v>178451</v>
      </c>
      <c r="E25623" s="1" t="s">
        <v>0</v>
      </c>
    </row>
    <row r="25624" spans="1:5" x14ac:dyDescent="0.25">
      <c r="A25624" s="1" t="s">
        <v>48084</v>
      </c>
      <c r="B25624" s="1" t="s">
        <v>60478</v>
      </c>
      <c r="C25624" s="1" t="s">
        <v>48085</v>
      </c>
      <c r="D25624" s="2">
        <v>178452</v>
      </c>
      <c r="E25624" s="1" t="s">
        <v>0</v>
      </c>
    </row>
    <row r="25625" spans="1:5" ht="409.5" x14ac:dyDescent="0.25">
      <c r="A25625" s="4" t="s">
        <v>48086</v>
      </c>
      <c r="B25625" s="1" t="s">
        <v>60479</v>
      </c>
      <c r="C25625" s="1" t="s">
        <v>48087</v>
      </c>
      <c r="D25625" s="2">
        <v>178453</v>
      </c>
      <c r="E25625" s="1" t="s">
        <v>0</v>
      </c>
    </row>
    <row r="25626" spans="1:5" x14ac:dyDescent="0.25">
      <c r="A25626" s="1" t="s">
        <v>48088</v>
      </c>
      <c r="B25626" s="1" t="s">
        <v>12456</v>
      </c>
      <c r="C25626" s="1" t="s">
        <v>48089</v>
      </c>
      <c r="D25626" s="2">
        <v>178454</v>
      </c>
      <c r="E25626" s="1" t="s">
        <v>0</v>
      </c>
    </row>
    <row r="25627" spans="1:5" x14ac:dyDescent="0.25">
      <c r="A25627" s="2">
        <v>5125</v>
      </c>
      <c r="B25627" s="2">
        <v>5125</v>
      </c>
      <c r="C25627" s="1" t="s">
        <v>0</v>
      </c>
      <c r="D25627" s="2">
        <v>178455</v>
      </c>
      <c r="E25627" s="1" t="s">
        <v>0</v>
      </c>
    </row>
    <row r="25628" spans="1:5" x14ac:dyDescent="0.25">
      <c r="A25628" s="1" t="s">
        <v>4658</v>
      </c>
      <c r="B25628" s="1" t="s">
        <v>12457</v>
      </c>
      <c r="C25628" s="1" t="s">
        <v>48090</v>
      </c>
      <c r="D25628" s="2">
        <v>178456</v>
      </c>
      <c r="E25628" s="1" t="s">
        <v>0</v>
      </c>
    </row>
    <row r="25629" spans="1:5" x14ac:dyDescent="0.25">
      <c r="A25629" s="1" t="s">
        <v>48091</v>
      </c>
      <c r="B25629" s="1" t="s">
        <v>13322</v>
      </c>
      <c r="C25629" s="1" t="s">
        <v>48092</v>
      </c>
      <c r="D25629" s="2">
        <v>178457</v>
      </c>
      <c r="E25629" s="1" t="s">
        <v>0</v>
      </c>
    </row>
    <row r="25630" spans="1:5" ht="409.5" x14ac:dyDescent="0.25">
      <c r="A25630" s="4" t="s">
        <v>48093</v>
      </c>
      <c r="B25630" s="1" t="s">
        <v>56629</v>
      </c>
      <c r="C25630" s="1" t="s">
        <v>48094</v>
      </c>
      <c r="D25630" s="2">
        <v>178458</v>
      </c>
      <c r="E25630" s="1" t="s">
        <v>0</v>
      </c>
    </row>
    <row r="25631" spans="1:5" x14ac:dyDescent="0.25">
      <c r="A25631" s="1" t="s">
        <v>48095</v>
      </c>
      <c r="B25631" s="1" t="s">
        <v>56630</v>
      </c>
      <c r="C25631" s="1" t="s">
        <v>48096</v>
      </c>
      <c r="D25631" s="2">
        <v>178459</v>
      </c>
      <c r="E25631" s="1" t="s">
        <v>0</v>
      </c>
    </row>
    <row r="25632" spans="1:5" x14ac:dyDescent="0.25">
      <c r="A25632" s="2">
        <v>5126</v>
      </c>
      <c r="B25632" s="2">
        <v>5126</v>
      </c>
      <c r="C25632" s="1" t="s">
        <v>0</v>
      </c>
      <c r="D25632" s="2">
        <v>178460</v>
      </c>
      <c r="E25632" s="1" t="s">
        <v>0</v>
      </c>
    </row>
    <row r="25633" spans="1:5" x14ac:dyDescent="0.25">
      <c r="A25633" s="1" t="s">
        <v>4659</v>
      </c>
      <c r="B25633" s="1" t="s">
        <v>12458</v>
      </c>
      <c r="C25633" s="1" t="s">
        <v>48097</v>
      </c>
      <c r="D25633" s="2">
        <v>178461</v>
      </c>
      <c r="E25633" s="1" t="s">
        <v>0</v>
      </c>
    </row>
    <row r="25634" spans="1:5" x14ac:dyDescent="0.25">
      <c r="A25634" s="1" t="s">
        <v>48098</v>
      </c>
      <c r="B25634" s="1" t="s">
        <v>56631</v>
      </c>
      <c r="C25634" s="1" t="s">
        <v>48099</v>
      </c>
      <c r="D25634" s="2">
        <v>178462</v>
      </c>
      <c r="E25634" s="1" t="s">
        <v>0</v>
      </c>
    </row>
    <row r="25635" spans="1:5" ht="409.5" x14ac:dyDescent="0.25">
      <c r="A25635" s="4" t="s">
        <v>64412</v>
      </c>
      <c r="B25635" s="1" t="s">
        <v>56632</v>
      </c>
      <c r="C25635" s="1" t="s">
        <v>48100</v>
      </c>
      <c r="D25635" s="2">
        <v>178463</v>
      </c>
      <c r="E25635" s="1" t="s">
        <v>0</v>
      </c>
    </row>
    <row r="25636" spans="1:5" x14ac:dyDescent="0.25">
      <c r="A25636" s="1" t="s">
        <v>48101</v>
      </c>
      <c r="B25636" s="1" t="s">
        <v>12459</v>
      </c>
      <c r="C25636" s="1" t="s">
        <v>48102</v>
      </c>
      <c r="D25636" s="2">
        <v>178464</v>
      </c>
      <c r="E25636" s="1" t="s">
        <v>0</v>
      </c>
    </row>
    <row r="25637" spans="1:5" x14ac:dyDescent="0.25">
      <c r="A25637" s="2">
        <v>5127</v>
      </c>
      <c r="B25637" s="2">
        <v>5127</v>
      </c>
      <c r="C25637" s="1" t="s">
        <v>0</v>
      </c>
      <c r="D25637" s="2">
        <v>178465</v>
      </c>
      <c r="E25637" s="1" t="s">
        <v>0</v>
      </c>
    </row>
    <row r="25638" spans="1:5" x14ac:dyDescent="0.25">
      <c r="A25638" s="1" t="s">
        <v>4660</v>
      </c>
      <c r="B25638" s="1" t="s">
        <v>56633</v>
      </c>
      <c r="C25638" s="1" t="s">
        <v>48103</v>
      </c>
      <c r="D25638" s="2">
        <v>178466</v>
      </c>
      <c r="E25638" s="1" t="s">
        <v>0</v>
      </c>
    </row>
    <row r="25639" spans="1:5" x14ac:dyDescent="0.25">
      <c r="A25639" s="1" t="s">
        <v>48104</v>
      </c>
      <c r="B25639" s="1" t="s">
        <v>56634</v>
      </c>
      <c r="C25639" s="1" t="s">
        <v>48105</v>
      </c>
      <c r="D25639" s="2">
        <v>178467</v>
      </c>
      <c r="E25639" s="1" t="s">
        <v>0</v>
      </c>
    </row>
    <row r="25640" spans="1:5" ht="409.5" x14ac:dyDescent="0.25">
      <c r="A25640" s="4" t="s">
        <v>48106</v>
      </c>
      <c r="B25640" s="1" t="s">
        <v>56635</v>
      </c>
      <c r="C25640" s="1" t="s">
        <v>48107</v>
      </c>
      <c r="D25640" s="2">
        <v>178468</v>
      </c>
      <c r="E25640" s="1" t="s">
        <v>0</v>
      </c>
    </row>
    <row r="25641" spans="1:5" x14ac:dyDescent="0.25">
      <c r="A25641" s="1" t="s">
        <v>48108</v>
      </c>
      <c r="B25641" s="1" t="s">
        <v>61439</v>
      </c>
      <c r="C25641" s="1" t="s">
        <v>28203</v>
      </c>
      <c r="D25641" s="2">
        <v>178469</v>
      </c>
      <c r="E25641" s="1" t="s">
        <v>0</v>
      </c>
    </row>
    <row r="25642" spans="1:5" x14ac:dyDescent="0.25">
      <c r="A25642" s="2">
        <v>5128</v>
      </c>
      <c r="B25642" s="2">
        <v>5128</v>
      </c>
      <c r="C25642" s="1" t="s">
        <v>0</v>
      </c>
      <c r="D25642" s="2">
        <v>178470</v>
      </c>
      <c r="E25642" s="1" t="s">
        <v>0</v>
      </c>
    </row>
    <row r="25643" spans="1:5" x14ac:dyDescent="0.25">
      <c r="A25643" s="1" t="s">
        <v>4661</v>
      </c>
      <c r="B25643" s="1" t="s">
        <v>12460</v>
      </c>
      <c r="C25643" s="1" t="s">
        <v>48109</v>
      </c>
      <c r="D25643" s="2">
        <v>178471</v>
      </c>
      <c r="E25643" s="1" t="s">
        <v>0</v>
      </c>
    </row>
    <row r="25644" spans="1:5" x14ac:dyDescent="0.25">
      <c r="A25644" s="1" t="s">
        <v>48110</v>
      </c>
      <c r="B25644" s="1" t="s">
        <v>56636</v>
      </c>
      <c r="C25644" s="1" t="s">
        <v>48111</v>
      </c>
      <c r="D25644" s="2">
        <v>178472</v>
      </c>
      <c r="E25644" s="1" t="s">
        <v>0</v>
      </c>
    </row>
    <row r="25645" spans="1:5" ht="409.5" x14ac:dyDescent="0.25">
      <c r="A25645" s="4" t="s">
        <v>48112</v>
      </c>
      <c r="B25645" s="1" t="s">
        <v>56637</v>
      </c>
      <c r="C25645" s="1" t="s">
        <v>48113</v>
      </c>
      <c r="D25645" s="2">
        <v>178473</v>
      </c>
      <c r="E25645" s="1" t="s">
        <v>0</v>
      </c>
    </row>
    <row r="25646" spans="1:5" x14ac:dyDescent="0.25">
      <c r="A25646" s="1" t="s">
        <v>48114</v>
      </c>
      <c r="B25646" s="1" t="s">
        <v>12461</v>
      </c>
      <c r="C25646" s="1" t="s">
        <v>48115</v>
      </c>
      <c r="D25646" s="2">
        <v>178474</v>
      </c>
      <c r="E25646" s="1" t="s">
        <v>0</v>
      </c>
    </row>
    <row r="25647" spans="1:5" x14ac:dyDescent="0.25">
      <c r="A25647" s="2">
        <v>5129</v>
      </c>
      <c r="B25647" s="2">
        <v>5129</v>
      </c>
      <c r="C25647" s="1" t="s">
        <v>0</v>
      </c>
      <c r="D25647" s="2">
        <v>178475</v>
      </c>
      <c r="E25647" s="1" t="s">
        <v>0</v>
      </c>
    </row>
    <row r="25648" spans="1:5" x14ac:dyDescent="0.25">
      <c r="A25648" s="1" t="s">
        <v>4662</v>
      </c>
      <c r="B25648" s="1" t="s">
        <v>58884</v>
      </c>
      <c r="C25648" s="1" t="s">
        <v>48116</v>
      </c>
      <c r="D25648" s="2">
        <v>178476</v>
      </c>
      <c r="E25648" s="1" t="s">
        <v>0</v>
      </c>
    </row>
    <row r="25649" spans="1:5" x14ac:dyDescent="0.25">
      <c r="A25649" s="1" t="s">
        <v>48117</v>
      </c>
      <c r="B25649" s="1" t="s">
        <v>58885</v>
      </c>
      <c r="C25649" s="1" t="s">
        <v>48118</v>
      </c>
      <c r="D25649" s="2">
        <v>178477</v>
      </c>
      <c r="E25649" s="1" t="s">
        <v>0</v>
      </c>
    </row>
    <row r="25650" spans="1:5" ht="409.5" x14ac:dyDescent="0.25">
      <c r="A25650" s="4" t="s">
        <v>48119</v>
      </c>
      <c r="B25650" s="1" t="s">
        <v>58886</v>
      </c>
      <c r="C25650" s="1" t="s">
        <v>48120</v>
      </c>
      <c r="D25650" s="2">
        <v>178478</v>
      </c>
      <c r="E25650" s="1" t="s">
        <v>0</v>
      </c>
    </row>
    <row r="25651" spans="1:5" x14ac:dyDescent="0.25">
      <c r="A25651" s="1" t="s">
        <v>48121</v>
      </c>
      <c r="B25651" s="1" t="s">
        <v>58887</v>
      </c>
      <c r="C25651" s="1" t="s">
        <v>48122</v>
      </c>
      <c r="D25651" s="2">
        <v>178479</v>
      </c>
      <c r="E25651" s="1" t="s">
        <v>0</v>
      </c>
    </row>
    <row r="25652" spans="1:5" x14ac:dyDescent="0.25">
      <c r="A25652" s="2">
        <v>5130</v>
      </c>
      <c r="B25652" s="2">
        <v>5130</v>
      </c>
      <c r="C25652" s="1" t="s">
        <v>0</v>
      </c>
      <c r="D25652" s="2">
        <v>178480</v>
      </c>
      <c r="E25652" s="1" t="s">
        <v>0</v>
      </c>
    </row>
    <row r="25653" spans="1:5" x14ac:dyDescent="0.25">
      <c r="A25653" s="1" t="s">
        <v>4663</v>
      </c>
      <c r="B25653" s="1" t="s">
        <v>12462</v>
      </c>
      <c r="C25653" s="1" t="s">
        <v>48123</v>
      </c>
      <c r="D25653" s="2">
        <v>178481</v>
      </c>
      <c r="E25653" s="1" t="s">
        <v>0</v>
      </c>
    </row>
    <row r="25654" spans="1:5" x14ac:dyDescent="0.25">
      <c r="A25654" s="1" t="s">
        <v>48124</v>
      </c>
      <c r="B25654" s="1" t="s">
        <v>12463</v>
      </c>
      <c r="C25654" s="1" t="s">
        <v>48125</v>
      </c>
      <c r="D25654" s="2">
        <v>178482</v>
      </c>
      <c r="E25654" s="1" t="s">
        <v>0</v>
      </c>
    </row>
    <row r="25655" spans="1:5" ht="409.5" x14ac:dyDescent="0.25">
      <c r="A25655" s="4" t="s">
        <v>48126</v>
      </c>
      <c r="B25655" s="1" t="s">
        <v>12464</v>
      </c>
      <c r="C25655" s="1" t="s">
        <v>48127</v>
      </c>
      <c r="D25655" s="2">
        <v>178483</v>
      </c>
      <c r="E25655" s="1" t="s">
        <v>0</v>
      </c>
    </row>
    <row r="25656" spans="1:5" x14ac:dyDescent="0.25">
      <c r="A25656" s="1" t="s">
        <v>48128</v>
      </c>
      <c r="B25656" s="1" t="s">
        <v>56638</v>
      </c>
      <c r="C25656" s="1" t="s">
        <v>48129</v>
      </c>
      <c r="D25656" s="2">
        <v>178484</v>
      </c>
      <c r="E25656" s="1" t="s">
        <v>0</v>
      </c>
    </row>
    <row r="25657" spans="1:5" x14ac:dyDescent="0.25">
      <c r="A25657" s="2">
        <v>5131</v>
      </c>
      <c r="B25657" s="2">
        <v>5131</v>
      </c>
      <c r="C25657" s="1" t="s">
        <v>0</v>
      </c>
      <c r="D25657" s="2">
        <v>178485</v>
      </c>
      <c r="E25657" s="1" t="s">
        <v>0</v>
      </c>
    </row>
    <row r="25658" spans="1:5" x14ac:dyDescent="0.25">
      <c r="A25658" s="1" t="s">
        <v>4664</v>
      </c>
      <c r="B25658" s="1" t="s">
        <v>56639</v>
      </c>
      <c r="C25658" s="1" t="s">
        <v>48130</v>
      </c>
      <c r="D25658" s="2">
        <v>178486</v>
      </c>
      <c r="E25658" s="1" t="s">
        <v>0</v>
      </c>
    </row>
    <row r="25659" spans="1:5" x14ac:dyDescent="0.25">
      <c r="A25659" s="1" t="s">
        <v>48131</v>
      </c>
      <c r="B25659" s="1" t="s">
        <v>60337</v>
      </c>
      <c r="C25659" s="1" t="s">
        <v>48132</v>
      </c>
      <c r="D25659" s="2">
        <v>178487</v>
      </c>
      <c r="E25659" s="1" t="s">
        <v>0</v>
      </c>
    </row>
    <row r="25660" spans="1:5" ht="409.5" x14ac:dyDescent="0.25">
      <c r="A25660" s="4" t="s">
        <v>48133</v>
      </c>
      <c r="B25660" s="1" t="s">
        <v>60338</v>
      </c>
      <c r="C25660" s="1" t="s">
        <v>48134</v>
      </c>
      <c r="D25660" s="2">
        <v>178488</v>
      </c>
      <c r="E25660" s="1" t="s">
        <v>0</v>
      </c>
    </row>
    <row r="25661" spans="1:5" x14ac:dyDescent="0.25">
      <c r="A25661" s="1" t="s">
        <v>48135</v>
      </c>
      <c r="B25661" s="1" t="s">
        <v>56640</v>
      </c>
      <c r="C25661" s="1" t="s">
        <v>48136</v>
      </c>
      <c r="D25661" s="2">
        <v>178489</v>
      </c>
      <c r="E25661" s="1" t="s">
        <v>0</v>
      </c>
    </row>
    <row r="25662" spans="1:5" x14ac:dyDescent="0.25">
      <c r="A25662" s="2">
        <v>5132</v>
      </c>
      <c r="B25662" s="2">
        <v>5132</v>
      </c>
      <c r="C25662" s="1" t="s">
        <v>0</v>
      </c>
      <c r="D25662" s="2">
        <v>178490</v>
      </c>
      <c r="E25662" s="1" t="s">
        <v>0</v>
      </c>
    </row>
    <row r="25663" spans="1:5" x14ac:dyDescent="0.25">
      <c r="A25663" s="1" t="s">
        <v>4665</v>
      </c>
      <c r="B25663" s="1" t="s">
        <v>12465</v>
      </c>
      <c r="C25663" s="1" t="s">
        <v>48137</v>
      </c>
      <c r="D25663" s="2">
        <v>178491</v>
      </c>
      <c r="E25663" s="1" t="s">
        <v>0</v>
      </c>
    </row>
    <row r="25664" spans="1:5" x14ac:dyDescent="0.25">
      <c r="A25664" s="1" t="s">
        <v>48138</v>
      </c>
      <c r="B25664" s="1" t="s">
        <v>56641</v>
      </c>
      <c r="C25664" s="1" t="s">
        <v>48139</v>
      </c>
      <c r="D25664" s="2">
        <v>178492</v>
      </c>
      <c r="E25664" s="1" t="s">
        <v>0</v>
      </c>
    </row>
    <row r="25665" spans="1:5" ht="409.5" x14ac:dyDescent="0.25">
      <c r="A25665" s="4" t="s">
        <v>48140</v>
      </c>
      <c r="B25665" s="1" t="s">
        <v>56642</v>
      </c>
      <c r="C25665" s="1" t="s">
        <v>48141</v>
      </c>
      <c r="D25665" s="2">
        <v>178493</v>
      </c>
      <c r="E25665" s="1" t="s">
        <v>0</v>
      </c>
    </row>
    <row r="25666" spans="1:5" x14ac:dyDescent="0.25">
      <c r="A25666" s="1" t="s">
        <v>48142</v>
      </c>
      <c r="B25666" s="1" t="s">
        <v>12466</v>
      </c>
      <c r="C25666" s="1" t="s">
        <v>48143</v>
      </c>
      <c r="D25666" s="2">
        <v>178494</v>
      </c>
      <c r="E25666" s="1" t="s">
        <v>0</v>
      </c>
    </row>
    <row r="25667" spans="1:5" x14ac:dyDescent="0.25">
      <c r="A25667" s="2">
        <v>5133</v>
      </c>
      <c r="B25667" s="2">
        <v>5133</v>
      </c>
      <c r="C25667" s="1" t="s">
        <v>0</v>
      </c>
      <c r="D25667" s="2">
        <v>178495</v>
      </c>
      <c r="E25667" s="1" t="s">
        <v>0</v>
      </c>
    </row>
    <row r="25668" spans="1:5" x14ac:dyDescent="0.25">
      <c r="A25668" s="1" t="s">
        <v>4666</v>
      </c>
      <c r="B25668" s="1" t="s">
        <v>56643</v>
      </c>
      <c r="C25668" s="1" t="s">
        <v>48144</v>
      </c>
      <c r="D25668" s="2">
        <v>178496</v>
      </c>
      <c r="E25668" s="1" t="s">
        <v>0</v>
      </c>
    </row>
    <row r="25669" spans="1:5" x14ac:dyDescent="0.25">
      <c r="A25669" s="1" t="s">
        <v>48145</v>
      </c>
      <c r="B25669" s="1" t="s">
        <v>56644</v>
      </c>
      <c r="C25669" s="1" t="s">
        <v>48146</v>
      </c>
      <c r="D25669" s="2">
        <v>178497</v>
      </c>
      <c r="E25669" s="1" t="s">
        <v>0</v>
      </c>
    </row>
    <row r="25670" spans="1:5" ht="409.5" x14ac:dyDescent="0.25">
      <c r="A25670" s="4" t="s">
        <v>48147</v>
      </c>
      <c r="B25670" s="1" t="s">
        <v>56645</v>
      </c>
      <c r="C25670" s="1" t="s">
        <v>48148</v>
      </c>
      <c r="D25670" s="2">
        <v>178498</v>
      </c>
      <c r="E25670" s="1" t="s">
        <v>0</v>
      </c>
    </row>
    <row r="25671" spans="1:5" x14ac:dyDescent="0.25">
      <c r="A25671" s="1" t="s">
        <v>48149</v>
      </c>
      <c r="B25671" s="1" t="s">
        <v>12467</v>
      </c>
      <c r="C25671" s="1" t="s">
        <v>48150</v>
      </c>
      <c r="D25671" s="2">
        <v>178499</v>
      </c>
      <c r="E25671" s="1" t="s">
        <v>0</v>
      </c>
    </row>
    <row r="25672" spans="1:5" x14ac:dyDescent="0.25">
      <c r="A25672" s="2">
        <v>5134</v>
      </c>
      <c r="B25672" s="2">
        <v>5134</v>
      </c>
      <c r="C25672" s="1" t="s">
        <v>0</v>
      </c>
      <c r="D25672" s="2">
        <v>178500</v>
      </c>
      <c r="E25672" s="1" t="s">
        <v>0</v>
      </c>
    </row>
    <row r="25673" spans="1:5" x14ac:dyDescent="0.25">
      <c r="A25673" s="1" t="s">
        <v>4667</v>
      </c>
      <c r="B25673" s="1" t="s">
        <v>12468</v>
      </c>
      <c r="C25673" s="1" t="s">
        <v>48151</v>
      </c>
      <c r="D25673" s="2">
        <v>178501</v>
      </c>
      <c r="E25673" s="1" t="s">
        <v>0</v>
      </c>
    </row>
    <row r="25674" spans="1:5" x14ac:dyDescent="0.25">
      <c r="A25674" s="1" t="s">
        <v>48152</v>
      </c>
      <c r="B25674" s="1" t="s">
        <v>56646</v>
      </c>
      <c r="C25674" s="1" t="s">
        <v>48153</v>
      </c>
      <c r="D25674" s="2">
        <v>178502</v>
      </c>
      <c r="E25674" s="1" t="s">
        <v>0</v>
      </c>
    </row>
    <row r="25675" spans="1:5" ht="409.5" x14ac:dyDescent="0.25">
      <c r="A25675" s="4" t="s">
        <v>48154</v>
      </c>
      <c r="B25675" s="1" t="s">
        <v>56647</v>
      </c>
      <c r="C25675" s="1" t="s">
        <v>48155</v>
      </c>
      <c r="D25675" s="2">
        <v>178503</v>
      </c>
      <c r="E25675" s="1" t="s">
        <v>0</v>
      </c>
    </row>
    <row r="25676" spans="1:5" x14ac:dyDescent="0.25">
      <c r="A25676" s="1" t="s">
        <v>48156</v>
      </c>
      <c r="B25676" s="1" t="s">
        <v>56648</v>
      </c>
      <c r="C25676" s="1" t="s">
        <v>48157</v>
      </c>
      <c r="D25676" s="2">
        <v>178504</v>
      </c>
      <c r="E25676" s="1" t="s">
        <v>0</v>
      </c>
    </row>
    <row r="25677" spans="1:5" x14ac:dyDescent="0.25">
      <c r="A25677" s="2">
        <v>5135</v>
      </c>
      <c r="B25677" s="2">
        <v>5135</v>
      </c>
      <c r="C25677" s="1" t="s">
        <v>0</v>
      </c>
      <c r="D25677" s="2">
        <v>178505</v>
      </c>
      <c r="E25677" s="1" t="s">
        <v>0</v>
      </c>
    </row>
    <row r="25678" spans="1:5" x14ac:dyDescent="0.25">
      <c r="A25678" s="1" t="s">
        <v>4668</v>
      </c>
      <c r="B25678" s="1" t="s">
        <v>12469</v>
      </c>
      <c r="C25678" s="1" t="s">
        <v>48158</v>
      </c>
      <c r="D25678" s="2">
        <v>178506</v>
      </c>
      <c r="E25678" s="1" t="s">
        <v>0</v>
      </c>
    </row>
    <row r="25679" spans="1:5" x14ac:dyDescent="0.25">
      <c r="A25679" s="1" t="s">
        <v>48159</v>
      </c>
      <c r="B25679" s="1" t="s">
        <v>56649</v>
      </c>
      <c r="C25679" s="1" t="s">
        <v>48160</v>
      </c>
      <c r="D25679" s="2">
        <v>178507</v>
      </c>
      <c r="E25679" s="1" t="s">
        <v>0</v>
      </c>
    </row>
    <row r="25680" spans="1:5" ht="409.5" x14ac:dyDescent="0.25">
      <c r="A25680" s="4" t="s">
        <v>48161</v>
      </c>
      <c r="B25680" s="1" t="s">
        <v>58656</v>
      </c>
      <c r="C25680" s="1" t="s">
        <v>48162</v>
      </c>
      <c r="D25680" s="2">
        <v>178508</v>
      </c>
      <c r="E25680" s="1" t="s">
        <v>0</v>
      </c>
    </row>
    <row r="25681" spans="1:5" x14ac:dyDescent="0.25">
      <c r="A25681" s="1" t="s">
        <v>48163</v>
      </c>
      <c r="B25681" s="1" t="s">
        <v>61440</v>
      </c>
      <c r="C25681" s="1" t="s">
        <v>48164</v>
      </c>
      <c r="D25681" s="2">
        <v>178509</v>
      </c>
      <c r="E25681" s="1" t="s">
        <v>0</v>
      </c>
    </row>
    <row r="25682" spans="1:5" x14ac:dyDescent="0.25">
      <c r="A25682" s="2">
        <v>5136</v>
      </c>
      <c r="B25682" s="2">
        <v>5136</v>
      </c>
      <c r="C25682" s="1" t="s">
        <v>0</v>
      </c>
      <c r="D25682" s="2">
        <v>178510</v>
      </c>
      <c r="E25682" s="1" t="s">
        <v>0</v>
      </c>
    </row>
    <row r="25683" spans="1:5" x14ac:dyDescent="0.25">
      <c r="A25683" s="1" t="s">
        <v>4669</v>
      </c>
      <c r="B25683" s="1" t="s">
        <v>12470</v>
      </c>
      <c r="C25683" s="1" t="s">
        <v>48165</v>
      </c>
      <c r="D25683" s="2">
        <v>178511</v>
      </c>
      <c r="E25683" s="1" t="s">
        <v>0</v>
      </c>
    </row>
    <row r="25684" spans="1:5" x14ac:dyDescent="0.25">
      <c r="A25684" s="1" t="s">
        <v>48166</v>
      </c>
      <c r="B25684" s="1" t="s">
        <v>63911</v>
      </c>
      <c r="C25684" s="1" t="s">
        <v>48167</v>
      </c>
      <c r="D25684" s="2">
        <v>178512</v>
      </c>
      <c r="E25684" s="1" t="s">
        <v>0</v>
      </c>
    </row>
    <row r="25685" spans="1:5" ht="409.5" x14ac:dyDescent="0.25">
      <c r="A25685" s="4" t="s">
        <v>48168</v>
      </c>
      <c r="B25685" s="1" t="s">
        <v>63912</v>
      </c>
      <c r="C25685" s="1" t="s">
        <v>48169</v>
      </c>
      <c r="D25685" s="2">
        <v>178513</v>
      </c>
      <c r="E25685" s="1" t="s">
        <v>0</v>
      </c>
    </row>
    <row r="25686" spans="1:5" x14ac:dyDescent="0.25">
      <c r="A25686" s="1" t="s">
        <v>48170</v>
      </c>
      <c r="B25686" s="1" t="s">
        <v>12471</v>
      </c>
      <c r="C25686" s="1" t="s">
        <v>48171</v>
      </c>
      <c r="D25686" s="2">
        <v>178514</v>
      </c>
      <c r="E25686" s="1" t="s">
        <v>0</v>
      </c>
    </row>
    <row r="25687" spans="1:5" x14ac:dyDescent="0.25">
      <c r="A25687" s="2">
        <v>5137</v>
      </c>
      <c r="B25687" s="2">
        <v>5137</v>
      </c>
      <c r="C25687" s="1" t="s">
        <v>0</v>
      </c>
      <c r="D25687" s="2">
        <v>178515</v>
      </c>
      <c r="E25687" s="1" t="s">
        <v>0</v>
      </c>
    </row>
    <row r="25688" spans="1:5" x14ac:dyDescent="0.25">
      <c r="A25688" s="1" t="s">
        <v>4670</v>
      </c>
      <c r="B25688" s="1" t="s">
        <v>12472</v>
      </c>
      <c r="C25688" s="1" t="s">
        <v>48172</v>
      </c>
      <c r="D25688" s="2">
        <v>178516</v>
      </c>
      <c r="E25688" s="1" t="s">
        <v>0</v>
      </c>
    </row>
    <row r="25689" spans="1:5" x14ac:dyDescent="0.25">
      <c r="A25689" s="1" t="s">
        <v>48173</v>
      </c>
      <c r="B25689" s="1" t="s">
        <v>56650</v>
      </c>
      <c r="C25689" s="1" t="s">
        <v>48174</v>
      </c>
      <c r="D25689" s="2">
        <v>178517</v>
      </c>
      <c r="E25689" s="1" t="s">
        <v>0</v>
      </c>
    </row>
    <row r="25690" spans="1:5" x14ac:dyDescent="0.25">
      <c r="A25690" s="1" t="s">
        <v>48173</v>
      </c>
      <c r="B25690" s="1" t="s">
        <v>56650</v>
      </c>
      <c r="C25690" s="1" t="s">
        <v>48174</v>
      </c>
      <c r="D25690" s="2">
        <v>178518</v>
      </c>
      <c r="E25690" s="1" t="s">
        <v>0</v>
      </c>
    </row>
    <row r="25691" spans="1:5" x14ac:dyDescent="0.25">
      <c r="A25691" s="1" t="s">
        <v>48175</v>
      </c>
      <c r="B25691" s="1" t="s">
        <v>56651</v>
      </c>
      <c r="C25691" s="1" t="s">
        <v>48176</v>
      </c>
      <c r="D25691" s="2">
        <v>178519</v>
      </c>
      <c r="E25691" s="1" t="s">
        <v>0</v>
      </c>
    </row>
    <row r="25692" spans="1:5" x14ac:dyDescent="0.25">
      <c r="A25692" s="2">
        <v>5138</v>
      </c>
      <c r="B25692" s="2">
        <v>5138</v>
      </c>
      <c r="C25692" s="1" t="s">
        <v>0</v>
      </c>
      <c r="D25692" s="2">
        <v>178520</v>
      </c>
      <c r="E25692" s="1" t="s">
        <v>0</v>
      </c>
    </row>
    <row r="25693" spans="1:5" x14ac:dyDescent="0.25">
      <c r="A25693" s="1" t="s">
        <v>4671</v>
      </c>
      <c r="B25693" s="1" t="s">
        <v>12473</v>
      </c>
      <c r="C25693" s="1" t="s">
        <v>48177</v>
      </c>
      <c r="D25693" s="2">
        <v>178521</v>
      </c>
      <c r="E25693" s="1" t="s">
        <v>0</v>
      </c>
    </row>
    <row r="25694" spans="1:5" x14ac:dyDescent="0.25">
      <c r="A25694" s="1" t="s">
        <v>48178</v>
      </c>
      <c r="B25694" s="1" t="s">
        <v>56652</v>
      </c>
      <c r="C25694" s="1" t="s">
        <v>48179</v>
      </c>
      <c r="D25694" s="2">
        <v>178522</v>
      </c>
      <c r="E25694" s="1" t="s">
        <v>0</v>
      </c>
    </row>
    <row r="25695" spans="1:5" ht="409.5" x14ac:dyDescent="0.25">
      <c r="A25695" s="4" t="s">
        <v>48180</v>
      </c>
      <c r="B25695" s="1" t="s">
        <v>56653</v>
      </c>
      <c r="C25695" s="1" t="s">
        <v>48181</v>
      </c>
      <c r="D25695" s="2">
        <v>178523</v>
      </c>
      <c r="E25695" s="1" t="s">
        <v>0</v>
      </c>
    </row>
    <row r="25696" spans="1:5" x14ac:dyDescent="0.25">
      <c r="A25696" s="1" t="s">
        <v>48182</v>
      </c>
      <c r="B25696" s="1" t="s">
        <v>12474</v>
      </c>
      <c r="C25696" s="1" t="s">
        <v>48183</v>
      </c>
      <c r="D25696" s="2">
        <v>178524</v>
      </c>
      <c r="E25696" s="1" t="s">
        <v>0</v>
      </c>
    </row>
    <row r="25697" spans="1:5" x14ac:dyDescent="0.25">
      <c r="A25697" s="2">
        <v>5139</v>
      </c>
      <c r="B25697" s="2">
        <v>5139</v>
      </c>
      <c r="C25697" s="1" t="s">
        <v>0</v>
      </c>
      <c r="D25697" s="2">
        <v>178525</v>
      </c>
      <c r="E25697" s="1" t="s">
        <v>0</v>
      </c>
    </row>
    <row r="25698" spans="1:5" x14ac:dyDescent="0.25">
      <c r="A25698" s="1" t="s">
        <v>4672</v>
      </c>
      <c r="B25698" s="1" t="s">
        <v>56654</v>
      </c>
      <c r="C25698" s="1" t="s">
        <v>48184</v>
      </c>
      <c r="D25698" s="2">
        <v>178526</v>
      </c>
      <c r="E25698" s="1" t="s">
        <v>0</v>
      </c>
    </row>
    <row r="25699" spans="1:5" x14ac:dyDescent="0.25">
      <c r="A25699" s="1" t="s">
        <v>48185</v>
      </c>
      <c r="B25699" s="1" t="s">
        <v>57355</v>
      </c>
      <c r="C25699" s="1" t="s">
        <v>48186</v>
      </c>
      <c r="D25699" s="2">
        <v>178527</v>
      </c>
      <c r="E25699" s="1" t="s">
        <v>0</v>
      </c>
    </row>
    <row r="25700" spans="1:5" ht="409.5" x14ac:dyDescent="0.25">
      <c r="A25700" s="4" t="s">
        <v>48187</v>
      </c>
      <c r="B25700" s="1" t="s">
        <v>57356</v>
      </c>
      <c r="C25700" s="1" t="s">
        <v>48188</v>
      </c>
      <c r="D25700" s="2">
        <v>178528</v>
      </c>
      <c r="E25700" s="1" t="s">
        <v>0</v>
      </c>
    </row>
    <row r="25701" spans="1:5" x14ac:dyDescent="0.25">
      <c r="A25701" s="1" t="s">
        <v>14855</v>
      </c>
      <c r="B25701" s="1" t="s">
        <v>60879</v>
      </c>
      <c r="C25701" s="1" t="s">
        <v>14856</v>
      </c>
      <c r="D25701" s="2">
        <v>178529</v>
      </c>
      <c r="E25701" s="1" t="s">
        <v>0</v>
      </c>
    </row>
    <row r="25702" spans="1:5" x14ac:dyDescent="0.25">
      <c r="A25702" s="2">
        <v>5140</v>
      </c>
      <c r="B25702" s="2">
        <v>5140</v>
      </c>
      <c r="C25702" s="1" t="s">
        <v>0</v>
      </c>
      <c r="D25702" s="2">
        <v>178530</v>
      </c>
      <c r="E25702" s="1" t="s">
        <v>0</v>
      </c>
    </row>
    <row r="25703" spans="1:5" x14ac:dyDescent="0.25">
      <c r="A25703" s="1" t="s">
        <v>4673</v>
      </c>
      <c r="B25703" s="1" t="s">
        <v>12475</v>
      </c>
      <c r="C25703" s="1" t="s">
        <v>48189</v>
      </c>
      <c r="D25703" s="2">
        <v>178531</v>
      </c>
      <c r="E25703" s="1" t="s">
        <v>0</v>
      </c>
    </row>
    <row r="25704" spans="1:5" x14ac:dyDescent="0.25">
      <c r="A25704" s="1" t="s">
        <v>48190</v>
      </c>
      <c r="B25704" s="1" t="s">
        <v>12476</v>
      </c>
      <c r="C25704" s="1" t="s">
        <v>48191</v>
      </c>
      <c r="D25704" s="2">
        <v>178532</v>
      </c>
      <c r="E25704" s="1" t="s">
        <v>0</v>
      </c>
    </row>
    <row r="25705" spans="1:5" ht="409.5" x14ac:dyDescent="0.25">
      <c r="A25705" s="4" t="s">
        <v>48192</v>
      </c>
      <c r="B25705" s="1" t="s">
        <v>58047</v>
      </c>
      <c r="C25705" s="1" t="s">
        <v>48193</v>
      </c>
      <c r="D25705" s="2">
        <v>178533</v>
      </c>
      <c r="E25705" s="1" t="s">
        <v>0</v>
      </c>
    </row>
    <row r="25706" spans="1:5" x14ac:dyDescent="0.25">
      <c r="A25706" s="1" t="s">
        <v>48194</v>
      </c>
      <c r="B25706" s="1" t="s">
        <v>57357</v>
      </c>
      <c r="C25706" s="1" t="s">
        <v>48195</v>
      </c>
      <c r="D25706" s="2">
        <v>178534</v>
      </c>
      <c r="E25706" s="1" t="s">
        <v>0</v>
      </c>
    </row>
    <row r="25707" spans="1:5" x14ac:dyDescent="0.25">
      <c r="A25707" s="2">
        <v>5141</v>
      </c>
      <c r="B25707" s="2">
        <v>5141</v>
      </c>
      <c r="C25707" s="1" t="s">
        <v>0</v>
      </c>
      <c r="D25707" s="2">
        <v>178535</v>
      </c>
      <c r="E25707" s="1" t="s">
        <v>0</v>
      </c>
    </row>
    <row r="25708" spans="1:5" x14ac:dyDescent="0.25">
      <c r="A25708" s="1" t="s">
        <v>4674</v>
      </c>
      <c r="B25708" s="1" t="s">
        <v>12477</v>
      </c>
      <c r="C25708" s="1" t="s">
        <v>48196</v>
      </c>
      <c r="D25708" s="2">
        <v>178536</v>
      </c>
      <c r="E25708" s="1" t="s">
        <v>0</v>
      </c>
    </row>
    <row r="25709" spans="1:5" x14ac:dyDescent="0.25">
      <c r="A25709" s="1" t="s">
        <v>48197</v>
      </c>
      <c r="B25709" s="1" t="s">
        <v>51107</v>
      </c>
      <c r="C25709" s="1" t="s">
        <v>48198</v>
      </c>
      <c r="D25709" s="2">
        <v>178537</v>
      </c>
      <c r="E25709" s="1" t="s">
        <v>0</v>
      </c>
    </row>
    <row r="25710" spans="1:5" ht="409.5" x14ac:dyDescent="0.25">
      <c r="A25710" s="4" t="s">
        <v>48199</v>
      </c>
      <c r="B25710" s="1" t="s">
        <v>51108</v>
      </c>
      <c r="C25710" s="1" t="s">
        <v>48200</v>
      </c>
      <c r="D25710" s="2">
        <v>178538</v>
      </c>
      <c r="E25710" s="1" t="s">
        <v>0</v>
      </c>
    </row>
    <row r="25711" spans="1:5" x14ac:dyDescent="0.25">
      <c r="A25711" s="1" t="s">
        <v>48201</v>
      </c>
      <c r="B25711" s="1" t="s">
        <v>56655</v>
      </c>
      <c r="C25711" s="1" t="s">
        <v>48202</v>
      </c>
      <c r="D25711" s="2">
        <v>178539</v>
      </c>
      <c r="E25711" s="1" t="s">
        <v>0</v>
      </c>
    </row>
    <row r="25712" spans="1:5" x14ac:dyDescent="0.25">
      <c r="A25712" s="2">
        <v>5142</v>
      </c>
      <c r="B25712" s="2">
        <v>5142</v>
      </c>
      <c r="C25712" s="1" t="s">
        <v>0</v>
      </c>
      <c r="D25712" s="2">
        <v>178540</v>
      </c>
      <c r="E25712" s="1" t="s">
        <v>0</v>
      </c>
    </row>
    <row r="25713" spans="1:5" x14ac:dyDescent="0.25">
      <c r="A25713" s="1" t="s">
        <v>4675</v>
      </c>
      <c r="B25713" s="1" t="s">
        <v>12478</v>
      </c>
      <c r="C25713" s="1" t="s">
        <v>48203</v>
      </c>
      <c r="D25713" s="2">
        <v>178541</v>
      </c>
      <c r="E25713" s="1" t="s">
        <v>0</v>
      </c>
    </row>
    <row r="25714" spans="1:5" x14ac:dyDescent="0.25">
      <c r="A25714" s="1" t="s">
        <v>48204</v>
      </c>
      <c r="B25714" s="1" t="s">
        <v>63848</v>
      </c>
      <c r="C25714" s="1" t="s">
        <v>48205</v>
      </c>
      <c r="D25714" s="2">
        <v>178542</v>
      </c>
      <c r="E25714" s="1" t="s">
        <v>0</v>
      </c>
    </row>
    <row r="25715" spans="1:5" ht="409.5" x14ac:dyDescent="0.25">
      <c r="A25715" s="4" t="s">
        <v>48206</v>
      </c>
      <c r="B25715" s="1" t="s">
        <v>63849</v>
      </c>
      <c r="C25715" s="1" t="s">
        <v>48207</v>
      </c>
      <c r="D25715" s="2">
        <v>178543</v>
      </c>
      <c r="E25715" s="1" t="s">
        <v>0</v>
      </c>
    </row>
    <row r="25716" spans="1:5" x14ac:dyDescent="0.25">
      <c r="A25716" s="1" t="s">
        <v>48208</v>
      </c>
      <c r="B25716" s="1" t="s">
        <v>56656</v>
      </c>
      <c r="C25716" s="1" t="s">
        <v>48209</v>
      </c>
      <c r="D25716" s="2">
        <v>178544</v>
      </c>
      <c r="E25716" s="1" t="s">
        <v>0</v>
      </c>
    </row>
    <row r="25717" spans="1:5" x14ac:dyDescent="0.25">
      <c r="A25717" s="2">
        <v>5143</v>
      </c>
      <c r="B25717" s="2">
        <v>5143</v>
      </c>
      <c r="C25717" s="1" t="s">
        <v>0</v>
      </c>
      <c r="D25717" s="2">
        <v>178545</v>
      </c>
      <c r="E25717" s="1" t="s">
        <v>0</v>
      </c>
    </row>
    <row r="25718" spans="1:5" x14ac:dyDescent="0.25">
      <c r="A25718" s="1" t="s">
        <v>4676</v>
      </c>
      <c r="B25718" s="1" t="s">
        <v>12479</v>
      </c>
      <c r="C25718" s="1" t="s">
        <v>48210</v>
      </c>
      <c r="D25718" s="2">
        <v>178546</v>
      </c>
      <c r="E25718" s="1" t="s">
        <v>0</v>
      </c>
    </row>
    <row r="25719" spans="1:5" x14ac:dyDescent="0.25">
      <c r="A25719" s="1" t="s">
        <v>61903</v>
      </c>
      <c r="B25719" s="1" t="s">
        <v>63087</v>
      </c>
      <c r="C25719" s="1" t="s">
        <v>48211</v>
      </c>
      <c r="D25719" s="2">
        <v>178547</v>
      </c>
      <c r="E25719" s="1" t="s">
        <v>0</v>
      </c>
    </row>
    <row r="25720" spans="1:5" ht="409.5" x14ac:dyDescent="0.25">
      <c r="A25720" s="4" t="s">
        <v>61904</v>
      </c>
      <c r="B25720" s="1" t="s">
        <v>63088</v>
      </c>
      <c r="C25720" s="1" t="s">
        <v>48212</v>
      </c>
      <c r="D25720" s="2">
        <v>178548</v>
      </c>
      <c r="E25720" s="1" t="s">
        <v>0</v>
      </c>
    </row>
    <row r="25721" spans="1:5" x14ac:dyDescent="0.25">
      <c r="A25721" s="1" t="s">
        <v>48213</v>
      </c>
      <c r="B25721" s="1" t="s">
        <v>56657</v>
      </c>
      <c r="C25721" s="1" t="s">
        <v>48214</v>
      </c>
      <c r="D25721" s="2">
        <v>178549</v>
      </c>
      <c r="E25721" s="1" t="s">
        <v>0</v>
      </c>
    </row>
    <row r="25722" spans="1:5" x14ac:dyDescent="0.25">
      <c r="A25722" s="2">
        <v>5144</v>
      </c>
      <c r="B25722" s="2">
        <v>5144</v>
      </c>
      <c r="C25722" s="1" t="s">
        <v>0</v>
      </c>
      <c r="D25722" s="2">
        <v>178550</v>
      </c>
      <c r="E25722" s="1" t="s">
        <v>0</v>
      </c>
    </row>
    <row r="25723" spans="1:5" x14ac:dyDescent="0.25">
      <c r="A25723" s="1" t="s">
        <v>4677</v>
      </c>
      <c r="B25723" s="1" t="s">
        <v>12480</v>
      </c>
      <c r="C25723" s="1" t="s">
        <v>48215</v>
      </c>
      <c r="D25723" s="2">
        <v>178551</v>
      </c>
      <c r="E25723" s="1" t="s">
        <v>0</v>
      </c>
    </row>
    <row r="25724" spans="1:5" x14ac:dyDescent="0.25">
      <c r="A25724" s="1" t="s">
        <v>48216</v>
      </c>
      <c r="B25724" s="1" t="s">
        <v>56658</v>
      </c>
      <c r="C25724" s="1" t="s">
        <v>48217</v>
      </c>
      <c r="D25724" s="2">
        <v>178552</v>
      </c>
      <c r="E25724" s="1" t="s">
        <v>0</v>
      </c>
    </row>
    <row r="25725" spans="1:5" ht="409.5" x14ac:dyDescent="0.25">
      <c r="A25725" s="4" t="s">
        <v>48218</v>
      </c>
      <c r="B25725" s="1" t="s">
        <v>57358</v>
      </c>
      <c r="C25725" s="1" t="s">
        <v>48219</v>
      </c>
      <c r="D25725" s="2">
        <v>178553</v>
      </c>
      <c r="E25725" s="1" t="s">
        <v>0</v>
      </c>
    </row>
    <row r="25726" spans="1:5" x14ac:dyDescent="0.25">
      <c r="A25726" s="1" t="s">
        <v>48220</v>
      </c>
      <c r="B25726" s="1" t="s">
        <v>12481</v>
      </c>
      <c r="C25726" s="1" t="s">
        <v>48221</v>
      </c>
      <c r="D25726" s="2">
        <v>178554</v>
      </c>
      <c r="E25726" s="1" t="s">
        <v>0</v>
      </c>
    </row>
    <row r="25727" spans="1:5" x14ac:dyDescent="0.25">
      <c r="A25727" s="2">
        <v>5145</v>
      </c>
      <c r="B25727" s="2">
        <v>5145</v>
      </c>
      <c r="C25727" s="1" t="s">
        <v>0</v>
      </c>
      <c r="D25727" s="2">
        <v>178555</v>
      </c>
      <c r="E25727" s="1" t="s">
        <v>0</v>
      </c>
    </row>
    <row r="25728" spans="1:5" x14ac:dyDescent="0.25">
      <c r="A25728" s="1" t="s">
        <v>4678</v>
      </c>
      <c r="B25728" s="1" t="s">
        <v>56659</v>
      </c>
      <c r="C25728" s="1" t="s">
        <v>48222</v>
      </c>
      <c r="D25728" s="2">
        <v>178556</v>
      </c>
      <c r="E25728" s="1" t="s">
        <v>0</v>
      </c>
    </row>
    <row r="25729" spans="1:5" x14ac:dyDescent="0.25">
      <c r="A25729" s="1" t="s">
        <v>48223</v>
      </c>
      <c r="B25729" s="1" t="s">
        <v>56892</v>
      </c>
      <c r="C25729" s="1" t="s">
        <v>48224</v>
      </c>
      <c r="D25729" s="2">
        <v>178557</v>
      </c>
      <c r="E25729" s="1" t="s">
        <v>0</v>
      </c>
    </row>
    <row r="25730" spans="1:5" ht="409.5" x14ac:dyDescent="0.25">
      <c r="A25730" s="4" t="s">
        <v>64413</v>
      </c>
      <c r="B25730" s="1" t="s">
        <v>56893</v>
      </c>
      <c r="C25730" s="1" t="s">
        <v>48225</v>
      </c>
      <c r="D25730" s="2">
        <v>178558</v>
      </c>
      <c r="E25730" s="1" t="s">
        <v>0</v>
      </c>
    </row>
    <row r="25731" spans="1:5" x14ac:dyDescent="0.25">
      <c r="A25731" s="1" t="s">
        <v>48226</v>
      </c>
      <c r="B25731" s="1" t="s">
        <v>56894</v>
      </c>
      <c r="C25731" s="1" t="s">
        <v>48227</v>
      </c>
      <c r="D25731" s="2">
        <v>178559</v>
      </c>
      <c r="E25731" s="1" t="s">
        <v>0</v>
      </c>
    </row>
    <row r="25732" spans="1:5" x14ac:dyDescent="0.25">
      <c r="A25732" s="2">
        <v>5146</v>
      </c>
      <c r="B25732" s="2">
        <v>5146</v>
      </c>
      <c r="C25732" s="1" t="s">
        <v>0</v>
      </c>
      <c r="D25732" s="2">
        <v>178560</v>
      </c>
      <c r="E25732" s="1" t="s">
        <v>0</v>
      </c>
    </row>
    <row r="25733" spans="1:5" x14ac:dyDescent="0.25">
      <c r="A25733" s="1" t="s">
        <v>4679</v>
      </c>
      <c r="B25733" s="1" t="s">
        <v>12482</v>
      </c>
      <c r="C25733" s="1" t="s">
        <v>48228</v>
      </c>
      <c r="D25733" s="2">
        <v>178561</v>
      </c>
      <c r="E25733" s="1" t="s">
        <v>0</v>
      </c>
    </row>
    <row r="25734" spans="1:5" x14ac:dyDescent="0.25">
      <c r="A25734" s="1" t="s">
        <v>48229</v>
      </c>
      <c r="B25734" s="1" t="s">
        <v>56660</v>
      </c>
      <c r="C25734" s="1" t="s">
        <v>48230</v>
      </c>
      <c r="D25734" s="2">
        <v>178562</v>
      </c>
      <c r="E25734" s="1" t="s">
        <v>0</v>
      </c>
    </row>
    <row r="25735" spans="1:5" ht="409.5" x14ac:dyDescent="0.25">
      <c r="A25735" s="4" t="s">
        <v>48231</v>
      </c>
      <c r="B25735" s="1" t="s">
        <v>56661</v>
      </c>
      <c r="C25735" s="1" t="s">
        <v>48232</v>
      </c>
      <c r="D25735" s="2">
        <v>178563</v>
      </c>
      <c r="E25735" s="1" t="s">
        <v>0</v>
      </c>
    </row>
    <row r="25736" spans="1:5" x14ac:dyDescent="0.25">
      <c r="A25736" s="1" t="s">
        <v>48233</v>
      </c>
      <c r="B25736" s="1" t="s">
        <v>56662</v>
      </c>
      <c r="C25736" s="1" t="s">
        <v>48234</v>
      </c>
      <c r="D25736" s="2">
        <v>178564</v>
      </c>
      <c r="E25736" s="1" t="s">
        <v>0</v>
      </c>
    </row>
    <row r="25737" spans="1:5" x14ac:dyDescent="0.25">
      <c r="A25737" s="2">
        <v>5147</v>
      </c>
      <c r="B25737" s="2">
        <v>5147</v>
      </c>
      <c r="C25737" s="1" t="s">
        <v>0</v>
      </c>
      <c r="D25737" s="2">
        <v>178565</v>
      </c>
      <c r="E25737" s="1" t="s">
        <v>0</v>
      </c>
    </row>
    <row r="25738" spans="1:5" x14ac:dyDescent="0.25">
      <c r="A25738" s="1" t="s">
        <v>4680</v>
      </c>
      <c r="B25738" s="1" t="s">
        <v>51109</v>
      </c>
      <c r="C25738" s="1" t="s">
        <v>48235</v>
      </c>
      <c r="D25738" s="2">
        <v>178566</v>
      </c>
      <c r="E25738" s="1" t="s">
        <v>0</v>
      </c>
    </row>
    <row r="25739" spans="1:5" x14ac:dyDescent="0.25">
      <c r="A25739" s="1" t="s">
        <v>48236</v>
      </c>
      <c r="B25739" s="1" t="s">
        <v>56895</v>
      </c>
      <c r="C25739" s="1" t="s">
        <v>48237</v>
      </c>
      <c r="D25739" s="2">
        <v>178567</v>
      </c>
      <c r="E25739" s="1" t="s">
        <v>0</v>
      </c>
    </row>
    <row r="25740" spans="1:5" ht="409.5" x14ac:dyDescent="0.25">
      <c r="A25740" s="4" t="s">
        <v>48238</v>
      </c>
      <c r="B25740" s="1" t="s">
        <v>61537</v>
      </c>
      <c r="C25740" s="1" t="s">
        <v>48239</v>
      </c>
      <c r="D25740" s="2">
        <v>178568</v>
      </c>
      <c r="E25740" s="1" t="s">
        <v>0</v>
      </c>
    </row>
    <row r="25741" spans="1:5" x14ac:dyDescent="0.25">
      <c r="A25741" s="1" t="s">
        <v>48240</v>
      </c>
      <c r="B25741" s="1" t="s">
        <v>56663</v>
      </c>
      <c r="C25741" s="1" t="s">
        <v>48241</v>
      </c>
      <c r="D25741" s="2">
        <v>178569</v>
      </c>
      <c r="E25741" s="1" t="s">
        <v>0</v>
      </c>
    </row>
    <row r="25742" spans="1:5" x14ac:dyDescent="0.25">
      <c r="A25742" s="2">
        <v>5148</v>
      </c>
      <c r="B25742" s="2">
        <v>5148</v>
      </c>
      <c r="C25742" s="1" t="s">
        <v>0</v>
      </c>
      <c r="D25742" s="2">
        <v>178570</v>
      </c>
      <c r="E25742" s="1" t="s">
        <v>0</v>
      </c>
    </row>
    <row r="25743" spans="1:5" x14ac:dyDescent="0.25">
      <c r="A25743" s="1" t="s">
        <v>4681</v>
      </c>
      <c r="B25743" s="1" t="s">
        <v>56664</v>
      </c>
      <c r="C25743" s="1" t="s">
        <v>48242</v>
      </c>
      <c r="D25743" s="2">
        <v>178571</v>
      </c>
      <c r="E25743" s="1" t="s">
        <v>0</v>
      </c>
    </row>
    <row r="25744" spans="1:5" x14ac:dyDescent="0.25">
      <c r="A25744" s="1" t="s">
        <v>48243</v>
      </c>
      <c r="B25744" s="1" t="s">
        <v>63089</v>
      </c>
      <c r="C25744" s="1" t="s">
        <v>48244</v>
      </c>
      <c r="D25744" s="2">
        <v>178572</v>
      </c>
      <c r="E25744" s="1" t="s">
        <v>0</v>
      </c>
    </row>
    <row r="25745" spans="1:5" ht="409.5" x14ac:dyDescent="0.25">
      <c r="A25745" s="4" t="s">
        <v>48245</v>
      </c>
      <c r="B25745" s="1" t="s">
        <v>63090</v>
      </c>
      <c r="C25745" s="1" t="s">
        <v>48246</v>
      </c>
      <c r="D25745" s="2">
        <v>178573</v>
      </c>
      <c r="E25745" s="1" t="s">
        <v>0</v>
      </c>
    </row>
    <row r="25746" spans="1:5" x14ac:dyDescent="0.25">
      <c r="A25746" s="1" t="s">
        <v>48247</v>
      </c>
      <c r="B25746" s="1" t="s">
        <v>58657</v>
      </c>
      <c r="C25746" s="1" t="s">
        <v>48248</v>
      </c>
      <c r="D25746" s="2">
        <v>178574</v>
      </c>
      <c r="E25746" s="1" t="s">
        <v>0</v>
      </c>
    </row>
    <row r="25747" spans="1:5" x14ac:dyDescent="0.25">
      <c r="A25747" s="2">
        <v>5149</v>
      </c>
      <c r="B25747" s="2">
        <v>5149</v>
      </c>
      <c r="C25747" s="1" t="s">
        <v>0</v>
      </c>
      <c r="D25747" s="2">
        <v>178575</v>
      </c>
      <c r="E25747" s="1" t="s">
        <v>0</v>
      </c>
    </row>
    <row r="25748" spans="1:5" x14ac:dyDescent="0.25">
      <c r="A25748" s="1" t="s">
        <v>4682</v>
      </c>
      <c r="B25748" s="1" t="s">
        <v>12483</v>
      </c>
      <c r="C25748" s="1" t="s">
        <v>48249</v>
      </c>
      <c r="D25748" s="2">
        <v>178576</v>
      </c>
      <c r="E25748" s="1" t="s">
        <v>0</v>
      </c>
    </row>
    <row r="25749" spans="1:5" x14ac:dyDescent="0.25">
      <c r="A25749" s="1" t="s">
        <v>48250</v>
      </c>
      <c r="B25749" s="1" t="s">
        <v>58658</v>
      </c>
      <c r="C25749" s="1" t="s">
        <v>48251</v>
      </c>
      <c r="D25749" s="2">
        <v>178577</v>
      </c>
      <c r="E25749" s="1" t="s">
        <v>0</v>
      </c>
    </row>
    <row r="25750" spans="1:5" ht="409.5" x14ac:dyDescent="0.25">
      <c r="A25750" s="4" t="s">
        <v>48252</v>
      </c>
      <c r="B25750" s="1" t="s">
        <v>58659</v>
      </c>
      <c r="C25750" s="1" t="s">
        <v>48253</v>
      </c>
      <c r="D25750" s="2">
        <v>178578</v>
      </c>
      <c r="E25750" s="1" t="s">
        <v>0</v>
      </c>
    </row>
    <row r="25751" spans="1:5" x14ac:dyDescent="0.25">
      <c r="A25751" s="1" t="s">
        <v>48254</v>
      </c>
      <c r="B25751" s="1" t="s">
        <v>56665</v>
      </c>
      <c r="C25751" s="1" t="s">
        <v>48255</v>
      </c>
      <c r="D25751" s="2">
        <v>178579</v>
      </c>
      <c r="E25751" s="1" t="s">
        <v>0</v>
      </c>
    </row>
    <row r="25752" spans="1:5" x14ac:dyDescent="0.25">
      <c r="A25752" s="2">
        <v>5150</v>
      </c>
      <c r="B25752" s="2">
        <v>5150</v>
      </c>
      <c r="C25752" s="1" t="s">
        <v>0</v>
      </c>
      <c r="D25752" s="2">
        <v>178580</v>
      </c>
      <c r="E25752" s="1" t="s">
        <v>0</v>
      </c>
    </row>
    <row r="25753" spans="1:5" x14ac:dyDescent="0.25">
      <c r="A25753" s="1" t="s">
        <v>4683</v>
      </c>
      <c r="B25753" s="1" t="s">
        <v>12484</v>
      </c>
      <c r="C25753" s="1" t="s">
        <v>48256</v>
      </c>
      <c r="D25753" s="2">
        <v>178581</v>
      </c>
      <c r="E25753" s="1" t="s">
        <v>0</v>
      </c>
    </row>
    <row r="25754" spans="1:5" x14ac:dyDescent="0.25">
      <c r="A25754" s="1" t="s">
        <v>48257</v>
      </c>
      <c r="B25754" s="1" t="s">
        <v>12485</v>
      </c>
      <c r="C25754" s="1" t="s">
        <v>48258</v>
      </c>
      <c r="D25754" s="2">
        <v>178582</v>
      </c>
      <c r="E25754" s="1" t="s">
        <v>0</v>
      </c>
    </row>
    <row r="25755" spans="1:5" ht="409.5" x14ac:dyDescent="0.25">
      <c r="A25755" s="4" t="s">
        <v>48259</v>
      </c>
      <c r="B25755" s="1" t="s">
        <v>63563</v>
      </c>
      <c r="C25755" s="1" t="s">
        <v>48260</v>
      </c>
      <c r="D25755" s="2">
        <v>178583</v>
      </c>
      <c r="E25755" s="1" t="s">
        <v>0</v>
      </c>
    </row>
    <row r="25756" spans="1:5" x14ac:dyDescent="0.25">
      <c r="A25756" s="1" t="s">
        <v>48261</v>
      </c>
      <c r="B25756" s="1" t="s">
        <v>12486</v>
      </c>
      <c r="C25756" s="1" t="s">
        <v>48262</v>
      </c>
      <c r="D25756" s="2">
        <v>178584</v>
      </c>
      <c r="E25756" s="1" t="s">
        <v>0</v>
      </c>
    </row>
    <row r="25757" spans="1:5" x14ac:dyDescent="0.25">
      <c r="A25757" s="2">
        <v>5151</v>
      </c>
      <c r="B25757" s="2">
        <v>5151</v>
      </c>
      <c r="C25757" s="1" t="s">
        <v>0</v>
      </c>
      <c r="D25757" s="2">
        <v>178585</v>
      </c>
      <c r="E25757" s="1" t="s">
        <v>0</v>
      </c>
    </row>
    <row r="25758" spans="1:5" x14ac:dyDescent="0.25">
      <c r="A25758" s="1" t="s">
        <v>4684</v>
      </c>
      <c r="B25758" s="1" t="s">
        <v>12487</v>
      </c>
      <c r="C25758" s="1" t="s">
        <v>48263</v>
      </c>
      <c r="D25758" s="2">
        <v>178586</v>
      </c>
      <c r="E25758" s="1" t="s">
        <v>0</v>
      </c>
    </row>
    <row r="25759" spans="1:5" x14ac:dyDescent="0.25">
      <c r="A25759" s="1" t="s">
        <v>48264</v>
      </c>
      <c r="B25759" s="1" t="s">
        <v>63850</v>
      </c>
      <c r="C25759" s="1" t="s">
        <v>48265</v>
      </c>
      <c r="D25759" s="2">
        <v>178587</v>
      </c>
      <c r="E25759" s="1" t="s">
        <v>0</v>
      </c>
    </row>
    <row r="25760" spans="1:5" ht="409.5" x14ac:dyDescent="0.25">
      <c r="A25760" s="4" t="s">
        <v>64414</v>
      </c>
      <c r="B25760" s="1" t="s">
        <v>63851</v>
      </c>
      <c r="C25760" s="1" t="s">
        <v>48266</v>
      </c>
      <c r="D25760" s="2">
        <v>178588</v>
      </c>
      <c r="E25760" s="1" t="s">
        <v>0</v>
      </c>
    </row>
    <row r="25761" spans="1:5" x14ac:dyDescent="0.25">
      <c r="A25761" s="1" t="s">
        <v>48267</v>
      </c>
      <c r="B25761" s="1" t="s">
        <v>12488</v>
      </c>
      <c r="C25761" s="1" t="s">
        <v>48268</v>
      </c>
      <c r="D25761" s="2">
        <v>178589</v>
      </c>
      <c r="E25761" s="1" t="s">
        <v>0</v>
      </c>
    </row>
    <row r="25762" spans="1:5" x14ac:dyDescent="0.25">
      <c r="A25762" s="2">
        <v>5152</v>
      </c>
      <c r="B25762" s="2">
        <v>5152</v>
      </c>
      <c r="C25762" s="1" t="s">
        <v>0</v>
      </c>
      <c r="D25762" s="2">
        <v>178590</v>
      </c>
      <c r="E25762" s="1" t="s">
        <v>0</v>
      </c>
    </row>
    <row r="25763" spans="1:5" x14ac:dyDescent="0.25">
      <c r="A25763" s="1" t="s">
        <v>4685</v>
      </c>
      <c r="B25763" s="1" t="s">
        <v>12489</v>
      </c>
      <c r="C25763" s="1" t="s">
        <v>48269</v>
      </c>
      <c r="D25763" s="2">
        <v>178591</v>
      </c>
      <c r="E25763" s="1" t="s">
        <v>0</v>
      </c>
    </row>
    <row r="25764" spans="1:5" x14ac:dyDescent="0.25">
      <c r="A25764" s="1" t="s">
        <v>48270</v>
      </c>
      <c r="B25764" s="1" t="s">
        <v>56666</v>
      </c>
      <c r="C25764" s="1" t="s">
        <v>48271</v>
      </c>
      <c r="D25764" s="2">
        <v>178592</v>
      </c>
      <c r="E25764" s="1" t="s">
        <v>0</v>
      </c>
    </row>
    <row r="25765" spans="1:5" ht="409.5" x14ac:dyDescent="0.25">
      <c r="A25765" s="5" t="s">
        <v>59117</v>
      </c>
      <c r="B25765" s="1" t="s">
        <v>60678</v>
      </c>
      <c r="C25765" s="1" t="s">
        <v>48272</v>
      </c>
      <c r="D25765" s="2">
        <v>178593</v>
      </c>
      <c r="E25765" s="1" t="s">
        <v>0</v>
      </c>
    </row>
    <row r="25766" spans="1:5" x14ac:dyDescent="0.25">
      <c r="A25766" s="1" t="s">
        <v>48273</v>
      </c>
      <c r="B25766" s="1" t="s">
        <v>12490</v>
      </c>
      <c r="C25766" s="1" t="s">
        <v>48274</v>
      </c>
      <c r="D25766" s="2">
        <v>178594</v>
      </c>
      <c r="E25766" s="1" t="s">
        <v>0</v>
      </c>
    </row>
    <row r="25767" spans="1:5" x14ac:dyDescent="0.25">
      <c r="A25767" s="2">
        <v>5153</v>
      </c>
      <c r="B25767" s="2">
        <v>5153</v>
      </c>
      <c r="C25767" s="1" t="s">
        <v>0</v>
      </c>
      <c r="D25767" s="2">
        <v>178595</v>
      </c>
      <c r="E25767" s="1" t="s">
        <v>0</v>
      </c>
    </row>
    <row r="25768" spans="1:5" x14ac:dyDescent="0.25">
      <c r="A25768" s="1" t="s">
        <v>4686</v>
      </c>
      <c r="B25768" s="1" t="s">
        <v>59118</v>
      </c>
      <c r="C25768" s="1" t="s">
        <v>48275</v>
      </c>
      <c r="D25768" s="2">
        <v>178596</v>
      </c>
      <c r="E25768" s="1" t="s">
        <v>0</v>
      </c>
    </row>
    <row r="25769" spans="1:5" x14ac:dyDescent="0.25">
      <c r="A25769" s="1" t="s">
        <v>48276</v>
      </c>
      <c r="B25769" s="1" t="s">
        <v>59119</v>
      </c>
      <c r="C25769" s="1" t="s">
        <v>48277</v>
      </c>
      <c r="D25769" s="2">
        <v>178597</v>
      </c>
      <c r="E25769" s="1" t="s">
        <v>0</v>
      </c>
    </row>
    <row r="25770" spans="1:5" ht="409.5" x14ac:dyDescent="0.25">
      <c r="A25770" s="4" t="s">
        <v>48278</v>
      </c>
      <c r="B25770" s="1" t="s">
        <v>59120</v>
      </c>
      <c r="C25770" s="1" t="s">
        <v>48279</v>
      </c>
      <c r="D25770" s="2">
        <v>178598</v>
      </c>
      <c r="E25770" s="1" t="s">
        <v>0</v>
      </c>
    </row>
    <row r="25771" spans="1:5" x14ac:dyDescent="0.25">
      <c r="A25771" s="1" t="s">
        <v>48280</v>
      </c>
      <c r="B25771" s="1" t="s">
        <v>59121</v>
      </c>
      <c r="C25771" s="1" t="s">
        <v>48281</v>
      </c>
      <c r="D25771" s="2">
        <v>178599</v>
      </c>
      <c r="E25771" s="1" t="s">
        <v>0</v>
      </c>
    </row>
    <row r="25772" spans="1:5" x14ac:dyDescent="0.25">
      <c r="A25772" s="2">
        <v>5154</v>
      </c>
      <c r="B25772" s="2">
        <v>5154</v>
      </c>
      <c r="C25772" s="1" t="s">
        <v>0</v>
      </c>
      <c r="D25772" s="2">
        <v>178600</v>
      </c>
      <c r="E25772" s="1" t="s">
        <v>0</v>
      </c>
    </row>
    <row r="25773" spans="1:5" x14ac:dyDescent="0.25">
      <c r="A25773" s="1" t="s">
        <v>4687</v>
      </c>
      <c r="B25773" s="1" t="s">
        <v>12491</v>
      </c>
      <c r="C25773" s="1" t="s">
        <v>48282</v>
      </c>
      <c r="D25773" s="2">
        <v>178601</v>
      </c>
      <c r="E25773" s="1" t="s">
        <v>0</v>
      </c>
    </row>
    <row r="25774" spans="1:5" x14ac:dyDescent="0.25">
      <c r="A25774" s="1" t="s">
        <v>48283</v>
      </c>
      <c r="B25774" s="1" t="s">
        <v>59122</v>
      </c>
      <c r="C25774" s="1" t="s">
        <v>48284</v>
      </c>
      <c r="D25774" s="2">
        <v>178602</v>
      </c>
      <c r="E25774" s="1" t="s">
        <v>0</v>
      </c>
    </row>
    <row r="25775" spans="1:5" ht="409.5" x14ac:dyDescent="0.25">
      <c r="A25775" s="4" t="s">
        <v>48285</v>
      </c>
      <c r="B25775" s="1" t="s">
        <v>63852</v>
      </c>
      <c r="C25775" s="1" t="s">
        <v>48286</v>
      </c>
      <c r="D25775" s="2">
        <v>178603</v>
      </c>
      <c r="E25775" s="1" t="s">
        <v>0</v>
      </c>
    </row>
    <row r="25776" spans="1:5" x14ac:dyDescent="0.25">
      <c r="A25776" s="1" t="s">
        <v>48287</v>
      </c>
      <c r="B25776" s="1" t="s">
        <v>59123</v>
      </c>
      <c r="C25776" s="1" t="s">
        <v>48288</v>
      </c>
      <c r="D25776" s="2">
        <v>178604</v>
      </c>
      <c r="E25776" s="1" t="s">
        <v>0</v>
      </c>
    </row>
    <row r="25777" spans="1:5" x14ac:dyDescent="0.25">
      <c r="A25777" s="2">
        <v>5155</v>
      </c>
      <c r="B25777" s="2">
        <v>5155</v>
      </c>
      <c r="C25777" s="1" t="s">
        <v>0</v>
      </c>
      <c r="D25777" s="2">
        <v>178605</v>
      </c>
      <c r="E25777" s="1" t="s">
        <v>0</v>
      </c>
    </row>
    <row r="25778" spans="1:5" x14ac:dyDescent="0.25">
      <c r="A25778" s="1" t="s">
        <v>4688</v>
      </c>
      <c r="B25778" s="1" t="s">
        <v>12492</v>
      </c>
      <c r="C25778" s="1" t="s">
        <v>48289</v>
      </c>
      <c r="D25778" s="2">
        <v>178606</v>
      </c>
      <c r="E25778" s="1" t="s">
        <v>0</v>
      </c>
    </row>
    <row r="25779" spans="1:5" x14ac:dyDescent="0.25">
      <c r="A25779" s="1" t="s">
        <v>48290</v>
      </c>
      <c r="B25779" s="1" t="s">
        <v>63091</v>
      </c>
      <c r="C25779" s="1" t="s">
        <v>48291</v>
      </c>
      <c r="D25779" s="2">
        <v>178607</v>
      </c>
      <c r="E25779" s="1" t="s">
        <v>0</v>
      </c>
    </row>
    <row r="25780" spans="1:5" ht="409.5" x14ac:dyDescent="0.25">
      <c r="A25780" s="4" t="s">
        <v>48292</v>
      </c>
      <c r="B25780" s="1" t="s">
        <v>63092</v>
      </c>
      <c r="C25780" s="1" t="s">
        <v>48293</v>
      </c>
      <c r="D25780" s="2">
        <v>178608</v>
      </c>
      <c r="E25780" s="1" t="s">
        <v>0</v>
      </c>
    </row>
    <row r="25781" spans="1:5" x14ac:dyDescent="0.25">
      <c r="A25781" s="1" t="s">
        <v>48294</v>
      </c>
      <c r="B25781" s="1" t="s">
        <v>12493</v>
      </c>
      <c r="C25781" s="1" t="s">
        <v>48295</v>
      </c>
      <c r="D25781" s="2">
        <v>178609</v>
      </c>
      <c r="E25781" s="1" t="s">
        <v>0</v>
      </c>
    </row>
    <row r="25782" spans="1:5" x14ac:dyDescent="0.25">
      <c r="A25782" s="2">
        <v>5156</v>
      </c>
      <c r="B25782" s="2">
        <v>5156</v>
      </c>
      <c r="C25782" s="1" t="s">
        <v>0</v>
      </c>
      <c r="D25782" s="2">
        <v>178610</v>
      </c>
      <c r="E25782" s="1" t="s">
        <v>0</v>
      </c>
    </row>
    <row r="25783" spans="1:5" x14ac:dyDescent="0.25">
      <c r="A25783" s="1" t="s">
        <v>13323</v>
      </c>
      <c r="B25783" s="1" t="s">
        <v>12494</v>
      </c>
      <c r="C25783" s="1" t="s">
        <v>48296</v>
      </c>
      <c r="D25783" s="2">
        <v>178611</v>
      </c>
      <c r="E25783" s="1" t="s">
        <v>0</v>
      </c>
    </row>
    <row r="25784" spans="1:5" x14ac:dyDescent="0.25">
      <c r="A25784" s="1" t="s">
        <v>48297</v>
      </c>
      <c r="B25784" s="1" t="s">
        <v>12495</v>
      </c>
      <c r="C25784" s="1" t="s">
        <v>48298</v>
      </c>
      <c r="D25784" s="2">
        <v>178612</v>
      </c>
      <c r="E25784" s="1" t="s">
        <v>0</v>
      </c>
    </row>
    <row r="25785" spans="1:5" ht="409.5" x14ac:dyDescent="0.25">
      <c r="A25785" s="4" t="s">
        <v>48299</v>
      </c>
      <c r="B25785" s="1" t="s">
        <v>58048</v>
      </c>
      <c r="C25785" s="1" t="s">
        <v>48300</v>
      </c>
      <c r="D25785" s="2">
        <v>178613</v>
      </c>
      <c r="E25785" s="1" t="s">
        <v>0</v>
      </c>
    </row>
    <row r="25786" spans="1:5" x14ac:dyDescent="0.25">
      <c r="A25786" s="1" t="s">
        <v>48301</v>
      </c>
      <c r="B25786" s="1" t="s">
        <v>12496</v>
      </c>
      <c r="C25786" s="1" t="s">
        <v>48302</v>
      </c>
      <c r="D25786" s="2">
        <v>178614</v>
      </c>
      <c r="E25786" s="1" t="s">
        <v>0</v>
      </c>
    </row>
    <row r="25787" spans="1:5" x14ac:dyDescent="0.25">
      <c r="A25787" s="2">
        <v>5157</v>
      </c>
      <c r="B25787" s="2">
        <v>5157</v>
      </c>
      <c r="C25787" s="1" t="s">
        <v>0</v>
      </c>
      <c r="D25787" s="2">
        <v>178615</v>
      </c>
      <c r="E25787" s="1" t="s">
        <v>0</v>
      </c>
    </row>
    <row r="25788" spans="1:5" x14ac:dyDescent="0.25">
      <c r="A25788" s="1" t="s">
        <v>4689</v>
      </c>
      <c r="B25788" s="1" t="s">
        <v>12497</v>
      </c>
      <c r="C25788" s="1" t="s">
        <v>48303</v>
      </c>
      <c r="D25788" s="2">
        <v>178616</v>
      </c>
      <c r="E25788" s="1" t="s">
        <v>0</v>
      </c>
    </row>
    <row r="25789" spans="1:5" x14ac:dyDescent="0.25">
      <c r="A25789" s="1" t="s">
        <v>48304</v>
      </c>
      <c r="B25789" s="1" t="s">
        <v>59124</v>
      </c>
      <c r="C25789" s="1" t="s">
        <v>48305</v>
      </c>
      <c r="D25789" s="2">
        <v>178617</v>
      </c>
      <c r="E25789" s="1" t="s">
        <v>0</v>
      </c>
    </row>
    <row r="25790" spans="1:5" ht="409.5" x14ac:dyDescent="0.25">
      <c r="A25790" s="4" t="s">
        <v>48306</v>
      </c>
      <c r="B25790" s="1" t="s">
        <v>59125</v>
      </c>
      <c r="C25790" s="1" t="s">
        <v>48307</v>
      </c>
      <c r="D25790" s="2">
        <v>178618</v>
      </c>
      <c r="E25790" s="1" t="s">
        <v>0</v>
      </c>
    </row>
    <row r="25791" spans="1:5" x14ac:dyDescent="0.25">
      <c r="A25791" s="1" t="s">
        <v>48308</v>
      </c>
      <c r="B25791" s="1" t="s">
        <v>12498</v>
      </c>
      <c r="C25791" s="1" t="s">
        <v>48309</v>
      </c>
      <c r="D25791" s="2">
        <v>178619</v>
      </c>
      <c r="E25791" s="1" t="s">
        <v>0</v>
      </c>
    </row>
    <row r="25792" spans="1:5" x14ac:dyDescent="0.25">
      <c r="A25792" s="2">
        <v>5158</v>
      </c>
      <c r="B25792" s="2">
        <v>5158</v>
      </c>
      <c r="C25792" s="1" t="s">
        <v>0</v>
      </c>
      <c r="D25792" s="2">
        <v>178620</v>
      </c>
      <c r="E25792" s="1" t="s">
        <v>0</v>
      </c>
    </row>
    <row r="25793" spans="1:5" x14ac:dyDescent="0.25">
      <c r="A25793" s="1" t="s">
        <v>4690</v>
      </c>
      <c r="B25793" s="1" t="s">
        <v>12499</v>
      </c>
      <c r="C25793" s="1" t="s">
        <v>48310</v>
      </c>
      <c r="D25793" s="2">
        <v>178621</v>
      </c>
      <c r="E25793" s="1" t="s">
        <v>0</v>
      </c>
    </row>
    <row r="25794" spans="1:5" x14ac:dyDescent="0.25">
      <c r="A25794" s="1" t="s">
        <v>48311</v>
      </c>
      <c r="B25794" s="1" t="s">
        <v>59126</v>
      </c>
      <c r="C25794" s="1" t="s">
        <v>48312</v>
      </c>
      <c r="D25794" s="2">
        <v>178622</v>
      </c>
      <c r="E25794" s="1" t="s">
        <v>0</v>
      </c>
    </row>
    <row r="25795" spans="1:5" ht="409.5" x14ac:dyDescent="0.25">
      <c r="A25795" s="4" t="s">
        <v>48313</v>
      </c>
      <c r="B25795" s="1" t="s">
        <v>59127</v>
      </c>
      <c r="C25795" s="1" t="s">
        <v>48314</v>
      </c>
      <c r="D25795" s="2">
        <v>178623</v>
      </c>
      <c r="E25795" s="1" t="s">
        <v>0</v>
      </c>
    </row>
    <row r="25796" spans="1:5" x14ac:dyDescent="0.25">
      <c r="A25796" s="1" t="s">
        <v>48315</v>
      </c>
      <c r="B25796" s="1" t="s">
        <v>12500</v>
      </c>
      <c r="C25796" s="1" t="s">
        <v>48316</v>
      </c>
      <c r="D25796" s="2">
        <v>178624</v>
      </c>
      <c r="E25796" s="1" t="s">
        <v>0</v>
      </c>
    </row>
    <row r="25797" spans="1:5" x14ac:dyDescent="0.25">
      <c r="A25797" s="2">
        <v>5159</v>
      </c>
      <c r="B25797" s="2">
        <v>5159</v>
      </c>
      <c r="C25797" s="1" t="s">
        <v>0</v>
      </c>
      <c r="D25797" s="2">
        <v>178625</v>
      </c>
      <c r="E25797" s="1" t="s">
        <v>0</v>
      </c>
    </row>
    <row r="25798" spans="1:5" x14ac:dyDescent="0.25">
      <c r="A25798" s="1" t="s">
        <v>4691</v>
      </c>
      <c r="B25798" s="1" t="s">
        <v>60339</v>
      </c>
      <c r="C25798" s="1" t="s">
        <v>48317</v>
      </c>
      <c r="D25798" s="2">
        <v>178626</v>
      </c>
      <c r="E25798" s="1" t="s">
        <v>0</v>
      </c>
    </row>
    <row r="25799" spans="1:5" x14ac:dyDescent="0.25">
      <c r="A25799" s="1" t="s">
        <v>48318</v>
      </c>
      <c r="B25799" s="1" t="s">
        <v>60679</v>
      </c>
      <c r="C25799" s="1" t="s">
        <v>48319</v>
      </c>
      <c r="D25799" s="2">
        <v>178627</v>
      </c>
      <c r="E25799" s="1" t="s">
        <v>0</v>
      </c>
    </row>
    <row r="25800" spans="1:5" ht="409.5" x14ac:dyDescent="0.25">
      <c r="A25800" s="4" t="s">
        <v>48320</v>
      </c>
      <c r="B25800" s="1" t="s">
        <v>63564</v>
      </c>
      <c r="C25800" s="1" t="s">
        <v>48321</v>
      </c>
      <c r="D25800" s="2">
        <v>178628</v>
      </c>
      <c r="E25800" s="1" t="s">
        <v>0</v>
      </c>
    </row>
    <row r="25801" spans="1:5" x14ac:dyDescent="0.25">
      <c r="A25801" s="1" t="s">
        <v>48322</v>
      </c>
      <c r="B25801" s="1" t="s">
        <v>59128</v>
      </c>
      <c r="C25801" s="1" t="s">
        <v>48323</v>
      </c>
      <c r="D25801" s="2">
        <v>178629</v>
      </c>
      <c r="E25801" s="1" t="s">
        <v>0</v>
      </c>
    </row>
    <row r="25802" spans="1:5" x14ac:dyDescent="0.25">
      <c r="A25802" s="2">
        <v>5160</v>
      </c>
      <c r="B25802" s="2">
        <v>5160</v>
      </c>
      <c r="C25802" s="1" t="s">
        <v>0</v>
      </c>
      <c r="D25802" s="2">
        <v>178630</v>
      </c>
      <c r="E25802" s="1" t="s">
        <v>0</v>
      </c>
    </row>
    <row r="25803" spans="1:5" x14ac:dyDescent="0.25">
      <c r="A25803" s="1" t="s">
        <v>4692</v>
      </c>
      <c r="B25803" s="1" t="s">
        <v>12501</v>
      </c>
      <c r="C25803" s="1" t="s">
        <v>48324</v>
      </c>
      <c r="D25803" s="2">
        <v>178631</v>
      </c>
      <c r="E25803" s="1" t="s">
        <v>0</v>
      </c>
    </row>
    <row r="25804" spans="1:5" x14ac:dyDescent="0.25">
      <c r="A25804" s="1" t="s">
        <v>48325</v>
      </c>
      <c r="B25804" s="1" t="s">
        <v>60380</v>
      </c>
      <c r="C25804" s="1" t="s">
        <v>48326</v>
      </c>
      <c r="D25804" s="2">
        <v>178632</v>
      </c>
      <c r="E25804" s="1" t="s">
        <v>0</v>
      </c>
    </row>
    <row r="25805" spans="1:5" ht="409.5" x14ac:dyDescent="0.25">
      <c r="A25805" s="4" t="s">
        <v>48327</v>
      </c>
      <c r="B25805" s="1" t="s">
        <v>60381</v>
      </c>
      <c r="C25805" s="1" t="s">
        <v>48328</v>
      </c>
      <c r="D25805" s="2">
        <v>178633</v>
      </c>
      <c r="E25805" s="1" t="s">
        <v>0</v>
      </c>
    </row>
    <row r="25806" spans="1:5" x14ac:dyDescent="0.25">
      <c r="A25806" s="1" t="s">
        <v>48329</v>
      </c>
      <c r="B25806" s="1" t="s">
        <v>59129</v>
      </c>
      <c r="C25806" s="1" t="s">
        <v>48330</v>
      </c>
      <c r="D25806" s="2">
        <v>178634</v>
      </c>
      <c r="E25806" s="1" t="s">
        <v>0</v>
      </c>
    </row>
    <row r="25807" spans="1:5" x14ac:dyDescent="0.25">
      <c r="A25807" s="2">
        <v>5161</v>
      </c>
      <c r="B25807" s="2">
        <v>5161</v>
      </c>
      <c r="C25807" s="1" t="s">
        <v>0</v>
      </c>
      <c r="D25807" s="2">
        <v>178635</v>
      </c>
      <c r="E25807" s="1" t="s">
        <v>0</v>
      </c>
    </row>
    <row r="25808" spans="1:5" x14ac:dyDescent="0.25">
      <c r="A25808" s="1" t="s">
        <v>13324</v>
      </c>
      <c r="B25808" s="1" t="s">
        <v>12502</v>
      </c>
      <c r="C25808" s="1" t="s">
        <v>48331</v>
      </c>
      <c r="D25808" s="2">
        <v>178636</v>
      </c>
      <c r="E25808" s="1" t="s">
        <v>0</v>
      </c>
    </row>
    <row r="25809" spans="1:5" x14ac:dyDescent="0.25">
      <c r="A25809" s="1" t="s">
        <v>48332</v>
      </c>
      <c r="B25809" s="1" t="s">
        <v>59130</v>
      </c>
      <c r="C25809" s="1" t="s">
        <v>48333</v>
      </c>
      <c r="D25809" s="2">
        <v>178637</v>
      </c>
      <c r="E25809" s="1" t="s">
        <v>0</v>
      </c>
    </row>
    <row r="25810" spans="1:5" ht="409.5" x14ac:dyDescent="0.25">
      <c r="A25810" s="4" t="s">
        <v>48334</v>
      </c>
      <c r="B25810" s="1" t="s">
        <v>59131</v>
      </c>
      <c r="C25810" s="1" t="s">
        <v>48335</v>
      </c>
      <c r="D25810" s="2">
        <v>178638</v>
      </c>
      <c r="E25810" s="1" t="s">
        <v>0</v>
      </c>
    </row>
    <row r="25811" spans="1:5" x14ac:dyDescent="0.25">
      <c r="A25811" s="1" t="s">
        <v>48336</v>
      </c>
      <c r="B25811" s="1" t="s">
        <v>59132</v>
      </c>
      <c r="C25811" s="1" t="s">
        <v>48337</v>
      </c>
      <c r="D25811" s="2">
        <v>178639</v>
      </c>
      <c r="E25811" s="1" t="s">
        <v>0</v>
      </c>
    </row>
    <row r="25812" spans="1:5" x14ac:dyDescent="0.25">
      <c r="A25812" s="2">
        <v>5162</v>
      </c>
      <c r="B25812" s="2">
        <v>5162</v>
      </c>
      <c r="C25812" s="1" t="s">
        <v>0</v>
      </c>
      <c r="D25812" s="2">
        <v>178640</v>
      </c>
      <c r="E25812" s="1" t="s">
        <v>0</v>
      </c>
    </row>
    <row r="25813" spans="1:5" x14ac:dyDescent="0.25">
      <c r="A25813" s="1" t="s">
        <v>4693</v>
      </c>
      <c r="B25813" s="1" t="s">
        <v>12503</v>
      </c>
      <c r="C25813" s="1" t="s">
        <v>48338</v>
      </c>
      <c r="D25813" s="2">
        <v>178641</v>
      </c>
      <c r="E25813" s="1" t="s">
        <v>0</v>
      </c>
    </row>
    <row r="25814" spans="1:5" x14ac:dyDescent="0.25">
      <c r="A25814" s="1" t="s">
        <v>48339</v>
      </c>
      <c r="B25814" s="1" t="s">
        <v>59133</v>
      </c>
      <c r="C25814" s="1" t="s">
        <v>48340</v>
      </c>
      <c r="D25814" s="2">
        <v>178642</v>
      </c>
      <c r="E25814" s="1" t="s">
        <v>0</v>
      </c>
    </row>
    <row r="25815" spans="1:5" ht="409.5" x14ac:dyDescent="0.25">
      <c r="A25815" s="4" t="s">
        <v>48341</v>
      </c>
      <c r="B25815" s="1" t="s">
        <v>59134</v>
      </c>
      <c r="C25815" s="1" t="s">
        <v>48342</v>
      </c>
      <c r="D25815" s="2">
        <v>178643</v>
      </c>
      <c r="E25815" s="1" t="s">
        <v>0</v>
      </c>
    </row>
    <row r="25816" spans="1:5" x14ac:dyDescent="0.25">
      <c r="A25816" s="1" t="s">
        <v>48343</v>
      </c>
      <c r="B25816" s="1" t="s">
        <v>12504</v>
      </c>
      <c r="C25816" s="1" t="s">
        <v>48344</v>
      </c>
      <c r="D25816" s="2">
        <v>178644</v>
      </c>
      <c r="E25816" s="1" t="s">
        <v>0</v>
      </c>
    </row>
    <row r="25817" spans="1:5" x14ac:dyDescent="0.25">
      <c r="A25817" s="2">
        <v>5163</v>
      </c>
      <c r="B25817" s="2">
        <v>5163</v>
      </c>
      <c r="C25817" s="1" t="s">
        <v>0</v>
      </c>
      <c r="D25817" s="2">
        <v>178645</v>
      </c>
      <c r="E25817" s="1" t="s">
        <v>0</v>
      </c>
    </row>
    <row r="25818" spans="1:5" x14ac:dyDescent="0.25">
      <c r="A25818" s="1" t="s">
        <v>4694</v>
      </c>
      <c r="B25818" s="1" t="s">
        <v>12505</v>
      </c>
      <c r="C25818" s="1" t="s">
        <v>48345</v>
      </c>
      <c r="D25818" s="2">
        <v>178646</v>
      </c>
      <c r="E25818" s="1" t="s">
        <v>0</v>
      </c>
    </row>
    <row r="25819" spans="1:5" x14ac:dyDescent="0.25">
      <c r="A25819" s="1" t="s">
        <v>48346</v>
      </c>
      <c r="B25819" s="1" t="s">
        <v>12506</v>
      </c>
      <c r="C25819" s="1" t="s">
        <v>48347</v>
      </c>
      <c r="D25819" s="2">
        <v>178647</v>
      </c>
      <c r="E25819" s="1" t="s">
        <v>0</v>
      </c>
    </row>
    <row r="25820" spans="1:5" ht="409.5" x14ac:dyDescent="0.25">
      <c r="A25820" s="4" t="s">
        <v>48348</v>
      </c>
      <c r="B25820" s="1" t="s">
        <v>12507</v>
      </c>
      <c r="C25820" s="1" t="s">
        <v>48349</v>
      </c>
      <c r="D25820" s="2">
        <v>178648</v>
      </c>
      <c r="E25820" s="1" t="s">
        <v>0</v>
      </c>
    </row>
    <row r="25821" spans="1:5" x14ac:dyDescent="0.25">
      <c r="A25821" s="1" t="s">
        <v>48350</v>
      </c>
      <c r="B25821" s="1" t="s">
        <v>12508</v>
      </c>
      <c r="C25821" s="1" t="s">
        <v>48351</v>
      </c>
      <c r="D25821" s="2">
        <v>178649</v>
      </c>
      <c r="E25821" s="1" t="s">
        <v>0</v>
      </c>
    </row>
    <row r="25822" spans="1:5" x14ac:dyDescent="0.25">
      <c r="A25822" s="2">
        <v>5164</v>
      </c>
      <c r="B25822" s="2">
        <v>5164</v>
      </c>
      <c r="C25822" s="1" t="s">
        <v>0</v>
      </c>
      <c r="D25822" s="2">
        <v>178650</v>
      </c>
      <c r="E25822" s="1" t="s">
        <v>0</v>
      </c>
    </row>
    <row r="25823" spans="1:5" x14ac:dyDescent="0.25">
      <c r="A25823" s="1" t="s">
        <v>4695</v>
      </c>
      <c r="B25823" s="1" t="s">
        <v>57060</v>
      </c>
      <c r="C25823" s="1" t="s">
        <v>48352</v>
      </c>
      <c r="D25823" s="2">
        <v>178651</v>
      </c>
      <c r="E25823" s="1" t="s">
        <v>0</v>
      </c>
    </row>
    <row r="25824" spans="1:5" x14ac:dyDescent="0.25">
      <c r="A25824" s="1" t="s">
        <v>48353</v>
      </c>
      <c r="B25824" s="1" t="s">
        <v>59135</v>
      </c>
      <c r="C25824" s="1" t="s">
        <v>48354</v>
      </c>
      <c r="D25824" s="2">
        <v>178652</v>
      </c>
      <c r="E25824" s="1" t="s">
        <v>0</v>
      </c>
    </row>
    <row r="25825" spans="1:5" ht="409.5" x14ac:dyDescent="0.25">
      <c r="A25825" s="4" t="s">
        <v>48355</v>
      </c>
      <c r="B25825" s="1" t="s">
        <v>59136</v>
      </c>
      <c r="C25825" s="1" t="s">
        <v>48356</v>
      </c>
      <c r="D25825" s="2">
        <v>178653</v>
      </c>
      <c r="E25825" s="1" t="s">
        <v>0</v>
      </c>
    </row>
    <row r="25826" spans="1:5" x14ac:dyDescent="0.25">
      <c r="A25826" s="1" t="s">
        <v>48357</v>
      </c>
      <c r="B25826" s="1" t="s">
        <v>61441</v>
      </c>
      <c r="C25826" s="1" t="s">
        <v>48358</v>
      </c>
      <c r="D25826" s="2">
        <v>178654</v>
      </c>
      <c r="E25826" s="1" t="s">
        <v>0</v>
      </c>
    </row>
    <row r="25827" spans="1:5" x14ac:dyDescent="0.25">
      <c r="A25827" s="2">
        <v>5165</v>
      </c>
      <c r="B25827" s="2">
        <v>5165</v>
      </c>
      <c r="C25827" s="1" t="s">
        <v>0</v>
      </c>
      <c r="D25827" s="2">
        <v>178655</v>
      </c>
      <c r="E25827" s="1" t="s">
        <v>0</v>
      </c>
    </row>
    <row r="25828" spans="1:5" x14ac:dyDescent="0.25">
      <c r="A25828" s="1" t="s">
        <v>4696</v>
      </c>
      <c r="B25828" s="1" t="s">
        <v>12509</v>
      </c>
      <c r="C25828" s="1" t="s">
        <v>48359</v>
      </c>
      <c r="D25828" s="2">
        <v>178656</v>
      </c>
      <c r="E25828" s="1" t="s">
        <v>0</v>
      </c>
    </row>
    <row r="25829" spans="1:5" x14ac:dyDescent="0.25">
      <c r="A25829" s="1" t="s">
        <v>48360</v>
      </c>
      <c r="B25829" s="1" t="s">
        <v>60480</v>
      </c>
      <c r="C25829" s="1" t="s">
        <v>48361</v>
      </c>
      <c r="D25829" s="2">
        <v>178657</v>
      </c>
      <c r="E25829" s="1" t="s">
        <v>0</v>
      </c>
    </row>
    <row r="25830" spans="1:5" ht="409.5" x14ac:dyDescent="0.25">
      <c r="A25830" s="4" t="s">
        <v>48362</v>
      </c>
      <c r="B25830" s="1" t="s">
        <v>60814</v>
      </c>
      <c r="C25830" s="1" t="s">
        <v>48363</v>
      </c>
      <c r="D25830" s="2">
        <v>178658</v>
      </c>
      <c r="E25830" s="1" t="s">
        <v>0</v>
      </c>
    </row>
    <row r="25831" spans="1:5" x14ac:dyDescent="0.25">
      <c r="A25831" s="1" t="s">
        <v>48364</v>
      </c>
      <c r="B25831" s="1" t="s">
        <v>59137</v>
      </c>
      <c r="C25831" s="1" t="s">
        <v>48365</v>
      </c>
      <c r="D25831" s="2">
        <v>178659</v>
      </c>
      <c r="E25831" s="1" t="s">
        <v>0</v>
      </c>
    </row>
    <row r="25832" spans="1:5" x14ac:dyDescent="0.25">
      <c r="A25832" s="2">
        <v>5166</v>
      </c>
      <c r="B25832" s="2">
        <v>5166</v>
      </c>
      <c r="C25832" s="1" t="s">
        <v>0</v>
      </c>
      <c r="D25832" s="2">
        <v>178660</v>
      </c>
      <c r="E25832" s="1" t="s">
        <v>0</v>
      </c>
    </row>
    <row r="25833" spans="1:5" x14ac:dyDescent="0.25">
      <c r="A25833" s="1" t="s">
        <v>4697</v>
      </c>
      <c r="B25833" s="1" t="s">
        <v>12510</v>
      </c>
      <c r="C25833" s="1" t="s">
        <v>48366</v>
      </c>
      <c r="D25833" s="2">
        <v>178661</v>
      </c>
      <c r="E25833" s="1" t="s">
        <v>0</v>
      </c>
    </row>
    <row r="25834" spans="1:5" x14ac:dyDescent="0.25">
      <c r="A25834" s="1" t="s">
        <v>48367</v>
      </c>
      <c r="B25834" s="1" t="s">
        <v>61538</v>
      </c>
      <c r="C25834" s="1" t="s">
        <v>48368</v>
      </c>
      <c r="D25834" s="2">
        <v>178662</v>
      </c>
      <c r="E25834" s="1" t="s">
        <v>0</v>
      </c>
    </row>
    <row r="25835" spans="1:5" ht="409.5" x14ac:dyDescent="0.25">
      <c r="A25835" s="4" t="s">
        <v>48369</v>
      </c>
      <c r="B25835" s="1" t="s">
        <v>63565</v>
      </c>
      <c r="C25835" s="1" t="s">
        <v>48370</v>
      </c>
      <c r="D25835" s="2">
        <v>178663</v>
      </c>
      <c r="E25835" s="1" t="s">
        <v>0</v>
      </c>
    </row>
    <row r="25836" spans="1:5" x14ac:dyDescent="0.25">
      <c r="A25836" s="1" t="s">
        <v>48371</v>
      </c>
      <c r="B25836" s="1" t="s">
        <v>12511</v>
      </c>
      <c r="C25836" s="1" t="s">
        <v>48372</v>
      </c>
      <c r="D25836" s="2">
        <v>178664</v>
      </c>
      <c r="E25836" s="1" t="s">
        <v>0</v>
      </c>
    </row>
    <row r="25837" spans="1:5" x14ac:dyDescent="0.25">
      <c r="A25837" s="2">
        <v>5167</v>
      </c>
      <c r="B25837" s="2">
        <v>5167</v>
      </c>
      <c r="C25837" s="1" t="s">
        <v>0</v>
      </c>
      <c r="D25837" s="2">
        <v>178665</v>
      </c>
      <c r="E25837" s="1" t="s">
        <v>0</v>
      </c>
    </row>
    <row r="25838" spans="1:5" x14ac:dyDescent="0.25">
      <c r="A25838" s="1" t="s">
        <v>4698</v>
      </c>
      <c r="B25838" s="1" t="s">
        <v>59138</v>
      </c>
      <c r="C25838" s="1" t="s">
        <v>48373</v>
      </c>
      <c r="D25838" s="2">
        <v>178666</v>
      </c>
      <c r="E25838" s="1" t="s">
        <v>0</v>
      </c>
    </row>
    <row r="25839" spans="1:5" x14ac:dyDescent="0.25">
      <c r="A25839" s="1" t="s">
        <v>48374</v>
      </c>
      <c r="B25839" s="1" t="s">
        <v>60831</v>
      </c>
      <c r="C25839" s="1" t="s">
        <v>48375</v>
      </c>
      <c r="D25839" s="2">
        <v>178667</v>
      </c>
      <c r="E25839" s="1" t="s">
        <v>0</v>
      </c>
    </row>
    <row r="25840" spans="1:5" ht="409.5" x14ac:dyDescent="0.25">
      <c r="A25840" s="4" t="s">
        <v>64415</v>
      </c>
      <c r="B25840" s="1" t="s">
        <v>60843</v>
      </c>
      <c r="C25840" s="1" t="s">
        <v>48376</v>
      </c>
      <c r="D25840" s="2">
        <v>178668</v>
      </c>
      <c r="E25840" s="1" t="s">
        <v>0</v>
      </c>
    </row>
    <row r="25841" spans="1:5" x14ac:dyDescent="0.25">
      <c r="A25841" s="1" t="s">
        <v>48377</v>
      </c>
      <c r="B25841" s="1" t="s">
        <v>12512</v>
      </c>
      <c r="C25841" s="1" t="s">
        <v>48378</v>
      </c>
      <c r="D25841" s="2">
        <v>178669</v>
      </c>
      <c r="E25841" s="1" t="s">
        <v>0</v>
      </c>
    </row>
    <row r="25842" spans="1:5" x14ac:dyDescent="0.25">
      <c r="A25842" s="2">
        <v>5168</v>
      </c>
      <c r="B25842" s="2">
        <v>5168</v>
      </c>
      <c r="C25842" s="1" t="s">
        <v>0</v>
      </c>
      <c r="D25842" s="2">
        <v>178670</v>
      </c>
      <c r="E25842" s="1" t="s">
        <v>0</v>
      </c>
    </row>
    <row r="25843" spans="1:5" x14ac:dyDescent="0.25">
      <c r="A25843" s="1" t="s">
        <v>4699</v>
      </c>
      <c r="B25843" s="1" t="s">
        <v>12513</v>
      </c>
      <c r="C25843" s="1" t="s">
        <v>48379</v>
      </c>
      <c r="D25843" s="2">
        <v>178671</v>
      </c>
      <c r="E25843" s="1" t="s">
        <v>0</v>
      </c>
    </row>
    <row r="25844" spans="1:5" x14ac:dyDescent="0.25">
      <c r="A25844" s="1" t="s">
        <v>48380</v>
      </c>
      <c r="B25844" s="1" t="s">
        <v>61539</v>
      </c>
      <c r="C25844" s="1" t="s">
        <v>48381</v>
      </c>
      <c r="D25844" s="2">
        <v>178672</v>
      </c>
      <c r="E25844" s="1" t="s">
        <v>0</v>
      </c>
    </row>
    <row r="25845" spans="1:5" ht="409.5" x14ac:dyDescent="0.25">
      <c r="A25845" s="4" t="s">
        <v>48382</v>
      </c>
      <c r="B25845" s="1" t="s">
        <v>61540</v>
      </c>
      <c r="C25845" s="1" t="s">
        <v>48383</v>
      </c>
      <c r="D25845" s="2">
        <v>178673</v>
      </c>
      <c r="E25845" s="1" t="s">
        <v>0</v>
      </c>
    </row>
    <row r="25846" spans="1:5" x14ac:dyDescent="0.25">
      <c r="A25846" s="1" t="s">
        <v>48384</v>
      </c>
      <c r="B25846" s="1" t="s">
        <v>12514</v>
      </c>
      <c r="C25846" s="1" t="s">
        <v>48385</v>
      </c>
      <c r="D25846" s="2">
        <v>178674</v>
      </c>
      <c r="E25846" s="1" t="s">
        <v>0</v>
      </c>
    </row>
    <row r="25847" spans="1:5" x14ac:dyDescent="0.25">
      <c r="A25847" s="2">
        <v>5169</v>
      </c>
      <c r="B25847" s="2">
        <v>5169</v>
      </c>
      <c r="C25847" s="1" t="s">
        <v>0</v>
      </c>
      <c r="D25847" s="2">
        <v>178675</v>
      </c>
      <c r="E25847" s="1" t="s">
        <v>0</v>
      </c>
    </row>
    <row r="25848" spans="1:5" x14ac:dyDescent="0.25">
      <c r="A25848" s="1" t="s">
        <v>61905</v>
      </c>
      <c r="B25848" s="1" t="s">
        <v>61906</v>
      </c>
      <c r="C25848" s="1" t="s">
        <v>48386</v>
      </c>
      <c r="D25848" s="2">
        <v>178676</v>
      </c>
      <c r="E25848" s="1" t="s">
        <v>0</v>
      </c>
    </row>
    <row r="25849" spans="1:5" x14ac:dyDescent="0.25">
      <c r="A25849" s="1" t="s">
        <v>48387</v>
      </c>
      <c r="B25849" s="1" t="s">
        <v>63093</v>
      </c>
      <c r="C25849" s="1" t="s">
        <v>48388</v>
      </c>
      <c r="D25849" s="2">
        <v>178677</v>
      </c>
      <c r="E25849" s="1" t="s">
        <v>0</v>
      </c>
    </row>
    <row r="25850" spans="1:5" x14ac:dyDescent="0.25">
      <c r="A25850" s="1" t="s">
        <v>61907</v>
      </c>
      <c r="B25850" s="1" t="s">
        <v>63094</v>
      </c>
      <c r="C25850" s="1" t="s">
        <v>48389</v>
      </c>
      <c r="D25850" s="2">
        <v>178678</v>
      </c>
      <c r="E25850" s="1" t="s">
        <v>0</v>
      </c>
    </row>
    <row r="25851" spans="1:5" x14ac:dyDescent="0.25">
      <c r="A25851" s="1" t="s">
        <v>48390</v>
      </c>
      <c r="B25851" s="1" t="s">
        <v>58660</v>
      </c>
      <c r="C25851" s="1" t="s">
        <v>48391</v>
      </c>
      <c r="D25851" s="2">
        <v>178679</v>
      </c>
      <c r="E25851" s="1" t="s">
        <v>0</v>
      </c>
    </row>
    <row r="25852" spans="1:5" x14ac:dyDescent="0.25">
      <c r="A25852" s="2">
        <v>5170</v>
      </c>
      <c r="B25852" s="2">
        <v>5170</v>
      </c>
      <c r="C25852" s="1" t="s">
        <v>0</v>
      </c>
      <c r="D25852" s="2">
        <v>178680</v>
      </c>
      <c r="E25852" s="1" t="s">
        <v>0</v>
      </c>
    </row>
    <row r="25853" spans="1:5" x14ac:dyDescent="0.25">
      <c r="A25853" s="1" t="s">
        <v>4700</v>
      </c>
      <c r="B25853" s="1" t="s">
        <v>61553</v>
      </c>
      <c r="C25853" s="1" t="s">
        <v>48392</v>
      </c>
      <c r="D25853" s="2">
        <v>178681</v>
      </c>
      <c r="E25853" s="1" t="s">
        <v>0</v>
      </c>
    </row>
    <row r="25854" spans="1:5" x14ac:dyDescent="0.25">
      <c r="A25854" s="1" t="s">
        <v>61908</v>
      </c>
      <c r="B25854" s="1" t="s">
        <v>63566</v>
      </c>
      <c r="C25854" s="1" t="s">
        <v>48393</v>
      </c>
      <c r="D25854" s="2">
        <v>178682</v>
      </c>
      <c r="E25854" s="1" t="s">
        <v>0</v>
      </c>
    </row>
    <row r="25855" spans="1:5" ht="409.5" x14ac:dyDescent="0.25">
      <c r="A25855" s="4" t="s">
        <v>63159</v>
      </c>
      <c r="B25855" s="1" t="s">
        <v>63567</v>
      </c>
      <c r="C25855" s="1" t="s">
        <v>48394</v>
      </c>
      <c r="D25855" s="2">
        <v>178683</v>
      </c>
      <c r="E25855" s="1" t="s">
        <v>0</v>
      </c>
    </row>
    <row r="25856" spans="1:5" x14ac:dyDescent="0.25">
      <c r="A25856" s="1" t="s">
        <v>48395</v>
      </c>
      <c r="B25856" s="1" t="s">
        <v>59139</v>
      </c>
      <c r="C25856" s="1" t="s">
        <v>48396</v>
      </c>
      <c r="D25856" s="2">
        <v>178684</v>
      </c>
      <c r="E25856" s="1" t="s">
        <v>0</v>
      </c>
    </row>
    <row r="25857" spans="1:5" x14ac:dyDescent="0.25">
      <c r="A25857" s="2">
        <v>5171</v>
      </c>
      <c r="B25857" s="2">
        <v>5171</v>
      </c>
      <c r="C25857" s="1" t="s">
        <v>0</v>
      </c>
      <c r="D25857" s="2">
        <v>178685</v>
      </c>
      <c r="E25857" s="1" t="s">
        <v>0</v>
      </c>
    </row>
    <row r="25858" spans="1:5" x14ac:dyDescent="0.25">
      <c r="A25858" s="1" t="s">
        <v>4701</v>
      </c>
      <c r="B25858" s="1" t="s">
        <v>12515</v>
      </c>
      <c r="C25858" s="1" t="s">
        <v>48397</v>
      </c>
      <c r="D25858" s="2">
        <v>178686</v>
      </c>
      <c r="E25858" s="1" t="s">
        <v>0</v>
      </c>
    </row>
    <row r="25859" spans="1:5" x14ac:dyDescent="0.25">
      <c r="A25859" s="1" t="s">
        <v>48398</v>
      </c>
      <c r="B25859" s="1" t="s">
        <v>58661</v>
      </c>
      <c r="C25859" s="1" t="s">
        <v>48399</v>
      </c>
      <c r="D25859" s="2">
        <v>178687</v>
      </c>
      <c r="E25859" s="1" t="s">
        <v>0</v>
      </c>
    </row>
    <row r="25860" spans="1:5" ht="409.5" x14ac:dyDescent="0.25">
      <c r="A25860" s="4" t="s">
        <v>48400</v>
      </c>
      <c r="B25860" s="1" t="s">
        <v>60340</v>
      </c>
      <c r="C25860" s="1" t="s">
        <v>48401</v>
      </c>
      <c r="D25860" s="2">
        <v>178688</v>
      </c>
      <c r="E25860" s="1" t="s">
        <v>0</v>
      </c>
    </row>
    <row r="25861" spans="1:5" x14ac:dyDescent="0.25">
      <c r="A25861" s="1" t="s">
        <v>48402</v>
      </c>
      <c r="B25861" s="1" t="s">
        <v>12516</v>
      </c>
      <c r="C25861" s="1" t="s">
        <v>48403</v>
      </c>
      <c r="D25861" s="2">
        <v>178689</v>
      </c>
      <c r="E25861" s="1" t="s">
        <v>0</v>
      </c>
    </row>
    <row r="25862" spans="1:5" x14ac:dyDescent="0.25">
      <c r="A25862" s="2">
        <v>5172</v>
      </c>
      <c r="B25862" s="2">
        <v>5172</v>
      </c>
      <c r="C25862" s="1" t="s">
        <v>0</v>
      </c>
      <c r="D25862" s="2">
        <v>178690</v>
      </c>
      <c r="E25862" s="1" t="s">
        <v>0</v>
      </c>
    </row>
    <row r="25863" spans="1:5" x14ac:dyDescent="0.25">
      <c r="A25863" s="1" t="s">
        <v>4702</v>
      </c>
      <c r="B25863" s="1" t="s">
        <v>12517</v>
      </c>
      <c r="C25863" s="1" t="s">
        <v>48404</v>
      </c>
      <c r="D25863" s="2">
        <v>178691</v>
      </c>
      <c r="E25863" s="1" t="s">
        <v>0</v>
      </c>
    </row>
    <row r="25864" spans="1:5" x14ac:dyDescent="0.25">
      <c r="A25864" s="1" t="s">
        <v>48405</v>
      </c>
      <c r="B25864" s="1" t="s">
        <v>12518</v>
      </c>
      <c r="C25864" s="1" t="s">
        <v>48406</v>
      </c>
      <c r="D25864" s="2">
        <v>178692</v>
      </c>
      <c r="E25864" s="1" t="s">
        <v>0</v>
      </c>
    </row>
    <row r="25865" spans="1:5" ht="409.5" x14ac:dyDescent="0.25">
      <c r="A25865" s="4" t="s">
        <v>48407</v>
      </c>
      <c r="B25865" s="1" t="s">
        <v>63919</v>
      </c>
      <c r="C25865" s="1" t="s">
        <v>48408</v>
      </c>
      <c r="D25865" s="2">
        <v>178693</v>
      </c>
      <c r="E25865" s="1" t="s">
        <v>0</v>
      </c>
    </row>
    <row r="25866" spans="1:5" x14ac:dyDescent="0.25">
      <c r="A25866" s="1" t="s">
        <v>48409</v>
      </c>
      <c r="B25866" s="1" t="s">
        <v>12519</v>
      </c>
      <c r="C25866" s="1" t="s">
        <v>48410</v>
      </c>
      <c r="D25866" s="2">
        <v>178694</v>
      </c>
      <c r="E25866" s="1" t="s">
        <v>0</v>
      </c>
    </row>
    <row r="25867" spans="1:5" x14ac:dyDescent="0.25">
      <c r="A25867" s="2">
        <v>5173</v>
      </c>
      <c r="B25867" s="2">
        <v>5173</v>
      </c>
      <c r="C25867" s="1" t="s">
        <v>0</v>
      </c>
      <c r="D25867" s="2">
        <v>178695</v>
      </c>
      <c r="E25867" s="1" t="s">
        <v>0</v>
      </c>
    </row>
    <row r="25868" spans="1:5" x14ac:dyDescent="0.25">
      <c r="A25868" s="1" t="s">
        <v>4703</v>
      </c>
      <c r="B25868" s="1" t="s">
        <v>12520</v>
      </c>
      <c r="C25868" s="1" t="s">
        <v>48411</v>
      </c>
      <c r="D25868" s="2">
        <v>178696</v>
      </c>
      <c r="E25868" s="1" t="s">
        <v>0</v>
      </c>
    </row>
    <row r="25869" spans="1:5" x14ac:dyDescent="0.25">
      <c r="A25869" s="1" t="s">
        <v>48412</v>
      </c>
      <c r="B25869" s="1" t="s">
        <v>58662</v>
      </c>
      <c r="C25869" s="1" t="s">
        <v>48413</v>
      </c>
      <c r="D25869" s="2">
        <v>178697</v>
      </c>
      <c r="E25869" s="1" t="s">
        <v>0</v>
      </c>
    </row>
    <row r="25870" spans="1:5" ht="409.5" x14ac:dyDescent="0.25">
      <c r="A25870" s="4" t="s">
        <v>48414</v>
      </c>
      <c r="B25870" s="1" t="s">
        <v>58663</v>
      </c>
      <c r="C25870" s="1" t="s">
        <v>48415</v>
      </c>
      <c r="D25870" s="2">
        <v>178698</v>
      </c>
      <c r="E25870" s="1" t="s">
        <v>0</v>
      </c>
    </row>
    <row r="25871" spans="1:5" x14ac:dyDescent="0.25">
      <c r="A25871" s="1" t="s">
        <v>48416</v>
      </c>
      <c r="B25871" s="1" t="s">
        <v>59140</v>
      </c>
      <c r="C25871" s="1" t="s">
        <v>48417</v>
      </c>
      <c r="D25871" s="2">
        <v>178699</v>
      </c>
      <c r="E25871" s="1" t="s">
        <v>0</v>
      </c>
    </row>
    <row r="25872" spans="1:5" x14ac:dyDescent="0.25">
      <c r="A25872" s="2">
        <v>5174</v>
      </c>
      <c r="B25872" s="2">
        <v>5174</v>
      </c>
      <c r="C25872" s="1" t="s">
        <v>0</v>
      </c>
      <c r="D25872" s="2">
        <v>178700</v>
      </c>
      <c r="E25872" s="1" t="s">
        <v>0</v>
      </c>
    </row>
    <row r="25873" spans="1:5" x14ac:dyDescent="0.25">
      <c r="A25873" s="1" t="s">
        <v>4704</v>
      </c>
      <c r="B25873" s="1" t="s">
        <v>59141</v>
      </c>
      <c r="C25873" s="1" t="s">
        <v>48418</v>
      </c>
      <c r="D25873" s="2">
        <v>178701</v>
      </c>
      <c r="E25873" s="1" t="s">
        <v>0</v>
      </c>
    </row>
    <row r="25874" spans="1:5" x14ac:dyDescent="0.25">
      <c r="A25874" s="1" t="s">
        <v>48419</v>
      </c>
      <c r="B25874" s="1" t="s">
        <v>59142</v>
      </c>
      <c r="C25874" s="1" t="s">
        <v>48420</v>
      </c>
      <c r="D25874" s="2">
        <v>178702</v>
      </c>
      <c r="E25874" s="1" t="s">
        <v>0</v>
      </c>
    </row>
    <row r="25875" spans="1:5" ht="409.5" x14ac:dyDescent="0.25">
      <c r="A25875" s="4" t="s">
        <v>48421</v>
      </c>
      <c r="B25875" s="1" t="s">
        <v>59143</v>
      </c>
      <c r="C25875" s="1" t="s">
        <v>48422</v>
      </c>
      <c r="D25875" s="2">
        <v>178703</v>
      </c>
      <c r="E25875" s="1" t="s">
        <v>0</v>
      </c>
    </row>
    <row r="25876" spans="1:5" x14ac:dyDescent="0.25">
      <c r="A25876" s="1" t="s">
        <v>48423</v>
      </c>
      <c r="B25876" s="1" t="s">
        <v>59144</v>
      </c>
      <c r="C25876" s="1" t="s">
        <v>48424</v>
      </c>
      <c r="D25876" s="2">
        <v>178704</v>
      </c>
      <c r="E25876" s="1" t="s">
        <v>0</v>
      </c>
    </row>
    <row r="25877" spans="1:5" x14ac:dyDescent="0.25">
      <c r="A25877" s="2">
        <v>5175</v>
      </c>
      <c r="B25877" s="2">
        <v>5175</v>
      </c>
      <c r="C25877" s="1" t="s">
        <v>0</v>
      </c>
      <c r="D25877" s="2">
        <v>178705</v>
      </c>
      <c r="E25877" s="1" t="s">
        <v>0</v>
      </c>
    </row>
    <row r="25878" spans="1:5" x14ac:dyDescent="0.25">
      <c r="A25878" s="1" t="s">
        <v>4705</v>
      </c>
      <c r="B25878" s="1" t="s">
        <v>12521</v>
      </c>
      <c r="C25878" s="1" t="s">
        <v>48425</v>
      </c>
      <c r="D25878" s="2">
        <v>178706</v>
      </c>
      <c r="E25878" s="1" t="s">
        <v>0</v>
      </c>
    </row>
    <row r="25879" spans="1:5" x14ac:dyDescent="0.25">
      <c r="A25879" s="1" t="s">
        <v>48426</v>
      </c>
      <c r="B25879" s="1" t="s">
        <v>12522</v>
      </c>
      <c r="C25879" s="1" t="s">
        <v>48427</v>
      </c>
      <c r="D25879" s="2">
        <v>178707</v>
      </c>
      <c r="E25879" s="1" t="s">
        <v>0</v>
      </c>
    </row>
    <row r="25880" spans="1:5" ht="409.5" x14ac:dyDescent="0.25">
      <c r="A25880" s="4" t="s">
        <v>64416</v>
      </c>
      <c r="B25880" s="1" t="s">
        <v>58049</v>
      </c>
      <c r="C25880" s="1" t="s">
        <v>48428</v>
      </c>
      <c r="D25880" s="2">
        <v>178708</v>
      </c>
      <c r="E25880" s="1" t="s">
        <v>0</v>
      </c>
    </row>
    <row r="25881" spans="1:5" x14ac:dyDescent="0.25">
      <c r="A25881" s="1" t="s">
        <v>48429</v>
      </c>
      <c r="B25881" s="1" t="s">
        <v>59145</v>
      </c>
      <c r="C25881" s="1" t="s">
        <v>48430</v>
      </c>
      <c r="D25881" s="2">
        <v>178709</v>
      </c>
      <c r="E25881" s="1" t="s">
        <v>0</v>
      </c>
    </row>
    <row r="25882" spans="1:5" x14ac:dyDescent="0.25">
      <c r="A25882" s="2">
        <v>5176</v>
      </c>
      <c r="B25882" s="2">
        <v>5176</v>
      </c>
      <c r="C25882" s="1" t="s">
        <v>0</v>
      </c>
      <c r="D25882" s="2">
        <v>178710</v>
      </c>
      <c r="E25882" s="1" t="s">
        <v>0</v>
      </c>
    </row>
    <row r="25883" spans="1:5" x14ac:dyDescent="0.25">
      <c r="A25883" s="1" t="s">
        <v>4706</v>
      </c>
      <c r="B25883" s="1" t="s">
        <v>12523</v>
      </c>
      <c r="C25883" s="1" t="s">
        <v>48431</v>
      </c>
      <c r="D25883" s="2">
        <v>178711</v>
      </c>
      <c r="E25883" s="1" t="s">
        <v>0</v>
      </c>
    </row>
    <row r="25884" spans="1:5" x14ac:dyDescent="0.25">
      <c r="A25884" s="1" t="s">
        <v>48432</v>
      </c>
      <c r="B25884" s="1" t="s">
        <v>12524</v>
      </c>
      <c r="C25884" s="1" t="s">
        <v>48433</v>
      </c>
      <c r="D25884" s="2">
        <v>178712</v>
      </c>
      <c r="E25884" s="1" t="s">
        <v>0</v>
      </c>
    </row>
    <row r="25885" spans="1:5" ht="409.5" x14ac:dyDescent="0.25">
      <c r="A25885" s="4" t="s">
        <v>48434</v>
      </c>
      <c r="B25885" s="1" t="s">
        <v>56896</v>
      </c>
      <c r="C25885" s="1" t="s">
        <v>48435</v>
      </c>
      <c r="D25885" s="2">
        <v>178713</v>
      </c>
      <c r="E25885" s="1" t="s">
        <v>0</v>
      </c>
    </row>
    <row r="25886" spans="1:5" x14ac:dyDescent="0.25">
      <c r="A25886" s="1" t="s">
        <v>48436</v>
      </c>
      <c r="B25886" s="1" t="s">
        <v>59146</v>
      </c>
      <c r="C25886" s="1" t="s">
        <v>48437</v>
      </c>
      <c r="D25886" s="2">
        <v>178714</v>
      </c>
      <c r="E25886" s="1" t="s">
        <v>0</v>
      </c>
    </row>
    <row r="25887" spans="1:5" x14ac:dyDescent="0.25">
      <c r="A25887" s="2">
        <v>5177</v>
      </c>
      <c r="B25887" s="2">
        <v>5177</v>
      </c>
      <c r="C25887" s="1" t="s">
        <v>0</v>
      </c>
      <c r="D25887" s="2">
        <v>178715</v>
      </c>
      <c r="E25887" s="1" t="s">
        <v>0</v>
      </c>
    </row>
    <row r="25888" spans="1:5" x14ac:dyDescent="0.25">
      <c r="A25888" s="1" t="s">
        <v>13325</v>
      </c>
      <c r="B25888" s="1" t="s">
        <v>13326</v>
      </c>
      <c r="C25888" s="1" t="s">
        <v>48438</v>
      </c>
      <c r="D25888" s="2">
        <v>178716</v>
      </c>
      <c r="E25888" s="1" t="s">
        <v>0</v>
      </c>
    </row>
    <row r="25889" spans="1:5" x14ac:dyDescent="0.25">
      <c r="A25889" s="1" t="s">
        <v>48439</v>
      </c>
      <c r="B25889" s="1" t="s">
        <v>59147</v>
      </c>
      <c r="C25889" s="1" t="s">
        <v>48440</v>
      </c>
      <c r="D25889" s="2">
        <v>178717</v>
      </c>
      <c r="E25889" s="1" t="s">
        <v>0</v>
      </c>
    </row>
    <row r="25890" spans="1:5" ht="409.5" x14ac:dyDescent="0.25">
      <c r="A25890" s="4" t="s">
        <v>48441</v>
      </c>
      <c r="B25890" s="1" t="s">
        <v>59148</v>
      </c>
      <c r="C25890" s="1" t="s">
        <v>48442</v>
      </c>
      <c r="D25890" s="2">
        <v>178718</v>
      </c>
      <c r="E25890" s="1" t="s">
        <v>0</v>
      </c>
    </row>
    <row r="25891" spans="1:5" x14ac:dyDescent="0.25">
      <c r="A25891" s="1" t="s">
        <v>48443</v>
      </c>
      <c r="B25891" s="1" t="s">
        <v>12525</v>
      </c>
      <c r="C25891" s="1" t="s">
        <v>48444</v>
      </c>
      <c r="D25891" s="2">
        <v>178719</v>
      </c>
      <c r="E25891" s="1" t="s">
        <v>0</v>
      </c>
    </row>
    <row r="25892" spans="1:5" x14ac:dyDescent="0.25">
      <c r="A25892" s="2">
        <v>5178</v>
      </c>
      <c r="B25892" s="2">
        <v>5178</v>
      </c>
      <c r="C25892" s="1" t="s">
        <v>0</v>
      </c>
      <c r="D25892" s="2">
        <v>178720</v>
      </c>
      <c r="E25892" s="1" t="s">
        <v>0</v>
      </c>
    </row>
    <row r="25893" spans="1:5" x14ac:dyDescent="0.25">
      <c r="A25893" s="1" t="s">
        <v>4707</v>
      </c>
      <c r="B25893" s="1" t="s">
        <v>12526</v>
      </c>
      <c r="C25893" s="1" t="s">
        <v>48445</v>
      </c>
      <c r="D25893" s="2">
        <v>178721</v>
      </c>
      <c r="E25893" s="1" t="s">
        <v>0</v>
      </c>
    </row>
    <row r="25894" spans="1:5" x14ac:dyDescent="0.25">
      <c r="A25894" s="1" t="s">
        <v>48446</v>
      </c>
      <c r="B25894" s="1" t="s">
        <v>59149</v>
      </c>
      <c r="C25894" s="1" t="s">
        <v>48447</v>
      </c>
      <c r="D25894" s="2">
        <v>178722</v>
      </c>
      <c r="E25894" s="1" t="s">
        <v>0</v>
      </c>
    </row>
    <row r="25895" spans="1:5" ht="409.5" x14ac:dyDescent="0.25">
      <c r="A25895" s="4" t="s">
        <v>48448</v>
      </c>
      <c r="B25895" s="1" t="s">
        <v>59150</v>
      </c>
      <c r="C25895" s="1" t="s">
        <v>48449</v>
      </c>
      <c r="D25895" s="2">
        <v>178723</v>
      </c>
      <c r="E25895" s="1" t="s">
        <v>0</v>
      </c>
    </row>
    <row r="25896" spans="1:5" x14ac:dyDescent="0.25">
      <c r="A25896" s="1" t="s">
        <v>48450</v>
      </c>
      <c r="B25896" s="1" t="s">
        <v>61442</v>
      </c>
      <c r="C25896" s="1" t="s">
        <v>48451</v>
      </c>
      <c r="D25896" s="2">
        <v>178724</v>
      </c>
      <c r="E25896" s="1" t="s">
        <v>0</v>
      </c>
    </row>
    <row r="25897" spans="1:5" x14ac:dyDescent="0.25">
      <c r="A25897" s="2">
        <v>5179</v>
      </c>
      <c r="B25897" s="2">
        <v>5179</v>
      </c>
      <c r="C25897" s="1" t="s">
        <v>0</v>
      </c>
      <c r="D25897" s="2">
        <v>178725</v>
      </c>
      <c r="E25897" s="1" t="s">
        <v>0</v>
      </c>
    </row>
    <row r="25898" spans="1:5" x14ac:dyDescent="0.25">
      <c r="A25898" s="1" t="s">
        <v>4708</v>
      </c>
      <c r="B25898" s="1" t="s">
        <v>12527</v>
      </c>
      <c r="C25898" s="1" t="s">
        <v>48452</v>
      </c>
      <c r="D25898" s="2">
        <v>178726</v>
      </c>
      <c r="E25898" s="1" t="s">
        <v>0</v>
      </c>
    </row>
    <row r="25899" spans="1:5" x14ac:dyDescent="0.25">
      <c r="A25899" s="1" t="s">
        <v>48453</v>
      </c>
      <c r="B25899" s="1" t="s">
        <v>59151</v>
      </c>
      <c r="C25899" s="1" t="s">
        <v>48454</v>
      </c>
      <c r="D25899" s="2">
        <v>178727</v>
      </c>
      <c r="E25899" s="1" t="s">
        <v>0</v>
      </c>
    </row>
    <row r="25900" spans="1:5" ht="409.5" x14ac:dyDescent="0.25">
      <c r="A25900" s="4" t="s">
        <v>48455</v>
      </c>
      <c r="B25900" s="1" t="s">
        <v>59152</v>
      </c>
      <c r="C25900" s="1" t="s">
        <v>48456</v>
      </c>
      <c r="D25900" s="2">
        <v>178728</v>
      </c>
      <c r="E25900" s="1" t="s">
        <v>0</v>
      </c>
    </row>
    <row r="25901" spans="1:5" x14ac:dyDescent="0.25">
      <c r="A25901" s="1" t="s">
        <v>48457</v>
      </c>
      <c r="B25901" s="1" t="s">
        <v>59153</v>
      </c>
      <c r="C25901" s="1" t="s">
        <v>48458</v>
      </c>
      <c r="D25901" s="2">
        <v>178729</v>
      </c>
      <c r="E25901" s="1" t="s">
        <v>0</v>
      </c>
    </row>
    <row r="25902" spans="1:5" x14ac:dyDescent="0.25">
      <c r="A25902" s="2">
        <v>5180</v>
      </c>
      <c r="B25902" s="2">
        <v>5180</v>
      </c>
      <c r="C25902" s="1" t="s">
        <v>0</v>
      </c>
      <c r="D25902" s="2">
        <v>178730</v>
      </c>
      <c r="E25902" s="1" t="s">
        <v>0</v>
      </c>
    </row>
    <row r="25903" spans="1:5" x14ac:dyDescent="0.25">
      <c r="A25903" s="1" t="s">
        <v>4709</v>
      </c>
      <c r="B25903" s="1" t="s">
        <v>12528</v>
      </c>
      <c r="C25903" s="1" t="s">
        <v>48459</v>
      </c>
      <c r="D25903" s="2">
        <v>178731</v>
      </c>
      <c r="E25903" s="1" t="s">
        <v>0</v>
      </c>
    </row>
    <row r="25904" spans="1:5" x14ac:dyDescent="0.25">
      <c r="A25904" s="1" t="s">
        <v>48460</v>
      </c>
      <c r="B25904" s="1" t="s">
        <v>59154</v>
      </c>
      <c r="C25904" s="1" t="s">
        <v>48461</v>
      </c>
      <c r="D25904" s="2">
        <v>178732</v>
      </c>
      <c r="E25904" s="1" t="s">
        <v>0</v>
      </c>
    </row>
    <row r="25905" spans="1:5" ht="409.5" x14ac:dyDescent="0.25">
      <c r="A25905" s="4" t="s">
        <v>48462</v>
      </c>
      <c r="B25905" s="1" t="s">
        <v>59155</v>
      </c>
      <c r="C25905" s="1" t="s">
        <v>48463</v>
      </c>
      <c r="D25905" s="2">
        <v>178733</v>
      </c>
      <c r="E25905" s="1" t="s">
        <v>0</v>
      </c>
    </row>
    <row r="25906" spans="1:5" x14ac:dyDescent="0.25">
      <c r="A25906" s="1" t="s">
        <v>15303</v>
      </c>
      <c r="B25906" s="1" t="s">
        <v>60888</v>
      </c>
      <c r="C25906" s="1" t="s">
        <v>15304</v>
      </c>
      <c r="D25906" s="2">
        <v>178734</v>
      </c>
      <c r="E25906" s="1" t="s">
        <v>0</v>
      </c>
    </row>
    <row r="25907" spans="1:5" x14ac:dyDescent="0.25">
      <c r="A25907" s="2">
        <v>5181</v>
      </c>
      <c r="B25907" s="2">
        <v>5181</v>
      </c>
      <c r="C25907" s="1" t="s">
        <v>0</v>
      </c>
      <c r="D25907" s="2">
        <v>178735</v>
      </c>
      <c r="E25907" s="1" t="s">
        <v>0</v>
      </c>
    </row>
    <row r="25908" spans="1:5" x14ac:dyDescent="0.25">
      <c r="A25908" s="1" t="s">
        <v>4710</v>
      </c>
      <c r="B25908" s="1" t="s">
        <v>12529</v>
      </c>
      <c r="C25908" s="1" t="s">
        <v>48464</v>
      </c>
      <c r="D25908" s="2">
        <v>178736</v>
      </c>
      <c r="E25908" s="1" t="s">
        <v>0</v>
      </c>
    </row>
    <row r="25909" spans="1:5" x14ac:dyDescent="0.25">
      <c r="A25909" s="1" t="s">
        <v>48465</v>
      </c>
      <c r="B25909" s="1" t="s">
        <v>12530</v>
      </c>
      <c r="C25909" s="1" t="s">
        <v>48466</v>
      </c>
      <c r="D25909" s="2">
        <v>178737</v>
      </c>
      <c r="E25909" s="1" t="s">
        <v>0</v>
      </c>
    </row>
    <row r="25910" spans="1:5" ht="409.5" x14ac:dyDescent="0.25">
      <c r="A25910" s="4" t="s">
        <v>48467</v>
      </c>
      <c r="B25910" s="1" t="s">
        <v>59156</v>
      </c>
      <c r="C25910" s="1" t="s">
        <v>48468</v>
      </c>
      <c r="D25910" s="2">
        <v>178738</v>
      </c>
      <c r="E25910" s="1" t="s">
        <v>0</v>
      </c>
    </row>
    <row r="25911" spans="1:5" x14ac:dyDescent="0.25">
      <c r="A25911" s="1" t="s">
        <v>48469</v>
      </c>
      <c r="B25911" s="1" t="s">
        <v>12531</v>
      </c>
      <c r="C25911" s="1" t="s">
        <v>48470</v>
      </c>
      <c r="D25911" s="2">
        <v>178739</v>
      </c>
      <c r="E25911" s="1" t="s">
        <v>0</v>
      </c>
    </row>
    <row r="25912" spans="1:5" x14ac:dyDescent="0.25">
      <c r="A25912" s="2">
        <v>5182</v>
      </c>
      <c r="B25912" s="2">
        <v>5182</v>
      </c>
      <c r="C25912" s="1" t="s">
        <v>0</v>
      </c>
      <c r="D25912" s="2">
        <v>178740</v>
      </c>
      <c r="E25912" s="1" t="s">
        <v>0</v>
      </c>
    </row>
    <row r="25913" spans="1:5" x14ac:dyDescent="0.25">
      <c r="A25913" s="1" t="s">
        <v>4711</v>
      </c>
      <c r="B25913" s="1" t="s">
        <v>12532</v>
      </c>
      <c r="C25913" s="1" t="s">
        <v>48471</v>
      </c>
      <c r="D25913" s="2">
        <v>178741</v>
      </c>
      <c r="E25913" s="1" t="s">
        <v>0</v>
      </c>
    </row>
    <row r="25914" spans="1:5" x14ac:dyDescent="0.25">
      <c r="A25914" s="1" t="s">
        <v>48472</v>
      </c>
      <c r="B25914" s="1" t="s">
        <v>63095</v>
      </c>
      <c r="C25914" s="1" t="s">
        <v>48473</v>
      </c>
      <c r="D25914" s="2">
        <v>178742</v>
      </c>
      <c r="E25914" s="1" t="s">
        <v>0</v>
      </c>
    </row>
    <row r="25915" spans="1:5" x14ac:dyDescent="0.25">
      <c r="A25915" s="1" t="s">
        <v>48474</v>
      </c>
      <c r="B25915" s="1" t="s">
        <v>63096</v>
      </c>
      <c r="C25915" s="1" t="s">
        <v>48475</v>
      </c>
      <c r="D25915" s="2">
        <v>178743</v>
      </c>
      <c r="E25915" s="1" t="s">
        <v>0</v>
      </c>
    </row>
    <row r="25916" spans="1:5" x14ac:dyDescent="0.25">
      <c r="A25916" s="1" t="s">
        <v>21744</v>
      </c>
      <c r="B25916" s="1" t="s">
        <v>60993</v>
      </c>
      <c r="C25916" s="1" t="s">
        <v>21745</v>
      </c>
      <c r="D25916" s="2">
        <v>178744</v>
      </c>
      <c r="E25916" s="1" t="s">
        <v>0</v>
      </c>
    </row>
    <row r="25917" spans="1:5" x14ac:dyDescent="0.25">
      <c r="A25917" s="2">
        <v>5183</v>
      </c>
      <c r="B25917" s="2">
        <v>5183</v>
      </c>
      <c r="C25917" s="1" t="s">
        <v>0</v>
      </c>
      <c r="D25917" s="2">
        <v>178745</v>
      </c>
      <c r="E25917" s="1" t="s">
        <v>0</v>
      </c>
    </row>
    <row r="25918" spans="1:5" x14ac:dyDescent="0.25">
      <c r="A25918" s="1" t="s">
        <v>4712</v>
      </c>
      <c r="B25918" s="1" t="s">
        <v>12533</v>
      </c>
      <c r="C25918" s="1" t="s">
        <v>48476</v>
      </c>
      <c r="D25918" s="2">
        <v>178746</v>
      </c>
      <c r="E25918" s="1" t="s">
        <v>0</v>
      </c>
    </row>
    <row r="25919" spans="1:5" x14ac:dyDescent="0.25">
      <c r="A25919" s="1" t="s">
        <v>48477</v>
      </c>
      <c r="B25919" s="1" t="s">
        <v>12534</v>
      </c>
      <c r="C25919" s="1" t="s">
        <v>48478</v>
      </c>
      <c r="D25919" s="2">
        <v>178747</v>
      </c>
      <c r="E25919" s="1" t="s">
        <v>0</v>
      </c>
    </row>
    <row r="25920" spans="1:5" ht="409.5" x14ac:dyDescent="0.25">
      <c r="A25920" s="4" t="s">
        <v>48479</v>
      </c>
      <c r="B25920" s="1" t="s">
        <v>63853</v>
      </c>
      <c r="C25920" s="1" t="s">
        <v>48480</v>
      </c>
      <c r="D25920" s="2">
        <v>178748</v>
      </c>
      <c r="E25920" s="1" t="s">
        <v>0</v>
      </c>
    </row>
    <row r="25921" spans="1:5" x14ac:dyDescent="0.25">
      <c r="A25921" s="1" t="s">
        <v>48481</v>
      </c>
      <c r="B25921" s="1" t="s">
        <v>12535</v>
      </c>
      <c r="C25921" s="1" t="s">
        <v>48482</v>
      </c>
      <c r="D25921" s="2">
        <v>178749</v>
      </c>
      <c r="E25921" s="1" t="s">
        <v>0</v>
      </c>
    </row>
    <row r="25922" spans="1:5" x14ac:dyDescent="0.25">
      <c r="A25922" s="2">
        <v>5184</v>
      </c>
      <c r="B25922" s="2">
        <v>5184</v>
      </c>
      <c r="C25922" s="1" t="s">
        <v>0</v>
      </c>
      <c r="D25922" s="2">
        <v>178750</v>
      </c>
      <c r="E25922" s="1" t="s">
        <v>0</v>
      </c>
    </row>
    <row r="25923" spans="1:5" x14ac:dyDescent="0.25">
      <c r="A25923" s="1" t="s">
        <v>4713</v>
      </c>
      <c r="B25923" s="1" t="s">
        <v>12536</v>
      </c>
      <c r="C25923" s="1" t="s">
        <v>48483</v>
      </c>
      <c r="D25923" s="2">
        <v>178751</v>
      </c>
      <c r="E25923" s="1" t="s">
        <v>0</v>
      </c>
    </row>
    <row r="25924" spans="1:5" x14ac:dyDescent="0.25">
      <c r="A25924" s="1" t="s">
        <v>48484</v>
      </c>
      <c r="B25924" s="1" t="s">
        <v>59157</v>
      </c>
      <c r="C25924" s="1" t="s">
        <v>48485</v>
      </c>
      <c r="D25924" s="2">
        <v>178752</v>
      </c>
      <c r="E25924" s="1" t="s">
        <v>0</v>
      </c>
    </row>
    <row r="25925" spans="1:5" ht="409.5" x14ac:dyDescent="0.25">
      <c r="A25925" s="4" t="s">
        <v>48486</v>
      </c>
      <c r="B25925" s="1" t="s">
        <v>59158</v>
      </c>
      <c r="C25925" s="1" t="s">
        <v>48487</v>
      </c>
      <c r="D25925" s="2">
        <v>178753</v>
      </c>
      <c r="E25925" s="1" t="s">
        <v>0</v>
      </c>
    </row>
    <row r="25926" spans="1:5" x14ac:dyDescent="0.25">
      <c r="A25926" s="1" t="s">
        <v>48488</v>
      </c>
      <c r="B25926" s="1" t="s">
        <v>12537</v>
      </c>
      <c r="C25926" s="1" t="s">
        <v>48489</v>
      </c>
      <c r="D25926" s="2">
        <v>178754</v>
      </c>
      <c r="E25926" s="1" t="s">
        <v>0</v>
      </c>
    </row>
    <row r="25927" spans="1:5" x14ac:dyDescent="0.25">
      <c r="A25927" s="2">
        <v>5185</v>
      </c>
      <c r="B25927" s="2">
        <v>5185</v>
      </c>
      <c r="C25927" s="1" t="s">
        <v>0</v>
      </c>
      <c r="D25927" s="2">
        <v>178755</v>
      </c>
      <c r="E25927" s="1" t="s">
        <v>0</v>
      </c>
    </row>
    <row r="25928" spans="1:5" x14ac:dyDescent="0.25">
      <c r="A25928" s="1" t="s">
        <v>4714</v>
      </c>
      <c r="B25928" s="1" t="s">
        <v>12538</v>
      </c>
      <c r="C25928" s="1" t="s">
        <v>48490</v>
      </c>
      <c r="D25928" s="2">
        <v>178756</v>
      </c>
      <c r="E25928" s="1" t="s">
        <v>0</v>
      </c>
    </row>
    <row r="25929" spans="1:5" x14ac:dyDescent="0.25">
      <c r="A25929" s="1" t="s">
        <v>48491</v>
      </c>
      <c r="B25929" s="1" t="s">
        <v>59159</v>
      </c>
      <c r="C25929" s="1" t="s">
        <v>48492</v>
      </c>
      <c r="D25929" s="2">
        <v>178757</v>
      </c>
      <c r="E25929" s="1" t="s">
        <v>0</v>
      </c>
    </row>
    <row r="25930" spans="1:5" ht="409.5" x14ac:dyDescent="0.25">
      <c r="A25930" s="4" t="s">
        <v>48493</v>
      </c>
      <c r="B25930" s="1" t="s">
        <v>59160</v>
      </c>
      <c r="C25930" s="1" t="s">
        <v>48494</v>
      </c>
      <c r="D25930" s="2">
        <v>178758</v>
      </c>
      <c r="E25930" s="1" t="s">
        <v>0</v>
      </c>
    </row>
    <row r="25931" spans="1:5" x14ac:dyDescent="0.25">
      <c r="A25931" s="1" t="s">
        <v>48495</v>
      </c>
      <c r="B25931" s="1" t="s">
        <v>12539</v>
      </c>
      <c r="C25931" s="1" t="s">
        <v>48496</v>
      </c>
      <c r="D25931" s="2">
        <v>178759</v>
      </c>
      <c r="E25931" s="1" t="s">
        <v>0</v>
      </c>
    </row>
    <row r="25932" spans="1:5" x14ac:dyDescent="0.25">
      <c r="A25932" s="2">
        <v>5186</v>
      </c>
      <c r="B25932" s="2">
        <v>5186</v>
      </c>
      <c r="C25932" s="1" t="s">
        <v>0</v>
      </c>
      <c r="D25932" s="2">
        <v>178760</v>
      </c>
      <c r="E25932" s="1" t="s">
        <v>0</v>
      </c>
    </row>
    <row r="25933" spans="1:5" x14ac:dyDescent="0.25">
      <c r="A25933" s="1" t="s">
        <v>4715</v>
      </c>
      <c r="B25933" s="1" t="s">
        <v>12540</v>
      </c>
      <c r="C25933" s="1" t="s">
        <v>48497</v>
      </c>
      <c r="D25933" s="2">
        <v>178761</v>
      </c>
      <c r="E25933" s="1" t="s">
        <v>0</v>
      </c>
    </row>
    <row r="25934" spans="1:5" x14ac:dyDescent="0.25">
      <c r="A25934" s="1" t="s">
        <v>48498</v>
      </c>
      <c r="B25934" s="1" t="s">
        <v>12541</v>
      </c>
      <c r="C25934" s="1" t="s">
        <v>48499</v>
      </c>
      <c r="D25934" s="2">
        <v>178762</v>
      </c>
      <c r="E25934" s="1" t="s">
        <v>0</v>
      </c>
    </row>
    <row r="25935" spans="1:5" ht="409.5" x14ac:dyDescent="0.25">
      <c r="A25935" s="4" t="s">
        <v>48500</v>
      </c>
      <c r="B25935" s="1" t="s">
        <v>48501</v>
      </c>
      <c r="C25935" s="1" t="s">
        <v>48502</v>
      </c>
      <c r="D25935" s="2">
        <v>178763</v>
      </c>
      <c r="E25935" s="1" t="s">
        <v>0</v>
      </c>
    </row>
    <row r="25936" spans="1:5" x14ac:dyDescent="0.25">
      <c r="A25936" s="1" t="s">
        <v>19499</v>
      </c>
      <c r="B25936" s="1" t="s">
        <v>60965</v>
      </c>
      <c r="C25936" s="1" t="s">
        <v>19500</v>
      </c>
      <c r="D25936" s="2">
        <v>178764</v>
      </c>
      <c r="E25936" s="1" t="s">
        <v>0</v>
      </c>
    </row>
    <row r="25937" spans="1:5" x14ac:dyDescent="0.25">
      <c r="A25937" s="2">
        <v>5187</v>
      </c>
      <c r="B25937" s="2">
        <v>5187</v>
      </c>
      <c r="C25937" s="1" t="s">
        <v>0</v>
      </c>
      <c r="D25937" s="2">
        <v>178765</v>
      </c>
      <c r="E25937" s="1" t="s">
        <v>0</v>
      </c>
    </row>
    <row r="25938" spans="1:5" x14ac:dyDescent="0.25">
      <c r="A25938" s="1" t="s">
        <v>12542</v>
      </c>
      <c r="B25938" s="1" t="s">
        <v>12543</v>
      </c>
      <c r="C25938" s="1" t="s">
        <v>48503</v>
      </c>
      <c r="D25938" s="2">
        <v>178766</v>
      </c>
      <c r="E25938" s="1" t="s">
        <v>0</v>
      </c>
    </row>
    <row r="25939" spans="1:5" x14ac:dyDescent="0.25">
      <c r="A25939" s="1" t="s">
        <v>48504</v>
      </c>
      <c r="B25939" s="1" t="s">
        <v>12544</v>
      </c>
      <c r="C25939" s="1" t="s">
        <v>48505</v>
      </c>
      <c r="D25939" s="2">
        <v>178767</v>
      </c>
      <c r="E25939" s="1" t="s">
        <v>0</v>
      </c>
    </row>
    <row r="25940" spans="1:5" ht="409.5" x14ac:dyDescent="0.25">
      <c r="A25940" s="4" t="s">
        <v>48506</v>
      </c>
      <c r="B25940" s="1" t="s">
        <v>12545</v>
      </c>
      <c r="C25940" s="1" t="s">
        <v>48507</v>
      </c>
      <c r="D25940" s="2">
        <v>178768</v>
      </c>
      <c r="E25940" s="1" t="s">
        <v>0</v>
      </c>
    </row>
    <row r="25941" spans="1:5" x14ac:dyDescent="0.25">
      <c r="A25941" s="1" t="s">
        <v>48508</v>
      </c>
      <c r="B25941" s="1" t="s">
        <v>59161</v>
      </c>
      <c r="C25941" s="1" t="s">
        <v>48509</v>
      </c>
      <c r="D25941" s="2">
        <v>178769</v>
      </c>
      <c r="E25941" s="1" t="s">
        <v>0</v>
      </c>
    </row>
    <row r="25942" spans="1:5" x14ac:dyDescent="0.25">
      <c r="A25942" s="2">
        <v>5188</v>
      </c>
      <c r="B25942" s="2">
        <v>5188</v>
      </c>
      <c r="C25942" s="1" t="s">
        <v>0</v>
      </c>
      <c r="D25942" s="2">
        <v>178770</v>
      </c>
      <c r="E25942" s="1" t="s">
        <v>0</v>
      </c>
    </row>
    <row r="25943" spans="1:5" x14ac:dyDescent="0.25">
      <c r="A25943" s="1" t="s">
        <v>4716</v>
      </c>
      <c r="B25943" s="1" t="s">
        <v>12546</v>
      </c>
      <c r="C25943" s="1" t="s">
        <v>48510</v>
      </c>
      <c r="D25943" s="2">
        <v>178771</v>
      </c>
      <c r="E25943" s="1" t="s">
        <v>0</v>
      </c>
    </row>
    <row r="25944" spans="1:5" x14ac:dyDescent="0.25">
      <c r="A25944" s="1" t="s">
        <v>48511</v>
      </c>
      <c r="B25944" s="1" t="s">
        <v>59162</v>
      </c>
      <c r="C25944" s="1" t="s">
        <v>48512</v>
      </c>
      <c r="D25944" s="2">
        <v>178772</v>
      </c>
      <c r="E25944" s="1" t="s">
        <v>0</v>
      </c>
    </row>
    <row r="25945" spans="1:5" ht="409.5" x14ac:dyDescent="0.25">
      <c r="A25945" s="4" t="s">
        <v>48513</v>
      </c>
      <c r="B25945" s="1" t="s">
        <v>59163</v>
      </c>
      <c r="C25945" s="1" t="s">
        <v>48514</v>
      </c>
      <c r="D25945" s="2">
        <v>178773</v>
      </c>
      <c r="E25945" s="1" t="s">
        <v>0</v>
      </c>
    </row>
    <row r="25946" spans="1:5" x14ac:dyDescent="0.25">
      <c r="A25946" s="1" t="s">
        <v>48515</v>
      </c>
      <c r="B25946" s="1" t="s">
        <v>12547</v>
      </c>
      <c r="C25946" s="1" t="s">
        <v>48516</v>
      </c>
      <c r="D25946" s="2">
        <v>178774</v>
      </c>
      <c r="E25946" s="1" t="s">
        <v>0</v>
      </c>
    </row>
    <row r="25947" spans="1:5" x14ac:dyDescent="0.25">
      <c r="A25947" s="2">
        <v>5189</v>
      </c>
      <c r="B25947" s="2">
        <v>5189</v>
      </c>
      <c r="C25947" s="1" t="s">
        <v>0</v>
      </c>
      <c r="D25947" s="2">
        <v>178775</v>
      </c>
      <c r="E25947" s="1" t="s">
        <v>0</v>
      </c>
    </row>
    <row r="25948" spans="1:5" x14ac:dyDescent="0.25">
      <c r="A25948" s="1" t="s">
        <v>4717</v>
      </c>
      <c r="B25948" s="1" t="s">
        <v>12548</v>
      </c>
      <c r="C25948" s="1" t="s">
        <v>48517</v>
      </c>
      <c r="D25948" s="2">
        <v>178776</v>
      </c>
      <c r="E25948" s="1" t="s">
        <v>0</v>
      </c>
    </row>
    <row r="25949" spans="1:5" x14ac:dyDescent="0.25">
      <c r="A25949" s="1" t="s">
        <v>48518</v>
      </c>
      <c r="B25949" s="1" t="s">
        <v>59164</v>
      </c>
      <c r="C25949" s="1" t="s">
        <v>48519</v>
      </c>
      <c r="D25949" s="2">
        <v>178777</v>
      </c>
      <c r="E25949" s="1" t="s">
        <v>0</v>
      </c>
    </row>
    <row r="25950" spans="1:5" ht="409.5" x14ac:dyDescent="0.25">
      <c r="A25950" s="4" t="s">
        <v>48520</v>
      </c>
      <c r="B25950" s="1" t="s">
        <v>59165</v>
      </c>
      <c r="C25950" s="1" t="s">
        <v>48521</v>
      </c>
      <c r="D25950" s="2">
        <v>178778</v>
      </c>
      <c r="E25950" s="1" t="s">
        <v>0</v>
      </c>
    </row>
    <row r="25951" spans="1:5" x14ac:dyDescent="0.25">
      <c r="A25951" s="1" t="s">
        <v>48522</v>
      </c>
      <c r="B25951" s="1" t="s">
        <v>59166</v>
      </c>
      <c r="C25951" s="1" t="s">
        <v>48523</v>
      </c>
      <c r="D25951" s="2">
        <v>178779</v>
      </c>
      <c r="E25951" s="1" t="s">
        <v>0</v>
      </c>
    </row>
    <row r="25952" spans="1:5" x14ac:dyDescent="0.25">
      <c r="A25952" s="2">
        <v>5190</v>
      </c>
      <c r="B25952" s="2">
        <v>5190</v>
      </c>
      <c r="C25952" s="1" t="s">
        <v>0</v>
      </c>
      <c r="D25952" s="2">
        <v>178780</v>
      </c>
      <c r="E25952" s="1" t="s">
        <v>0</v>
      </c>
    </row>
    <row r="25953" spans="1:5" x14ac:dyDescent="0.25">
      <c r="A25953" s="1" t="s">
        <v>4718</v>
      </c>
      <c r="B25953" s="1" t="s">
        <v>12549</v>
      </c>
      <c r="C25953" s="1" t="s">
        <v>48524</v>
      </c>
      <c r="D25953" s="2">
        <v>178781</v>
      </c>
      <c r="E25953" s="1" t="s">
        <v>0</v>
      </c>
    </row>
    <row r="25954" spans="1:5" x14ac:dyDescent="0.25">
      <c r="A25954" s="1" t="s">
        <v>48525</v>
      </c>
      <c r="B25954" s="1" t="s">
        <v>59167</v>
      </c>
      <c r="C25954" s="1" t="s">
        <v>48526</v>
      </c>
      <c r="D25954" s="2">
        <v>178782</v>
      </c>
      <c r="E25954" s="1" t="s">
        <v>0</v>
      </c>
    </row>
    <row r="25955" spans="1:5" ht="409.5" x14ac:dyDescent="0.25">
      <c r="A25955" s="4" t="s">
        <v>48527</v>
      </c>
      <c r="B25955" s="1" t="s">
        <v>63913</v>
      </c>
      <c r="C25955" s="1" t="s">
        <v>48528</v>
      </c>
      <c r="D25955" s="2">
        <v>178783</v>
      </c>
      <c r="E25955" s="1" t="s">
        <v>0</v>
      </c>
    </row>
    <row r="25956" spans="1:5" x14ac:dyDescent="0.25">
      <c r="A25956" s="1" t="s">
        <v>48529</v>
      </c>
      <c r="B25956" s="1" t="s">
        <v>12550</v>
      </c>
      <c r="C25956" s="1" t="s">
        <v>48530</v>
      </c>
      <c r="D25956" s="2">
        <v>178784</v>
      </c>
      <c r="E25956" s="1" t="s">
        <v>0</v>
      </c>
    </row>
    <row r="25957" spans="1:5" x14ac:dyDescent="0.25">
      <c r="A25957" s="2">
        <v>5191</v>
      </c>
      <c r="B25957" s="2">
        <v>5191</v>
      </c>
      <c r="C25957" s="1" t="s">
        <v>0</v>
      </c>
      <c r="D25957" s="2">
        <v>178785</v>
      </c>
      <c r="E25957" s="1" t="s">
        <v>0</v>
      </c>
    </row>
    <row r="25958" spans="1:5" x14ac:dyDescent="0.25">
      <c r="A25958" s="1" t="s">
        <v>63920</v>
      </c>
      <c r="B25958" s="1" t="s">
        <v>56986</v>
      </c>
      <c r="C25958" s="1" t="s">
        <v>48531</v>
      </c>
      <c r="D25958" s="2">
        <v>178786</v>
      </c>
      <c r="E25958" s="1" t="s">
        <v>0</v>
      </c>
    </row>
    <row r="25959" spans="1:5" x14ac:dyDescent="0.25">
      <c r="A25959" s="1" t="s">
        <v>48532</v>
      </c>
      <c r="B25959" s="1" t="s">
        <v>63097</v>
      </c>
      <c r="C25959" s="1" t="s">
        <v>48533</v>
      </c>
      <c r="D25959" s="2">
        <v>178787</v>
      </c>
      <c r="E25959" s="1" t="s">
        <v>0</v>
      </c>
    </row>
    <row r="25960" spans="1:5" ht="409.5" x14ac:dyDescent="0.25">
      <c r="A25960" s="4" t="s">
        <v>48534</v>
      </c>
      <c r="B25960" s="1" t="s">
        <v>63098</v>
      </c>
      <c r="C25960" s="1" t="s">
        <v>48535</v>
      </c>
      <c r="D25960" s="2">
        <v>178788</v>
      </c>
      <c r="E25960" s="1" t="s">
        <v>0</v>
      </c>
    </row>
    <row r="25961" spans="1:5" x14ac:dyDescent="0.25">
      <c r="A25961" s="1" t="s">
        <v>48536</v>
      </c>
      <c r="B25961" s="1" t="s">
        <v>59168</v>
      </c>
      <c r="C25961" s="1" t="s">
        <v>48537</v>
      </c>
      <c r="D25961" s="2">
        <v>178789</v>
      </c>
      <c r="E25961" s="1" t="s">
        <v>0</v>
      </c>
    </row>
    <row r="25962" spans="1:5" x14ac:dyDescent="0.25">
      <c r="A25962" s="2">
        <v>5192</v>
      </c>
      <c r="B25962" s="2">
        <v>5192</v>
      </c>
      <c r="C25962" s="1" t="s">
        <v>0</v>
      </c>
      <c r="D25962" s="2">
        <v>178790</v>
      </c>
      <c r="E25962" s="1" t="s">
        <v>0</v>
      </c>
    </row>
    <row r="25963" spans="1:5" x14ac:dyDescent="0.25">
      <c r="A25963" s="1" t="s">
        <v>12551</v>
      </c>
      <c r="B25963" s="1" t="s">
        <v>12552</v>
      </c>
      <c r="C25963" s="1" t="s">
        <v>48538</v>
      </c>
      <c r="D25963" s="2">
        <v>178791</v>
      </c>
      <c r="E25963" s="1" t="s">
        <v>0</v>
      </c>
    </row>
    <row r="25964" spans="1:5" x14ac:dyDescent="0.25">
      <c r="A25964" s="1" t="s">
        <v>48539</v>
      </c>
      <c r="B25964" s="1" t="s">
        <v>12553</v>
      </c>
      <c r="C25964" s="1" t="s">
        <v>48540</v>
      </c>
      <c r="D25964" s="2">
        <v>178792</v>
      </c>
      <c r="E25964" s="1" t="s">
        <v>0</v>
      </c>
    </row>
    <row r="25965" spans="1:5" ht="409.5" x14ac:dyDescent="0.25">
      <c r="A25965" s="4" t="s">
        <v>48541</v>
      </c>
      <c r="B25965" s="1" t="s">
        <v>12554</v>
      </c>
      <c r="C25965" s="1" t="s">
        <v>48542</v>
      </c>
      <c r="D25965" s="2">
        <v>178793</v>
      </c>
      <c r="E25965" s="1" t="s">
        <v>0</v>
      </c>
    </row>
    <row r="25966" spans="1:5" x14ac:dyDescent="0.25">
      <c r="A25966" s="1" t="s">
        <v>48543</v>
      </c>
      <c r="B25966" s="1" t="s">
        <v>59169</v>
      </c>
      <c r="C25966" s="1" t="s">
        <v>48544</v>
      </c>
      <c r="D25966" s="2">
        <v>178794</v>
      </c>
      <c r="E25966" s="1" t="s">
        <v>0</v>
      </c>
    </row>
    <row r="25967" spans="1:5" x14ac:dyDescent="0.25">
      <c r="A25967" s="2">
        <v>5193</v>
      </c>
      <c r="B25967" s="2">
        <v>5193</v>
      </c>
      <c r="C25967" s="1" t="s">
        <v>0</v>
      </c>
      <c r="D25967" s="2">
        <v>178795</v>
      </c>
      <c r="E25967" s="1" t="s">
        <v>0</v>
      </c>
    </row>
    <row r="25968" spans="1:5" x14ac:dyDescent="0.25">
      <c r="A25968" s="1" t="s">
        <v>4719</v>
      </c>
      <c r="B25968" s="1" t="s">
        <v>12555</v>
      </c>
      <c r="C25968" s="1" t="s">
        <v>48545</v>
      </c>
      <c r="D25968" s="2">
        <v>178796</v>
      </c>
      <c r="E25968" s="1" t="s">
        <v>0</v>
      </c>
    </row>
    <row r="25969" spans="1:5" x14ac:dyDescent="0.25">
      <c r="A25969" s="1" t="s">
        <v>48546</v>
      </c>
      <c r="B25969" s="1" t="s">
        <v>12556</v>
      </c>
      <c r="C25969" s="1" t="s">
        <v>48547</v>
      </c>
      <c r="D25969" s="2">
        <v>178797</v>
      </c>
      <c r="E25969" s="1" t="s">
        <v>0</v>
      </c>
    </row>
    <row r="25970" spans="1:5" ht="409.5" x14ac:dyDescent="0.25">
      <c r="A25970" s="4" t="s">
        <v>48548</v>
      </c>
      <c r="B25970" s="1" t="s">
        <v>59170</v>
      </c>
      <c r="C25970" s="1" t="s">
        <v>48549</v>
      </c>
      <c r="D25970" s="2">
        <v>178798</v>
      </c>
      <c r="E25970" s="1" t="s">
        <v>0</v>
      </c>
    </row>
    <row r="25971" spans="1:5" x14ac:dyDescent="0.25">
      <c r="A25971" s="1" t="s">
        <v>48550</v>
      </c>
      <c r="B25971" s="1" t="s">
        <v>12557</v>
      </c>
      <c r="C25971" s="1" t="s">
        <v>48551</v>
      </c>
      <c r="D25971" s="2">
        <v>178799</v>
      </c>
      <c r="E25971" s="1" t="s">
        <v>0</v>
      </c>
    </row>
    <row r="25972" spans="1:5" x14ac:dyDescent="0.25">
      <c r="A25972" s="2">
        <v>5194</v>
      </c>
      <c r="B25972" s="2">
        <v>5194</v>
      </c>
      <c r="C25972" s="1" t="s">
        <v>0</v>
      </c>
      <c r="D25972" s="2">
        <v>178800</v>
      </c>
      <c r="E25972" s="1" t="s">
        <v>0</v>
      </c>
    </row>
    <row r="25973" spans="1:5" x14ac:dyDescent="0.25">
      <c r="A25973" s="1" t="s">
        <v>4720</v>
      </c>
      <c r="B25973" s="1" t="s">
        <v>12558</v>
      </c>
      <c r="C25973" s="1" t="s">
        <v>48552</v>
      </c>
      <c r="D25973" s="2">
        <v>178801</v>
      </c>
      <c r="E25973" s="1" t="s">
        <v>0</v>
      </c>
    </row>
    <row r="25974" spans="1:5" x14ac:dyDescent="0.25">
      <c r="A25974" s="1" t="s">
        <v>48553</v>
      </c>
      <c r="B25974" s="1" t="s">
        <v>59171</v>
      </c>
      <c r="C25974" s="1" t="s">
        <v>48554</v>
      </c>
      <c r="D25974" s="2">
        <v>178802</v>
      </c>
      <c r="E25974" s="1" t="s">
        <v>0</v>
      </c>
    </row>
    <row r="25975" spans="1:5" ht="409.5" x14ac:dyDescent="0.25">
      <c r="A25975" s="4" t="s">
        <v>48555</v>
      </c>
      <c r="B25975" s="1" t="s">
        <v>59172</v>
      </c>
      <c r="C25975" s="1" t="s">
        <v>48556</v>
      </c>
      <c r="D25975" s="2">
        <v>178803</v>
      </c>
      <c r="E25975" s="1" t="s">
        <v>0</v>
      </c>
    </row>
    <row r="25976" spans="1:5" x14ac:dyDescent="0.25">
      <c r="A25976" s="1" t="s">
        <v>48557</v>
      </c>
      <c r="B25976" s="1" t="s">
        <v>12559</v>
      </c>
      <c r="C25976" s="1" t="s">
        <v>48558</v>
      </c>
      <c r="D25976" s="2">
        <v>178804</v>
      </c>
      <c r="E25976" s="1" t="s">
        <v>0</v>
      </c>
    </row>
    <row r="25977" spans="1:5" x14ac:dyDescent="0.25">
      <c r="A25977" s="2">
        <v>5195</v>
      </c>
      <c r="B25977" s="2">
        <v>5195</v>
      </c>
      <c r="C25977" s="1" t="s">
        <v>0</v>
      </c>
      <c r="D25977" s="2">
        <v>178805</v>
      </c>
      <c r="E25977" s="1" t="s">
        <v>0</v>
      </c>
    </row>
    <row r="25978" spans="1:5" x14ac:dyDescent="0.25">
      <c r="A25978" s="1" t="s">
        <v>4721</v>
      </c>
      <c r="B25978" s="1" t="s">
        <v>12560</v>
      </c>
      <c r="C25978" s="1" t="s">
        <v>48559</v>
      </c>
      <c r="D25978" s="2">
        <v>178806</v>
      </c>
      <c r="E25978" s="1" t="s">
        <v>0</v>
      </c>
    </row>
    <row r="25979" spans="1:5" x14ac:dyDescent="0.25">
      <c r="A25979" s="1" t="s">
        <v>48560</v>
      </c>
      <c r="B25979" s="1" t="s">
        <v>59173</v>
      </c>
      <c r="C25979" s="1" t="s">
        <v>48561</v>
      </c>
      <c r="D25979" s="2">
        <v>178807</v>
      </c>
      <c r="E25979" s="1" t="s">
        <v>0</v>
      </c>
    </row>
    <row r="25980" spans="1:5" ht="409.5" x14ac:dyDescent="0.25">
      <c r="A25980" s="4" t="s">
        <v>48562</v>
      </c>
      <c r="B25980" s="1" t="s">
        <v>59174</v>
      </c>
      <c r="C25980" s="1" t="s">
        <v>48563</v>
      </c>
      <c r="D25980" s="2">
        <v>178808</v>
      </c>
      <c r="E25980" s="1" t="s">
        <v>0</v>
      </c>
    </row>
    <row r="25981" spans="1:5" x14ac:dyDescent="0.25">
      <c r="A25981" s="1" t="s">
        <v>48564</v>
      </c>
      <c r="B25981" s="1" t="s">
        <v>59175</v>
      </c>
      <c r="C25981" s="1" t="s">
        <v>48565</v>
      </c>
      <c r="D25981" s="2">
        <v>178809</v>
      </c>
      <c r="E25981" s="1" t="s">
        <v>0</v>
      </c>
    </row>
    <row r="25982" spans="1:5" x14ac:dyDescent="0.25">
      <c r="A25982" s="2">
        <v>5196</v>
      </c>
      <c r="B25982" s="2">
        <v>5196</v>
      </c>
      <c r="C25982" s="1" t="s">
        <v>0</v>
      </c>
      <c r="D25982" s="2">
        <v>178810</v>
      </c>
      <c r="E25982" s="1" t="s">
        <v>0</v>
      </c>
    </row>
    <row r="25983" spans="1:5" x14ac:dyDescent="0.25">
      <c r="A25983" s="1" t="s">
        <v>4722</v>
      </c>
      <c r="B25983" s="1" t="s">
        <v>58664</v>
      </c>
      <c r="C25983" s="1" t="s">
        <v>48566</v>
      </c>
      <c r="D25983" s="2">
        <v>178811</v>
      </c>
      <c r="E25983" s="1" t="s">
        <v>0</v>
      </c>
    </row>
    <row r="25984" spans="1:5" x14ac:dyDescent="0.25">
      <c r="A25984" s="1" t="s">
        <v>48567</v>
      </c>
      <c r="B25984" s="1" t="s">
        <v>63099</v>
      </c>
      <c r="C25984" s="1" t="s">
        <v>48568</v>
      </c>
      <c r="D25984" s="2">
        <v>178812</v>
      </c>
      <c r="E25984" s="1" t="s">
        <v>0</v>
      </c>
    </row>
    <row r="25985" spans="1:5" ht="409.5" x14ac:dyDescent="0.25">
      <c r="A25985" s="4" t="s">
        <v>61909</v>
      </c>
      <c r="B25985" s="1" t="s">
        <v>63100</v>
      </c>
      <c r="C25985" s="1" t="s">
        <v>48569</v>
      </c>
      <c r="D25985" s="2">
        <v>178813</v>
      </c>
      <c r="E25985" s="1" t="s">
        <v>0</v>
      </c>
    </row>
    <row r="25986" spans="1:5" x14ac:dyDescent="0.25">
      <c r="A25986" s="1" t="s">
        <v>48570</v>
      </c>
      <c r="B25986" s="1" t="s">
        <v>59176</v>
      </c>
      <c r="C25986" s="1" t="s">
        <v>48571</v>
      </c>
      <c r="D25986" s="2">
        <v>178814</v>
      </c>
      <c r="E25986" s="1" t="s">
        <v>0</v>
      </c>
    </row>
    <row r="25987" spans="1:5" x14ac:dyDescent="0.25">
      <c r="A25987" s="2">
        <v>5197</v>
      </c>
      <c r="B25987" s="2">
        <v>5197</v>
      </c>
      <c r="C25987" s="1" t="s">
        <v>0</v>
      </c>
      <c r="D25987" s="2">
        <v>178815</v>
      </c>
      <c r="E25987" s="1" t="s">
        <v>0</v>
      </c>
    </row>
    <row r="25988" spans="1:5" x14ac:dyDescent="0.25">
      <c r="A25988" s="1" t="s">
        <v>4723</v>
      </c>
      <c r="B25988" s="1" t="s">
        <v>12561</v>
      </c>
      <c r="C25988" s="1" t="s">
        <v>48572</v>
      </c>
      <c r="D25988" s="2">
        <v>178816</v>
      </c>
      <c r="E25988" s="1" t="s">
        <v>0</v>
      </c>
    </row>
    <row r="25989" spans="1:5" x14ac:dyDescent="0.25">
      <c r="A25989" s="1" t="s">
        <v>48573</v>
      </c>
      <c r="B25989" s="1" t="s">
        <v>60804</v>
      </c>
      <c r="C25989" s="1" t="s">
        <v>48574</v>
      </c>
      <c r="D25989" s="2">
        <v>178817</v>
      </c>
      <c r="E25989" s="1" t="s">
        <v>0</v>
      </c>
    </row>
    <row r="25990" spans="1:5" ht="409.5" x14ac:dyDescent="0.25">
      <c r="A25990" s="4" t="s">
        <v>48575</v>
      </c>
      <c r="B25990" s="1" t="s">
        <v>63101</v>
      </c>
      <c r="C25990" s="1" t="s">
        <v>48576</v>
      </c>
      <c r="D25990" s="2">
        <v>178818</v>
      </c>
      <c r="E25990" s="1" t="s">
        <v>0</v>
      </c>
    </row>
    <row r="25991" spans="1:5" x14ac:dyDescent="0.25">
      <c r="A25991" s="1" t="s">
        <v>48577</v>
      </c>
      <c r="B25991" s="1" t="s">
        <v>59177</v>
      </c>
      <c r="C25991" s="1" t="s">
        <v>48578</v>
      </c>
      <c r="D25991" s="2">
        <v>178819</v>
      </c>
      <c r="E25991" s="1" t="s">
        <v>0</v>
      </c>
    </row>
    <row r="25992" spans="1:5" x14ac:dyDescent="0.25">
      <c r="A25992" s="2">
        <v>5198</v>
      </c>
      <c r="B25992" s="2">
        <v>5198</v>
      </c>
      <c r="C25992" s="1" t="s">
        <v>0</v>
      </c>
      <c r="D25992" s="2">
        <v>178820</v>
      </c>
      <c r="E25992" s="1" t="s">
        <v>0</v>
      </c>
    </row>
    <row r="25993" spans="1:5" x14ac:dyDescent="0.25">
      <c r="A25993" s="1" t="s">
        <v>4724</v>
      </c>
      <c r="B25993" s="1" t="s">
        <v>56987</v>
      </c>
      <c r="C25993" s="1" t="s">
        <v>48579</v>
      </c>
      <c r="D25993" s="2">
        <v>178821</v>
      </c>
      <c r="E25993" s="1" t="s">
        <v>0</v>
      </c>
    </row>
    <row r="25994" spans="1:5" x14ac:dyDescent="0.25">
      <c r="A25994" s="1" t="s">
        <v>48580</v>
      </c>
      <c r="B25994" s="1" t="s">
        <v>58665</v>
      </c>
      <c r="C25994" s="1" t="s">
        <v>48581</v>
      </c>
      <c r="D25994" s="2">
        <v>178822</v>
      </c>
      <c r="E25994" s="1" t="s">
        <v>0</v>
      </c>
    </row>
    <row r="25995" spans="1:5" ht="409.5" x14ac:dyDescent="0.25">
      <c r="A25995" s="4" t="s">
        <v>61910</v>
      </c>
      <c r="B25995" s="1" t="s">
        <v>58666</v>
      </c>
      <c r="C25995" s="1" t="s">
        <v>48582</v>
      </c>
      <c r="D25995" s="2">
        <v>178823</v>
      </c>
      <c r="E25995" s="1" t="s">
        <v>0</v>
      </c>
    </row>
    <row r="25996" spans="1:5" x14ac:dyDescent="0.25">
      <c r="A25996" s="1" t="s">
        <v>48583</v>
      </c>
      <c r="B25996" s="1" t="s">
        <v>12562</v>
      </c>
      <c r="C25996" s="1" t="s">
        <v>48584</v>
      </c>
      <c r="D25996" s="2">
        <v>178824</v>
      </c>
      <c r="E25996" s="1" t="s">
        <v>0</v>
      </c>
    </row>
    <row r="25997" spans="1:5" x14ac:dyDescent="0.25">
      <c r="A25997" s="2">
        <v>5199</v>
      </c>
      <c r="B25997" s="2">
        <v>5199</v>
      </c>
      <c r="C25997" s="1" t="s">
        <v>0</v>
      </c>
      <c r="D25997" s="2">
        <v>178825</v>
      </c>
      <c r="E25997" s="1" t="s">
        <v>0</v>
      </c>
    </row>
    <row r="25998" spans="1:5" x14ac:dyDescent="0.25">
      <c r="A25998" s="1" t="s">
        <v>4725</v>
      </c>
      <c r="B25998" s="1" t="s">
        <v>12563</v>
      </c>
      <c r="C25998" s="1" t="s">
        <v>48585</v>
      </c>
      <c r="D25998" s="2">
        <v>178826</v>
      </c>
      <c r="E25998" s="1" t="s">
        <v>0</v>
      </c>
    </row>
    <row r="25999" spans="1:5" x14ac:dyDescent="0.25">
      <c r="A25999" s="1" t="s">
        <v>48586</v>
      </c>
      <c r="B25999" s="1" t="s">
        <v>12564</v>
      </c>
      <c r="C25999" s="1" t="s">
        <v>48587</v>
      </c>
      <c r="D25999" s="2">
        <v>178827</v>
      </c>
      <c r="E25999" s="1" t="s">
        <v>0</v>
      </c>
    </row>
    <row r="26000" spans="1:5" ht="409.5" x14ac:dyDescent="0.25">
      <c r="A26000" s="4" t="s">
        <v>48588</v>
      </c>
      <c r="B26000" s="1" t="s">
        <v>12565</v>
      </c>
      <c r="C26000" s="1" t="s">
        <v>48589</v>
      </c>
      <c r="D26000" s="2">
        <v>178828</v>
      </c>
      <c r="E26000" s="1" t="s">
        <v>0</v>
      </c>
    </row>
    <row r="26001" spans="1:5" x14ac:dyDescent="0.25">
      <c r="A26001" s="1" t="s">
        <v>48590</v>
      </c>
      <c r="B26001" s="1" t="s">
        <v>59178</v>
      </c>
      <c r="C26001" s="1" t="s">
        <v>48591</v>
      </c>
      <c r="D26001" s="2">
        <v>178829</v>
      </c>
      <c r="E26001" s="1" t="s">
        <v>0</v>
      </c>
    </row>
    <row r="26002" spans="1:5" x14ac:dyDescent="0.25">
      <c r="A26002" s="2">
        <v>5200</v>
      </c>
      <c r="B26002" s="2">
        <v>5200</v>
      </c>
      <c r="C26002" s="1" t="s">
        <v>0</v>
      </c>
      <c r="D26002" s="2">
        <v>178830</v>
      </c>
      <c r="E26002" s="1" t="s">
        <v>0</v>
      </c>
    </row>
    <row r="26003" spans="1:5" x14ac:dyDescent="0.25">
      <c r="A26003" s="1" t="s">
        <v>4726</v>
      </c>
      <c r="B26003" s="1" t="s">
        <v>60341</v>
      </c>
      <c r="C26003" s="1" t="s">
        <v>48592</v>
      </c>
      <c r="D26003" s="2">
        <v>178831</v>
      </c>
      <c r="E26003" s="1" t="s">
        <v>0</v>
      </c>
    </row>
    <row r="26004" spans="1:5" x14ac:dyDescent="0.25">
      <c r="A26004" s="1" t="s">
        <v>48593</v>
      </c>
      <c r="B26004" s="1" t="s">
        <v>12566</v>
      </c>
      <c r="C26004" s="1" t="s">
        <v>48594</v>
      </c>
      <c r="D26004" s="2">
        <v>178832</v>
      </c>
      <c r="E26004" s="1" t="s">
        <v>0</v>
      </c>
    </row>
    <row r="26005" spans="1:5" ht="409.5" x14ac:dyDescent="0.25">
      <c r="A26005" s="4" t="s">
        <v>48595</v>
      </c>
      <c r="B26005" s="1" t="s">
        <v>58954</v>
      </c>
      <c r="C26005" s="1" t="s">
        <v>48596</v>
      </c>
      <c r="D26005" s="2">
        <v>178833</v>
      </c>
      <c r="E26005" s="1" t="s">
        <v>0</v>
      </c>
    </row>
    <row r="26006" spans="1:5" x14ac:dyDescent="0.25">
      <c r="A26006" s="1" t="s">
        <v>48597</v>
      </c>
      <c r="B26006" s="1" t="s">
        <v>59179</v>
      </c>
      <c r="C26006" s="1" t="s">
        <v>48598</v>
      </c>
      <c r="D26006" s="2">
        <v>178834</v>
      </c>
      <c r="E26006" s="1" t="s">
        <v>0</v>
      </c>
    </row>
    <row r="26007" spans="1:5" x14ac:dyDescent="0.25">
      <c r="A26007" s="2">
        <v>5201</v>
      </c>
      <c r="B26007" s="2">
        <v>5201</v>
      </c>
      <c r="C26007" s="1" t="s">
        <v>0</v>
      </c>
      <c r="D26007" s="2">
        <v>178835</v>
      </c>
      <c r="E26007" s="1" t="s">
        <v>0</v>
      </c>
    </row>
    <row r="26008" spans="1:5" x14ac:dyDescent="0.25">
      <c r="A26008" s="1" t="s">
        <v>4727</v>
      </c>
      <c r="B26008" s="1" t="s">
        <v>12567</v>
      </c>
      <c r="C26008" s="1" t="s">
        <v>48599</v>
      </c>
      <c r="D26008" s="2">
        <v>178836</v>
      </c>
      <c r="E26008" s="1" t="s">
        <v>0</v>
      </c>
    </row>
    <row r="26009" spans="1:5" x14ac:dyDescent="0.25">
      <c r="A26009" s="1" t="s">
        <v>14886</v>
      </c>
      <c r="B26009" s="1" t="s">
        <v>61979</v>
      </c>
      <c r="C26009" s="1" t="s">
        <v>14887</v>
      </c>
      <c r="D26009" s="2">
        <v>178837</v>
      </c>
      <c r="E26009" s="1" t="s">
        <v>0</v>
      </c>
    </row>
    <row r="26010" spans="1:5" ht="409.5" x14ac:dyDescent="0.25">
      <c r="A26010" s="4" t="s">
        <v>48600</v>
      </c>
      <c r="B26010" s="1" t="s">
        <v>61980</v>
      </c>
      <c r="C26010" s="1" t="s">
        <v>14889</v>
      </c>
      <c r="D26010" s="2">
        <v>178838</v>
      </c>
      <c r="E26010" s="1" t="s">
        <v>0</v>
      </c>
    </row>
    <row r="26011" spans="1:5" x14ac:dyDescent="0.25">
      <c r="A26011" s="1" t="s">
        <v>48601</v>
      </c>
      <c r="B26011" s="1" t="s">
        <v>59180</v>
      </c>
      <c r="C26011" s="1" t="s">
        <v>48602</v>
      </c>
      <c r="D26011" s="2">
        <v>178839</v>
      </c>
      <c r="E26011" s="1" t="s">
        <v>0</v>
      </c>
    </row>
    <row r="26012" spans="1:5" x14ac:dyDescent="0.25">
      <c r="A26012" s="2">
        <v>5202</v>
      </c>
      <c r="B26012" s="2">
        <v>5202</v>
      </c>
      <c r="C26012" s="1" t="s">
        <v>0</v>
      </c>
      <c r="D26012" s="2">
        <v>178840</v>
      </c>
      <c r="E26012" s="1" t="s">
        <v>0</v>
      </c>
    </row>
    <row r="26013" spans="1:5" x14ac:dyDescent="0.25">
      <c r="A26013" s="1" t="s">
        <v>4728</v>
      </c>
      <c r="B26013" s="1" t="s">
        <v>63568</v>
      </c>
      <c r="C26013" s="1" t="s">
        <v>48603</v>
      </c>
      <c r="D26013" s="2">
        <v>178841</v>
      </c>
      <c r="E26013" s="1" t="s">
        <v>0</v>
      </c>
    </row>
    <row r="26014" spans="1:5" x14ac:dyDescent="0.25">
      <c r="A26014" s="1" t="s">
        <v>48604</v>
      </c>
      <c r="B26014" s="1" t="s">
        <v>63569</v>
      </c>
      <c r="C26014" s="1" t="s">
        <v>48605</v>
      </c>
      <c r="D26014" s="2">
        <v>178842</v>
      </c>
      <c r="E26014" s="1" t="s">
        <v>0</v>
      </c>
    </row>
    <row r="26015" spans="1:5" ht="409.5" x14ac:dyDescent="0.25">
      <c r="A26015" s="4" t="s">
        <v>48606</v>
      </c>
      <c r="B26015" s="1" t="s">
        <v>63570</v>
      </c>
      <c r="C26015" s="1" t="s">
        <v>48607</v>
      </c>
      <c r="D26015" s="2">
        <v>178843</v>
      </c>
      <c r="E26015" s="1" t="s">
        <v>0</v>
      </c>
    </row>
    <row r="26016" spans="1:5" x14ac:dyDescent="0.25">
      <c r="A26016" s="1" t="s">
        <v>48608</v>
      </c>
      <c r="B26016" s="1" t="s">
        <v>61541</v>
      </c>
      <c r="C26016" s="1" t="s">
        <v>48609</v>
      </c>
      <c r="D26016" s="2">
        <v>178844</v>
      </c>
      <c r="E26016" s="1" t="s">
        <v>0</v>
      </c>
    </row>
    <row r="26017" spans="1:5" x14ac:dyDescent="0.25">
      <c r="A26017" s="2">
        <v>5203</v>
      </c>
      <c r="B26017" s="2">
        <v>5203</v>
      </c>
      <c r="C26017" s="1" t="s">
        <v>0</v>
      </c>
      <c r="D26017" s="2">
        <v>178845</v>
      </c>
      <c r="E26017" s="1" t="s">
        <v>0</v>
      </c>
    </row>
    <row r="26018" spans="1:5" x14ac:dyDescent="0.25">
      <c r="A26018" s="1" t="s">
        <v>4729</v>
      </c>
      <c r="B26018" s="1" t="s">
        <v>12568</v>
      </c>
      <c r="C26018" s="1" t="s">
        <v>48610</v>
      </c>
      <c r="D26018" s="2">
        <v>178846</v>
      </c>
      <c r="E26018" s="1" t="s">
        <v>0</v>
      </c>
    </row>
    <row r="26019" spans="1:5" x14ac:dyDescent="0.25">
      <c r="A26019" s="1" t="s">
        <v>48611</v>
      </c>
      <c r="B26019" s="1" t="s">
        <v>63102</v>
      </c>
      <c r="C26019" s="1" t="s">
        <v>48612</v>
      </c>
      <c r="D26019" s="2">
        <v>178847</v>
      </c>
      <c r="E26019" s="1" t="s">
        <v>0</v>
      </c>
    </row>
    <row r="26020" spans="1:5" ht="409.5" x14ac:dyDescent="0.25">
      <c r="A26020" s="4" t="s">
        <v>48613</v>
      </c>
      <c r="B26020" s="1" t="s">
        <v>63103</v>
      </c>
      <c r="C26020" s="1" t="s">
        <v>48614</v>
      </c>
      <c r="D26020" s="2">
        <v>178848</v>
      </c>
      <c r="E26020" s="1" t="s">
        <v>0</v>
      </c>
    </row>
    <row r="26021" spans="1:5" x14ac:dyDescent="0.25">
      <c r="A26021" s="1" t="s">
        <v>48615</v>
      </c>
      <c r="B26021" s="1" t="s">
        <v>58667</v>
      </c>
      <c r="C26021" s="1" t="s">
        <v>48616</v>
      </c>
      <c r="D26021" s="2">
        <v>178849</v>
      </c>
      <c r="E26021" s="1" t="s">
        <v>0</v>
      </c>
    </row>
    <row r="26022" spans="1:5" x14ac:dyDescent="0.25">
      <c r="A26022" s="2">
        <v>5204</v>
      </c>
      <c r="B26022" s="2">
        <v>5204</v>
      </c>
      <c r="C26022" s="1" t="s">
        <v>0</v>
      </c>
      <c r="D26022" s="2">
        <v>178850</v>
      </c>
      <c r="E26022" s="1" t="s">
        <v>0</v>
      </c>
    </row>
    <row r="26023" spans="1:5" x14ac:dyDescent="0.25">
      <c r="A26023" s="1" t="s">
        <v>4730</v>
      </c>
      <c r="B26023" s="1" t="s">
        <v>12569</v>
      </c>
      <c r="C26023" s="1" t="s">
        <v>48617</v>
      </c>
      <c r="D26023" s="2">
        <v>178851</v>
      </c>
      <c r="E26023" s="1" t="s">
        <v>0</v>
      </c>
    </row>
    <row r="26024" spans="1:5" x14ac:dyDescent="0.25">
      <c r="A26024" s="1" t="s">
        <v>48618</v>
      </c>
      <c r="B26024" s="1" t="s">
        <v>59181</v>
      </c>
      <c r="C26024" s="1" t="s">
        <v>48619</v>
      </c>
      <c r="D26024" s="2">
        <v>178852</v>
      </c>
      <c r="E26024" s="1" t="s">
        <v>0</v>
      </c>
    </row>
    <row r="26025" spans="1:5" ht="409.5" x14ac:dyDescent="0.25">
      <c r="A26025" s="4" t="s">
        <v>48620</v>
      </c>
      <c r="B26025" s="1" t="s">
        <v>59182</v>
      </c>
      <c r="C26025" s="1" t="s">
        <v>48621</v>
      </c>
      <c r="D26025" s="2">
        <v>178853</v>
      </c>
      <c r="E26025" s="1" t="s">
        <v>0</v>
      </c>
    </row>
    <row r="26026" spans="1:5" x14ac:dyDescent="0.25">
      <c r="A26026" s="1" t="s">
        <v>48622</v>
      </c>
      <c r="B26026" s="1" t="s">
        <v>59183</v>
      </c>
      <c r="C26026" s="1" t="s">
        <v>48623</v>
      </c>
      <c r="D26026" s="2">
        <v>178854</v>
      </c>
      <c r="E26026" s="1" t="s">
        <v>0</v>
      </c>
    </row>
    <row r="26027" spans="1:5" x14ac:dyDescent="0.25">
      <c r="A26027" s="2">
        <v>5205</v>
      </c>
      <c r="B26027" s="2">
        <v>5205</v>
      </c>
      <c r="C26027" s="1" t="s">
        <v>0</v>
      </c>
      <c r="D26027" s="2">
        <v>178855</v>
      </c>
      <c r="E26027" s="1" t="s">
        <v>0</v>
      </c>
    </row>
    <row r="26028" spans="1:5" x14ac:dyDescent="0.25">
      <c r="A26028" s="1" t="s">
        <v>4731</v>
      </c>
      <c r="B26028" s="1" t="s">
        <v>12570</v>
      </c>
      <c r="C26028" s="1" t="s">
        <v>48624</v>
      </c>
      <c r="D26028" s="2">
        <v>178856</v>
      </c>
      <c r="E26028" s="1" t="s">
        <v>0</v>
      </c>
    </row>
    <row r="26029" spans="1:5" x14ac:dyDescent="0.25">
      <c r="A26029" s="1" t="s">
        <v>48625</v>
      </c>
      <c r="B26029" s="1" t="s">
        <v>12571</v>
      </c>
      <c r="C26029" s="1" t="s">
        <v>48626</v>
      </c>
      <c r="D26029" s="2">
        <v>178857</v>
      </c>
      <c r="E26029" s="1" t="s">
        <v>0</v>
      </c>
    </row>
    <row r="26030" spans="1:5" ht="409.5" x14ac:dyDescent="0.25">
      <c r="A26030" s="4" t="s">
        <v>48627</v>
      </c>
      <c r="B26030" s="1" t="s">
        <v>12572</v>
      </c>
      <c r="C26030" s="1" t="s">
        <v>48628</v>
      </c>
      <c r="D26030" s="2">
        <v>178858</v>
      </c>
      <c r="E26030" s="1" t="s">
        <v>0</v>
      </c>
    </row>
    <row r="26031" spans="1:5" x14ac:dyDescent="0.25">
      <c r="A26031" s="1" t="s">
        <v>48629</v>
      </c>
      <c r="B26031" s="1" t="s">
        <v>12573</v>
      </c>
      <c r="C26031" s="1" t="s">
        <v>48630</v>
      </c>
      <c r="D26031" s="2">
        <v>178859</v>
      </c>
      <c r="E26031" s="1" t="s">
        <v>0</v>
      </c>
    </row>
    <row r="26032" spans="1:5" x14ac:dyDescent="0.25">
      <c r="A26032" s="2">
        <v>5206</v>
      </c>
      <c r="B26032" s="2">
        <v>5206</v>
      </c>
      <c r="C26032" s="1" t="s">
        <v>0</v>
      </c>
      <c r="D26032" s="2">
        <v>178860</v>
      </c>
      <c r="E26032" s="1" t="s">
        <v>0</v>
      </c>
    </row>
    <row r="26033" spans="1:5" x14ac:dyDescent="0.25">
      <c r="A26033" s="1" t="s">
        <v>13327</v>
      </c>
      <c r="B26033" s="1" t="s">
        <v>12574</v>
      </c>
      <c r="C26033" s="1" t="s">
        <v>48631</v>
      </c>
      <c r="D26033" s="2">
        <v>178861</v>
      </c>
      <c r="E26033" s="1" t="s">
        <v>0</v>
      </c>
    </row>
    <row r="26034" spans="1:5" x14ac:dyDescent="0.25">
      <c r="A26034" s="1" t="s">
        <v>48632</v>
      </c>
      <c r="B26034" s="1" t="s">
        <v>48633</v>
      </c>
      <c r="C26034" s="1" t="s">
        <v>48634</v>
      </c>
      <c r="D26034" s="2">
        <v>178862</v>
      </c>
      <c r="E26034" s="1" t="s">
        <v>0</v>
      </c>
    </row>
    <row r="26035" spans="1:5" ht="409.5" x14ac:dyDescent="0.25">
      <c r="A26035" s="4" t="s">
        <v>48635</v>
      </c>
      <c r="B26035" s="1" t="s">
        <v>59184</v>
      </c>
      <c r="C26035" s="1" t="s">
        <v>48636</v>
      </c>
      <c r="D26035" s="2">
        <v>178863</v>
      </c>
      <c r="E26035" s="1" t="s">
        <v>0</v>
      </c>
    </row>
    <row r="26036" spans="1:5" x14ac:dyDescent="0.25">
      <c r="A26036" s="1" t="s">
        <v>48637</v>
      </c>
      <c r="B26036" s="1" t="s">
        <v>12575</v>
      </c>
      <c r="C26036" s="1" t="s">
        <v>48638</v>
      </c>
      <c r="D26036" s="2">
        <v>178864</v>
      </c>
      <c r="E26036" s="1" t="s">
        <v>0</v>
      </c>
    </row>
    <row r="26037" spans="1:5" x14ac:dyDescent="0.25">
      <c r="A26037" s="2">
        <v>5207</v>
      </c>
      <c r="B26037" s="2">
        <v>5207</v>
      </c>
      <c r="C26037" s="1" t="s">
        <v>0</v>
      </c>
      <c r="D26037" s="2">
        <v>178865</v>
      </c>
      <c r="E26037" s="1" t="s">
        <v>0</v>
      </c>
    </row>
    <row r="26038" spans="1:5" x14ac:dyDescent="0.25">
      <c r="A26038" s="1" t="s">
        <v>4732</v>
      </c>
      <c r="B26038" s="1" t="s">
        <v>12576</v>
      </c>
      <c r="C26038" s="1" t="s">
        <v>48639</v>
      </c>
      <c r="D26038" s="2">
        <v>178866</v>
      </c>
      <c r="E26038" s="1" t="s">
        <v>0</v>
      </c>
    </row>
    <row r="26039" spans="1:5" x14ac:dyDescent="0.25">
      <c r="A26039" s="1" t="s">
        <v>48640</v>
      </c>
      <c r="B26039" s="1" t="s">
        <v>59185</v>
      </c>
      <c r="C26039" s="1" t="s">
        <v>48641</v>
      </c>
      <c r="D26039" s="2">
        <v>178867</v>
      </c>
      <c r="E26039" s="1" t="s">
        <v>0</v>
      </c>
    </row>
    <row r="26040" spans="1:5" ht="409.5" x14ac:dyDescent="0.25">
      <c r="A26040" s="4" t="s">
        <v>48642</v>
      </c>
      <c r="B26040" s="1" t="s">
        <v>59186</v>
      </c>
      <c r="C26040" s="1" t="s">
        <v>48643</v>
      </c>
      <c r="D26040" s="2">
        <v>178868</v>
      </c>
      <c r="E26040" s="1" t="s">
        <v>0</v>
      </c>
    </row>
    <row r="26041" spans="1:5" x14ac:dyDescent="0.25">
      <c r="A26041" s="1" t="s">
        <v>48644</v>
      </c>
      <c r="B26041" s="1" t="s">
        <v>12577</v>
      </c>
      <c r="C26041" s="1" t="s">
        <v>48645</v>
      </c>
      <c r="D26041" s="2">
        <v>178869</v>
      </c>
      <c r="E26041" s="1" t="s">
        <v>0</v>
      </c>
    </row>
    <row r="26042" spans="1:5" x14ac:dyDescent="0.25">
      <c r="A26042" s="2">
        <v>5208</v>
      </c>
      <c r="B26042" s="2">
        <v>5208</v>
      </c>
      <c r="C26042" s="1" t="s">
        <v>0</v>
      </c>
      <c r="D26042" s="2">
        <v>178870</v>
      </c>
      <c r="E26042" s="1" t="s">
        <v>0</v>
      </c>
    </row>
    <row r="26043" spans="1:5" x14ac:dyDescent="0.25">
      <c r="A26043" s="1" t="s">
        <v>4733</v>
      </c>
      <c r="B26043" s="1" t="s">
        <v>12578</v>
      </c>
      <c r="C26043" s="1" t="s">
        <v>48646</v>
      </c>
      <c r="D26043" s="2">
        <v>178871</v>
      </c>
      <c r="E26043" s="1" t="s">
        <v>0</v>
      </c>
    </row>
    <row r="26044" spans="1:5" x14ac:dyDescent="0.25">
      <c r="A26044" s="1" t="s">
        <v>48647</v>
      </c>
      <c r="B26044" s="1" t="s">
        <v>59187</v>
      </c>
      <c r="C26044" s="1" t="s">
        <v>48648</v>
      </c>
      <c r="D26044" s="2">
        <v>178872</v>
      </c>
      <c r="E26044" s="1" t="s">
        <v>0</v>
      </c>
    </row>
    <row r="26045" spans="1:5" ht="409.5" x14ac:dyDescent="0.25">
      <c r="A26045" s="4" t="s">
        <v>48649</v>
      </c>
      <c r="B26045" s="1" t="s">
        <v>59188</v>
      </c>
      <c r="C26045" s="1" t="s">
        <v>48650</v>
      </c>
      <c r="D26045" s="2">
        <v>178873</v>
      </c>
      <c r="E26045" s="1" t="s">
        <v>0</v>
      </c>
    </row>
    <row r="26046" spans="1:5" x14ac:dyDescent="0.25">
      <c r="A26046" s="1" t="s">
        <v>48651</v>
      </c>
      <c r="B26046" s="1" t="s">
        <v>59189</v>
      </c>
      <c r="C26046" s="1" t="s">
        <v>48652</v>
      </c>
      <c r="D26046" s="2">
        <v>178874</v>
      </c>
      <c r="E26046" s="1" t="s">
        <v>0</v>
      </c>
    </row>
    <row r="26047" spans="1:5" x14ac:dyDescent="0.25">
      <c r="A26047" s="2">
        <v>5209</v>
      </c>
      <c r="B26047" s="2">
        <v>5209</v>
      </c>
      <c r="C26047" s="1" t="s">
        <v>0</v>
      </c>
      <c r="D26047" s="2">
        <v>178875</v>
      </c>
      <c r="E26047" s="1" t="s">
        <v>0</v>
      </c>
    </row>
    <row r="26048" spans="1:5" x14ac:dyDescent="0.25">
      <c r="A26048" s="1" t="s">
        <v>4734</v>
      </c>
      <c r="B26048" s="1" t="s">
        <v>59190</v>
      </c>
      <c r="C26048" s="1" t="s">
        <v>48653</v>
      </c>
      <c r="D26048" s="2">
        <v>178876</v>
      </c>
      <c r="E26048" s="1" t="s">
        <v>0</v>
      </c>
    </row>
    <row r="26049" spans="1:5" x14ac:dyDescent="0.25">
      <c r="A26049" s="1" t="s">
        <v>48654</v>
      </c>
      <c r="B26049" s="1" t="s">
        <v>59191</v>
      </c>
      <c r="C26049" s="1" t="s">
        <v>48655</v>
      </c>
      <c r="D26049" s="2">
        <v>178877</v>
      </c>
      <c r="E26049" s="1" t="s">
        <v>0</v>
      </c>
    </row>
    <row r="26050" spans="1:5" ht="409.5" x14ac:dyDescent="0.25">
      <c r="A26050" s="4" t="s">
        <v>48656</v>
      </c>
      <c r="B26050" s="1" t="s">
        <v>59192</v>
      </c>
      <c r="C26050" s="1" t="s">
        <v>48657</v>
      </c>
      <c r="D26050" s="2">
        <v>178878</v>
      </c>
      <c r="E26050" s="1" t="s">
        <v>0</v>
      </c>
    </row>
    <row r="26051" spans="1:5" x14ac:dyDescent="0.25">
      <c r="A26051" s="1" t="s">
        <v>48658</v>
      </c>
      <c r="B26051" s="1" t="s">
        <v>12579</v>
      </c>
      <c r="C26051" s="1" t="s">
        <v>48659</v>
      </c>
      <c r="D26051" s="2">
        <v>178879</v>
      </c>
      <c r="E26051" s="1" t="s">
        <v>0</v>
      </c>
    </row>
    <row r="26052" spans="1:5" x14ac:dyDescent="0.25">
      <c r="A26052" s="2">
        <v>5210</v>
      </c>
      <c r="B26052" s="2">
        <v>5210</v>
      </c>
      <c r="C26052" s="1" t="s">
        <v>0</v>
      </c>
      <c r="D26052" s="2">
        <v>178880</v>
      </c>
      <c r="E26052" s="1" t="s">
        <v>0</v>
      </c>
    </row>
    <row r="26053" spans="1:5" x14ac:dyDescent="0.25">
      <c r="A26053" s="1" t="s">
        <v>4735</v>
      </c>
      <c r="B26053" s="1" t="s">
        <v>12580</v>
      </c>
      <c r="C26053" s="1" t="s">
        <v>48660</v>
      </c>
      <c r="D26053" s="2">
        <v>178881</v>
      </c>
      <c r="E26053" s="1" t="s">
        <v>0</v>
      </c>
    </row>
    <row r="26054" spans="1:5" x14ac:dyDescent="0.25">
      <c r="A26054" s="1" t="s">
        <v>48661</v>
      </c>
      <c r="B26054" s="1" t="s">
        <v>59193</v>
      </c>
      <c r="C26054" s="1" t="s">
        <v>48662</v>
      </c>
      <c r="D26054" s="2">
        <v>178882</v>
      </c>
      <c r="E26054" s="1" t="s">
        <v>0</v>
      </c>
    </row>
    <row r="26055" spans="1:5" ht="409.5" x14ac:dyDescent="0.25">
      <c r="A26055" s="4" t="s">
        <v>48663</v>
      </c>
      <c r="B26055" s="1" t="s">
        <v>61443</v>
      </c>
      <c r="C26055" s="1" t="s">
        <v>48664</v>
      </c>
      <c r="D26055" s="2">
        <v>178883</v>
      </c>
      <c r="E26055" s="1" t="s">
        <v>0</v>
      </c>
    </row>
    <row r="26056" spans="1:5" x14ac:dyDescent="0.25">
      <c r="A26056" s="1" t="s">
        <v>48665</v>
      </c>
      <c r="B26056" s="1" t="s">
        <v>4736</v>
      </c>
      <c r="C26056" s="1" t="s">
        <v>48666</v>
      </c>
      <c r="D26056" s="2">
        <v>178884</v>
      </c>
      <c r="E26056" s="1" t="s">
        <v>0</v>
      </c>
    </row>
    <row r="26057" spans="1:5" x14ac:dyDescent="0.25">
      <c r="A26057" s="2">
        <v>5211</v>
      </c>
      <c r="B26057" s="2">
        <v>5211</v>
      </c>
      <c r="C26057" s="1" t="s">
        <v>0</v>
      </c>
      <c r="D26057" s="2">
        <v>178885</v>
      </c>
      <c r="E26057" s="1" t="s">
        <v>0</v>
      </c>
    </row>
    <row r="26058" spans="1:5" x14ac:dyDescent="0.25">
      <c r="A26058" s="1" t="s">
        <v>4737</v>
      </c>
      <c r="B26058" s="1" t="s">
        <v>12581</v>
      </c>
      <c r="C26058" s="1" t="s">
        <v>48667</v>
      </c>
      <c r="D26058" s="2">
        <v>178886</v>
      </c>
      <c r="E26058" s="1" t="s">
        <v>0</v>
      </c>
    </row>
    <row r="26059" spans="1:5" x14ac:dyDescent="0.25">
      <c r="A26059" s="1" t="s">
        <v>48668</v>
      </c>
      <c r="B26059" s="1" t="s">
        <v>59194</v>
      </c>
      <c r="C26059" s="1" t="s">
        <v>48669</v>
      </c>
      <c r="D26059" s="2">
        <v>178887</v>
      </c>
      <c r="E26059" s="1" t="s">
        <v>0</v>
      </c>
    </row>
    <row r="26060" spans="1:5" ht="409.5" x14ac:dyDescent="0.25">
      <c r="A26060" s="4" t="s">
        <v>48670</v>
      </c>
      <c r="B26060" s="1" t="s">
        <v>63104</v>
      </c>
      <c r="C26060" s="1" t="s">
        <v>48671</v>
      </c>
      <c r="D26060" s="2">
        <v>178888</v>
      </c>
      <c r="E26060" s="1" t="s">
        <v>0</v>
      </c>
    </row>
    <row r="26061" spans="1:5" x14ac:dyDescent="0.25">
      <c r="A26061" s="1" t="s">
        <v>48672</v>
      </c>
      <c r="B26061" s="1" t="s">
        <v>12582</v>
      </c>
      <c r="C26061" s="1" t="s">
        <v>48673</v>
      </c>
      <c r="D26061" s="2">
        <v>178889</v>
      </c>
      <c r="E26061" s="1" t="s">
        <v>0</v>
      </c>
    </row>
    <row r="26062" spans="1:5" x14ac:dyDescent="0.25">
      <c r="A26062" s="2">
        <v>5212</v>
      </c>
      <c r="B26062" s="2">
        <v>5212</v>
      </c>
      <c r="C26062" s="1" t="s">
        <v>0</v>
      </c>
      <c r="D26062" s="2">
        <v>178890</v>
      </c>
      <c r="E26062" s="1" t="s">
        <v>0</v>
      </c>
    </row>
    <row r="26063" spans="1:5" x14ac:dyDescent="0.25">
      <c r="A26063" s="1" t="s">
        <v>4738</v>
      </c>
      <c r="B26063" s="1" t="s">
        <v>12583</v>
      </c>
      <c r="C26063" s="1" t="s">
        <v>48674</v>
      </c>
      <c r="D26063" s="2">
        <v>178891</v>
      </c>
      <c r="E26063" s="1" t="s">
        <v>0</v>
      </c>
    </row>
    <row r="26064" spans="1:5" x14ac:dyDescent="0.25">
      <c r="A26064" s="1" t="s">
        <v>48675</v>
      </c>
      <c r="B26064" s="1" t="s">
        <v>12584</v>
      </c>
      <c r="C26064" s="1" t="s">
        <v>48676</v>
      </c>
      <c r="D26064" s="2">
        <v>178892</v>
      </c>
      <c r="E26064" s="1" t="s">
        <v>0</v>
      </c>
    </row>
    <row r="26065" spans="1:5" ht="409.5" x14ac:dyDescent="0.25">
      <c r="A26065" s="4" t="s">
        <v>48677</v>
      </c>
      <c r="B26065" s="1" t="s">
        <v>63105</v>
      </c>
      <c r="C26065" s="1" t="s">
        <v>48678</v>
      </c>
      <c r="D26065" s="2">
        <v>178893</v>
      </c>
      <c r="E26065" s="1" t="s">
        <v>0</v>
      </c>
    </row>
    <row r="26066" spans="1:5" x14ac:dyDescent="0.25">
      <c r="A26066" s="1" t="s">
        <v>48679</v>
      </c>
      <c r="B26066" s="1" t="s">
        <v>59195</v>
      </c>
      <c r="C26066" s="1" t="s">
        <v>48680</v>
      </c>
      <c r="D26066" s="2">
        <v>178894</v>
      </c>
      <c r="E26066" s="1" t="s">
        <v>0</v>
      </c>
    </row>
    <row r="26067" spans="1:5" x14ac:dyDescent="0.25">
      <c r="A26067" s="2">
        <v>5213</v>
      </c>
      <c r="B26067" s="2">
        <v>5213</v>
      </c>
      <c r="C26067" s="1" t="s">
        <v>0</v>
      </c>
      <c r="D26067" s="2">
        <v>178895</v>
      </c>
      <c r="E26067" s="1" t="s">
        <v>0</v>
      </c>
    </row>
    <row r="26068" spans="1:5" x14ac:dyDescent="0.25">
      <c r="A26068" s="1" t="s">
        <v>4739</v>
      </c>
      <c r="B26068" s="1" t="s">
        <v>60342</v>
      </c>
      <c r="C26068" s="1" t="s">
        <v>48681</v>
      </c>
      <c r="D26068" s="2">
        <v>178896</v>
      </c>
      <c r="E26068" s="1" t="s">
        <v>0</v>
      </c>
    </row>
    <row r="26069" spans="1:5" x14ac:dyDescent="0.25">
      <c r="A26069" s="1" t="s">
        <v>48682</v>
      </c>
      <c r="B26069" s="1" t="s">
        <v>63106</v>
      </c>
      <c r="C26069" s="1" t="s">
        <v>48683</v>
      </c>
      <c r="D26069" s="2">
        <v>178897</v>
      </c>
      <c r="E26069" s="1" t="s">
        <v>0</v>
      </c>
    </row>
    <row r="26070" spans="1:5" ht="409.5" x14ac:dyDescent="0.25">
      <c r="A26070" s="4" t="s">
        <v>48684</v>
      </c>
      <c r="B26070" s="1" t="s">
        <v>63107</v>
      </c>
      <c r="C26070" s="1" t="s">
        <v>48685</v>
      </c>
      <c r="D26070" s="2">
        <v>178898</v>
      </c>
      <c r="E26070" s="1" t="s">
        <v>0</v>
      </c>
    </row>
    <row r="26071" spans="1:5" x14ac:dyDescent="0.25">
      <c r="A26071" s="1" t="s">
        <v>48686</v>
      </c>
      <c r="B26071" s="1" t="s">
        <v>12585</v>
      </c>
      <c r="C26071" s="1" t="s">
        <v>48687</v>
      </c>
      <c r="D26071" s="2">
        <v>178899</v>
      </c>
      <c r="E26071" s="1" t="s">
        <v>0</v>
      </c>
    </row>
    <row r="26072" spans="1:5" x14ac:dyDescent="0.25">
      <c r="A26072" s="2">
        <v>5214</v>
      </c>
      <c r="B26072" s="2">
        <v>5214</v>
      </c>
      <c r="C26072" s="1" t="s">
        <v>0</v>
      </c>
      <c r="D26072" s="2">
        <v>178900</v>
      </c>
      <c r="E26072" s="1" t="s">
        <v>0</v>
      </c>
    </row>
    <row r="26073" spans="1:5" x14ac:dyDescent="0.25">
      <c r="A26073" s="1" t="s">
        <v>4740</v>
      </c>
      <c r="B26073" s="1" t="s">
        <v>59196</v>
      </c>
      <c r="C26073" s="1" t="s">
        <v>48688</v>
      </c>
      <c r="D26073" s="2">
        <v>178901</v>
      </c>
      <c r="E26073" s="1" t="s">
        <v>0</v>
      </c>
    </row>
    <row r="26074" spans="1:5" x14ac:dyDescent="0.25">
      <c r="A26074" s="1" t="s">
        <v>48689</v>
      </c>
      <c r="B26074" s="1" t="s">
        <v>59197</v>
      </c>
      <c r="C26074" s="1" t="s">
        <v>48690</v>
      </c>
      <c r="D26074" s="2">
        <v>178902</v>
      </c>
      <c r="E26074" s="1" t="s">
        <v>0</v>
      </c>
    </row>
    <row r="26075" spans="1:5" ht="409.5" x14ac:dyDescent="0.25">
      <c r="A26075" s="4" t="s">
        <v>48691</v>
      </c>
      <c r="B26075" s="1" t="s">
        <v>59198</v>
      </c>
      <c r="C26075" s="1" t="s">
        <v>48692</v>
      </c>
      <c r="D26075" s="2">
        <v>178903</v>
      </c>
      <c r="E26075" s="1" t="s">
        <v>0</v>
      </c>
    </row>
    <row r="26076" spans="1:5" x14ac:dyDescent="0.25">
      <c r="A26076" s="1" t="s">
        <v>48693</v>
      </c>
      <c r="B26076" s="1" t="s">
        <v>61444</v>
      </c>
      <c r="C26076" s="1" t="s">
        <v>48694</v>
      </c>
      <c r="D26076" s="2">
        <v>178904</v>
      </c>
      <c r="E26076" s="1" t="s">
        <v>0</v>
      </c>
    </row>
    <row r="26077" spans="1:5" x14ac:dyDescent="0.25">
      <c r="A26077" s="2">
        <v>5215</v>
      </c>
      <c r="B26077" s="2">
        <v>5215</v>
      </c>
      <c r="C26077" s="1" t="s">
        <v>0</v>
      </c>
      <c r="D26077" s="2">
        <v>178905</v>
      </c>
      <c r="E26077" s="1" t="s">
        <v>0</v>
      </c>
    </row>
    <row r="26078" spans="1:5" x14ac:dyDescent="0.25">
      <c r="A26078" s="1" t="s">
        <v>4741</v>
      </c>
      <c r="B26078" s="1" t="s">
        <v>12586</v>
      </c>
      <c r="C26078" s="1" t="s">
        <v>48695</v>
      </c>
      <c r="D26078" s="2">
        <v>178906</v>
      </c>
      <c r="E26078" s="1" t="s">
        <v>0</v>
      </c>
    </row>
    <row r="26079" spans="1:5" x14ac:dyDescent="0.25">
      <c r="A26079" s="1" t="s">
        <v>48696</v>
      </c>
      <c r="B26079" s="1" t="s">
        <v>59199</v>
      </c>
      <c r="C26079" s="1" t="s">
        <v>48697</v>
      </c>
      <c r="D26079" s="2">
        <v>178907</v>
      </c>
      <c r="E26079" s="1" t="s">
        <v>0</v>
      </c>
    </row>
    <row r="26080" spans="1:5" ht="409.5" x14ac:dyDescent="0.25">
      <c r="A26080" s="4" t="s">
        <v>48698</v>
      </c>
      <c r="B26080" s="1" t="s">
        <v>59200</v>
      </c>
      <c r="C26080" s="1" t="s">
        <v>48699</v>
      </c>
      <c r="D26080" s="2">
        <v>178908</v>
      </c>
      <c r="E26080" s="1" t="s">
        <v>0</v>
      </c>
    </row>
    <row r="26081" spans="1:5" x14ac:dyDescent="0.25">
      <c r="A26081" s="1" t="s">
        <v>48700</v>
      </c>
      <c r="B26081" s="1" t="s">
        <v>59201</v>
      </c>
      <c r="C26081" s="1" t="s">
        <v>48701</v>
      </c>
      <c r="D26081" s="2">
        <v>178909</v>
      </c>
      <c r="E26081" s="1" t="s">
        <v>0</v>
      </c>
    </row>
    <row r="26082" spans="1:5" x14ac:dyDescent="0.25">
      <c r="A26082" s="2">
        <v>5216</v>
      </c>
      <c r="B26082" s="2">
        <v>5216</v>
      </c>
      <c r="C26082" s="1" t="s">
        <v>0</v>
      </c>
      <c r="D26082" s="2">
        <v>178910</v>
      </c>
      <c r="E26082" s="1" t="s">
        <v>0</v>
      </c>
    </row>
    <row r="26083" spans="1:5" x14ac:dyDescent="0.25">
      <c r="A26083" s="1" t="s">
        <v>4742</v>
      </c>
      <c r="B26083" s="1" t="s">
        <v>12587</v>
      </c>
      <c r="C26083" s="1" t="s">
        <v>48702</v>
      </c>
      <c r="D26083" s="2">
        <v>178911</v>
      </c>
      <c r="E26083" s="1" t="s">
        <v>0</v>
      </c>
    </row>
    <row r="26084" spans="1:5" x14ac:dyDescent="0.25">
      <c r="A26084" s="1" t="s">
        <v>48703</v>
      </c>
      <c r="B26084" s="1" t="s">
        <v>59202</v>
      </c>
      <c r="C26084" s="1" t="s">
        <v>48704</v>
      </c>
      <c r="D26084" s="2">
        <v>178912</v>
      </c>
      <c r="E26084" s="1" t="s">
        <v>0</v>
      </c>
    </row>
    <row r="26085" spans="1:5" ht="409.5" x14ac:dyDescent="0.25">
      <c r="A26085" s="4" t="s">
        <v>48705</v>
      </c>
      <c r="B26085" s="1" t="s">
        <v>59203</v>
      </c>
      <c r="C26085" s="1" t="s">
        <v>48706</v>
      </c>
      <c r="D26085" s="2">
        <v>178913</v>
      </c>
      <c r="E26085" s="1" t="s">
        <v>0</v>
      </c>
    </row>
    <row r="26086" spans="1:5" x14ac:dyDescent="0.25">
      <c r="A26086" s="1" t="s">
        <v>48707</v>
      </c>
      <c r="B26086" s="1" t="s">
        <v>59204</v>
      </c>
      <c r="C26086" s="1" t="s">
        <v>48708</v>
      </c>
      <c r="D26086" s="2">
        <v>178914</v>
      </c>
      <c r="E26086" s="1" t="s">
        <v>0</v>
      </c>
    </row>
    <row r="26087" spans="1:5" x14ac:dyDescent="0.25">
      <c r="A26087" s="2">
        <v>5217</v>
      </c>
      <c r="B26087" s="2">
        <v>5217</v>
      </c>
      <c r="C26087" s="1" t="s">
        <v>0</v>
      </c>
      <c r="D26087" s="2">
        <v>178915</v>
      </c>
      <c r="E26087" s="1" t="s">
        <v>0</v>
      </c>
    </row>
    <row r="26088" spans="1:5" x14ac:dyDescent="0.25">
      <c r="A26088" s="1" t="s">
        <v>4743</v>
      </c>
      <c r="B26088" s="1" t="s">
        <v>12588</v>
      </c>
      <c r="C26088" s="1" t="s">
        <v>48709</v>
      </c>
      <c r="D26088" s="2">
        <v>178916</v>
      </c>
      <c r="E26088" s="1" t="s">
        <v>0</v>
      </c>
    </row>
    <row r="26089" spans="1:5" x14ac:dyDescent="0.25">
      <c r="A26089" s="1" t="s">
        <v>48710</v>
      </c>
      <c r="B26089" s="1" t="s">
        <v>59205</v>
      </c>
      <c r="C26089" s="1" t="s">
        <v>48711</v>
      </c>
      <c r="D26089" s="2">
        <v>178917</v>
      </c>
      <c r="E26089" s="1" t="s">
        <v>0</v>
      </c>
    </row>
    <row r="26090" spans="1:5" ht="409.5" x14ac:dyDescent="0.25">
      <c r="A26090" s="4" t="s">
        <v>48712</v>
      </c>
      <c r="B26090" s="1" t="s">
        <v>59206</v>
      </c>
      <c r="C26090" s="1" t="s">
        <v>48713</v>
      </c>
      <c r="D26090" s="2">
        <v>178918</v>
      </c>
      <c r="E26090" s="1" t="s">
        <v>0</v>
      </c>
    </row>
    <row r="26091" spans="1:5" x14ac:dyDescent="0.25">
      <c r="A26091" s="1" t="s">
        <v>48714</v>
      </c>
      <c r="B26091" s="1" t="s">
        <v>12589</v>
      </c>
      <c r="C26091" s="1" t="s">
        <v>48715</v>
      </c>
      <c r="D26091" s="2">
        <v>178919</v>
      </c>
      <c r="E26091" s="1" t="s">
        <v>0</v>
      </c>
    </row>
    <row r="26092" spans="1:5" x14ac:dyDescent="0.25">
      <c r="A26092" s="2">
        <v>5218</v>
      </c>
      <c r="B26092" s="2">
        <v>5218</v>
      </c>
      <c r="C26092" s="1" t="s">
        <v>0</v>
      </c>
      <c r="D26092" s="2">
        <v>178920</v>
      </c>
      <c r="E26092" s="1" t="s">
        <v>0</v>
      </c>
    </row>
    <row r="26093" spans="1:5" x14ac:dyDescent="0.25">
      <c r="A26093" s="1" t="s">
        <v>12590</v>
      </c>
      <c r="B26093" s="1" t="s">
        <v>59207</v>
      </c>
      <c r="C26093" s="1" t="s">
        <v>48716</v>
      </c>
      <c r="D26093" s="2">
        <v>178921</v>
      </c>
      <c r="E26093" s="1" t="s">
        <v>0</v>
      </c>
    </row>
    <row r="26094" spans="1:5" x14ac:dyDescent="0.25">
      <c r="A26094" s="1" t="s">
        <v>48717</v>
      </c>
      <c r="B26094" s="1" t="s">
        <v>63108</v>
      </c>
      <c r="C26094" s="1" t="s">
        <v>48718</v>
      </c>
      <c r="D26094" s="2">
        <v>178922</v>
      </c>
      <c r="E26094" s="1" t="s">
        <v>0</v>
      </c>
    </row>
    <row r="26095" spans="1:5" ht="409.5" x14ac:dyDescent="0.25">
      <c r="A26095" s="4" t="s">
        <v>48719</v>
      </c>
      <c r="B26095" s="1" t="s">
        <v>63109</v>
      </c>
      <c r="C26095" s="1" t="s">
        <v>48720</v>
      </c>
      <c r="D26095" s="2">
        <v>178923</v>
      </c>
      <c r="E26095" s="1" t="s">
        <v>0</v>
      </c>
    </row>
    <row r="26096" spans="1:5" x14ac:dyDescent="0.25">
      <c r="A26096" s="1" t="s">
        <v>48721</v>
      </c>
      <c r="B26096" s="1" t="s">
        <v>59208</v>
      </c>
      <c r="C26096" s="1" t="s">
        <v>48722</v>
      </c>
      <c r="D26096" s="2">
        <v>178924</v>
      </c>
      <c r="E26096" s="1" t="s">
        <v>0</v>
      </c>
    </row>
    <row r="26097" spans="1:5" x14ac:dyDescent="0.25">
      <c r="A26097" s="2">
        <v>5219</v>
      </c>
      <c r="B26097" s="2">
        <v>5219</v>
      </c>
      <c r="C26097" s="1" t="s">
        <v>0</v>
      </c>
      <c r="D26097" s="2">
        <v>178925</v>
      </c>
      <c r="E26097" s="1" t="s">
        <v>0</v>
      </c>
    </row>
    <row r="26098" spans="1:5" x14ac:dyDescent="0.25">
      <c r="A26098" s="1" t="s">
        <v>4744</v>
      </c>
      <c r="B26098" s="1" t="s">
        <v>12591</v>
      </c>
      <c r="C26098" s="1" t="s">
        <v>48723</v>
      </c>
      <c r="D26098" s="2">
        <v>178926</v>
      </c>
      <c r="E26098" s="1" t="s">
        <v>0</v>
      </c>
    </row>
    <row r="26099" spans="1:5" x14ac:dyDescent="0.25">
      <c r="A26099" s="1" t="s">
        <v>48724</v>
      </c>
      <c r="B26099" s="1" t="s">
        <v>48725</v>
      </c>
      <c r="C26099" s="1" t="s">
        <v>48726</v>
      </c>
      <c r="D26099" s="2">
        <v>178927</v>
      </c>
      <c r="E26099" s="1" t="s">
        <v>0</v>
      </c>
    </row>
    <row r="26100" spans="1:5" ht="409.5" x14ac:dyDescent="0.25">
      <c r="A26100" s="4" t="s">
        <v>48727</v>
      </c>
      <c r="B26100" s="1" t="s">
        <v>59209</v>
      </c>
      <c r="C26100" s="1" t="s">
        <v>48728</v>
      </c>
      <c r="D26100" s="2">
        <v>178928</v>
      </c>
      <c r="E26100" s="1" t="s">
        <v>0</v>
      </c>
    </row>
    <row r="26101" spans="1:5" x14ac:dyDescent="0.25">
      <c r="A26101" s="1" t="s">
        <v>48729</v>
      </c>
      <c r="B26101" s="1" t="s">
        <v>12592</v>
      </c>
      <c r="C26101" s="1" t="s">
        <v>48730</v>
      </c>
      <c r="D26101" s="2">
        <v>178929</v>
      </c>
      <c r="E26101" s="1" t="s">
        <v>0</v>
      </c>
    </row>
    <row r="26102" spans="1:5" x14ac:dyDescent="0.25">
      <c r="A26102" s="2">
        <v>5220</v>
      </c>
      <c r="B26102" s="2">
        <v>5220</v>
      </c>
      <c r="C26102" s="1" t="s">
        <v>0</v>
      </c>
      <c r="D26102" s="2">
        <v>178930</v>
      </c>
      <c r="E26102" s="1" t="s">
        <v>0</v>
      </c>
    </row>
    <row r="26103" spans="1:5" x14ac:dyDescent="0.25">
      <c r="A26103" s="1" t="s">
        <v>4745</v>
      </c>
      <c r="B26103" s="1" t="s">
        <v>12593</v>
      </c>
      <c r="C26103" s="1" t="s">
        <v>48731</v>
      </c>
      <c r="D26103" s="2">
        <v>178931</v>
      </c>
      <c r="E26103" s="1" t="s">
        <v>0</v>
      </c>
    </row>
    <row r="26104" spans="1:5" x14ac:dyDescent="0.25">
      <c r="A26104" s="1" t="s">
        <v>48732</v>
      </c>
      <c r="B26104" s="1" t="s">
        <v>59210</v>
      </c>
      <c r="C26104" s="1" t="s">
        <v>48733</v>
      </c>
      <c r="D26104" s="2">
        <v>178932</v>
      </c>
      <c r="E26104" s="1" t="s">
        <v>0</v>
      </c>
    </row>
    <row r="26105" spans="1:5" ht="409.5" x14ac:dyDescent="0.25">
      <c r="A26105" s="4" t="s">
        <v>48734</v>
      </c>
      <c r="B26105" s="1" t="s">
        <v>59211</v>
      </c>
      <c r="C26105" s="1" t="s">
        <v>48735</v>
      </c>
      <c r="D26105" s="2">
        <v>178933</v>
      </c>
      <c r="E26105" s="1" t="s">
        <v>0</v>
      </c>
    </row>
    <row r="26106" spans="1:5" x14ac:dyDescent="0.25">
      <c r="A26106" s="1" t="s">
        <v>48736</v>
      </c>
      <c r="B26106" s="1" t="s">
        <v>12594</v>
      </c>
      <c r="C26106" s="1" t="s">
        <v>48737</v>
      </c>
      <c r="D26106" s="2">
        <v>178934</v>
      </c>
      <c r="E26106" s="1" t="s">
        <v>0</v>
      </c>
    </row>
    <row r="26107" spans="1:5" x14ac:dyDescent="0.25">
      <c r="A26107" s="2">
        <v>5221</v>
      </c>
      <c r="B26107" s="2">
        <v>5221</v>
      </c>
      <c r="C26107" s="1" t="s">
        <v>0</v>
      </c>
      <c r="D26107" s="2">
        <v>178935</v>
      </c>
      <c r="E26107" s="1" t="s">
        <v>0</v>
      </c>
    </row>
    <row r="26108" spans="1:5" x14ac:dyDescent="0.25">
      <c r="A26108" s="1" t="s">
        <v>4746</v>
      </c>
      <c r="B26108" s="1" t="s">
        <v>12595</v>
      </c>
      <c r="C26108" s="1" t="s">
        <v>48738</v>
      </c>
      <c r="D26108" s="2">
        <v>178936</v>
      </c>
      <c r="E26108" s="1" t="s">
        <v>0</v>
      </c>
    </row>
    <row r="26109" spans="1:5" x14ac:dyDescent="0.25">
      <c r="A26109" s="1" t="s">
        <v>48739</v>
      </c>
      <c r="B26109" s="1" t="s">
        <v>12596</v>
      </c>
      <c r="C26109" s="1" t="s">
        <v>48740</v>
      </c>
      <c r="D26109" s="2">
        <v>178937</v>
      </c>
      <c r="E26109" s="1" t="s">
        <v>0</v>
      </c>
    </row>
    <row r="26110" spans="1:5" ht="409.5" x14ac:dyDescent="0.25">
      <c r="A26110" s="4" t="s">
        <v>48741</v>
      </c>
      <c r="B26110" s="1" t="s">
        <v>12597</v>
      </c>
      <c r="C26110" s="1" t="s">
        <v>48742</v>
      </c>
      <c r="D26110" s="2">
        <v>178938</v>
      </c>
      <c r="E26110" s="1" t="s">
        <v>0</v>
      </c>
    </row>
    <row r="26111" spans="1:5" x14ac:dyDescent="0.25">
      <c r="A26111" s="1" t="s">
        <v>48743</v>
      </c>
      <c r="B26111" s="1" t="s">
        <v>59212</v>
      </c>
      <c r="C26111" s="1" t="s">
        <v>48744</v>
      </c>
      <c r="D26111" s="2">
        <v>178939</v>
      </c>
      <c r="E26111" s="1" t="s">
        <v>0</v>
      </c>
    </row>
    <row r="26112" spans="1:5" x14ac:dyDescent="0.25">
      <c r="A26112" s="2">
        <v>5222</v>
      </c>
      <c r="B26112" s="2">
        <v>5222</v>
      </c>
      <c r="C26112" s="1" t="s">
        <v>0</v>
      </c>
      <c r="D26112" s="2">
        <v>178940</v>
      </c>
      <c r="E26112" s="1" t="s">
        <v>0</v>
      </c>
    </row>
    <row r="26113" spans="1:5" x14ac:dyDescent="0.25">
      <c r="A26113" s="1" t="s">
        <v>4747</v>
      </c>
      <c r="B26113" s="1" t="s">
        <v>12598</v>
      </c>
      <c r="C26113" s="1" t="s">
        <v>48745</v>
      </c>
      <c r="D26113" s="2">
        <v>178941</v>
      </c>
      <c r="E26113" s="1" t="s">
        <v>0</v>
      </c>
    </row>
    <row r="26114" spans="1:5" x14ac:dyDescent="0.25">
      <c r="A26114" s="1" t="s">
        <v>48746</v>
      </c>
      <c r="B26114" s="1" t="s">
        <v>63854</v>
      </c>
      <c r="C26114" s="1" t="s">
        <v>48747</v>
      </c>
      <c r="D26114" s="2">
        <v>178942</v>
      </c>
      <c r="E26114" s="1" t="s">
        <v>0</v>
      </c>
    </row>
    <row r="26115" spans="1:5" ht="409.5" x14ac:dyDescent="0.25">
      <c r="A26115" s="4" t="s">
        <v>48748</v>
      </c>
      <c r="B26115" s="1" t="s">
        <v>63855</v>
      </c>
      <c r="C26115" s="1" t="s">
        <v>48749</v>
      </c>
      <c r="D26115" s="2">
        <v>178943</v>
      </c>
      <c r="E26115" s="1" t="s">
        <v>0</v>
      </c>
    </row>
    <row r="26116" spans="1:5" x14ac:dyDescent="0.25">
      <c r="A26116" s="1" t="s">
        <v>48750</v>
      </c>
      <c r="B26116" s="1" t="s">
        <v>12599</v>
      </c>
      <c r="C26116" s="1" t="s">
        <v>48751</v>
      </c>
      <c r="D26116" s="2">
        <v>178944</v>
      </c>
      <c r="E26116" s="1" t="s">
        <v>0</v>
      </c>
    </row>
    <row r="26117" spans="1:5" x14ac:dyDescent="0.25">
      <c r="A26117" s="2">
        <v>5223</v>
      </c>
      <c r="B26117" s="2">
        <v>5223</v>
      </c>
      <c r="C26117" s="1" t="s">
        <v>0</v>
      </c>
      <c r="D26117" s="2">
        <v>178945</v>
      </c>
      <c r="E26117" s="1" t="s">
        <v>0</v>
      </c>
    </row>
    <row r="26118" spans="1:5" x14ac:dyDescent="0.25">
      <c r="A26118" s="1" t="s">
        <v>4748</v>
      </c>
      <c r="B26118" s="1" t="s">
        <v>12600</v>
      </c>
      <c r="C26118" s="1" t="s">
        <v>48752</v>
      </c>
      <c r="D26118" s="2">
        <v>178946</v>
      </c>
      <c r="E26118" s="1" t="s">
        <v>0</v>
      </c>
    </row>
    <row r="26119" spans="1:5" x14ac:dyDescent="0.25">
      <c r="A26119" s="1" t="s">
        <v>48753</v>
      </c>
      <c r="B26119" s="1" t="s">
        <v>59213</v>
      </c>
      <c r="C26119" s="1" t="s">
        <v>48754</v>
      </c>
      <c r="D26119" s="2">
        <v>178947</v>
      </c>
      <c r="E26119" s="1" t="s">
        <v>0</v>
      </c>
    </row>
    <row r="26120" spans="1:5" ht="409.5" x14ac:dyDescent="0.25">
      <c r="A26120" s="4" t="s">
        <v>48755</v>
      </c>
      <c r="B26120" s="1" t="s">
        <v>59214</v>
      </c>
      <c r="C26120" s="1" t="s">
        <v>48756</v>
      </c>
      <c r="D26120" s="2">
        <v>178948</v>
      </c>
      <c r="E26120" s="1" t="s">
        <v>0</v>
      </c>
    </row>
    <row r="26121" spans="1:5" x14ac:dyDescent="0.25">
      <c r="A26121" s="1" t="s">
        <v>38361</v>
      </c>
      <c r="B26121" s="1" t="s">
        <v>59215</v>
      </c>
      <c r="C26121" s="1" t="s">
        <v>38362</v>
      </c>
      <c r="D26121" s="2">
        <v>178949</v>
      </c>
      <c r="E26121" s="1" t="s">
        <v>0</v>
      </c>
    </row>
    <row r="26122" spans="1:5" x14ac:dyDescent="0.25">
      <c r="A26122" s="2">
        <v>5224</v>
      </c>
      <c r="B26122" s="2">
        <v>5224</v>
      </c>
      <c r="C26122" s="1" t="s">
        <v>0</v>
      </c>
      <c r="D26122" s="2">
        <v>178950</v>
      </c>
      <c r="E26122" s="1" t="s">
        <v>0</v>
      </c>
    </row>
    <row r="26123" spans="1:5" x14ac:dyDescent="0.25">
      <c r="A26123" s="1" t="s">
        <v>4749</v>
      </c>
      <c r="B26123" s="1" t="s">
        <v>58668</v>
      </c>
      <c r="C26123" s="1" t="s">
        <v>48757</v>
      </c>
      <c r="D26123" s="2">
        <v>178951</v>
      </c>
      <c r="E26123" s="1" t="s">
        <v>0</v>
      </c>
    </row>
    <row r="26124" spans="1:5" x14ac:dyDescent="0.25">
      <c r="A26124" s="1" t="s">
        <v>48758</v>
      </c>
      <c r="B26124" s="1" t="s">
        <v>60343</v>
      </c>
      <c r="C26124" s="1" t="s">
        <v>48759</v>
      </c>
      <c r="D26124" s="2">
        <v>178952</v>
      </c>
      <c r="E26124" s="1" t="s">
        <v>0</v>
      </c>
    </row>
    <row r="26125" spans="1:5" ht="409.5" x14ac:dyDescent="0.25">
      <c r="A26125" s="4" t="s">
        <v>48760</v>
      </c>
      <c r="B26125" s="1" t="s">
        <v>63110</v>
      </c>
      <c r="C26125" s="1" t="s">
        <v>48761</v>
      </c>
      <c r="D26125" s="2">
        <v>178953</v>
      </c>
      <c r="E26125" s="1" t="s">
        <v>0</v>
      </c>
    </row>
    <row r="26126" spans="1:5" x14ac:dyDescent="0.25">
      <c r="A26126" s="1" t="s">
        <v>48762</v>
      </c>
      <c r="B26126" s="1" t="s">
        <v>59216</v>
      </c>
      <c r="C26126" s="1" t="s">
        <v>48763</v>
      </c>
      <c r="D26126" s="2">
        <v>178954</v>
      </c>
      <c r="E26126" s="1" t="s">
        <v>0</v>
      </c>
    </row>
    <row r="26127" spans="1:5" x14ac:dyDescent="0.25">
      <c r="A26127" s="2">
        <v>5225</v>
      </c>
      <c r="B26127" s="2">
        <v>5225</v>
      </c>
      <c r="C26127" s="1" t="s">
        <v>0</v>
      </c>
      <c r="D26127" s="2">
        <v>178955</v>
      </c>
      <c r="E26127" s="1" t="s">
        <v>0</v>
      </c>
    </row>
    <row r="26128" spans="1:5" x14ac:dyDescent="0.25">
      <c r="A26128" s="1" t="s">
        <v>4750</v>
      </c>
      <c r="B26128" s="1" t="s">
        <v>12601</v>
      </c>
      <c r="C26128" s="1" t="s">
        <v>48764</v>
      </c>
      <c r="D26128" s="2">
        <v>178956</v>
      </c>
      <c r="E26128" s="1" t="s">
        <v>0</v>
      </c>
    </row>
    <row r="26129" spans="1:5" x14ac:dyDescent="0.25">
      <c r="A26129" s="1" t="s">
        <v>48765</v>
      </c>
      <c r="B26129" s="1" t="s">
        <v>59217</v>
      </c>
      <c r="C26129" s="1" t="s">
        <v>48766</v>
      </c>
      <c r="D26129" s="2">
        <v>178957</v>
      </c>
      <c r="E26129" s="1" t="s">
        <v>0</v>
      </c>
    </row>
    <row r="26130" spans="1:5" ht="409.5" x14ac:dyDescent="0.25">
      <c r="A26130" s="4" t="s">
        <v>48767</v>
      </c>
      <c r="B26130" s="1" t="s">
        <v>59218</v>
      </c>
      <c r="C26130" s="1" t="s">
        <v>48768</v>
      </c>
      <c r="D26130" s="2">
        <v>178958</v>
      </c>
      <c r="E26130" s="1" t="s">
        <v>0</v>
      </c>
    </row>
    <row r="26131" spans="1:5" x14ac:dyDescent="0.25">
      <c r="A26131" s="1" t="s">
        <v>48769</v>
      </c>
      <c r="B26131" s="1" t="s">
        <v>12602</v>
      </c>
      <c r="C26131" s="1" t="s">
        <v>48770</v>
      </c>
      <c r="D26131" s="2">
        <v>178959</v>
      </c>
      <c r="E26131" s="1" t="s">
        <v>0</v>
      </c>
    </row>
    <row r="26132" spans="1:5" x14ac:dyDescent="0.25">
      <c r="A26132" s="2">
        <v>5226</v>
      </c>
      <c r="B26132" s="2">
        <v>5226</v>
      </c>
      <c r="C26132" s="1" t="s">
        <v>0</v>
      </c>
      <c r="D26132" s="2">
        <v>178960</v>
      </c>
      <c r="E26132" s="1" t="s">
        <v>0</v>
      </c>
    </row>
    <row r="26133" spans="1:5" x14ac:dyDescent="0.25">
      <c r="A26133" s="1" t="s">
        <v>4751</v>
      </c>
      <c r="B26133" s="1" t="s">
        <v>12603</v>
      </c>
      <c r="C26133" s="1" t="s">
        <v>48771</v>
      </c>
      <c r="D26133" s="2">
        <v>178961</v>
      </c>
      <c r="E26133" s="1" t="s">
        <v>0</v>
      </c>
    </row>
    <row r="26134" spans="1:5" x14ac:dyDescent="0.25">
      <c r="A26134" s="1" t="s">
        <v>61911</v>
      </c>
      <c r="B26134" s="1" t="s">
        <v>63111</v>
      </c>
      <c r="C26134" s="1" t="s">
        <v>48772</v>
      </c>
      <c r="D26134" s="2">
        <v>178962</v>
      </c>
      <c r="E26134" s="1" t="s">
        <v>0</v>
      </c>
    </row>
    <row r="26135" spans="1:5" ht="409.5" x14ac:dyDescent="0.25">
      <c r="A26135" s="4" t="s">
        <v>61912</v>
      </c>
      <c r="B26135" s="1" t="s">
        <v>63112</v>
      </c>
      <c r="C26135" s="1" t="s">
        <v>48773</v>
      </c>
      <c r="D26135" s="2">
        <v>178963</v>
      </c>
      <c r="E26135" s="1" t="s">
        <v>0</v>
      </c>
    </row>
    <row r="26136" spans="1:5" x14ac:dyDescent="0.25">
      <c r="A26136" s="1" t="s">
        <v>48774</v>
      </c>
      <c r="B26136" s="1" t="s">
        <v>12604</v>
      </c>
      <c r="C26136" s="1" t="s">
        <v>48775</v>
      </c>
      <c r="D26136" s="2">
        <v>178964</v>
      </c>
      <c r="E26136" s="1" t="s">
        <v>0</v>
      </c>
    </row>
    <row r="26137" spans="1:5" x14ac:dyDescent="0.25">
      <c r="A26137" s="2">
        <v>5227</v>
      </c>
      <c r="B26137" s="2">
        <v>5227</v>
      </c>
      <c r="C26137" s="1" t="s">
        <v>0</v>
      </c>
      <c r="D26137" s="2">
        <v>178965</v>
      </c>
      <c r="E26137" s="1" t="s">
        <v>0</v>
      </c>
    </row>
    <row r="26138" spans="1:5" x14ac:dyDescent="0.25">
      <c r="A26138" s="1" t="s">
        <v>4752</v>
      </c>
      <c r="B26138" s="1" t="s">
        <v>60344</v>
      </c>
      <c r="C26138" s="1" t="s">
        <v>48776</v>
      </c>
      <c r="D26138" s="2">
        <v>178966</v>
      </c>
      <c r="E26138" s="1" t="s">
        <v>0</v>
      </c>
    </row>
    <row r="26139" spans="1:5" x14ac:dyDescent="0.25">
      <c r="A26139" s="1" t="s">
        <v>48777</v>
      </c>
      <c r="B26139" s="1" t="s">
        <v>60345</v>
      </c>
      <c r="C26139" s="1" t="s">
        <v>48778</v>
      </c>
      <c r="D26139" s="2">
        <v>178967</v>
      </c>
      <c r="E26139" s="1" t="s">
        <v>0</v>
      </c>
    </row>
    <row r="26140" spans="1:5" ht="409.5" x14ac:dyDescent="0.25">
      <c r="A26140" s="4" t="s">
        <v>48779</v>
      </c>
      <c r="B26140" s="1" t="s">
        <v>63571</v>
      </c>
      <c r="C26140" s="1" t="s">
        <v>48780</v>
      </c>
      <c r="D26140" s="2">
        <v>178968</v>
      </c>
      <c r="E26140" s="1" t="s">
        <v>0</v>
      </c>
    </row>
    <row r="26141" spans="1:5" x14ac:dyDescent="0.25">
      <c r="A26141" s="1" t="s">
        <v>48781</v>
      </c>
      <c r="B26141" s="1" t="s">
        <v>12605</v>
      </c>
      <c r="C26141" s="1" t="s">
        <v>48782</v>
      </c>
      <c r="D26141" s="2">
        <v>178969</v>
      </c>
      <c r="E26141" s="1" t="s">
        <v>0</v>
      </c>
    </row>
    <row r="26142" spans="1:5" x14ac:dyDescent="0.25">
      <c r="A26142" s="2">
        <v>5228</v>
      </c>
      <c r="B26142" s="2">
        <v>5228</v>
      </c>
      <c r="C26142" s="1" t="s">
        <v>0</v>
      </c>
      <c r="D26142" s="2">
        <v>178970</v>
      </c>
      <c r="E26142" s="1" t="s">
        <v>0</v>
      </c>
    </row>
    <row r="26143" spans="1:5" x14ac:dyDescent="0.25">
      <c r="A26143" s="1" t="s">
        <v>4753</v>
      </c>
      <c r="B26143" s="1" t="s">
        <v>12606</v>
      </c>
      <c r="C26143" s="1" t="s">
        <v>48783</v>
      </c>
      <c r="D26143" s="2">
        <v>178971</v>
      </c>
      <c r="E26143" s="1" t="s">
        <v>0</v>
      </c>
    </row>
    <row r="26144" spans="1:5" x14ac:dyDescent="0.25">
      <c r="A26144" s="1" t="s">
        <v>48784</v>
      </c>
      <c r="B26144" s="1" t="s">
        <v>12607</v>
      </c>
      <c r="C26144" s="1" t="s">
        <v>48785</v>
      </c>
      <c r="D26144" s="2">
        <v>178972</v>
      </c>
      <c r="E26144" s="1" t="s">
        <v>0</v>
      </c>
    </row>
    <row r="26145" spans="1:5" ht="409.5" x14ac:dyDescent="0.25">
      <c r="A26145" s="4" t="s">
        <v>48786</v>
      </c>
      <c r="B26145" s="1" t="s">
        <v>63113</v>
      </c>
      <c r="C26145" s="1" t="s">
        <v>48787</v>
      </c>
      <c r="D26145" s="2">
        <v>178973</v>
      </c>
      <c r="E26145" s="1" t="s">
        <v>0</v>
      </c>
    </row>
    <row r="26146" spans="1:5" x14ac:dyDescent="0.25">
      <c r="A26146" s="1" t="s">
        <v>48788</v>
      </c>
      <c r="B26146" s="1" t="s">
        <v>12608</v>
      </c>
      <c r="C26146" s="1" t="s">
        <v>48789</v>
      </c>
      <c r="D26146" s="2">
        <v>178974</v>
      </c>
      <c r="E26146" s="1" t="s">
        <v>0</v>
      </c>
    </row>
    <row r="26147" spans="1:5" x14ac:dyDescent="0.25">
      <c r="A26147" s="2">
        <v>5229</v>
      </c>
      <c r="B26147" s="2">
        <v>5229</v>
      </c>
      <c r="C26147" s="1" t="s">
        <v>0</v>
      </c>
      <c r="D26147" s="2">
        <v>178975</v>
      </c>
      <c r="E26147" s="1" t="s">
        <v>0</v>
      </c>
    </row>
    <row r="26148" spans="1:5" x14ac:dyDescent="0.25">
      <c r="A26148" s="1" t="s">
        <v>4754</v>
      </c>
      <c r="B26148" s="1" t="s">
        <v>12609</v>
      </c>
      <c r="C26148" s="1" t="s">
        <v>48790</v>
      </c>
      <c r="D26148" s="2">
        <v>178976</v>
      </c>
      <c r="E26148" s="1" t="s">
        <v>0</v>
      </c>
    </row>
    <row r="26149" spans="1:5" x14ac:dyDescent="0.25">
      <c r="A26149" s="1" t="s">
        <v>48791</v>
      </c>
      <c r="B26149" s="1" t="s">
        <v>12610</v>
      </c>
      <c r="C26149" s="1" t="s">
        <v>48792</v>
      </c>
      <c r="D26149" s="2">
        <v>178977</v>
      </c>
      <c r="E26149" s="1" t="s">
        <v>0</v>
      </c>
    </row>
    <row r="26150" spans="1:5" ht="409.5" x14ac:dyDescent="0.25">
      <c r="A26150" s="4" t="s">
        <v>48793</v>
      </c>
      <c r="B26150" s="1" t="s">
        <v>63856</v>
      </c>
      <c r="C26150" s="1" t="s">
        <v>48794</v>
      </c>
      <c r="D26150" s="2">
        <v>178978</v>
      </c>
      <c r="E26150" s="1" t="s">
        <v>0</v>
      </c>
    </row>
    <row r="26151" spans="1:5" x14ac:dyDescent="0.25">
      <c r="A26151" s="1" t="s">
        <v>48795</v>
      </c>
      <c r="B26151" s="1" t="s">
        <v>59219</v>
      </c>
      <c r="C26151" s="1" t="s">
        <v>48796</v>
      </c>
      <c r="D26151" s="2">
        <v>178979</v>
      </c>
      <c r="E26151" s="1" t="s">
        <v>0</v>
      </c>
    </row>
    <row r="26152" spans="1:5" x14ac:dyDescent="0.25">
      <c r="A26152" s="2">
        <v>5230</v>
      </c>
      <c r="B26152" s="2">
        <v>5230</v>
      </c>
      <c r="C26152" s="1" t="s">
        <v>0</v>
      </c>
      <c r="D26152" s="2">
        <v>178980</v>
      </c>
      <c r="E26152" s="1" t="s">
        <v>0</v>
      </c>
    </row>
    <row r="26153" spans="1:5" x14ac:dyDescent="0.25">
      <c r="A26153" s="1" t="s">
        <v>4755</v>
      </c>
      <c r="B26153" s="1" t="s">
        <v>12611</v>
      </c>
      <c r="C26153" s="1" t="s">
        <v>48797</v>
      </c>
      <c r="D26153" s="2">
        <v>178981</v>
      </c>
      <c r="E26153" s="1" t="s">
        <v>0</v>
      </c>
    </row>
    <row r="26154" spans="1:5" x14ac:dyDescent="0.25">
      <c r="A26154" s="1" t="s">
        <v>48798</v>
      </c>
      <c r="B26154" s="1" t="s">
        <v>48799</v>
      </c>
      <c r="C26154" s="1" t="s">
        <v>48800</v>
      </c>
      <c r="D26154" s="2">
        <v>178982</v>
      </c>
      <c r="E26154" s="1" t="s">
        <v>0</v>
      </c>
    </row>
    <row r="26155" spans="1:5" ht="409.5" x14ac:dyDescent="0.25">
      <c r="A26155" s="4" t="s">
        <v>48801</v>
      </c>
      <c r="B26155" s="1" t="s">
        <v>59220</v>
      </c>
      <c r="C26155" s="1" t="s">
        <v>48802</v>
      </c>
      <c r="D26155" s="2">
        <v>178983</v>
      </c>
      <c r="E26155" s="1" t="s">
        <v>0</v>
      </c>
    </row>
    <row r="26156" spans="1:5" x14ac:dyDescent="0.25">
      <c r="A26156" s="1" t="s">
        <v>48803</v>
      </c>
      <c r="B26156" s="1" t="s">
        <v>12612</v>
      </c>
      <c r="C26156" s="1" t="s">
        <v>48804</v>
      </c>
      <c r="D26156" s="2">
        <v>178984</v>
      </c>
      <c r="E26156" s="1" t="s">
        <v>0</v>
      </c>
    </row>
    <row r="26157" spans="1:5" x14ac:dyDescent="0.25">
      <c r="A26157" s="2">
        <v>5231</v>
      </c>
      <c r="B26157" s="2">
        <v>5231</v>
      </c>
      <c r="C26157" s="1" t="s">
        <v>0</v>
      </c>
      <c r="D26157" s="2">
        <v>178985</v>
      </c>
      <c r="E26157" s="1" t="s">
        <v>0</v>
      </c>
    </row>
    <row r="26158" spans="1:5" x14ac:dyDescent="0.25">
      <c r="A26158" s="1" t="s">
        <v>4756</v>
      </c>
      <c r="B26158" s="1" t="s">
        <v>12613</v>
      </c>
      <c r="C26158" s="1" t="s">
        <v>48805</v>
      </c>
      <c r="D26158" s="2">
        <v>178986</v>
      </c>
      <c r="E26158" s="1" t="s">
        <v>0</v>
      </c>
    </row>
    <row r="26159" spans="1:5" x14ac:dyDescent="0.25">
      <c r="A26159" s="1" t="s">
        <v>48806</v>
      </c>
      <c r="B26159" s="1" t="s">
        <v>59221</v>
      </c>
      <c r="C26159" s="1" t="s">
        <v>48807</v>
      </c>
      <c r="D26159" s="2">
        <v>178987</v>
      </c>
      <c r="E26159" s="1" t="s">
        <v>0</v>
      </c>
    </row>
    <row r="26160" spans="1:5" ht="409.5" x14ac:dyDescent="0.25">
      <c r="A26160" s="4" t="s">
        <v>48808</v>
      </c>
      <c r="B26160" s="1" t="s">
        <v>59222</v>
      </c>
      <c r="C26160" s="1" t="s">
        <v>48809</v>
      </c>
      <c r="D26160" s="2">
        <v>178988</v>
      </c>
      <c r="E26160" s="1" t="s">
        <v>0</v>
      </c>
    </row>
    <row r="26161" spans="1:5" x14ac:dyDescent="0.25">
      <c r="A26161" s="1" t="s">
        <v>48810</v>
      </c>
      <c r="B26161" s="1" t="s">
        <v>12614</v>
      </c>
      <c r="C26161" s="1" t="s">
        <v>48811</v>
      </c>
      <c r="D26161" s="2">
        <v>178989</v>
      </c>
      <c r="E26161" s="1" t="s">
        <v>0</v>
      </c>
    </row>
    <row r="26162" spans="1:5" x14ac:dyDescent="0.25">
      <c r="A26162" s="2">
        <v>5232</v>
      </c>
      <c r="B26162" s="2">
        <v>5232</v>
      </c>
      <c r="C26162" s="1" t="s">
        <v>0</v>
      </c>
      <c r="D26162" s="2">
        <v>178990</v>
      </c>
      <c r="E26162" s="1" t="s">
        <v>0</v>
      </c>
    </row>
    <row r="26163" spans="1:5" x14ac:dyDescent="0.25">
      <c r="A26163" s="1" t="s">
        <v>4757</v>
      </c>
      <c r="B26163" s="1" t="s">
        <v>12615</v>
      </c>
      <c r="C26163" s="1" t="s">
        <v>48812</v>
      </c>
      <c r="D26163" s="2">
        <v>178991</v>
      </c>
      <c r="E26163" s="1" t="s">
        <v>0</v>
      </c>
    </row>
    <row r="26164" spans="1:5" x14ac:dyDescent="0.25">
      <c r="A26164" s="1" t="s">
        <v>48813</v>
      </c>
      <c r="B26164" s="1" t="s">
        <v>59223</v>
      </c>
      <c r="C26164" s="1" t="s">
        <v>48814</v>
      </c>
      <c r="D26164" s="2">
        <v>178992</v>
      </c>
      <c r="E26164" s="1" t="s">
        <v>0</v>
      </c>
    </row>
    <row r="26165" spans="1:5" ht="409.5" x14ac:dyDescent="0.25">
      <c r="A26165" s="4" t="s">
        <v>48815</v>
      </c>
      <c r="B26165" s="1" t="s">
        <v>59224</v>
      </c>
      <c r="C26165" s="1" t="s">
        <v>48816</v>
      </c>
      <c r="D26165" s="2">
        <v>178993</v>
      </c>
      <c r="E26165" s="1" t="s">
        <v>0</v>
      </c>
    </row>
    <row r="26166" spans="1:5" x14ac:dyDescent="0.25">
      <c r="A26166" s="1" t="s">
        <v>48817</v>
      </c>
      <c r="B26166" s="1" t="s">
        <v>12616</v>
      </c>
      <c r="C26166" s="1" t="s">
        <v>48818</v>
      </c>
      <c r="D26166" s="2">
        <v>178994</v>
      </c>
      <c r="E26166" s="1" t="s">
        <v>0</v>
      </c>
    </row>
    <row r="26167" spans="1:5" x14ac:dyDescent="0.25">
      <c r="A26167" s="2">
        <v>5233</v>
      </c>
      <c r="B26167" s="2">
        <v>5233</v>
      </c>
      <c r="C26167" s="1" t="s">
        <v>0</v>
      </c>
      <c r="D26167" s="2">
        <v>178995</v>
      </c>
      <c r="E26167" s="1" t="s">
        <v>0</v>
      </c>
    </row>
    <row r="26168" spans="1:5" x14ac:dyDescent="0.25">
      <c r="A26168" s="1" t="s">
        <v>4758</v>
      </c>
      <c r="B26168" s="1" t="s">
        <v>12617</v>
      </c>
      <c r="C26168" s="1" t="s">
        <v>48819</v>
      </c>
      <c r="D26168" s="2">
        <v>178996</v>
      </c>
      <c r="E26168" s="1" t="s">
        <v>0</v>
      </c>
    </row>
    <row r="26169" spans="1:5" x14ac:dyDescent="0.25">
      <c r="A26169" s="1" t="s">
        <v>48820</v>
      </c>
      <c r="B26169" s="1" t="s">
        <v>63114</v>
      </c>
      <c r="C26169" s="1" t="s">
        <v>48821</v>
      </c>
      <c r="D26169" s="2">
        <v>178997</v>
      </c>
      <c r="E26169" s="1" t="s">
        <v>0</v>
      </c>
    </row>
    <row r="26170" spans="1:5" ht="409.5" x14ac:dyDescent="0.25">
      <c r="A26170" s="4" t="s">
        <v>48822</v>
      </c>
      <c r="B26170" s="1" t="s">
        <v>63115</v>
      </c>
      <c r="C26170" s="1" t="s">
        <v>48823</v>
      </c>
      <c r="D26170" s="2">
        <v>178998</v>
      </c>
      <c r="E26170" s="1" t="s">
        <v>0</v>
      </c>
    </row>
    <row r="26171" spans="1:5" x14ac:dyDescent="0.25">
      <c r="A26171" s="1" t="s">
        <v>48824</v>
      </c>
      <c r="B26171" s="1" t="s">
        <v>59225</v>
      </c>
      <c r="C26171" s="1" t="s">
        <v>48825</v>
      </c>
      <c r="D26171" s="2">
        <v>178999</v>
      </c>
      <c r="E26171" s="1" t="s">
        <v>0</v>
      </c>
    </row>
    <row r="26172" spans="1:5" x14ac:dyDescent="0.25">
      <c r="A26172" s="2">
        <v>5234</v>
      </c>
      <c r="B26172" s="2">
        <v>5234</v>
      </c>
      <c r="C26172" s="1" t="s">
        <v>0</v>
      </c>
      <c r="D26172" s="2">
        <v>179000</v>
      </c>
      <c r="E26172" s="1" t="s">
        <v>0</v>
      </c>
    </row>
    <row r="26173" spans="1:5" x14ac:dyDescent="0.25">
      <c r="A26173" s="1" t="s">
        <v>4759</v>
      </c>
      <c r="B26173" s="1" t="s">
        <v>12618</v>
      </c>
      <c r="C26173" s="1" t="s">
        <v>48826</v>
      </c>
      <c r="D26173" s="2">
        <v>179001</v>
      </c>
      <c r="E26173" s="1" t="s">
        <v>0</v>
      </c>
    </row>
    <row r="26174" spans="1:5" x14ac:dyDescent="0.25">
      <c r="A26174" s="1" t="s">
        <v>48827</v>
      </c>
      <c r="B26174" s="1" t="s">
        <v>57659</v>
      </c>
      <c r="C26174" s="1" t="s">
        <v>48828</v>
      </c>
      <c r="D26174" s="2">
        <v>179002</v>
      </c>
      <c r="E26174" s="1" t="s">
        <v>0</v>
      </c>
    </row>
    <row r="26175" spans="1:5" ht="409.5" x14ac:dyDescent="0.25">
      <c r="A26175" s="4" t="s">
        <v>48829</v>
      </c>
      <c r="B26175" s="1" t="s">
        <v>59226</v>
      </c>
      <c r="C26175" s="1" t="s">
        <v>48830</v>
      </c>
      <c r="D26175" s="2">
        <v>179003</v>
      </c>
      <c r="E26175" s="1" t="s">
        <v>0</v>
      </c>
    </row>
    <row r="26176" spans="1:5" x14ac:dyDescent="0.25">
      <c r="A26176" s="1" t="s">
        <v>48831</v>
      </c>
      <c r="B26176" s="1" t="s">
        <v>12619</v>
      </c>
      <c r="C26176" s="1" t="s">
        <v>48832</v>
      </c>
      <c r="D26176" s="2">
        <v>179004</v>
      </c>
      <c r="E26176" s="1" t="s">
        <v>0</v>
      </c>
    </row>
    <row r="26177" spans="1:5" x14ac:dyDescent="0.25">
      <c r="A26177" s="2">
        <v>5235</v>
      </c>
      <c r="B26177" s="2">
        <v>5235</v>
      </c>
      <c r="C26177" s="1" t="s">
        <v>0</v>
      </c>
      <c r="D26177" s="2">
        <v>179005</v>
      </c>
      <c r="E26177" s="1" t="s">
        <v>0</v>
      </c>
    </row>
    <row r="26178" spans="1:5" x14ac:dyDescent="0.25">
      <c r="A26178" s="1" t="s">
        <v>4760</v>
      </c>
      <c r="B26178" s="1" t="s">
        <v>12620</v>
      </c>
      <c r="C26178" s="1" t="s">
        <v>48833</v>
      </c>
      <c r="D26178" s="2">
        <v>179006</v>
      </c>
      <c r="E26178" s="1" t="s">
        <v>0</v>
      </c>
    </row>
    <row r="26179" spans="1:5" x14ac:dyDescent="0.25">
      <c r="A26179" s="1" t="s">
        <v>48834</v>
      </c>
      <c r="B26179" s="1" t="s">
        <v>60805</v>
      </c>
      <c r="C26179" s="1" t="s">
        <v>48835</v>
      </c>
      <c r="D26179" s="2">
        <v>179007</v>
      </c>
      <c r="E26179" s="1" t="s">
        <v>0</v>
      </c>
    </row>
    <row r="26180" spans="1:5" ht="409.5" x14ac:dyDescent="0.25">
      <c r="A26180" s="4" t="s">
        <v>48836</v>
      </c>
      <c r="B26180" s="1" t="s">
        <v>60806</v>
      </c>
      <c r="C26180" s="1" t="s">
        <v>48837</v>
      </c>
      <c r="D26180" s="2">
        <v>179008</v>
      </c>
      <c r="E26180" s="1" t="s">
        <v>0</v>
      </c>
    </row>
    <row r="26181" spans="1:5" x14ac:dyDescent="0.25">
      <c r="A26181" s="1" t="s">
        <v>48838</v>
      </c>
      <c r="B26181" s="1" t="s">
        <v>59227</v>
      </c>
      <c r="C26181" s="1" t="s">
        <v>48839</v>
      </c>
      <c r="D26181" s="2">
        <v>179009</v>
      </c>
      <c r="E26181" s="1" t="s">
        <v>0</v>
      </c>
    </row>
    <row r="26182" spans="1:5" x14ac:dyDescent="0.25">
      <c r="A26182" s="2">
        <v>5236</v>
      </c>
      <c r="B26182" s="2">
        <v>5236</v>
      </c>
      <c r="C26182" s="1" t="s">
        <v>0</v>
      </c>
      <c r="D26182" s="2">
        <v>179010</v>
      </c>
      <c r="E26182" s="1" t="s">
        <v>0</v>
      </c>
    </row>
    <row r="26183" spans="1:5" x14ac:dyDescent="0.25">
      <c r="A26183" s="1" t="s">
        <v>4761</v>
      </c>
      <c r="B26183" s="1" t="s">
        <v>12621</v>
      </c>
      <c r="C26183" s="1" t="s">
        <v>48840</v>
      </c>
      <c r="D26183" s="2">
        <v>179011</v>
      </c>
      <c r="E26183" s="1" t="s">
        <v>0</v>
      </c>
    </row>
    <row r="26184" spans="1:5" x14ac:dyDescent="0.25">
      <c r="A26184" s="1" t="s">
        <v>48841</v>
      </c>
      <c r="B26184" s="1" t="s">
        <v>63116</v>
      </c>
      <c r="C26184" s="1" t="s">
        <v>48842</v>
      </c>
      <c r="D26184" s="2">
        <v>179012</v>
      </c>
      <c r="E26184" s="1" t="s">
        <v>0</v>
      </c>
    </row>
    <row r="26185" spans="1:5" ht="409.5" x14ac:dyDescent="0.25">
      <c r="A26185" s="4" t="s">
        <v>48843</v>
      </c>
      <c r="B26185" s="1" t="s">
        <v>63117</v>
      </c>
      <c r="C26185" s="1" t="s">
        <v>48844</v>
      </c>
      <c r="D26185" s="2">
        <v>179013</v>
      </c>
      <c r="E26185" s="1" t="s">
        <v>0</v>
      </c>
    </row>
    <row r="26186" spans="1:5" x14ac:dyDescent="0.25">
      <c r="A26186" s="1" t="s">
        <v>48845</v>
      </c>
      <c r="B26186" s="1" t="s">
        <v>59228</v>
      </c>
      <c r="C26186" s="1" t="s">
        <v>48846</v>
      </c>
      <c r="D26186" s="2">
        <v>179014</v>
      </c>
      <c r="E26186" s="1" t="s">
        <v>0</v>
      </c>
    </row>
    <row r="26187" spans="1:5" x14ac:dyDescent="0.25">
      <c r="A26187" s="2">
        <v>5237</v>
      </c>
      <c r="B26187" s="2">
        <v>5237</v>
      </c>
      <c r="C26187" s="1" t="s">
        <v>0</v>
      </c>
      <c r="D26187" s="2">
        <v>179015</v>
      </c>
      <c r="E26187" s="1" t="s">
        <v>0</v>
      </c>
    </row>
    <row r="26188" spans="1:5" x14ac:dyDescent="0.25">
      <c r="A26188" s="1" t="s">
        <v>4762</v>
      </c>
      <c r="B26188" s="1" t="s">
        <v>12622</v>
      </c>
      <c r="C26188" s="1" t="s">
        <v>48847</v>
      </c>
      <c r="D26188" s="2">
        <v>179016</v>
      </c>
      <c r="E26188" s="1" t="s">
        <v>0</v>
      </c>
    </row>
    <row r="26189" spans="1:5" x14ac:dyDescent="0.25">
      <c r="A26189" s="1" t="s">
        <v>48848</v>
      </c>
      <c r="B26189" s="1" t="s">
        <v>59229</v>
      </c>
      <c r="C26189" s="1" t="s">
        <v>48849</v>
      </c>
      <c r="D26189" s="2">
        <v>179017</v>
      </c>
      <c r="E26189" s="1" t="s">
        <v>0</v>
      </c>
    </row>
    <row r="26190" spans="1:5" ht="409.5" x14ac:dyDescent="0.25">
      <c r="A26190" s="4" t="s">
        <v>48850</v>
      </c>
      <c r="B26190" s="1" t="s">
        <v>59230</v>
      </c>
      <c r="C26190" s="1" t="s">
        <v>48851</v>
      </c>
      <c r="D26190" s="2">
        <v>179018</v>
      </c>
      <c r="E26190" s="1" t="s">
        <v>0</v>
      </c>
    </row>
    <row r="26191" spans="1:5" x14ac:dyDescent="0.25">
      <c r="A26191" s="1" t="s">
        <v>48852</v>
      </c>
      <c r="B26191" s="1" t="s">
        <v>59231</v>
      </c>
      <c r="C26191" s="1" t="s">
        <v>48853</v>
      </c>
      <c r="D26191" s="2">
        <v>179019</v>
      </c>
      <c r="E26191" s="1" t="s">
        <v>0</v>
      </c>
    </row>
    <row r="26192" spans="1:5" x14ac:dyDescent="0.25">
      <c r="A26192" s="2">
        <v>5238</v>
      </c>
      <c r="B26192" s="2">
        <v>5238</v>
      </c>
      <c r="C26192" s="1" t="s">
        <v>0</v>
      </c>
      <c r="D26192" s="2">
        <v>179020</v>
      </c>
      <c r="E26192" s="1" t="s">
        <v>0</v>
      </c>
    </row>
    <row r="26193" spans="1:5" x14ac:dyDescent="0.25">
      <c r="A26193" s="1" t="s">
        <v>4763</v>
      </c>
      <c r="B26193" s="1" t="s">
        <v>12623</v>
      </c>
      <c r="C26193" s="1" t="s">
        <v>48854</v>
      </c>
      <c r="D26193" s="2">
        <v>179021</v>
      </c>
      <c r="E26193" s="1" t="s">
        <v>0</v>
      </c>
    </row>
    <row r="26194" spans="1:5" x14ac:dyDescent="0.25">
      <c r="A26194" s="1" t="s">
        <v>48855</v>
      </c>
      <c r="B26194" s="1" t="s">
        <v>59232</v>
      </c>
      <c r="C26194" s="1" t="s">
        <v>48856</v>
      </c>
      <c r="D26194" s="2">
        <v>179022</v>
      </c>
      <c r="E26194" s="1" t="s">
        <v>0</v>
      </c>
    </row>
    <row r="26195" spans="1:5" ht="409.5" x14ac:dyDescent="0.25">
      <c r="A26195" s="4" t="s">
        <v>48857</v>
      </c>
      <c r="B26195" s="1" t="s">
        <v>60680</v>
      </c>
      <c r="C26195" s="1" t="s">
        <v>48858</v>
      </c>
      <c r="D26195" s="2">
        <v>179023</v>
      </c>
      <c r="E26195" s="1" t="s">
        <v>0</v>
      </c>
    </row>
    <row r="26196" spans="1:5" x14ac:dyDescent="0.25">
      <c r="A26196" s="1" t="s">
        <v>48859</v>
      </c>
      <c r="B26196" s="1" t="s">
        <v>59233</v>
      </c>
      <c r="C26196" s="1" t="s">
        <v>48860</v>
      </c>
      <c r="D26196" s="2">
        <v>179024</v>
      </c>
      <c r="E26196" s="1" t="s">
        <v>0</v>
      </c>
    </row>
    <row r="26197" spans="1:5" x14ac:dyDescent="0.25">
      <c r="A26197" s="2">
        <v>5239</v>
      </c>
      <c r="B26197" s="2">
        <v>5239</v>
      </c>
      <c r="C26197" s="1" t="s">
        <v>0</v>
      </c>
      <c r="D26197" s="2">
        <v>179025</v>
      </c>
      <c r="E26197" s="1" t="s">
        <v>0</v>
      </c>
    </row>
    <row r="26198" spans="1:5" x14ac:dyDescent="0.25">
      <c r="A26198" s="1" t="s">
        <v>4764</v>
      </c>
      <c r="B26198" s="1" t="s">
        <v>12624</v>
      </c>
      <c r="C26198" s="1" t="s">
        <v>48861</v>
      </c>
      <c r="D26198" s="2">
        <v>179026</v>
      </c>
      <c r="E26198" s="1" t="s">
        <v>0</v>
      </c>
    </row>
    <row r="26199" spans="1:5" x14ac:dyDescent="0.25">
      <c r="A26199" s="1" t="s">
        <v>48862</v>
      </c>
      <c r="B26199" s="1" t="s">
        <v>59234</v>
      </c>
      <c r="C26199" s="1" t="s">
        <v>48863</v>
      </c>
      <c r="D26199" s="2">
        <v>179027</v>
      </c>
      <c r="E26199" s="1" t="s">
        <v>0</v>
      </c>
    </row>
    <row r="26200" spans="1:5" ht="409.5" x14ac:dyDescent="0.25">
      <c r="A26200" s="4" t="s">
        <v>64417</v>
      </c>
      <c r="B26200" s="1" t="s">
        <v>61445</v>
      </c>
      <c r="C26200" s="1" t="s">
        <v>48864</v>
      </c>
      <c r="D26200" s="2">
        <v>179028</v>
      </c>
      <c r="E26200" s="1" t="s">
        <v>0</v>
      </c>
    </row>
    <row r="26201" spans="1:5" x14ac:dyDescent="0.25">
      <c r="A26201" s="1" t="s">
        <v>48865</v>
      </c>
      <c r="B26201" s="1" t="s">
        <v>12625</v>
      </c>
      <c r="C26201" s="1" t="s">
        <v>48866</v>
      </c>
      <c r="D26201" s="2">
        <v>179029</v>
      </c>
      <c r="E26201" s="1" t="s">
        <v>0</v>
      </c>
    </row>
    <row r="26202" spans="1:5" x14ac:dyDescent="0.25">
      <c r="A26202" s="2">
        <v>5240</v>
      </c>
      <c r="B26202" s="2">
        <v>5240</v>
      </c>
      <c r="C26202" s="1" t="s">
        <v>0</v>
      </c>
      <c r="D26202" s="2">
        <v>179030</v>
      </c>
      <c r="E26202" s="1" t="s">
        <v>0</v>
      </c>
    </row>
    <row r="26203" spans="1:5" x14ac:dyDescent="0.25">
      <c r="A26203" s="1" t="s">
        <v>4765</v>
      </c>
      <c r="B26203" s="1" t="s">
        <v>12626</v>
      </c>
      <c r="C26203" s="1" t="s">
        <v>48867</v>
      </c>
      <c r="D26203" s="2">
        <v>179031</v>
      </c>
      <c r="E26203" s="1" t="s">
        <v>0</v>
      </c>
    </row>
    <row r="26204" spans="1:5" x14ac:dyDescent="0.25">
      <c r="A26204" s="1" t="s">
        <v>48868</v>
      </c>
      <c r="B26204" s="1" t="s">
        <v>61554</v>
      </c>
      <c r="C26204" s="1" t="s">
        <v>48869</v>
      </c>
      <c r="D26204" s="2">
        <v>179032</v>
      </c>
      <c r="E26204" s="1" t="s">
        <v>0</v>
      </c>
    </row>
    <row r="26205" spans="1:5" ht="409.5" x14ac:dyDescent="0.25">
      <c r="A26205" s="4" t="s">
        <v>48870</v>
      </c>
      <c r="B26205" s="1" t="s">
        <v>61555</v>
      </c>
      <c r="C26205" s="1" t="s">
        <v>48871</v>
      </c>
      <c r="D26205" s="2">
        <v>179033</v>
      </c>
      <c r="E26205" s="1" t="s">
        <v>0</v>
      </c>
    </row>
    <row r="26206" spans="1:5" x14ac:dyDescent="0.25">
      <c r="A26206" s="1" t="s">
        <v>48872</v>
      </c>
      <c r="B26206" s="1" t="s">
        <v>12627</v>
      </c>
      <c r="C26206" s="1" t="s">
        <v>48873</v>
      </c>
      <c r="D26206" s="2">
        <v>179034</v>
      </c>
      <c r="E26206" s="1" t="s">
        <v>0</v>
      </c>
    </row>
    <row r="26207" spans="1:5" x14ac:dyDescent="0.25">
      <c r="A26207" s="2">
        <v>5241</v>
      </c>
      <c r="B26207" s="2">
        <v>5241</v>
      </c>
      <c r="C26207" s="1" t="s">
        <v>0</v>
      </c>
      <c r="D26207" s="2">
        <v>179035</v>
      </c>
      <c r="E26207" s="1" t="s">
        <v>0</v>
      </c>
    </row>
    <row r="26208" spans="1:5" x14ac:dyDescent="0.25">
      <c r="A26208" s="1" t="s">
        <v>4766</v>
      </c>
      <c r="B26208" s="1" t="s">
        <v>12628</v>
      </c>
      <c r="C26208" s="1" t="s">
        <v>48874</v>
      </c>
      <c r="D26208" s="2">
        <v>179036</v>
      </c>
      <c r="E26208" s="1" t="s">
        <v>0</v>
      </c>
    </row>
    <row r="26209" spans="1:5" x14ac:dyDescent="0.25">
      <c r="A26209" s="1" t="s">
        <v>48875</v>
      </c>
      <c r="B26209" s="1" t="s">
        <v>59235</v>
      </c>
      <c r="C26209" s="1" t="s">
        <v>48876</v>
      </c>
      <c r="D26209" s="2">
        <v>179037</v>
      </c>
      <c r="E26209" s="1" t="s">
        <v>0</v>
      </c>
    </row>
    <row r="26210" spans="1:5" ht="409.5" x14ac:dyDescent="0.25">
      <c r="A26210" s="4" t="s">
        <v>64418</v>
      </c>
      <c r="B26210" s="1" t="s">
        <v>61542</v>
      </c>
      <c r="C26210" s="1" t="s">
        <v>48877</v>
      </c>
      <c r="D26210" s="2">
        <v>179038</v>
      </c>
      <c r="E26210" s="1" t="s">
        <v>0</v>
      </c>
    </row>
    <row r="26211" spans="1:5" x14ac:dyDescent="0.25">
      <c r="A26211" s="1" t="s">
        <v>48878</v>
      </c>
      <c r="B26211" s="1" t="s">
        <v>59236</v>
      </c>
      <c r="C26211" s="1" t="s">
        <v>48879</v>
      </c>
      <c r="D26211" s="2">
        <v>179039</v>
      </c>
      <c r="E26211" s="1" t="s">
        <v>0</v>
      </c>
    </row>
    <row r="26212" spans="1:5" x14ac:dyDescent="0.25">
      <c r="A26212" s="2">
        <v>5242</v>
      </c>
      <c r="B26212" s="2">
        <v>5242</v>
      </c>
      <c r="C26212" s="1" t="s">
        <v>0</v>
      </c>
      <c r="D26212" s="2">
        <v>179040</v>
      </c>
      <c r="E26212" s="1" t="s">
        <v>0</v>
      </c>
    </row>
    <row r="26213" spans="1:5" x14ac:dyDescent="0.25">
      <c r="A26213" s="1" t="s">
        <v>4767</v>
      </c>
      <c r="B26213" s="1" t="s">
        <v>12629</v>
      </c>
      <c r="C26213" s="1" t="s">
        <v>48880</v>
      </c>
      <c r="D26213" s="2">
        <v>179041</v>
      </c>
      <c r="E26213" s="1" t="s">
        <v>0</v>
      </c>
    </row>
    <row r="26214" spans="1:5" x14ac:dyDescent="0.25">
      <c r="A26214" s="1" t="s">
        <v>48881</v>
      </c>
      <c r="B26214" s="1" t="s">
        <v>12630</v>
      </c>
      <c r="C26214" s="1" t="s">
        <v>48882</v>
      </c>
      <c r="D26214" s="2">
        <v>179042</v>
      </c>
      <c r="E26214" s="1" t="s">
        <v>0</v>
      </c>
    </row>
    <row r="26215" spans="1:5" ht="409.5" x14ac:dyDescent="0.25">
      <c r="A26215" s="4" t="s">
        <v>48883</v>
      </c>
      <c r="B26215" s="1" t="s">
        <v>59237</v>
      </c>
      <c r="C26215" s="1" t="s">
        <v>48884</v>
      </c>
      <c r="D26215" s="2">
        <v>179043</v>
      </c>
      <c r="E26215" s="1" t="s">
        <v>0</v>
      </c>
    </row>
    <row r="26216" spans="1:5" x14ac:dyDescent="0.25">
      <c r="A26216" s="1" t="s">
        <v>48885</v>
      </c>
      <c r="B26216" s="1" t="s">
        <v>59238</v>
      </c>
      <c r="C26216" s="1" t="s">
        <v>48886</v>
      </c>
      <c r="D26216" s="2">
        <v>179044</v>
      </c>
      <c r="E26216" s="1" t="s">
        <v>0</v>
      </c>
    </row>
    <row r="26217" spans="1:5" x14ac:dyDescent="0.25">
      <c r="A26217" s="2">
        <v>5243</v>
      </c>
      <c r="B26217" s="2">
        <v>5243</v>
      </c>
      <c r="C26217" s="1" t="s">
        <v>0</v>
      </c>
      <c r="D26217" s="2">
        <v>179045</v>
      </c>
      <c r="E26217" s="1" t="s">
        <v>0</v>
      </c>
    </row>
    <row r="26218" spans="1:5" x14ac:dyDescent="0.25">
      <c r="A26218" s="1" t="s">
        <v>4768</v>
      </c>
      <c r="B26218" s="1" t="s">
        <v>12631</v>
      </c>
      <c r="C26218" s="1" t="s">
        <v>48887</v>
      </c>
      <c r="D26218" s="2">
        <v>179046</v>
      </c>
      <c r="E26218" s="1" t="s">
        <v>0</v>
      </c>
    </row>
    <row r="26219" spans="1:5" x14ac:dyDescent="0.25">
      <c r="A26219" s="1" t="s">
        <v>48888</v>
      </c>
      <c r="B26219" s="1" t="s">
        <v>59239</v>
      </c>
      <c r="C26219" s="1" t="s">
        <v>48889</v>
      </c>
      <c r="D26219" s="2">
        <v>179047</v>
      </c>
      <c r="E26219" s="1" t="s">
        <v>0</v>
      </c>
    </row>
    <row r="26220" spans="1:5" ht="409.5" x14ac:dyDescent="0.25">
      <c r="A26220" s="4" t="s">
        <v>48890</v>
      </c>
      <c r="B26220" s="1" t="s">
        <v>59240</v>
      </c>
      <c r="C26220" s="1" t="s">
        <v>48891</v>
      </c>
      <c r="D26220" s="2">
        <v>179048</v>
      </c>
      <c r="E26220" s="1" t="s">
        <v>0</v>
      </c>
    </row>
    <row r="26221" spans="1:5" x14ac:dyDescent="0.25">
      <c r="A26221" s="1" t="s">
        <v>13902</v>
      </c>
      <c r="B26221" s="1" t="s">
        <v>60855</v>
      </c>
      <c r="C26221" s="1" t="s">
        <v>13903</v>
      </c>
      <c r="D26221" s="2">
        <v>179049</v>
      </c>
      <c r="E26221" s="1" t="s">
        <v>0</v>
      </c>
    </row>
    <row r="26222" spans="1:5" x14ac:dyDescent="0.25">
      <c r="A26222" s="2">
        <v>5244</v>
      </c>
      <c r="B26222" s="2">
        <v>5244</v>
      </c>
      <c r="C26222" s="1" t="s">
        <v>0</v>
      </c>
      <c r="D26222" s="2">
        <v>179050</v>
      </c>
      <c r="E26222" s="1" t="s">
        <v>0</v>
      </c>
    </row>
    <row r="26223" spans="1:5" x14ac:dyDescent="0.25">
      <c r="A26223" s="1" t="s">
        <v>4769</v>
      </c>
      <c r="B26223" s="1" t="s">
        <v>12632</v>
      </c>
      <c r="C26223" s="1" t="s">
        <v>48892</v>
      </c>
      <c r="D26223" s="2">
        <v>179051</v>
      </c>
      <c r="E26223" s="1" t="s">
        <v>0</v>
      </c>
    </row>
    <row r="26224" spans="1:5" x14ac:dyDescent="0.25">
      <c r="A26224" s="1" t="s">
        <v>48893</v>
      </c>
      <c r="B26224" s="1" t="s">
        <v>59241</v>
      </c>
      <c r="C26224" s="1" t="s">
        <v>48894</v>
      </c>
      <c r="D26224" s="2">
        <v>179052</v>
      </c>
      <c r="E26224" s="1" t="s">
        <v>0</v>
      </c>
    </row>
    <row r="26225" spans="1:5" ht="409.5" x14ac:dyDescent="0.25">
      <c r="A26225" s="4" t="s">
        <v>48895</v>
      </c>
      <c r="B26225" s="1" t="s">
        <v>59704</v>
      </c>
      <c r="C26225" s="1" t="s">
        <v>48896</v>
      </c>
      <c r="D26225" s="2">
        <v>179053</v>
      </c>
      <c r="E26225" s="1" t="s">
        <v>0</v>
      </c>
    </row>
    <row r="26226" spans="1:5" x14ac:dyDescent="0.25">
      <c r="A26226" s="1" t="s">
        <v>48897</v>
      </c>
      <c r="B26226" s="1" t="s">
        <v>12633</v>
      </c>
      <c r="C26226" s="1" t="s">
        <v>48898</v>
      </c>
      <c r="D26226" s="2">
        <v>179054</v>
      </c>
      <c r="E26226" s="1" t="s">
        <v>0</v>
      </c>
    </row>
    <row r="26227" spans="1:5" x14ac:dyDescent="0.25">
      <c r="A26227" s="2">
        <v>5245</v>
      </c>
      <c r="B26227" s="2">
        <v>5245</v>
      </c>
      <c r="C26227" s="1" t="s">
        <v>0</v>
      </c>
      <c r="D26227" s="2">
        <v>179055</v>
      </c>
      <c r="E26227" s="1" t="s">
        <v>0</v>
      </c>
    </row>
    <row r="26228" spans="1:5" x14ac:dyDescent="0.25">
      <c r="A26228" s="1" t="s">
        <v>4770</v>
      </c>
      <c r="B26228" s="1" t="s">
        <v>58888</v>
      </c>
      <c r="C26228" s="1" t="s">
        <v>48899</v>
      </c>
      <c r="D26228" s="2">
        <v>179056</v>
      </c>
      <c r="E26228" s="1" t="s">
        <v>0</v>
      </c>
    </row>
    <row r="26229" spans="1:5" x14ac:dyDescent="0.25">
      <c r="A26229" s="1" t="s">
        <v>48900</v>
      </c>
      <c r="B26229" s="1" t="s">
        <v>63118</v>
      </c>
      <c r="C26229" s="1" t="s">
        <v>48901</v>
      </c>
      <c r="D26229" s="2">
        <v>179057</v>
      </c>
      <c r="E26229" s="1" t="s">
        <v>0</v>
      </c>
    </row>
    <row r="26230" spans="1:5" ht="409.5" x14ac:dyDescent="0.25">
      <c r="A26230" s="4" t="s">
        <v>48902</v>
      </c>
      <c r="B26230" s="1" t="s">
        <v>63572</v>
      </c>
      <c r="C26230" s="1" t="s">
        <v>48903</v>
      </c>
      <c r="D26230" s="2">
        <v>179058</v>
      </c>
      <c r="E26230" s="1" t="s">
        <v>0</v>
      </c>
    </row>
    <row r="26231" spans="1:5" x14ac:dyDescent="0.25">
      <c r="A26231" s="1" t="s">
        <v>48904</v>
      </c>
      <c r="B26231" s="1" t="s">
        <v>59242</v>
      </c>
      <c r="C26231" s="1" t="s">
        <v>48905</v>
      </c>
      <c r="D26231" s="2">
        <v>179059</v>
      </c>
      <c r="E26231" s="1" t="s">
        <v>0</v>
      </c>
    </row>
    <row r="26232" spans="1:5" x14ac:dyDescent="0.25">
      <c r="A26232" s="2">
        <v>5246</v>
      </c>
      <c r="B26232" s="2">
        <v>5246</v>
      </c>
      <c r="C26232" s="1" t="s">
        <v>0</v>
      </c>
      <c r="D26232" s="2">
        <v>179060</v>
      </c>
      <c r="E26232" s="1" t="s">
        <v>0</v>
      </c>
    </row>
    <row r="26233" spans="1:5" x14ac:dyDescent="0.25">
      <c r="A26233" s="1" t="s">
        <v>4771</v>
      </c>
      <c r="B26233" s="1" t="s">
        <v>12634</v>
      </c>
      <c r="C26233" s="1" t="s">
        <v>48906</v>
      </c>
      <c r="D26233" s="2">
        <v>179061</v>
      </c>
      <c r="E26233" s="1" t="s">
        <v>0</v>
      </c>
    </row>
    <row r="26234" spans="1:5" x14ac:dyDescent="0.25">
      <c r="A26234" s="1" t="s">
        <v>48907</v>
      </c>
      <c r="B26234" s="1" t="s">
        <v>59243</v>
      </c>
      <c r="C26234" s="1" t="s">
        <v>48908</v>
      </c>
      <c r="D26234" s="2">
        <v>179062</v>
      </c>
      <c r="E26234" s="1" t="s">
        <v>0</v>
      </c>
    </row>
    <row r="26235" spans="1:5" ht="409.5" x14ac:dyDescent="0.25">
      <c r="A26235" s="4" t="s">
        <v>48909</v>
      </c>
      <c r="B26235" s="1" t="s">
        <v>59244</v>
      </c>
      <c r="C26235" s="1" t="s">
        <v>48910</v>
      </c>
      <c r="D26235" s="2">
        <v>179063</v>
      </c>
      <c r="E26235" s="1" t="s">
        <v>0</v>
      </c>
    </row>
    <row r="26236" spans="1:5" x14ac:dyDescent="0.25">
      <c r="A26236" s="1" t="s">
        <v>48911</v>
      </c>
      <c r="B26236" s="1" t="s">
        <v>59245</v>
      </c>
      <c r="C26236" s="1" t="s">
        <v>48912</v>
      </c>
      <c r="D26236" s="2">
        <v>179064</v>
      </c>
      <c r="E26236" s="1" t="s">
        <v>0</v>
      </c>
    </row>
    <row r="26237" spans="1:5" x14ac:dyDescent="0.25">
      <c r="A26237" s="2">
        <v>5247</v>
      </c>
      <c r="B26237" s="2">
        <v>5247</v>
      </c>
      <c r="C26237" s="1" t="s">
        <v>0</v>
      </c>
      <c r="D26237" s="2">
        <v>179065</v>
      </c>
      <c r="E26237" s="1" t="s">
        <v>0</v>
      </c>
    </row>
    <row r="26238" spans="1:5" x14ac:dyDescent="0.25">
      <c r="A26238" s="1" t="s">
        <v>4772</v>
      </c>
      <c r="B26238" s="1" t="s">
        <v>12635</v>
      </c>
      <c r="C26238" s="1" t="s">
        <v>48913</v>
      </c>
      <c r="D26238" s="2">
        <v>179066</v>
      </c>
      <c r="E26238" s="1" t="s">
        <v>0</v>
      </c>
    </row>
    <row r="26239" spans="1:5" x14ac:dyDescent="0.25">
      <c r="A26239" s="1" t="s">
        <v>48914</v>
      </c>
      <c r="B26239" s="1" t="s">
        <v>12636</v>
      </c>
      <c r="C26239" s="1" t="s">
        <v>48915</v>
      </c>
      <c r="D26239" s="2">
        <v>179067</v>
      </c>
      <c r="E26239" s="1" t="s">
        <v>0</v>
      </c>
    </row>
    <row r="26240" spans="1:5" ht="409.5" x14ac:dyDescent="0.25">
      <c r="A26240" s="4" t="s">
        <v>48916</v>
      </c>
      <c r="B26240" s="1" t="s">
        <v>60832</v>
      </c>
      <c r="C26240" s="1" t="s">
        <v>48917</v>
      </c>
      <c r="D26240" s="2">
        <v>179068</v>
      </c>
      <c r="E26240" s="1" t="s">
        <v>0</v>
      </c>
    </row>
    <row r="26241" spans="1:5" x14ac:dyDescent="0.25">
      <c r="A26241" s="1" t="s">
        <v>48918</v>
      </c>
      <c r="B26241" s="1" t="s">
        <v>59246</v>
      </c>
      <c r="C26241" s="1" t="s">
        <v>48919</v>
      </c>
      <c r="D26241" s="2">
        <v>179069</v>
      </c>
      <c r="E26241" s="1" t="s">
        <v>0</v>
      </c>
    </row>
    <row r="26242" spans="1:5" x14ac:dyDescent="0.25">
      <c r="A26242" s="2">
        <v>5248</v>
      </c>
      <c r="B26242" s="2">
        <v>5248</v>
      </c>
      <c r="C26242" s="1" t="s">
        <v>0</v>
      </c>
      <c r="D26242" s="2">
        <v>179070</v>
      </c>
      <c r="E26242" s="1" t="s">
        <v>0</v>
      </c>
    </row>
    <row r="26243" spans="1:5" x14ac:dyDescent="0.25">
      <c r="A26243" s="1" t="s">
        <v>4773</v>
      </c>
      <c r="B26243" s="1" t="s">
        <v>12637</v>
      </c>
      <c r="C26243" s="1" t="s">
        <v>48920</v>
      </c>
      <c r="D26243" s="2">
        <v>179071</v>
      </c>
      <c r="E26243" s="1" t="s">
        <v>0</v>
      </c>
    </row>
    <row r="26244" spans="1:5" x14ac:dyDescent="0.25">
      <c r="A26244" s="1" t="s">
        <v>48921</v>
      </c>
      <c r="B26244" s="1" t="s">
        <v>59247</v>
      </c>
      <c r="C26244" s="1" t="s">
        <v>48922</v>
      </c>
      <c r="D26244" s="2">
        <v>179072</v>
      </c>
      <c r="E26244" s="1" t="s">
        <v>0</v>
      </c>
    </row>
    <row r="26245" spans="1:5" ht="409.5" x14ac:dyDescent="0.25">
      <c r="A26245" s="4" t="s">
        <v>48923</v>
      </c>
      <c r="B26245" s="1" t="s">
        <v>59248</v>
      </c>
      <c r="C26245" s="1" t="s">
        <v>48924</v>
      </c>
      <c r="D26245" s="2">
        <v>179073</v>
      </c>
      <c r="E26245" s="1" t="s">
        <v>0</v>
      </c>
    </row>
    <row r="26246" spans="1:5" x14ac:dyDescent="0.25">
      <c r="A26246" s="1" t="s">
        <v>48925</v>
      </c>
      <c r="B26246" s="1" t="s">
        <v>12638</v>
      </c>
      <c r="C26246" s="1" t="s">
        <v>48926</v>
      </c>
      <c r="D26246" s="2">
        <v>179074</v>
      </c>
      <c r="E26246" s="1" t="s">
        <v>0</v>
      </c>
    </row>
    <row r="26247" spans="1:5" x14ac:dyDescent="0.25">
      <c r="A26247" s="2">
        <v>5249</v>
      </c>
      <c r="B26247" s="2">
        <v>5249</v>
      </c>
      <c r="C26247" s="1" t="s">
        <v>0</v>
      </c>
      <c r="D26247" s="2">
        <v>179075</v>
      </c>
      <c r="E26247" s="1" t="s">
        <v>0</v>
      </c>
    </row>
    <row r="26248" spans="1:5" x14ac:dyDescent="0.25">
      <c r="A26248" s="1" t="s">
        <v>4774</v>
      </c>
      <c r="B26248" s="1" t="s">
        <v>12639</v>
      </c>
      <c r="C26248" s="1" t="s">
        <v>48927</v>
      </c>
      <c r="D26248" s="2">
        <v>179076</v>
      </c>
      <c r="E26248" s="1" t="s">
        <v>0</v>
      </c>
    </row>
    <row r="26249" spans="1:5" x14ac:dyDescent="0.25">
      <c r="A26249" s="1" t="s">
        <v>48928</v>
      </c>
      <c r="B26249" s="1" t="s">
        <v>59249</v>
      </c>
      <c r="C26249" s="1" t="s">
        <v>48929</v>
      </c>
      <c r="D26249" s="2">
        <v>179077</v>
      </c>
      <c r="E26249" s="1" t="s">
        <v>0</v>
      </c>
    </row>
    <row r="26250" spans="1:5" ht="409.5" x14ac:dyDescent="0.25">
      <c r="A26250" s="4" t="s">
        <v>48930</v>
      </c>
      <c r="B26250" s="1" t="s">
        <v>63119</v>
      </c>
      <c r="C26250" s="1" t="s">
        <v>48931</v>
      </c>
      <c r="D26250" s="2">
        <v>179078</v>
      </c>
      <c r="E26250" s="1" t="s">
        <v>0</v>
      </c>
    </row>
    <row r="26251" spans="1:5" x14ac:dyDescent="0.25">
      <c r="A26251" s="1" t="s">
        <v>48932</v>
      </c>
      <c r="B26251" s="1" t="s">
        <v>12640</v>
      </c>
      <c r="C26251" s="1" t="s">
        <v>48933</v>
      </c>
      <c r="D26251" s="2">
        <v>179079</v>
      </c>
      <c r="E26251" s="1" t="s">
        <v>0</v>
      </c>
    </row>
    <row r="26252" spans="1:5" x14ac:dyDescent="0.25">
      <c r="A26252" s="2">
        <v>5250</v>
      </c>
      <c r="B26252" s="2">
        <v>5250</v>
      </c>
      <c r="C26252" s="1" t="s">
        <v>0</v>
      </c>
      <c r="D26252" s="2">
        <v>179080</v>
      </c>
      <c r="E26252" s="1" t="s">
        <v>0</v>
      </c>
    </row>
    <row r="26253" spans="1:5" x14ac:dyDescent="0.25">
      <c r="A26253" s="1" t="s">
        <v>48934</v>
      </c>
      <c r="B26253" s="1" t="s">
        <v>12641</v>
      </c>
      <c r="C26253" s="1" t="s">
        <v>48935</v>
      </c>
      <c r="D26253" s="2">
        <v>179081</v>
      </c>
      <c r="E26253" s="1" t="s">
        <v>0</v>
      </c>
    </row>
    <row r="26254" spans="1:5" x14ac:dyDescent="0.25">
      <c r="A26254" s="1" t="s">
        <v>48936</v>
      </c>
      <c r="B26254" s="1" t="s">
        <v>59250</v>
      </c>
      <c r="C26254" s="1" t="s">
        <v>48937</v>
      </c>
      <c r="D26254" s="2">
        <v>179082</v>
      </c>
      <c r="E26254" s="1" t="s">
        <v>0</v>
      </c>
    </row>
    <row r="26255" spans="1:5" ht="409.5" x14ac:dyDescent="0.25">
      <c r="A26255" s="4" t="s">
        <v>48938</v>
      </c>
      <c r="B26255" s="1" t="s">
        <v>59251</v>
      </c>
      <c r="C26255" s="1" t="s">
        <v>48939</v>
      </c>
      <c r="D26255" s="2">
        <v>179083</v>
      </c>
      <c r="E26255" s="1" t="s">
        <v>0</v>
      </c>
    </row>
    <row r="26256" spans="1:5" x14ac:dyDescent="0.25">
      <c r="A26256" s="1" t="s">
        <v>48940</v>
      </c>
      <c r="B26256" s="1" t="s">
        <v>59252</v>
      </c>
      <c r="C26256" s="1" t="s">
        <v>48941</v>
      </c>
      <c r="D26256" s="2">
        <v>179084</v>
      </c>
      <c r="E26256" s="1" t="s">
        <v>0</v>
      </c>
    </row>
    <row r="26257" spans="1:5" x14ac:dyDescent="0.25">
      <c r="A26257" s="2">
        <v>5251</v>
      </c>
      <c r="B26257" s="2">
        <v>5251</v>
      </c>
      <c r="C26257" s="1" t="s">
        <v>0</v>
      </c>
      <c r="D26257" s="2">
        <v>179085</v>
      </c>
      <c r="E26257" s="1" t="s">
        <v>0</v>
      </c>
    </row>
    <row r="26258" spans="1:5" x14ac:dyDescent="0.25">
      <c r="A26258" s="1" t="s">
        <v>4775</v>
      </c>
      <c r="B26258" s="1" t="s">
        <v>59253</v>
      </c>
      <c r="C26258" s="1" t="s">
        <v>48942</v>
      </c>
      <c r="D26258" s="2">
        <v>179086</v>
      </c>
      <c r="E26258" s="1" t="s">
        <v>0</v>
      </c>
    </row>
    <row r="26259" spans="1:5" x14ac:dyDescent="0.25">
      <c r="A26259" s="1" t="s">
        <v>48943</v>
      </c>
      <c r="B26259" s="1" t="s">
        <v>59254</v>
      </c>
      <c r="C26259" s="1" t="s">
        <v>48944</v>
      </c>
      <c r="D26259" s="2">
        <v>179087</v>
      </c>
      <c r="E26259" s="1" t="s">
        <v>0</v>
      </c>
    </row>
    <row r="26260" spans="1:5" ht="409.5" x14ac:dyDescent="0.25">
      <c r="A26260" s="4" t="s">
        <v>48945</v>
      </c>
      <c r="B26260" s="1" t="s">
        <v>59255</v>
      </c>
      <c r="C26260" s="1" t="s">
        <v>48946</v>
      </c>
      <c r="D26260" s="2">
        <v>179088</v>
      </c>
      <c r="E26260" s="1" t="s">
        <v>0</v>
      </c>
    </row>
    <row r="26261" spans="1:5" x14ac:dyDescent="0.25">
      <c r="A26261" s="1" t="s">
        <v>48947</v>
      </c>
      <c r="B26261" s="1" t="s">
        <v>59256</v>
      </c>
      <c r="C26261" s="1" t="s">
        <v>48948</v>
      </c>
      <c r="D26261" s="2">
        <v>179089</v>
      </c>
      <c r="E26261" s="1" t="s">
        <v>0</v>
      </c>
    </row>
    <row r="26262" spans="1:5" x14ac:dyDescent="0.25">
      <c r="A26262" s="2">
        <v>5252</v>
      </c>
      <c r="B26262" s="2">
        <v>5252</v>
      </c>
      <c r="C26262" s="1" t="s">
        <v>0</v>
      </c>
      <c r="D26262" s="2">
        <v>179090</v>
      </c>
      <c r="E26262" s="1" t="s">
        <v>0</v>
      </c>
    </row>
    <row r="26263" spans="1:5" x14ac:dyDescent="0.25">
      <c r="A26263" s="1" t="s">
        <v>4776</v>
      </c>
      <c r="B26263" s="1" t="s">
        <v>12642</v>
      </c>
      <c r="C26263" s="1" t="s">
        <v>48949</v>
      </c>
      <c r="D26263" s="2">
        <v>179091</v>
      </c>
      <c r="E26263" s="1" t="s">
        <v>0</v>
      </c>
    </row>
    <row r="26264" spans="1:5" x14ac:dyDescent="0.25">
      <c r="A26264" s="1" t="s">
        <v>48950</v>
      </c>
      <c r="B26264" s="1" t="s">
        <v>12643</v>
      </c>
      <c r="C26264" s="1" t="s">
        <v>48951</v>
      </c>
      <c r="D26264" s="2">
        <v>179092</v>
      </c>
      <c r="E26264" s="1" t="s">
        <v>0</v>
      </c>
    </row>
    <row r="26265" spans="1:5" ht="409.5" x14ac:dyDescent="0.25">
      <c r="A26265" s="4" t="s">
        <v>48952</v>
      </c>
      <c r="B26265" s="1" t="s">
        <v>48953</v>
      </c>
      <c r="C26265" s="1" t="s">
        <v>48954</v>
      </c>
      <c r="D26265" s="2">
        <v>179093</v>
      </c>
      <c r="E26265" s="1" t="s">
        <v>0</v>
      </c>
    </row>
    <row r="26266" spans="1:5" x14ac:dyDescent="0.25">
      <c r="A26266" s="1" t="s">
        <v>48955</v>
      </c>
      <c r="B26266" s="1" t="s">
        <v>59257</v>
      </c>
      <c r="C26266" s="1" t="s">
        <v>48956</v>
      </c>
      <c r="D26266" s="2">
        <v>179094</v>
      </c>
      <c r="E26266" s="1" t="s">
        <v>0</v>
      </c>
    </row>
    <row r="26267" spans="1:5" x14ac:dyDescent="0.25">
      <c r="A26267" s="2">
        <v>5253</v>
      </c>
      <c r="B26267" s="2">
        <v>5253</v>
      </c>
      <c r="C26267" s="1" t="s">
        <v>0</v>
      </c>
      <c r="D26267" s="2">
        <v>179095</v>
      </c>
      <c r="E26267" s="1" t="s">
        <v>0</v>
      </c>
    </row>
    <row r="26268" spans="1:5" x14ac:dyDescent="0.25">
      <c r="A26268" s="1" t="s">
        <v>48957</v>
      </c>
      <c r="B26268" s="1" t="s">
        <v>59258</v>
      </c>
      <c r="C26268" s="1" t="s">
        <v>48958</v>
      </c>
      <c r="D26268" s="2">
        <v>179096</v>
      </c>
      <c r="E26268" s="1" t="s">
        <v>0</v>
      </c>
    </row>
    <row r="26269" spans="1:5" x14ac:dyDescent="0.25">
      <c r="A26269" s="1" t="s">
        <v>48959</v>
      </c>
      <c r="B26269" s="1" t="s">
        <v>12644</v>
      </c>
      <c r="C26269" s="1" t="s">
        <v>48960</v>
      </c>
      <c r="D26269" s="2">
        <v>179097</v>
      </c>
      <c r="E26269" s="1" t="s">
        <v>0</v>
      </c>
    </row>
    <row r="26270" spans="1:5" ht="409.5" x14ac:dyDescent="0.25">
      <c r="A26270" s="4" t="s">
        <v>48961</v>
      </c>
      <c r="B26270" s="1" t="s">
        <v>61446</v>
      </c>
      <c r="C26270" s="1" t="s">
        <v>48962</v>
      </c>
      <c r="D26270" s="2">
        <v>179098</v>
      </c>
      <c r="E26270" s="1" t="s">
        <v>0</v>
      </c>
    </row>
    <row r="26271" spans="1:5" x14ac:dyDescent="0.25">
      <c r="A26271" s="1" t="s">
        <v>48963</v>
      </c>
      <c r="B26271" s="1" t="s">
        <v>59259</v>
      </c>
      <c r="C26271" s="1" t="s">
        <v>48964</v>
      </c>
      <c r="D26271" s="2">
        <v>179099</v>
      </c>
      <c r="E26271" s="1" t="s">
        <v>0</v>
      </c>
    </row>
    <row r="26272" spans="1:5" x14ac:dyDescent="0.25">
      <c r="A26272" s="2">
        <v>5254</v>
      </c>
      <c r="B26272" s="2">
        <v>5254</v>
      </c>
      <c r="C26272" s="1" t="s">
        <v>0</v>
      </c>
      <c r="D26272" s="2">
        <v>179100</v>
      </c>
      <c r="E26272" s="1" t="s">
        <v>0</v>
      </c>
    </row>
    <row r="26273" spans="1:5" x14ac:dyDescent="0.25">
      <c r="A26273" s="1" t="s">
        <v>4777</v>
      </c>
      <c r="B26273" s="1" t="s">
        <v>12645</v>
      </c>
      <c r="C26273" s="1" t="s">
        <v>48965</v>
      </c>
      <c r="D26273" s="2">
        <v>179101</v>
      </c>
      <c r="E26273" s="1" t="s">
        <v>0</v>
      </c>
    </row>
    <row r="26274" spans="1:5" x14ac:dyDescent="0.25">
      <c r="A26274" s="1" t="s">
        <v>48966</v>
      </c>
      <c r="B26274" s="1" t="s">
        <v>12646</v>
      </c>
      <c r="C26274" s="1" t="s">
        <v>48967</v>
      </c>
      <c r="D26274" s="2">
        <v>179102</v>
      </c>
      <c r="E26274" s="1" t="s">
        <v>0</v>
      </c>
    </row>
    <row r="26275" spans="1:5" ht="409.5" x14ac:dyDescent="0.25">
      <c r="A26275" s="4" t="s">
        <v>48968</v>
      </c>
      <c r="B26275" s="1" t="s">
        <v>63120</v>
      </c>
      <c r="C26275" s="1" t="s">
        <v>48969</v>
      </c>
      <c r="D26275" s="2">
        <v>179103</v>
      </c>
      <c r="E26275" s="1" t="s">
        <v>0</v>
      </c>
    </row>
    <row r="26276" spans="1:5" x14ac:dyDescent="0.25">
      <c r="A26276" s="1" t="s">
        <v>48970</v>
      </c>
      <c r="B26276" s="1" t="s">
        <v>59260</v>
      </c>
      <c r="C26276" s="1" t="s">
        <v>48971</v>
      </c>
      <c r="D26276" s="2">
        <v>179104</v>
      </c>
      <c r="E26276" s="1" t="s">
        <v>0</v>
      </c>
    </row>
    <row r="26277" spans="1:5" x14ac:dyDescent="0.25">
      <c r="A26277" s="2">
        <v>5255</v>
      </c>
      <c r="B26277" s="2">
        <v>5255</v>
      </c>
      <c r="C26277" s="1" t="s">
        <v>0</v>
      </c>
      <c r="D26277" s="2">
        <v>179105</v>
      </c>
      <c r="E26277" s="1" t="s">
        <v>0</v>
      </c>
    </row>
    <row r="26278" spans="1:5" x14ac:dyDescent="0.25">
      <c r="A26278" s="1" t="s">
        <v>4778</v>
      </c>
      <c r="B26278" s="1" t="s">
        <v>12647</v>
      </c>
      <c r="C26278" s="1" t="s">
        <v>48972</v>
      </c>
      <c r="D26278" s="2">
        <v>179106</v>
      </c>
      <c r="E26278" s="1" t="s">
        <v>0</v>
      </c>
    </row>
    <row r="26279" spans="1:5" x14ac:dyDescent="0.25">
      <c r="A26279" s="1" t="s">
        <v>48973</v>
      </c>
      <c r="B26279" s="1" t="s">
        <v>12648</v>
      </c>
      <c r="C26279" s="1" t="s">
        <v>48974</v>
      </c>
      <c r="D26279" s="2">
        <v>179107</v>
      </c>
      <c r="E26279" s="1" t="s">
        <v>0</v>
      </c>
    </row>
    <row r="26280" spans="1:5" ht="409.5" x14ac:dyDescent="0.25">
      <c r="A26280" s="4" t="s">
        <v>48975</v>
      </c>
      <c r="B26280" s="1" t="s">
        <v>12649</v>
      </c>
      <c r="C26280" s="1" t="s">
        <v>48976</v>
      </c>
      <c r="D26280" s="2">
        <v>179108</v>
      </c>
      <c r="E26280" s="1" t="s">
        <v>0</v>
      </c>
    </row>
    <row r="26281" spans="1:5" x14ac:dyDescent="0.25">
      <c r="A26281" s="1" t="s">
        <v>48977</v>
      </c>
      <c r="B26281" s="1" t="s">
        <v>61447</v>
      </c>
      <c r="C26281" s="1" t="s">
        <v>48978</v>
      </c>
      <c r="D26281" s="2">
        <v>179109</v>
      </c>
      <c r="E26281" s="1" t="s">
        <v>0</v>
      </c>
    </row>
    <row r="26282" spans="1:5" x14ac:dyDescent="0.25">
      <c r="A26282" s="2">
        <v>5256</v>
      </c>
      <c r="B26282" s="2">
        <v>5256</v>
      </c>
      <c r="C26282" s="1" t="s">
        <v>0</v>
      </c>
      <c r="D26282" s="2">
        <v>179110</v>
      </c>
      <c r="E26282" s="1" t="s">
        <v>0</v>
      </c>
    </row>
    <row r="26283" spans="1:5" x14ac:dyDescent="0.25">
      <c r="A26283" s="1" t="s">
        <v>4779</v>
      </c>
      <c r="B26283" s="1" t="s">
        <v>12650</v>
      </c>
      <c r="C26283" s="1" t="s">
        <v>48979</v>
      </c>
      <c r="D26283" s="2">
        <v>179111</v>
      </c>
      <c r="E26283" s="1" t="s">
        <v>0</v>
      </c>
    </row>
    <row r="26284" spans="1:5" x14ac:dyDescent="0.25">
      <c r="A26284" s="1" t="s">
        <v>48980</v>
      </c>
      <c r="B26284" s="1" t="s">
        <v>12651</v>
      </c>
      <c r="C26284" s="1" t="s">
        <v>48981</v>
      </c>
      <c r="D26284" s="2">
        <v>179112</v>
      </c>
      <c r="E26284" s="1" t="s">
        <v>0</v>
      </c>
    </row>
    <row r="26285" spans="1:5" ht="409.5" x14ac:dyDescent="0.25">
      <c r="A26285" s="4" t="s">
        <v>61913</v>
      </c>
      <c r="B26285" s="1" t="s">
        <v>60346</v>
      </c>
      <c r="C26285" s="1" t="s">
        <v>48982</v>
      </c>
      <c r="D26285" s="2">
        <v>179113</v>
      </c>
      <c r="E26285" s="1" t="s">
        <v>0</v>
      </c>
    </row>
    <row r="26286" spans="1:5" x14ac:dyDescent="0.25">
      <c r="A26286" s="1" t="s">
        <v>48983</v>
      </c>
      <c r="B26286" s="1" t="s">
        <v>59261</v>
      </c>
      <c r="C26286" s="1" t="s">
        <v>48984</v>
      </c>
      <c r="D26286" s="2">
        <v>179114</v>
      </c>
      <c r="E26286" s="1" t="s">
        <v>0</v>
      </c>
    </row>
    <row r="26287" spans="1:5" x14ac:dyDescent="0.25">
      <c r="A26287" s="2">
        <v>5257</v>
      </c>
      <c r="B26287" s="2">
        <v>5257</v>
      </c>
      <c r="C26287" s="1" t="s">
        <v>0</v>
      </c>
      <c r="D26287" s="2">
        <v>179115</v>
      </c>
      <c r="E26287" s="1" t="s">
        <v>0</v>
      </c>
    </row>
    <row r="26288" spans="1:5" x14ac:dyDescent="0.25">
      <c r="A26288" s="1" t="s">
        <v>4780</v>
      </c>
      <c r="B26288" s="1" t="s">
        <v>59262</v>
      </c>
      <c r="C26288" s="1" t="s">
        <v>48985</v>
      </c>
      <c r="D26288" s="2">
        <v>179116</v>
      </c>
      <c r="E26288" s="1" t="s">
        <v>0</v>
      </c>
    </row>
    <row r="26289" spans="1:5" x14ac:dyDescent="0.25">
      <c r="A26289" s="1" t="s">
        <v>48986</v>
      </c>
      <c r="B26289" s="1" t="s">
        <v>57359</v>
      </c>
      <c r="C26289" s="1" t="s">
        <v>48987</v>
      </c>
      <c r="D26289" s="2">
        <v>179117</v>
      </c>
      <c r="E26289" s="1" t="s">
        <v>0</v>
      </c>
    </row>
    <row r="26290" spans="1:5" ht="409.5" x14ac:dyDescent="0.25">
      <c r="A26290" s="4" t="s">
        <v>48988</v>
      </c>
      <c r="B26290" s="1" t="s">
        <v>57360</v>
      </c>
      <c r="C26290" s="1" t="s">
        <v>48989</v>
      </c>
      <c r="D26290" s="2">
        <v>179118</v>
      </c>
      <c r="E26290" s="1" t="s">
        <v>0</v>
      </c>
    </row>
    <row r="26291" spans="1:5" x14ac:dyDescent="0.25">
      <c r="A26291" s="1" t="s">
        <v>48990</v>
      </c>
      <c r="B26291" s="1" t="s">
        <v>12652</v>
      </c>
      <c r="C26291" s="1" t="s">
        <v>48991</v>
      </c>
      <c r="D26291" s="2">
        <v>179119</v>
      </c>
      <c r="E26291" s="1" t="s">
        <v>0</v>
      </c>
    </row>
    <row r="26292" spans="1:5" x14ac:dyDescent="0.25">
      <c r="A26292" s="2">
        <v>5258</v>
      </c>
      <c r="B26292" s="2">
        <v>5258</v>
      </c>
      <c r="C26292" s="1" t="s">
        <v>0</v>
      </c>
      <c r="D26292" s="2">
        <v>179120</v>
      </c>
      <c r="E26292" s="1" t="s">
        <v>0</v>
      </c>
    </row>
    <row r="26293" spans="1:5" x14ac:dyDescent="0.25">
      <c r="A26293" s="1" t="s">
        <v>12653</v>
      </c>
      <c r="B26293" s="1" t="s">
        <v>12654</v>
      </c>
      <c r="C26293" s="1" t="s">
        <v>48992</v>
      </c>
      <c r="D26293" s="2">
        <v>179121</v>
      </c>
      <c r="E26293" s="1" t="s">
        <v>0</v>
      </c>
    </row>
    <row r="26294" spans="1:5" x14ac:dyDescent="0.25">
      <c r="A26294" s="1" t="s">
        <v>48993</v>
      </c>
      <c r="B26294" s="1" t="s">
        <v>13328</v>
      </c>
      <c r="C26294" s="1" t="s">
        <v>48994</v>
      </c>
      <c r="D26294" s="2">
        <v>179122</v>
      </c>
      <c r="E26294" s="1" t="s">
        <v>0</v>
      </c>
    </row>
    <row r="26295" spans="1:5" ht="409.5" x14ac:dyDescent="0.25">
      <c r="A26295" s="4" t="s">
        <v>64419</v>
      </c>
      <c r="B26295" s="1" t="s">
        <v>60347</v>
      </c>
      <c r="C26295" s="1" t="s">
        <v>48995</v>
      </c>
      <c r="D26295" s="2">
        <v>179123</v>
      </c>
      <c r="E26295" s="1" t="s">
        <v>0</v>
      </c>
    </row>
    <row r="26296" spans="1:5" x14ac:dyDescent="0.25">
      <c r="A26296" s="1" t="s">
        <v>48996</v>
      </c>
      <c r="B26296" s="1" t="s">
        <v>12655</v>
      </c>
      <c r="C26296" s="1" t="s">
        <v>48997</v>
      </c>
      <c r="D26296" s="2">
        <v>179124</v>
      </c>
      <c r="E26296" s="1" t="s">
        <v>0</v>
      </c>
    </row>
    <row r="26297" spans="1:5" x14ac:dyDescent="0.25">
      <c r="A26297" s="2">
        <v>5259</v>
      </c>
      <c r="B26297" s="2">
        <v>5259</v>
      </c>
      <c r="C26297" s="1" t="s">
        <v>0</v>
      </c>
      <c r="D26297" s="2">
        <v>179125</v>
      </c>
      <c r="E26297" s="1" t="s">
        <v>0</v>
      </c>
    </row>
    <row r="26298" spans="1:5" x14ac:dyDescent="0.25">
      <c r="A26298" s="1" t="s">
        <v>4781</v>
      </c>
      <c r="B26298" s="1" t="s">
        <v>12656</v>
      </c>
      <c r="C26298" s="1" t="s">
        <v>48998</v>
      </c>
      <c r="D26298" s="2">
        <v>179126</v>
      </c>
      <c r="E26298" s="1" t="s">
        <v>0</v>
      </c>
    </row>
    <row r="26299" spans="1:5" x14ac:dyDescent="0.25">
      <c r="A26299" s="1" t="s">
        <v>48999</v>
      </c>
      <c r="B26299" s="1" t="s">
        <v>12657</v>
      </c>
      <c r="C26299" s="1" t="s">
        <v>49000</v>
      </c>
      <c r="D26299" s="2">
        <v>179127</v>
      </c>
      <c r="E26299" s="1" t="s">
        <v>0</v>
      </c>
    </row>
    <row r="26300" spans="1:5" ht="409.5" x14ac:dyDescent="0.25">
      <c r="A26300" s="4" t="s">
        <v>49001</v>
      </c>
      <c r="B26300" s="1" t="s">
        <v>63918</v>
      </c>
      <c r="C26300" s="1" t="s">
        <v>49002</v>
      </c>
      <c r="D26300" s="2">
        <v>179128</v>
      </c>
      <c r="E26300" s="1" t="s">
        <v>0</v>
      </c>
    </row>
    <row r="26301" spans="1:5" x14ac:dyDescent="0.25">
      <c r="A26301" s="1" t="s">
        <v>49003</v>
      </c>
      <c r="B26301" s="1" t="s">
        <v>12658</v>
      </c>
      <c r="C26301" s="1" t="s">
        <v>49004</v>
      </c>
      <c r="D26301" s="2">
        <v>179129</v>
      </c>
      <c r="E26301" s="1" t="s">
        <v>0</v>
      </c>
    </row>
    <row r="26302" spans="1:5" x14ac:dyDescent="0.25">
      <c r="A26302" s="2">
        <v>5260</v>
      </c>
      <c r="B26302" s="2">
        <v>5260</v>
      </c>
      <c r="C26302" s="1" t="s">
        <v>0</v>
      </c>
      <c r="D26302" s="2">
        <v>179130</v>
      </c>
      <c r="E26302" s="1" t="s">
        <v>0</v>
      </c>
    </row>
    <row r="26303" spans="1:5" x14ac:dyDescent="0.25">
      <c r="A26303" s="1" t="s">
        <v>4782</v>
      </c>
      <c r="B26303" s="1" t="s">
        <v>12659</v>
      </c>
      <c r="C26303" s="1" t="s">
        <v>49005</v>
      </c>
      <c r="D26303" s="2">
        <v>179131</v>
      </c>
      <c r="E26303" s="1" t="s">
        <v>0</v>
      </c>
    </row>
    <row r="26304" spans="1:5" x14ac:dyDescent="0.25">
      <c r="A26304" s="1" t="s">
        <v>49006</v>
      </c>
      <c r="B26304" s="1" t="s">
        <v>49007</v>
      </c>
      <c r="C26304" s="1" t="s">
        <v>49008</v>
      </c>
      <c r="D26304" s="2">
        <v>179132</v>
      </c>
      <c r="E26304" s="1" t="s">
        <v>0</v>
      </c>
    </row>
    <row r="26305" spans="1:5" ht="409.5" x14ac:dyDescent="0.25">
      <c r="A26305" s="4" t="s">
        <v>49009</v>
      </c>
      <c r="B26305" s="1" t="s">
        <v>49010</v>
      </c>
      <c r="C26305" s="1" t="s">
        <v>49011</v>
      </c>
      <c r="D26305" s="2">
        <v>179133</v>
      </c>
      <c r="E26305" s="1" t="s">
        <v>0</v>
      </c>
    </row>
    <row r="26306" spans="1:5" x14ac:dyDescent="0.25">
      <c r="A26306" s="1" t="s">
        <v>49012</v>
      </c>
      <c r="B26306" s="1" t="s">
        <v>59263</v>
      </c>
      <c r="C26306" s="1" t="s">
        <v>49013</v>
      </c>
      <c r="D26306" s="2">
        <v>179134</v>
      </c>
      <c r="E26306" s="1" t="s">
        <v>0</v>
      </c>
    </row>
    <row r="26307" spans="1:5" x14ac:dyDescent="0.25">
      <c r="A26307" s="2">
        <v>5261</v>
      </c>
      <c r="B26307" s="2">
        <v>5261</v>
      </c>
      <c r="C26307" s="1" t="s">
        <v>0</v>
      </c>
      <c r="D26307" s="2">
        <v>179135</v>
      </c>
      <c r="E26307" s="1" t="s">
        <v>0</v>
      </c>
    </row>
    <row r="26308" spans="1:5" x14ac:dyDescent="0.25">
      <c r="A26308" s="1" t="s">
        <v>12660</v>
      </c>
      <c r="B26308" s="1" t="s">
        <v>12661</v>
      </c>
      <c r="C26308" s="1" t="s">
        <v>49014</v>
      </c>
      <c r="D26308" s="2">
        <v>179136</v>
      </c>
      <c r="E26308" s="1" t="s">
        <v>0</v>
      </c>
    </row>
    <row r="26309" spans="1:5" x14ac:dyDescent="0.25">
      <c r="A26309" s="1" t="s">
        <v>49015</v>
      </c>
      <c r="B26309" s="1" t="s">
        <v>60348</v>
      </c>
      <c r="C26309" s="1" t="s">
        <v>49016</v>
      </c>
      <c r="D26309" s="2">
        <v>179137</v>
      </c>
      <c r="E26309" s="1" t="s">
        <v>0</v>
      </c>
    </row>
    <row r="26310" spans="1:5" ht="409.5" x14ac:dyDescent="0.25">
      <c r="A26310" s="4" t="s">
        <v>49017</v>
      </c>
      <c r="B26310" s="1" t="s">
        <v>63573</v>
      </c>
      <c r="C26310" s="1" t="s">
        <v>49018</v>
      </c>
      <c r="D26310" s="2">
        <v>179138</v>
      </c>
      <c r="E26310" s="1" t="s">
        <v>0</v>
      </c>
    </row>
    <row r="26311" spans="1:5" x14ac:dyDescent="0.25">
      <c r="A26311" s="1" t="s">
        <v>49019</v>
      </c>
      <c r="B26311" s="1" t="s">
        <v>59264</v>
      </c>
      <c r="C26311" s="1" t="s">
        <v>49020</v>
      </c>
      <c r="D26311" s="2">
        <v>179139</v>
      </c>
      <c r="E26311" s="1" t="s">
        <v>0</v>
      </c>
    </row>
    <row r="26312" spans="1:5" x14ac:dyDescent="0.25">
      <c r="A26312" s="2">
        <v>5262</v>
      </c>
      <c r="B26312" s="2">
        <v>5262</v>
      </c>
      <c r="C26312" s="1" t="s">
        <v>0</v>
      </c>
      <c r="D26312" s="2">
        <v>179140</v>
      </c>
      <c r="E26312" s="1" t="s">
        <v>0</v>
      </c>
    </row>
    <row r="26313" spans="1:5" x14ac:dyDescent="0.25">
      <c r="A26313" s="1" t="s">
        <v>4783</v>
      </c>
      <c r="B26313" s="1" t="s">
        <v>12662</v>
      </c>
      <c r="C26313" s="1" t="s">
        <v>49021</v>
      </c>
      <c r="D26313" s="2">
        <v>179141</v>
      </c>
      <c r="E26313" s="1" t="s">
        <v>0</v>
      </c>
    </row>
    <row r="26314" spans="1:5" x14ac:dyDescent="0.25">
      <c r="A26314" s="1" t="s">
        <v>49022</v>
      </c>
      <c r="B26314" s="1" t="s">
        <v>12663</v>
      </c>
      <c r="C26314" s="1" t="s">
        <v>49023</v>
      </c>
      <c r="D26314" s="2">
        <v>179142</v>
      </c>
      <c r="E26314" s="1" t="s">
        <v>0</v>
      </c>
    </row>
    <row r="26315" spans="1:5" ht="409.5" x14ac:dyDescent="0.25">
      <c r="A26315" s="4" t="s">
        <v>49024</v>
      </c>
      <c r="B26315" s="1" t="s">
        <v>63574</v>
      </c>
      <c r="C26315" s="1" t="s">
        <v>49025</v>
      </c>
      <c r="D26315" s="2">
        <v>179143</v>
      </c>
      <c r="E26315" s="1" t="s">
        <v>0</v>
      </c>
    </row>
    <row r="26316" spans="1:5" x14ac:dyDescent="0.25">
      <c r="A26316" s="1" t="s">
        <v>49026</v>
      </c>
      <c r="B26316" s="1" t="s">
        <v>12664</v>
      </c>
      <c r="C26316" s="1" t="s">
        <v>49027</v>
      </c>
      <c r="D26316" s="2">
        <v>179144</v>
      </c>
      <c r="E26316" s="1" t="s">
        <v>0</v>
      </c>
    </row>
    <row r="26317" spans="1:5" x14ac:dyDescent="0.25">
      <c r="A26317" s="2">
        <v>5263</v>
      </c>
      <c r="B26317" s="2">
        <v>5263</v>
      </c>
      <c r="C26317" s="1" t="s">
        <v>0</v>
      </c>
      <c r="D26317" s="2">
        <v>179145</v>
      </c>
      <c r="E26317" s="1" t="s">
        <v>0</v>
      </c>
    </row>
    <row r="26318" spans="1:5" x14ac:dyDescent="0.25">
      <c r="A26318" s="1" t="s">
        <v>4784</v>
      </c>
      <c r="B26318" s="1" t="s">
        <v>12665</v>
      </c>
      <c r="C26318" s="1" t="s">
        <v>49028</v>
      </c>
      <c r="D26318" s="2">
        <v>179146</v>
      </c>
      <c r="E26318" s="1" t="s">
        <v>0</v>
      </c>
    </row>
    <row r="26319" spans="1:5" x14ac:dyDescent="0.25">
      <c r="A26319" s="1" t="s">
        <v>49029</v>
      </c>
      <c r="B26319" s="1" t="s">
        <v>12666</v>
      </c>
      <c r="C26319" s="1" t="s">
        <v>49030</v>
      </c>
      <c r="D26319" s="2">
        <v>179147</v>
      </c>
      <c r="E26319" s="1" t="s">
        <v>0</v>
      </c>
    </row>
    <row r="26320" spans="1:5" ht="409.5" x14ac:dyDescent="0.25">
      <c r="A26320" s="4" t="s">
        <v>49031</v>
      </c>
      <c r="B26320" s="1" t="s">
        <v>12667</v>
      </c>
      <c r="C26320" s="1" t="s">
        <v>49032</v>
      </c>
      <c r="D26320" s="2">
        <v>179148</v>
      </c>
      <c r="E26320" s="1" t="s">
        <v>0</v>
      </c>
    </row>
    <row r="26321" spans="1:5" x14ac:dyDescent="0.25">
      <c r="A26321" s="1" t="s">
        <v>49033</v>
      </c>
      <c r="B26321" s="1" t="s">
        <v>12668</v>
      </c>
      <c r="C26321" s="1" t="s">
        <v>49034</v>
      </c>
      <c r="D26321" s="2">
        <v>179149</v>
      </c>
      <c r="E26321" s="1" t="s">
        <v>0</v>
      </c>
    </row>
    <row r="26322" spans="1:5" x14ac:dyDescent="0.25">
      <c r="A26322" s="2">
        <v>5264</v>
      </c>
      <c r="B26322" s="2">
        <v>5264</v>
      </c>
      <c r="C26322" s="1" t="s">
        <v>0</v>
      </c>
      <c r="D26322" s="2">
        <v>179150</v>
      </c>
      <c r="E26322" s="1" t="s">
        <v>0</v>
      </c>
    </row>
    <row r="26323" spans="1:5" x14ac:dyDescent="0.25">
      <c r="A26323" s="1" t="s">
        <v>4785</v>
      </c>
      <c r="B26323" s="1" t="s">
        <v>12669</v>
      </c>
      <c r="C26323" s="1" t="s">
        <v>49035</v>
      </c>
      <c r="D26323" s="2">
        <v>179151</v>
      </c>
      <c r="E26323" s="1" t="s">
        <v>0</v>
      </c>
    </row>
    <row r="26324" spans="1:5" x14ac:dyDescent="0.25">
      <c r="A26324" s="1" t="s">
        <v>49036</v>
      </c>
      <c r="B26324" s="1" t="s">
        <v>59265</v>
      </c>
      <c r="C26324" s="1" t="s">
        <v>49037</v>
      </c>
      <c r="D26324" s="2">
        <v>179152</v>
      </c>
      <c r="E26324" s="1" t="s">
        <v>0</v>
      </c>
    </row>
    <row r="26325" spans="1:5" ht="409.5" x14ac:dyDescent="0.25">
      <c r="A26325" s="4" t="s">
        <v>49038</v>
      </c>
      <c r="B26325" s="1" t="s">
        <v>59266</v>
      </c>
      <c r="C26325" s="1" t="s">
        <v>49039</v>
      </c>
      <c r="D26325" s="2">
        <v>179153</v>
      </c>
      <c r="E26325" s="1" t="s">
        <v>0</v>
      </c>
    </row>
    <row r="26326" spans="1:5" x14ac:dyDescent="0.25">
      <c r="A26326" s="1" t="s">
        <v>49040</v>
      </c>
      <c r="B26326" s="1" t="s">
        <v>59267</v>
      </c>
      <c r="C26326" s="1" t="s">
        <v>49041</v>
      </c>
      <c r="D26326" s="2">
        <v>179154</v>
      </c>
      <c r="E26326" s="1" t="s">
        <v>0</v>
      </c>
    </row>
    <row r="26327" spans="1:5" x14ac:dyDescent="0.25">
      <c r="A26327" s="2">
        <v>5265</v>
      </c>
      <c r="B26327" s="2">
        <v>5265</v>
      </c>
      <c r="C26327" s="1" t="s">
        <v>0</v>
      </c>
      <c r="D26327" s="2">
        <v>179155</v>
      </c>
      <c r="E26327" s="1" t="s">
        <v>0</v>
      </c>
    </row>
    <row r="26328" spans="1:5" x14ac:dyDescent="0.25">
      <c r="A26328" s="1" t="s">
        <v>4786</v>
      </c>
      <c r="B26328" s="1" t="s">
        <v>12670</v>
      </c>
      <c r="C26328" s="1" t="s">
        <v>49042</v>
      </c>
      <c r="D26328" s="2">
        <v>179156</v>
      </c>
      <c r="E26328" s="1" t="s">
        <v>0</v>
      </c>
    </row>
    <row r="26329" spans="1:5" x14ac:dyDescent="0.25">
      <c r="A26329" s="1" t="s">
        <v>49043</v>
      </c>
      <c r="B26329" s="1" t="s">
        <v>59268</v>
      </c>
      <c r="C26329" s="1" t="s">
        <v>49044</v>
      </c>
      <c r="D26329" s="2">
        <v>179157</v>
      </c>
      <c r="E26329" s="1" t="s">
        <v>0</v>
      </c>
    </row>
    <row r="26330" spans="1:5" ht="409.5" x14ac:dyDescent="0.25">
      <c r="A26330" s="4" t="s">
        <v>49045</v>
      </c>
      <c r="B26330" s="1" t="s">
        <v>59269</v>
      </c>
      <c r="C26330" s="1" t="s">
        <v>49046</v>
      </c>
      <c r="D26330" s="2">
        <v>179158</v>
      </c>
      <c r="E26330" s="1" t="s">
        <v>0</v>
      </c>
    </row>
    <row r="26331" spans="1:5" x14ac:dyDescent="0.25">
      <c r="A26331" s="1" t="s">
        <v>49047</v>
      </c>
      <c r="B26331" s="1" t="s">
        <v>59270</v>
      </c>
      <c r="C26331" s="1" t="s">
        <v>49048</v>
      </c>
      <c r="D26331" s="2">
        <v>179159</v>
      </c>
      <c r="E26331" s="1" t="s">
        <v>0</v>
      </c>
    </row>
    <row r="26332" spans="1:5" x14ac:dyDescent="0.25">
      <c r="A26332" s="2">
        <v>5266</v>
      </c>
      <c r="B26332" s="2">
        <v>5266</v>
      </c>
      <c r="C26332" s="1" t="s">
        <v>0</v>
      </c>
      <c r="D26332" s="2">
        <v>179160</v>
      </c>
      <c r="E26332" s="1" t="s">
        <v>0</v>
      </c>
    </row>
    <row r="26333" spans="1:5" x14ac:dyDescent="0.25">
      <c r="A26333" s="1" t="s">
        <v>4787</v>
      </c>
      <c r="B26333" s="1" t="s">
        <v>12671</v>
      </c>
      <c r="C26333" s="1" t="s">
        <v>49049</v>
      </c>
      <c r="D26333" s="2">
        <v>179161</v>
      </c>
      <c r="E26333" s="1" t="s">
        <v>0</v>
      </c>
    </row>
    <row r="26334" spans="1:5" x14ac:dyDescent="0.25">
      <c r="A26334" s="1" t="s">
        <v>49050</v>
      </c>
      <c r="B26334" s="1" t="s">
        <v>59271</v>
      </c>
      <c r="C26334" s="1" t="s">
        <v>49051</v>
      </c>
      <c r="D26334" s="2">
        <v>179162</v>
      </c>
      <c r="E26334" s="1" t="s">
        <v>0</v>
      </c>
    </row>
    <row r="26335" spans="1:5" ht="409.5" x14ac:dyDescent="0.25">
      <c r="A26335" s="4" t="s">
        <v>49052</v>
      </c>
      <c r="B26335" s="1" t="s">
        <v>59272</v>
      </c>
      <c r="C26335" s="1" t="s">
        <v>49053</v>
      </c>
      <c r="D26335" s="2">
        <v>179163</v>
      </c>
      <c r="E26335" s="1" t="s">
        <v>0</v>
      </c>
    </row>
    <row r="26336" spans="1:5" x14ac:dyDescent="0.25">
      <c r="A26336" s="1" t="s">
        <v>49054</v>
      </c>
      <c r="B26336" s="1" t="s">
        <v>59273</v>
      </c>
      <c r="C26336" s="1" t="s">
        <v>49055</v>
      </c>
      <c r="D26336" s="2">
        <v>179164</v>
      </c>
      <c r="E26336" s="1" t="s">
        <v>0</v>
      </c>
    </row>
    <row r="26337" spans="1:5" x14ac:dyDescent="0.25">
      <c r="A26337" s="2">
        <v>5267</v>
      </c>
      <c r="B26337" s="2">
        <v>5267</v>
      </c>
      <c r="C26337" s="1" t="s">
        <v>0</v>
      </c>
      <c r="D26337" s="2">
        <v>179165</v>
      </c>
      <c r="E26337" s="1" t="s">
        <v>0</v>
      </c>
    </row>
    <row r="26338" spans="1:5" x14ac:dyDescent="0.25">
      <c r="A26338" s="1" t="s">
        <v>4788</v>
      </c>
      <c r="B26338" s="1" t="s">
        <v>12672</v>
      </c>
      <c r="C26338" s="1" t="s">
        <v>49056</v>
      </c>
      <c r="D26338" s="2">
        <v>179166</v>
      </c>
      <c r="E26338" s="1" t="s">
        <v>0</v>
      </c>
    </row>
    <row r="26339" spans="1:5" x14ac:dyDescent="0.25">
      <c r="A26339" s="1" t="s">
        <v>49057</v>
      </c>
      <c r="B26339" s="1" t="s">
        <v>59274</v>
      </c>
      <c r="C26339" s="1" t="s">
        <v>49058</v>
      </c>
      <c r="D26339" s="2">
        <v>179167</v>
      </c>
      <c r="E26339" s="1" t="s">
        <v>0</v>
      </c>
    </row>
    <row r="26340" spans="1:5" ht="409.5" x14ac:dyDescent="0.25">
      <c r="A26340" s="4" t="s">
        <v>49059</v>
      </c>
      <c r="B26340" s="1" t="s">
        <v>61448</v>
      </c>
      <c r="C26340" s="1" t="s">
        <v>49060</v>
      </c>
      <c r="D26340" s="2">
        <v>179168</v>
      </c>
      <c r="E26340" s="1" t="s">
        <v>0</v>
      </c>
    </row>
    <row r="26341" spans="1:5" x14ac:dyDescent="0.25">
      <c r="A26341" s="1" t="s">
        <v>49061</v>
      </c>
      <c r="B26341" s="1" t="s">
        <v>12673</v>
      </c>
      <c r="C26341" s="1" t="s">
        <v>49062</v>
      </c>
      <c r="D26341" s="2">
        <v>179169</v>
      </c>
      <c r="E26341" s="1" t="s">
        <v>0</v>
      </c>
    </row>
    <row r="26342" spans="1:5" x14ac:dyDescent="0.25">
      <c r="A26342" s="2">
        <v>5268</v>
      </c>
      <c r="B26342" s="2">
        <v>5268</v>
      </c>
      <c r="C26342" s="1" t="s">
        <v>0</v>
      </c>
      <c r="D26342" s="2">
        <v>179170</v>
      </c>
      <c r="E26342" s="1" t="s">
        <v>0</v>
      </c>
    </row>
    <row r="26343" spans="1:5" x14ac:dyDescent="0.25">
      <c r="A26343" s="1" t="s">
        <v>12674</v>
      </c>
      <c r="B26343" s="1" t="s">
        <v>58669</v>
      </c>
      <c r="C26343" s="1" t="s">
        <v>49063</v>
      </c>
      <c r="D26343" s="2">
        <v>179171</v>
      </c>
      <c r="E26343" s="1" t="s">
        <v>0</v>
      </c>
    </row>
    <row r="26344" spans="1:5" x14ac:dyDescent="0.25">
      <c r="A26344" s="1" t="s">
        <v>49064</v>
      </c>
      <c r="B26344" s="1" t="s">
        <v>59275</v>
      </c>
      <c r="C26344" s="1" t="s">
        <v>49065</v>
      </c>
      <c r="D26344" s="2">
        <v>179172</v>
      </c>
      <c r="E26344" s="1" t="s">
        <v>0</v>
      </c>
    </row>
    <row r="26345" spans="1:5" ht="409.5" x14ac:dyDescent="0.25">
      <c r="A26345" s="4" t="s">
        <v>49066</v>
      </c>
      <c r="B26345" s="1" t="s">
        <v>59276</v>
      </c>
      <c r="C26345" s="1" t="s">
        <v>49067</v>
      </c>
      <c r="D26345" s="2">
        <v>179173</v>
      </c>
      <c r="E26345" s="1" t="s">
        <v>0</v>
      </c>
    </row>
    <row r="26346" spans="1:5" x14ac:dyDescent="0.25">
      <c r="A26346" s="1" t="s">
        <v>49068</v>
      </c>
      <c r="B26346" s="1" t="s">
        <v>58670</v>
      </c>
      <c r="C26346" s="1" t="s">
        <v>49069</v>
      </c>
      <c r="D26346" s="2">
        <v>179174</v>
      </c>
      <c r="E26346" s="1" t="s">
        <v>0</v>
      </c>
    </row>
    <row r="26347" spans="1:5" x14ac:dyDescent="0.25">
      <c r="A26347" s="2">
        <v>5269</v>
      </c>
      <c r="B26347" s="2">
        <v>5269</v>
      </c>
      <c r="C26347" s="1" t="s">
        <v>0</v>
      </c>
      <c r="D26347" s="2">
        <v>179175</v>
      </c>
      <c r="E26347" s="1" t="s">
        <v>0</v>
      </c>
    </row>
    <row r="26348" spans="1:5" x14ac:dyDescent="0.25">
      <c r="A26348" s="1" t="s">
        <v>4789</v>
      </c>
      <c r="B26348" s="1" t="s">
        <v>12675</v>
      </c>
      <c r="C26348" s="1" t="s">
        <v>49070</v>
      </c>
      <c r="D26348" s="2">
        <v>179176</v>
      </c>
      <c r="E26348" s="1" t="s">
        <v>0</v>
      </c>
    </row>
    <row r="26349" spans="1:5" x14ac:dyDescent="0.25">
      <c r="A26349" s="1" t="s">
        <v>49071</v>
      </c>
      <c r="B26349" s="1" t="s">
        <v>59277</v>
      </c>
      <c r="C26349" s="1" t="s">
        <v>49072</v>
      </c>
      <c r="D26349" s="2">
        <v>179177</v>
      </c>
      <c r="E26349" s="1" t="s">
        <v>0</v>
      </c>
    </row>
    <row r="26350" spans="1:5" ht="409.5" x14ac:dyDescent="0.25">
      <c r="A26350" s="4" t="s">
        <v>49073</v>
      </c>
      <c r="B26350" s="1" t="s">
        <v>59278</v>
      </c>
      <c r="C26350" s="1" t="s">
        <v>49074</v>
      </c>
      <c r="D26350" s="2">
        <v>179178</v>
      </c>
      <c r="E26350" s="1" t="s">
        <v>0</v>
      </c>
    </row>
    <row r="26351" spans="1:5" x14ac:dyDescent="0.25">
      <c r="A26351" s="1" t="s">
        <v>49075</v>
      </c>
      <c r="B26351" s="1" t="s">
        <v>59279</v>
      </c>
      <c r="C26351" s="1" t="s">
        <v>49076</v>
      </c>
      <c r="D26351" s="2">
        <v>179179</v>
      </c>
      <c r="E26351" s="1" t="s">
        <v>0</v>
      </c>
    </row>
    <row r="26352" spans="1:5" x14ac:dyDescent="0.25">
      <c r="A26352" s="2">
        <v>5270</v>
      </c>
      <c r="B26352" s="2">
        <v>5270</v>
      </c>
      <c r="C26352" s="1" t="s">
        <v>0</v>
      </c>
      <c r="D26352" s="2">
        <v>179180</v>
      </c>
      <c r="E26352" s="1" t="s">
        <v>0</v>
      </c>
    </row>
    <row r="26353" spans="1:5" x14ac:dyDescent="0.25">
      <c r="A26353" s="1" t="s">
        <v>4790</v>
      </c>
      <c r="B26353" s="1" t="s">
        <v>12676</v>
      </c>
      <c r="C26353" s="1" t="s">
        <v>49077</v>
      </c>
      <c r="D26353" s="2">
        <v>179181</v>
      </c>
      <c r="E26353" s="1" t="s">
        <v>0</v>
      </c>
    </row>
    <row r="26354" spans="1:5" x14ac:dyDescent="0.25">
      <c r="A26354" s="1" t="s">
        <v>64420</v>
      </c>
      <c r="B26354" s="1" t="s">
        <v>59280</v>
      </c>
      <c r="C26354" s="1" t="s">
        <v>49078</v>
      </c>
      <c r="D26354" s="2">
        <v>179182</v>
      </c>
      <c r="E26354" s="1" t="s">
        <v>0</v>
      </c>
    </row>
    <row r="26355" spans="1:5" ht="409.5" x14ac:dyDescent="0.25">
      <c r="A26355" s="4" t="s">
        <v>64421</v>
      </c>
      <c r="B26355" s="1" t="s">
        <v>59281</v>
      </c>
      <c r="C26355" s="1" t="s">
        <v>49079</v>
      </c>
      <c r="D26355" s="2">
        <v>179183</v>
      </c>
      <c r="E26355" s="1" t="s">
        <v>0</v>
      </c>
    </row>
    <row r="26356" spans="1:5" x14ac:dyDescent="0.25">
      <c r="A26356" s="1" t="s">
        <v>49080</v>
      </c>
      <c r="B26356" s="1" t="s">
        <v>59282</v>
      </c>
      <c r="C26356" s="1" t="s">
        <v>49081</v>
      </c>
      <c r="D26356" s="2">
        <v>179184</v>
      </c>
      <c r="E26356" s="1" t="s">
        <v>0</v>
      </c>
    </row>
    <row r="26357" spans="1:5" x14ac:dyDescent="0.25">
      <c r="A26357" s="2">
        <v>5271</v>
      </c>
      <c r="B26357" s="2">
        <v>5271</v>
      </c>
      <c r="C26357" s="1" t="s">
        <v>0</v>
      </c>
      <c r="D26357" s="2">
        <v>179185</v>
      </c>
      <c r="E26357" s="1" t="s">
        <v>0</v>
      </c>
    </row>
    <row r="26358" spans="1:5" x14ac:dyDescent="0.25">
      <c r="A26358" s="1" t="s">
        <v>4791</v>
      </c>
      <c r="B26358" s="1" t="s">
        <v>12677</v>
      </c>
      <c r="C26358" s="1" t="s">
        <v>49082</v>
      </c>
      <c r="D26358" s="2">
        <v>179186</v>
      </c>
      <c r="E26358" s="1" t="s">
        <v>0</v>
      </c>
    </row>
    <row r="26359" spans="1:5" x14ac:dyDescent="0.25">
      <c r="A26359" s="1" t="s">
        <v>49083</v>
      </c>
      <c r="B26359" s="1" t="s">
        <v>59283</v>
      </c>
      <c r="C26359" s="1" t="s">
        <v>49084</v>
      </c>
      <c r="D26359" s="2">
        <v>179187</v>
      </c>
      <c r="E26359" s="1" t="s">
        <v>0</v>
      </c>
    </row>
    <row r="26360" spans="1:5" ht="409.5" x14ac:dyDescent="0.25">
      <c r="A26360" s="4" t="s">
        <v>49085</v>
      </c>
      <c r="B26360" s="1" t="s">
        <v>59284</v>
      </c>
      <c r="C26360" s="1" t="s">
        <v>49086</v>
      </c>
      <c r="D26360" s="2">
        <v>179188</v>
      </c>
      <c r="E26360" s="1" t="s">
        <v>0</v>
      </c>
    </row>
    <row r="26361" spans="1:5" x14ac:dyDescent="0.25">
      <c r="A26361" s="1" t="s">
        <v>49087</v>
      </c>
      <c r="B26361" s="1" t="s">
        <v>59285</v>
      </c>
      <c r="C26361" s="1" t="s">
        <v>49088</v>
      </c>
      <c r="D26361" s="2">
        <v>179189</v>
      </c>
      <c r="E26361" s="1" t="s">
        <v>0</v>
      </c>
    </row>
    <row r="26362" spans="1:5" x14ac:dyDescent="0.25">
      <c r="A26362" s="2">
        <v>5272</v>
      </c>
      <c r="B26362" s="2">
        <v>5272</v>
      </c>
      <c r="C26362" s="1" t="s">
        <v>0</v>
      </c>
      <c r="D26362" s="2">
        <v>179190</v>
      </c>
      <c r="E26362" s="1" t="s">
        <v>0</v>
      </c>
    </row>
    <row r="26363" spans="1:5" x14ac:dyDescent="0.25">
      <c r="A26363" s="1" t="s">
        <v>4792</v>
      </c>
      <c r="B26363" s="1" t="s">
        <v>12678</v>
      </c>
      <c r="C26363" s="1" t="s">
        <v>49089</v>
      </c>
      <c r="D26363" s="2">
        <v>179191</v>
      </c>
      <c r="E26363" s="1" t="s">
        <v>0</v>
      </c>
    </row>
    <row r="26364" spans="1:5" x14ac:dyDescent="0.25">
      <c r="A26364" s="1" t="s">
        <v>49090</v>
      </c>
      <c r="B26364" s="1" t="s">
        <v>58050</v>
      </c>
      <c r="C26364" s="1" t="s">
        <v>49091</v>
      </c>
      <c r="D26364" s="2">
        <v>179192</v>
      </c>
      <c r="E26364" s="1" t="s">
        <v>0</v>
      </c>
    </row>
    <row r="26365" spans="1:5" ht="409.5" x14ac:dyDescent="0.25">
      <c r="A26365" s="4" t="s">
        <v>49092</v>
      </c>
      <c r="B26365" s="1" t="s">
        <v>60833</v>
      </c>
      <c r="C26365" s="1" t="s">
        <v>49093</v>
      </c>
      <c r="D26365" s="2">
        <v>179193</v>
      </c>
      <c r="E26365" s="1" t="s">
        <v>0</v>
      </c>
    </row>
    <row r="26366" spans="1:5" x14ac:dyDescent="0.25">
      <c r="A26366" s="1" t="s">
        <v>49094</v>
      </c>
      <c r="B26366" s="1" t="s">
        <v>60349</v>
      </c>
      <c r="C26366" s="1" t="s">
        <v>49095</v>
      </c>
      <c r="D26366" s="2">
        <v>179194</v>
      </c>
      <c r="E26366" s="1" t="s">
        <v>0</v>
      </c>
    </row>
    <row r="26367" spans="1:5" x14ac:dyDescent="0.25">
      <c r="A26367" s="2">
        <v>5273</v>
      </c>
      <c r="B26367" s="2">
        <v>5273</v>
      </c>
      <c r="C26367" s="1" t="s">
        <v>0</v>
      </c>
      <c r="D26367" s="2">
        <v>179195</v>
      </c>
      <c r="E26367" s="1" t="s">
        <v>0</v>
      </c>
    </row>
    <row r="26368" spans="1:5" x14ac:dyDescent="0.25">
      <c r="A26368" s="1" t="s">
        <v>4793</v>
      </c>
      <c r="B26368" s="1" t="s">
        <v>12679</v>
      </c>
      <c r="C26368" s="1" t="s">
        <v>49096</v>
      </c>
      <c r="D26368" s="2">
        <v>179196</v>
      </c>
      <c r="E26368" s="1" t="s">
        <v>0</v>
      </c>
    </row>
    <row r="26369" spans="1:5" x14ac:dyDescent="0.25">
      <c r="A26369" s="1" t="s">
        <v>49097</v>
      </c>
      <c r="B26369" s="1" t="s">
        <v>12680</v>
      </c>
      <c r="C26369" s="1" t="s">
        <v>49098</v>
      </c>
      <c r="D26369" s="2">
        <v>179197</v>
      </c>
      <c r="E26369" s="1" t="s">
        <v>0</v>
      </c>
    </row>
    <row r="26370" spans="1:5" ht="409.5" x14ac:dyDescent="0.25">
      <c r="A26370" s="4" t="s">
        <v>49099</v>
      </c>
      <c r="B26370" s="1" t="s">
        <v>12681</v>
      </c>
      <c r="C26370" s="1" t="s">
        <v>49100</v>
      </c>
      <c r="D26370" s="2">
        <v>179198</v>
      </c>
      <c r="E26370" s="1" t="s">
        <v>0</v>
      </c>
    </row>
    <row r="26371" spans="1:5" x14ac:dyDescent="0.25">
      <c r="A26371" s="1" t="s">
        <v>49101</v>
      </c>
      <c r="B26371" s="1" t="s">
        <v>12682</v>
      </c>
      <c r="C26371" s="1" t="s">
        <v>49102</v>
      </c>
      <c r="D26371" s="2">
        <v>179199</v>
      </c>
      <c r="E26371" s="1" t="s">
        <v>0</v>
      </c>
    </row>
    <row r="26372" spans="1:5" x14ac:dyDescent="0.25">
      <c r="A26372" s="2">
        <v>5274</v>
      </c>
      <c r="B26372" s="2">
        <v>5274</v>
      </c>
      <c r="C26372" s="1" t="s">
        <v>0</v>
      </c>
      <c r="D26372" s="2">
        <v>179200</v>
      </c>
      <c r="E26372" s="1" t="s">
        <v>0</v>
      </c>
    </row>
    <row r="26373" spans="1:5" x14ac:dyDescent="0.25">
      <c r="A26373" s="1" t="s">
        <v>4794</v>
      </c>
      <c r="B26373" s="1" t="s">
        <v>12683</v>
      </c>
      <c r="C26373" s="1" t="s">
        <v>49103</v>
      </c>
      <c r="D26373" s="2">
        <v>179201</v>
      </c>
      <c r="E26373" s="1" t="s">
        <v>0</v>
      </c>
    </row>
    <row r="26374" spans="1:5" x14ac:dyDescent="0.25">
      <c r="A26374" s="1" t="s">
        <v>49104</v>
      </c>
      <c r="B26374" s="1" t="s">
        <v>12684</v>
      </c>
      <c r="C26374" s="1" t="s">
        <v>49105</v>
      </c>
      <c r="D26374" s="2">
        <v>179202</v>
      </c>
      <c r="E26374" s="1" t="s">
        <v>0</v>
      </c>
    </row>
    <row r="26375" spans="1:5" ht="409.5" x14ac:dyDescent="0.25">
      <c r="A26375" s="4" t="s">
        <v>49106</v>
      </c>
      <c r="B26375" s="1" t="s">
        <v>58051</v>
      </c>
      <c r="C26375" s="1" t="s">
        <v>49107</v>
      </c>
      <c r="D26375" s="2">
        <v>179203</v>
      </c>
      <c r="E26375" s="1" t="s">
        <v>0</v>
      </c>
    </row>
    <row r="26376" spans="1:5" x14ac:dyDescent="0.25">
      <c r="A26376" s="1" t="s">
        <v>49108</v>
      </c>
      <c r="B26376" s="1" t="s">
        <v>12685</v>
      </c>
      <c r="C26376" s="1" t="s">
        <v>49109</v>
      </c>
      <c r="D26376" s="2">
        <v>179204</v>
      </c>
      <c r="E26376" s="1" t="s">
        <v>0</v>
      </c>
    </row>
    <row r="26377" spans="1:5" x14ac:dyDescent="0.25">
      <c r="A26377" s="2">
        <v>5275</v>
      </c>
      <c r="B26377" s="2">
        <v>5275</v>
      </c>
      <c r="C26377" s="1" t="s">
        <v>0</v>
      </c>
      <c r="D26377" s="2">
        <v>179205</v>
      </c>
      <c r="E26377" s="1" t="s">
        <v>0</v>
      </c>
    </row>
    <row r="26378" spans="1:5" x14ac:dyDescent="0.25">
      <c r="A26378" s="1" t="s">
        <v>4795</v>
      </c>
      <c r="B26378" s="1" t="s">
        <v>59286</v>
      </c>
      <c r="C26378" s="1" t="s">
        <v>49110</v>
      </c>
      <c r="D26378" s="2">
        <v>179206</v>
      </c>
      <c r="E26378" s="1" t="s">
        <v>0</v>
      </c>
    </row>
    <row r="26379" spans="1:5" x14ac:dyDescent="0.25">
      <c r="A26379" s="1" t="s">
        <v>49111</v>
      </c>
      <c r="B26379" s="1" t="s">
        <v>59287</v>
      </c>
      <c r="C26379" s="1" t="s">
        <v>49112</v>
      </c>
      <c r="D26379" s="2">
        <v>179207</v>
      </c>
      <c r="E26379" s="1" t="s">
        <v>0</v>
      </c>
    </row>
    <row r="26380" spans="1:5" ht="409.5" x14ac:dyDescent="0.25">
      <c r="A26380" s="4" t="s">
        <v>49113</v>
      </c>
      <c r="B26380" s="1" t="s">
        <v>61449</v>
      </c>
      <c r="C26380" s="1" t="s">
        <v>49114</v>
      </c>
      <c r="D26380" s="2">
        <v>179208</v>
      </c>
      <c r="E26380" s="1" t="s">
        <v>0</v>
      </c>
    </row>
    <row r="26381" spans="1:5" x14ac:dyDescent="0.25">
      <c r="A26381" s="1" t="s">
        <v>49115</v>
      </c>
      <c r="B26381" s="1" t="s">
        <v>12686</v>
      </c>
      <c r="C26381" s="1" t="s">
        <v>49116</v>
      </c>
      <c r="D26381" s="2">
        <v>179209</v>
      </c>
      <c r="E26381" s="1" t="s">
        <v>0</v>
      </c>
    </row>
    <row r="26382" spans="1:5" x14ac:dyDescent="0.25">
      <c r="A26382" s="2">
        <v>5276</v>
      </c>
      <c r="B26382" s="2">
        <v>5276</v>
      </c>
      <c r="C26382" s="1" t="s">
        <v>0</v>
      </c>
      <c r="D26382" s="2">
        <v>179210</v>
      </c>
      <c r="E26382" s="1" t="s">
        <v>0</v>
      </c>
    </row>
    <row r="26383" spans="1:5" x14ac:dyDescent="0.25">
      <c r="A26383" s="1" t="s">
        <v>4796</v>
      </c>
      <c r="B26383" s="1" t="s">
        <v>60350</v>
      </c>
      <c r="C26383" s="1" t="s">
        <v>49117</v>
      </c>
      <c r="D26383" s="2">
        <v>179211</v>
      </c>
      <c r="E26383" s="1" t="s">
        <v>0</v>
      </c>
    </row>
    <row r="26384" spans="1:5" x14ac:dyDescent="0.25">
      <c r="A26384" s="1" t="s">
        <v>49118</v>
      </c>
      <c r="B26384" s="1" t="s">
        <v>60528</v>
      </c>
      <c r="C26384" s="1" t="s">
        <v>49119</v>
      </c>
      <c r="D26384" s="2">
        <v>179212</v>
      </c>
      <c r="E26384" s="1" t="s">
        <v>0</v>
      </c>
    </row>
    <row r="26385" spans="1:5" ht="409.5" x14ac:dyDescent="0.25">
      <c r="A26385" s="4" t="s">
        <v>49120</v>
      </c>
      <c r="B26385" s="1" t="s">
        <v>60529</v>
      </c>
      <c r="C26385" s="1" t="s">
        <v>49121</v>
      </c>
      <c r="D26385" s="2">
        <v>179213</v>
      </c>
      <c r="E26385" s="1" t="s">
        <v>0</v>
      </c>
    </row>
    <row r="26386" spans="1:5" x14ac:dyDescent="0.25">
      <c r="A26386" s="1" t="s">
        <v>49122</v>
      </c>
      <c r="B26386" s="1" t="s">
        <v>60351</v>
      </c>
      <c r="C26386" s="1" t="s">
        <v>49123</v>
      </c>
      <c r="D26386" s="2">
        <v>179214</v>
      </c>
      <c r="E26386" s="1" t="s">
        <v>0</v>
      </c>
    </row>
    <row r="26387" spans="1:5" x14ac:dyDescent="0.25">
      <c r="A26387" s="2">
        <v>5277</v>
      </c>
      <c r="B26387" s="2">
        <v>5277</v>
      </c>
      <c r="C26387" s="1" t="s">
        <v>0</v>
      </c>
      <c r="D26387" s="2">
        <v>179215</v>
      </c>
      <c r="E26387" s="1" t="s">
        <v>0</v>
      </c>
    </row>
    <row r="26388" spans="1:5" x14ac:dyDescent="0.25">
      <c r="A26388" s="1" t="s">
        <v>4797</v>
      </c>
      <c r="B26388" s="1" t="s">
        <v>59288</v>
      </c>
      <c r="C26388" s="1" t="s">
        <v>49124</v>
      </c>
      <c r="D26388" s="2">
        <v>179216</v>
      </c>
      <c r="E26388" s="1" t="s">
        <v>0</v>
      </c>
    </row>
    <row r="26389" spans="1:5" x14ac:dyDescent="0.25">
      <c r="A26389" s="1" t="s">
        <v>49125</v>
      </c>
      <c r="B26389" s="1" t="s">
        <v>59289</v>
      </c>
      <c r="C26389" s="1" t="s">
        <v>49126</v>
      </c>
      <c r="D26389" s="2">
        <v>179217</v>
      </c>
      <c r="E26389" s="1" t="s">
        <v>0</v>
      </c>
    </row>
    <row r="26390" spans="1:5" ht="409.5" x14ac:dyDescent="0.25">
      <c r="A26390" s="4" t="s">
        <v>49127</v>
      </c>
      <c r="B26390" s="1" t="s">
        <v>59290</v>
      </c>
      <c r="C26390" s="1" t="s">
        <v>49128</v>
      </c>
      <c r="D26390" s="2">
        <v>179218</v>
      </c>
      <c r="E26390" s="1" t="s">
        <v>0</v>
      </c>
    </row>
    <row r="26391" spans="1:5" x14ac:dyDescent="0.25">
      <c r="A26391" s="1" t="s">
        <v>49129</v>
      </c>
      <c r="B26391" s="1" t="s">
        <v>59291</v>
      </c>
      <c r="C26391" s="1" t="s">
        <v>49130</v>
      </c>
      <c r="D26391" s="2">
        <v>179219</v>
      </c>
      <c r="E26391" s="1" t="s">
        <v>0</v>
      </c>
    </row>
    <row r="26392" spans="1:5" x14ac:dyDescent="0.25">
      <c r="A26392" s="2">
        <v>5278</v>
      </c>
      <c r="B26392" s="2">
        <v>5278</v>
      </c>
      <c r="C26392" s="1" t="s">
        <v>0</v>
      </c>
      <c r="D26392" s="2">
        <v>179220</v>
      </c>
      <c r="E26392" s="1" t="s">
        <v>0</v>
      </c>
    </row>
    <row r="26393" spans="1:5" x14ac:dyDescent="0.25">
      <c r="A26393" s="1" t="s">
        <v>4798</v>
      </c>
      <c r="B26393" s="1" t="s">
        <v>12687</v>
      </c>
      <c r="C26393" s="1" t="s">
        <v>49131</v>
      </c>
      <c r="D26393" s="2">
        <v>179221</v>
      </c>
      <c r="E26393" s="1" t="s">
        <v>0</v>
      </c>
    </row>
    <row r="26394" spans="1:5" x14ac:dyDescent="0.25">
      <c r="A26394" s="1" t="s">
        <v>49132</v>
      </c>
      <c r="B26394" s="1" t="s">
        <v>59292</v>
      </c>
      <c r="C26394" s="1" t="s">
        <v>49133</v>
      </c>
      <c r="D26394" s="2">
        <v>179222</v>
      </c>
      <c r="E26394" s="1" t="s">
        <v>0</v>
      </c>
    </row>
    <row r="26395" spans="1:5" ht="409.5" x14ac:dyDescent="0.25">
      <c r="A26395" s="4" t="s">
        <v>49134</v>
      </c>
      <c r="B26395" s="1" t="s">
        <v>59293</v>
      </c>
      <c r="C26395" s="1" t="s">
        <v>49135</v>
      </c>
      <c r="D26395" s="2">
        <v>179223</v>
      </c>
      <c r="E26395" s="1" t="s">
        <v>0</v>
      </c>
    </row>
    <row r="26396" spans="1:5" x14ac:dyDescent="0.25">
      <c r="A26396" s="1" t="s">
        <v>49136</v>
      </c>
      <c r="B26396" s="1" t="s">
        <v>12688</v>
      </c>
      <c r="C26396" s="1" t="s">
        <v>49137</v>
      </c>
      <c r="D26396" s="2">
        <v>179224</v>
      </c>
      <c r="E26396" s="1" t="s">
        <v>0</v>
      </c>
    </row>
    <row r="26397" spans="1:5" x14ac:dyDescent="0.25">
      <c r="A26397" s="2">
        <v>5279</v>
      </c>
      <c r="B26397" s="2">
        <v>5279</v>
      </c>
      <c r="C26397" s="1" t="s">
        <v>0</v>
      </c>
      <c r="D26397" s="2">
        <v>179225</v>
      </c>
      <c r="E26397" s="1" t="s">
        <v>0</v>
      </c>
    </row>
    <row r="26398" spans="1:5" x14ac:dyDescent="0.25">
      <c r="A26398" s="1" t="s">
        <v>12689</v>
      </c>
      <c r="B26398" s="1" t="s">
        <v>12690</v>
      </c>
      <c r="C26398" s="1" t="s">
        <v>49138</v>
      </c>
      <c r="D26398" s="2">
        <v>179226</v>
      </c>
      <c r="E26398" s="1" t="s">
        <v>0</v>
      </c>
    </row>
    <row r="26399" spans="1:5" x14ac:dyDescent="0.25">
      <c r="A26399" s="1" t="s">
        <v>49139</v>
      </c>
      <c r="B26399" s="1" t="s">
        <v>12691</v>
      </c>
      <c r="C26399" s="1" t="s">
        <v>49140</v>
      </c>
      <c r="D26399" s="2">
        <v>179227</v>
      </c>
      <c r="E26399" s="1" t="s">
        <v>0</v>
      </c>
    </row>
    <row r="26400" spans="1:5" ht="409.5" x14ac:dyDescent="0.25">
      <c r="A26400" s="4" t="s">
        <v>49141</v>
      </c>
      <c r="B26400" s="1" t="s">
        <v>12692</v>
      </c>
      <c r="C26400" s="1" t="s">
        <v>49142</v>
      </c>
      <c r="D26400" s="2">
        <v>179228</v>
      </c>
      <c r="E26400" s="1" t="s">
        <v>0</v>
      </c>
    </row>
    <row r="26401" spans="1:5" x14ac:dyDescent="0.25">
      <c r="A26401" s="1" t="s">
        <v>49143</v>
      </c>
      <c r="B26401" s="1" t="s">
        <v>12693</v>
      </c>
      <c r="C26401" s="1" t="s">
        <v>49144</v>
      </c>
      <c r="D26401" s="2">
        <v>179229</v>
      </c>
      <c r="E26401" s="1" t="s">
        <v>0</v>
      </c>
    </row>
    <row r="26402" spans="1:5" x14ac:dyDescent="0.25">
      <c r="A26402" s="2">
        <v>5280</v>
      </c>
      <c r="B26402" s="2">
        <v>5280</v>
      </c>
      <c r="C26402" s="1" t="s">
        <v>0</v>
      </c>
      <c r="D26402" s="2">
        <v>179230</v>
      </c>
      <c r="E26402" s="1" t="s">
        <v>0</v>
      </c>
    </row>
    <row r="26403" spans="1:5" x14ac:dyDescent="0.25">
      <c r="A26403" s="1" t="s">
        <v>4799</v>
      </c>
      <c r="B26403" s="1" t="s">
        <v>60352</v>
      </c>
      <c r="C26403" s="1" t="s">
        <v>49145</v>
      </c>
      <c r="D26403" s="2">
        <v>179231</v>
      </c>
      <c r="E26403" s="1" t="s">
        <v>0</v>
      </c>
    </row>
    <row r="26404" spans="1:5" x14ac:dyDescent="0.25">
      <c r="A26404" s="1" t="s">
        <v>49146</v>
      </c>
      <c r="B26404" s="1" t="s">
        <v>12694</v>
      </c>
      <c r="C26404" s="1" t="s">
        <v>49147</v>
      </c>
      <c r="D26404" s="2">
        <v>179232</v>
      </c>
      <c r="E26404" s="1" t="s">
        <v>0</v>
      </c>
    </row>
    <row r="26405" spans="1:5" ht="409.5" x14ac:dyDescent="0.25">
      <c r="A26405" s="4" t="s">
        <v>49148</v>
      </c>
      <c r="B26405" s="1" t="s">
        <v>58889</v>
      </c>
      <c r="C26405" s="1" t="s">
        <v>49149</v>
      </c>
      <c r="D26405" s="2">
        <v>179233</v>
      </c>
      <c r="E26405" s="1" t="s">
        <v>0</v>
      </c>
    </row>
    <row r="26406" spans="1:5" x14ac:dyDescent="0.25">
      <c r="A26406" s="1" t="s">
        <v>49150</v>
      </c>
      <c r="B26406" s="1" t="s">
        <v>59294</v>
      </c>
      <c r="C26406" s="1" t="s">
        <v>49151</v>
      </c>
      <c r="D26406" s="2">
        <v>179234</v>
      </c>
      <c r="E26406" s="1" t="s">
        <v>0</v>
      </c>
    </row>
    <row r="26407" spans="1:5" x14ac:dyDescent="0.25">
      <c r="A26407" s="2">
        <v>5281</v>
      </c>
      <c r="B26407" s="2">
        <v>5281</v>
      </c>
      <c r="C26407" s="1" t="s">
        <v>0</v>
      </c>
      <c r="D26407" s="2">
        <v>179235</v>
      </c>
      <c r="E26407" s="1" t="s">
        <v>0</v>
      </c>
    </row>
    <row r="26408" spans="1:5" x14ac:dyDescent="0.25">
      <c r="A26408" s="1" t="s">
        <v>4800</v>
      </c>
      <c r="B26408" s="1" t="s">
        <v>12695</v>
      </c>
      <c r="C26408" s="1" t="s">
        <v>49152</v>
      </c>
      <c r="D26408" s="2">
        <v>179236</v>
      </c>
      <c r="E26408" s="1" t="s">
        <v>0</v>
      </c>
    </row>
    <row r="26409" spans="1:5" x14ac:dyDescent="0.25">
      <c r="A26409" s="1" t="s">
        <v>49153</v>
      </c>
      <c r="B26409" s="1" t="s">
        <v>13329</v>
      </c>
      <c r="C26409" s="1" t="s">
        <v>49154</v>
      </c>
      <c r="D26409" s="2">
        <v>179237</v>
      </c>
      <c r="E26409" s="1" t="s">
        <v>0</v>
      </c>
    </row>
    <row r="26410" spans="1:5" ht="409.5" x14ac:dyDescent="0.25">
      <c r="A26410" s="4" t="s">
        <v>64422</v>
      </c>
      <c r="B26410" s="1" t="s">
        <v>63857</v>
      </c>
      <c r="C26410" s="1" t="s">
        <v>49155</v>
      </c>
      <c r="D26410" s="2">
        <v>179238</v>
      </c>
      <c r="E26410" s="1" t="s">
        <v>0</v>
      </c>
    </row>
    <row r="26411" spans="1:5" x14ac:dyDescent="0.25">
      <c r="A26411" s="1" t="s">
        <v>49156</v>
      </c>
      <c r="B26411" s="1" t="s">
        <v>12696</v>
      </c>
      <c r="C26411" s="1" t="s">
        <v>49157</v>
      </c>
      <c r="D26411" s="2">
        <v>179239</v>
      </c>
      <c r="E26411" s="1" t="s">
        <v>0</v>
      </c>
    </row>
    <row r="26412" spans="1:5" x14ac:dyDescent="0.25">
      <c r="A26412" s="2">
        <v>5282</v>
      </c>
      <c r="B26412" s="2">
        <v>5282</v>
      </c>
      <c r="C26412" s="1" t="s">
        <v>0</v>
      </c>
      <c r="D26412" s="2">
        <v>179240</v>
      </c>
      <c r="E26412" s="1" t="s">
        <v>0</v>
      </c>
    </row>
    <row r="26413" spans="1:5" x14ac:dyDescent="0.25">
      <c r="A26413" s="1" t="s">
        <v>4801</v>
      </c>
      <c r="B26413" s="1" t="s">
        <v>12697</v>
      </c>
      <c r="C26413" s="1" t="s">
        <v>49158</v>
      </c>
      <c r="D26413" s="2">
        <v>179241</v>
      </c>
      <c r="E26413" s="1" t="s">
        <v>0</v>
      </c>
    </row>
    <row r="26414" spans="1:5" x14ac:dyDescent="0.25">
      <c r="A26414" s="1" t="s">
        <v>49159</v>
      </c>
      <c r="B26414" s="1" t="s">
        <v>12698</v>
      </c>
      <c r="C26414" s="1" t="s">
        <v>49160</v>
      </c>
      <c r="D26414" s="2">
        <v>179242</v>
      </c>
      <c r="E26414" s="1" t="s">
        <v>0</v>
      </c>
    </row>
    <row r="26415" spans="1:5" ht="409.5" x14ac:dyDescent="0.25">
      <c r="A26415" s="4" t="s">
        <v>49161</v>
      </c>
      <c r="B26415" s="1" t="s">
        <v>61543</v>
      </c>
      <c r="C26415" s="1" t="s">
        <v>49162</v>
      </c>
      <c r="D26415" s="2">
        <v>179243</v>
      </c>
      <c r="E26415" s="1" t="s">
        <v>0</v>
      </c>
    </row>
    <row r="26416" spans="1:5" x14ac:dyDescent="0.25">
      <c r="A26416" s="1" t="s">
        <v>49163</v>
      </c>
      <c r="B26416" s="1" t="s">
        <v>12699</v>
      </c>
      <c r="C26416" s="1" t="s">
        <v>49164</v>
      </c>
      <c r="D26416" s="2">
        <v>179244</v>
      </c>
      <c r="E26416" s="1" t="s">
        <v>0</v>
      </c>
    </row>
    <row r="26417" spans="1:5" x14ac:dyDescent="0.25">
      <c r="A26417" s="2">
        <v>5283</v>
      </c>
      <c r="B26417" s="2">
        <v>5283</v>
      </c>
      <c r="C26417" s="1" t="s">
        <v>0</v>
      </c>
      <c r="D26417" s="2">
        <v>179245</v>
      </c>
      <c r="E26417" s="1" t="s">
        <v>0</v>
      </c>
    </row>
    <row r="26418" spans="1:5" x14ac:dyDescent="0.25">
      <c r="A26418" s="1" t="s">
        <v>4802</v>
      </c>
      <c r="B26418" s="1" t="s">
        <v>59295</v>
      </c>
      <c r="C26418" s="1" t="s">
        <v>49165</v>
      </c>
      <c r="D26418" s="2">
        <v>179246</v>
      </c>
      <c r="E26418" s="1" t="s">
        <v>0</v>
      </c>
    </row>
    <row r="26419" spans="1:5" x14ac:dyDescent="0.25">
      <c r="A26419" s="1" t="s">
        <v>49166</v>
      </c>
      <c r="B26419" s="1" t="s">
        <v>59296</v>
      </c>
      <c r="C26419" s="1" t="s">
        <v>49167</v>
      </c>
      <c r="D26419" s="2">
        <v>179247</v>
      </c>
      <c r="E26419" s="1" t="s">
        <v>0</v>
      </c>
    </row>
    <row r="26420" spans="1:5" ht="409.5" x14ac:dyDescent="0.25">
      <c r="A26420" s="4" t="s">
        <v>49168</v>
      </c>
      <c r="B26420" s="1" t="s">
        <v>59297</v>
      </c>
      <c r="C26420" s="1" t="s">
        <v>49169</v>
      </c>
      <c r="D26420" s="2">
        <v>179248</v>
      </c>
      <c r="E26420" s="1" t="s">
        <v>0</v>
      </c>
    </row>
    <row r="26421" spans="1:5" x14ac:dyDescent="0.25">
      <c r="A26421" s="1" t="s">
        <v>49170</v>
      </c>
      <c r="B26421" s="1" t="s">
        <v>59298</v>
      </c>
      <c r="C26421" s="1" t="s">
        <v>49171</v>
      </c>
      <c r="D26421" s="2">
        <v>179249</v>
      </c>
      <c r="E26421" s="1" t="s">
        <v>0</v>
      </c>
    </row>
    <row r="26422" spans="1:5" x14ac:dyDescent="0.25">
      <c r="A26422" s="2">
        <v>5284</v>
      </c>
      <c r="B26422" s="2">
        <v>5284</v>
      </c>
      <c r="C26422" s="1" t="s">
        <v>0</v>
      </c>
      <c r="D26422" s="2">
        <v>179250</v>
      </c>
      <c r="E26422" s="1" t="s">
        <v>0</v>
      </c>
    </row>
    <row r="26423" spans="1:5" x14ac:dyDescent="0.25">
      <c r="A26423" s="1" t="s">
        <v>4803</v>
      </c>
      <c r="B26423" s="1" t="s">
        <v>58890</v>
      </c>
      <c r="C26423" s="1" t="s">
        <v>49172</v>
      </c>
      <c r="D26423" s="2">
        <v>179251</v>
      </c>
      <c r="E26423" s="1" t="s">
        <v>0</v>
      </c>
    </row>
    <row r="26424" spans="1:5" x14ac:dyDescent="0.25">
      <c r="A26424" s="1" t="s">
        <v>49173</v>
      </c>
      <c r="B26424" s="1" t="s">
        <v>63121</v>
      </c>
      <c r="C26424" s="1" t="s">
        <v>49174</v>
      </c>
      <c r="D26424" s="2">
        <v>179252</v>
      </c>
      <c r="E26424" s="1" t="s">
        <v>0</v>
      </c>
    </row>
    <row r="26425" spans="1:5" ht="409.5" x14ac:dyDescent="0.25">
      <c r="A26425" s="4" t="s">
        <v>49175</v>
      </c>
      <c r="B26425" s="1" t="s">
        <v>63122</v>
      </c>
      <c r="C26425" s="1" t="s">
        <v>49176</v>
      </c>
      <c r="D26425" s="2">
        <v>179253</v>
      </c>
      <c r="E26425" s="1" t="s">
        <v>0</v>
      </c>
    </row>
    <row r="26426" spans="1:5" x14ac:dyDescent="0.25">
      <c r="A26426" s="1" t="s">
        <v>49177</v>
      </c>
      <c r="B26426" s="1" t="s">
        <v>63123</v>
      </c>
      <c r="C26426" s="1" t="s">
        <v>49178</v>
      </c>
      <c r="D26426" s="2">
        <v>179254</v>
      </c>
      <c r="E26426" s="1" t="s">
        <v>0</v>
      </c>
    </row>
    <row r="26427" spans="1:5" x14ac:dyDescent="0.25">
      <c r="A26427" s="2">
        <v>5285</v>
      </c>
      <c r="B26427" s="2">
        <v>5285</v>
      </c>
      <c r="C26427" s="1" t="s">
        <v>0</v>
      </c>
      <c r="D26427" s="2">
        <v>179255</v>
      </c>
      <c r="E26427" s="1" t="s">
        <v>0</v>
      </c>
    </row>
    <row r="26428" spans="1:5" x14ac:dyDescent="0.25">
      <c r="A26428" s="1" t="s">
        <v>4804</v>
      </c>
      <c r="B26428" s="1" t="s">
        <v>12700</v>
      </c>
      <c r="C26428" s="1" t="s">
        <v>49179</v>
      </c>
      <c r="D26428" s="2">
        <v>179256</v>
      </c>
      <c r="E26428" s="1" t="s">
        <v>0</v>
      </c>
    </row>
    <row r="26429" spans="1:5" x14ac:dyDescent="0.25">
      <c r="A26429" s="1" t="s">
        <v>49180</v>
      </c>
      <c r="B26429" s="1" t="s">
        <v>59299</v>
      </c>
      <c r="C26429" s="1" t="s">
        <v>49181</v>
      </c>
      <c r="D26429" s="2">
        <v>179257</v>
      </c>
      <c r="E26429" s="1" t="s">
        <v>0</v>
      </c>
    </row>
    <row r="26430" spans="1:5" ht="409.5" x14ac:dyDescent="0.25">
      <c r="A26430" s="4" t="s">
        <v>49182</v>
      </c>
      <c r="B26430" s="1" t="s">
        <v>59300</v>
      </c>
      <c r="C26430" s="1" t="s">
        <v>49183</v>
      </c>
      <c r="D26430" s="2">
        <v>179258</v>
      </c>
      <c r="E26430" s="1" t="s">
        <v>0</v>
      </c>
    </row>
    <row r="26431" spans="1:5" x14ac:dyDescent="0.25">
      <c r="A26431" s="1" t="s">
        <v>16086</v>
      </c>
      <c r="B26431" s="1" t="s">
        <v>60897</v>
      </c>
      <c r="C26431" s="1" t="s">
        <v>16087</v>
      </c>
      <c r="D26431" s="2">
        <v>179259</v>
      </c>
      <c r="E26431" s="1" t="s">
        <v>0</v>
      </c>
    </row>
    <row r="26432" spans="1:5" x14ac:dyDescent="0.25">
      <c r="A26432" s="2">
        <v>5286</v>
      </c>
      <c r="B26432" s="2">
        <v>5286</v>
      </c>
      <c r="C26432" s="1" t="s">
        <v>0</v>
      </c>
      <c r="D26432" s="2">
        <v>179260</v>
      </c>
      <c r="E26432" s="1" t="s">
        <v>0</v>
      </c>
    </row>
    <row r="26433" spans="1:5" x14ac:dyDescent="0.25">
      <c r="A26433" s="1" t="s">
        <v>4805</v>
      </c>
      <c r="B26433" s="1" t="s">
        <v>56897</v>
      </c>
      <c r="C26433" s="1" t="s">
        <v>49184</v>
      </c>
      <c r="D26433" s="2">
        <v>179261</v>
      </c>
      <c r="E26433" s="1" t="s">
        <v>0</v>
      </c>
    </row>
    <row r="26434" spans="1:5" x14ac:dyDescent="0.25">
      <c r="A26434" s="1" t="s">
        <v>49185</v>
      </c>
      <c r="B26434" s="1" t="s">
        <v>59301</v>
      </c>
      <c r="C26434" s="1" t="s">
        <v>49186</v>
      </c>
      <c r="D26434" s="2">
        <v>179262</v>
      </c>
      <c r="E26434" s="1" t="s">
        <v>0</v>
      </c>
    </row>
    <row r="26435" spans="1:5" ht="409.5" x14ac:dyDescent="0.25">
      <c r="A26435" s="4" t="s">
        <v>49187</v>
      </c>
      <c r="B26435" s="1" t="s">
        <v>63575</v>
      </c>
      <c r="C26435" s="1" t="s">
        <v>49188</v>
      </c>
      <c r="D26435" s="2">
        <v>179263</v>
      </c>
      <c r="E26435" s="1" t="s">
        <v>0</v>
      </c>
    </row>
    <row r="26436" spans="1:5" x14ac:dyDescent="0.25">
      <c r="A26436" s="1" t="s">
        <v>49189</v>
      </c>
      <c r="B26436" s="1" t="s">
        <v>12701</v>
      </c>
      <c r="C26436" s="1" t="s">
        <v>49190</v>
      </c>
      <c r="D26436" s="2">
        <v>179264</v>
      </c>
      <c r="E26436" s="1" t="s">
        <v>0</v>
      </c>
    </row>
    <row r="26437" spans="1:5" x14ac:dyDescent="0.25">
      <c r="A26437" s="2">
        <v>5287</v>
      </c>
      <c r="B26437" s="2">
        <v>5287</v>
      </c>
      <c r="C26437" s="1" t="s">
        <v>0</v>
      </c>
      <c r="D26437" s="2">
        <v>179265</v>
      </c>
      <c r="E26437" s="1" t="s">
        <v>0</v>
      </c>
    </row>
    <row r="26438" spans="1:5" x14ac:dyDescent="0.25">
      <c r="A26438" s="1" t="s">
        <v>4806</v>
      </c>
      <c r="B26438" s="1" t="s">
        <v>12702</v>
      </c>
      <c r="C26438" s="1" t="s">
        <v>49191</v>
      </c>
      <c r="D26438" s="2">
        <v>179266</v>
      </c>
      <c r="E26438" s="1" t="s">
        <v>0</v>
      </c>
    </row>
    <row r="26439" spans="1:5" x14ac:dyDescent="0.25">
      <c r="A26439" s="1" t="s">
        <v>49192</v>
      </c>
      <c r="B26439" s="1" t="s">
        <v>58671</v>
      </c>
      <c r="C26439" s="1" t="s">
        <v>49193</v>
      </c>
      <c r="D26439" s="2">
        <v>179267</v>
      </c>
      <c r="E26439" s="1" t="s">
        <v>0</v>
      </c>
    </row>
    <row r="26440" spans="1:5" ht="409.5" x14ac:dyDescent="0.25">
      <c r="A26440" s="4" t="s">
        <v>49194</v>
      </c>
      <c r="B26440" s="1" t="s">
        <v>58672</v>
      </c>
      <c r="C26440" s="1" t="s">
        <v>49195</v>
      </c>
      <c r="D26440" s="2">
        <v>179268</v>
      </c>
      <c r="E26440" s="1" t="s">
        <v>0</v>
      </c>
    </row>
    <row r="26441" spans="1:5" x14ac:dyDescent="0.25">
      <c r="A26441" s="1" t="s">
        <v>49196</v>
      </c>
      <c r="B26441" s="1" t="s">
        <v>59302</v>
      </c>
      <c r="C26441" s="1" t="s">
        <v>49197</v>
      </c>
      <c r="D26441" s="2">
        <v>179269</v>
      </c>
      <c r="E26441" s="1" t="s">
        <v>0</v>
      </c>
    </row>
    <row r="26442" spans="1:5" x14ac:dyDescent="0.25">
      <c r="A26442" s="2">
        <v>5288</v>
      </c>
      <c r="B26442" s="2">
        <v>5288</v>
      </c>
      <c r="C26442" s="1" t="s">
        <v>0</v>
      </c>
      <c r="D26442" s="2">
        <v>179270</v>
      </c>
      <c r="E26442" s="1" t="s">
        <v>0</v>
      </c>
    </row>
    <row r="26443" spans="1:5" x14ac:dyDescent="0.25">
      <c r="A26443" s="1" t="s">
        <v>4807</v>
      </c>
      <c r="B26443" s="1" t="s">
        <v>12703</v>
      </c>
      <c r="C26443" s="1" t="s">
        <v>49198</v>
      </c>
      <c r="D26443" s="2">
        <v>179271</v>
      </c>
      <c r="E26443" s="1" t="s">
        <v>0</v>
      </c>
    </row>
    <row r="26444" spans="1:5" x14ac:dyDescent="0.25">
      <c r="A26444" s="1" t="s">
        <v>49199</v>
      </c>
      <c r="B26444" s="1" t="s">
        <v>12704</v>
      </c>
      <c r="C26444" s="1" t="s">
        <v>49200</v>
      </c>
      <c r="D26444" s="2">
        <v>179272</v>
      </c>
      <c r="E26444" s="1" t="s">
        <v>0</v>
      </c>
    </row>
    <row r="26445" spans="1:5" ht="409.5" x14ac:dyDescent="0.25">
      <c r="A26445" s="4" t="s">
        <v>49201</v>
      </c>
      <c r="B26445" s="1" t="s">
        <v>12705</v>
      </c>
      <c r="C26445" s="1" t="s">
        <v>49202</v>
      </c>
      <c r="D26445" s="2">
        <v>179273</v>
      </c>
      <c r="E26445" s="1" t="s">
        <v>0</v>
      </c>
    </row>
    <row r="26446" spans="1:5" x14ac:dyDescent="0.25">
      <c r="A26446" s="1" t="s">
        <v>49203</v>
      </c>
      <c r="B26446" s="1" t="s">
        <v>59303</v>
      </c>
      <c r="C26446" s="1" t="s">
        <v>49204</v>
      </c>
      <c r="D26446" s="2">
        <v>179274</v>
      </c>
      <c r="E26446" s="1" t="s">
        <v>0</v>
      </c>
    </row>
    <row r="26447" spans="1:5" x14ac:dyDescent="0.25">
      <c r="A26447" s="2">
        <v>5289</v>
      </c>
      <c r="B26447" s="2">
        <v>5289</v>
      </c>
      <c r="C26447" s="1" t="s">
        <v>0</v>
      </c>
      <c r="D26447" s="2">
        <v>179275</v>
      </c>
      <c r="E26447" s="1" t="s">
        <v>0</v>
      </c>
    </row>
    <row r="26448" spans="1:5" x14ac:dyDescent="0.25">
      <c r="A26448" s="1" t="s">
        <v>4808</v>
      </c>
      <c r="B26448" s="1" t="s">
        <v>12706</v>
      </c>
      <c r="C26448" s="1" t="s">
        <v>49205</v>
      </c>
      <c r="D26448" s="2">
        <v>179276</v>
      </c>
      <c r="E26448" s="1" t="s">
        <v>0</v>
      </c>
    </row>
    <row r="26449" spans="1:5" x14ac:dyDescent="0.25">
      <c r="A26449" s="1" t="s">
        <v>49206</v>
      </c>
      <c r="B26449" s="1" t="s">
        <v>12707</v>
      </c>
      <c r="C26449" s="1" t="s">
        <v>49207</v>
      </c>
      <c r="D26449" s="2">
        <v>179277</v>
      </c>
      <c r="E26449" s="1" t="s">
        <v>0</v>
      </c>
    </row>
    <row r="26450" spans="1:5" ht="409.5" x14ac:dyDescent="0.25">
      <c r="A26450" s="4" t="s">
        <v>49208</v>
      </c>
      <c r="B26450" s="1" t="s">
        <v>59304</v>
      </c>
      <c r="C26450" s="1" t="s">
        <v>49209</v>
      </c>
      <c r="D26450" s="2">
        <v>179278</v>
      </c>
      <c r="E26450" s="1" t="s">
        <v>0</v>
      </c>
    </row>
    <row r="26451" spans="1:5" x14ac:dyDescent="0.25">
      <c r="A26451" s="1" t="s">
        <v>49210</v>
      </c>
      <c r="B26451" s="1" t="s">
        <v>4809</v>
      </c>
      <c r="C26451" s="1" t="s">
        <v>4810</v>
      </c>
      <c r="D26451" s="2">
        <v>179279</v>
      </c>
      <c r="E26451" s="1" t="s">
        <v>0</v>
      </c>
    </row>
    <row r="26452" spans="1:5" x14ac:dyDescent="0.25">
      <c r="A26452" s="2">
        <v>5290</v>
      </c>
      <c r="B26452" s="2">
        <v>5290</v>
      </c>
      <c r="C26452" s="1" t="s">
        <v>0</v>
      </c>
      <c r="D26452" s="2">
        <v>179280</v>
      </c>
      <c r="E26452" s="1" t="s">
        <v>0</v>
      </c>
    </row>
    <row r="26453" spans="1:5" x14ac:dyDescent="0.25">
      <c r="A26453" s="1" t="s">
        <v>4811</v>
      </c>
      <c r="B26453" s="1" t="s">
        <v>12708</v>
      </c>
      <c r="C26453" s="1" t="s">
        <v>49211</v>
      </c>
      <c r="D26453" s="2">
        <v>179281</v>
      </c>
      <c r="E26453" s="1" t="s">
        <v>0</v>
      </c>
    </row>
    <row r="26454" spans="1:5" x14ac:dyDescent="0.25">
      <c r="A26454" s="1" t="s">
        <v>49212</v>
      </c>
      <c r="B26454" s="1" t="s">
        <v>12709</v>
      </c>
      <c r="C26454" s="1" t="s">
        <v>49213</v>
      </c>
      <c r="D26454" s="2">
        <v>179282</v>
      </c>
      <c r="E26454" s="1" t="s">
        <v>0</v>
      </c>
    </row>
    <row r="26455" spans="1:5" ht="409.5" x14ac:dyDescent="0.25">
      <c r="A26455" s="4" t="s">
        <v>49214</v>
      </c>
      <c r="B26455" s="1" t="s">
        <v>59305</v>
      </c>
      <c r="C26455" s="1" t="s">
        <v>49215</v>
      </c>
      <c r="D26455" s="2">
        <v>179283</v>
      </c>
      <c r="E26455" s="1" t="s">
        <v>0</v>
      </c>
    </row>
    <row r="26456" spans="1:5" x14ac:dyDescent="0.25">
      <c r="A26456" s="1" t="s">
        <v>49216</v>
      </c>
      <c r="B26456" s="1" t="s">
        <v>61450</v>
      </c>
      <c r="C26456" s="1" t="s">
        <v>49217</v>
      </c>
      <c r="D26456" s="2">
        <v>179284</v>
      </c>
      <c r="E26456" s="1" t="s">
        <v>0</v>
      </c>
    </row>
    <row r="26457" spans="1:5" x14ac:dyDescent="0.25">
      <c r="A26457" s="2">
        <v>5291</v>
      </c>
      <c r="B26457" s="2">
        <v>5291</v>
      </c>
      <c r="C26457" s="1" t="s">
        <v>0</v>
      </c>
      <c r="D26457" s="2">
        <v>179285</v>
      </c>
      <c r="E26457" s="1" t="s">
        <v>0</v>
      </c>
    </row>
    <row r="26458" spans="1:5" x14ac:dyDescent="0.25">
      <c r="A26458" s="1" t="s">
        <v>4812</v>
      </c>
      <c r="B26458" s="1" t="s">
        <v>59306</v>
      </c>
      <c r="C26458" s="1" t="s">
        <v>49218</v>
      </c>
      <c r="D26458" s="2">
        <v>179286</v>
      </c>
      <c r="E26458" s="1" t="s">
        <v>0</v>
      </c>
    </row>
    <row r="26459" spans="1:5" x14ac:dyDescent="0.25">
      <c r="A26459" s="1" t="s">
        <v>49219</v>
      </c>
      <c r="B26459" s="1" t="s">
        <v>61451</v>
      </c>
      <c r="C26459" s="1" t="s">
        <v>49220</v>
      </c>
      <c r="D26459" s="2">
        <v>179287</v>
      </c>
      <c r="E26459" s="1" t="s">
        <v>0</v>
      </c>
    </row>
    <row r="26460" spans="1:5" ht="409.5" x14ac:dyDescent="0.25">
      <c r="A26460" s="4" t="s">
        <v>64423</v>
      </c>
      <c r="B26460" s="1" t="s">
        <v>61452</v>
      </c>
      <c r="C26460" s="1" t="s">
        <v>49221</v>
      </c>
      <c r="D26460" s="2">
        <v>179288</v>
      </c>
      <c r="E26460" s="1" t="s">
        <v>0</v>
      </c>
    </row>
    <row r="26461" spans="1:5" x14ac:dyDescent="0.25">
      <c r="A26461" s="1" t="s">
        <v>49222</v>
      </c>
      <c r="B26461" s="1" t="s">
        <v>59307</v>
      </c>
      <c r="C26461" s="1" t="s">
        <v>49223</v>
      </c>
      <c r="D26461" s="2">
        <v>179289</v>
      </c>
      <c r="E26461" s="1" t="s">
        <v>0</v>
      </c>
    </row>
    <row r="26462" spans="1:5" x14ac:dyDescent="0.25">
      <c r="A26462" s="2">
        <v>5292</v>
      </c>
      <c r="B26462" s="2">
        <v>5292</v>
      </c>
      <c r="C26462" s="1" t="s">
        <v>0</v>
      </c>
      <c r="D26462" s="2">
        <v>179290</v>
      </c>
      <c r="E26462" s="1" t="s">
        <v>0</v>
      </c>
    </row>
    <row r="26463" spans="1:5" x14ac:dyDescent="0.25">
      <c r="A26463" s="1" t="s">
        <v>4813</v>
      </c>
      <c r="B26463" s="1" t="s">
        <v>12710</v>
      </c>
      <c r="C26463" s="1" t="s">
        <v>49224</v>
      </c>
      <c r="D26463" s="2">
        <v>179291</v>
      </c>
      <c r="E26463" s="1" t="s">
        <v>0</v>
      </c>
    </row>
    <row r="26464" spans="1:5" x14ac:dyDescent="0.25">
      <c r="A26464" s="1" t="s">
        <v>49225</v>
      </c>
      <c r="B26464" s="1" t="s">
        <v>12711</v>
      </c>
      <c r="C26464" s="1" t="s">
        <v>49226</v>
      </c>
      <c r="D26464" s="2">
        <v>179292</v>
      </c>
      <c r="E26464" s="1" t="s">
        <v>0</v>
      </c>
    </row>
    <row r="26465" spans="1:5" ht="409.5" x14ac:dyDescent="0.25">
      <c r="A26465" s="4" t="s">
        <v>49227</v>
      </c>
      <c r="B26465" s="1" t="s">
        <v>59308</v>
      </c>
      <c r="C26465" s="1" t="s">
        <v>49228</v>
      </c>
      <c r="D26465" s="2">
        <v>179293</v>
      </c>
      <c r="E26465" s="1" t="s">
        <v>0</v>
      </c>
    </row>
    <row r="26466" spans="1:5" x14ac:dyDescent="0.25">
      <c r="A26466" s="1" t="s">
        <v>49229</v>
      </c>
      <c r="B26466" s="1" t="s">
        <v>59309</v>
      </c>
      <c r="C26466" s="1" t="s">
        <v>49230</v>
      </c>
      <c r="D26466" s="2">
        <v>179294</v>
      </c>
      <c r="E26466" s="1" t="s">
        <v>0</v>
      </c>
    </row>
    <row r="26467" spans="1:5" x14ac:dyDescent="0.25">
      <c r="A26467" s="2">
        <v>5293</v>
      </c>
      <c r="B26467" s="2">
        <v>5293</v>
      </c>
      <c r="C26467" s="1" t="s">
        <v>0</v>
      </c>
      <c r="D26467" s="2">
        <v>179295</v>
      </c>
      <c r="E26467" s="1" t="s">
        <v>0</v>
      </c>
    </row>
    <row r="26468" spans="1:5" x14ac:dyDescent="0.25">
      <c r="A26468" s="1" t="s">
        <v>4814</v>
      </c>
      <c r="B26468" s="1" t="s">
        <v>12712</v>
      </c>
      <c r="C26468" s="1" t="s">
        <v>49231</v>
      </c>
      <c r="D26468" s="2">
        <v>179296</v>
      </c>
      <c r="E26468" s="1" t="s">
        <v>0</v>
      </c>
    </row>
    <row r="26469" spans="1:5" x14ac:dyDescent="0.25">
      <c r="A26469" s="1" t="s">
        <v>49232</v>
      </c>
      <c r="B26469" s="1" t="s">
        <v>12713</v>
      </c>
      <c r="C26469" s="1" t="s">
        <v>49233</v>
      </c>
      <c r="D26469" s="2">
        <v>179297</v>
      </c>
      <c r="E26469" s="1" t="s">
        <v>0</v>
      </c>
    </row>
    <row r="26470" spans="1:5" ht="409.5" x14ac:dyDescent="0.25">
      <c r="A26470" s="4" t="s">
        <v>49234</v>
      </c>
      <c r="B26470" s="1" t="s">
        <v>60353</v>
      </c>
      <c r="C26470" s="1" t="s">
        <v>49235</v>
      </c>
      <c r="D26470" s="2">
        <v>179298</v>
      </c>
      <c r="E26470" s="1" t="s">
        <v>0</v>
      </c>
    </row>
    <row r="26471" spans="1:5" x14ac:dyDescent="0.25">
      <c r="A26471" s="1" t="s">
        <v>49236</v>
      </c>
      <c r="B26471" s="1" t="s">
        <v>59310</v>
      </c>
      <c r="C26471" s="1" t="s">
        <v>49237</v>
      </c>
      <c r="D26471" s="2">
        <v>179299</v>
      </c>
      <c r="E26471" s="1" t="s">
        <v>0</v>
      </c>
    </row>
    <row r="26472" spans="1:5" x14ac:dyDescent="0.25">
      <c r="A26472" s="2">
        <v>5294</v>
      </c>
      <c r="B26472" s="2">
        <v>5294</v>
      </c>
      <c r="C26472" s="1" t="s">
        <v>0</v>
      </c>
      <c r="D26472" s="2">
        <v>179300</v>
      </c>
      <c r="E26472" s="1" t="s">
        <v>0</v>
      </c>
    </row>
    <row r="26473" spans="1:5" x14ac:dyDescent="0.25">
      <c r="A26473" s="1" t="s">
        <v>4815</v>
      </c>
      <c r="B26473" s="1" t="s">
        <v>12714</v>
      </c>
      <c r="C26473" s="1" t="s">
        <v>49238</v>
      </c>
      <c r="D26473" s="2">
        <v>179301</v>
      </c>
      <c r="E26473" s="1" t="s">
        <v>0</v>
      </c>
    </row>
    <row r="26474" spans="1:5" x14ac:dyDescent="0.25">
      <c r="A26474" s="1" t="s">
        <v>49239</v>
      </c>
      <c r="B26474" s="1" t="s">
        <v>59311</v>
      </c>
      <c r="C26474" s="1" t="s">
        <v>49240</v>
      </c>
      <c r="D26474" s="2">
        <v>179302</v>
      </c>
      <c r="E26474" s="1" t="s">
        <v>0</v>
      </c>
    </row>
    <row r="26475" spans="1:5" ht="409.5" x14ac:dyDescent="0.25">
      <c r="A26475" s="4" t="s">
        <v>49241</v>
      </c>
      <c r="B26475" s="1" t="s">
        <v>60354</v>
      </c>
      <c r="C26475" s="1" t="s">
        <v>49242</v>
      </c>
      <c r="D26475" s="2">
        <v>179303</v>
      </c>
      <c r="E26475" s="1" t="s">
        <v>0</v>
      </c>
    </row>
    <row r="26476" spans="1:5" x14ac:dyDescent="0.25">
      <c r="A26476" s="1" t="s">
        <v>49243</v>
      </c>
      <c r="B26476" s="1" t="s">
        <v>59312</v>
      </c>
      <c r="C26476" s="1" t="s">
        <v>49244</v>
      </c>
      <c r="D26476" s="2">
        <v>179304</v>
      </c>
      <c r="E26476" s="1" t="s">
        <v>0</v>
      </c>
    </row>
    <row r="26477" spans="1:5" x14ac:dyDescent="0.25">
      <c r="A26477" s="2">
        <v>5295</v>
      </c>
      <c r="B26477" s="2">
        <v>5295</v>
      </c>
      <c r="C26477" s="1" t="s">
        <v>0</v>
      </c>
      <c r="D26477" s="2">
        <v>179305</v>
      </c>
      <c r="E26477" s="1" t="s">
        <v>0</v>
      </c>
    </row>
    <row r="26478" spans="1:5" x14ac:dyDescent="0.25">
      <c r="A26478" s="1" t="s">
        <v>4816</v>
      </c>
      <c r="B26478" s="1" t="s">
        <v>12715</v>
      </c>
      <c r="C26478" s="1" t="s">
        <v>49245</v>
      </c>
      <c r="D26478" s="2">
        <v>179306</v>
      </c>
      <c r="E26478" s="1" t="s">
        <v>0</v>
      </c>
    </row>
    <row r="26479" spans="1:5" x14ac:dyDescent="0.25">
      <c r="A26479" s="1" t="s">
        <v>49246</v>
      </c>
      <c r="B26479" s="1" t="s">
        <v>61732</v>
      </c>
      <c r="C26479" s="1" t="s">
        <v>49247</v>
      </c>
      <c r="D26479" s="2">
        <v>179307</v>
      </c>
      <c r="E26479" s="1" t="s">
        <v>0</v>
      </c>
    </row>
    <row r="26480" spans="1:5" ht="409.5" x14ac:dyDescent="0.25">
      <c r="A26480" s="4" t="s">
        <v>49248</v>
      </c>
      <c r="B26480" s="1" t="s">
        <v>63124</v>
      </c>
      <c r="C26480" s="1" t="s">
        <v>49249</v>
      </c>
      <c r="D26480" s="2">
        <v>179308</v>
      </c>
      <c r="E26480" s="1" t="s">
        <v>0</v>
      </c>
    </row>
    <row r="26481" spans="1:5" x14ac:dyDescent="0.25">
      <c r="A26481" s="1" t="s">
        <v>49250</v>
      </c>
      <c r="B26481" s="1" t="s">
        <v>12716</v>
      </c>
      <c r="C26481" s="1" t="s">
        <v>49251</v>
      </c>
      <c r="D26481" s="2">
        <v>179309</v>
      </c>
      <c r="E26481" s="1" t="s">
        <v>0</v>
      </c>
    </row>
    <row r="26482" spans="1:5" x14ac:dyDescent="0.25">
      <c r="A26482" s="2">
        <v>5296</v>
      </c>
      <c r="B26482" s="2">
        <v>5296</v>
      </c>
      <c r="C26482" s="1" t="s">
        <v>0</v>
      </c>
      <c r="D26482" s="2">
        <v>179310</v>
      </c>
      <c r="E26482" s="1" t="s">
        <v>0</v>
      </c>
    </row>
    <row r="26483" spans="1:5" x14ac:dyDescent="0.25">
      <c r="A26483" s="1" t="s">
        <v>4817</v>
      </c>
      <c r="B26483" s="1" t="s">
        <v>12717</v>
      </c>
      <c r="C26483" s="1" t="s">
        <v>49252</v>
      </c>
      <c r="D26483" s="2">
        <v>179311</v>
      </c>
      <c r="E26483" s="1" t="s">
        <v>0</v>
      </c>
    </row>
    <row r="26484" spans="1:5" x14ac:dyDescent="0.25">
      <c r="A26484" s="1" t="s">
        <v>49253</v>
      </c>
      <c r="B26484" s="1" t="s">
        <v>63858</v>
      </c>
      <c r="C26484" s="1" t="s">
        <v>49254</v>
      </c>
      <c r="D26484" s="2">
        <v>179312</v>
      </c>
      <c r="E26484" s="1" t="s">
        <v>0</v>
      </c>
    </row>
    <row r="26485" spans="1:5" ht="409.5" x14ac:dyDescent="0.25">
      <c r="A26485" s="4" t="s">
        <v>64424</v>
      </c>
      <c r="B26485" s="1" t="s">
        <v>64425</v>
      </c>
      <c r="C26485" s="1" t="s">
        <v>49255</v>
      </c>
      <c r="D26485" s="2">
        <v>179313</v>
      </c>
      <c r="E26485" s="1" t="s">
        <v>0</v>
      </c>
    </row>
    <row r="26486" spans="1:5" x14ac:dyDescent="0.25">
      <c r="A26486" s="1" t="s">
        <v>49256</v>
      </c>
      <c r="B26486" s="1" t="s">
        <v>59313</v>
      </c>
      <c r="C26486" s="1" t="s">
        <v>49257</v>
      </c>
      <c r="D26486" s="2">
        <v>179314</v>
      </c>
      <c r="E26486" s="1" t="s">
        <v>0</v>
      </c>
    </row>
    <row r="26487" spans="1:5" x14ac:dyDescent="0.25">
      <c r="A26487" s="2">
        <v>5297</v>
      </c>
      <c r="B26487" s="2">
        <v>5297</v>
      </c>
      <c r="C26487" s="1" t="s">
        <v>0</v>
      </c>
      <c r="D26487" s="2">
        <v>179315</v>
      </c>
      <c r="E26487" s="1" t="s">
        <v>0</v>
      </c>
    </row>
    <row r="26488" spans="1:5" x14ac:dyDescent="0.25">
      <c r="A26488" s="1" t="s">
        <v>13330</v>
      </c>
      <c r="B26488" s="1" t="s">
        <v>59314</v>
      </c>
      <c r="C26488" s="1" t="s">
        <v>49258</v>
      </c>
      <c r="D26488" s="2">
        <v>179316</v>
      </c>
      <c r="E26488" s="1" t="s">
        <v>0</v>
      </c>
    </row>
    <row r="26489" spans="1:5" x14ac:dyDescent="0.25">
      <c r="A26489" s="1" t="s">
        <v>49259</v>
      </c>
      <c r="B26489" s="1" t="s">
        <v>57361</v>
      </c>
      <c r="C26489" s="1" t="s">
        <v>49260</v>
      </c>
      <c r="D26489" s="2">
        <v>179317</v>
      </c>
      <c r="E26489" s="1" t="s">
        <v>0</v>
      </c>
    </row>
    <row r="26490" spans="1:5" ht="409.5" x14ac:dyDescent="0.25">
      <c r="A26490" s="4" t="s">
        <v>49261</v>
      </c>
      <c r="B26490" s="1" t="s">
        <v>57362</v>
      </c>
      <c r="C26490" s="1" t="s">
        <v>49262</v>
      </c>
      <c r="D26490" s="2">
        <v>179318</v>
      </c>
      <c r="E26490" s="1" t="s">
        <v>0</v>
      </c>
    </row>
    <row r="26491" spans="1:5" x14ac:dyDescent="0.25">
      <c r="A26491" s="1" t="s">
        <v>49263</v>
      </c>
      <c r="B26491" s="1" t="s">
        <v>12718</v>
      </c>
      <c r="C26491" s="1" t="s">
        <v>49264</v>
      </c>
      <c r="D26491" s="2">
        <v>179319</v>
      </c>
      <c r="E26491" s="1" t="s">
        <v>0</v>
      </c>
    </row>
    <row r="26492" spans="1:5" x14ac:dyDescent="0.25">
      <c r="A26492" s="2">
        <v>5298</v>
      </c>
      <c r="B26492" s="2">
        <v>5298</v>
      </c>
      <c r="C26492" s="1" t="s">
        <v>0</v>
      </c>
      <c r="D26492" s="2">
        <v>179320</v>
      </c>
      <c r="E26492" s="1" t="s">
        <v>0</v>
      </c>
    </row>
    <row r="26493" spans="1:5" x14ac:dyDescent="0.25">
      <c r="A26493" s="1" t="s">
        <v>4818</v>
      </c>
      <c r="B26493" s="1" t="s">
        <v>12719</v>
      </c>
      <c r="C26493" s="1" t="s">
        <v>49265</v>
      </c>
      <c r="D26493" s="2">
        <v>179321</v>
      </c>
      <c r="E26493" s="1" t="s">
        <v>0</v>
      </c>
    </row>
    <row r="26494" spans="1:5" x14ac:dyDescent="0.25">
      <c r="A26494" s="1" t="s">
        <v>49266</v>
      </c>
      <c r="B26494" s="1" t="s">
        <v>60355</v>
      </c>
      <c r="C26494" s="1" t="s">
        <v>49267</v>
      </c>
      <c r="D26494" s="2">
        <v>179322</v>
      </c>
      <c r="E26494" s="1" t="s">
        <v>0</v>
      </c>
    </row>
    <row r="26495" spans="1:5" ht="409.5" x14ac:dyDescent="0.25">
      <c r="A26495" s="4" t="s">
        <v>49268</v>
      </c>
      <c r="B26495" s="1" t="s">
        <v>63576</v>
      </c>
      <c r="C26495" s="1" t="s">
        <v>49269</v>
      </c>
      <c r="D26495" s="2">
        <v>179323</v>
      </c>
      <c r="E26495" s="1" t="s">
        <v>0</v>
      </c>
    </row>
    <row r="26496" spans="1:5" x14ac:dyDescent="0.25">
      <c r="A26496" s="1" t="s">
        <v>49270</v>
      </c>
      <c r="B26496" s="1" t="s">
        <v>59315</v>
      </c>
      <c r="C26496" s="1" t="s">
        <v>49271</v>
      </c>
      <c r="D26496" s="2">
        <v>179324</v>
      </c>
      <c r="E26496" s="1" t="s">
        <v>0</v>
      </c>
    </row>
    <row r="26497" spans="1:5" x14ac:dyDescent="0.25">
      <c r="A26497" s="2">
        <v>5299</v>
      </c>
      <c r="B26497" s="2">
        <v>5299</v>
      </c>
      <c r="C26497" s="1" t="s">
        <v>0</v>
      </c>
      <c r="D26497" s="2">
        <v>179325</v>
      </c>
      <c r="E26497" s="1" t="s">
        <v>0</v>
      </c>
    </row>
    <row r="26498" spans="1:5" x14ac:dyDescent="0.25">
      <c r="A26498" s="1" t="s">
        <v>4819</v>
      </c>
      <c r="B26498" s="1" t="s">
        <v>12720</v>
      </c>
      <c r="C26498" s="1" t="s">
        <v>49272</v>
      </c>
      <c r="D26498" s="2">
        <v>179326</v>
      </c>
      <c r="E26498" s="1" t="s">
        <v>0</v>
      </c>
    </row>
    <row r="26499" spans="1:5" x14ac:dyDescent="0.25">
      <c r="A26499" s="1" t="s">
        <v>49273</v>
      </c>
      <c r="B26499" s="1" t="s">
        <v>12721</v>
      </c>
      <c r="C26499" s="1" t="s">
        <v>49274</v>
      </c>
      <c r="D26499" s="2">
        <v>179327</v>
      </c>
      <c r="E26499" s="1" t="s">
        <v>0</v>
      </c>
    </row>
    <row r="26500" spans="1:5" ht="409.5" x14ac:dyDescent="0.25">
      <c r="A26500" s="4" t="s">
        <v>49275</v>
      </c>
      <c r="B26500" s="1" t="s">
        <v>59316</v>
      </c>
      <c r="C26500" s="1" t="s">
        <v>49276</v>
      </c>
      <c r="D26500" s="2">
        <v>179328</v>
      </c>
      <c r="E26500" s="1" t="s">
        <v>0</v>
      </c>
    </row>
    <row r="26501" spans="1:5" x14ac:dyDescent="0.25">
      <c r="A26501" s="1" t="s">
        <v>49277</v>
      </c>
      <c r="B26501" s="1" t="s">
        <v>59317</v>
      </c>
      <c r="C26501" s="1" t="s">
        <v>49278</v>
      </c>
      <c r="D26501" s="2">
        <v>179329</v>
      </c>
      <c r="E26501" s="1" t="s">
        <v>0</v>
      </c>
    </row>
    <row r="26502" spans="1:5" x14ac:dyDescent="0.25">
      <c r="A26502" s="2">
        <v>5300</v>
      </c>
      <c r="B26502" s="2">
        <v>5300</v>
      </c>
      <c r="C26502" s="1" t="s">
        <v>0</v>
      </c>
      <c r="D26502" s="2">
        <v>179330</v>
      </c>
      <c r="E26502" s="1" t="s">
        <v>0</v>
      </c>
    </row>
    <row r="26503" spans="1:5" x14ac:dyDescent="0.25">
      <c r="A26503" s="1" t="s">
        <v>4820</v>
      </c>
      <c r="B26503" s="1" t="s">
        <v>12722</v>
      </c>
      <c r="C26503" s="1" t="s">
        <v>49279</v>
      </c>
      <c r="D26503" s="2">
        <v>179331</v>
      </c>
      <c r="E26503" s="1" t="s">
        <v>0</v>
      </c>
    </row>
    <row r="26504" spans="1:5" x14ac:dyDescent="0.25">
      <c r="A26504" s="1" t="s">
        <v>49280</v>
      </c>
      <c r="B26504" s="1" t="s">
        <v>13331</v>
      </c>
      <c r="C26504" s="1" t="s">
        <v>49281</v>
      </c>
      <c r="D26504" s="2">
        <v>179332</v>
      </c>
      <c r="E26504" s="1" t="s">
        <v>0</v>
      </c>
    </row>
    <row r="26505" spans="1:5" ht="409.5" x14ac:dyDescent="0.25">
      <c r="A26505" s="4" t="s">
        <v>49282</v>
      </c>
      <c r="B26505" s="1" t="s">
        <v>13332</v>
      </c>
      <c r="C26505" s="1" t="s">
        <v>49283</v>
      </c>
      <c r="D26505" s="2">
        <v>179333</v>
      </c>
      <c r="E26505" s="1" t="s">
        <v>0</v>
      </c>
    </row>
    <row r="26506" spans="1:5" x14ac:dyDescent="0.25">
      <c r="A26506" s="1" t="s">
        <v>49284</v>
      </c>
      <c r="B26506" s="1" t="s">
        <v>59318</v>
      </c>
      <c r="C26506" s="1" t="s">
        <v>49285</v>
      </c>
      <c r="D26506" s="2">
        <v>179334</v>
      </c>
      <c r="E26506" s="1" t="s">
        <v>0</v>
      </c>
    </row>
    <row r="26507" spans="1:5" x14ac:dyDescent="0.25">
      <c r="A26507" s="2">
        <v>5301</v>
      </c>
      <c r="B26507" s="2">
        <v>5301</v>
      </c>
      <c r="C26507" s="1" t="s">
        <v>0</v>
      </c>
      <c r="D26507" s="2">
        <v>179335</v>
      </c>
      <c r="E26507" s="1" t="s">
        <v>0</v>
      </c>
    </row>
    <row r="26508" spans="1:5" x14ac:dyDescent="0.25">
      <c r="A26508" s="1" t="s">
        <v>4821</v>
      </c>
      <c r="B26508" s="1" t="s">
        <v>12723</v>
      </c>
      <c r="C26508" s="1" t="s">
        <v>49286</v>
      </c>
      <c r="D26508" s="2">
        <v>179336</v>
      </c>
      <c r="E26508" s="1" t="s">
        <v>0</v>
      </c>
    </row>
    <row r="26509" spans="1:5" x14ac:dyDescent="0.25">
      <c r="A26509" s="1" t="s">
        <v>49287</v>
      </c>
      <c r="B26509" s="1" t="s">
        <v>59319</v>
      </c>
      <c r="C26509" s="1" t="s">
        <v>49288</v>
      </c>
      <c r="D26509" s="2">
        <v>179337</v>
      </c>
      <c r="E26509" s="1" t="s">
        <v>0</v>
      </c>
    </row>
    <row r="26510" spans="1:5" ht="409.5" x14ac:dyDescent="0.25">
      <c r="A26510" s="4" t="s">
        <v>49289</v>
      </c>
      <c r="B26510" s="1" t="s">
        <v>63577</v>
      </c>
      <c r="C26510" s="1" t="s">
        <v>49290</v>
      </c>
      <c r="D26510" s="2">
        <v>179338</v>
      </c>
      <c r="E26510" s="1" t="s">
        <v>0</v>
      </c>
    </row>
    <row r="26511" spans="1:5" x14ac:dyDescent="0.25">
      <c r="A26511" s="1" t="s">
        <v>49291</v>
      </c>
      <c r="B26511" s="1" t="s">
        <v>12724</v>
      </c>
      <c r="C26511" s="1" t="s">
        <v>49292</v>
      </c>
      <c r="D26511" s="2">
        <v>179339</v>
      </c>
      <c r="E26511" s="1" t="s">
        <v>0</v>
      </c>
    </row>
    <row r="26512" spans="1:5" x14ac:dyDescent="0.25">
      <c r="A26512" s="2">
        <v>5302</v>
      </c>
      <c r="B26512" s="2">
        <v>5302</v>
      </c>
      <c r="C26512" s="1" t="s">
        <v>0</v>
      </c>
      <c r="D26512" s="2">
        <v>179340</v>
      </c>
      <c r="E26512" s="1" t="s">
        <v>0</v>
      </c>
    </row>
    <row r="26513" spans="1:5" x14ac:dyDescent="0.25">
      <c r="A26513" s="1" t="s">
        <v>4822</v>
      </c>
      <c r="B26513" s="1" t="s">
        <v>12725</v>
      </c>
      <c r="C26513" s="1" t="s">
        <v>49293</v>
      </c>
      <c r="D26513" s="2">
        <v>179341</v>
      </c>
      <c r="E26513" s="1" t="s">
        <v>0</v>
      </c>
    </row>
    <row r="26514" spans="1:5" x14ac:dyDescent="0.25">
      <c r="A26514" s="1" t="s">
        <v>49294</v>
      </c>
      <c r="B26514" s="1" t="s">
        <v>59114</v>
      </c>
      <c r="C26514" s="1" t="s">
        <v>49295</v>
      </c>
      <c r="D26514" s="2">
        <v>179342</v>
      </c>
      <c r="E26514" s="1" t="s">
        <v>0</v>
      </c>
    </row>
    <row r="26515" spans="1:5" ht="409.5" x14ac:dyDescent="0.25">
      <c r="A26515" s="4" t="s">
        <v>49296</v>
      </c>
      <c r="B26515" s="1" t="s">
        <v>59115</v>
      </c>
      <c r="C26515" s="1" t="s">
        <v>49297</v>
      </c>
      <c r="D26515" s="2">
        <v>179343</v>
      </c>
      <c r="E26515" s="1" t="s">
        <v>0</v>
      </c>
    </row>
    <row r="26516" spans="1:5" x14ac:dyDescent="0.25">
      <c r="A26516" s="1" t="s">
        <v>49298</v>
      </c>
      <c r="B26516" s="1" t="s">
        <v>12726</v>
      </c>
      <c r="C26516" s="1" t="s">
        <v>49299</v>
      </c>
      <c r="D26516" s="2">
        <v>179344</v>
      </c>
      <c r="E26516" s="1" t="s">
        <v>0</v>
      </c>
    </row>
    <row r="26517" spans="1:5" x14ac:dyDescent="0.25">
      <c r="A26517" s="2">
        <v>5303</v>
      </c>
      <c r="B26517" s="2">
        <v>5303</v>
      </c>
      <c r="C26517" s="1" t="s">
        <v>0</v>
      </c>
      <c r="D26517" s="2">
        <v>179345</v>
      </c>
      <c r="E26517" s="1" t="s">
        <v>0</v>
      </c>
    </row>
    <row r="26518" spans="1:5" x14ac:dyDescent="0.25">
      <c r="A26518" s="1" t="s">
        <v>4823</v>
      </c>
      <c r="B26518" s="1" t="s">
        <v>60356</v>
      </c>
      <c r="C26518" s="1" t="s">
        <v>49300</v>
      </c>
      <c r="D26518" s="2">
        <v>179346</v>
      </c>
      <c r="E26518" s="1" t="s">
        <v>0</v>
      </c>
    </row>
    <row r="26519" spans="1:5" x14ac:dyDescent="0.25">
      <c r="A26519" s="1" t="s">
        <v>49301</v>
      </c>
      <c r="B26519" s="1" t="s">
        <v>12727</v>
      </c>
      <c r="C26519" s="1" t="s">
        <v>49302</v>
      </c>
      <c r="D26519" s="2">
        <v>179347</v>
      </c>
      <c r="E26519" s="1" t="s">
        <v>0</v>
      </c>
    </row>
    <row r="26520" spans="1:5" ht="409.5" x14ac:dyDescent="0.25">
      <c r="A26520" s="4" t="s">
        <v>49303</v>
      </c>
      <c r="B26520" s="1" t="s">
        <v>59320</v>
      </c>
      <c r="C26520" s="1" t="s">
        <v>49304</v>
      </c>
      <c r="D26520" s="2">
        <v>179348</v>
      </c>
      <c r="E26520" s="1" t="s">
        <v>0</v>
      </c>
    </row>
    <row r="26521" spans="1:5" x14ac:dyDescent="0.25">
      <c r="A26521" s="1" t="s">
        <v>49305</v>
      </c>
      <c r="B26521" s="1" t="s">
        <v>59321</v>
      </c>
      <c r="C26521" s="1" t="s">
        <v>49306</v>
      </c>
      <c r="D26521" s="2">
        <v>179349</v>
      </c>
      <c r="E26521" s="1" t="s">
        <v>0</v>
      </c>
    </row>
    <row r="26522" spans="1:5" x14ac:dyDescent="0.25">
      <c r="A26522" s="2">
        <v>5304</v>
      </c>
      <c r="B26522" s="2">
        <v>5304</v>
      </c>
      <c r="C26522" s="1" t="s">
        <v>0</v>
      </c>
      <c r="D26522" s="2">
        <v>179350</v>
      </c>
      <c r="E26522" s="1" t="s">
        <v>0</v>
      </c>
    </row>
    <row r="26523" spans="1:5" x14ac:dyDescent="0.25">
      <c r="A26523" s="1" t="s">
        <v>4824</v>
      </c>
      <c r="B26523" s="1" t="s">
        <v>59322</v>
      </c>
      <c r="C26523" s="1" t="s">
        <v>49307</v>
      </c>
      <c r="D26523" s="2">
        <v>179351</v>
      </c>
      <c r="E26523" s="1" t="s">
        <v>0</v>
      </c>
    </row>
    <row r="26524" spans="1:5" x14ac:dyDescent="0.25">
      <c r="A26524" s="1" t="s">
        <v>49308</v>
      </c>
      <c r="B26524" s="1" t="s">
        <v>59323</v>
      </c>
      <c r="C26524" s="1" t="s">
        <v>49309</v>
      </c>
      <c r="D26524" s="2">
        <v>179352</v>
      </c>
      <c r="E26524" s="1" t="s">
        <v>0</v>
      </c>
    </row>
    <row r="26525" spans="1:5" x14ac:dyDescent="0.25">
      <c r="A26525" s="1" t="s">
        <v>49310</v>
      </c>
      <c r="B26525" s="1" t="s">
        <v>59324</v>
      </c>
      <c r="C26525" s="1" t="s">
        <v>49311</v>
      </c>
      <c r="D26525" s="2">
        <v>179353</v>
      </c>
      <c r="E26525" s="1" t="s">
        <v>0</v>
      </c>
    </row>
    <row r="26526" spans="1:5" x14ac:dyDescent="0.25">
      <c r="A26526" s="1" t="s">
        <v>49312</v>
      </c>
      <c r="B26526" s="1" t="s">
        <v>59325</v>
      </c>
      <c r="C26526" s="1" t="s">
        <v>49313</v>
      </c>
      <c r="D26526" s="2">
        <v>179354</v>
      </c>
      <c r="E26526" s="1" t="s">
        <v>0</v>
      </c>
    </row>
    <row r="26527" spans="1:5" x14ac:dyDescent="0.25">
      <c r="A26527" s="2">
        <v>5305</v>
      </c>
      <c r="B26527" s="2">
        <v>5305</v>
      </c>
      <c r="C26527" s="1" t="s">
        <v>0</v>
      </c>
      <c r="D26527" s="2">
        <v>179355</v>
      </c>
      <c r="E26527" s="1" t="s">
        <v>0</v>
      </c>
    </row>
    <row r="26528" spans="1:5" x14ac:dyDescent="0.25">
      <c r="A26528" s="1" t="s">
        <v>12728</v>
      </c>
      <c r="B26528" s="1" t="s">
        <v>12729</v>
      </c>
      <c r="C26528" s="1" t="s">
        <v>49314</v>
      </c>
      <c r="D26528" s="2">
        <v>179356</v>
      </c>
      <c r="E26528" s="1" t="s">
        <v>0</v>
      </c>
    </row>
    <row r="26529" spans="1:5" x14ac:dyDescent="0.25">
      <c r="A26529" s="1" t="s">
        <v>49315</v>
      </c>
      <c r="B26529" s="1" t="s">
        <v>63125</v>
      </c>
      <c r="C26529" s="1" t="s">
        <v>49316</v>
      </c>
      <c r="D26529" s="2">
        <v>179357</v>
      </c>
      <c r="E26529" s="1" t="s">
        <v>0</v>
      </c>
    </row>
    <row r="26530" spans="1:5" ht="409.5" x14ac:dyDescent="0.25">
      <c r="A26530" s="4" t="s">
        <v>49317</v>
      </c>
      <c r="B26530" s="1" t="s">
        <v>63126</v>
      </c>
      <c r="C26530" s="1" t="s">
        <v>49318</v>
      </c>
      <c r="D26530" s="2">
        <v>179358</v>
      </c>
      <c r="E26530" s="1" t="s">
        <v>0</v>
      </c>
    </row>
    <row r="26531" spans="1:5" x14ac:dyDescent="0.25">
      <c r="A26531" s="1" t="s">
        <v>49319</v>
      </c>
      <c r="B26531" s="1" t="s">
        <v>12730</v>
      </c>
      <c r="C26531" s="1" t="s">
        <v>49320</v>
      </c>
      <c r="D26531" s="2">
        <v>179359</v>
      </c>
      <c r="E26531" s="1" t="s">
        <v>0</v>
      </c>
    </row>
    <row r="26532" spans="1:5" x14ac:dyDescent="0.25">
      <c r="A26532" s="2">
        <v>5306</v>
      </c>
      <c r="B26532" s="2">
        <v>5306</v>
      </c>
      <c r="C26532" s="1" t="s">
        <v>0</v>
      </c>
      <c r="D26532" s="2">
        <v>179360</v>
      </c>
      <c r="E26532" s="1" t="s">
        <v>0</v>
      </c>
    </row>
    <row r="26533" spans="1:5" x14ac:dyDescent="0.25">
      <c r="A26533" s="1" t="s">
        <v>4825</v>
      </c>
      <c r="B26533" s="1" t="s">
        <v>59326</v>
      </c>
      <c r="C26533" s="1" t="s">
        <v>49321</v>
      </c>
      <c r="D26533" s="2">
        <v>179361</v>
      </c>
      <c r="E26533" s="1" t="s">
        <v>0</v>
      </c>
    </row>
    <row r="26534" spans="1:5" x14ac:dyDescent="0.25">
      <c r="A26534" s="1" t="s">
        <v>49322</v>
      </c>
      <c r="B26534" s="1" t="s">
        <v>59327</v>
      </c>
      <c r="C26534" s="1" t="s">
        <v>49323</v>
      </c>
      <c r="D26534" s="2">
        <v>179362</v>
      </c>
      <c r="E26534" s="1" t="s">
        <v>0</v>
      </c>
    </row>
    <row r="26535" spans="1:5" ht="409.5" x14ac:dyDescent="0.25">
      <c r="A26535" s="4" t="s">
        <v>49324</v>
      </c>
      <c r="B26535" s="1" t="s">
        <v>59328</v>
      </c>
      <c r="C26535" s="1" t="s">
        <v>49325</v>
      </c>
      <c r="D26535" s="2">
        <v>179363</v>
      </c>
      <c r="E26535" s="1" t="s">
        <v>0</v>
      </c>
    </row>
    <row r="26536" spans="1:5" x14ac:dyDescent="0.25">
      <c r="A26536" s="1" t="s">
        <v>49326</v>
      </c>
      <c r="B26536" s="1" t="s">
        <v>59329</v>
      </c>
      <c r="C26536" s="1" t="s">
        <v>49327</v>
      </c>
      <c r="D26536" s="2">
        <v>179364</v>
      </c>
      <c r="E26536" s="1" t="s">
        <v>0</v>
      </c>
    </row>
    <row r="26537" spans="1:5" x14ac:dyDescent="0.25">
      <c r="A26537" s="2">
        <v>5307</v>
      </c>
      <c r="B26537" s="2">
        <v>5307</v>
      </c>
      <c r="C26537" s="1" t="s">
        <v>0</v>
      </c>
      <c r="D26537" s="2">
        <v>179365</v>
      </c>
      <c r="E26537" s="1" t="s">
        <v>0</v>
      </c>
    </row>
    <row r="26538" spans="1:5" x14ac:dyDescent="0.25">
      <c r="A26538" s="1" t="s">
        <v>12731</v>
      </c>
      <c r="B26538" s="1" t="s">
        <v>12732</v>
      </c>
      <c r="C26538" s="1" t="s">
        <v>49328</v>
      </c>
      <c r="D26538" s="2">
        <v>179366</v>
      </c>
      <c r="E26538" s="1" t="s">
        <v>0</v>
      </c>
    </row>
    <row r="26539" spans="1:5" x14ac:dyDescent="0.25">
      <c r="A26539" s="1" t="s">
        <v>49329</v>
      </c>
      <c r="B26539" s="1" t="s">
        <v>59330</v>
      </c>
      <c r="C26539" s="1" t="s">
        <v>49330</v>
      </c>
      <c r="D26539" s="2">
        <v>179367</v>
      </c>
      <c r="E26539" s="1" t="s">
        <v>0</v>
      </c>
    </row>
    <row r="26540" spans="1:5" ht="409.5" x14ac:dyDescent="0.25">
      <c r="A26540" s="4" t="s">
        <v>49331</v>
      </c>
      <c r="B26540" s="1" t="s">
        <v>59331</v>
      </c>
      <c r="C26540" s="1" t="s">
        <v>49332</v>
      </c>
      <c r="D26540" s="2">
        <v>179368</v>
      </c>
      <c r="E26540" s="1" t="s">
        <v>0</v>
      </c>
    </row>
    <row r="26541" spans="1:5" x14ac:dyDescent="0.25">
      <c r="A26541" s="1" t="s">
        <v>49333</v>
      </c>
      <c r="B26541" s="1" t="s">
        <v>59332</v>
      </c>
      <c r="C26541" s="1" t="s">
        <v>49334</v>
      </c>
      <c r="D26541" s="2">
        <v>179369</v>
      </c>
      <c r="E26541" s="1" t="s">
        <v>0</v>
      </c>
    </row>
    <row r="26542" spans="1:5" x14ac:dyDescent="0.25">
      <c r="A26542" s="2">
        <v>5308</v>
      </c>
      <c r="B26542" s="2">
        <v>5308</v>
      </c>
      <c r="C26542" s="1" t="s">
        <v>0</v>
      </c>
      <c r="D26542" s="2">
        <v>179370</v>
      </c>
      <c r="E26542" s="1" t="s">
        <v>0</v>
      </c>
    </row>
    <row r="26543" spans="1:5" x14ac:dyDescent="0.25">
      <c r="A26543" s="1" t="s">
        <v>4826</v>
      </c>
      <c r="B26543" s="1" t="s">
        <v>12733</v>
      </c>
      <c r="C26543" s="1" t="s">
        <v>49335</v>
      </c>
      <c r="D26543" s="2">
        <v>179371</v>
      </c>
      <c r="E26543" s="1" t="s">
        <v>0</v>
      </c>
    </row>
    <row r="26544" spans="1:5" x14ac:dyDescent="0.25">
      <c r="A26544" s="1" t="s">
        <v>49336</v>
      </c>
      <c r="B26544" s="1" t="s">
        <v>59333</v>
      </c>
      <c r="C26544" s="1" t="s">
        <v>49337</v>
      </c>
      <c r="D26544" s="2">
        <v>179372</v>
      </c>
      <c r="E26544" s="1" t="s">
        <v>0</v>
      </c>
    </row>
    <row r="26545" spans="1:5" ht="409.5" x14ac:dyDescent="0.25">
      <c r="A26545" s="4" t="s">
        <v>49338</v>
      </c>
      <c r="B26545" s="1" t="s">
        <v>63859</v>
      </c>
      <c r="C26545" s="1" t="s">
        <v>49339</v>
      </c>
      <c r="D26545" s="2">
        <v>179373</v>
      </c>
      <c r="E26545" s="1" t="s">
        <v>0</v>
      </c>
    </row>
    <row r="26546" spans="1:5" x14ac:dyDescent="0.25">
      <c r="A26546" s="1" t="s">
        <v>49340</v>
      </c>
      <c r="B26546" s="1" t="s">
        <v>59116</v>
      </c>
      <c r="C26546" s="1" t="s">
        <v>49341</v>
      </c>
      <c r="D26546" s="2">
        <v>179374</v>
      </c>
      <c r="E26546" s="1" t="s">
        <v>0</v>
      </c>
    </row>
    <row r="26547" spans="1:5" x14ac:dyDescent="0.25">
      <c r="A26547" s="2">
        <v>5309</v>
      </c>
      <c r="B26547" s="2">
        <v>5309</v>
      </c>
      <c r="C26547" s="1" t="s">
        <v>0</v>
      </c>
      <c r="D26547" s="2">
        <v>179375</v>
      </c>
      <c r="E26547" s="1" t="s">
        <v>0</v>
      </c>
    </row>
    <row r="26548" spans="1:5" x14ac:dyDescent="0.25">
      <c r="A26548" s="1" t="s">
        <v>4827</v>
      </c>
      <c r="B26548" s="1" t="s">
        <v>12734</v>
      </c>
      <c r="C26548" s="1" t="s">
        <v>49342</v>
      </c>
      <c r="D26548" s="2">
        <v>179376</v>
      </c>
      <c r="E26548" s="1" t="s">
        <v>0</v>
      </c>
    </row>
    <row r="26549" spans="1:5" x14ac:dyDescent="0.25">
      <c r="A26549" s="1" t="s">
        <v>49343</v>
      </c>
      <c r="B26549" s="1" t="s">
        <v>12735</v>
      </c>
      <c r="C26549" s="1" t="s">
        <v>49344</v>
      </c>
      <c r="D26549" s="2">
        <v>179377</v>
      </c>
      <c r="E26549" s="1" t="s">
        <v>0</v>
      </c>
    </row>
    <row r="26550" spans="1:5" ht="409.5" x14ac:dyDescent="0.25">
      <c r="A26550" s="4" t="s">
        <v>49345</v>
      </c>
      <c r="B26550" s="1" t="s">
        <v>58052</v>
      </c>
      <c r="C26550" s="1" t="s">
        <v>49346</v>
      </c>
      <c r="D26550" s="2">
        <v>179378</v>
      </c>
      <c r="E26550" s="1" t="s">
        <v>0</v>
      </c>
    </row>
    <row r="26551" spans="1:5" x14ac:dyDescent="0.25">
      <c r="A26551" s="1" t="s">
        <v>49347</v>
      </c>
      <c r="B26551" s="1" t="s">
        <v>59334</v>
      </c>
      <c r="C26551" s="1" t="s">
        <v>49348</v>
      </c>
      <c r="D26551" s="2">
        <v>179379</v>
      </c>
      <c r="E26551" s="1" t="s">
        <v>0</v>
      </c>
    </row>
    <row r="26552" spans="1:5" x14ac:dyDescent="0.25">
      <c r="A26552" s="2">
        <v>5310</v>
      </c>
      <c r="B26552" s="2">
        <v>5310</v>
      </c>
      <c r="C26552" s="1" t="s">
        <v>0</v>
      </c>
      <c r="D26552" s="2">
        <v>179380</v>
      </c>
      <c r="E26552" s="1" t="s">
        <v>0</v>
      </c>
    </row>
    <row r="26553" spans="1:5" x14ac:dyDescent="0.25">
      <c r="A26553" s="1" t="s">
        <v>4828</v>
      </c>
      <c r="B26553" s="1" t="s">
        <v>59335</v>
      </c>
      <c r="C26553" s="1" t="s">
        <v>49349</v>
      </c>
      <c r="D26553" s="2">
        <v>179381</v>
      </c>
      <c r="E26553" s="1" t="s">
        <v>0</v>
      </c>
    </row>
    <row r="26554" spans="1:5" x14ac:dyDescent="0.25">
      <c r="A26554" s="1" t="s">
        <v>49350</v>
      </c>
      <c r="B26554" s="1" t="s">
        <v>59336</v>
      </c>
      <c r="C26554" s="1" t="s">
        <v>49351</v>
      </c>
      <c r="D26554" s="2">
        <v>179382</v>
      </c>
      <c r="E26554" s="1" t="s">
        <v>0</v>
      </c>
    </row>
    <row r="26555" spans="1:5" ht="409.5" x14ac:dyDescent="0.25">
      <c r="A26555" s="4" t="s">
        <v>49352</v>
      </c>
      <c r="B26555" s="1" t="s">
        <v>63578</v>
      </c>
      <c r="C26555" s="1" t="s">
        <v>49353</v>
      </c>
      <c r="D26555" s="2">
        <v>179383</v>
      </c>
      <c r="E26555" s="1" t="s">
        <v>0</v>
      </c>
    </row>
    <row r="26556" spans="1:5" x14ac:dyDescent="0.25">
      <c r="A26556" s="1" t="s">
        <v>49354</v>
      </c>
      <c r="B26556" s="1" t="s">
        <v>61453</v>
      </c>
      <c r="C26556" s="1" t="s">
        <v>49355</v>
      </c>
      <c r="D26556" s="2">
        <v>179384</v>
      </c>
      <c r="E26556" s="1" t="s">
        <v>0</v>
      </c>
    </row>
    <row r="26557" spans="1:5" x14ac:dyDescent="0.25">
      <c r="A26557" s="2">
        <v>5311</v>
      </c>
      <c r="B26557" s="2">
        <v>5311</v>
      </c>
      <c r="C26557" s="1" t="s">
        <v>0</v>
      </c>
      <c r="D26557" s="2">
        <v>179385</v>
      </c>
      <c r="E26557" s="1" t="s">
        <v>0</v>
      </c>
    </row>
    <row r="26558" spans="1:5" x14ac:dyDescent="0.25">
      <c r="A26558" s="1" t="s">
        <v>4829</v>
      </c>
      <c r="B26558" s="1" t="s">
        <v>59337</v>
      </c>
      <c r="C26558" s="1" t="s">
        <v>49356</v>
      </c>
      <c r="D26558" s="2">
        <v>179386</v>
      </c>
      <c r="E26558" s="1" t="s">
        <v>0</v>
      </c>
    </row>
    <row r="26559" spans="1:5" x14ac:dyDescent="0.25">
      <c r="A26559" s="1" t="s">
        <v>49357</v>
      </c>
      <c r="B26559" s="1" t="s">
        <v>12736</v>
      </c>
      <c r="C26559" s="1" t="s">
        <v>49358</v>
      </c>
      <c r="D26559" s="2">
        <v>179387</v>
      </c>
      <c r="E26559" s="1" t="s">
        <v>0</v>
      </c>
    </row>
    <row r="26560" spans="1:5" ht="409.5" x14ac:dyDescent="0.25">
      <c r="A26560" s="4" t="s">
        <v>64426</v>
      </c>
      <c r="B26560" s="1" t="s">
        <v>59338</v>
      </c>
      <c r="C26560" s="1" t="s">
        <v>49359</v>
      </c>
      <c r="D26560" s="2">
        <v>179388</v>
      </c>
      <c r="E26560" s="1" t="s">
        <v>0</v>
      </c>
    </row>
    <row r="26561" spans="1:5" x14ac:dyDescent="0.25">
      <c r="A26561" s="1" t="s">
        <v>18619</v>
      </c>
      <c r="B26561" s="1" t="s">
        <v>60942</v>
      </c>
      <c r="C26561" s="1" t="s">
        <v>18620</v>
      </c>
      <c r="D26561" s="2">
        <v>179389</v>
      </c>
      <c r="E26561" s="1" t="s">
        <v>0</v>
      </c>
    </row>
    <row r="26562" spans="1:5" x14ac:dyDescent="0.25">
      <c r="A26562" s="2">
        <v>5312</v>
      </c>
      <c r="B26562" s="2">
        <v>5312</v>
      </c>
      <c r="C26562" s="1" t="s">
        <v>0</v>
      </c>
      <c r="D26562" s="2">
        <v>179390</v>
      </c>
      <c r="E26562" s="1" t="s">
        <v>0</v>
      </c>
    </row>
    <row r="26563" spans="1:5" x14ac:dyDescent="0.25">
      <c r="A26563" s="1" t="s">
        <v>4830</v>
      </c>
      <c r="B26563" s="1" t="s">
        <v>12737</v>
      </c>
      <c r="C26563" s="1" t="s">
        <v>49360</v>
      </c>
      <c r="D26563" s="2">
        <v>179391</v>
      </c>
      <c r="E26563" s="1" t="s">
        <v>0</v>
      </c>
    </row>
    <row r="26564" spans="1:5" x14ac:dyDescent="0.25">
      <c r="A26564" s="1" t="s">
        <v>49361</v>
      </c>
      <c r="B26564" s="1" t="s">
        <v>59339</v>
      </c>
      <c r="C26564" s="1" t="s">
        <v>49362</v>
      </c>
      <c r="D26564" s="2">
        <v>179392</v>
      </c>
      <c r="E26564" s="1" t="s">
        <v>0</v>
      </c>
    </row>
    <row r="26565" spans="1:5" ht="409.5" x14ac:dyDescent="0.25">
      <c r="A26565" s="4" t="s">
        <v>49363</v>
      </c>
      <c r="B26565" s="1" t="s">
        <v>59340</v>
      </c>
      <c r="C26565" s="1" t="s">
        <v>49364</v>
      </c>
      <c r="D26565" s="2">
        <v>179393</v>
      </c>
      <c r="E26565" s="1" t="s">
        <v>0</v>
      </c>
    </row>
    <row r="26566" spans="1:5" x14ac:dyDescent="0.25">
      <c r="A26566" s="1" t="s">
        <v>49365</v>
      </c>
      <c r="B26566" s="1" t="s">
        <v>12738</v>
      </c>
      <c r="C26566" s="1" t="s">
        <v>49366</v>
      </c>
      <c r="D26566" s="2">
        <v>179394</v>
      </c>
      <c r="E26566" s="1" t="s">
        <v>0</v>
      </c>
    </row>
    <row r="26567" spans="1:5" x14ac:dyDescent="0.25">
      <c r="A26567" s="2">
        <v>5313</v>
      </c>
      <c r="B26567" s="2">
        <v>5313</v>
      </c>
      <c r="C26567" s="1" t="s">
        <v>0</v>
      </c>
      <c r="D26567" s="2">
        <v>179395</v>
      </c>
      <c r="E26567" s="1" t="s">
        <v>0</v>
      </c>
    </row>
    <row r="26568" spans="1:5" x14ac:dyDescent="0.25">
      <c r="A26568" s="1" t="s">
        <v>64427</v>
      </c>
      <c r="B26568" s="1" t="s">
        <v>12739</v>
      </c>
      <c r="C26568" s="1" t="s">
        <v>49367</v>
      </c>
      <c r="D26568" s="2">
        <v>179396</v>
      </c>
      <c r="E26568" s="1" t="s">
        <v>0</v>
      </c>
    </row>
    <row r="26569" spans="1:5" x14ac:dyDescent="0.25">
      <c r="A26569" s="1" t="s">
        <v>49368</v>
      </c>
      <c r="B26569" s="1" t="s">
        <v>63914</v>
      </c>
      <c r="C26569" s="1" t="s">
        <v>49369</v>
      </c>
      <c r="D26569" s="2">
        <v>179397</v>
      </c>
      <c r="E26569" s="1" t="s">
        <v>0</v>
      </c>
    </row>
    <row r="26570" spans="1:5" ht="409.5" x14ac:dyDescent="0.25">
      <c r="A26570" s="4" t="s">
        <v>49370</v>
      </c>
      <c r="B26570" s="1" t="s">
        <v>63915</v>
      </c>
      <c r="C26570" s="1" t="s">
        <v>49371</v>
      </c>
      <c r="D26570" s="2">
        <v>179398</v>
      </c>
      <c r="E26570" s="1" t="s">
        <v>0</v>
      </c>
    </row>
    <row r="26571" spans="1:5" x14ac:dyDescent="0.25">
      <c r="A26571" s="1" t="s">
        <v>49372</v>
      </c>
      <c r="B26571" s="1" t="s">
        <v>59341</v>
      </c>
      <c r="C26571" s="1" t="s">
        <v>49373</v>
      </c>
      <c r="D26571" s="2">
        <v>179399</v>
      </c>
      <c r="E26571" s="1" t="s">
        <v>0</v>
      </c>
    </row>
    <row r="26572" spans="1:5" x14ac:dyDescent="0.25">
      <c r="A26572" s="2">
        <v>5314</v>
      </c>
      <c r="B26572" s="2">
        <v>5314</v>
      </c>
      <c r="C26572" s="1" t="s">
        <v>0</v>
      </c>
      <c r="D26572" s="2">
        <v>179400</v>
      </c>
      <c r="E26572" s="1" t="s">
        <v>0</v>
      </c>
    </row>
    <row r="26573" spans="1:5" x14ac:dyDescent="0.25">
      <c r="A26573" s="1" t="s">
        <v>4831</v>
      </c>
      <c r="B26573" s="1" t="s">
        <v>12740</v>
      </c>
      <c r="C26573" s="1" t="s">
        <v>49374</v>
      </c>
      <c r="D26573" s="2">
        <v>179401</v>
      </c>
      <c r="E26573" s="1" t="s">
        <v>0</v>
      </c>
    </row>
    <row r="26574" spans="1:5" x14ac:dyDescent="0.25">
      <c r="A26574" s="1" t="s">
        <v>49375</v>
      </c>
      <c r="B26574" s="1" t="s">
        <v>59342</v>
      </c>
      <c r="C26574" s="1" t="s">
        <v>49376</v>
      </c>
      <c r="D26574" s="2">
        <v>179402</v>
      </c>
      <c r="E26574" s="1" t="s">
        <v>0</v>
      </c>
    </row>
    <row r="26575" spans="1:5" ht="409.5" x14ac:dyDescent="0.25">
      <c r="A26575" s="4" t="s">
        <v>49377</v>
      </c>
      <c r="B26575" s="1" t="s">
        <v>59343</v>
      </c>
      <c r="C26575" s="1" t="s">
        <v>49378</v>
      </c>
      <c r="D26575" s="2">
        <v>179403</v>
      </c>
      <c r="E26575" s="1" t="s">
        <v>0</v>
      </c>
    </row>
    <row r="26576" spans="1:5" x14ac:dyDescent="0.25">
      <c r="A26576" s="1" t="s">
        <v>49379</v>
      </c>
      <c r="B26576" s="1" t="s">
        <v>61454</v>
      </c>
      <c r="C26576" s="1" t="s">
        <v>49380</v>
      </c>
      <c r="D26576" s="2">
        <v>179404</v>
      </c>
      <c r="E26576" s="1" t="s">
        <v>0</v>
      </c>
    </row>
    <row r="26577" spans="1:5" x14ac:dyDescent="0.25">
      <c r="A26577" s="2">
        <v>5315</v>
      </c>
      <c r="B26577" s="2">
        <v>5315</v>
      </c>
      <c r="C26577" s="1" t="s">
        <v>0</v>
      </c>
      <c r="D26577" s="2">
        <v>179405</v>
      </c>
      <c r="E26577" s="1" t="s">
        <v>0</v>
      </c>
    </row>
    <row r="26578" spans="1:5" x14ac:dyDescent="0.25">
      <c r="A26578" s="1" t="s">
        <v>4832</v>
      </c>
      <c r="B26578" s="1" t="s">
        <v>12741</v>
      </c>
      <c r="C26578" s="1" t="s">
        <v>49381</v>
      </c>
      <c r="D26578" s="2">
        <v>179406</v>
      </c>
      <c r="E26578" s="1" t="s">
        <v>0</v>
      </c>
    </row>
    <row r="26579" spans="1:5" x14ac:dyDescent="0.25">
      <c r="A26579" s="1" t="s">
        <v>61914</v>
      </c>
      <c r="B26579" s="1" t="s">
        <v>57363</v>
      </c>
      <c r="C26579" s="1" t="s">
        <v>49382</v>
      </c>
      <c r="D26579" s="2">
        <v>179407</v>
      </c>
      <c r="E26579" s="1" t="s">
        <v>0</v>
      </c>
    </row>
    <row r="26580" spans="1:5" ht="409.5" x14ac:dyDescent="0.25">
      <c r="A26580" s="4" t="s">
        <v>61915</v>
      </c>
      <c r="B26580" s="1" t="s">
        <v>57364</v>
      </c>
      <c r="C26580" s="1" t="s">
        <v>49383</v>
      </c>
      <c r="D26580" s="2">
        <v>179408</v>
      </c>
      <c r="E26580" s="1" t="s">
        <v>0</v>
      </c>
    </row>
    <row r="26581" spans="1:5" x14ac:dyDescent="0.25">
      <c r="A26581" s="1" t="s">
        <v>49384</v>
      </c>
      <c r="B26581" s="1" t="s">
        <v>59344</v>
      </c>
      <c r="C26581" s="1" t="s">
        <v>49385</v>
      </c>
      <c r="D26581" s="2">
        <v>179409</v>
      </c>
      <c r="E26581" s="1" t="s">
        <v>0</v>
      </c>
    </row>
    <row r="26582" spans="1:5" x14ac:dyDescent="0.25">
      <c r="A26582" s="2">
        <v>5316</v>
      </c>
      <c r="B26582" s="2">
        <v>5316</v>
      </c>
      <c r="C26582" s="1" t="s">
        <v>0</v>
      </c>
      <c r="D26582" s="2">
        <v>179410</v>
      </c>
      <c r="E26582" s="1" t="s">
        <v>0</v>
      </c>
    </row>
    <row r="26583" spans="1:5" x14ac:dyDescent="0.25">
      <c r="A26583" s="1" t="s">
        <v>4833</v>
      </c>
      <c r="B26583" s="1" t="s">
        <v>58673</v>
      </c>
      <c r="C26583" s="1" t="s">
        <v>49386</v>
      </c>
      <c r="D26583" s="2">
        <v>179411</v>
      </c>
      <c r="E26583" s="1" t="s">
        <v>0</v>
      </c>
    </row>
    <row r="26584" spans="1:5" x14ac:dyDescent="0.25">
      <c r="A26584" s="1" t="s">
        <v>49387</v>
      </c>
      <c r="B26584" s="1" t="s">
        <v>63127</v>
      </c>
      <c r="C26584" s="1" t="s">
        <v>49388</v>
      </c>
      <c r="D26584" s="2">
        <v>179412</v>
      </c>
      <c r="E26584" s="1" t="s">
        <v>0</v>
      </c>
    </row>
    <row r="26585" spans="1:5" ht="409.5" x14ac:dyDescent="0.25">
      <c r="A26585" s="4" t="s">
        <v>49389</v>
      </c>
      <c r="B26585" s="1" t="s">
        <v>63128</v>
      </c>
      <c r="C26585" s="1" t="s">
        <v>49390</v>
      </c>
      <c r="D26585" s="2">
        <v>179413</v>
      </c>
      <c r="E26585" s="1" t="s">
        <v>0</v>
      </c>
    </row>
    <row r="26586" spans="1:5" x14ac:dyDescent="0.25">
      <c r="A26586" s="1" t="s">
        <v>49391</v>
      </c>
      <c r="B26586" s="1" t="s">
        <v>12742</v>
      </c>
      <c r="C26586" s="1" t="s">
        <v>49392</v>
      </c>
      <c r="D26586" s="2">
        <v>179414</v>
      </c>
      <c r="E26586" s="1" t="s">
        <v>0</v>
      </c>
    </row>
    <row r="26587" spans="1:5" x14ac:dyDescent="0.25">
      <c r="A26587" s="2">
        <v>5317</v>
      </c>
      <c r="B26587" s="2">
        <v>5317</v>
      </c>
      <c r="C26587" s="1" t="s">
        <v>0</v>
      </c>
      <c r="D26587" s="2">
        <v>179415</v>
      </c>
      <c r="E26587" s="1" t="s">
        <v>0</v>
      </c>
    </row>
    <row r="26588" spans="1:5" x14ac:dyDescent="0.25">
      <c r="A26588" s="1" t="s">
        <v>4834</v>
      </c>
      <c r="B26588" s="1" t="s">
        <v>12743</v>
      </c>
      <c r="C26588" s="1" t="s">
        <v>49393</v>
      </c>
      <c r="D26588" s="2">
        <v>179416</v>
      </c>
      <c r="E26588" s="1" t="s">
        <v>0</v>
      </c>
    </row>
    <row r="26589" spans="1:5" x14ac:dyDescent="0.25">
      <c r="A26589" s="1" t="s">
        <v>49394</v>
      </c>
      <c r="B26589" s="1" t="s">
        <v>59345</v>
      </c>
      <c r="C26589" s="1" t="s">
        <v>49395</v>
      </c>
      <c r="D26589" s="2">
        <v>179417</v>
      </c>
      <c r="E26589" s="1" t="s">
        <v>0</v>
      </c>
    </row>
    <row r="26590" spans="1:5" ht="409.5" x14ac:dyDescent="0.25">
      <c r="A26590" s="4" t="s">
        <v>49396</v>
      </c>
      <c r="B26590" s="1" t="s">
        <v>59346</v>
      </c>
      <c r="C26590" s="1" t="s">
        <v>49397</v>
      </c>
      <c r="D26590" s="2">
        <v>179418</v>
      </c>
      <c r="E26590" s="1" t="s">
        <v>0</v>
      </c>
    </row>
    <row r="26591" spans="1:5" x14ac:dyDescent="0.25">
      <c r="A26591" s="1" t="s">
        <v>49398</v>
      </c>
      <c r="B26591" s="1" t="s">
        <v>12744</v>
      </c>
      <c r="C26591" s="1" t="s">
        <v>49399</v>
      </c>
      <c r="D26591" s="2">
        <v>179419</v>
      </c>
      <c r="E26591" s="1" t="s">
        <v>0</v>
      </c>
    </row>
    <row r="26592" spans="1:5" x14ac:dyDescent="0.25">
      <c r="A26592" s="2">
        <v>5318</v>
      </c>
      <c r="B26592" s="2">
        <v>5318</v>
      </c>
      <c r="C26592" s="1" t="s">
        <v>0</v>
      </c>
      <c r="D26592" s="2">
        <v>179420</v>
      </c>
      <c r="E26592" s="1" t="s">
        <v>0</v>
      </c>
    </row>
    <row r="26593" spans="1:5" x14ac:dyDescent="0.25">
      <c r="A26593" s="1" t="s">
        <v>4835</v>
      </c>
      <c r="B26593" s="1" t="s">
        <v>12745</v>
      </c>
      <c r="C26593" s="1" t="s">
        <v>49400</v>
      </c>
      <c r="D26593" s="2">
        <v>179421</v>
      </c>
      <c r="E26593" s="1" t="s">
        <v>0</v>
      </c>
    </row>
    <row r="26594" spans="1:5" x14ac:dyDescent="0.25">
      <c r="A26594" s="1" t="s">
        <v>49401</v>
      </c>
      <c r="B26594" s="1" t="s">
        <v>59347</v>
      </c>
      <c r="C26594" s="1" t="s">
        <v>49402</v>
      </c>
      <c r="D26594" s="2">
        <v>179422</v>
      </c>
      <c r="E26594" s="1" t="s">
        <v>0</v>
      </c>
    </row>
    <row r="26595" spans="1:5" ht="409.5" x14ac:dyDescent="0.25">
      <c r="A26595" s="4" t="s">
        <v>49403</v>
      </c>
      <c r="B26595" s="1" t="s">
        <v>61455</v>
      </c>
      <c r="C26595" s="1" t="s">
        <v>49404</v>
      </c>
      <c r="D26595" s="2">
        <v>179423</v>
      </c>
      <c r="E26595" s="1" t="s">
        <v>0</v>
      </c>
    </row>
    <row r="26596" spans="1:5" x14ac:dyDescent="0.25">
      <c r="A26596" s="1" t="s">
        <v>49405</v>
      </c>
      <c r="B26596" s="1" t="s">
        <v>12746</v>
      </c>
      <c r="C26596" s="1" t="s">
        <v>49406</v>
      </c>
      <c r="D26596" s="2">
        <v>179424</v>
      </c>
      <c r="E26596" s="1" t="s">
        <v>0</v>
      </c>
    </row>
    <row r="26597" spans="1:5" x14ac:dyDescent="0.25">
      <c r="A26597" s="2">
        <v>5319</v>
      </c>
      <c r="B26597" s="2">
        <v>5319</v>
      </c>
      <c r="C26597" s="1" t="s">
        <v>0</v>
      </c>
      <c r="D26597" s="2">
        <v>179425</v>
      </c>
      <c r="E26597" s="1" t="s">
        <v>0</v>
      </c>
    </row>
    <row r="26598" spans="1:5" x14ac:dyDescent="0.25">
      <c r="A26598" s="1" t="s">
        <v>4836</v>
      </c>
      <c r="B26598" s="1" t="s">
        <v>12747</v>
      </c>
      <c r="C26598" s="1" t="s">
        <v>49407</v>
      </c>
      <c r="D26598" s="2">
        <v>179426</v>
      </c>
      <c r="E26598" s="1" t="s">
        <v>0</v>
      </c>
    </row>
    <row r="26599" spans="1:5" x14ac:dyDescent="0.25">
      <c r="A26599" s="1" t="s">
        <v>49408</v>
      </c>
      <c r="B26599" s="1" t="s">
        <v>63129</v>
      </c>
      <c r="C26599" s="1" t="s">
        <v>49409</v>
      </c>
      <c r="D26599" s="2">
        <v>179427</v>
      </c>
      <c r="E26599" s="1" t="s">
        <v>0</v>
      </c>
    </row>
    <row r="26600" spans="1:5" ht="409.5" x14ac:dyDescent="0.25">
      <c r="A26600" s="4" t="s">
        <v>49410</v>
      </c>
      <c r="B26600" s="1" t="s">
        <v>63130</v>
      </c>
      <c r="C26600" s="1" t="s">
        <v>49411</v>
      </c>
      <c r="D26600" s="2">
        <v>179428</v>
      </c>
      <c r="E26600" s="1" t="s">
        <v>0</v>
      </c>
    </row>
    <row r="26601" spans="1:5" x14ac:dyDescent="0.25">
      <c r="A26601" s="1" t="s">
        <v>49412</v>
      </c>
      <c r="B26601" s="1" t="s">
        <v>61456</v>
      </c>
      <c r="C26601" s="1" t="s">
        <v>49413</v>
      </c>
      <c r="D26601" s="2">
        <v>179429</v>
      </c>
      <c r="E26601" s="1" t="s">
        <v>0</v>
      </c>
    </row>
    <row r="26602" spans="1:5" x14ac:dyDescent="0.25">
      <c r="A26602" s="2">
        <v>5320</v>
      </c>
      <c r="B26602" s="2">
        <v>5320</v>
      </c>
      <c r="C26602" s="1" t="s">
        <v>0</v>
      </c>
      <c r="D26602" s="2">
        <v>179430</v>
      </c>
      <c r="E26602" s="1" t="s">
        <v>0</v>
      </c>
    </row>
    <row r="26603" spans="1:5" x14ac:dyDescent="0.25">
      <c r="A26603" s="1" t="s">
        <v>4837</v>
      </c>
      <c r="B26603" s="1" t="s">
        <v>12748</v>
      </c>
      <c r="C26603" s="1" t="s">
        <v>49414</v>
      </c>
      <c r="D26603" s="2">
        <v>179431</v>
      </c>
      <c r="E26603" s="1" t="s">
        <v>0</v>
      </c>
    </row>
    <row r="26604" spans="1:5" x14ac:dyDescent="0.25">
      <c r="A26604" s="1" t="s">
        <v>49415</v>
      </c>
      <c r="B26604" s="1" t="s">
        <v>59348</v>
      </c>
      <c r="C26604" s="1" t="s">
        <v>49416</v>
      </c>
      <c r="D26604" s="2">
        <v>179432</v>
      </c>
      <c r="E26604" s="1" t="s">
        <v>0</v>
      </c>
    </row>
    <row r="26605" spans="1:5" ht="409.5" x14ac:dyDescent="0.25">
      <c r="A26605" s="4" t="s">
        <v>49417</v>
      </c>
      <c r="B26605" s="1" t="s">
        <v>59349</v>
      </c>
      <c r="C26605" s="1" t="s">
        <v>49418</v>
      </c>
      <c r="D26605" s="2">
        <v>179433</v>
      </c>
      <c r="E26605" s="1" t="s">
        <v>0</v>
      </c>
    </row>
    <row r="26606" spans="1:5" x14ac:dyDescent="0.25">
      <c r="A26606" s="1" t="s">
        <v>49419</v>
      </c>
      <c r="B26606" s="1" t="s">
        <v>12749</v>
      </c>
      <c r="C26606" s="1" t="s">
        <v>49420</v>
      </c>
      <c r="D26606" s="2">
        <v>179434</v>
      </c>
      <c r="E26606" s="1" t="s">
        <v>0</v>
      </c>
    </row>
    <row r="26607" spans="1:5" x14ac:dyDescent="0.25">
      <c r="A26607" s="2">
        <v>5321</v>
      </c>
      <c r="B26607" s="2">
        <v>5321</v>
      </c>
      <c r="C26607" s="1" t="s">
        <v>0</v>
      </c>
      <c r="D26607" s="2">
        <v>179435</v>
      </c>
      <c r="E26607" s="1" t="s">
        <v>0</v>
      </c>
    </row>
    <row r="26608" spans="1:5" x14ac:dyDescent="0.25">
      <c r="A26608" s="1" t="s">
        <v>4838</v>
      </c>
      <c r="B26608" s="1" t="s">
        <v>12750</v>
      </c>
      <c r="C26608" s="1" t="s">
        <v>49421</v>
      </c>
      <c r="D26608" s="2">
        <v>179436</v>
      </c>
      <c r="E26608" s="1" t="s">
        <v>0</v>
      </c>
    </row>
    <row r="26609" spans="1:5" x14ac:dyDescent="0.25">
      <c r="A26609" s="1" t="s">
        <v>49422</v>
      </c>
      <c r="B26609" s="1" t="s">
        <v>12751</v>
      </c>
      <c r="C26609" s="1" t="s">
        <v>49423</v>
      </c>
      <c r="D26609" s="2">
        <v>179437</v>
      </c>
      <c r="E26609" s="1" t="s">
        <v>0</v>
      </c>
    </row>
    <row r="26610" spans="1:5" ht="409.5" x14ac:dyDescent="0.25">
      <c r="A26610" s="4" t="s">
        <v>49424</v>
      </c>
      <c r="B26610" s="1" t="s">
        <v>59350</v>
      </c>
      <c r="C26610" s="1" t="s">
        <v>49425</v>
      </c>
      <c r="D26610" s="2">
        <v>179438</v>
      </c>
      <c r="E26610" s="1" t="s">
        <v>0</v>
      </c>
    </row>
    <row r="26611" spans="1:5" x14ac:dyDescent="0.25">
      <c r="A26611" s="1" t="s">
        <v>49426</v>
      </c>
      <c r="B26611" s="1" t="s">
        <v>12752</v>
      </c>
      <c r="C26611" s="1" t="s">
        <v>49427</v>
      </c>
      <c r="D26611" s="2">
        <v>179439</v>
      </c>
      <c r="E26611" s="1" t="s">
        <v>0</v>
      </c>
    </row>
    <row r="26612" spans="1:5" x14ac:dyDescent="0.25">
      <c r="A26612" s="2">
        <v>5322</v>
      </c>
      <c r="B26612" s="2">
        <v>5322</v>
      </c>
      <c r="C26612" s="1" t="s">
        <v>0</v>
      </c>
      <c r="D26612" s="2">
        <v>179440</v>
      </c>
      <c r="E26612" s="1" t="s">
        <v>0</v>
      </c>
    </row>
    <row r="26613" spans="1:5" x14ac:dyDescent="0.25">
      <c r="A26613" s="1" t="s">
        <v>4839</v>
      </c>
      <c r="B26613" s="1" t="s">
        <v>59351</v>
      </c>
      <c r="C26613" s="1" t="s">
        <v>49428</v>
      </c>
      <c r="D26613" s="2">
        <v>179441</v>
      </c>
      <c r="E26613" s="1" t="s">
        <v>0</v>
      </c>
    </row>
    <row r="26614" spans="1:5" x14ac:dyDescent="0.25">
      <c r="A26614" s="1" t="s">
        <v>49429</v>
      </c>
      <c r="B26614" s="1" t="s">
        <v>59352</v>
      </c>
      <c r="C26614" s="1" t="s">
        <v>49430</v>
      </c>
      <c r="D26614" s="2">
        <v>179442</v>
      </c>
      <c r="E26614" s="1" t="s">
        <v>0</v>
      </c>
    </row>
    <row r="26615" spans="1:5" ht="409.5" x14ac:dyDescent="0.25">
      <c r="A26615" s="4" t="s">
        <v>49431</v>
      </c>
      <c r="B26615" s="1" t="s">
        <v>59353</v>
      </c>
      <c r="C26615" s="1" t="s">
        <v>49432</v>
      </c>
      <c r="D26615" s="2">
        <v>179443</v>
      </c>
      <c r="E26615" s="1" t="s">
        <v>0</v>
      </c>
    </row>
    <row r="26616" spans="1:5" x14ac:dyDescent="0.25">
      <c r="A26616" s="1" t="s">
        <v>49433</v>
      </c>
      <c r="B26616" s="1" t="s">
        <v>59354</v>
      </c>
      <c r="C26616" s="1" t="s">
        <v>49434</v>
      </c>
      <c r="D26616" s="2">
        <v>179444</v>
      </c>
      <c r="E26616" s="1" t="s">
        <v>0</v>
      </c>
    </row>
    <row r="26617" spans="1:5" x14ac:dyDescent="0.25">
      <c r="A26617" s="2">
        <v>5323</v>
      </c>
      <c r="B26617" s="2">
        <v>5323</v>
      </c>
      <c r="C26617" s="1" t="s">
        <v>0</v>
      </c>
      <c r="D26617" s="2">
        <v>179445</v>
      </c>
      <c r="E26617" s="1" t="s">
        <v>0</v>
      </c>
    </row>
    <row r="26618" spans="1:5" x14ac:dyDescent="0.25">
      <c r="A26618" s="1" t="s">
        <v>4840</v>
      </c>
      <c r="B26618" s="1" t="s">
        <v>12753</v>
      </c>
      <c r="C26618" s="1" t="s">
        <v>49435</v>
      </c>
      <c r="D26618" s="2">
        <v>179446</v>
      </c>
      <c r="E26618" s="1" t="s">
        <v>0</v>
      </c>
    </row>
    <row r="26619" spans="1:5" x14ac:dyDescent="0.25">
      <c r="A26619" s="1" t="s">
        <v>49436</v>
      </c>
      <c r="B26619" s="1" t="s">
        <v>59355</v>
      </c>
      <c r="C26619" s="1" t="s">
        <v>49437</v>
      </c>
      <c r="D26619" s="2">
        <v>179447</v>
      </c>
      <c r="E26619" s="1" t="s">
        <v>0</v>
      </c>
    </row>
    <row r="26620" spans="1:5" ht="409.5" x14ac:dyDescent="0.25">
      <c r="A26620" s="4" t="s">
        <v>49438</v>
      </c>
      <c r="B26620" s="1" t="s">
        <v>59356</v>
      </c>
      <c r="C26620" s="1" t="s">
        <v>49439</v>
      </c>
      <c r="D26620" s="2">
        <v>179448</v>
      </c>
      <c r="E26620" s="1" t="s">
        <v>0</v>
      </c>
    </row>
    <row r="26621" spans="1:5" x14ac:dyDescent="0.25">
      <c r="A26621" s="1" t="s">
        <v>49440</v>
      </c>
      <c r="B26621" s="1" t="s">
        <v>59357</v>
      </c>
      <c r="C26621" s="1" t="s">
        <v>49441</v>
      </c>
      <c r="D26621" s="2">
        <v>179449</v>
      </c>
      <c r="E26621" s="1" t="s">
        <v>0</v>
      </c>
    </row>
    <row r="26622" spans="1:5" x14ac:dyDescent="0.25">
      <c r="A26622" s="2">
        <v>5324</v>
      </c>
      <c r="B26622" s="2">
        <v>5324</v>
      </c>
      <c r="C26622" s="1" t="s">
        <v>0</v>
      </c>
      <c r="D26622" s="2">
        <v>179450</v>
      </c>
      <c r="E26622" s="1" t="s">
        <v>0</v>
      </c>
    </row>
    <row r="26623" spans="1:5" x14ac:dyDescent="0.25">
      <c r="A26623" s="1" t="s">
        <v>4841</v>
      </c>
      <c r="B26623" s="1" t="s">
        <v>59358</v>
      </c>
      <c r="C26623" s="1" t="s">
        <v>49442</v>
      </c>
      <c r="D26623" s="2">
        <v>179451</v>
      </c>
      <c r="E26623" s="1" t="s">
        <v>0</v>
      </c>
    </row>
    <row r="26624" spans="1:5" x14ac:dyDescent="0.25">
      <c r="A26624" s="1" t="s">
        <v>49443</v>
      </c>
      <c r="B26624" s="1" t="s">
        <v>59359</v>
      </c>
      <c r="C26624" s="1" t="s">
        <v>49444</v>
      </c>
      <c r="D26624" s="2">
        <v>179452</v>
      </c>
      <c r="E26624" s="1" t="s">
        <v>0</v>
      </c>
    </row>
    <row r="26625" spans="1:5" ht="409.5" x14ac:dyDescent="0.25">
      <c r="A26625" s="4" t="s">
        <v>64428</v>
      </c>
      <c r="B26625" s="1" t="s">
        <v>59360</v>
      </c>
      <c r="C26625" s="1" t="s">
        <v>49445</v>
      </c>
      <c r="D26625" s="2">
        <v>179453</v>
      </c>
      <c r="E26625" s="1" t="s">
        <v>0</v>
      </c>
    </row>
    <row r="26626" spans="1:5" x14ac:dyDescent="0.25">
      <c r="A26626" s="1" t="s">
        <v>49446</v>
      </c>
      <c r="B26626" s="1" t="s">
        <v>12754</v>
      </c>
      <c r="C26626" s="1" t="s">
        <v>49447</v>
      </c>
      <c r="D26626" s="2">
        <v>179454</v>
      </c>
      <c r="E26626" s="1" t="s">
        <v>0</v>
      </c>
    </row>
    <row r="26627" spans="1:5" x14ac:dyDescent="0.25">
      <c r="A26627" s="2">
        <v>5325</v>
      </c>
      <c r="B26627" s="2">
        <v>5325</v>
      </c>
      <c r="C26627" s="1" t="s">
        <v>0</v>
      </c>
      <c r="D26627" s="2">
        <v>179455</v>
      </c>
      <c r="E26627" s="1" t="s">
        <v>0</v>
      </c>
    </row>
    <row r="26628" spans="1:5" x14ac:dyDescent="0.25">
      <c r="A26628" s="1" t="s">
        <v>4842</v>
      </c>
      <c r="B26628" s="1" t="s">
        <v>12755</v>
      </c>
      <c r="C26628" s="1" t="s">
        <v>49448</v>
      </c>
      <c r="D26628" s="2">
        <v>179456</v>
      </c>
      <c r="E26628" s="1" t="s">
        <v>0</v>
      </c>
    </row>
    <row r="26629" spans="1:5" x14ac:dyDescent="0.25">
      <c r="A26629" s="1" t="s">
        <v>49449</v>
      </c>
      <c r="B26629" s="1" t="s">
        <v>59361</v>
      </c>
      <c r="C26629" s="1" t="s">
        <v>49450</v>
      </c>
      <c r="D26629" s="2">
        <v>179457</v>
      </c>
      <c r="E26629" s="1" t="s">
        <v>0</v>
      </c>
    </row>
    <row r="26630" spans="1:5" ht="409.5" x14ac:dyDescent="0.25">
      <c r="A26630" s="4" t="s">
        <v>49451</v>
      </c>
      <c r="B26630" s="1" t="s">
        <v>59362</v>
      </c>
      <c r="C26630" s="1" t="s">
        <v>49452</v>
      </c>
      <c r="D26630" s="2">
        <v>179458</v>
      </c>
      <c r="E26630" s="1" t="s">
        <v>0</v>
      </c>
    </row>
    <row r="26631" spans="1:5" x14ac:dyDescent="0.25">
      <c r="A26631" s="1" t="s">
        <v>49453</v>
      </c>
      <c r="B26631" s="1" t="s">
        <v>12756</v>
      </c>
      <c r="C26631" s="1" t="s">
        <v>49454</v>
      </c>
      <c r="D26631" s="2">
        <v>179459</v>
      </c>
      <c r="E26631" s="1" t="s">
        <v>0</v>
      </c>
    </row>
    <row r="26632" spans="1:5" x14ac:dyDescent="0.25">
      <c r="A26632" s="2">
        <v>5326</v>
      </c>
      <c r="B26632" s="2">
        <v>5326</v>
      </c>
      <c r="C26632" s="1" t="s">
        <v>0</v>
      </c>
      <c r="D26632" s="2">
        <v>179460</v>
      </c>
      <c r="E26632" s="1" t="s">
        <v>0</v>
      </c>
    </row>
    <row r="26633" spans="1:5" x14ac:dyDescent="0.25">
      <c r="A26633" s="1" t="s">
        <v>4843</v>
      </c>
      <c r="B26633" s="1" t="s">
        <v>60357</v>
      </c>
      <c r="C26633" s="1" t="s">
        <v>49455</v>
      </c>
      <c r="D26633" s="2">
        <v>179461</v>
      </c>
      <c r="E26633" s="1" t="s">
        <v>0</v>
      </c>
    </row>
    <row r="26634" spans="1:5" x14ac:dyDescent="0.25">
      <c r="A26634" s="1" t="s">
        <v>49456</v>
      </c>
      <c r="B26634" s="1" t="s">
        <v>12757</v>
      </c>
      <c r="C26634" s="1" t="s">
        <v>49457</v>
      </c>
      <c r="D26634" s="2">
        <v>179462</v>
      </c>
      <c r="E26634" s="1" t="s">
        <v>0</v>
      </c>
    </row>
    <row r="26635" spans="1:5" ht="409.5" x14ac:dyDescent="0.25">
      <c r="A26635" s="4" t="s">
        <v>49458</v>
      </c>
      <c r="B26635" s="1" t="s">
        <v>12758</v>
      </c>
      <c r="C26635" s="1" t="s">
        <v>49459</v>
      </c>
      <c r="D26635" s="2">
        <v>179463</v>
      </c>
      <c r="E26635" s="1" t="s">
        <v>0</v>
      </c>
    </row>
    <row r="26636" spans="1:5" x14ac:dyDescent="0.25">
      <c r="A26636" s="1" t="s">
        <v>49460</v>
      </c>
      <c r="B26636" s="1" t="s">
        <v>59363</v>
      </c>
      <c r="C26636" s="1" t="s">
        <v>49461</v>
      </c>
      <c r="D26636" s="2">
        <v>179464</v>
      </c>
      <c r="E26636" s="1" t="s">
        <v>0</v>
      </c>
    </row>
    <row r="26637" spans="1:5" x14ac:dyDescent="0.25">
      <c r="A26637" s="2">
        <v>5327</v>
      </c>
      <c r="B26637" s="2">
        <v>5327</v>
      </c>
      <c r="C26637" s="1" t="s">
        <v>0</v>
      </c>
      <c r="D26637" s="2">
        <v>179465</v>
      </c>
      <c r="E26637" s="1" t="s">
        <v>0</v>
      </c>
    </row>
    <row r="26638" spans="1:5" x14ac:dyDescent="0.25">
      <c r="A26638" s="1" t="s">
        <v>4844</v>
      </c>
      <c r="B26638" s="1" t="s">
        <v>12759</v>
      </c>
      <c r="C26638" s="1" t="s">
        <v>49462</v>
      </c>
      <c r="D26638" s="2">
        <v>179466</v>
      </c>
      <c r="E26638" s="1" t="s">
        <v>0</v>
      </c>
    </row>
    <row r="26639" spans="1:5" x14ac:dyDescent="0.25">
      <c r="A26639" s="1" t="s">
        <v>49463</v>
      </c>
      <c r="B26639" s="1" t="s">
        <v>49464</v>
      </c>
      <c r="C26639" s="1" t="s">
        <v>49465</v>
      </c>
      <c r="D26639" s="2">
        <v>179467</v>
      </c>
      <c r="E26639" s="1" t="s">
        <v>0</v>
      </c>
    </row>
    <row r="26640" spans="1:5" ht="409.5" x14ac:dyDescent="0.25">
      <c r="A26640" s="4" t="s">
        <v>49466</v>
      </c>
      <c r="B26640" s="1" t="s">
        <v>49467</v>
      </c>
      <c r="C26640" s="1" t="s">
        <v>49468</v>
      </c>
      <c r="D26640" s="2">
        <v>179468</v>
      </c>
      <c r="E26640" s="1" t="s">
        <v>0</v>
      </c>
    </row>
    <row r="26641" spans="1:5" x14ac:dyDescent="0.25">
      <c r="A26641" s="1" t="s">
        <v>49469</v>
      </c>
      <c r="B26641" s="1" t="s">
        <v>59364</v>
      </c>
      <c r="C26641" s="1" t="s">
        <v>49470</v>
      </c>
      <c r="D26641" s="2">
        <v>179469</v>
      </c>
      <c r="E26641" s="1" t="s">
        <v>0</v>
      </c>
    </row>
    <row r="26642" spans="1:5" x14ac:dyDescent="0.25">
      <c r="A26642" s="2">
        <v>5328</v>
      </c>
      <c r="B26642" s="2">
        <v>5328</v>
      </c>
      <c r="C26642" s="1" t="s">
        <v>0</v>
      </c>
      <c r="D26642" s="2">
        <v>179470</v>
      </c>
      <c r="E26642" s="1" t="s">
        <v>0</v>
      </c>
    </row>
    <row r="26643" spans="1:5" x14ac:dyDescent="0.25">
      <c r="A26643" s="1" t="s">
        <v>4845</v>
      </c>
      <c r="B26643" s="1" t="s">
        <v>12760</v>
      </c>
      <c r="C26643" s="1" t="s">
        <v>49471</v>
      </c>
      <c r="D26643" s="2">
        <v>179471</v>
      </c>
      <c r="E26643" s="1" t="s">
        <v>0</v>
      </c>
    </row>
    <row r="26644" spans="1:5" x14ac:dyDescent="0.25">
      <c r="A26644" s="1" t="s">
        <v>49472</v>
      </c>
      <c r="B26644" s="1" t="s">
        <v>12761</v>
      </c>
      <c r="C26644" s="1" t="s">
        <v>49473</v>
      </c>
      <c r="D26644" s="2">
        <v>179472</v>
      </c>
      <c r="E26644" s="1" t="s">
        <v>0</v>
      </c>
    </row>
    <row r="26645" spans="1:5" ht="409.5" x14ac:dyDescent="0.25">
      <c r="A26645" s="4" t="s">
        <v>49474</v>
      </c>
      <c r="B26645" s="1" t="s">
        <v>12762</v>
      </c>
      <c r="C26645" s="1" t="s">
        <v>49475</v>
      </c>
      <c r="D26645" s="2">
        <v>179473</v>
      </c>
      <c r="E26645" s="1" t="s">
        <v>0</v>
      </c>
    </row>
    <row r="26646" spans="1:5" x14ac:dyDescent="0.25">
      <c r="A26646" s="1" t="s">
        <v>49476</v>
      </c>
      <c r="B26646" s="1" t="s">
        <v>12763</v>
      </c>
      <c r="C26646" s="1" t="s">
        <v>49477</v>
      </c>
      <c r="D26646" s="2">
        <v>179474</v>
      </c>
      <c r="E26646" s="1" t="s">
        <v>0</v>
      </c>
    </row>
    <row r="26647" spans="1:5" x14ac:dyDescent="0.25">
      <c r="A26647" s="2">
        <v>5329</v>
      </c>
      <c r="B26647" s="2">
        <v>5329</v>
      </c>
      <c r="C26647" s="1" t="s">
        <v>0</v>
      </c>
      <c r="D26647" s="2">
        <v>179475</v>
      </c>
      <c r="E26647" s="1" t="s">
        <v>0</v>
      </c>
    </row>
    <row r="26648" spans="1:5" x14ac:dyDescent="0.25">
      <c r="A26648" s="1" t="s">
        <v>4846</v>
      </c>
      <c r="B26648" s="1" t="s">
        <v>12764</v>
      </c>
      <c r="C26648" s="1" t="s">
        <v>49478</v>
      </c>
      <c r="D26648" s="2">
        <v>179476</v>
      </c>
      <c r="E26648" s="1" t="s">
        <v>0</v>
      </c>
    </row>
    <row r="26649" spans="1:5" x14ac:dyDescent="0.25">
      <c r="A26649" s="1" t="s">
        <v>49479</v>
      </c>
      <c r="B26649" s="1" t="s">
        <v>58891</v>
      </c>
      <c r="C26649" s="1" t="s">
        <v>49480</v>
      </c>
      <c r="D26649" s="2">
        <v>179477</v>
      </c>
      <c r="E26649" s="1" t="s">
        <v>0</v>
      </c>
    </row>
    <row r="26650" spans="1:5" ht="409.5" x14ac:dyDescent="0.25">
      <c r="A26650" s="4" t="s">
        <v>49481</v>
      </c>
      <c r="B26650" s="1" t="s">
        <v>59705</v>
      </c>
      <c r="C26650" s="1" t="s">
        <v>49482</v>
      </c>
      <c r="D26650" s="2">
        <v>179478</v>
      </c>
      <c r="E26650" s="1" t="s">
        <v>0</v>
      </c>
    </row>
    <row r="26651" spans="1:5" x14ac:dyDescent="0.25">
      <c r="A26651" s="1" t="s">
        <v>49483</v>
      </c>
      <c r="B26651" s="1" t="s">
        <v>12765</v>
      </c>
      <c r="C26651" s="1" t="s">
        <v>49484</v>
      </c>
      <c r="D26651" s="2">
        <v>179479</v>
      </c>
      <c r="E26651" s="1" t="s">
        <v>0</v>
      </c>
    </row>
    <row r="26652" spans="1:5" x14ac:dyDescent="0.25">
      <c r="A26652" s="2">
        <v>5330</v>
      </c>
      <c r="B26652" s="2">
        <v>5330</v>
      </c>
      <c r="C26652" s="1" t="s">
        <v>0</v>
      </c>
      <c r="D26652" s="2">
        <v>179480</v>
      </c>
      <c r="E26652" s="1" t="s">
        <v>0</v>
      </c>
    </row>
    <row r="26653" spans="1:5" x14ac:dyDescent="0.25">
      <c r="A26653" s="1" t="s">
        <v>4847</v>
      </c>
      <c r="B26653" s="1" t="s">
        <v>58892</v>
      </c>
      <c r="C26653" s="1" t="s">
        <v>49485</v>
      </c>
      <c r="D26653" s="2">
        <v>179481</v>
      </c>
      <c r="E26653" s="1" t="s">
        <v>0</v>
      </c>
    </row>
    <row r="26654" spans="1:5" x14ac:dyDescent="0.25">
      <c r="A26654" s="1" t="s">
        <v>49486</v>
      </c>
      <c r="B26654" s="1" t="s">
        <v>63131</v>
      </c>
      <c r="C26654" s="1" t="s">
        <v>49487</v>
      </c>
      <c r="D26654" s="2">
        <v>179482</v>
      </c>
      <c r="E26654" s="1" t="s">
        <v>0</v>
      </c>
    </row>
    <row r="26655" spans="1:5" ht="409.5" x14ac:dyDescent="0.25">
      <c r="A26655" s="4" t="s">
        <v>49488</v>
      </c>
      <c r="B26655" s="1" t="s">
        <v>63132</v>
      </c>
      <c r="C26655" s="1" t="s">
        <v>49489</v>
      </c>
      <c r="D26655" s="2">
        <v>179483</v>
      </c>
      <c r="E26655" s="1" t="s">
        <v>0</v>
      </c>
    </row>
    <row r="26656" spans="1:5" x14ac:dyDescent="0.25">
      <c r="A26656" s="1" t="s">
        <v>24097</v>
      </c>
      <c r="B26656" s="1" t="s">
        <v>62282</v>
      </c>
      <c r="C26656" s="1" t="s">
        <v>24098</v>
      </c>
      <c r="D26656" s="2">
        <v>179484</v>
      </c>
      <c r="E26656" s="1" t="s">
        <v>0</v>
      </c>
    </row>
    <row r="26657" spans="1:5" x14ac:dyDescent="0.25">
      <c r="A26657" s="2">
        <v>5331</v>
      </c>
      <c r="B26657" s="2">
        <v>5331</v>
      </c>
      <c r="C26657" s="1" t="s">
        <v>0</v>
      </c>
      <c r="D26657" s="2">
        <v>179485</v>
      </c>
      <c r="E26657" s="1" t="s">
        <v>0</v>
      </c>
    </row>
    <row r="26658" spans="1:5" x14ac:dyDescent="0.25">
      <c r="A26658" s="1" t="s">
        <v>4848</v>
      </c>
      <c r="B26658" s="1" t="s">
        <v>12766</v>
      </c>
      <c r="C26658" s="1" t="s">
        <v>49490</v>
      </c>
      <c r="D26658" s="2">
        <v>179486</v>
      </c>
      <c r="E26658" s="1" t="s">
        <v>0</v>
      </c>
    </row>
    <row r="26659" spans="1:5" x14ac:dyDescent="0.25">
      <c r="A26659" s="1" t="s">
        <v>49491</v>
      </c>
      <c r="B26659" s="1" t="s">
        <v>59365</v>
      </c>
      <c r="C26659" s="1" t="s">
        <v>49492</v>
      </c>
      <c r="D26659" s="2">
        <v>179487</v>
      </c>
      <c r="E26659" s="1" t="s">
        <v>0</v>
      </c>
    </row>
    <row r="26660" spans="1:5" ht="409.5" x14ac:dyDescent="0.25">
      <c r="A26660" s="4" t="s">
        <v>49493</v>
      </c>
      <c r="B26660" s="1" t="s">
        <v>59366</v>
      </c>
      <c r="C26660" s="1" t="s">
        <v>49494</v>
      </c>
      <c r="D26660" s="2">
        <v>179488</v>
      </c>
      <c r="E26660" s="1" t="s">
        <v>0</v>
      </c>
    </row>
    <row r="26661" spans="1:5" x14ac:dyDescent="0.25">
      <c r="A26661" s="1" t="s">
        <v>21207</v>
      </c>
      <c r="B26661" s="1" t="s">
        <v>60987</v>
      </c>
      <c r="C26661" s="1" t="s">
        <v>21208</v>
      </c>
      <c r="D26661" s="2">
        <v>179489</v>
      </c>
      <c r="E26661" s="1" t="s">
        <v>0</v>
      </c>
    </row>
    <row r="26662" spans="1:5" x14ac:dyDescent="0.25">
      <c r="A26662" s="2">
        <v>5332</v>
      </c>
      <c r="B26662" s="2">
        <v>5332</v>
      </c>
      <c r="C26662" s="1" t="s">
        <v>0</v>
      </c>
      <c r="D26662" s="2">
        <v>179490</v>
      </c>
      <c r="E26662" s="1" t="s">
        <v>0</v>
      </c>
    </row>
    <row r="26663" spans="1:5" x14ac:dyDescent="0.25">
      <c r="A26663" s="1" t="s">
        <v>4849</v>
      </c>
      <c r="B26663" s="1" t="s">
        <v>12767</v>
      </c>
      <c r="C26663" s="1" t="s">
        <v>49495</v>
      </c>
      <c r="D26663" s="2">
        <v>179491</v>
      </c>
      <c r="E26663" s="1" t="s">
        <v>0</v>
      </c>
    </row>
    <row r="26664" spans="1:5" x14ac:dyDescent="0.25">
      <c r="A26664" s="1" t="s">
        <v>49496</v>
      </c>
      <c r="B26664" s="1" t="s">
        <v>59367</v>
      </c>
      <c r="C26664" s="1" t="s">
        <v>49497</v>
      </c>
      <c r="D26664" s="2">
        <v>179492</v>
      </c>
      <c r="E26664" s="1" t="s">
        <v>0</v>
      </c>
    </row>
    <row r="26665" spans="1:5" ht="409.5" x14ac:dyDescent="0.25">
      <c r="A26665" s="4" t="s">
        <v>49498</v>
      </c>
      <c r="B26665" s="1" t="s">
        <v>59368</v>
      </c>
      <c r="C26665" s="1" t="s">
        <v>49499</v>
      </c>
      <c r="D26665" s="2">
        <v>179493</v>
      </c>
      <c r="E26665" s="1" t="s">
        <v>0</v>
      </c>
    </row>
    <row r="26666" spans="1:5" x14ac:dyDescent="0.25">
      <c r="A26666" s="1" t="s">
        <v>49500</v>
      </c>
      <c r="B26666" s="1" t="s">
        <v>59369</v>
      </c>
      <c r="C26666" s="1" t="s">
        <v>49501</v>
      </c>
      <c r="D26666" s="2">
        <v>179494</v>
      </c>
      <c r="E26666" s="1" t="s">
        <v>0</v>
      </c>
    </row>
    <row r="26667" spans="1:5" x14ac:dyDescent="0.25">
      <c r="A26667" s="2">
        <v>5333</v>
      </c>
      <c r="B26667" s="2">
        <v>5333</v>
      </c>
      <c r="C26667" s="1" t="s">
        <v>0</v>
      </c>
      <c r="D26667" s="2">
        <v>179495</v>
      </c>
      <c r="E26667" s="1" t="s">
        <v>0</v>
      </c>
    </row>
    <row r="26668" spans="1:5" x14ac:dyDescent="0.25">
      <c r="A26668" s="1" t="s">
        <v>4850</v>
      </c>
      <c r="B26668" s="1" t="s">
        <v>59370</v>
      </c>
      <c r="C26668" s="1" t="s">
        <v>49502</v>
      </c>
      <c r="D26668" s="2">
        <v>179496</v>
      </c>
      <c r="E26668" s="1" t="s">
        <v>0</v>
      </c>
    </row>
    <row r="26669" spans="1:5" x14ac:dyDescent="0.25">
      <c r="A26669" s="1" t="s">
        <v>49503</v>
      </c>
      <c r="B26669" s="1" t="s">
        <v>59371</v>
      </c>
      <c r="C26669" s="1" t="s">
        <v>49504</v>
      </c>
      <c r="D26669" s="2">
        <v>179497</v>
      </c>
      <c r="E26669" s="1" t="s">
        <v>0</v>
      </c>
    </row>
    <row r="26670" spans="1:5" x14ac:dyDescent="0.25">
      <c r="A26670" s="1" t="s">
        <v>49505</v>
      </c>
      <c r="B26670" s="1" t="s">
        <v>59372</v>
      </c>
      <c r="C26670" s="1" t="s">
        <v>49506</v>
      </c>
      <c r="D26670" s="2">
        <v>179498</v>
      </c>
      <c r="E26670" s="1" t="s">
        <v>0</v>
      </c>
    </row>
    <row r="26671" spans="1:5" x14ac:dyDescent="0.25">
      <c r="A26671" s="1" t="s">
        <v>49507</v>
      </c>
      <c r="B26671" s="1" t="s">
        <v>59373</v>
      </c>
      <c r="C26671" s="1" t="s">
        <v>49508</v>
      </c>
      <c r="D26671" s="2">
        <v>179499</v>
      </c>
      <c r="E26671" s="1" t="s">
        <v>0</v>
      </c>
    </row>
    <row r="26672" spans="1:5" x14ac:dyDescent="0.25">
      <c r="A26672" s="2">
        <v>5334</v>
      </c>
      <c r="B26672" s="2">
        <v>5334</v>
      </c>
      <c r="C26672" s="1" t="s">
        <v>0</v>
      </c>
      <c r="D26672" s="2">
        <v>179500</v>
      </c>
      <c r="E26672" s="1" t="s">
        <v>0</v>
      </c>
    </row>
    <row r="26673" spans="1:5" x14ac:dyDescent="0.25">
      <c r="A26673" s="1" t="s">
        <v>4851</v>
      </c>
      <c r="B26673" s="1" t="s">
        <v>12768</v>
      </c>
      <c r="C26673" s="1" t="s">
        <v>49509</v>
      </c>
      <c r="D26673" s="2">
        <v>179501</v>
      </c>
      <c r="E26673" s="1" t="s">
        <v>0</v>
      </c>
    </row>
    <row r="26674" spans="1:5" x14ac:dyDescent="0.25">
      <c r="A26674" s="1" t="s">
        <v>49510</v>
      </c>
      <c r="B26674" s="1" t="s">
        <v>49511</v>
      </c>
      <c r="C26674" s="1" t="s">
        <v>49512</v>
      </c>
      <c r="D26674" s="2">
        <v>179502</v>
      </c>
      <c r="E26674" s="1" t="s">
        <v>0</v>
      </c>
    </row>
    <row r="26675" spans="1:5" ht="409.5" x14ac:dyDescent="0.25">
      <c r="A26675" s="4" t="s">
        <v>49513</v>
      </c>
      <c r="B26675" s="1" t="s">
        <v>59374</v>
      </c>
      <c r="C26675" s="1" t="s">
        <v>49514</v>
      </c>
      <c r="D26675" s="2">
        <v>179503</v>
      </c>
      <c r="E26675" s="1" t="s">
        <v>0</v>
      </c>
    </row>
    <row r="26676" spans="1:5" x14ac:dyDescent="0.25">
      <c r="A26676" s="1" t="s">
        <v>49515</v>
      </c>
      <c r="B26676" s="1" t="s">
        <v>12769</v>
      </c>
      <c r="C26676" s="1" t="s">
        <v>49516</v>
      </c>
      <c r="D26676" s="2">
        <v>179504</v>
      </c>
      <c r="E26676" s="1" t="s">
        <v>0</v>
      </c>
    </row>
    <row r="26677" spans="1:5" x14ac:dyDescent="0.25">
      <c r="A26677" s="2">
        <v>5335</v>
      </c>
      <c r="B26677" s="2">
        <v>5335</v>
      </c>
      <c r="C26677" s="1" t="s">
        <v>0</v>
      </c>
      <c r="D26677" s="2">
        <v>179505</v>
      </c>
      <c r="E26677" s="1" t="s">
        <v>0</v>
      </c>
    </row>
    <row r="26678" spans="1:5" x14ac:dyDescent="0.25">
      <c r="A26678" s="1" t="s">
        <v>4852</v>
      </c>
      <c r="B26678" s="1" t="s">
        <v>12770</v>
      </c>
      <c r="C26678" s="1" t="s">
        <v>49517</v>
      </c>
      <c r="D26678" s="2">
        <v>179506</v>
      </c>
      <c r="E26678" s="1" t="s">
        <v>0</v>
      </c>
    </row>
    <row r="26679" spans="1:5" x14ac:dyDescent="0.25">
      <c r="A26679" s="1" t="s">
        <v>49518</v>
      </c>
      <c r="B26679" s="1" t="s">
        <v>12771</v>
      </c>
      <c r="C26679" s="1" t="s">
        <v>49519</v>
      </c>
      <c r="D26679" s="2">
        <v>179507</v>
      </c>
      <c r="E26679" s="1" t="s">
        <v>0</v>
      </c>
    </row>
    <row r="26680" spans="1:5" ht="409.5" x14ac:dyDescent="0.25">
      <c r="A26680" s="4" t="s">
        <v>49520</v>
      </c>
      <c r="B26680" s="1" t="s">
        <v>63579</v>
      </c>
      <c r="C26680" s="1" t="s">
        <v>49521</v>
      </c>
      <c r="D26680" s="2">
        <v>179508</v>
      </c>
      <c r="E26680" s="1" t="s">
        <v>0</v>
      </c>
    </row>
    <row r="26681" spans="1:5" x14ac:dyDescent="0.25">
      <c r="A26681" s="1" t="s">
        <v>49522</v>
      </c>
      <c r="B26681" s="1" t="s">
        <v>12772</v>
      </c>
      <c r="C26681" s="1" t="s">
        <v>49523</v>
      </c>
      <c r="D26681" s="2">
        <v>179509</v>
      </c>
      <c r="E26681" s="1" t="s">
        <v>0</v>
      </c>
    </row>
    <row r="26682" spans="1:5" x14ac:dyDescent="0.25">
      <c r="A26682" s="2">
        <v>5336</v>
      </c>
      <c r="B26682" s="2">
        <v>5336</v>
      </c>
      <c r="C26682" s="1" t="s">
        <v>0</v>
      </c>
      <c r="D26682" s="2">
        <v>179510</v>
      </c>
      <c r="E26682" s="1" t="s">
        <v>0</v>
      </c>
    </row>
    <row r="26683" spans="1:5" x14ac:dyDescent="0.25">
      <c r="A26683" s="1" t="s">
        <v>4853</v>
      </c>
      <c r="B26683" s="1" t="s">
        <v>12773</v>
      </c>
      <c r="C26683" s="1" t="s">
        <v>49524</v>
      </c>
      <c r="D26683" s="2">
        <v>179511</v>
      </c>
      <c r="E26683" s="1" t="s">
        <v>0</v>
      </c>
    </row>
    <row r="26684" spans="1:5" x14ac:dyDescent="0.25">
      <c r="A26684" s="1" t="s">
        <v>49525</v>
      </c>
      <c r="B26684" s="1" t="s">
        <v>12774</v>
      </c>
      <c r="C26684" s="1" t="s">
        <v>49526</v>
      </c>
      <c r="D26684" s="2">
        <v>179512</v>
      </c>
      <c r="E26684" s="1" t="s">
        <v>0</v>
      </c>
    </row>
    <row r="26685" spans="1:5" ht="409.5" x14ac:dyDescent="0.25">
      <c r="A26685" s="4" t="s">
        <v>49527</v>
      </c>
      <c r="B26685" s="1" t="s">
        <v>59375</v>
      </c>
      <c r="C26685" s="1" t="s">
        <v>49528</v>
      </c>
      <c r="D26685" s="2">
        <v>179513</v>
      </c>
      <c r="E26685" s="1" t="s">
        <v>0</v>
      </c>
    </row>
    <row r="26686" spans="1:5" x14ac:dyDescent="0.25">
      <c r="A26686" s="1" t="s">
        <v>49529</v>
      </c>
      <c r="B26686" s="1" t="s">
        <v>12775</v>
      </c>
      <c r="C26686" s="1" t="s">
        <v>49530</v>
      </c>
      <c r="D26686" s="2">
        <v>179514</v>
      </c>
      <c r="E26686" s="1" t="s">
        <v>0</v>
      </c>
    </row>
    <row r="26687" spans="1:5" x14ac:dyDescent="0.25">
      <c r="A26687" s="2">
        <v>5337</v>
      </c>
      <c r="B26687" s="2">
        <v>5337</v>
      </c>
      <c r="C26687" s="1" t="s">
        <v>0</v>
      </c>
      <c r="D26687" s="2">
        <v>179515</v>
      </c>
      <c r="E26687" s="1" t="s">
        <v>0</v>
      </c>
    </row>
    <row r="26688" spans="1:5" x14ac:dyDescent="0.25">
      <c r="A26688" s="1" t="s">
        <v>4854</v>
      </c>
      <c r="B26688" s="1" t="s">
        <v>12776</v>
      </c>
      <c r="C26688" s="1" t="s">
        <v>49531</v>
      </c>
      <c r="D26688" s="2">
        <v>179516</v>
      </c>
      <c r="E26688" s="1" t="s">
        <v>0</v>
      </c>
    </row>
    <row r="26689" spans="1:5" x14ac:dyDescent="0.25">
      <c r="A26689" s="1" t="s">
        <v>49532</v>
      </c>
      <c r="B26689" s="1" t="s">
        <v>59376</v>
      </c>
      <c r="C26689" s="1" t="s">
        <v>49533</v>
      </c>
      <c r="D26689" s="2">
        <v>179517</v>
      </c>
      <c r="E26689" s="1" t="s">
        <v>0</v>
      </c>
    </row>
    <row r="26690" spans="1:5" ht="409.5" x14ac:dyDescent="0.25">
      <c r="A26690" s="4" t="s">
        <v>49534</v>
      </c>
      <c r="B26690" s="1" t="s">
        <v>59377</v>
      </c>
      <c r="C26690" s="1" t="s">
        <v>49535</v>
      </c>
      <c r="D26690" s="2">
        <v>179518</v>
      </c>
      <c r="E26690" s="1" t="s">
        <v>0</v>
      </c>
    </row>
    <row r="26691" spans="1:5" x14ac:dyDescent="0.25">
      <c r="A26691" s="1" t="s">
        <v>3086</v>
      </c>
      <c r="B26691" s="1" t="s">
        <v>9893</v>
      </c>
      <c r="C26691" s="1" t="s">
        <v>36347</v>
      </c>
      <c r="D26691" s="2">
        <v>179519</v>
      </c>
      <c r="E26691" s="1" t="s">
        <v>0</v>
      </c>
    </row>
    <row r="26692" spans="1:5" x14ac:dyDescent="0.25">
      <c r="A26692" s="2">
        <v>5338</v>
      </c>
      <c r="B26692" s="2">
        <v>5338</v>
      </c>
      <c r="C26692" s="1" t="s">
        <v>0</v>
      </c>
      <c r="D26692" s="2">
        <v>179520</v>
      </c>
      <c r="E26692" s="1" t="s">
        <v>0</v>
      </c>
    </row>
    <row r="26693" spans="1:5" x14ac:dyDescent="0.25">
      <c r="A26693" s="1" t="s">
        <v>4855</v>
      </c>
      <c r="B26693" s="1" t="s">
        <v>12777</v>
      </c>
      <c r="C26693" s="1" t="s">
        <v>49536</v>
      </c>
      <c r="D26693" s="2">
        <v>179521</v>
      </c>
      <c r="E26693" s="1" t="s">
        <v>0</v>
      </c>
    </row>
    <row r="26694" spans="1:5" x14ac:dyDescent="0.25">
      <c r="A26694" s="1" t="s">
        <v>49537</v>
      </c>
      <c r="B26694" s="1" t="s">
        <v>12778</v>
      </c>
      <c r="C26694" s="1" t="s">
        <v>49538</v>
      </c>
      <c r="D26694" s="2">
        <v>179522</v>
      </c>
      <c r="E26694" s="1" t="s">
        <v>0</v>
      </c>
    </row>
    <row r="26695" spans="1:5" ht="409.5" x14ac:dyDescent="0.25">
      <c r="A26695" s="4" t="s">
        <v>49539</v>
      </c>
      <c r="B26695" s="1" t="s">
        <v>12779</v>
      </c>
      <c r="C26695" s="1" t="s">
        <v>49540</v>
      </c>
      <c r="D26695" s="2">
        <v>179523</v>
      </c>
      <c r="E26695" s="1" t="s">
        <v>0</v>
      </c>
    </row>
    <row r="26696" spans="1:5" x14ac:dyDescent="0.25">
      <c r="A26696" s="1" t="s">
        <v>49541</v>
      </c>
      <c r="B26696" s="1" t="s">
        <v>12780</v>
      </c>
      <c r="C26696" s="1" t="s">
        <v>49542</v>
      </c>
      <c r="D26696" s="2">
        <v>179524</v>
      </c>
      <c r="E26696" s="1" t="s">
        <v>0</v>
      </c>
    </row>
    <row r="26697" spans="1:5" x14ac:dyDescent="0.25">
      <c r="A26697" s="2">
        <v>5339</v>
      </c>
      <c r="B26697" s="2">
        <v>5339</v>
      </c>
      <c r="C26697" s="1" t="s">
        <v>0</v>
      </c>
      <c r="D26697" s="2">
        <v>179525</v>
      </c>
      <c r="E26697" s="1" t="s">
        <v>0</v>
      </c>
    </row>
    <row r="26698" spans="1:5" x14ac:dyDescent="0.25">
      <c r="A26698" s="1" t="s">
        <v>4856</v>
      </c>
      <c r="B26698" s="1" t="s">
        <v>12781</v>
      </c>
      <c r="C26698" s="1" t="s">
        <v>49543</v>
      </c>
      <c r="D26698" s="2">
        <v>179526</v>
      </c>
      <c r="E26698" s="1" t="s">
        <v>0</v>
      </c>
    </row>
    <row r="26699" spans="1:5" x14ac:dyDescent="0.25">
      <c r="A26699" s="1" t="s">
        <v>49544</v>
      </c>
      <c r="B26699" s="1" t="s">
        <v>12782</v>
      </c>
      <c r="C26699" s="1" t="s">
        <v>49545</v>
      </c>
      <c r="D26699" s="2">
        <v>179527</v>
      </c>
      <c r="E26699" s="1" t="s">
        <v>0</v>
      </c>
    </row>
    <row r="26700" spans="1:5" ht="409.5" x14ac:dyDescent="0.25">
      <c r="A26700" s="4" t="s">
        <v>49546</v>
      </c>
      <c r="B26700" s="1" t="s">
        <v>12783</v>
      </c>
      <c r="C26700" s="1" t="s">
        <v>49547</v>
      </c>
      <c r="D26700" s="2">
        <v>179528</v>
      </c>
      <c r="E26700" s="1" t="s">
        <v>0</v>
      </c>
    </row>
    <row r="26701" spans="1:5" x14ac:dyDescent="0.25">
      <c r="A26701" s="1" t="s">
        <v>49548</v>
      </c>
      <c r="B26701" s="1" t="s">
        <v>12784</v>
      </c>
      <c r="C26701" s="1" t="s">
        <v>49549</v>
      </c>
      <c r="D26701" s="2">
        <v>179529</v>
      </c>
      <c r="E26701" s="1" t="s">
        <v>0</v>
      </c>
    </row>
    <row r="26702" spans="1:5" x14ac:dyDescent="0.25">
      <c r="A26702" s="2">
        <v>5340</v>
      </c>
      <c r="B26702" s="2">
        <v>5340</v>
      </c>
      <c r="C26702" s="1" t="s">
        <v>0</v>
      </c>
      <c r="D26702" s="2">
        <v>179530</v>
      </c>
      <c r="E26702" s="1" t="s">
        <v>0</v>
      </c>
    </row>
    <row r="26703" spans="1:5" x14ac:dyDescent="0.25">
      <c r="A26703" s="1" t="s">
        <v>4857</v>
      </c>
      <c r="B26703" s="1" t="s">
        <v>12785</v>
      </c>
      <c r="C26703" s="1" t="s">
        <v>49550</v>
      </c>
      <c r="D26703" s="2">
        <v>179531</v>
      </c>
      <c r="E26703" s="1" t="s">
        <v>0</v>
      </c>
    </row>
    <row r="26704" spans="1:5" x14ac:dyDescent="0.25">
      <c r="A26704" s="1" t="s">
        <v>49551</v>
      </c>
      <c r="B26704" s="1" t="s">
        <v>59378</v>
      </c>
      <c r="C26704" s="1" t="s">
        <v>49552</v>
      </c>
      <c r="D26704" s="2">
        <v>179532</v>
      </c>
      <c r="E26704" s="1" t="s">
        <v>0</v>
      </c>
    </row>
    <row r="26705" spans="1:5" ht="409.5" x14ac:dyDescent="0.25">
      <c r="A26705" s="4" t="s">
        <v>49553</v>
      </c>
      <c r="B26705" s="1" t="s">
        <v>59379</v>
      </c>
      <c r="C26705" s="1" t="s">
        <v>49554</v>
      </c>
      <c r="D26705" s="2">
        <v>179533</v>
      </c>
      <c r="E26705" s="1" t="s">
        <v>0</v>
      </c>
    </row>
    <row r="26706" spans="1:5" x14ac:dyDescent="0.25">
      <c r="A26706" s="1" t="s">
        <v>49555</v>
      </c>
      <c r="B26706" s="1" t="s">
        <v>59380</v>
      </c>
      <c r="C26706" s="1" t="s">
        <v>49556</v>
      </c>
      <c r="D26706" s="2">
        <v>179534</v>
      </c>
      <c r="E26706" s="1" t="s">
        <v>0</v>
      </c>
    </row>
    <row r="26707" spans="1:5" x14ac:dyDescent="0.25">
      <c r="A26707" s="2">
        <v>5341</v>
      </c>
      <c r="B26707" s="2">
        <v>5341</v>
      </c>
      <c r="C26707" s="1" t="s">
        <v>0</v>
      </c>
      <c r="D26707" s="2">
        <v>179535</v>
      </c>
      <c r="E26707" s="1" t="s">
        <v>0</v>
      </c>
    </row>
    <row r="26708" spans="1:5" x14ac:dyDescent="0.25">
      <c r="A26708" s="1" t="s">
        <v>4858</v>
      </c>
      <c r="B26708" s="1" t="s">
        <v>12786</v>
      </c>
      <c r="C26708" s="1" t="s">
        <v>49557</v>
      </c>
      <c r="D26708" s="2">
        <v>179536</v>
      </c>
      <c r="E26708" s="1" t="s">
        <v>0</v>
      </c>
    </row>
    <row r="26709" spans="1:5" x14ac:dyDescent="0.25">
      <c r="A26709" s="1" t="s">
        <v>49558</v>
      </c>
      <c r="B26709" s="1" t="s">
        <v>12787</v>
      </c>
      <c r="C26709" s="1" t="s">
        <v>49559</v>
      </c>
      <c r="D26709" s="2">
        <v>179537</v>
      </c>
      <c r="E26709" s="1" t="s">
        <v>0</v>
      </c>
    </row>
    <row r="26710" spans="1:5" ht="409.5" x14ac:dyDescent="0.25">
      <c r="A26710" s="4" t="s">
        <v>49560</v>
      </c>
      <c r="B26710" s="1" t="s">
        <v>59381</v>
      </c>
      <c r="C26710" s="1" t="s">
        <v>49561</v>
      </c>
      <c r="D26710" s="2">
        <v>179538</v>
      </c>
      <c r="E26710" s="1" t="s">
        <v>0</v>
      </c>
    </row>
    <row r="26711" spans="1:5" x14ac:dyDescent="0.25">
      <c r="A26711" s="1" t="s">
        <v>49562</v>
      </c>
      <c r="B26711" s="1" t="s">
        <v>12788</v>
      </c>
      <c r="C26711" s="1" t="s">
        <v>49563</v>
      </c>
      <c r="D26711" s="2">
        <v>179539</v>
      </c>
      <c r="E26711" s="1" t="s">
        <v>0</v>
      </c>
    </row>
    <row r="26712" spans="1:5" x14ac:dyDescent="0.25">
      <c r="A26712" s="2">
        <v>5342</v>
      </c>
      <c r="B26712" s="2">
        <v>5342</v>
      </c>
      <c r="C26712" s="1" t="s">
        <v>0</v>
      </c>
      <c r="D26712" s="2">
        <v>179540</v>
      </c>
      <c r="E26712" s="1" t="s">
        <v>0</v>
      </c>
    </row>
    <row r="26713" spans="1:5" x14ac:dyDescent="0.25">
      <c r="A26713" s="1" t="s">
        <v>4859</v>
      </c>
      <c r="B26713" s="1" t="s">
        <v>58674</v>
      </c>
      <c r="C26713" s="1" t="s">
        <v>49564</v>
      </c>
      <c r="D26713" s="2">
        <v>179541</v>
      </c>
      <c r="E26713" s="1" t="s">
        <v>0</v>
      </c>
    </row>
    <row r="26714" spans="1:5" x14ac:dyDescent="0.25">
      <c r="A26714" s="1" t="s">
        <v>49565</v>
      </c>
      <c r="B26714" s="1" t="s">
        <v>63133</v>
      </c>
      <c r="C26714" s="1" t="s">
        <v>49566</v>
      </c>
      <c r="D26714" s="2">
        <v>179542</v>
      </c>
      <c r="E26714" s="1" t="s">
        <v>0</v>
      </c>
    </row>
    <row r="26715" spans="1:5" ht="409.5" x14ac:dyDescent="0.25">
      <c r="A26715" s="4" t="s">
        <v>49567</v>
      </c>
      <c r="B26715" s="1" t="s">
        <v>63134</v>
      </c>
      <c r="C26715" s="1" t="s">
        <v>49568</v>
      </c>
      <c r="D26715" s="2">
        <v>179543</v>
      </c>
      <c r="E26715" s="1" t="s">
        <v>0</v>
      </c>
    </row>
    <row r="26716" spans="1:5" x14ac:dyDescent="0.25">
      <c r="A26716" s="1" t="s">
        <v>49569</v>
      </c>
      <c r="B26716" s="1" t="s">
        <v>61457</v>
      </c>
      <c r="C26716" s="1" t="s">
        <v>49570</v>
      </c>
      <c r="D26716" s="2">
        <v>179544</v>
      </c>
      <c r="E26716" s="1" t="s">
        <v>0</v>
      </c>
    </row>
    <row r="26717" spans="1:5" x14ac:dyDescent="0.25">
      <c r="A26717" s="2">
        <v>5343</v>
      </c>
      <c r="B26717" s="2">
        <v>5343</v>
      </c>
      <c r="C26717" s="1" t="s">
        <v>0</v>
      </c>
      <c r="D26717" s="2">
        <v>179545</v>
      </c>
      <c r="E26717" s="1" t="s">
        <v>0</v>
      </c>
    </row>
    <row r="26718" spans="1:5" x14ac:dyDescent="0.25">
      <c r="A26718" s="1" t="s">
        <v>4860</v>
      </c>
      <c r="B26718" s="1" t="s">
        <v>12789</v>
      </c>
      <c r="C26718" s="1" t="s">
        <v>49571</v>
      </c>
      <c r="D26718" s="2">
        <v>179546</v>
      </c>
      <c r="E26718" s="1" t="s">
        <v>0</v>
      </c>
    </row>
    <row r="26719" spans="1:5" x14ac:dyDescent="0.25">
      <c r="A26719" s="1" t="s">
        <v>64429</v>
      </c>
      <c r="B26719" s="1" t="s">
        <v>12790</v>
      </c>
      <c r="C26719" s="1" t="s">
        <v>49572</v>
      </c>
      <c r="D26719" s="2">
        <v>179547</v>
      </c>
      <c r="E26719" s="1" t="s">
        <v>0</v>
      </c>
    </row>
    <row r="26720" spans="1:5" ht="409.5" x14ac:dyDescent="0.25">
      <c r="A26720" s="4" t="s">
        <v>64430</v>
      </c>
      <c r="B26720" s="1" t="s">
        <v>63580</v>
      </c>
      <c r="C26720" s="1" t="s">
        <v>49573</v>
      </c>
      <c r="D26720" s="2">
        <v>179548</v>
      </c>
      <c r="E26720" s="1" t="s">
        <v>0</v>
      </c>
    </row>
    <row r="26721" spans="1:5" x14ac:dyDescent="0.25">
      <c r="A26721" s="1" t="s">
        <v>49574</v>
      </c>
      <c r="B26721" s="1" t="s">
        <v>59382</v>
      </c>
      <c r="C26721" s="1" t="s">
        <v>49575</v>
      </c>
      <c r="D26721" s="2">
        <v>179549</v>
      </c>
      <c r="E26721" s="1" t="s">
        <v>0</v>
      </c>
    </row>
    <row r="26722" spans="1:5" x14ac:dyDescent="0.25">
      <c r="A26722" s="2">
        <v>5344</v>
      </c>
      <c r="B26722" s="2">
        <v>5344</v>
      </c>
      <c r="C26722" s="1" t="s">
        <v>0</v>
      </c>
      <c r="D26722" s="2">
        <v>179550</v>
      </c>
      <c r="E26722" s="1" t="s">
        <v>0</v>
      </c>
    </row>
    <row r="26723" spans="1:5" x14ac:dyDescent="0.25">
      <c r="A26723" s="1" t="s">
        <v>4861</v>
      </c>
      <c r="B26723" s="1" t="s">
        <v>12791</v>
      </c>
      <c r="C26723" s="1" t="s">
        <v>49576</v>
      </c>
      <c r="D26723" s="2">
        <v>179551</v>
      </c>
      <c r="E26723" s="1" t="s">
        <v>0</v>
      </c>
    </row>
    <row r="26724" spans="1:5" x14ac:dyDescent="0.25">
      <c r="A26724" s="1" t="s">
        <v>49577</v>
      </c>
      <c r="B26724" s="1" t="s">
        <v>12792</v>
      </c>
      <c r="C26724" s="1" t="s">
        <v>49578</v>
      </c>
      <c r="D26724" s="2">
        <v>179552</v>
      </c>
      <c r="E26724" s="1" t="s">
        <v>0</v>
      </c>
    </row>
    <row r="26725" spans="1:5" ht="409.5" x14ac:dyDescent="0.25">
      <c r="A26725" s="4" t="s">
        <v>49579</v>
      </c>
      <c r="B26725" s="1" t="s">
        <v>12793</v>
      </c>
      <c r="C26725" s="1" t="s">
        <v>49580</v>
      </c>
      <c r="D26725" s="2">
        <v>179553</v>
      </c>
      <c r="E26725" s="1" t="s">
        <v>0</v>
      </c>
    </row>
    <row r="26726" spans="1:5" x14ac:dyDescent="0.25">
      <c r="A26726" s="1" t="s">
        <v>49581</v>
      </c>
      <c r="B26726" s="1" t="s">
        <v>61458</v>
      </c>
      <c r="C26726" s="1" t="s">
        <v>49582</v>
      </c>
      <c r="D26726" s="2">
        <v>179554</v>
      </c>
      <c r="E26726" s="1" t="s">
        <v>0</v>
      </c>
    </row>
    <row r="26727" spans="1:5" x14ac:dyDescent="0.25">
      <c r="A26727" s="2">
        <v>5345</v>
      </c>
      <c r="B26727" s="2">
        <v>5345</v>
      </c>
      <c r="C26727" s="1" t="s">
        <v>0</v>
      </c>
      <c r="D26727" s="2">
        <v>179555</v>
      </c>
      <c r="E26727" s="1" t="s">
        <v>0</v>
      </c>
    </row>
    <row r="26728" spans="1:5" x14ac:dyDescent="0.25">
      <c r="A26728" s="1" t="s">
        <v>4862</v>
      </c>
      <c r="B26728" s="1" t="s">
        <v>12794</v>
      </c>
      <c r="C26728" s="1" t="s">
        <v>49583</v>
      </c>
      <c r="D26728" s="2">
        <v>179556</v>
      </c>
      <c r="E26728" s="1" t="s">
        <v>0</v>
      </c>
    </row>
    <row r="26729" spans="1:5" x14ac:dyDescent="0.25">
      <c r="A26729" s="1" t="s">
        <v>49584</v>
      </c>
      <c r="B26729" s="1" t="s">
        <v>59383</v>
      </c>
      <c r="C26729" s="1" t="s">
        <v>49585</v>
      </c>
      <c r="D26729" s="2">
        <v>179557</v>
      </c>
      <c r="E26729" s="1" t="s">
        <v>0</v>
      </c>
    </row>
    <row r="26730" spans="1:5" ht="409.5" x14ac:dyDescent="0.25">
      <c r="A26730" s="4" t="s">
        <v>49586</v>
      </c>
      <c r="B26730" s="1" t="s">
        <v>59384</v>
      </c>
      <c r="C26730" s="1" t="s">
        <v>49587</v>
      </c>
      <c r="D26730" s="2">
        <v>179558</v>
      </c>
      <c r="E26730" s="1" t="s">
        <v>0</v>
      </c>
    </row>
    <row r="26731" spans="1:5" x14ac:dyDescent="0.25">
      <c r="A26731" s="1" t="s">
        <v>49588</v>
      </c>
      <c r="B26731" s="1" t="s">
        <v>59385</v>
      </c>
      <c r="C26731" s="1" t="s">
        <v>49589</v>
      </c>
      <c r="D26731" s="2">
        <v>179559</v>
      </c>
      <c r="E26731" s="1" t="s">
        <v>0</v>
      </c>
    </row>
    <row r="26732" spans="1:5" x14ac:dyDescent="0.25">
      <c r="A26732" s="2">
        <v>5346</v>
      </c>
      <c r="B26732" s="2">
        <v>5346</v>
      </c>
      <c r="C26732" s="1" t="s">
        <v>0</v>
      </c>
      <c r="D26732" s="2">
        <v>179560</v>
      </c>
      <c r="E26732" s="1" t="s">
        <v>0</v>
      </c>
    </row>
    <row r="26733" spans="1:5" x14ac:dyDescent="0.25">
      <c r="A26733" s="1" t="s">
        <v>12795</v>
      </c>
      <c r="B26733" s="1" t="s">
        <v>12796</v>
      </c>
      <c r="C26733" s="1" t="s">
        <v>49590</v>
      </c>
      <c r="D26733" s="2">
        <v>179561</v>
      </c>
      <c r="E26733" s="1" t="s">
        <v>0</v>
      </c>
    </row>
    <row r="26734" spans="1:5" x14ac:dyDescent="0.25">
      <c r="A26734" s="1" t="s">
        <v>49591</v>
      </c>
      <c r="B26734" s="1" t="s">
        <v>12797</v>
      </c>
      <c r="C26734" s="1" t="s">
        <v>49592</v>
      </c>
      <c r="D26734" s="2">
        <v>179562</v>
      </c>
      <c r="E26734" s="1" t="s">
        <v>0</v>
      </c>
    </row>
    <row r="26735" spans="1:5" ht="409.5" x14ac:dyDescent="0.25">
      <c r="A26735" s="4" t="s">
        <v>49593</v>
      </c>
      <c r="B26735" s="1" t="s">
        <v>12798</v>
      </c>
      <c r="C26735" s="1" t="s">
        <v>49594</v>
      </c>
      <c r="D26735" s="2">
        <v>179563</v>
      </c>
      <c r="E26735" s="1" t="s">
        <v>0</v>
      </c>
    </row>
    <row r="26736" spans="1:5" x14ac:dyDescent="0.25">
      <c r="A26736" s="1" t="s">
        <v>49595</v>
      </c>
      <c r="B26736" s="1" t="s">
        <v>59386</v>
      </c>
      <c r="C26736" s="1" t="s">
        <v>49596</v>
      </c>
      <c r="D26736" s="2">
        <v>179564</v>
      </c>
      <c r="E26736" s="1" t="s">
        <v>0</v>
      </c>
    </row>
    <row r="26737" spans="1:5" x14ac:dyDescent="0.25">
      <c r="A26737" s="2">
        <v>5347</v>
      </c>
      <c r="B26737" s="2">
        <v>5347</v>
      </c>
      <c r="C26737" s="1" t="s">
        <v>0</v>
      </c>
      <c r="D26737" s="2">
        <v>179565</v>
      </c>
      <c r="E26737" s="1" t="s">
        <v>0</v>
      </c>
    </row>
    <row r="26738" spans="1:5" x14ac:dyDescent="0.25">
      <c r="A26738" s="1" t="s">
        <v>4863</v>
      </c>
      <c r="B26738" s="1" t="s">
        <v>12799</v>
      </c>
      <c r="C26738" s="1" t="s">
        <v>49597</v>
      </c>
      <c r="D26738" s="2">
        <v>179566</v>
      </c>
      <c r="E26738" s="1" t="s">
        <v>0</v>
      </c>
    </row>
    <row r="26739" spans="1:5" x14ac:dyDescent="0.25">
      <c r="A26739" s="1" t="s">
        <v>49598</v>
      </c>
      <c r="B26739" s="1" t="s">
        <v>59387</v>
      </c>
      <c r="C26739" s="1" t="s">
        <v>49599</v>
      </c>
      <c r="D26739" s="2">
        <v>179567</v>
      </c>
      <c r="E26739" s="1" t="s">
        <v>0</v>
      </c>
    </row>
    <row r="26740" spans="1:5" ht="409.5" x14ac:dyDescent="0.25">
      <c r="A26740" s="4" t="s">
        <v>49600</v>
      </c>
      <c r="B26740" s="1" t="s">
        <v>59388</v>
      </c>
      <c r="C26740" s="1" t="s">
        <v>49601</v>
      </c>
      <c r="D26740" s="2">
        <v>179568</v>
      </c>
      <c r="E26740" s="1" t="s">
        <v>0</v>
      </c>
    </row>
    <row r="26741" spans="1:5" x14ac:dyDescent="0.25">
      <c r="A26741" s="1" t="s">
        <v>49602</v>
      </c>
      <c r="B26741" s="1" t="s">
        <v>12800</v>
      </c>
      <c r="C26741" s="1" t="s">
        <v>49603</v>
      </c>
      <c r="D26741" s="2">
        <v>179569</v>
      </c>
      <c r="E26741" s="1" t="s">
        <v>0</v>
      </c>
    </row>
    <row r="26742" spans="1:5" x14ac:dyDescent="0.25">
      <c r="A26742" s="2">
        <v>5348</v>
      </c>
      <c r="B26742" s="2">
        <v>5348</v>
      </c>
      <c r="C26742" s="1" t="s">
        <v>0</v>
      </c>
      <c r="D26742" s="2">
        <v>179570</v>
      </c>
      <c r="E26742" s="1" t="s">
        <v>0</v>
      </c>
    </row>
    <row r="26743" spans="1:5" x14ac:dyDescent="0.25">
      <c r="A26743" s="1" t="s">
        <v>4864</v>
      </c>
      <c r="B26743" s="1" t="s">
        <v>12801</v>
      </c>
      <c r="C26743" s="1" t="s">
        <v>49604</v>
      </c>
      <c r="D26743" s="2">
        <v>179571</v>
      </c>
      <c r="E26743" s="1" t="s">
        <v>0</v>
      </c>
    </row>
    <row r="26744" spans="1:5" x14ac:dyDescent="0.25">
      <c r="A26744" s="1" t="s">
        <v>49605</v>
      </c>
      <c r="B26744" s="1" t="s">
        <v>59389</v>
      </c>
      <c r="C26744" s="1" t="s">
        <v>49606</v>
      </c>
      <c r="D26744" s="2">
        <v>179572</v>
      </c>
      <c r="E26744" s="1" t="s">
        <v>0</v>
      </c>
    </row>
    <row r="26745" spans="1:5" ht="409.5" x14ac:dyDescent="0.25">
      <c r="A26745" s="4" t="s">
        <v>49607</v>
      </c>
      <c r="B26745" s="1" t="s">
        <v>60481</v>
      </c>
      <c r="C26745" s="1" t="s">
        <v>49608</v>
      </c>
      <c r="D26745" s="2">
        <v>179573</v>
      </c>
      <c r="E26745" s="1" t="s">
        <v>0</v>
      </c>
    </row>
    <row r="26746" spans="1:5" x14ac:dyDescent="0.25">
      <c r="A26746" s="1" t="s">
        <v>49609</v>
      </c>
      <c r="B26746" s="1" t="s">
        <v>12802</v>
      </c>
      <c r="C26746" s="1" t="s">
        <v>49610</v>
      </c>
      <c r="D26746" s="2">
        <v>179574</v>
      </c>
      <c r="E26746" s="1" t="s">
        <v>0</v>
      </c>
    </row>
    <row r="26747" spans="1:5" x14ac:dyDescent="0.25">
      <c r="A26747" s="2">
        <v>5349</v>
      </c>
      <c r="B26747" s="2">
        <v>5349</v>
      </c>
      <c r="C26747" s="1" t="s">
        <v>0</v>
      </c>
      <c r="D26747" s="2">
        <v>179575</v>
      </c>
      <c r="E26747" s="1" t="s">
        <v>0</v>
      </c>
    </row>
    <row r="26748" spans="1:5" x14ac:dyDescent="0.25">
      <c r="A26748" s="1" t="s">
        <v>4865</v>
      </c>
      <c r="B26748" s="1" t="s">
        <v>12803</v>
      </c>
      <c r="C26748" s="1" t="s">
        <v>49611</v>
      </c>
      <c r="D26748" s="2">
        <v>179576</v>
      </c>
      <c r="E26748" s="1" t="s">
        <v>0</v>
      </c>
    </row>
    <row r="26749" spans="1:5" x14ac:dyDescent="0.25">
      <c r="A26749" s="1" t="s">
        <v>49612</v>
      </c>
      <c r="B26749" s="1" t="s">
        <v>60358</v>
      </c>
      <c r="C26749" s="1" t="s">
        <v>49613</v>
      </c>
      <c r="D26749" s="2">
        <v>179577</v>
      </c>
      <c r="E26749" s="1" t="s">
        <v>0</v>
      </c>
    </row>
    <row r="26750" spans="1:5" ht="409.5" x14ac:dyDescent="0.25">
      <c r="A26750" s="4" t="s">
        <v>49614</v>
      </c>
      <c r="B26750" s="1" t="s">
        <v>60359</v>
      </c>
      <c r="C26750" s="1" t="s">
        <v>49615</v>
      </c>
      <c r="D26750" s="2">
        <v>179578</v>
      </c>
      <c r="E26750" s="1" t="s">
        <v>0</v>
      </c>
    </row>
    <row r="26751" spans="1:5" x14ac:dyDescent="0.25">
      <c r="A26751" s="1" t="s">
        <v>49616</v>
      </c>
      <c r="B26751" s="1" t="s">
        <v>59390</v>
      </c>
      <c r="C26751" s="1" t="s">
        <v>49617</v>
      </c>
      <c r="D26751" s="2">
        <v>179579</v>
      </c>
      <c r="E26751" s="1" t="s">
        <v>0</v>
      </c>
    </row>
    <row r="26752" spans="1:5" x14ac:dyDescent="0.25">
      <c r="A26752" s="2">
        <v>5350</v>
      </c>
      <c r="B26752" s="2">
        <v>5350</v>
      </c>
      <c r="C26752" s="1" t="s">
        <v>0</v>
      </c>
      <c r="D26752" s="2">
        <v>179580</v>
      </c>
      <c r="E26752" s="1" t="s">
        <v>0</v>
      </c>
    </row>
    <row r="26753" spans="1:5" x14ac:dyDescent="0.25">
      <c r="A26753" s="1" t="s">
        <v>4866</v>
      </c>
      <c r="B26753" s="1" t="s">
        <v>59391</v>
      </c>
      <c r="C26753" s="1" t="s">
        <v>49618</v>
      </c>
      <c r="D26753" s="2">
        <v>179581</v>
      </c>
      <c r="E26753" s="1" t="s">
        <v>0</v>
      </c>
    </row>
    <row r="26754" spans="1:5" x14ac:dyDescent="0.25">
      <c r="A26754" s="1" t="s">
        <v>49619</v>
      </c>
      <c r="B26754" s="1" t="s">
        <v>59392</v>
      </c>
      <c r="C26754" s="1" t="s">
        <v>49620</v>
      </c>
      <c r="D26754" s="2">
        <v>179582</v>
      </c>
      <c r="E26754" s="1" t="s">
        <v>0</v>
      </c>
    </row>
    <row r="26755" spans="1:5" ht="409.5" x14ac:dyDescent="0.25">
      <c r="A26755" s="4" t="s">
        <v>49621</v>
      </c>
      <c r="B26755" s="1" t="s">
        <v>59393</v>
      </c>
      <c r="C26755" s="1" t="s">
        <v>49622</v>
      </c>
      <c r="D26755" s="2">
        <v>179583</v>
      </c>
      <c r="E26755" s="1" t="s">
        <v>0</v>
      </c>
    </row>
    <row r="26756" spans="1:5" x14ac:dyDescent="0.25">
      <c r="A26756" s="1" t="s">
        <v>49623</v>
      </c>
      <c r="B26756" s="1" t="s">
        <v>12804</v>
      </c>
      <c r="C26756" s="1" t="s">
        <v>49624</v>
      </c>
      <c r="D26756" s="2">
        <v>179584</v>
      </c>
      <c r="E26756" s="1" t="s">
        <v>0</v>
      </c>
    </row>
    <row r="26757" spans="1:5" x14ac:dyDescent="0.25">
      <c r="A26757" s="2">
        <v>5351</v>
      </c>
      <c r="B26757" s="2">
        <v>5351</v>
      </c>
      <c r="C26757" s="1" t="s">
        <v>0</v>
      </c>
      <c r="D26757" s="2">
        <v>179585</v>
      </c>
      <c r="E26757" s="1" t="s">
        <v>0</v>
      </c>
    </row>
    <row r="26758" spans="1:5" x14ac:dyDescent="0.25">
      <c r="A26758" s="1" t="s">
        <v>4867</v>
      </c>
      <c r="B26758" s="1" t="s">
        <v>59394</v>
      </c>
      <c r="C26758" s="1" t="s">
        <v>49625</v>
      </c>
      <c r="D26758" s="2">
        <v>179586</v>
      </c>
      <c r="E26758" s="1" t="s">
        <v>0</v>
      </c>
    </row>
    <row r="26759" spans="1:5" x14ac:dyDescent="0.25">
      <c r="A26759" s="1" t="s">
        <v>49626</v>
      </c>
      <c r="B26759" s="1" t="s">
        <v>59395</v>
      </c>
      <c r="C26759" s="1" t="s">
        <v>49627</v>
      </c>
      <c r="D26759" s="2">
        <v>179587</v>
      </c>
      <c r="E26759" s="1" t="s">
        <v>0</v>
      </c>
    </row>
    <row r="26760" spans="1:5" ht="409.5" x14ac:dyDescent="0.25">
      <c r="A26760" s="4" t="s">
        <v>49628</v>
      </c>
      <c r="B26760" s="1" t="s">
        <v>59396</v>
      </c>
      <c r="C26760" s="1" t="s">
        <v>49629</v>
      </c>
      <c r="D26760" s="2">
        <v>179588</v>
      </c>
      <c r="E26760" s="1" t="s">
        <v>0</v>
      </c>
    </row>
    <row r="26761" spans="1:5" x14ac:dyDescent="0.25">
      <c r="A26761" s="1" t="s">
        <v>49630</v>
      </c>
      <c r="B26761" s="1" t="s">
        <v>12805</v>
      </c>
      <c r="C26761" s="1" t="s">
        <v>49631</v>
      </c>
      <c r="D26761" s="2">
        <v>179589</v>
      </c>
      <c r="E26761" s="1" t="s">
        <v>0</v>
      </c>
    </row>
    <row r="26762" spans="1:5" x14ac:dyDescent="0.25">
      <c r="A26762" s="2">
        <v>5352</v>
      </c>
      <c r="B26762" s="2">
        <v>5352</v>
      </c>
      <c r="C26762" s="1" t="s">
        <v>0</v>
      </c>
      <c r="D26762" s="2">
        <v>179590</v>
      </c>
      <c r="E26762" s="1" t="s">
        <v>0</v>
      </c>
    </row>
    <row r="26763" spans="1:5" x14ac:dyDescent="0.25">
      <c r="A26763" s="1" t="s">
        <v>4868</v>
      </c>
      <c r="B26763" s="1" t="s">
        <v>12806</v>
      </c>
      <c r="C26763" s="1" t="s">
        <v>49632</v>
      </c>
      <c r="D26763" s="2">
        <v>179591</v>
      </c>
      <c r="E26763" s="1" t="s">
        <v>0</v>
      </c>
    </row>
    <row r="26764" spans="1:5" x14ac:dyDescent="0.25">
      <c r="A26764" s="1" t="s">
        <v>49633</v>
      </c>
      <c r="B26764" s="1" t="s">
        <v>59397</v>
      </c>
      <c r="C26764" s="1" t="s">
        <v>49634</v>
      </c>
      <c r="D26764" s="2">
        <v>179592</v>
      </c>
      <c r="E26764" s="1" t="s">
        <v>0</v>
      </c>
    </row>
    <row r="26765" spans="1:5" ht="409.5" x14ac:dyDescent="0.25">
      <c r="A26765" s="4" t="s">
        <v>49635</v>
      </c>
      <c r="B26765" s="1" t="s">
        <v>59398</v>
      </c>
      <c r="C26765" s="1" t="s">
        <v>49636</v>
      </c>
      <c r="D26765" s="2">
        <v>179593</v>
      </c>
      <c r="E26765" s="1" t="s">
        <v>0</v>
      </c>
    </row>
    <row r="26766" spans="1:5" x14ac:dyDescent="0.25">
      <c r="A26766" s="1" t="s">
        <v>49637</v>
      </c>
      <c r="B26766" s="1" t="s">
        <v>59399</v>
      </c>
      <c r="C26766" s="1" t="s">
        <v>49638</v>
      </c>
      <c r="D26766" s="2">
        <v>179594</v>
      </c>
      <c r="E26766" s="1" t="s">
        <v>0</v>
      </c>
    </row>
    <row r="26767" spans="1:5" x14ac:dyDescent="0.25">
      <c r="A26767" s="2">
        <v>5353</v>
      </c>
      <c r="B26767" s="2">
        <v>5353</v>
      </c>
      <c r="C26767" s="1" t="s">
        <v>0</v>
      </c>
      <c r="D26767" s="2">
        <v>179595</v>
      </c>
      <c r="E26767" s="1" t="s">
        <v>0</v>
      </c>
    </row>
    <row r="26768" spans="1:5" x14ac:dyDescent="0.25">
      <c r="A26768" s="1" t="s">
        <v>4869</v>
      </c>
      <c r="B26768" s="1" t="s">
        <v>12807</v>
      </c>
      <c r="C26768" s="1" t="s">
        <v>49639</v>
      </c>
      <c r="D26768" s="2">
        <v>179596</v>
      </c>
      <c r="E26768" s="1" t="s">
        <v>0</v>
      </c>
    </row>
    <row r="26769" spans="1:5" x14ac:dyDescent="0.25">
      <c r="A26769" s="1" t="s">
        <v>49640</v>
      </c>
      <c r="B26769" s="1" t="s">
        <v>59706</v>
      </c>
      <c r="C26769" s="1" t="s">
        <v>49641</v>
      </c>
      <c r="D26769" s="2">
        <v>179597</v>
      </c>
      <c r="E26769" s="1" t="s">
        <v>0</v>
      </c>
    </row>
    <row r="26770" spans="1:5" ht="409.5" x14ac:dyDescent="0.25">
      <c r="A26770" s="4" t="s">
        <v>49642</v>
      </c>
      <c r="B26770" s="1" t="s">
        <v>63135</v>
      </c>
      <c r="C26770" s="1" t="s">
        <v>49643</v>
      </c>
      <c r="D26770" s="2">
        <v>179598</v>
      </c>
      <c r="E26770" s="1" t="s">
        <v>0</v>
      </c>
    </row>
    <row r="26771" spans="1:5" x14ac:dyDescent="0.25">
      <c r="A26771" s="1" t="s">
        <v>49644</v>
      </c>
      <c r="B26771" s="1" t="s">
        <v>59400</v>
      </c>
      <c r="C26771" s="1" t="s">
        <v>49645</v>
      </c>
      <c r="D26771" s="2">
        <v>179599</v>
      </c>
      <c r="E26771" s="1" t="s">
        <v>0</v>
      </c>
    </row>
    <row r="26772" spans="1:5" x14ac:dyDescent="0.25">
      <c r="A26772" s="2">
        <v>5354</v>
      </c>
      <c r="B26772" s="2">
        <v>5354</v>
      </c>
      <c r="C26772" s="1" t="s">
        <v>0</v>
      </c>
      <c r="D26772" s="2">
        <v>179600</v>
      </c>
      <c r="E26772" s="1" t="s">
        <v>0</v>
      </c>
    </row>
    <row r="26773" spans="1:5" x14ac:dyDescent="0.25">
      <c r="A26773" s="1" t="s">
        <v>4870</v>
      </c>
      <c r="B26773" s="1" t="s">
        <v>12808</v>
      </c>
      <c r="C26773" s="1" t="s">
        <v>49646</v>
      </c>
      <c r="D26773" s="2">
        <v>179601</v>
      </c>
      <c r="E26773" s="1" t="s">
        <v>0</v>
      </c>
    </row>
    <row r="26774" spans="1:5" x14ac:dyDescent="0.25">
      <c r="A26774" s="1" t="s">
        <v>49647</v>
      </c>
      <c r="B26774" s="1" t="s">
        <v>59401</v>
      </c>
      <c r="C26774" s="1" t="s">
        <v>49648</v>
      </c>
      <c r="D26774" s="2">
        <v>179602</v>
      </c>
      <c r="E26774" s="1" t="s">
        <v>0</v>
      </c>
    </row>
    <row r="26775" spans="1:5" ht="409.5" x14ac:dyDescent="0.25">
      <c r="A26775" s="4" t="s">
        <v>64431</v>
      </c>
      <c r="B26775" s="1" t="s">
        <v>59402</v>
      </c>
      <c r="C26775" s="1" t="s">
        <v>49649</v>
      </c>
      <c r="D26775" s="2">
        <v>179603</v>
      </c>
      <c r="E26775" s="1" t="s">
        <v>0</v>
      </c>
    </row>
    <row r="26776" spans="1:5" x14ac:dyDescent="0.25">
      <c r="A26776" s="1" t="s">
        <v>49650</v>
      </c>
      <c r="B26776" s="1" t="s">
        <v>12809</v>
      </c>
      <c r="C26776" s="1" t="s">
        <v>49651</v>
      </c>
      <c r="D26776" s="2">
        <v>179604</v>
      </c>
      <c r="E26776" s="1" t="s">
        <v>0</v>
      </c>
    </row>
    <row r="26777" spans="1:5" x14ac:dyDescent="0.25">
      <c r="A26777" s="2">
        <v>5355</v>
      </c>
      <c r="B26777" s="2">
        <v>5355</v>
      </c>
      <c r="C26777" s="1" t="s">
        <v>0</v>
      </c>
      <c r="D26777" s="2">
        <v>179605</v>
      </c>
      <c r="E26777" s="1" t="s">
        <v>0</v>
      </c>
    </row>
    <row r="26778" spans="1:5" x14ac:dyDescent="0.25">
      <c r="A26778" s="1" t="s">
        <v>4871</v>
      </c>
      <c r="B26778" s="1" t="s">
        <v>12810</v>
      </c>
      <c r="C26778" s="1" t="s">
        <v>49652</v>
      </c>
      <c r="D26778" s="2">
        <v>179606</v>
      </c>
      <c r="E26778" s="1" t="s">
        <v>0</v>
      </c>
    </row>
    <row r="26779" spans="1:5" x14ac:dyDescent="0.25">
      <c r="A26779" s="1" t="s">
        <v>49653</v>
      </c>
      <c r="B26779" s="1" t="s">
        <v>59403</v>
      </c>
      <c r="C26779" s="1" t="s">
        <v>49654</v>
      </c>
      <c r="D26779" s="2">
        <v>179607</v>
      </c>
      <c r="E26779" s="1" t="s">
        <v>0</v>
      </c>
    </row>
    <row r="26780" spans="1:5" ht="409.5" x14ac:dyDescent="0.25">
      <c r="A26780" s="4" t="s">
        <v>49655</v>
      </c>
      <c r="B26780" s="1" t="s">
        <v>59404</v>
      </c>
      <c r="C26780" s="1" t="s">
        <v>49656</v>
      </c>
      <c r="D26780" s="2">
        <v>179608</v>
      </c>
      <c r="E26780" s="1" t="s">
        <v>0</v>
      </c>
    </row>
    <row r="26781" spans="1:5" x14ac:dyDescent="0.25">
      <c r="A26781" s="1" t="s">
        <v>49657</v>
      </c>
      <c r="B26781" s="1" t="s">
        <v>12811</v>
      </c>
      <c r="C26781" s="1" t="s">
        <v>49658</v>
      </c>
      <c r="D26781" s="2">
        <v>179609</v>
      </c>
      <c r="E26781" s="1" t="s">
        <v>0</v>
      </c>
    </row>
    <row r="26782" spans="1:5" x14ac:dyDescent="0.25">
      <c r="A26782" s="2">
        <v>5356</v>
      </c>
      <c r="B26782" s="2">
        <v>5356</v>
      </c>
      <c r="C26782" s="1" t="s">
        <v>0</v>
      </c>
      <c r="D26782" s="2">
        <v>179610</v>
      </c>
      <c r="E26782" s="1" t="s">
        <v>0</v>
      </c>
    </row>
    <row r="26783" spans="1:5" x14ac:dyDescent="0.25">
      <c r="A26783" s="1" t="s">
        <v>4872</v>
      </c>
      <c r="B26783" s="1" t="s">
        <v>12812</v>
      </c>
      <c r="C26783" s="1" t="s">
        <v>49659</v>
      </c>
      <c r="D26783" s="2">
        <v>179611</v>
      </c>
      <c r="E26783" s="1" t="s">
        <v>0</v>
      </c>
    </row>
    <row r="26784" spans="1:5" x14ac:dyDescent="0.25">
      <c r="A26784" s="1" t="s">
        <v>49660</v>
      </c>
      <c r="B26784" s="1" t="s">
        <v>59405</v>
      </c>
      <c r="C26784" s="1" t="s">
        <v>49661</v>
      </c>
      <c r="D26784" s="2">
        <v>179612</v>
      </c>
      <c r="E26784" s="1" t="s">
        <v>0</v>
      </c>
    </row>
    <row r="26785" spans="1:5" ht="409.5" x14ac:dyDescent="0.25">
      <c r="A26785" s="4" t="s">
        <v>49662</v>
      </c>
      <c r="B26785" s="1" t="s">
        <v>59406</v>
      </c>
      <c r="C26785" s="1" t="s">
        <v>49663</v>
      </c>
      <c r="D26785" s="2">
        <v>179613</v>
      </c>
      <c r="E26785" s="1" t="s">
        <v>0</v>
      </c>
    </row>
    <row r="26786" spans="1:5" x14ac:dyDescent="0.25">
      <c r="A26786" s="1" t="s">
        <v>49664</v>
      </c>
      <c r="B26786" s="1" t="s">
        <v>12813</v>
      </c>
      <c r="C26786" s="1" t="s">
        <v>49665</v>
      </c>
      <c r="D26786" s="2">
        <v>179614</v>
      </c>
      <c r="E26786" s="1" t="s">
        <v>0</v>
      </c>
    </row>
    <row r="26787" spans="1:5" x14ac:dyDescent="0.25">
      <c r="A26787" s="2">
        <v>5357</v>
      </c>
      <c r="B26787" s="2">
        <v>5357</v>
      </c>
      <c r="C26787" s="1" t="s">
        <v>0</v>
      </c>
      <c r="D26787" s="2">
        <v>179615</v>
      </c>
      <c r="E26787" s="1" t="s">
        <v>0</v>
      </c>
    </row>
    <row r="26788" spans="1:5" x14ac:dyDescent="0.25">
      <c r="A26788" s="1" t="s">
        <v>4873</v>
      </c>
      <c r="B26788" s="1" t="s">
        <v>63581</v>
      </c>
      <c r="C26788" s="1" t="s">
        <v>49666</v>
      </c>
      <c r="D26788" s="2">
        <v>179616</v>
      </c>
      <c r="E26788" s="1" t="s">
        <v>0</v>
      </c>
    </row>
    <row r="26789" spans="1:5" x14ac:dyDescent="0.25">
      <c r="A26789" s="1" t="s">
        <v>49667</v>
      </c>
      <c r="B26789" s="1" t="s">
        <v>12814</v>
      </c>
      <c r="C26789" s="1" t="s">
        <v>49668</v>
      </c>
      <c r="D26789" s="2">
        <v>179617</v>
      </c>
      <c r="E26789" s="1" t="s">
        <v>0</v>
      </c>
    </row>
    <row r="26790" spans="1:5" ht="409.5" x14ac:dyDescent="0.25">
      <c r="A26790" s="4" t="s">
        <v>49669</v>
      </c>
      <c r="B26790" s="1" t="s">
        <v>12815</v>
      </c>
      <c r="C26790" s="1" t="s">
        <v>49670</v>
      </c>
      <c r="D26790" s="2">
        <v>179618</v>
      </c>
      <c r="E26790" s="1" t="s">
        <v>0</v>
      </c>
    </row>
    <row r="26791" spans="1:5" x14ac:dyDescent="0.25">
      <c r="A26791" s="1" t="s">
        <v>49671</v>
      </c>
      <c r="B26791" s="1" t="s">
        <v>12816</v>
      </c>
      <c r="C26791" s="1" t="s">
        <v>49672</v>
      </c>
      <c r="D26791" s="2">
        <v>179619</v>
      </c>
      <c r="E26791" s="1" t="s">
        <v>0</v>
      </c>
    </row>
    <row r="26792" spans="1:5" x14ac:dyDescent="0.25">
      <c r="A26792" s="2">
        <v>5358</v>
      </c>
      <c r="B26792" s="2">
        <v>5358</v>
      </c>
      <c r="C26792" s="1" t="s">
        <v>0</v>
      </c>
      <c r="D26792" s="2">
        <v>179620</v>
      </c>
      <c r="E26792" s="1" t="s">
        <v>0</v>
      </c>
    </row>
    <row r="26793" spans="1:5" x14ac:dyDescent="0.25">
      <c r="A26793" s="1" t="s">
        <v>4874</v>
      </c>
      <c r="B26793" s="1" t="s">
        <v>12817</v>
      </c>
      <c r="C26793" s="1" t="s">
        <v>49673</v>
      </c>
      <c r="D26793" s="2">
        <v>179621</v>
      </c>
      <c r="E26793" s="1" t="s">
        <v>0</v>
      </c>
    </row>
    <row r="26794" spans="1:5" x14ac:dyDescent="0.25">
      <c r="A26794" s="1" t="s">
        <v>49674</v>
      </c>
      <c r="B26794" s="1" t="s">
        <v>59407</v>
      </c>
      <c r="C26794" s="1" t="s">
        <v>49675</v>
      </c>
      <c r="D26794" s="2">
        <v>179622</v>
      </c>
      <c r="E26794" s="1" t="s">
        <v>0</v>
      </c>
    </row>
    <row r="26795" spans="1:5" ht="409.5" x14ac:dyDescent="0.25">
      <c r="A26795" s="4" t="s">
        <v>49676</v>
      </c>
      <c r="B26795" s="1" t="s">
        <v>63136</v>
      </c>
      <c r="C26795" s="1" t="s">
        <v>49677</v>
      </c>
      <c r="D26795" s="2">
        <v>179623</v>
      </c>
      <c r="E26795" s="1" t="s">
        <v>0</v>
      </c>
    </row>
    <row r="26796" spans="1:5" x14ac:dyDescent="0.25">
      <c r="A26796" s="1" t="s">
        <v>49678</v>
      </c>
      <c r="B26796" s="1" t="s">
        <v>59408</v>
      </c>
      <c r="C26796" s="1" t="s">
        <v>49679</v>
      </c>
      <c r="D26796" s="2">
        <v>179624</v>
      </c>
      <c r="E26796" s="1" t="s">
        <v>0</v>
      </c>
    </row>
    <row r="26797" spans="1:5" x14ac:dyDescent="0.25">
      <c r="A26797" s="2">
        <v>5359</v>
      </c>
      <c r="B26797" s="2">
        <v>5359</v>
      </c>
      <c r="C26797" s="1" t="s">
        <v>0</v>
      </c>
      <c r="D26797" s="2">
        <v>179625</v>
      </c>
      <c r="E26797" s="1" t="s">
        <v>0</v>
      </c>
    </row>
    <row r="26798" spans="1:5" x14ac:dyDescent="0.25">
      <c r="A26798" s="1" t="s">
        <v>4875</v>
      </c>
      <c r="B26798" s="1" t="s">
        <v>12818</v>
      </c>
      <c r="C26798" s="1" t="s">
        <v>49680</v>
      </c>
      <c r="D26798" s="2">
        <v>179626</v>
      </c>
      <c r="E26798" s="1" t="s">
        <v>0</v>
      </c>
    </row>
    <row r="26799" spans="1:5" x14ac:dyDescent="0.25">
      <c r="A26799" s="1" t="s">
        <v>49681</v>
      </c>
      <c r="B26799" s="1" t="s">
        <v>12819</v>
      </c>
      <c r="C26799" s="1" t="s">
        <v>49682</v>
      </c>
      <c r="D26799" s="2">
        <v>179627</v>
      </c>
      <c r="E26799" s="1" t="s">
        <v>0</v>
      </c>
    </row>
    <row r="26800" spans="1:5" ht="409.5" x14ac:dyDescent="0.25">
      <c r="A26800" s="4" t="s">
        <v>49683</v>
      </c>
      <c r="B26800" s="1" t="s">
        <v>63582</v>
      </c>
      <c r="C26800" s="1" t="s">
        <v>49684</v>
      </c>
      <c r="D26800" s="2">
        <v>179628</v>
      </c>
      <c r="E26800" s="1" t="s">
        <v>0</v>
      </c>
    </row>
    <row r="26801" spans="1:5" x14ac:dyDescent="0.25">
      <c r="A26801" s="1" t="s">
        <v>49685</v>
      </c>
      <c r="B26801" s="1" t="s">
        <v>12820</v>
      </c>
      <c r="C26801" s="1" t="s">
        <v>49686</v>
      </c>
      <c r="D26801" s="2">
        <v>179629</v>
      </c>
      <c r="E26801" s="1" t="s">
        <v>0</v>
      </c>
    </row>
    <row r="26802" spans="1:5" x14ac:dyDescent="0.25">
      <c r="A26802" s="2">
        <v>5360</v>
      </c>
      <c r="B26802" s="2">
        <v>5360</v>
      </c>
      <c r="C26802" s="1" t="s">
        <v>0</v>
      </c>
      <c r="D26802" s="2">
        <v>179630</v>
      </c>
      <c r="E26802" s="1" t="s">
        <v>0</v>
      </c>
    </row>
    <row r="26803" spans="1:5" x14ac:dyDescent="0.25">
      <c r="A26803" s="1" t="s">
        <v>4876</v>
      </c>
      <c r="B26803" s="1" t="s">
        <v>12821</v>
      </c>
      <c r="C26803" s="1" t="s">
        <v>49687</v>
      </c>
      <c r="D26803" s="2">
        <v>179631</v>
      </c>
      <c r="E26803" s="1" t="s">
        <v>0</v>
      </c>
    </row>
    <row r="26804" spans="1:5" x14ac:dyDescent="0.25">
      <c r="A26804" s="1" t="s">
        <v>49688</v>
      </c>
      <c r="B26804" s="1" t="s">
        <v>59409</v>
      </c>
      <c r="C26804" s="1" t="s">
        <v>49689</v>
      </c>
      <c r="D26804" s="2">
        <v>179632</v>
      </c>
      <c r="E26804" s="1" t="s">
        <v>0</v>
      </c>
    </row>
    <row r="26805" spans="1:5" ht="409.5" x14ac:dyDescent="0.25">
      <c r="A26805" s="4" t="s">
        <v>49690</v>
      </c>
      <c r="B26805" s="1" t="s">
        <v>59410</v>
      </c>
      <c r="C26805" s="1" t="s">
        <v>49691</v>
      </c>
      <c r="D26805" s="2">
        <v>179633</v>
      </c>
      <c r="E26805" s="1" t="s">
        <v>0</v>
      </c>
    </row>
    <row r="26806" spans="1:5" x14ac:dyDescent="0.25">
      <c r="A26806" s="1" t="s">
        <v>49692</v>
      </c>
      <c r="B26806" s="1" t="s">
        <v>59411</v>
      </c>
      <c r="C26806" s="1" t="s">
        <v>49693</v>
      </c>
      <c r="D26806" s="2">
        <v>179634</v>
      </c>
      <c r="E26806" s="1" t="s">
        <v>0</v>
      </c>
    </row>
    <row r="26807" spans="1:5" x14ac:dyDescent="0.25">
      <c r="A26807" s="2">
        <v>5361</v>
      </c>
      <c r="B26807" s="2">
        <v>5361</v>
      </c>
      <c r="C26807" s="1" t="s">
        <v>0</v>
      </c>
      <c r="D26807" s="2">
        <v>179635</v>
      </c>
      <c r="E26807" s="1" t="s">
        <v>0</v>
      </c>
    </row>
    <row r="26808" spans="1:5" x14ac:dyDescent="0.25">
      <c r="A26808" s="1" t="s">
        <v>4877</v>
      </c>
      <c r="B26808" s="1" t="s">
        <v>12822</v>
      </c>
      <c r="C26808" s="1" t="s">
        <v>49694</v>
      </c>
      <c r="D26808" s="2">
        <v>179636</v>
      </c>
      <c r="E26808" s="1" t="s">
        <v>0</v>
      </c>
    </row>
    <row r="26809" spans="1:5" x14ac:dyDescent="0.25">
      <c r="A26809" s="1" t="s">
        <v>49695</v>
      </c>
      <c r="B26809" s="1" t="s">
        <v>59412</v>
      </c>
      <c r="C26809" s="1" t="s">
        <v>49696</v>
      </c>
      <c r="D26809" s="2">
        <v>179637</v>
      </c>
      <c r="E26809" s="1" t="s">
        <v>0</v>
      </c>
    </row>
    <row r="26810" spans="1:5" ht="409.5" x14ac:dyDescent="0.25">
      <c r="A26810" s="4" t="s">
        <v>49697</v>
      </c>
      <c r="B26810" s="1" t="s">
        <v>63583</v>
      </c>
      <c r="C26810" s="1" t="s">
        <v>49698</v>
      </c>
      <c r="D26810" s="2">
        <v>179638</v>
      </c>
      <c r="E26810" s="1" t="s">
        <v>0</v>
      </c>
    </row>
    <row r="26811" spans="1:5" x14ac:dyDescent="0.25">
      <c r="A26811" s="1" t="s">
        <v>14855</v>
      </c>
      <c r="B26811" s="1" t="s">
        <v>60879</v>
      </c>
      <c r="C26811" s="1" t="s">
        <v>14856</v>
      </c>
      <c r="D26811" s="2">
        <v>179639</v>
      </c>
      <c r="E26811" s="1" t="s">
        <v>0</v>
      </c>
    </row>
    <row r="26812" spans="1:5" x14ac:dyDescent="0.25">
      <c r="A26812" s="2">
        <v>5362</v>
      </c>
      <c r="B26812" s="2">
        <v>5362</v>
      </c>
      <c r="C26812" s="1" t="s">
        <v>0</v>
      </c>
      <c r="D26812" s="2">
        <v>179640</v>
      </c>
      <c r="E26812" s="1" t="s">
        <v>0</v>
      </c>
    </row>
    <row r="26813" spans="1:5" x14ac:dyDescent="0.25">
      <c r="A26813" s="1" t="s">
        <v>4878</v>
      </c>
      <c r="B26813" s="1" t="s">
        <v>12823</v>
      </c>
      <c r="C26813" s="1" t="s">
        <v>49699</v>
      </c>
      <c r="D26813" s="2">
        <v>179641</v>
      </c>
      <c r="E26813" s="1" t="s">
        <v>0</v>
      </c>
    </row>
    <row r="26814" spans="1:5" x14ac:dyDescent="0.25">
      <c r="A26814" s="1" t="s">
        <v>49700</v>
      </c>
      <c r="B26814" s="1" t="s">
        <v>49701</v>
      </c>
      <c r="C26814" s="1" t="s">
        <v>49702</v>
      </c>
      <c r="D26814" s="2">
        <v>179642</v>
      </c>
      <c r="E26814" s="1" t="s">
        <v>0</v>
      </c>
    </row>
    <row r="26815" spans="1:5" ht="409.5" x14ac:dyDescent="0.25">
      <c r="A26815" s="4" t="s">
        <v>49703</v>
      </c>
      <c r="B26815" s="1" t="s">
        <v>49704</v>
      </c>
      <c r="C26815" s="1" t="s">
        <v>49705</v>
      </c>
      <c r="D26815" s="2">
        <v>179643</v>
      </c>
      <c r="E26815" s="1" t="s">
        <v>0</v>
      </c>
    </row>
    <row r="26816" spans="1:5" x14ac:dyDescent="0.25">
      <c r="A26816" s="1" t="s">
        <v>49706</v>
      </c>
      <c r="B26816" s="1" t="s">
        <v>59413</v>
      </c>
      <c r="C26816" s="1" t="s">
        <v>49707</v>
      </c>
      <c r="D26816" s="2">
        <v>179644</v>
      </c>
      <c r="E26816" s="1" t="s">
        <v>0</v>
      </c>
    </row>
    <row r="26817" spans="1:5" x14ac:dyDescent="0.25">
      <c r="A26817" s="2">
        <v>5363</v>
      </c>
      <c r="B26817" s="2">
        <v>5363</v>
      </c>
      <c r="C26817" s="1" t="s">
        <v>0</v>
      </c>
      <c r="D26817" s="2">
        <v>179645</v>
      </c>
      <c r="E26817" s="1" t="s">
        <v>0</v>
      </c>
    </row>
    <row r="26818" spans="1:5" x14ac:dyDescent="0.25">
      <c r="A26818" s="1" t="s">
        <v>4879</v>
      </c>
      <c r="B26818" s="1" t="s">
        <v>12824</v>
      </c>
      <c r="C26818" s="1" t="s">
        <v>49708</v>
      </c>
      <c r="D26818" s="2">
        <v>179646</v>
      </c>
      <c r="E26818" s="1" t="s">
        <v>0</v>
      </c>
    </row>
    <row r="26819" spans="1:5" x14ac:dyDescent="0.25">
      <c r="A26819" s="1" t="s">
        <v>64432</v>
      </c>
      <c r="B26819" s="1" t="s">
        <v>59414</v>
      </c>
      <c r="C26819" s="1" t="s">
        <v>49709</v>
      </c>
      <c r="D26819" s="2">
        <v>179647</v>
      </c>
      <c r="E26819" s="1" t="s">
        <v>0</v>
      </c>
    </row>
    <row r="26820" spans="1:5" ht="409.5" x14ac:dyDescent="0.25">
      <c r="A26820" s="4" t="s">
        <v>64433</v>
      </c>
      <c r="B26820" s="1" t="s">
        <v>59415</v>
      </c>
      <c r="C26820" s="1" t="s">
        <v>49710</v>
      </c>
      <c r="D26820" s="2">
        <v>179648</v>
      </c>
      <c r="E26820" s="1" t="s">
        <v>0</v>
      </c>
    </row>
    <row r="26821" spans="1:5" x14ac:dyDescent="0.25">
      <c r="A26821" s="1" t="s">
        <v>49711</v>
      </c>
      <c r="B26821" s="1" t="s">
        <v>59416</v>
      </c>
      <c r="C26821" s="1" t="s">
        <v>49712</v>
      </c>
      <c r="D26821" s="2">
        <v>179649</v>
      </c>
      <c r="E26821" s="1" t="s">
        <v>0</v>
      </c>
    </row>
    <row r="26822" spans="1:5" x14ac:dyDescent="0.25">
      <c r="A26822" s="2">
        <v>5364</v>
      </c>
      <c r="B26822" s="2">
        <v>5364</v>
      </c>
      <c r="C26822" s="1" t="s">
        <v>0</v>
      </c>
      <c r="D26822" s="2">
        <v>179650</v>
      </c>
      <c r="E26822" s="1" t="s">
        <v>0</v>
      </c>
    </row>
    <row r="26823" spans="1:5" x14ac:dyDescent="0.25">
      <c r="A26823" s="1" t="s">
        <v>4880</v>
      </c>
      <c r="B26823" s="1" t="s">
        <v>12825</v>
      </c>
      <c r="C26823" s="1" t="s">
        <v>49713</v>
      </c>
      <c r="D26823" s="2">
        <v>179651</v>
      </c>
      <c r="E26823" s="1" t="s">
        <v>0</v>
      </c>
    </row>
    <row r="26824" spans="1:5" x14ac:dyDescent="0.25">
      <c r="A26824" s="1" t="s">
        <v>49714</v>
      </c>
      <c r="B26824" s="1" t="s">
        <v>60807</v>
      </c>
      <c r="C26824" s="1" t="s">
        <v>49715</v>
      </c>
      <c r="D26824" s="2">
        <v>179652</v>
      </c>
      <c r="E26824" s="1" t="s">
        <v>0</v>
      </c>
    </row>
    <row r="26825" spans="1:5" ht="409.5" x14ac:dyDescent="0.25">
      <c r="A26825" s="4" t="s">
        <v>49716</v>
      </c>
      <c r="B26825" s="1" t="s">
        <v>60808</v>
      </c>
      <c r="C26825" s="1" t="s">
        <v>49717</v>
      </c>
      <c r="D26825" s="2">
        <v>179653</v>
      </c>
      <c r="E26825" s="1" t="s">
        <v>0</v>
      </c>
    </row>
    <row r="26826" spans="1:5" x14ac:dyDescent="0.25">
      <c r="A26826" s="1" t="s">
        <v>49718</v>
      </c>
      <c r="B26826" s="1" t="s">
        <v>59417</v>
      </c>
      <c r="C26826" s="1" t="s">
        <v>49719</v>
      </c>
      <c r="D26826" s="2">
        <v>179654</v>
      </c>
      <c r="E26826" s="1" t="s">
        <v>0</v>
      </c>
    </row>
    <row r="26827" spans="1:5" x14ac:dyDescent="0.25">
      <c r="A26827" s="2">
        <v>5365</v>
      </c>
      <c r="B26827" s="2">
        <v>5365</v>
      </c>
      <c r="C26827" s="1" t="s">
        <v>0</v>
      </c>
      <c r="D26827" s="2">
        <v>179655</v>
      </c>
      <c r="E26827" s="1" t="s">
        <v>0</v>
      </c>
    </row>
    <row r="26828" spans="1:5" x14ac:dyDescent="0.25">
      <c r="A26828" s="1" t="s">
        <v>4881</v>
      </c>
      <c r="B26828" s="1" t="s">
        <v>12826</v>
      </c>
      <c r="C26828" s="1" t="s">
        <v>49720</v>
      </c>
      <c r="D26828" s="2">
        <v>179656</v>
      </c>
      <c r="E26828" s="1" t="s">
        <v>0</v>
      </c>
    </row>
    <row r="26829" spans="1:5" x14ac:dyDescent="0.25">
      <c r="A26829" s="1" t="s">
        <v>49721</v>
      </c>
      <c r="B26829" s="1" t="s">
        <v>59418</v>
      </c>
      <c r="C26829" s="1" t="s">
        <v>49722</v>
      </c>
      <c r="D26829" s="2">
        <v>179657</v>
      </c>
      <c r="E26829" s="1" t="s">
        <v>0</v>
      </c>
    </row>
    <row r="26830" spans="1:5" ht="409.5" x14ac:dyDescent="0.25">
      <c r="A26830" s="4" t="s">
        <v>49723</v>
      </c>
      <c r="B26830" s="1" t="s">
        <v>59419</v>
      </c>
      <c r="C26830" s="1" t="s">
        <v>49724</v>
      </c>
      <c r="D26830" s="2">
        <v>179658</v>
      </c>
      <c r="E26830" s="1" t="s">
        <v>0</v>
      </c>
    </row>
    <row r="26831" spans="1:5" x14ac:dyDescent="0.25">
      <c r="A26831" s="1" t="s">
        <v>49725</v>
      </c>
      <c r="B26831" s="1" t="s">
        <v>61459</v>
      </c>
      <c r="C26831" s="1" t="s">
        <v>49726</v>
      </c>
      <c r="D26831" s="2">
        <v>179659</v>
      </c>
      <c r="E26831" s="1" t="s">
        <v>0</v>
      </c>
    </row>
    <row r="26832" spans="1:5" x14ac:dyDescent="0.25">
      <c r="A26832" s="2">
        <v>5366</v>
      </c>
      <c r="B26832" s="2">
        <v>5366</v>
      </c>
      <c r="C26832" s="1" t="s">
        <v>0</v>
      </c>
      <c r="D26832" s="2">
        <v>179660</v>
      </c>
      <c r="E26832" s="1" t="s">
        <v>0</v>
      </c>
    </row>
    <row r="26833" spans="1:5" x14ac:dyDescent="0.25">
      <c r="A26833" s="1" t="s">
        <v>4882</v>
      </c>
      <c r="B26833" s="1" t="s">
        <v>60360</v>
      </c>
      <c r="C26833" s="1" t="s">
        <v>49727</v>
      </c>
      <c r="D26833" s="2">
        <v>179661</v>
      </c>
      <c r="E26833" s="1" t="s">
        <v>0</v>
      </c>
    </row>
    <row r="26834" spans="1:5" x14ac:dyDescent="0.25">
      <c r="A26834" s="1" t="s">
        <v>49728</v>
      </c>
      <c r="B26834" s="1" t="s">
        <v>63137</v>
      </c>
      <c r="C26834" s="1" t="s">
        <v>49729</v>
      </c>
      <c r="D26834" s="2">
        <v>179662</v>
      </c>
      <c r="E26834" s="1" t="s">
        <v>0</v>
      </c>
    </row>
    <row r="26835" spans="1:5" ht="409.5" x14ac:dyDescent="0.25">
      <c r="A26835" s="4" t="s">
        <v>49730</v>
      </c>
      <c r="B26835" s="1" t="s">
        <v>63138</v>
      </c>
      <c r="C26835" s="1" t="s">
        <v>49731</v>
      </c>
      <c r="D26835" s="2">
        <v>179663</v>
      </c>
      <c r="E26835" s="1" t="s">
        <v>0</v>
      </c>
    </row>
    <row r="26836" spans="1:5" x14ac:dyDescent="0.25">
      <c r="A26836" s="1" t="s">
        <v>49732</v>
      </c>
      <c r="B26836" s="1" t="s">
        <v>59420</v>
      </c>
      <c r="C26836" s="1" t="s">
        <v>49733</v>
      </c>
      <c r="D26836" s="2">
        <v>179664</v>
      </c>
      <c r="E26836" s="1" t="s">
        <v>0</v>
      </c>
    </row>
    <row r="26837" spans="1:5" x14ac:dyDescent="0.25">
      <c r="A26837" s="2">
        <v>5367</v>
      </c>
      <c r="B26837" s="2">
        <v>5367</v>
      </c>
      <c r="C26837" s="1" t="s">
        <v>0</v>
      </c>
      <c r="D26837" s="2">
        <v>179665</v>
      </c>
      <c r="E26837" s="1" t="s">
        <v>0</v>
      </c>
    </row>
    <row r="26838" spans="1:5" x14ac:dyDescent="0.25">
      <c r="A26838" s="1" t="s">
        <v>4883</v>
      </c>
      <c r="B26838" s="1" t="s">
        <v>59421</v>
      </c>
      <c r="C26838" s="1" t="s">
        <v>49734</v>
      </c>
      <c r="D26838" s="2">
        <v>179666</v>
      </c>
      <c r="E26838" s="1" t="s">
        <v>0</v>
      </c>
    </row>
    <row r="26839" spans="1:5" x14ac:dyDescent="0.25">
      <c r="A26839" s="1" t="s">
        <v>49735</v>
      </c>
      <c r="B26839" s="1" t="s">
        <v>12827</v>
      </c>
      <c r="C26839" s="1" t="s">
        <v>49736</v>
      </c>
      <c r="D26839" s="2">
        <v>179667</v>
      </c>
      <c r="E26839" s="1" t="s">
        <v>0</v>
      </c>
    </row>
    <row r="26840" spans="1:5" ht="409.5" x14ac:dyDescent="0.25">
      <c r="A26840" s="4" t="s">
        <v>49737</v>
      </c>
      <c r="B26840" s="1" t="s">
        <v>59422</v>
      </c>
      <c r="C26840" s="1" t="s">
        <v>49738</v>
      </c>
      <c r="D26840" s="2">
        <v>179668</v>
      </c>
      <c r="E26840" s="1" t="s">
        <v>0</v>
      </c>
    </row>
    <row r="26841" spans="1:5" x14ac:dyDescent="0.25">
      <c r="A26841" s="1" t="s">
        <v>49739</v>
      </c>
      <c r="B26841" s="1" t="s">
        <v>59423</v>
      </c>
      <c r="C26841" s="1" t="s">
        <v>49740</v>
      </c>
      <c r="D26841" s="2">
        <v>179669</v>
      </c>
      <c r="E26841" s="1" t="s">
        <v>0</v>
      </c>
    </row>
    <row r="26842" spans="1:5" x14ac:dyDescent="0.25">
      <c r="A26842" s="2">
        <v>5368</v>
      </c>
      <c r="B26842" s="2">
        <v>5368</v>
      </c>
      <c r="C26842" s="1" t="s">
        <v>0</v>
      </c>
      <c r="D26842" s="2">
        <v>179670</v>
      </c>
      <c r="E26842" s="1" t="s">
        <v>0</v>
      </c>
    </row>
    <row r="26843" spans="1:5" x14ac:dyDescent="0.25">
      <c r="A26843" s="1" t="s">
        <v>4884</v>
      </c>
      <c r="B26843" s="1" t="s">
        <v>60361</v>
      </c>
      <c r="C26843" s="1" t="s">
        <v>49741</v>
      </c>
      <c r="D26843" s="2">
        <v>179671</v>
      </c>
      <c r="E26843" s="1" t="s">
        <v>0</v>
      </c>
    </row>
    <row r="26844" spans="1:5" x14ac:dyDescent="0.25">
      <c r="A26844" s="1" t="s">
        <v>49742</v>
      </c>
      <c r="B26844" s="1" t="s">
        <v>60362</v>
      </c>
      <c r="C26844" s="1" t="s">
        <v>49743</v>
      </c>
      <c r="D26844" s="2">
        <v>179672</v>
      </c>
      <c r="E26844" s="1" t="s">
        <v>0</v>
      </c>
    </row>
    <row r="26845" spans="1:5" ht="409.5" x14ac:dyDescent="0.25">
      <c r="A26845" s="4" t="s">
        <v>49744</v>
      </c>
      <c r="B26845" s="1" t="s">
        <v>60363</v>
      </c>
      <c r="C26845" s="1" t="s">
        <v>49745</v>
      </c>
      <c r="D26845" s="2">
        <v>179673</v>
      </c>
      <c r="E26845" s="1" t="s">
        <v>0</v>
      </c>
    </row>
    <row r="26846" spans="1:5" x14ac:dyDescent="0.25">
      <c r="A26846" s="1" t="s">
        <v>49746</v>
      </c>
      <c r="B26846" s="1" t="s">
        <v>59424</v>
      </c>
      <c r="C26846" s="1" t="s">
        <v>49747</v>
      </c>
      <c r="D26846" s="2">
        <v>179674</v>
      </c>
      <c r="E26846" s="1" t="s">
        <v>0</v>
      </c>
    </row>
    <row r="26847" spans="1:5" x14ac:dyDescent="0.25">
      <c r="A26847" s="2">
        <v>5369</v>
      </c>
      <c r="B26847" s="2">
        <v>5369</v>
      </c>
      <c r="C26847" s="1" t="s">
        <v>0</v>
      </c>
      <c r="D26847" s="2">
        <v>179675</v>
      </c>
      <c r="E26847" s="1" t="s">
        <v>0</v>
      </c>
    </row>
    <row r="26848" spans="1:5" x14ac:dyDescent="0.25">
      <c r="A26848" s="1" t="s">
        <v>4885</v>
      </c>
      <c r="B26848" s="1" t="s">
        <v>12828</v>
      </c>
      <c r="C26848" s="1" t="s">
        <v>49748</v>
      </c>
      <c r="D26848" s="2">
        <v>179676</v>
      </c>
      <c r="E26848" s="1" t="s">
        <v>0</v>
      </c>
    </row>
    <row r="26849" spans="1:5" x14ac:dyDescent="0.25">
      <c r="A26849" s="1" t="s">
        <v>49749</v>
      </c>
      <c r="B26849" s="1" t="s">
        <v>59425</v>
      </c>
      <c r="C26849" s="1" t="s">
        <v>49750</v>
      </c>
      <c r="D26849" s="2">
        <v>179677</v>
      </c>
      <c r="E26849" s="1" t="s">
        <v>0</v>
      </c>
    </row>
    <row r="26850" spans="1:5" ht="409.5" x14ac:dyDescent="0.25">
      <c r="A26850" s="4" t="s">
        <v>49751</v>
      </c>
      <c r="B26850" s="1" t="s">
        <v>60364</v>
      </c>
      <c r="C26850" s="1" t="s">
        <v>49752</v>
      </c>
      <c r="D26850" s="2">
        <v>179678</v>
      </c>
      <c r="E26850" s="1" t="s">
        <v>0</v>
      </c>
    </row>
    <row r="26851" spans="1:5" x14ac:dyDescent="0.25">
      <c r="A26851" s="1" t="s">
        <v>49753</v>
      </c>
      <c r="B26851" s="1" t="s">
        <v>59426</v>
      </c>
      <c r="C26851" s="1" t="s">
        <v>49754</v>
      </c>
      <c r="D26851" s="2">
        <v>179679</v>
      </c>
      <c r="E26851" s="1" t="s">
        <v>0</v>
      </c>
    </row>
    <row r="26852" spans="1:5" x14ac:dyDescent="0.25">
      <c r="A26852" s="2">
        <v>5370</v>
      </c>
      <c r="B26852" s="2">
        <v>5370</v>
      </c>
      <c r="C26852" s="1" t="s">
        <v>0</v>
      </c>
      <c r="D26852" s="2">
        <v>179680</v>
      </c>
      <c r="E26852" s="1" t="s">
        <v>0</v>
      </c>
    </row>
    <row r="26853" spans="1:5" x14ac:dyDescent="0.25">
      <c r="A26853" s="1" t="s">
        <v>4886</v>
      </c>
      <c r="B26853" s="1" t="s">
        <v>12829</v>
      </c>
      <c r="C26853" s="1" t="s">
        <v>49755</v>
      </c>
      <c r="D26853" s="2">
        <v>179681</v>
      </c>
      <c r="E26853" s="1" t="s">
        <v>0</v>
      </c>
    </row>
    <row r="26854" spans="1:5" x14ac:dyDescent="0.25">
      <c r="A26854" s="1" t="s">
        <v>49756</v>
      </c>
      <c r="B26854" s="1" t="s">
        <v>59427</v>
      </c>
      <c r="C26854" s="1" t="s">
        <v>49757</v>
      </c>
      <c r="D26854" s="2">
        <v>179682</v>
      </c>
      <c r="E26854" s="1" t="s">
        <v>0</v>
      </c>
    </row>
    <row r="26855" spans="1:5" ht="409.5" x14ac:dyDescent="0.25">
      <c r="A26855" s="4" t="s">
        <v>49758</v>
      </c>
      <c r="B26855" s="1" t="s">
        <v>59428</v>
      </c>
      <c r="C26855" s="1" t="s">
        <v>49759</v>
      </c>
      <c r="D26855" s="2">
        <v>179683</v>
      </c>
      <c r="E26855" s="1" t="s">
        <v>0</v>
      </c>
    </row>
    <row r="26856" spans="1:5" x14ac:dyDescent="0.25">
      <c r="A26856" s="1" t="s">
        <v>49760</v>
      </c>
      <c r="B26856" s="1" t="s">
        <v>59429</v>
      </c>
      <c r="C26856" s="1" t="s">
        <v>49761</v>
      </c>
      <c r="D26856" s="2">
        <v>179684</v>
      </c>
      <c r="E26856" s="1" t="s">
        <v>0</v>
      </c>
    </row>
    <row r="26857" spans="1:5" x14ac:dyDescent="0.25">
      <c r="A26857" s="2">
        <v>5371</v>
      </c>
      <c r="B26857" s="2">
        <v>5371</v>
      </c>
      <c r="C26857" s="1" t="s">
        <v>0</v>
      </c>
      <c r="D26857" s="2">
        <v>179685</v>
      </c>
      <c r="E26857" s="1" t="s">
        <v>0</v>
      </c>
    </row>
    <row r="26858" spans="1:5" x14ac:dyDescent="0.25">
      <c r="A26858" s="1" t="s">
        <v>4887</v>
      </c>
      <c r="B26858" s="1" t="s">
        <v>58893</v>
      </c>
      <c r="C26858" s="1" t="s">
        <v>49762</v>
      </c>
      <c r="D26858" s="2">
        <v>179686</v>
      </c>
      <c r="E26858" s="1" t="s">
        <v>0</v>
      </c>
    </row>
    <row r="26859" spans="1:5" x14ac:dyDescent="0.25">
      <c r="A26859" s="1" t="s">
        <v>49763</v>
      </c>
      <c r="B26859" s="1" t="s">
        <v>58894</v>
      </c>
      <c r="C26859" s="1" t="s">
        <v>49764</v>
      </c>
      <c r="D26859" s="2">
        <v>179687</v>
      </c>
      <c r="E26859" s="1" t="s">
        <v>0</v>
      </c>
    </row>
    <row r="26860" spans="1:5" ht="409.5" x14ac:dyDescent="0.25">
      <c r="A26860" s="4" t="s">
        <v>49765</v>
      </c>
      <c r="B26860" s="1" t="s">
        <v>58895</v>
      </c>
      <c r="C26860" s="1" t="s">
        <v>49766</v>
      </c>
      <c r="D26860" s="2">
        <v>179688</v>
      </c>
      <c r="E26860" s="1" t="s">
        <v>0</v>
      </c>
    </row>
    <row r="26861" spans="1:5" x14ac:dyDescent="0.25">
      <c r="A26861" s="1" t="s">
        <v>49767</v>
      </c>
      <c r="B26861" s="1" t="s">
        <v>58896</v>
      </c>
      <c r="C26861" s="1" t="s">
        <v>49768</v>
      </c>
      <c r="D26861" s="2">
        <v>179689</v>
      </c>
      <c r="E26861" s="1" t="s">
        <v>0</v>
      </c>
    </row>
    <row r="26862" spans="1:5" x14ac:dyDescent="0.25">
      <c r="A26862" s="2">
        <v>5372</v>
      </c>
      <c r="B26862" s="2">
        <v>5372</v>
      </c>
      <c r="C26862" s="1" t="s">
        <v>0</v>
      </c>
      <c r="D26862" s="2">
        <v>179690</v>
      </c>
      <c r="E26862" s="1" t="s">
        <v>0</v>
      </c>
    </row>
    <row r="26863" spans="1:5" x14ac:dyDescent="0.25">
      <c r="A26863" s="1" t="s">
        <v>4888</v>
      </c>
      <c r="B26863" s="1" t="s">
        <v>12830</v>
      </c>
      <c r="C26863" s="1" t="s">
        <v>49769</v>
      </c>
      <c r="D26863" s="2">
        <v>179691</v>
      </c>
      <c r="E26863" s="1" t="s">
        <v>0</v>
      </c>
    </row>
    <row r="26864" spans="1:5" x14ac:dyDescent="0.25">
      <c r="A26864" s="1" t="s">
        <v>64434</v>
      </c>
      <c r="B26864" s="1" t="s">
        <v>49770</v>
      </c>
      <c r="C26864" s="1" t="s">
        <v>49771</v>
      </c>
      <c r="D26864" s="2">
        <v>179692</v>
      </c>
      <c r="E26864" s="1" t="s">
        <v>0</v>
      </c>
    </row>
    <row r="26865" spans="1:5" ht="409.5" x14ac:dyDescent="0.25">
      <c r="A26865" s="4" t="s">
        <v>64435</v>
      </c>
      <c r="B26865" s="1" t="s">
        <v>49772</v>
      </c>
      <c r="C26865" s="1" t="s">
        <v>49773</v>
      </c>
      <c r="D26865" s="2">
        <v>179693</v>
      </c>
      <c r="E26865" s="1" t="s">
        <v>0</v>
      </c>
    </row>
    <row r="26866" spans="1:5" x14ac:dyDescent="0.25">
      <c r="A26866" s="1" t="s">
        <v>49774</v>
      </c>
      <c r="B26866" s="1" t="s">
        <v>59430</v>
      </c>
      <c r="C26866" s="1" t="s">
        <v>49775</v>
      </c>
      <c r="D26866" s="2">
        <v>179694</v>
      </c>
      <c r="E26866" s="1" t="s">
        <v>0</v>
      </c>
    </row>
    <row r="26867" spans="1:5" x14ac:dyDescent="0.25">
      <c r="A26867" s="2">
        <v>5373</v>
      </c>
      <c r="B26867" s="2">
        <v>5373</v>
      </c>
      <c r="C26867" s="1" t="s">
        <v>0</v>
      </c>
      <c r="D26867" s="2">
        <v>179695</v>
      </c>
      <c r="E26867" s="1" t="s">
        <v>0</v>
      </c>
    </row>
    <row r="26868" spans="1:5" x14ac:dyDescent="0.25">
      <c r="A26868" s="1" t="s">
        <v>4889</v>
      </c>
      <c r="B26868" s="1" t="s">
        <v>12831</v>
      </c>
      <c r="C26868" s="1" t="s">
        <v>49776</v>
      </c>
      <c r="D26868" s="2">
        <v>179696</v>
      </c>
      <c r="E26868" s="1" t="s">
        <v>0</v>
      </c>
    </row>
    <row r="26869" spans="1:5" x14ac:dyDescent="0.25">
      <c r="A26869" s="1" t="s">
        <v>49777</v>
      </c>
      <c r="B26869" s="1" t="s">
        <v>49778</v>
      </c>
      <c r="C26869" s="1" t="s">
        <v>49779</v>
      </c>
      <c r="D26869" s="2">
        <v>179697</v>
      </c>
      <c r="E26869" s="1" t="s">
        <v>0</v>
      </c>
    </row>
    <row r="26870" spans="1:5" ht="409.5" x14ac:dyDescent="0.25">
      <c r="A26870" s="4" t="s">
        <v>49780</v>
      </c>
      <c r="B26870" s="1" t="s">
        <v>59431</v>
      </c>
      <c r="C26870" s="1" t="s">
        <v>49781</v>
      </c>
      <c r="D26870" s="2">
        <v>179698</v>
      </c>
      <c r="E26870" s="1" t="s">
        <v>0</v>
      </c>
    </row>
    <row r="26871" spans="1:5" x14ac:dyDescent="0.25">
      <c r="A26871" s="1" t="s">
        <v>49782</v>
      </c>
      <c r="B26871" s="1" t="s">
        <v>59432</v>
      </c>
      <c r="C26871" s="1" t="s">
        <v>49783</v>
      </c>
      <c r="D26871" s="2">
        <v>179699</v>
      </c>
      <c r="E26871" s="1" t="s">
        <v>0</v>
      </c>
    </row>
    <row r="26872" spans="1:5" x14ac:dyDescent="0.25">
      <c r="A26872" s="2">
        <v>5374</v>
      </c>
      <c r="B26872" s="2">
        <v>5374</v>
      </c>
      <c r="C26872" s="1" t="s">
        <v>0</v>
      </c>
      <c r="D26872" s="2">
        <v>179700</v>
      </c>
      <c r="E26872" s="1" t="s">
        <v>0</v>
      </c>
    </row>
    <row r="26873" spans="1:5" x14ac:dyDescent="0.25">
      <c r="A26873" s="1" t="s">
        <v>4890</v>
      </c>
      <c r="B26873" s="1" t="s">
        <v>12832</v>
      </c>
      <c r="C26873" s="1" t="s">
        <v>49784</v>
      </c>
      <c r="D26873" s="2">
        <v>179701</v>
      </c>
      <c r="E26873" s="1" t="s">
        <v>0</v>
      </c>
    </row>
    <row r="26874" spans="1:5" x14ac:dyDescent="0.25">
      <c r="A26874" s="1" t="s">
        <v>49785</v>
      </c>
      <c r="B26874" s="1" t="s">
        <v>63860</v>
      </c>
      <c r="C26874" s="1" t="s">
        <v>49786</v>
      </c>
      <c r="D26874" s="2">
        <v>179702</v>
      </c>
      <c r="E26874" s="1" t="s">
        <v>0</v>
      </c>
    </row>
    <row r="26875" spans="1:5" ht="409.5" x14ac:dyDescent="0.25">
      <c r="A26875" s="4" t="s">
        <v>49787</v>
      </c>
      <c r="B26875" s="1" t="s">
        <v>63861</v>
      </c>
      <c r="C26875" s="1" t="s">
        <v>49788</v>
      </c>
      <c r="D26875" s="2">
        <v>179703</v>
      </c>
      <c r="E26875" s="1" t="s">
        <v>0</v>
      </c>
    </row>
    <row r="26876" spans="1:5" x14ac:dyDescent="0.25">
      <c r="A26876" s="1" t="s">
        <v>13413</v>
      </c>
      <c r="B26876" s="1" t="s">
        <v>60845</v>
      </c>
      <c r="C26876" s="1" t="s">
        <v>13414</v>
      </c>
      <c r="D26876" s="2">
        <v>179704</v>
      </c>
      <c r="E26876" s="1" t="s">
        <v>0</v>
      </c>
    </row>
    <row r="26877" spans="1:5" x14ac:dyDescent="0.25">
      <c r="A26877" s="2">
        <v>5375</v>
      </c>
      <c r="B26877" s="2">
        <v>5375</v>
      </c>
      <c r="C26877" s="1" t="s">
        <v>0</v>
      </c>
      <c r="D26877" s="2">
        <v>179705</v>
      </c>
      <c r="E26877" s="1" t="s">
        <v>0</v>
      </c>
    </row>
    <row r="26878" spans="1:5" x14ac:dyDescent="0.25">
      <c r="A26878" s="1" t="s">
        <v>4891</v>
      </c>
      <c r="B26878" s="1" t="s">
        <v>58897</v>
      </c>
      <c r="C26878" s="1" t="s">
        <v>49789</v>
      </c>
      <c r="D26878" s="2">
        <v>179706</v>
      </c>
      <c r="E26878" s="1" t="s">
        <v>0</v>
      </c>
    </row>
    <row r="26879" spans="1:5" x14ac:dyDescent="0.25">
      <c r="A26879" s="1" t="s">
        <v>49790</v>
      </c>
      <c r="B26879" s="1" t="s">
        <v>60681</v>
      </c>
      <c r="C26879" s="1" t="s">
        <v>49791</v>
      </c>
      <c r="D26879" s="2">
        <v>179707</v>
      </c>
      <c r="E26879" s="1" t="s">
        <v>0</v>
      </c>
    </row>
    <row r="26880" spans="1:5" ht="409.5" x14ac:dyDescent="0.25">
      <c r="A26880" s="4" t="s">
        <v>49792</v>
      </c>
      <c r="B26880" s="1" t="s">
        <v>60682</v>
      </c>
      <c r="C26880" s="1" t="s">
        <v>49793</v>
      </c>
      <c r="D26880" s="2">
        <v>179708</v>
      </c>
      <c r="E26880" s="1" t="s">
        <v>0</v>
      </c>
    </row>
    <row r="26881" spans="1:5" x14ac:dyDescent="0.25">
      <c r="A26881" s="1" t="s">
        <v>18619</v>
      </c>
      <c r="B26881" s="1" t="s">
        <v>60942</v>
      </c>
      <c r="C26881" s="1" t="s">
        <v>18620</v>
      </c>
      <c r="D26881" s="2">
        <v>179709</v>
      </c>
      <c r="E26881" s="1" t="s">
        <v>0</v>
      </c>
    </row>
    <row r="26882" spans="1:5" x14ac:dyDescent="0.25">
      <c r="A26882" s="2">
        <v>5376</v>
      </c>
      <c r="B26882" s="2">
        <v>5376</v>
      </c>
      <c r="C26882" s="1" t="s">
        <v>0</v>
      </c>
      <c r="D26882" s="2">
        <v>179710</v>
      </c>
      <c r="E26882" s="1" t="s">
        <v>0</v>
      </c>
    </row>
    <row r="26883" spans="1:5" x14ac:dyDescent="0.25">
      <c r="A26883" s="1" t="s">
        <v>4892</v>
      </c>
      <c r="B26883" s="1" t="s">
        <v>12833</v>
      </c>
      <c r="C26883" s="1" t="s">
        <v>49794</v>
      </c>
      <c r="D26883" s="2">
        <v>179711</v>
      </c>
      <c r="E26883" s="1" t="s">
        <v>0</v>
      </c>
    </row>
    <row r="26884" spans="1:5" x14ac:dyDescent="0.25">
      <c r="A26884" s="1" t="s">
        <v>49795</v>
      </c>
      <c r="B26884" s="1" t="s">
        <v>59433</v>
      </c>
      <c r="C26884" s="1" t="s">
        <v>49796</v>
      </c>
      <c r="D26884" s="2">
        <v>179712</v>
      </c>
      <c r="E26884" s="1" t="s">
        <v>0</v>
      </c>
    </row>
    <row r="26885" spans="1:5" ht="409.5" x14ac:dyDescent="0.25">
      <c r="A26885" s="4" t="s">
        <v>49797</v>
      </c>
      <c r="B26885" s="1" t="s">
        <v>59434</v>
      </c>
      <c r="C26885" s="1" t="s">
        <v>49798</v>
      </c>
      <c r="D26885" s="2">
        <v>179713</v>
      </c>
      <c r="E26885" s="1" t="s">
        <v>0</v>
      </c>
    </row>
    <row r="26886" spans="1:5" x14ac:dyDescent="0.25">
      <c r="A26886" s="1" t="s">
        <v>49799</v>
      </c>
      <c r="B26886" s="1" t="s">
        <v>59435</v>
      </c>
      <c r="C26886" s="1" t="s">
        <v>49800</v>
      </c>
      <c r="D26886" s="2">
        <v>179714</v>
      </c>
      <c r="E26886" s="1" t="s">
        <v>0</v>
      </c>
    </row>
    <row r="26887" spans="1:5" x14ac:dyDescent="0.25">
      <c r="A26887" s="2">
        <v>5377</v>
      </c>
      <c r="B26887" s="2">
        <v>5377</v>
      </c>
      <c r="C26887" s="1" t="s">
        <v>0</v>
      </c>
      <c r="D26887" s="2">
        <v>179715</v>
      </c>
      <c r="E26887" s="1" t="s">
        <v>0</v>
      </c>
    </row>
    <row r="26888" spans="1:5" x14ac:dyDescent="0.25">
      <c r="A26888" s="1" t="s">
        <v>4893</v>
      </c>
      <c r="B26888" s="1" t="s">
        <v>12834</v>
      </c>
      <c r="C26888" s="1" t="s">
        <v>49801</v>
      </c>
      <c r="D26888" s="2">
        <v>179716</v>
      </c>
      <c r="E26888" s="1" t="s">
        <v>0</v>
      </c>
    </row>
    <row r="26889" spans="1:5" x14ac:dyDescent="0.25">
      <c r="A26889" s="1" t="s">
        <v>49802</v>
      </c>
      <c r="B26889" s="1" t="s">
        <v>63139</v>
      </c>
      <c r="C26889" s="1" t="s">
        <v>49803</v>
      </c>
      <c r="D26889" s="2">
        <v>179717</v>
      </c>
      <c r="E26889" s="1" t="s">
        <v>0</v>
      </c>
    </row>
    <row r="26890" spans="1:5" ht="409.5" x14ac:dyDescent="0.25">
      <c r="A26890" s="4" t="s">
        <v>49804</v>
      </c>
      <c r="B26890" s="1" t="s">
        <v>63140</v>
      </c>
      <c r="C26890" s="1" t="s">
        <v>49805</v>
      </c>
      <c r="D26890" s="2">
        <v>179718</v>
      </c>
      <c r="E26890" s="1" t="s">
        <v>0</v>
      </c>
    </row>
    <row r="26891" spans="1:5" x14ac:dyDescent="0.25">
      <c r="A26891" s="1" t="s">
        <v>49806</v>
      </c>
      <c r="B26891" s="1" t="s">
        <v>59436</v>
      </c>
      <c r="C26891" s="1" t="s">
        <v>49807</v>
      </c>
      <c r="D26891" s="2">
        <v>179719</v>
      </c>
      <c r="E26891" s="1" t="s">
        <v>0</v>
      </c>
    </row>
    <row r="26892" spans="1:5" x14ac:dyDescent="0.25">
      <c r="A26892" s="2">
        <v>5378</v>
      </c>
      <c r="B26892" s="2">
        <v>5378</v>
      </c>
      <c r="C26892" s="1" t="s">
        <v>0</v>
      </c>
      <c r="D26892" s="2">
        <v>179720</v>
      </c>
      <c r="E26892" s="1" t="s">
        <v>0</v>
      </c>
    </row>
    <row r="26893" spans="1:5" x14ac:dyDescent="0.25">
      <c r="A26893" s="1" t="s">
        <v>4894</v>
      </c>
      <c r="B26893" s="1" t="s">
        <v>12835</v>
      </c>
      <c r="C26893" s="1" t="s">
        <v>49808</v>
      </c>
      <c r="D26893" s="2">
        <v>179721</v>
      </c>
      <c r="E26893" s="1" t="s">
        <v>0</v>
      </c>
    </row>
    <row r="26894" spans="1:5" x14ac:dyDescent="0.25">
      <c r="A26894" s="1" t="s">
        <v>49809</v>
      </c>
      <c r="B26894" s="1" t="s">
        <v>59437</v>
      </c>
      <c r="C26894" s="1" t="s">
        <v>49810</v>
      </c>
      <c r="D26894" s="2">
        <v>179722</v>
      </c>
      <c r="E26894" s="1" t="s">
        <v>0</v>
      </c>
    </row>
    <row r="26895" spans="1:5" ht="409.5" x14ac:dyDescent="0.25">
      <c r="A26895" s="4" t="s">
        <v>49811</v>
      </c>
      <c r="B26895" s="1" t="s">
        <v>59438</v>
      </c>
      <c r="C26895" s="1" t="s">
        <v>49812</v>
      </c>
      <c r="D26895" s="2">
        <v>179723</v>
      </c>
      <c r="E26895" s="1" t="s">
        <v>0</v>
      </c>
    </row>
    <row r="26896" spans="1:5" x14ac:dyDescent="0.25">
      <c r="A26896" s="1" t="s">
        <v>49813</v>
      </c>
      <c r="B26896" s="1" t="s">
        <v>12836</v>
      </c>
      <c r="C26896" s="1" t="s">
        <v>49814</v>
      </c>
      <c r="D26896" s="2">
        <v>179724</v>
      </c>
      <c r="E26896" s="1" t="s">
        <v>0</v>
      </c>
    </row>
    <row r="26897" spans="1:5" x14ac:dyDescent="0.25">
      <c r="A26897" s="2">
        <v>5379</v>
      </c>
      <c r="B26897" s="2">
        <v>5379</v>
      </c>
      <c r="C26897" s="1" t="s">
        <v>0</v>
      </c>
      <c r="D26897" s="2">
        <v>179725</v>
      </c>
      <c r="E26897" s="1" t="s">
        <v>0</v>
      </c>
    </row>
    <row r="26898" spans="1:5" x14ac:dyDescent="0.25">
      <c r="A26898" s="1" t="s">
        <v>12837</v>
      </c>
      <c r="B26898" s="1" t="s">
        <v>12838</v>
      </c>
      <c r="C26898" s="1" t="s">
        <v>49815</v>
      </c>
      <c r="D26898" s="2">
        <v>179726</v>
      </c>
      <c r="E26898" s="1" t="s">
        <v>0</v>
      </c>
    </row>
    <row r="26899" spans="1:5" x14ac:dyDescent="0.25">
      <c r="A26899" s="1" t="s">
        <v>49816</v>
      </c>
      <c r="B26899" s="1" t="s">
        <v>12839</v>
      </c>
      <c r="C26899" s="1" t="s">
        <v>49817</v>
      </c>
      <c r="D26899" s="2">
        <v>179727</v>
      </c>
      <c r="E26899" s="1" t="s">
        <v>0</v>
      </c>
    </row>
    <row r="26900" spans="1:5" ht="409.5" x14ac:dyDescent="0.25">
      <c r="A26900" s="4" t="s">
        <v>49818</v>
      </c>
      <c r="B26900" s="1" t="s">
        <v>12840</v>
      </c>
      <c r="C26900" s="1" t="s">
        <v>49819</v>
      </c>
      <c r="D26900" s="2">
        <v>179728</v>
      </c>
      <c r="E26900" s="1" t="s">
        <v>0</v>
      </c>
    </row>
    <row r="26901" spans="1:5" x14ac:dyDescent="0.25">
      <c r="A26901" s="1" t="s">
        <v>49820</v>
      </c>
      <c r="B26901" s="1" t="s">
        <v>59439</v>
      </c>
      <c r="C26901" s="1" t="s">
        <v>49821</v>
      </c>
      <c r="D26901" s="2">
        <v>179729</v>
      </c>
      <c r="E26901" s="1" t="s">
        <v>0</v>
      </c>
    </row>
    <row r="26902" spans="1:5" x14ac:dyDescent="0.25">
      <c r="A26902" s="2">
        <v>5380</v>
      </c>
      <c r="B26902" s="2">
        <v>5380</v>
      </c>
      <c r="C26902" s="1" t="s">
        <v>0</v>
      </c>
      <c r="D26902" s="2">
        <v>179730</v>
      </c>
      <c r="E26902" s="1" t="s">
        <v>0</v>
      </c>
    </row>
    <row r="26903" spans="1:5" x14ac:dyDescent="0.25">
      <c r="A26903" s="1" t="s">
        <v>4895</v>
      </c>
      <c r="B26903" s="1" t="s">
        <v>12841</v>
      </c>
      <c r="C26903" s="1" t="s">
        <v>49822</v>
      </c>
      <c r="D26903" s="2">
        <v>179731</v>
      </c>
      <c r="E26903" s="1" t="s">
        <v>0</v>
      </c>
    </row>
    <row r="26904" spans="1:5" x14ac:dyDescent="0.25">
      <c r="A26904" s="1" t="s">
        <v>49823</v>
      </c>
      <c r="B26904" s="1" t="s">
        <v>59440</v>
      </c>
      <c r="C26904" s="1" t="s">
        <v>49824</v>
      </c>
      <c r="D26904" s="2">
        <v>179732</v>
      </c>
      <c r="E26904" s="1" t="s">
        <v>0</v>
      </c>
    </row>
    <row r="26905" spans="1:5" ht="409.5" x14ac:dyDescent="0.25">
      <c r="A26905" s="4" t="s">
        <v>49825</v>
      </c>
      <c r="B26905" s="1" t="s">
        <v>59441</v>
      </c>
      <c r="C26905" s="1" t="s">
        <v>49826</v>
      </c>
      <c r="D26905" s="2">
        <v>179733</v>
      </c>
      <c r="E26905" s="1" t="s">
        <v>0</v>
      </c>
    </row>
    <row r="26906" spans="1:5" x14ac:dyDescent="0.25">
      <c r="A26906" s="1" t="s">
        <v>49827</v>
      </c>
      <c r="B26906" s="1" t="s">
        <v>59442</v>
      </c>
      <c r="C26906" s="1" t="s">
        <v>49828</v>
      </c>
      <c r="D26906" s="2">
        <v>179734</v>
      </c>
      <c r="E26906" s="1" t="s">
        <v>0</v>
      </c>
    </row>
    <row r="26907" spans="1:5" x14ac:dyDescent="0.25">
      <c r="A26907" s="2">
        <v>5381</v>
      </c>
      <c r="B26907" s="2">
        <v>5381</v>
      </c>
      <c r="C26907" s="1" t="s">
        <v>0</v>
      </c>
      <c r="D26907" s="2">
        <v>179735</v>
      </c>
      <c r="E26907" s="1" t="s">
        <v>0</v>
      </c>
    </row>
    <row r="26908" spans="1:5" x14ac:dyDescent="0.25">
      <c r="A26908" s="1" t="s">
        <v>4896</v>
      </c>
      <c r="B26908" s="1" t="s">
        <v>12842</v>
      </c>
      <c r="C26908" s="1" t="s">
        <v>49829</v>
      </c>
      <c r="D26908" s="2">
        <v>179736</v>
      </c>
      <c r="E26908" s="1" t="s">
        <v>0</v>
      </c>
    </row>
    <row r="26909" spans="1:5" x14ac:dyDescent="0.25">
      <c r="A26909" s="1" t="s">
        <v>49830</v>
      </c>
      <c r="B26909" s="1" t="s">
        <v>57660</v>
      </c>
      <c r="C26909" s="1" t="s">
        <v>49831</v>
      </c>
      <c r="D26909" s="2">
        <v>179737</v>
      </c>
      <c r="E26909" s="1" t="s">
        <v>0</v>
      </c>
    </row>
    <row r="26910" spans="1:5" ht="409.5" x14ac:dyDescent="0.25">
      <c r="A26910" s="4" t="s">
        <v>49832</v>
      </c>
      <c r="B26910" s="1" t="s">
        <v>59443</v>
      </c>
      <c r="C26910" s="1" t="s">
        <v>49833</v>
      </c>
      <c r="D26910" s="2">
        <v>179738</v>
      </c>
      <c r="E26910" s="1" t="s">
        <v>0</v>
      </c>
    </row>
    <row r="26911" spans="1:5" x14ac:dyDescent="0.25">
      <c r="A26911" s="1" t="s">
        <v>49834</v>
      </c>
      <c r="B26911" s="1" t="s">
        <v>59444</v>
      </c>
      <c r="C26911" s="1" t="s">
        <v>49835</v>
      </c>
      <c r="D26911" s="2">
        <v>179739</v>
      </c>
      <c r="E26911" s="1" t="s">
        <v>0</v>
      </c>
    </row>
    <row r="26912" spans="1:5" x14ac:dyDescent="0.25">
      <c r="A26912" s="2">
        <v>5382</v>
      </c>
      <c r="B26912" s="2">
        <v>5382</v>
      </c>
      <c r="C26912" s="1" t="s">
        <v>0</v>
      </c>
      <c r="D26912" s="2">
        <v>179740</v>
      </c>
      <c r="E26912" s="1" t="s">
        <v>0</v>
      </c>
    </row>
    <row r="26913" spans="1:5" x14ac:dyDescent="0.25">
      <c r="A26913" s="1" t="s">
        <v>4897</v>
      </c>
      <c r="B26913" s="1" t="s">
        <v>12843</v>
      </c>
      <c r="C26913" s="1" t="s">
        <v>49836</v>
      </c>
      <c r="D26913" s="2">
        <v>179741</v>
      </c>
      <c r="E26913" s="1" t="s">
        <v>0</v>
      </c>
    </row>
    <row r="26914" spans="1:5" x14ac:dyDescent="0.25">
      <c r="A26914" s="1" t="s">
        <v>64436</v>
      </c>
      <c r="B26914" s="1" t="s">
        <v>58675</v>
      </c>
      <c r="C26914" s="1" t="s">
        <v>49837</v>
      </c>
      <c r="D26914" s="2">
        <v>179742</v>
      </c>
      <c r="E26914" s="1" t="s">
        <v>0</v>
      </c>
    </row>
    <row r="26915" spans="1:5" ht="409.5" x14ac:dyDescent="0.25">
      <c r="A26915" s="4" t="s">
        <v>64437</v>
      </c>
      <c r="B26915" s="1" t="s">
        <v>61733</v>
      </c>
      <c r="C26915" s="1" t="s">
        <v>49838</v>
      </c>
      <c r="D26915" s="2">
        <v>179743</v>
      </c>
      <c r="E26915" s="1" t="s">
        <v>0</v>
      </c>
    </row>
    <row r="26916" spans="1:5" x14ac:dyDescent="0.25">
      <c r="A26916" s="1" t="s">
        <v>49839</v>
      </c>
      <c r="B26916" s="1" t="s">
        <v>12844</v>
      </c>
      <c r="C26916" s="1" t="s">
        <v>49840</v>
      </c>
      <c r="D26916" s="2">
        <v>179744</v>
      </c>
      <c r="E26916" s="1" t="s">
        <v>0</v>
      </c>
    </row>
    <row r="26917" spans="1:5" x14ac:dyDescent="0.25">
      <c r="A26917" s="2">
        <v>5383</v>
      </c>
      <c r="B26917" s="2">
        <v>5383</v>
      </c>
      <c r="C26917" s="1" t="s">
        <v>0</v>
      </c>
      <c r="D26917" s="2">
        <v>179745</v>
      </c>
      <c r="E26917" s="1" t="s">
        <v>0</v>
      </c>
    </row>
    <row r="26918" spans="1:5" x14ac:dyDescent="0.25">
      <c r="A26918" s="1" t="s">
        <v>4898</v>
      </c>
      <c r="B26918" s="1" t="s">
        <v>12845</v>
      </c>
      <c r="C26918" s="1" t="s">
        <v>49841</v>
      </c>
      <c r="D26918" s="2">
        <v>179746</v>
      </c>
      <c r="E26918" s="1" t="s">
        <v>0</v>
      </c>
    </row>
    <row r="26919" spans="1:5" x14ac:dyDescent="0.25">
      <c r="A26919" s="1" t="s">
        <v>49842</v>
      </c>
      <c r="B26919" s="1" t="s">
        <v>59445</v>
      </c>
      <c r="C26919" s="1" t="s">
        <v>49843</v>
      </c>
      <c r="D26919" s="2">
        <v>179747</v>
      </c>
      <c r="E26919" s="1" t="s">
        <v>0</v>
      </c>
    </row>
    <row r="26920" spans="1:5" ht="409.5" x14ac:dyDescent="0.25">
      <c r="A26920" s="4" t="s">
        <v>49844</v>
      </c>
      <c r="B26920" s="1" t="s">
        <v>59446</v>
      </c>
      <c r="C26920" s="1" t="s">
        <v>49845</v>
      </c>
      <c r="D26920" s="2">
        <v>179748</v>
      </c>
      <c r="E26920" s="1" t="s">
        <v>0</v>
      </c>
    </row>
    <row r="26921" spans="1:5" x14ac:dyDescent="0.25">
      <c r="A26921" s="1" t="s">
        <v>49846</v>
      </c>
      <c r="B26921" s="1" t="s">
        <v>59447</v>
      </c>
      <c r="C26921" s="1" t="s">
        <v>49847</v>
      </c>
      <c r="D26921" s="2">
        <v>179749</v>
      </c>
      <c r="E26921" s="1" t="s">
        <v>0</v>
      </c>
    </row>
    <row r="26922" spans="1:5" x14ac:dyDescent="0.25">
      <c r="A26922" s="2">
        <v>5384</v>
      </c>
      <c r="B26922" s="2">
        <v>5384</v>
      </c>
      <c r="C26922" s="1" t="s">
        <v>0</v>
      </c>
      <c r="D26922" s="2">
        <v>179750</v>
      </c>
      <c r="E26922" s="1" t="s">
        <v>0</v>
      </c>
    </row>
    <row r="26923" spans="1:5" x14ac:dyDescent="0.25">
      <c r="A26923" s="1" t="s">
        <v>4899</v>
      </c>
      <c r="B26923" s="1" t="s">
        <v>12846</v>
      </c>
      <c r="C26923" s="1" t="s">
        <v>49848</v>
      </c>
      <c r="D26923" s="2">
        <v>179751</v>
      </c>
      <c r="E26923" s="1" t="s">
        <v>0</v>
      </c>
    </row>
    <row r="26924" spans="1:5" x14ac:dyDescent="0.25">
      <c r="A26924" s="1" t="s">
        <v>49849</v>
      </c>
      <c r="B26924" s="1" t="s">
        <v>56898</v>
      </c>
      <c r="C26924" s="1" t="s">
        <v>49850</v>
      </c>
      <c r="D26924" s="2">
        <v>179752</v>
      </c>
      <c r="E26924" s="1" t="s">
        <v>0</v>
      </c>
    </row>
    <row r="26925" spans="1:5" ht="409.5" x14ac:dyDescent="0.25">
      <c r="A26925" s="4" t="s">
        <v>64438</v>
      </c>
      <c r="B26925" s="1" t="s">
        <v>56899</v>
      </c>
      <c r="C26925" s="1" t="s">
        <v>49851</v>
      </c>
      <c r="D26925" s="2">
        <v>179753</v>
      </c>
      <c r="E26925" s="1" t="s">
        <v>0</v>
      </c>
    </row>
    <row r="26926" spans="1:5" x14ac:dyDescent="0.25">
      <c r="A26926" s="1" t="s">
        <v>49852</v>
      </c>
      <c r="B26926" s="1" t="s">
        <v>59448</v>
      </c>
      <c r="C26926" s="1" t="s">
        <v>49853</v>
      </c>
      <c r="D26926" s="2">
        <v>179754</v>
      </c>
      <c r="E26926" s="1" t="s">
        <v>0</v>
      </c>
    </row>
    <row r="26927" spans="1:5" x14ac:dyDescent="0.25">
      <c r="A26927" s="2">
        <v>5385</v>
      </c>
      <c r="B26927" s="2">
        <v>5385</v>
      </c>
      <c r="C26927" s="1" t="s">
        <v>0</v>
      </c>
      <c r="D26927" s="2">
        <v>179755</v>
      </c>
      <c r="E26927" s="1" t="s">
        <v>0</v>
      </c>
    </row>
    <row r="26928" spans="1:5" x14ac:dyDescent="0.25">
      <c r="A26928" s="1" t="s">
        <v>4900</v>
      </c>
      <c r="B26928" s="1" t="s">
        <v>12847</v>
      </c>
      <c r="C26928" s="1" t="s">
        <v>49854</v>
      </c>
      <c r="D26928" s="2">
        <v>179756</v>
      </c>
      <c r="E26928" s="1" t="s">
        <v>0</v>
      </c>
    </row>
    <row r="26929" spans="1:5" x14ac:dyDescent="0.25">
      <c r="A26929" s="1" t="s">
        <v>49855</v>
      </c>
      <c r="B26929" s="1" t="s">
        <v>59449</v>
      </c>
      <c r="C26929" s="1" t="s">
        <v>49856</v>
      </c>
      <c r="D26929" s="2">
        <v>179757</v>
      </c>
      <c r="E26929" s="1" t="s">
        <v>0</v>
      </c>
    </row>
    <row r="26930" spans="1:5" ht="409.5" x14ac:dyDescent="0.25">
      <c r="A26930" s="4" t="s">
        <v>49857</v>
      </c>
      <c r="B26930" s="1" t="s">
        <v>59450</v>
      </c>
      <c r="C26930" s="1" t="s">
        <v>49858</v>
      </c>
      <c r="D26930" s="2">
        <v>179758</v>
      </c>
      <c r="E26930" s="1" t="s">
        <v>0</v>
      </c>
    </row>
    <row r="26931" spans="1:5" x14ac:dyDescent="0.25">
      <c r="A26931" s="1" t="s">
        <v>49859</v>
      </c>
      <c r="B26931" s="1" t="s">
        <v>61460</v>
      </c>
      <c r="C26931" s="1" t="s">
        <v>49860</v>
      </c>
      <c r="D26931" s="2">
        <v>179759</v>
      </c>
      <c r="E26931" s="1" t="s">
        <v>0</v>
      </c>
    </row>
    <row r="26932" spans="1:5" x14ac:dyDescent="0.25">
      <c r="A26932" s="2">
        <v>5386</v>
      </c>
      <c r="B26932" s="2">
        <v>5386</v>
      </c>
      <c r="C26932" s="1" t="s">
        <v>0</v>
      </c>
      <c r="D26932" s="2">
        <v>179760</v>
      </c>
      <c r="E26932" s="1" t="s">
        <v>0</v>
      </c>
    </row>
    <row r="26933" spans="1:5" x14ac:dyDescent="0.25">
      <c r="A26933" s="1" t="s">
        <v>4901</v>
      </c>
      <c r="B26933" s="1" t="s">
        <v>60365</v>
      </c>
      <c r="C26933" s="1" t="s">
        <v>49861</v>
      </c>
      <c r="D26933" s="2">
        <v>179761</v>
      </c>
      <c r="E26933" s="1" t="s">
        <v>0</v>
      </c>
    </row>
    <row r="26934" spans="1:5" x14ac:dyDescent="0.25">
      <c r="A26934" s="1" t="s">
        <v>49862</v>
      </c>
      <c r="B26934" s="1" t="s">
        <v>60366</v>
      </c>
      <c r="C26934" s="1" t="s">
        <v>49863</v>
      </c>
      <c r="D26934" s="2">
        <v>179762</v>
      </c>
      <c r="E26934" s="1" t="s">
        <v>0</v>
      </c>
    </row>
    <row r="26935" spans="1:5" ht="409.5" x14ac:dyDescent="0.25">
      <c r="A26935" s="4" t="s">
        <v>49864</v>
      </c>
      <c r="B26935" s="1" t="s">
        <v>60367</v>
      </c>
      <c r="C26935" s="1" t="s">
        <v>49865</v>
      </c>
      <c r="D26935" s="2">
        <v>179763</v>
      </c>
      <c r="E26935" s="1" t="s">
        <v>0</v>
      </c>
    </row>
    <row r="26936" spans="1:5" x14ac:dyDescent="0.25">
      <c r="A26936" s="1" t="s">
        <v>49866</v>
      </c>
      <c r="B26936" s="1" t="s">
        <v>60368</v>
      </c>
      <c r="C26936" s="1" t="s">
        <v>49867</v>
      </c>
      <c r="D26936" s="2">
        <v>179764</v>
      </c>
      <c r="E26936" s="1" t="s">
        <v>0</v>
      </c>
    </row>
    <row r="26937" spans="1:5" x14ac:dyDescent="0.25">
      <c r="A26937" s="2">
        <v>5387</v>
      </c>
      <c r="B26937" s="2">
        <v>5387</v>
      </c>
      <c r="C26937" s="1" t="s">
        <v>0</v>
      </c>
      <c r="D26937" s="2">
        <v>179765</v>
      </c>
      <c r="E26937" s="1" t="s">
        <v>0</v>
      </c>
    </row>
    <row r="26938" spans="1:5" x14ac:dyDescent="0.25">
      <c r="A26938" s="1" t="s">
        <v>4902</v>
      </c>
      <c r="B26938" s="1" t="s">
        <v>59451</v>
      </c>
      <c r="C26938" s="1" t="s">
        <v>49868</v>
      </c>
      <c r="D26938" s="2">
        <v>179766</v>
      </c>
      <c r="E26938" s="1" t="s">
        <v>0</v>
      </c>
    </row>
    <row r="26939" spans="1:5" x14ac:dyDescent="0.25">
      <c r="A26939" s="1" t="s">
        <v>49869</v>
      </c>
      <c r="B26939" s="1" t="s">
        <v>59452</v>
      </c>
      <c r="C26939" s="1" t="s">
        <v>49870</v>
      </c>
      <c r="D26939" s="2">
        <v>179767</v>
      </c>
      <c r="E26939" s="1" t="s">
        <v>0</v>
      </c>
    </row>
    <row r="26940" spans="1:5" ht="409.5" x14ac:dyDescent="0.25">
      <c r="A26940" s="4" t="s">
        <v>64439</v>
      </c>
      <c r="B26940" s="1" t="s">
        <v>59453</v>
      </c>
      <c r="C26940" s="1" t="s">
        <v>49871</v>
      </c>
      <c r="D26940" s="2">
        <v>179768</v>
      </c>
      <c r="E26940" s="1" t="s">
        <v>0</v>
      </c>
    </row>
    <row r="26941" spans="1:5" x14ac:dyDescent="0.25">
      <c r="A26941" s="1" t="s">
        <v>49872</v>
      </c>
      <c r="B26941" s="1" t="s">
        <v>59454</v>
      </c>
      <c r="C26941" s="1" t="s">
        <v>49873</v>
      </c>
      <c r="D26941" s="2">
        <v>179769</v>
      </c>
      <c r="E26941" s="1" t="s">
        <v>0</v>
      </c>
    </row>
    <row r="26942" spans="1:5" x14ac:dyDescent="0.25">
      <c r="A26942" s="2">
        <v>5388</v>
      </c>
      <c r="B26942" s="2">
        <v>5388</v>
      </c>
      <c r="C26942" s="1" t="s">
        <v>0</v>
      </c>
      <c r="D26942" s="2">
        <v>179770</v>
      </c>
      <c r="E26942" s="1" t="s">
        <v>0</v>
      </c>
    </row>
    <row r="26943" spans="1:5" x14ac:dyDescent="0.25">
      <c r="A26943" s="1" t="s">
        <v>4903</v>
      </c>
      <c r="B26943" s="1" t="s">
        <v>59455</v>
      </c>
      <c r="C26943" s="1" t="s">
        <v>49874</v>
      </c>
      <c r="D26943" s="2">
        <v>179771</v>
      </c>
      <c r="E26943" s="1" t="s">
        <v>0</v>
      </c>
    </row>
    <row r="26944" spans="1:5" x14ac:dyDescent="0.25">
      <c r="A26944" s="1" t="s">
        <v>49875</v>
      </c>
      <c r="B26944" s="1" t="s">
        <v>59456</v>
      </c>
      <c r="C26944" s="1" t="s">
        <v>49876</v>
      </c>
      <c r="D26944" s="2">
        <v>179772</v>
      </c>
      <c r="E26944" s="1" t="s">
        <v>0</v>
      </c>
    </row>
    <row r="26945" spans="1:5" ht="409.5" x14ac:dyDescent="0.25">
      <c r="A26945" s="4" t="s">
        <v>49877</v>
      </c>
      <c r="B26945" s="1" t="s">
        <v>59457</v>
      </c>
      <c r="C26945" s="1" t="s">
        <v>49878</v>
      </c>
      <c r="D26945" s="2">
        <v>179773</v>
      </c>
      <c r="E26945" s="1" t="s">
        <v>0</v>
      </c>
    </row>
    <row r="26946" spans="1:5" x14ac:dyDescent="0.25">
      <c r="A26946" s="1" t="s">
        <v>49879</v>
      </c>
      <c r="B26946" s="1" t="s">
        <v>59458</v>
      </c>
      <c r="C26946" s="1" t="s">
        <v>49880</v>
      </c>
      <c r="D26946" s="2">
        <v>179774</v>
      </c>
      <c r="E26946" s="1" t="s">
        <v>0</v>
      </c>
    </row>
    <row r="26947" spans="1:5" x14ac:dyDescent="0.25">
      <c r="A26947" s="2">
        <v>5389</v>
      </c>
      <c r="B26947" s="2">
        <v>5389</v>
      </c>
      <c r="C26947" s="1" t="s">
        <v>0</v>
      </c>
      <c r="D26947" s="2">
        <v>179775</v>
      </c>
      <c r="E26947" s="1" t="s">
        <v>0</v>
      </c>
    </row>
    <row r="26948" spans="1:5" x14ac:dyDescent="0.25">
      <c r="A26948" s="1" t="s">
        <v>4904</v>
      </c>
      <c r="B26948" s="1" t="s">
        <v>12848</v>
      </c>
      <c r="C26948" s="1" t="s">
        <v>49881</v>
      </c>
      <c r="D26948" s="2">
        <v>179776</v>
      </c>
      <c r="E26948" s="1" t="s">
        <v>0</v>
      </c>
    </row>
    <row r="26949" spans="1:5" x14ac:dyDescent="0.25">
      <c r="A26949" s="1" t="s">
        <v>49882</v>
      </c>
      <c r="B26949" s="1" t="s">
        <v>59459</v>
      </c>
      <c r="C26949" s="1" t="s">
        <v>49883</v>
      </c>
      <c r="D26949" s="2">
        <v>179777</v>
      </c>
      <c r="E26949" s="1" t="s">
        <v>0</v>
      </c>
    </row>
    <row r="26950" spans="1:5" ht="409.5" x14ac:dyDescent="0.25">
      <c r="A26950" s="4" t="s">
        <v>49884</v>
      </c>
      <c r="B26950" s="1" t="s">
        <v>59460</v>
      </c>
      <c r="C26950" s="1" t="s">
        <v>49885</v>
      </c>
      <c r="D26950" s="2">
        <v>179778</v>
      </c>
      <c r="E26950" s="1" t="s">
        <v>0</v>
      </c>
    </row>
    <row r="26951" spans="1:5" x14ac:dyDescent="0.25">
      <c r="A26951" s="1" t="s">
        <v>49886</v>
      </c>
      <c r="B26951" s="1" t="s">
        <v>12849</v>
      </c>
      <c r="C26951" s="1" t="s">
        <v>49887</v>
      </c>
      <c r="D26951" s="2">
        <v>179779</v>
      </c>
      <c r="E26951" s="1" t="s">
        <v>0</v>
      </c>
    </row>
    <row r="26952" spans="1:5" x14ac:dyDescent="0.25">
      <c r="A26952" s="2">
        <v>5390</v>
      </c>
      <c r="B26952" s="2">
        <v>5390</v>
      </c>
      <c r="C26952" s="1" t="s">
        <v>0</v>
      </c>
      <c r="D26952" s="2">
        <v>179780</v>
      </c>
      <c r="E26952" s="1" t="s">
        <v>0</v>
      </c>
    </row>
    <row r="26953" spans="1:5" x14ac:dyDescent="0.25">
      <c r="A26953" s="1" t="s">
        <v>12850</v>
      </c>
      <c r="B26953" s="1" t="s">
        <v>12851</v>
      </c>
      <c r="C26953" s="1" t="s">
        <v>49888</v>
      </c>
      <c r="D26953" s="2">
        <v>179781</v>
      </c>
      <c r="E26953" s="1" t="s">
        <v>0</v>
      </c>
    </row>
    <row r="26954" spans="1:5" x14ac:dyDescent="0.25">
      <c r="A26954" s="1" t="s">
        <v>49889</v>
      </c>
      <c r="B26954" s="1" t="s">
        <v>63141</v>
      </c>
      <c r="C26954" s="1" t="s">
        <v>49890</v>
      </c>
      <c r="D26954" s="2">
        <v>179782</v>
      </c>
      <c r="E26954" s="1" t="s">
        <v>0</v>
      </c>
    </row>
    <row r="26955" spans="1:5" ht="409.5" x14ac:dyDescent="0.25">
      <c r="A26955" s="4" t="s">
        <v>49891</v>
      </c>
      <c r="B26955" s="1" t="s">
        <v>63142</v>
      </c>
      <c r="C26955" s="1" t="s">
        <v>49892</v>
      </c>
      <c r="D26955" s="2">
        <v>179783</v>
      </c>
      <c r="E26955" s="1" t="s">
        <v>0</v>
      </c>
    </row>
    <row r="26956" spans="1:5" x14ac:dyDescent="0.25">
      <c r="A26956" s="1" t="s">
        <v>49893</v>
      </c>
      <c r="B26956" s="1" t="s">
        <v>59461</v>
      </c>
      <c r="C26956" s="1" t="s">
        <v>49894</v>
      </c>
      <c r="D26956" s="2">
        <v>179784</v>
      </c>
      <c r="E26956" s="1" t="s">
        <v>0</v>
      </c>
    </row>
    <row r="26957" spans="1:5" x14ac:dyDescent="0.25">
      <c r="A26957" s="2">
        <v>5391</v>
      </c>
      <c r="B26957" s="2">
        <v>5391</v>
      </c>
      <c r="C26957" s="1" t="s">
        <v>0</v>
      </c>
      <c r="D26957" s="2">
        <v>179785</v>
      </c>
      <c r="E26957" s="1" t="s">
        <v>0</v>
      </c>
    </row>
    <row r="26958" spans="1:5" x14ac:dyDescent="0.25">
      <c r="A26958" s="1" t="s">
        <v>4905</v>
      </c>
      <c r="B26958" s="1" t="s">
        <v>12852</v>
      </c>
      <c r="C26958" s="1" t="s">
        <v>49895</v>
      </c>
      <c r="D26958" s="2">
        <v>179786</v>
      </c>
      <c r="E26958" s="1" t="s">
        <v>0</v>
      </c>
    </row>
    <row r="26959" spans="1:5" x14ac:dyDescent="0.25">
      <c r="A26959" s="1" t="s">
        <v>49896</v>
      </c>
      <c r="B26959" s="1" t="s">
        <v>63143</v>
      </c>
      <c r="C26959" s="1" t="s">
        <v>49897</v>
      </c>
      <c r="D26959" s="2">
        <v>179787</v>
      </c>
      <c r="E26959" s="1" t="s">
        <v>0</v>
      </c>
    </row>
    <row r="26960" spans="1:5" x14ac:dyDescent="0.25">
      <c r="A26960" s="1" t="s">
        <v>49896</v>
      </c>
      <c r="B26960" s="1" t="s">
        <v>63143</v>
      </c>
      <c r="C26960" s="1" t="s">
        <v>49897</v>
      </c>
      <c r="D26960" s="2">
        <v>179788</v>
      </c>
      <c r="E26960" s="1" t="s">
        <v>0</v>
      </c>
    </row>
    <row r="26961" spans="1:5" x14ac:dyDescent="0.25">
      <c r="A26961" s="1" t="s">
        <v>49898</v>
      </c>
      <c r="B26961" s="1" t="s">
        <v>12853</v>
      </c>
      <c r="C26961" s="1" t="s">
        <v>49899</v>
      </c>
      <c r="D26961" s="2">
        <v>179789</v>
      </c>
      <c r="E26961" s="1" t="s">
        <v>0</v>
      </c>
    </row>
    <row r="26962" spans="1:5" x14ac:dyDescent="0.25">
      <c r="A26962" s="2">
        <v>5392</v>
      </c>
      <c r="B26962" s="2">
        <v>5392</v>
      </c>
      <c r="C26962" s="1" t="s">
        <v>0</v>
      </c>
      <c r="D26962" s="2">
        <v>179790</v>
      </c>
      <c r="E26962" s="1" t="s">
        <v>0</v>
      </c>
    </row>
    <row r="26963" spans="1:5" x14ac:dyDescent="0.25">
      <c r="A26963" s="1" t="s">
        <v>4906</v>
      </c>
      <c r="B26963" s="1" t="s">
        <v>12854</v>
      </c>
      <c r="C26963" s="1" t="s">
        <v>49900</v>
      </c>
      <c r="D26963" s="2">
        <v>179791</v>
      </c>
      <c r="E26963" s="1" t="s">
        <v>0</v>
      </c>
    </row>
    <row r="26964" spans="1:5" x14ac:dyDescent="0.25">
      <c r="A26964" s="1" t="s">
        <v>49901</v>
      </c>
      <c r="B26964" s="1" t="s">
        <v>59462</v>
      </c>
      <c r="C26964" s="1" t="s">
        <v>49902</v>
      </c>
      <c r="D26964" s="2">
        <v>179792</v>
      </c>
      <c r="E26964" s="1" t="s">
        <v>0</v>
      </c>
    </row>
    <row r="26965" spans="1:5" ht="409.5" x14ac:dyDescent="0.25">
      <c r="A26965" s="4" t="s">
        <v>49903</v>
      </c>
      <c r="B26965" s="1" t="s">
        <v>60369</v>
      </c>
      <c r="C26965" s="1" t="s">
        <v>49904</v>
      </c>
      <c r="D26965" s="2">
        <v>179793</v>
      </c>
      <c r="E26965" s="1" t="s">
        <v>0</v>
      </c>
    </row>
    <row r="26966" spans="1:5" x14ac:dyDescent="0.25">
      <c r="A26966" s="1" t="s">
        <v>49905</v>
      </c>
      <c r="B26966" s="1" t="s">
        <v>12855</v>
      </c>
      <c r="C26966" s="1" t="s">
        <v>49906</v>
      </c>
      <c r="D26966" s="2">
        <v>179794</v>
      </c>
      <c r="E26966" s="1" t="s">
        <v>0</v>
      </c>
    </row>
    <row r="26967" spans="1:5" x14ac:dyDescent="0.25">
      <c r="A26967" s="2">
        <v>5393</v>
      </c>
      <c r="B26967" s="2">
        <v>5393</v>
      </c>
      <c r="C26967" s="1" t="s">
        <v>0</v>
      </c>
      <c r="D26967" s="2">
        <v>179795</v>
      </c>
      <c r="E26967" s="1" t="s">
        <v>0</v>
      </c>
    </row>
    <row r="26968" spans="1:5" x14ac:dyDescent="0.25">
      <c r="A26968" s="1" t="s">
        <v>4907</v>
      </c>
      <c r="B26968" s="1" t="s">
        <v>12856</v>
      </c>
      <c r="C26968" s="1" t="s">
        <v>49907</v>
      </c>
      <c r="D26968" s="2">
        <v>179796</v>
      </c>
      <c r="E26968" s="1" t="s">
        <v>0</v>
      </c>
    </row>
    <row r="26969" spans="1:5" x14ac:dyDescent="0.25">
      <c r="A26969" s="1" t="s">
        <v>49908</v>
      </c>
      <c r="B26969" s="1" t="s">
        <v>12857</v>
      </c>
      <c r="C26969" s="1" t="s">
        <v>49909</v>
      </c>
      <c r="D26969" s="2">
        <v>179797</v>
      </c>
      <c r="E26969" s="1" t="s">
        <v>0</v>
      </c>
    </row>
    <row r="26970" spans="1:5" ht="409.5" x14ac:dyDescent="0.25">
      <c r="A26970" s="4" t="s">
        <v>49910</v>
      </c>
      <c r="B26970" s="1" t="s">
        <v>59463</v>
      </c>
      <c r="C26970" s="1" t="s">
        <v>49911</v>
      </c>
      <c r="D26970" s="2">
        <v>179798</v>
      </c>
      <c r="E26970" s="1" t="s">
        <v>0</v>
      </c>
    </row>
    <row r="26971" spans="1:5" x14ac:dyDescent="0.25">
      <c r="A26971" s="1" t="s">
        <v>49912</v>
      </c>
      <c r="B26971" s="1" t="s">
        <v>12858</v>
      </c>
      <c r="C26971" s="1" t="s">
        <v>49913</v>
      </c>
      <c r="D26971" s="2">
        <v>179799</v>
      </c>
      <c r="E26971" s="1" t="s">
        <v>0</v>
      </c>
    </row>
    <row r="26972" spans="1:5" x14ac:dyDescent="0.25">
      <c r="A26972" s="2">
        <v>5394</v>
      </c>
      <c r="B26972" s="2">
        <v>5394</v>
      </c>
      <c r="C26972" s="1" t="s">
        <v>0</v>
      </c>
      <c r="D26972" s="2">
        <v>179800</v>
      </c>
      <c r="E26972" s="1" t="s">
        <v>0</v>
      </c>
    </row>
    <row r="26973" spans="1:5" x14ac:dyDescent="0.25">
      <c r="A26973" s="1" t="s">
        <v>4908</v>
      </c>
      <c r="B26973" s="1" t="s">
        <v>56900</v>
      </c>
      <c r="C26973" s="1" t="s">
        <v>49914</v>
      </c>
      <c r="D26973" s="2">
        <v>179801</v>
      </c>
      <c r="E26973" s="1" t="s">
        <v>0</v>
      </c>
    </row>
    <row r="26974" spans="1:5" x14ac:dyDescent="0.25">
      <c r="A26974" s="1" t="s">
        <v>49915</v>
      </c>
      <c r="B26974" s="1" t="s">
        <v>12859</v>
      </c>
      <c r="C26974" s="1" t="s">
        <v>49916</v>
      </c>
      <c r="D26974" s="2">
        <v>179802</v>
      </c>
      <c r="E26974" s="1" t="s">
        <v>0</v>
      </c>
    </row>
    <row r="26975" spans="1:5" ht="409.5" x14ac:dyDescent="0.25">
      <c r="A26975" s="4" t="s">
        <v>64440</v>
      </c>
      <c r="B26975" s="1" t="s">
        <v>56901</v>
      </c>
      <c r="C26975" s="1" t="s">
        <v>49917</v>
      </c>
      <c r="D26975" s="2">
        <v>179803</v>
      </c>
      <c r="E26975" s="1" t="s">
        <v>0</v>
      </c>
    </row>
    <row r="26976" spans="1:5" x14ac:dyDescent="0.25">
      <c r="A26976" s="1" t="s">
        <v>49918</v>
      </c>
      <c r="B26976" s="1" t="s">
        <v>59464</v>
      </c>
      <c r="C26976" s="1" t="s">
        <v>49919</v>
      </c>
      <c r="D26976" s="2">
        <v>179804</v>
      </c>
      <c r="E26976" s="1" t="s">
        <v>0</v>
      </c>
    </row>
    <row r="26977" spans="1:5" x14ac:dyDescent="0.25">
      <c r="A26977" s="2">
        <v>5395</v>
      </c>
      <c r="B26977" s="2">
        <v>5395</v>
      </c>
      <c r="C26977" s="1" t="s">
        <v>0</v>
      </c>
      <c r="D26977" s="2">
        <v>179805</v>
      </c>
      <c r="E26977" s="1" t="s">
        <v>0</v>
      </c>
    </row>
    <row r="26978" spans="1:5" x14ac:dyDescent="0.25">
      <c r="A26978" s="1" t="s">
        <v>4909</v>
      </c>
      <c r="B26978" s="1" t="s">
        <v>12860</v>
      </c>
      <c r="C26978" s="1" t="s">
        <v>49920</v>
      </c>
      <c r="D26978" s="2">
        <v>179806</v>
      </c>
      <c r="E26978" s="1" t="s">
        <v>0</v>
      </c>
    </row>
    <row r="26979" spans="1:5" x14ac:dyDescent="0.25">
      <c r="A26979" s="1" t="s">
        <v>49921</v>
      </c>
      <c r="B26979" s="1" t="s">
        <v>12861</v>
      </c>
      <c r="C26979" s="1" t="s">
        <v>49922</v>
      </c>
      <c r="D26979" s="2">
        <v>179807</v>
      </c>
      <c r="E26979" s="1" t="s">
        <v>0</v>
      </c>
    </row>
    <row r="26980" spans="1:5" ht="409.5" x14ac:dyDescent="0.25">
      <c r="A26980" s="4" t="s">
        <v>64441</v>
      </c>
      <c r="B26980" s="1" t="s">
        <v>13333</v>
      </c>
      <c r="C26980" s="1" t="s">
        <v>49923</v>
      </c>
      <c r="D26980" s="2">
        <v>179808</v>
      </c>
      <c r="E26980" s="1" t="s">
        <v>0</v>
      </c>
    </row>
    <row r="26981" spans="1:5" x14ac:dyDescent="0.25">
      <c r="A26981" s="1" t="s">
        <v>49924</v>
      </c>
      <c r="B26981" s="1" t="s">
        <v>59465</v>
      </c>
      <c r="C26981" s="1" t="s">
        <v>49925</v>
      </c>
      <c r="D26981" s="2">
        <v>179809</v>
      </c>
      <c r="E26981" s="1" t="s">
        <v>0</v>
      </c>
    </row>
    <row r="26982" spans="1:5" x14ac:dyDescent="0.25">
      <c r="A26982" s="2">
        <v>5396</v>
      </c>
      <c r="B26982" s="2">
        <v>5396</v>
      </c>
      <c r="C26982" s="1" t="s">
        <v>0</v>
      </c>
      <c r="D26982" s="2">
        <v>179810</v>
      </c>
      <c r="E26982" s="1" t="s">
        <v>0</v>
      </c>
    </row>
    <row r="26983" spans="1:5" x14ac:dyDescent="0.25">
      <c r="A26983" s="1" t="s">
        <v>4910</v>
      </c>
      <c r="B26983" s="1" t="s">
        <v>12862</v>
      </c>
      <c r="C26983" s="1" t="s">
        <v>49926</v>
      </c>
      <c r="D26983" s="2">
        <v>179811</v>
      </c>
      <c r="E26983" s="1" t="s">
        <v>0</v>
      </c>
    </row>
    <row r="26984" spans="1:5" x14ac:dyDescent="0.25">
      <c r="A26984" s="1" t="s">
        <v>49927</v>
      </c>
      <c r="B26984" s="1" t="s">
        <v>12863</v>
      </c>
      <c r="C26984" s="1" t="s">
        <v>49928</v>
      </c>
      <c r="D26984" s="2">
        <v>179812</v>
      </c>
      <c r="E26984" s="1" t="s">
        <v>0</v>
      </c>
    </row>
    <row r="26985" spans="1:5" ht="409.5" x14ac:dyDescent="0.25">
      <c r="A26985" s="4" t="s">
        <v>49929</v>
      </c>
      <c r="B26985" s="1" t="s">
        <v>59466</v>
      </c>
      <c r="C26985" s="1" t="s">
        <v>49930</v>
      </c>
      <c r="D26985" s="2">
        <v>179813</v>
      </c>
      <c r="E26985" s="1" t="s">
        <v>0</v>
      </c>
    </row>
    <row r="26986" spans="1:5" x14ac:dyDescent="0.25">
      <c r="A26986" s="1" t="s">
        <v>49931</v>
      </c>
      <c r="B26986" s="1" t="s">
        <v>12864</v>
      </c>
      <c r="C26986" s="1" t="s">
        <v>49932</v>
      </c>
      <c r="D26986" s="2">
        <v>179814</v>
      </c>
      <c r="E26986" s="1" t="s">
        <v>0</v>
      </c>
    </row>
    <row r="26987" spans="1:5" x14ac:dyDescent="0.25">
      <c r="A26987" s="2">
        <v>5397</v>
      </c>
      <c r="B26987" s="2">
        <v>5397</v>
      </c>
      <c r="C26987" s="1" t="s">
        <v>0</v>
      </c>
      <c r="D26987" s="2">
        <v>179815</v>
      </c>
      <c r="E26987" s="1" t="s">
        <v>0</v>
      </c>
    </row>
    <row r="26988" spans="1:5" x14ac:dyDescent="0.25">
      <c r="A26988" s="1" t="s">
        <v>4911</v>
      </c>
      <c r="B26988" s="1" t="s">
        <v>12865</v>
      </c>
      <c r="C26988" s="1" t="s">
        <v>49933</v>
      </c>
      <c r="D26988" s="2">
        <v>179816</v>
      </c>
      <c r="E26988" s="1" t="s">
        <v>0</v>
      </c>
    </row>
    <row r="26989" spans="1:5" x14ac:dyDescent="0.25">
      <c r="A26989" s="1" t="s">
        <v>49934</v>
      </c>
      <c r="B26989" s="1" t="s">
        <v>13334</v>
      </c>
      <c r="C26989" s="1" t="s">
        <v>49935</v>
      </c>
      <c r="D26989" s="2">
        <v>179817</v>
      </c>
      <c r="E26989" s="1" t="s">
        <v>0</v>
      </c>
    </row>
    <row r="26990" spans="1:5" ht="409.5" x14ac:dyDescent="0.25">
      <c r="A26990" s="4" t="s">
        <v>49936</v>
      </c>
      <c r="B26990" s="1" t="s">
        <v>56667</v>
      </c>
      <c r="C26990" s="1" t="s">
        <v>49937</v>
      </c>
      <c r="D26990" s="2">
        <v>179818</v>
      </c>
      <c r="E26990" s="1" t="s">
        <v>0</v>
      </c>
    </row>
    <row r="26991" spans="1:5" x14ac:dyDescent="0.25">
      <c r="A26991" s="1" t="s">
        <v>49938</v>
      </c>
      <c r="B26991" s="1" t="s">
        <v>12866</v>
      </c>
      <c r="C26991" s="1" t="s">
        <v>49939</v>
      </c>
      <c r="D26991" s="2">
        <v>179819</v>
      </c>
      <c r="E26991" s="1" t="s">
        <v>0</v>
      </c>
    </row>
    <row r="26992" spans="1:5" x14ac:dyDescent="0.25">
      <c r="A26992" s="2">
        <v>5398</v>
      </c>
      <c r="B26992" s="2">
        <v>5398</v>
      </c>
      <c r="C26992" s="1" t="s">
        <v>0</v>
      </c>
      <c r="D26992" s="2">
        <v>179820</v>
      </c>
      <c r="E26992" s="1" t="s">
        <v>0</v>
      </c>
    </row>
    <row r="26993" spans="1:5" x14ac:dyDescent="0.25">
      <c r="A26993" s="1" t="s">
        <v>12867</v>
      </c>
      <c r="B26993" s="1" t="s">
        <v>12868</v>
      </c>
      <c r="C26993" s="1" t="s">
        <v>49940</v>
      </c>
      <c r="D26993" s="2">
        <v>179821</v>
      </c>
      <c r="E26993" s="1" t="s">
        <v>0</v>
      </c>
    </row>
    <row r="26994" spans="1:5" x14ac:dyDescent="0.25">
      <c r="A26994" s="1" t="s">
        <v>49941</v>
      </c>
      <c r="B26994" s="1" t="s">
        <v>59467</v>
      </c>
      <c r="C26994" s="1" t="s">
        <v>49942</v>
      </c>
      <c r="D26994" s="2">
        <v>179822</v>
      </c>
      <c r="E26994" s="1" t="s">
        <v>0</v>
      </c>
    </row>
    <row r="26995" spans="1:5" ht="409.5" x14ac:dyDescent="0.25">
      <c r="A26995" s="4" t="s">
        <v>49943</v>
      </c>
      <c r="B26995" s="1" t="s">
        <v>59468</v>
      </c>
      <c r="C26995" s="1" t="s">
        <v>49944</v>
      </c>
      <c r="D26995" s="2">
        <v>179823</v>
      </c>
      <c r="E26995" s="1" t="s">
        <v>0</v>
      </c>
    </row>
    <row r="26996" spans="1:5" x14ac:dyDescent="0.25">
      <c r="A26996" s="1" t="s">
        <v>49945</v>
      </c>
      <c r="B26996" s="1" t="s">
        <v>59469</v>
      </c>
      <c r="C26996" s="1" t="s">
        <v>49946</v>
      </c>
      <c r="D26996" s="2">
        <v>179824</v>
      </c>
      <c r="E26996" s="1" t="s">
        <v>0</v>
      </c>
    </row>
    <row r="26997" spans="1:5" x14ac:dyDescent="0.25">
      <c r="A26997" s="2">
        <v>5399</v>
      </c>
      <c r="B26997" s="2">
        <v>5399</v>
      </c>
      <c r="C26997" s="1" t="s">
        <v>0</v>
      </c>
      <c r="D26997" s="2">
        <v>179825</v>
      </c>
      <c r="E26997" s="1" t="s">
        <v>0</v>
      </c>
    </row>
    <row r="26998" spans="1:5" x14ac:dyDescent="0.25">
      <c r="A26998" s="1" t="s">
        <v>4912</v>
      </c>
      <c r="B26998" s="1" t="s">
        <v>12869</v>
      </c>
      <c r="C26998" s="1" t="s">
        <v>49947</v>
      </c>
      <c r="D26998" s="2">
        <v>179826</v>
      </c>
      <c r="E26998" s="1" t="s">
        <v>0</v>
      </c>
    </row>
    <row r="26999" spans="1:5" x14ac:dyDescent="0.25">
      <c r="A26999" s="1" t="s">
        <v>49948</v>
      </c>
      <c r="B26999" s="1" t="s">
        <v>59470</v>
      </c>
      <c r="C26999" s="1" t="s">
        <v>49949</v>
      </c>
      <c r="D26999" s="2">
        <v>179827</v>
      </c>
      <c r="E26999" s="1" t="s">
        <v>0</v>
      </c>
    </row>
    <row r="27000" spans="1:5" ht="409.5" x14ac:dyDescent="0.25">
      <c r="A27000" s="4" t="s">
        <v>49950</v>
      </c>
      <c r="B27000" s="1" t="s">
        <v>59471</v>
      </c>
      <c r="C27000" s="1" t="s">
        <v>49951</v>
      </c>
      <c r="D27000" s="2">
        <v>179828</v>
      </c>
      <c r="E27000" s="1" t="s">
        <v>0</v>
      </c>
    </row>
    <row r="27001" spans="1:5" x14ac:dyDescent="0.25">
      <c r="A27001" s="1" t="s">
        <v>49952</v>
      </c>
      <c r="B27001" s="1" t="s">
        <v>59472</v>
      </c>
      <c r="C27001" s="1" t="s">
        <v>49953</v>
      </c>
      <c r="D27001" s="2">
        <v>179829</v>
      </c>
      <c r="E27001" s="1" t="s">
        <v>0</v>
      </c>
    </row>
    <row r="27002" spans="1:5" x14ac:dyDescent="0.25">
      <c r="A27002" s="2">
        <v>5400</v>
      </c>
      <c r="B27002" s="2">
        <v>5400</v>
      </c>
      <c r="C27002" s="1" t="s">
        <v>0</v>
      </c>
      <c r="D27002" s="2">
        <v>179830</v>
      </c>
      <c r="E27002" s="1" t="s">
        <v>0</v>
      </c>
    </row>
    <row r="27003" spans="1:5" x14ac:dyDescent="0.25">
      <c r="A27003" s="1" t="s">
        <v>4913</v>
      </c>
      <c r="B27003" s="1" t="s">
        <v>60809</v>
      </c>
      <c r="C27003" s="1" t="s">
        <v>49954</v>
      </c>
      <c r="D27003" s="2">
        <v>179831</v>
      </c>
      <c r="E27003" s="1" t="s">
        <v>0</v>
      </c>
    </row>
    <row r="27004" spans="1:5" x14ac:dyDescent="0.25">
      <c r="A27004" s="1" t="s">
        <v>49955</v>
      </c>
      <c r="B27004" s="1" t="s">
        <v>60810</v>
      </c>
      <c r="C27004" s="1" t="s">
        <v>49956</v>
      </c>
      <c r="D27004" s="2">
        <v>179832</v>
      </c>
      <c r="E27004" s="1" t="s">
        <v>0</v>
      </c>
    </row>
    <row r="27005" spans="1:5" ht="409.5" x14ac:dyDescent="0.25">
      <c r="A27005" s="4" t="s">
        <v>49957</v>
      </c>
      <c r="B27005" s="1" t="s">
        <v>60811</v>
      </c>
      <c r="C27005" s="1" t="s">
        <v>49958</v>
      </c>
      <c r="D27005" s="2">
        <v>179833</v>
      </c>
      <c r="E27005" s="1" t="s">
        <v>0</v>
      </c>
    </row>
    <row r="27006" spans="1:5" x14ac:dyDescent="0.25">
      <c r="A27006" s="1" t="s">
        <v>49959</v>
      </c>
      <c r="B27006" s="1" t="s">
        <v>59473</v>
      </c>
      <c r="C27006" s="1" t="s">
        <v>49960</v>
      </c>
      <c r="D27006" s="2">
        <v>179834</v>
      </c>
      <c r="E27006" s="1" t="s">
        <v>0</v>
      </c>
    </row>
    <row r="27007" spans="1:5" x14ac:dyDescent="0.25">
      <c r="A27007" s="2">
        <v>5401</v>
      </c>
      <c r="B27007" s="2">
        <v>5401</v>
      </c>
      <c r="C27007" s="1" t="s">
        <v>0</v>
      </c>
      <c r="D27007" s="2">
        <v>179835</v>
      </c>
      <c r="E27007" s="1" t="s">
        <v>0</v>
      </c>
    </row>
    <row r="27008" spans="1:5" x14ac:dyDescent="0.25">
      <c r="A27008" s="1" t="s">
        <v>4914</v>
      </c>
      <c r="B27008" s="1" t="s">
        <v>12870</v>
      </c>
      <c r="C27008" s="1" t="s">
        <v>49961</v>
      </c>
      <c r="D27008" s="2">
        <v>179836</v>
      </c>
      <c r="E27008" s="1" t="s">
        <v>0</v>
      </c>
    </row>
    <row r="27009" spans="1:5" x14ac:dyDescent="0.25">
      <c r="A27009" s="1" t="s">
        <v>49962</v>
      </c>
      <c r="B27009" s="1" t="s">
        <v>59474</v>
      </c>
      <c r="C27009" s="1" t="s">
        <v>49963</v>
      </c>
      <c r="D27009" s="2">
        <v>179837</v>
      </c>
      <c r="E27009" s="1" t="s">
        <v>0</v>
      </c>
    </row>
    <row r="27010" spans="1:5" ht="409.5" x14ac:dyDescent="0.25">
      <c r="A27010" s="4" t="s">
        <v>49964</v>
      </c>
      <c r="B27010" s="1" t="s">
        <v>59475</v>
      </c>
      <c r="C27010" s="1" t="s">
        <v>49965</v>
      </c>
      <c r="D27010" s="2">
        <v>179838</v>
      </c>
      <c r="E27010" s="1" t="s">
        <v>0</v>
      </c>
    </row>
    <row r="27011" spans="1:5" x14ac:dyDescent="0.25">
      <c r="A27011" s="1" t="s">
        <v>49966</v>
      </c>
      <c r="B27011" s="1" t="s">
        <v>59476</v>
      </c>
      <c r="C27011" s="1" t="s">
        <v>49967</v>
      </c>
      <c r="D27011" s="2">
        <v>179839</v>
      </c>
      <c r="E27011" s="1" t="s">
        <v>0</v>
      </c>
    </row>
    <row r="27012" spans="1:5" x14ac:dyDescent="0.25">
      <c r="A27012" s="2">
        <v>5402</v>
      </c>
      <c r="B27012" s="2">
        <v>5402</v>
      </c>
      <c r="C27012" s="1" t="s">
        <v>0</v>
      </c>
      <c r="D27012" s="2">
        <v>179840</v>
      </c>
      <c r="E27012" s="1" t="s">
        <v>0</v>
      </c>
    </row>
    <row r="27013" spans="1:5" x14ac:dyDescent="0.25">
      <c r="A27013" s="1" t="s">
        <v>4915</v>
      </c>
      <c r="B27013" s="1" t="s">
        <v>12871</v>
      </c>
      <c r="C27013" s="1" t="s">
        <v>49968</v>
      </c>
      <c r="D27013" s="2">
        <v>179841</v>
      </c>
      <c r="E27013" s="1" t="s">
        <v>0</v>
      </c>
    </row>
    <row r="27014" spans="1:5" x14ac:dyDescent="0.25">
      <c r="A27014" s="1" t="s">
        <v>49969</v>
      </c>
      <c r="B27014" s="1" t="s">
        <v>12872</v>
      </c>
      <c r="C27014" s="1" t="s">
        <v>49970</v>
      </c>
      <c r="D27014" s="2">
        <v>179842</v>
      </c>
      <c r="E27014" s="1" t="s">
        <v>0</v>
      </c>
    </row>
    <row r="27015" spans="1:5" ht="409.5" x14ac:dyDescent="0.25">
      <c r="A27015" s="4" t="s">
        <v>49971</v>
      </c>
      <c r="B27015" s="1" t="s">
        <v>57661</v>
      </c>
      <c r="C27015" s="1" t="s">
        <v>49972</v>
      </c>
      <c r="D27015" s="2">
        <v>179843</v>
      </c>
      <c r="E27015" s="1" t="s">
        <v>0</v>
      </c>
    </row>
    <row r="27016" spans="1:5" x14ac:dyDescent="0.25">
      <c r="A27016" s="1" t="s">
        <v>49973</v>
      </c>
      <c r="B27016" s="1" t="s">
        <v>59477</v>
      </c>
      <c r="C27016" s="1" t="s">
        <v>49974</v>
      </c>
      <c r="D27016" s="2">
        <v>179844</v>
      </c>
      <c r="E27016" s="1" t="s">
        <v>0</v>
      </c>
    </row>
    <row r="27017" spans="1:5" x14ac:dyDescent="0.25">
      <c r="A27017" s="2">
        <v>5403</v>
      </c>
      <c r="B27017" s="2">
        <v>5403</v>
      </c>
      <c r="C27017" s="1" t="s">
        <v>0</v>
      </c>
      <c r="D27017" s="2">
        <v>179845</v>
      </c>
      <c r="E27017" s="1" t="s">
        <v>0</v>
      </c>
    </row>
    <row r="27018" spans="1:5" x14ac:dyDescent="0.25">
      <c r="A27018" s="1" t="s">
        <v>13335</v>
      </c>
      <c r="B27018" s="1" t="s">
        <v>12873</v>
      </c>
      <c r="C27018" s="1" t="s">
        <v>49975</v>
      </c>
      <c r="D27018" s="2">
        <v>179846</v>
      </c>
      <c r="E27018" s="1" t="s">
        <v>0</v>
      </c>
    </row>
    <row r="27019" spans="1:5" x14ac:dyDescent="0.25">
      <c r="A27019" s="1" t="s">
        <v>49976</v>
      </c>
      <c r="B27019" s="1" t="s">
        <v>12874</v>
      </c>
      <c r="C27019" s="1" t="s">
        <v>49977</v>
      </c>
      <c r="D27019" s="2">
        <v>179847</v>
      </c>
      <c r="E27019" s="1" t="s">
        <v>0</v>
      </c>
    </row>
    <row r="27020" spans="1:5" ht="409.5" x14ac:dyDescent="0.25">
      <c r="A27020" s="4" t="s">
        <v>49978</v>
      </c>
      <c r="B27020" s="1" t="s">
        <v>58955</v>
      </c>
      <c r="C27020" s="1" t="s">
        <v>49979</v>
      </c>
      <c r="D27020" s="2">
        <v>179848</v>
      </c>
      <c r="E27020" s="1" t="s">
        <v>0</v>
      </c>
    </row>
    <row r="27021" spans="1:5" x14ac:dyDescent="0.25">
      <c r="A27021" s="1" t="s">
        <v>49980</v>
      </c>
      <c r="B27021" s="1" t="s">
        <v>59478</v>
      </c>
      <c r="C27021" s="1" t="s">
        <v>49981</v>
      </c>
      <c r="D27021" s="2">
        <v>179849</v>
      </c>
      <c r="E27021" s="1" t="s">
        <v>0</v>
      </c>
    </row>
    <row r="27022" spans="1:5" x14ac:dyDescent="0.25">
      <c r="A27022" s="2">
        <v>5404</v>
      </c>
      <c r="B27022" s="2">
        <v>5404</v>
      </c>
      <c r="C27022" s="1" t="s">
        <v>0</v>
      </c>
      <c r="D27022" s="2">
        <v>179850</v>
      </c>
      <c r="E27022" s="1" t="s">
        <v>0</v>
      </c>
    </row>
    <row r="27023" spans="1:5" x14ac:dyDescent="0.25">
      <c r="A27023" s="1" t="s">
        <v>4916</v>
      </c>
      <c r="B27023" s="1" t="s">
        <v>12875</v>
      </c>
      <c r="C27023" s="1" t="s">
        <v>49982</v>
      </c>
      <c r="D27023" s="2">
        <v>179851</v>
      </c>
      <c r="E27023" s="1" t="s">
        <v>0</v>
      </c>
    </row>
    <row r="27024" spans="1:5" x14ac:dyDescent="0.25">
      <c r="A27024" s="1" t="s">
        <v>49983</v>
      </c>
      <c r="B27024" s="1" t="s">
        <v>12876</v>
      </c>
      <c r="C27024" s="1" t="s">
        <v>49984</v>
      </c>
      <c r="D27024" s="2">
        <v>179852</v>
      </c>
      <c r="E27024" s="1" t="s">
        <v>0</v>
      </c>
    </row>
    <row r="27025" spans="1:5" ht="409.5" x14ac:dyDescent="0.25">
      <c r="A27025" s="4" t="s">
        <v>49985</v>
      </c>
      <c r="B27025" s="1" t="s">
        <v>12877</v>
      </c>
      <c r="C27025" s="1" t="s">
        <v>49986</v>
      </c>
      <c r="D27025" s="2">
        <v>179853</v>
      </c>
      <c r="E27025" s="1" t="s">
        <v>0</v>
      </c>
    </row>
    <row r="27026" spans="1:5" x14ac:dyDescent="0.25">
      <c r="A27026" s="1" t="s">
        <v>49987</v>
      </c>
      <c r="B27026" s="1" t="s">
        <v>12878</v>
      </c>
      <c r="C27026" s="1" t="s">
        <v>49988</v>
      </c>
      <c r="D27026" s="2">
        <v>179854</v>
      </c>
      <c r="E27026" s="1" t="s">
        <v>0</v>
      </c>
    </row>
    <row r="27027" spans="1:5" x14ac:dyDescent="0.25">
      <c r="A27027" s="2">
        <v>5405</v>
      </c>
      <c r="B27027" s="2">
        <v>5405</v>
      </c>
      <c r="C27027" s="1" t="s">
        <v>0</v>
      </c>
      <c r="D27027" s="2">
        <v>179855</v>
      </c>
      <c r="E27027" s="1" t="s">
        <v>0</v>
      </c>
    </row>
    <row r="27028" spans="1:5" x14ac:dyDescent="0.25">
      <c r="A27028" s="1" t="s">
        <v>4917</v>
      </c>
      <c r="B27028" s="1" t="s">
        <v>12879</v>
      </c>
      <c r="C27028" s="1" t="s">
        <v>49989</v>
      </c>
      <c r="D27028" s="2">
        <v>179856</v>
      </c>
      <c r="E27028" s="1" t="s">
        <v>0</v>
      </c>
    </row>
    <row r="27029" spans="1:5" x14ac:dyDescent="0.25">
      <c r="A27029" s="1" t="s">
        <v>49990</v>
      </c>
      <c r="B27029" s="1" t="s">
        <v>63862</v>
      </c>
      <c r="C27029" s="1" t="s">
        <v>49991</v>
      </c>
      <c r="D27029" s="2">
        <v>179857</v>
      </c>
      <c r="E27029" s="1" t="s">
        <v>0</v>
      </c>
    </row>
    <row r="27030" spans="1:5" ht="409.5" x14ac:dyDescent="0.25">
      <c r="A27030" s="4" t="s">
        <v>49992</v>
      </c>
      <c r="B27030" s="1" t="s">
        <v>63863</v>
      </c>
      <c r="C27030" s="1" t="s">
        <v>49993</v>
      </c>
      <c r="D27030" s="2">
        <v>179858</v>
      </c>
      <c r="E27030" s="1" t="s">
        <v>0</v>
      </c>
    </row>
    <row r="27031" spans="1:5" x14ac:dyDescent="0.25">
      <c r="A27031" s="1" t="s">
        <v>49994</v>
      </c>
      <c r="B27031" s="1" t="s">
        <v>59479</v>
      </c>
      <c r="C27031" s="1" t="s">
        <v>49995</v>
      </c>
      <c r="D27031" s="2">
        <v>179859</v>
      </c>
      <c r="E27031" s="1" t="s">
        <v>0</v>
      </c>
    </row>
    <row r="27032" spans="1:5" x14ac:dyDescent="0.25">
      <c r="A27032" s="2">
        <v>5406</v>
      </c>
      <c r="B27032" s="2">
        <v>5406</v>
      </c>
      <c r="C27032" s="1" t="s">
        <v>0</v>
      </c>
      <c r="D27032" s="2">
        <v>179860</v>
      </c>
      <c r="E27032" s="1" t="s">
        <v>0</v>
      </c>
    </row>
    <row r="27033" spans="1:5" x14ac:dyDescent="0.25">
      <c r="A27033" s="1" t="s">
        <v>4918</v>
      </c>
      <c r="B27033" s="1" t="s">
        <v>12880</v>
      </c>
      <c r="C27033" s="1" t="s">
        <v>49996</v>
      </c>
      <c r="D27033" s="2">
        <v>179861</v>
      </c>
      <c r="E27033" s="1" t="s">
        <v>0</v>
      </c>
    </row>
    <row r="27034" spans="1:5" x14ac:dyDescent="0.25">
      <c r="A27034" s="1" t="s">
        <v>49997</v>
      </c>
      <c r="B27034" s="1" t="s">
        <v>49998</v>
      </c>
      <c r="C27034" s="1" t="s">
        <v>49999</v>
      </c>
      <c r="D27034" s="2">
        <v>179862</v>
      </c>
      <c r="E27034" s="1" t="s">
        <v>0</v>
      </c>
    </row>
    <row r="27035" spans="1:5" ht="409.5" x14ac:dyDescent="0.25">
      <c r="A27035" s="4" t="s">
        <v>50000</v>
      </c>
      <c r="B27035" s="1" t="s">
        <v>59480</v>
      </c>
      <c r="C27035" s="1" t="s">
        <v>50001</v>
      </c>
      <c r="D27035" s="2">
        <v>179863</v>
      </c>
      <c r="E27035" s="1" t="s">
        <v>0</v>
      </c>
    </row>
    <row r="27036" spans="1:5" x14ac:dyDescent="0.25">
      <c r="A27036" s="1" t="s">
        <v>50002</v>
      </c>
      <c r="B27036" s="1" t="s">
        <v>12881</v>
      </c>
      <c r="C27036" s="1" t="s">
        <v>50003</v>
      </c>
      <c r="D27036" s="2">
        <v>179864</v>
      </c>
      <c r="E27036" s="1" t="s">
        <v>0</v>
      </c>
    </row>
    <row r="27037" spans="1:5" x14ac:dyDescent="0.25">
      <c r="A27037" s="2">
        <v>5407</v>
      </c>
      <c r="B27037" s="2">
        <v>5407</v>
      </c>
      <c r="C27037" s="1" t="s">
        <v>0</v>
      </c>
      <c r="D27037" s="2">
        <v>179865</v>
      </c>
      <c r="E27037" s="1" t="s">
        <v>0</v>
      </c>
    </row>
    <row r="27038" spans="1:5" x14ac:dyDescent="0.25">
      <c r="A27038" s="1" t="s">
        <v>4919</v>
      </c>
      <c r="B27038" s="1" t="s">
        <v>12882</v>
      </c>
      <c r="C27038" s="1" t="s">
        <v>50004</v>
      </c>
      <c r="D27038" s="2">
        <v>179866</v>
      </c>
      <c r="E27038" s="1" t="s">
        <v>0</v>
      </c>
    </row>
    <row r="27039" spans="1:5" x14ac:dyDescent="0.25">
      <c r="A27039" s="1" t="s">
        <v>50005</v>
      </c>
      <c r="B27039" s="1" t="s">
        <v>59481</v>
      </c>
      <c r="C27039" s="1" t="s">
        <v>50006</v>
      </c>
      <c r="D27039" s="2">
        <v>179867</v>
      </c>
      <c r="E27039" s="1" t="s">
        <v>0</v>
      </c>
    </row>
    <row r="27040" spans="1:5" ht="409.5" x14ac:dyDescent="0.25">
      <c r="A27040" s="4" t="s">
        <v>50007</v>
      </c>
      <c r="B27040" s="1" t="s">
        <v>59482</v>
      </c>
      <c r="C27040" s="1" t="s">
        <v>50008</v>
      </c>
      <c r="D27040" s="2">
        <v>179868</v>
      </c>
      <c r="E27040" s="1" t="s">
        <v>0</v>
      </c>
    </row>
    <row r="27041" spans="1:5" x14ac:dyDescent="0.25">
      <c r="A27041" s="1" t="s">
        <v>50009</v>
      </c>
      <c r="B27041" s="1" t="s">
        <v>12883</v>
      </c>
      <c r="C27041" s="1" t="s">
        <v>50010</v>
      </c>
      <c r="D27041" s="2">
        <v>179869</v>
      </c>
      <c r="E27041" s="1" t="s">
        <v>0</v>
      </c>
    </row>
    <row r="27042" spans="1:5" x14ac:dyDescent="0.25">
      <c r="A27042" s="2">
        <v>5408</v>
      </c>
      <c r="B27042" s="2">
        <v>5408</v>
      </c>
      <c r="C27042" s="1" t="s">
        <v>0</v>
      </c>
      <c r="D27042" s="2">
        <v>179870</v>
      </c>
      <c r="E27042" s="1" t="s">
        <v>0</v>
      </c>
    </row>
    <row r="27043" spans="1:5" x14ac:dyDescent="0.25">
      <c r="A27043" s="1" t="s">
        <v>4920</v>
      </c>
      <c r="B27043" s="1" t="s">
        <v>12884</v>
      </c>
      <c r="C27043" s="1" t="s">
        <v>50011</v>
      </c>
      <c r="D27043" s="2">
        <v>179871</v>
      </c>
      <c r="E27043" s="1" t="s">
        <v>0</v>
      </c>
    </row>
    <row r="27044" spans="1:5" x14ac:dyDescent="0.25">
      <c r="A27044" s="1" t="s">
        <v>61916</v>
      </c>
      <c r="B27044" s="1" t="s">
        <v>63144</v>
      </c>
      <c r="C27044" s="1" t="s">
        <v>50012</v>
      </c>
      <c r="D27044" s="2">
        <v>179872</v>
      </c>
      <c r="E27044" s="1" t="s">
        <v>0</v>
      </c>
    </row>
    <row r="27045" spans="1:5" ht="409.5" x14ac:dyDescent="0.25">
      <c r="A27045" s="4" t="s">
        <v>61917</v>
      </c>
      <c r="B27045" s="1" t="s">
        <v>63145</v>
      </c>
      <c r="C27045" s="1" t="s">
        <v>50013</v>
      </c>
      <c r="D27045" s="2">
        <v>179873</v>
      </c>
      <c r="E27045" s="1" t="s">
        <v>0</v>
      </c>
    </row>
    <row r="27046" spans="1:5" x14ac:dyDescent="0.25">
      <c r="A27046" s="1" t="s">
        <v>50014</v>
      </c>
      <c r="B27046" s="1" t="s">
        <v>59483</v>
      </c>
      <c r="C27046" s="1" t="s">
        <v>50015</v>
      </c>
      <c r="D27046" s="2">
        <v>179874</v>
      </c>
      <c r="E27046" s="1" t="s">
        <v>0</v>
      </c>
    </row>
    <row r="27047" spans="1:5" x14ac:dyDescent="0.25">
      <c r="A27047" s="2">
        <v>5409</v>
      </c>
      <c r="B27047" s="2">
        <v>5409</v>
      </c>
      <c r="C27047" s="1" t="s">
        <v>0</v>
      </c>
      <c r="D27047" s="2">
        <v>179875</v>
      </c>
      <c r="E27047" s="1" t="s">
        <v>0</v>
      </c>
    </row>
    <row r="27048" spans="1:5" x14ac:dyDescent="0.25">
      <c r="A27048" s="1" t="s">
        <v>4921</v>
      </c>
      <c r="B27048" s="1" t="s">
        <v>12885</v>
      </c>
      <c r="C27048" s="1" t="s">
        <v>50016</v>
      </c>
      <c r="D27048" s="2">
        <v>179876</v>
      </c>
      <c r="E27048" s="1" t="s">
        <v>0</v>
      </c>
    </row>
    <row r="27049" spans="1:5" x14ac:dyDescent="0.25">
      <c r="A27049" s="1" t="s">
        <v>50017</v>
      </c>
      <c r="B27049" s="1" t="s">
        <v>12886</v>
      </c>
      <c r="C27049" s="1" t="s">
        <v>50018</v>
      </c>
      <c r="D27049" s="2">
        <v>179877</v>
      </c>
      <c r="E27049" s="1" t="s">
        <v>0</v>
      </c>
    </row>
    <row r="27050" spans="1:5" ht="409.5" x14ac:dyDescent="0.25">
      <c r="A27050" s="4" t="s">
        <v>50019</v>
      </c>
      <c r="B27050" s="1" t="s">
        <v>61461</v>
      </c>
      <c r="C27050" s="1" t="s">
        <v>50020</v>
      </c>
      <c r="D27050" s="2">
        <v>179878</v>
      </c>
      <c r="E27050" s="1" t="s">
        <v>0</v>
      </c>
    </row>
    <row r="27051" spans="1:5" x14ac:dyDescent="0.25">
      <c r="A27051" s="1" t="s">
        <v>50021</v>
      </c>
      <c r="B27051" s="1" t="s">
        <v>12887</v>
      </c>
      <c r="C27051" s="1" t="s">
        <v>50022</v>
      </c>
      <c r="D27051" s="2">
        <v>179879</v>
      </c>
      <c r="E27051" s="1" t="s">
        <v>0</v>
      </c>
    </row>
    <row r="27052" spans="1:5" x14ac:dyDescent="0.25">
      <c r="A27052" s="2">
        <v>5410</v>
      </c>
      <c r="B27052" s="2">
        <v>5410</v>
      </c>
      <c r="C27052" s="1" t="s">
        <v>0</v>
      </c>
      <c r="D27052" s="2">
        <v>179880</v>
      </c>
      <c r="E27052" s="1" t="s">
        <v>0</v>
      </c>
    </row>
    <row r="27053" spans="1:5" x14ac:dyDescent="0.25">
      <c r="A27053" s="1" t="s">
        <v>4922</v>
      </c>
      <c r="B27053" s="1" t="s">
        <v>12888</v>
      </c>
      <c r="C27053" s="1" t="s">
        <v>50023</v>
      </c>
      <c r="D27053" s="2">
        <v>179881</v>
      </c>
      <c r="E27053" s="1" t="s">
        <v>0</v>
      </c>
    </row>
    <row r="27054" spans="1:5" x14ac:dyDescent="0.25">
      <c r="A27054" s="1" t="s">
        <v>50024</v>
      </c>
      <c r="B27054" s="1" t="s">
        <v>12889</v>
      </c>
      <c r="C27054" s="1" t="s">
        <v>50025</v>
      </c>
      <c r="D27054" s="2">
        <v>179882</v>
      </c>
      <c r="E27054" s="1" t="s">
        <v>0</v>
      </c>
    </row>
    <row r="27055" spans="1:5" ht="409.5" x14ac:dyDescent="0.25">
      <c r="A27055" s="4" t="s">
        <v>50026</v>
      </c>
      <c r="B27055" s="1" t="s">
        <v>58676</v>
      </c>
      <c r="C27055" s="1" t="s">
        <v>50027</v>
      </c>
      <c r="D27055" s="2">
        <v>179883</v>
      </c>
      <c r="E27055" s="1" t="s">
        <v>0</v>
      </c>
    </row>
    <row r="27056" spans="1:5" x14ac:dyDescent="0.25">
      <c r="A27056" s="1" t="s">
        <v>50028</v>
      </c>
      <c r="B27056" s="1" t="s">
        <v>12890</v>
      </c>
      <c r="C27056" s="1" t="s">
        <v>50029</v>
      </c>
      <c r="D27056" s="2">
        <v>179884</v>
      </c>
      <c r="E27056" s="1" t="s">
        <v>0</v>
      </c>
    </row>
    <row r="27057" spans="1:5" x14ac:dyDescent="0.25">
      <c r="A27057" s="2">
        <v>5411</v>
      </c>
      <c r="B27057" s="2">
        <v>5411</v>
      </c>
      <c r="C27057" s="1" t="s">
        <v>0</v>
      </c>
      <c r="D27057" s="2">
        <v>179885</v>
      </c>
      <c r="E27057" s="1" t="s">
        <v>0</v>
      </c>
    </row>
    <row r="27058" spans="1:5" x14ac:dyDescent="0.25">
      <c r="A27058" s="1" t="s">
        <v>13336</v>
      </c>
      <c r="B27058" s="1" t="s">
        <v>13337</v>
      </c>
      <c r="C27058" s="1" t="s">
        <v>50030</v>
      </c>
      <c r="D27058" s="2">
        <v>179886</v>
      </c>
      <c r="E27058" s="1" t="s">
        <v>0</v>
      </c>
    </row>
    <row r="27059" spans="1:5" x14ac:dyDescent="0.25">
      <c r="A27059" s="1" t="s">
        <v>50031</v>
      </c>
      <c r="B27059" s="1" t="s">
        <v>13338</v>
      </c>
      <c r="C27059" s="1" t="s">
        <v>50032</v>
      </c>
      <c r="D27059" s="2">
        <v>179887</v>
      </c>
      <c r="E27059" s="1" t="s">
        <v>0</v>
      </c>
    </row>
    <row r="27060" spans="1:5" ht="409.5" x14ac:dyDescent="0.25">
      <c r="A27060" s="4" t="s">
        <v>50033</v>
      </c>
      <c r="B27060" s="1" t="s">
        <v>13339</v>
      </c>
      <c r="C27060" s="1" t="s">
        <v>50034</v>
      </c>
      <c r="D27060" s="2">
        <v>179888</v>
      </c>
      <c r="E27060" s="1" t="s">
        <v>0</v>
      </c>
    </row>
    <row r="27061" spans="1:5" x14ac:dyDescent="0.25">
      <c r="A27061" s="1" t="s">
        <v>18619</v>
      </c>
      <c r="B27061" s="1" t="s">
        <v>60942</v>
      </c>
      <c r="C27061" s="1" t="s">
        <v>18620</v>
      </c>
      <c r="D27061" s="2">
        <v>179889</v>
      </c>
      <c r="E27061" s="1" t="s">
        <v>0</v>
      </c>
    </row>
    <row r="27062" spans="1:5" x14ac:dyDescent="0.25">
      <c r="A27062" s="2">
        <v>5412</v>
      </c>
      <c r="B27062" s="2">
        <v>5412</v>
      </c>
      <c r="C27062" s="1" t="s">
        <v>0</v>
      </c>
      <c r="D27062" s="2">
        <v>179890</v>
      </c>
      <c r="E27062" s="1" t="s">
        <v>0</v>
      </c>
    </row>
    <row r="27063" spans="1:5" x14ac:dyDescent="0.25">
      <c r="A27063" s="1" t="s">
        <v>4923</v>
      </c>
      <c r="B27063" s="1" t="s">
        <v>12891</v>
      </c>
      <c r="C27063" s="1" t="s">
        <v>50035</v>
      </c>
      <c r="D27063" s="2">
        <v>179891</v>
      </c>
      <c r="E27063" s="1" t="s">
        <v>0</v>
      </c>
    </row>
    <row r="27064" spans="1:5" x14ac:dyDescent="0.25">
      <c r="A27064" s="1" t="s">
        <v>50036</v>
      </c>
      <c r="B27064" s="1" t="s">
        <v>50037</v>
      </c>
      <c r="C27064" s="1" t="s">
        <v>50038</v>
      </c>
      <c r="D27064" s="2">
        <v>179892</v>
      </c>
      <c r="E27064" s="1" t="s">
        <v>0</v>
      </c>
    </row>
    <row r="27065" spans="1:5" ht="409.5" x14ac:dyDescent="0.25">
      <c r="A27065" s="4" t="s">
        <v>50039</v>
      </c>
      <c r="B27065" s="1" t="s">
        <v>59484</v>
      </c>
      <c r="C27065" s="1" t="s">
        <v>50040</v>
      </c>
      <c r="D27065" s="2">
        <v>179893</v>
      </c>
      <c r="E27065" s="1" t="s">
        <v>0</v>
      </c>
    </row>
    <row r="27066" spans="1:5" x14ac:dyDescent="0.25">
      <c r="A27066" s="1" t="s">
        <v>50041</v>
      </c>
      <c r="B27066" s="1" t="s">
        <v>12892</v>
      </c>
      <c r="C27066" s="1" t="s">
        <v>50042</v>
      </c>
      <c r="D27066" s="2">
        <v>179894</v>
      </c>
      <c r="E27066" s="1" t="s">
        <v>0</v>
      </c>
    </row>
    <row r="27067" spans="1:5" x14ac:dyDescent="0.25">
      <c r="A27067" s="2">
        <v>5413</v>
      </c>
      <c r="B27067" s="2">
        <v>5413</v>
      </c>
      <c r="C27067" s="1" t="s">
        <v>0</v>
      </c>
      <c r="D27067" s="2">
        <v>179895</v>
      </c>
      <c r="E27067" s="1" t="s">
        <v>0</v>
      </c>
    </row>
    <row r="27068" spans="1:5" x14ac:dyDescent="0.25">
      <c r="A27068" s="1" t="s">
        <v>4924</v>
      </c>
      <c r="B27068" s="1" t="s">
        <v>12893</v>
      </c>
      <c r="C27068" s="1" t="s">
        <v>50043</v>
      </c>
      <c r="D27068" s="2">
        <v>179896</v>
      </c>
      <c r="E27068" s="1" t="s">
        <v>0</v>
      </c>
    </row>
    <row r="27069" spans="1:5" x14ac:dyDescent="0.25">
      <c r="A27069" s="1" t="s">
        <v>50044</v>
      </c>
      <c r="B27069" s="1" t="s">
        <v>12894</v>
      </c>
      <c r="C27069" s="1" t="s">
        <v>50045</v>
      </c>
      <c r="D27069" s="2">
        <v>179897</v>
      </c>
      <c r="E27069" s="1" t="s">
        <v>0</v>
      </c>
    </row>
    <row r="27070" spans="1:5" ht="409.5" x14ac:dyDescent="0.25">
      <c r="A27070" s="4" t="s">
        <v>50046</v>
      </c>
      <c r="B27070" s="1" t="s">
        <v>63146</v>
      </c>
      <c r="C27070" s="1" t="s">
        <v>50047</v>
      </c>
      <c r="D27070" s="2">
        <v>179898</v>
      </c>
      <c r="E27070" s="1" t="s">
        <v>0</v>
      </c>
    </row>
    <row r="27071" spans="1:5" x14ac:dyDescent="0.25">
      <c r="A27071" s="1" t="s">
        <v>50048</v>
      </c>
      <c r="B27071" s="1" t="s">
        <v>59485</v>
      </c>
      <c r="C27071" s="1" t="s">
        <v>50049</v>
      </c>
      <c r="D27071" s="2">
        <v>179899</v>
      </c>
      <c r="E27071" s="1" t="s">
        <v>0</v>
      </c>
    </row>
    <row r="27072" spans="1:5" x14ac:dyDescent="0.25">
      <c r="A27072" s="2">
        <v>5414</v>
      </c>
      <c r="B27072" s="2">
        <v>5414</v>
      </c>
      <c r="C27072" s="1" t="s">
        <v>0</v>
      </c>
      <c r="D27072" s="2">
        <v>179900</v>
      </c>
      <c r="E27072" s="1" t="s">
        <v>0</v>
      </c>
    </row>
    <row r="27073" spans="1:5" x14ac:dyDescent="0.25">
      <c r="A27073" s="1" t="s">
        <v>4925</v>
      </c>
      <c r="B27073" s="1" t="s">
        <v>59486</v>
      </c>
      <c r="C27073" s="1" t="s">
        <v>50050</v>
      </c>
      <c r="D27073" s="2">
        <v>179901</v>
      </c>
      <c r="E27073" s="1" t="s">
        <v>0</v>
      </c>
    </row>
    <row r="27074" spans="1:5" x14ac:dyDescent="0.25">
      <c r="A27074" s="1" t="s">
        <v>50051</v>
      </c>
      <c r="B27074" s="1" t="s">
        <v>59487</v>
      </c>
      <c r="C27074" s="1" t="s">
        <v>50052</v>
      </c>
      <c r="D27074" s="2">
        <v>179902</v>
      </c>
      <c r="E27074" s="1" t="s">
        <v>0</v>
      </c>
    </row>
    <row r="27075" spans="1:5" ht="409.5" x14ac:dyDescent="0.25">
      <c r="A27075" s="4" t="s">
        <v>64442</v>
      </c>
      <c r="B27075" s="1" t="s">
        <v>61462</v>
      </c>
      <c r="C27075" s="1" t="s">
        <v>50053</v>
      </c>
      <c r="D27075" s="2">
        <v>179903</v>
      </c>
      <c r="E27075" s="1" t="s">
        <v>0</v>
      </c>
    </row>
    <row r="27076" spans="1:5" x14ac:dyDescent="0.25">
      <c r="A27076" s="1" t="s">
        <v>50054</v>
      </c>
      <c r="B27076" s="1" t="s">
        <v>12895</v>
      </c>
      <c r="C27076" s="1" t="s">
        <v>50055</v>
      </c>
      <c r="D27076" s="2">
        <v>179904</v>
      </c>
      <c r="E27076" s="1" t="s">
        <v>0</v>
      </c>
    </row>
    <row r="27077" spans="1:5" x14ac:dyDescent="0.25">
      <c r="A27077" s="2">
        <v>5415</v>
      </c>
      <c r="B27077" s="2">
        <v>5415</v>
      </c>
      <c r="C27077" s="1" t="s">
        <v>0</v>
      </c>
      <c r="D27077" s="2">
        <v>179905</v>
      </c>
      <c r="E27077" s="1" t="s">
        <v>0</v>
      </c>
    </row>
    <row r="27078" spans="1:5" x14ac:dyDescent="0.25">
      <c r="A27078" s="1" t="s">
        <v>4926</v>
      </c>
      <c r="B27078" s="1" t="s">
        <v>12896</v>
      </c>
      <c r="C27078" s="1" t="s">
        <v>50056</v>
      </c>
      <c r="D27078" s="2">
        <v>179906</v>
      </c>
      <c r="E27078" s="1" t="s">
        <v>0</v>
      </c>
    </row>
    <row r="27079" spans="1:5" x14ac:dyDescent="0.25">
      <c r="A27079" s="1" t="s">
        <v>50057</v>
      </c>
      <c r="B27079" s="1" t="s">
        <v>12897</v>
      </c>
      <c r="C27079" s="1" t="s">
        <v>50058</v>
      </c>
      <c r="D27079" s="2">
        <v>179907</v>
      </c>
      <c r="E27079" s="1" t="s">
        <v>0</v>
      </c>
    </row>
    <row r="27080" spans="1:5" ht="409.5" x14ac:dyDescent="0.25">
      <c r="A27080" s="4" t="s">
        <v>50059</v>
      </c>
      <c r="B27080" s="1" t="s">
        <v>12898</v>
      </c>
      <c r="C27080" s="1" t="s">
        <v>50060</v>
      </c>
      <c r="D27080" s="2">
        <v>179908</v>
      </c>
      <c r="E27080" s="1" t="s">
        <v>0</v>
      </c>
    </row>
    <row r="27081" spans="1:5" x14ac:dyDescent="0.25">
      <c r="A27081" s="1" t="s">
        <v>50061</v>
      </c>
      <c r="B27081" s="1" t="s">
        <v>59488</v>
      </c>
      <c r="C27081" s="1" t="s">
        <v>50062</v>
      </c>
      <c r="D27081" s="2">
        <v>179909</v>
      </c>
      <c r="E27081" s="1" t="s">
        <v>0</v>
      </c>
    </row>
    <row r="27082" spans="1:5" x14ac:dyDescent="0.25">
      <c r="A27082" s="2">
        <v>5416</v>
      </c>
      <c r="B27082" s="2">
        <v>5416</v>
      </c>
      <c r="C27082" s="1" t="s">
        <v>0</v>
      </c>
      <c r="D27082" s="2">
        <v>179910</v>
      </c>
      <c r="E27082" s="1" t="s">
        <v>0</v>
      </c>
    </row>
    <row r="27083" spans="1:5" x14ac:dyDescent="0.25">
      <c r="A27083" s="1" t="s">
        <v>4927</v>
      </c>
      <c r="B27083" s="1" t="s">
        <v>12899</v>
      </c>
      <c r="C27083" s="1" t="s">
        <v>50063</v>
      </c>
      <c r="D27083" s="2">
        <v>179911</v>
      </c>
      <c r="E27083" s="1" t="s">
        <v>0</v>
      </c>
    </row>
    <row r="27084" spans="1:5" x14ac:dyDescent="0.25">
      <c r="A27084" s="1" t="s">
        <v>50064</v>
      </c>
      <c r="B27084" s="1" t="s">
        <v>12900</v>
      </c>
      <c r="C27084" s="1" t="s">
        <v>50065</v>
      </c>
      <c r="D27084" s="2">
        <v>179912</v>
      </c>
      <c r="E27084" s="1" t="s">
        <v>0</v>
      </c>
    </row>
    <row r="27085" spans="1:5" ht="409.5" x14ac:dyDescent="0.25">
      <c r="A27085" s="4" t="s">
        <v>50066</v>
      </c>
      <c r="B27085" s="1" t="s">
        <v>57662</v>
      </c>
      <c r="C27085" s="1" t="s">
        <v>50067</v>
      </c>
      <c r="D27085" s="2">
        <v>179913</v>
      </c>
      <c r="E27085" s="1" t="s">
        <v>0</v>
      </c>
    </row>
    <row r="27086" spans="1:5" x14ac:dyDescent="0.25">
      <c r="A27086" s="1" t="s">
        <v>50068</v>
      </c>
      <c r="B27086" s="1" t="s">
        <v>59489</v>
      </c>
      <c r="C27086" s="1" t="s">
        <v>50069</v>
      </c>
      <c r="D27086" s="2">
        <v>179914</v>
      </c>
      <c r="E27086" s="1" t="s">
        <v>0</v>
      </c>
    </row>
    <row r="27087" spans="1:5" x14ac:dyDescent="0.25">
      <c r="A27087" s="2">
        <v>5417</v>
      </c>
      <c r="B27087" s="2">
        <v>5417</v>
      </c>
      <c r="C27087" s="1" t="s">
        <v>0</v>
      </c>
      <c r="D27087" s="2">
        <v>179915</v>
      </c>
      <c r="E27087" s="1" t="s">
        <v>0</v>
      </c>
    </row>
    <row r="27088" spans="1:5" x14ac:dyDescent="0.25">
      <c r="A27088" s="1" t="s">
        <v>4928</v>
      </c>
      <c r="B27088" s="1" t="s">
        <v>59707</v>
      </c>
      <c r="C27088" s="1" t="s">
        <v>50070</v>
      </c>
      <c r="D27088" s="2">
        <v>179916</v>
      </c>
      <c r="E27088" s="1" t="s">
        <v>0</v>
      </c>
    </row>
    <row r="27089" spans="1:5" x14ac:dyDescent="0.25">
      <c r="A27089" s="1" t="s">
        <v>50071</v>
      </c>
      <c r="B27089" s="1" t="s">
        <v>63147</v>
      </c>
      <c r="C27089" s="1" t="s">
        <v>50072</v>
      </c>
      <c r="D27089" s="2">
        <v>179917</v>
      </c>
      <c r="E27089" s="1" t="s">
        <v>0</v>
      </c>
    </row>
    <row r="27090" spans="1:5" ht="409.5" x14ac:dyDescent="0.25">
      <c r="A27090" s="4" t="s">
        <v>50073</v>
      </c>
      <c r="B27090" s="1" t="s">
        <v>63148</v>
      </c>
      <c r="C27090" s="1" t="s">
        <v>50074</v>
      </c>
      <c r="D27090" s="2">
        <v>179918</v>
      </c>
      <c r="E27090" s="1" t="s">
        <v>0</v>
      </c>
    </row>
    <row r="27091" spans="1:5" x14ac:dyDescent="0.25">
      <c r="A27091" s="1" t="s">
        <v>50075</v>
      </c>
      <c r="B27091" s="1" t="s">
        <v>61463</v>
      </c>
      <c r="C27091" s="1" t="s">
        <v>50076</v>
      </c>
      <c r="D27091" s="2">
        <v>179919</v>
      </c>
      <c r="E27091" s="1" t="s">
        <v>0</v>
      </c>
    </row>
    <row r="27092" spans="1:5" x14ac:dyDescent="0.25">
      <c r="A27092" s="2">
        <v>5418</v>
      </c>
      <c r="B27092" s="2">
        <v>5418</v>
      </c>
      <c r="C27092" s="1" t="s">
        <v>0</v>
      </c>
      <c r="D27092" s="2">
        <v>179920</v>
      </c>
      <c r="E27092" s="1" t="s">
        <v>0</v>
      </c>
    </row>
    <row r="27093" spans="1:5" x14ac:dyDescent="0.25">
      <c r="A27093" s="1" t="s">
        <v>4929</v>
      </c>
      <c r="B27093" s="1" t="s">
        <v>12901</v>
      </c>
      <c r="C27093" s="1" t="s">
        <v>50077</v>
      </c>
      <c r="D27093" s="2">
        <v>179921</v>
      </c>
      <c r="E27093" s="1" t="s">
        <v>0</v>
      </c>
    </row>
    <row r="27094" spans="1:5" x14ac:dyDescent="0.25">
      <c r="A27094" s="1" t="s">
        <v>50078</v>
      </c>
      <c r="B27094" s="1" t="s">
        <v>59490</v>
      </c>
      <c r="C27094" s="1" t="s">
        <v>50079</v>
      </c>
      <c r="D27094" s="2">
        <v>179922</v>
      </c>
      <c r="E27094" s="1" t="s">
        <v>0</v>
      </c>
    </row>
    <row r="27095" spans="1:5" ht="409.5" x14ac:dyDescent="0.25">
      <c r="A27095" s="4" t="s">
        <v>50080</v>
      </c>
      <c r="B27095" s="1" t="s">
        <v>59491</v>
      </c>
      <c r="C27095" s="1" t="s">
        <v>50081</v>
      </c>
      <c r="D27095" s="2">
        <v>179923</v>
      </c>
      <c r="E27095" s="1" t="s">
        <v>0</v>
      </c>
    </row>
    <row r="27096" spans="1:5" x14ac:dyDescent="0.25">
      <c r="A27096" s="1" t="s">
        <v>50082</v>
      </c>
      <c r="B27096" s="1" t="s">
        <v>12902</v>
      </c>
      <c r="C27096" s="1" t="s">
        <v>50083</v>
      </c>
      <c r="D27096" s="2">
        <v>179924</v>
      </c>
      <c r="E27096" s="1" t="s">
        <v>0</v>
      </c>
    </row>
    <row r="27097" spans="1:5" x14ac:dyDescent="0.25">
      <c r="A27097" s="2">
        <v>5419</v>
      </c>
      <c r="B27097" s="2">
        <v>5419</v>
      </c>
      <c r="C27097" s="1" t="s">
        <v>0</v>
      </c>
      <c r="D27097" s="2">
        <v>179925</v>
      </c>
      <c r="E27097" s="1" t="s">
        <v>0</v>
      </c>
    </row>
    <row r="27098" spans="1:5" x14ac:dyDescent="0.25">
      <c r="A27098" s="1" t="s">
        <v>4930</v>
      </c>
      <c r="B27098" s="1" t="s">
        <v>12903</v>
      </c>
      <c r="C27098" s="1" t="s">
        <v>50084</v>
      </c>
      <c r="D27098" s="2">
        <v>179926</v>
      </c>
      <c r="E27098" s="1" t="s">
        <v>0</v>
      </c>
    </row>
    <row r="27099" spans="1:5" x14ac:dyDescent="0.25">
      <c r="A27099" s="1" t="s">
        <v>50085</v>
      </c>
      <c r="B27099" s="1" t="s">
        <v>59492</v>
      </c>
      <c r="C27099" s="1" t="s">
        <v>50086</v>
      </c>
      <c r="D27099" s="2">
        <v>179927</v>
      </c>
      <c r="E27099" s="1" t="s">
        <v>0</v>
      </c>
    </row>
    <row r="27100" spans="1:5" ht="409.5" x14ac:dyDescent="0.25">
      <c r="A27100" s="4" t="s">
        <v>50087</v>
      </c>
      <c r="B27100" s="1" t="s">
        <v>59493</v>
      </c>
      <c r="C27100" s="1" t="s">
        <v>50088</v>
      </c>
      <c r="D27100" s="2">
        <v>179928</v>
      </c>
      <c r="E27100" s="1" t="s">
        <v>0</v>
      </c>
    </row>
    <row r="27101" spans="1:5" x14ac:dyDescent="0.25">
      <c r="A27101" s="1" t="s">
        <v>50089</v>
      </c>
      <c r="B27101" s="1" t="s">
        <v>59494</v>
      </c>
      <c r="C27101" s="1" t="s">
        <v>50090</v>
      </c>
      <c r="D27101" s="2">
        <v>179929</v>
      </c>
      <c r="E27101" s="1" t="s">
        <v>0</v>
      </c>
    </row>
    <row r="27102" spans="1:5" x14ac:dyDescent="0.25">
      <c r="A27102" s="2">
        <v>5420</v>
      </c>
      <c r="B27102" s="2">
        <v>5420</v>
      </c>
      <c r="C27102" s="1" t="s">
        <v>0</v>
      </c>
      <c r="D27102" s="2">
        <v>179930</v>
      </c>
      <c r="E27102" s="1" t="s">
        <v>0</v>
      </c>
    </row>
    <row r="27103" spans="1:5" x14ac:dyDescent="0.25">
      <c r="A27103" s="1" t="s">
        <v>4931</v>
      </c>
      <c r="B27103" s="1" t="s">
        <v>12904</v>
      </c>
      <c r="C27103" s="1" t="s">
        <v>50091</v>
      </c>
      <c r="D27103" s="2">
        <v>179931</v>
      </c>
      <c r="E27103" s="1" t="s">
        <v>0</v>
      </c>
    </row>
    <row r="27104" spans="1:5" x14ac:dyDescent="0.25">
      <c r="A27104" s="1" t="s">
        <v>50092</v>
      </c>
      <c r="B27104" s="1" t="s">
        <v>12905</v>
      </c>
      <c r="C27104" s="1" t="s">
        <v>50093</v>
      </c>
      <c r="D27104" s="2">
        <v>179932</v>
      </c>
      <c r="E27104" s="1" t="s">
        <v>0</v>
      </c>
    </row>
    <row r="27105" spans="1:5" ht="409.5" x14ac:dyDescent="0.25">
      <c r="A27105" s="4" t="s">
        <v>50094</v>
      </c>
      <c r="B27105" s="1" t="s">
        <v>50095</v>
      </c>
      <c r="C27105" s="1" t="s">
        <v>50096</v>
      </c>
      <c r="D27105" s="2">
        <v>179933</v>
      </c>
      <c r="E27105" s="1" t="s">
        <v>0</v>
      </c>
    </row>
    <row r="27106" spans="1:5" x14ac:dyDescent="0.25">
      <c r="A27106" s="1" t="s">
        <v>50097</v>
      </c>
      <c r="B27106" s="1" t="s">
        <v>59495</v>
      </c>
      <c r="C27106" s="1" t="s">
        <v>50098</v>
      </c>
      <c r="D27106" s="2">
        <v>179934</v>
      </c>
      <c r="E27106" s="1" t="s">
        <v>0</v>
      </c>
    </row>
    <row r="27107" spans="1:5" x14ac:dyDescent="0.25">
      <c r="A27107" s="2">
        <v>5421</v>
      </c>
      <c r="B27107" s="2">
        <v>5421</v>
      </c>
      <c r="C27107" s="1" t="s">
        <v>0</v>
      </c>
      <c r="D27107" s="2">
        <v>179935</v>
      </c>
      <c r="E27107" s="1" t="s">
        <v>0</v>
      </c>
    </row>
    <row r="27108" spans="1:5" x14ac:dyDescent="0.25">
      <c r="A27108" s="1" t="s">
        <v>4932</v>
      </c>
      <c r="B27108" s="1" t="s">
        <v>12906</v>
      </c>
      <c r="C27108" s="1" t="s">
        <v>50099</v>
      </c>
      <c r="D27108" s="2">
        <v>179936</v>
      </c>
      <c r="E27108" s="1" t="s">
        <v>0</v>
      </c>
    </row>
    <row r="27109" spans="1:5" x14ac:dyDescent="0.25">
      <c r="A27109" s="1" t="s">
        <v>50100</v>
      </c>
      <c r="B27109" s="1" t="s">
        <v>60370</v>
      </c>
      <c r="C27109" s="1" t="s">
        <v>50101</v>
      </c>
      <c r="D27109" s="2">
        <v>179937</v>
      </c>
      <c r="E27109" s="1" t="s">
        <v>0</v>
      </c>
    </row>
    <row r="27110" spans="1:5" ht="409.5" x14ac:dyDescent="0.25">
      <c r="A27110" s="4" t="s">
        <v>50102</v>
      </c>
      <c r="B27110" s="1" t="s">
        <v>61464</v>
      </c>
      <c r="C27110" s="1" t="s">
        <v>50103</v>
      </c>
      <c r="D27110" s="2">
        <v>179938</v>
      </c>
      <c r="E27110" s="1" t="s">
        <v>0</v>
      </c>
    </row>
    <row r="27111" spans="1:5" x14ac:dyDescent="0.25">
      <c r="A27111" s="1" t="s">
        <v>50104</v>
      </c>
      <c r="B27111" s="1" t="s">
        <v>12907</v>
      </c>
      <c r="C27111" s="1" t="s">
        <v>50105</v>
      </c>
      <c r="D27111" s="2">
        <v>179939</v>
      </c>
      <c r="E27111" s="1" t="s">
        <v>0</v>
      </c>
    </row>
    <row r="27112" spans="1:5" x14ac:dyDescent="0.25">
      <c r="A27112" s="2">
        <v>5422</v>
      </c>
      <c r="B27112" s="2">
        <v>5422</v>
      </c>
      <c r="C27112" s="1" t="s">
        <v>0</v>
      </c>
      <c r="D27112" s="2">
        <v>179940</v>
      </c>
      <c r="E27112" s="1" t="s">
        <v>0</v>
      </c>
    </row>
    <row r="27113" spans="1:5" x14ac:dyDescent="0.25">
      <c r="A27113" s="1" t="s">
        <v>4933</v>
      </c>
      <c r="B27113" s="1" t="s">
        <v>12908</v>
      </c>
      <c r="C27113" s="1" t="s">
        <v>50106</v>
      </c>
      <c r="D27113" s="2">
        <v>179941</v>
      </c>
      <c r="E27113" s="1" t="s">
        <v>0</v>
      </c>
    </row>
    <row r="27114" spans="1:5" x14ac:dyDescent="0.25">
      <c r="A27114" s="1" t="s">
        <v>50107</v>
      </c>
      <c r="B27114" s="1" t="s">
        <v>59496</v>
      </c>
      <c r="C27114" s="1" t="s">
        <v>50108</v>
      </c>
      <c r="D27114" s="2">
        <v>179942</v>
      </c>
      <c r="E27114" s="1" t="s">
        <v>0</v>
      </c>
    </row>
    <row r="27115" spans="1:5" ht="409.5" x14ac:dyDescent="0.25">
      <c r="A27115" s="4" t="s">
        <v>50109</v>
      </c>
      <c r="B27115" s="1" t="s">
        <v>59497</v>
      </c>
      <c r="C27115" s="1" t="s">
        <v>50110</v>
      </c>
      <c r="D27115" s="2">
        <v>179943</v>
      </c>
      <c r="E27115" s="1" t="s">
        <v>0</v>
      </c>
    </row>
    <row r="27116" spans="1:5" x14ac:dyDescent="0.25">
      <c r="A27116" s="1" t="s">
        <v>50111</v>
      </c>
      <c r="B27116" s="1" t="s">
        <v>59498</v>
      </c>
      <c r="C27116" s="1" t="s">
        <v>50112</v>
      </c>
      <c r="D27116" s="2">
        <v>179944</v>
      </c>
      <c r="E27116" s="1" t="s">
        <v>0</v>
      </c>
    </row>
    <row r="27117" spans="1:5" x14ac:dyDescent="0.25">
      <c r="A27117" s="2">
        <v>5423</v>
      </c>
      <c r="B27117" s="2">
        <v>5423</v>
      </c>
      <c r="C27117" s="1" t="s">
        <v>0</v>
      </c>
      <c r="D27117" s="2">
        <v>179945</v>
      </c>
      <c r="E27117" s="1" t="s">
        <v>0</v>
      </c>
    </row>
    <row r="27118" spans="1:5" x14ac:dyDescent="0.25">
      <c r="A27118" s="1" t="s">
        <v>50113</v>
      </c>
      <c r="B27118" s="1" t="s">
        <v>12909</v>
      </c>
      <c r="C27118" s="1" t="s">
        <v>50114</v>
      </c>
      <c r="D27118" s="2">
        <v>179946</v>
      </c>
      <c r="E27118" s="1" t="s">
        <v>0</v>
      </c>
    </row>
    <row r="27119" spans="1:5" x14ac:dyDescent="0.25">
      <c r="A27119" s="1" t="s">
        <v>50115</v>
      </c>
      <c r="B27119" s="1" t="s">
        <v>59499</v>
      </c>
      <c r="C27119" s="1" t="s">
        <v>50116</v>
      </c>
      <c r="D27119" s="2">
        <v>179947</v>
      </c>
      <c r="E27119" s="1" t="s">
        <v>0</v>
      </c>
    </row>
    <row r="27120" spans="1:5" ht="409.5" x14ac:dyDescent="0.25">
      <c r="A27120" s="4" t="s">
        <v>50117</v>
      </c>
      <c r="B27120" s="1" t="s">
        <v>59500</v>
      </c>
      <c r="C27120" s="1" t="s">
        <v>50118</v>
      </c>
      <c r="D27120" s="2">
        <v>179948</v>
      </c>
      <c r="E27120" s="1" t="s">
        <v>0</v>
      </c>
    </row>
    <row r="27121" spans="1:5" x14ac:dyDescent="0.25">
      <c r="A27121" s="1" t="s">
        <v>50119</v>
      </c>
      <c r="B27121" s="1" t="s">
        <v>59501</v>
      </c>
      <c r="C27121" s="1" t="s">
        <v>50120</v>
      </c>
      <c r="D27121" s="2">
        <v>179949</v>
      </c>
      <c r="E27121" s="1" t="s">
        <v>0</v>
      </c>
    </row>
    <row r="27122" spans="1:5" x14ac:dyDescent="0.25">
      <c r="A27122" s="2">
        <v>5424</v>
      </c>
      <c r="B27122" s="2">
        <v>5424</v>
      </c>
      <c r="C27122" s="1" t="s">
        <v>0</v>
      </c>
      <c r="D27122" s="2">
        <v>179950</v>
      </c>
      <c r="E27122" s="1" t="s">
        <v>0</v>
      </c>
    </row>
    <row r="27123" spans="1:5" x14ac:dyDescent="0.25">
      <c r="A27123" s="1" t="s">
        <v>4934</v>
      </c>
      <c r="B27123" s="1" t="s">
        <v>12910</v>
      </c>
      <c r="C27123" s="1" t="s">
        <v>50121</v>
      </c>
      <c r="D27123" s="2">
        <v>179951</v>
      </c>
      <c r="E27123" s="1" t="s">
        <v>0</v>
      </c>
    </row>
    <row r="27124" spans="1:5" x14ac:dyDescent="0.25">
      <c r="A27124" s="1" t="s">
        <v>50122</v>
      </c>
      <c r="B27124" s="1" t="s">
        <v>63584</v>
      </c>
      <c r="C27124" s="1" t="s">
        <v>50123</v>
      </c>
      <c r="D27124" s="2">
        <v>179952</v>
      </c>
      <c r="E27124" s="1" t="s">
        <v>0</v>
      </c>
    </row>
    <row r="27125" spans="1:5" ht="409.5" x14ac:dyDescent="0.25">
      <c r="A27125" s="4" t="s">
        <v>50124</v>
      </c>
      <c r="B27125" s="1" t="s">
        <v>63585</v>
      </c>
      <c r="C27125" s="1" t="s">
        <v>50125</v>
      </c>
      <c r="D27125" s="2">
        <v>179953</v>
      </c>
      <c r="E27125" s="1" t="s">
        <v>0</v>
      </c>
    </row>
    <row r="27126" spans="1:5" x14ac:dyDescent="0.25">
      <c r="A27126" s="1" t="s">
        <v>50126</v>
      </c>
      <c r="B27126" s="1" t="s">
        <v>12911</v>
      </c>
      <c r="C27126" s="1" t="s">
        <v>50127</v>
      </c>
      <c r="D27126" s="2">
        <v>179954</v>
      </c>
      <c r="E27126" s="1" t="s">
        <v>0</v>
      </c>
    </row>
    <row r="27127" spans="1:5" x14ac:dyDescent="0.25">
      <c r="A27127" s="2">
        <v>5425</v>
      </c>
      <c r="B27127" s="2">
        <v>5425</v>
      </c>
      <c r="C27127" s="1" t="s">
        <v>0</v>
      </c>
      <c r="D27127" s="2">
        <v>179955</v>
      </c>
      <c r="E27127" s="1" t="s">
        <v>0</v>
      </c>
    </row>
    <row r="27128" spans="1:5" x14ac:dyDescent="0.25">
      <c r="A27128" s="1" t="s">
        <v>4935</v>
      </c>
      <c r="B27128" s="1" t="s">
        <v>12912</v>
      </c>
      <c r="C27128" s="1" t="s">
        <v>50128</v>
      </c>
      <c r="D27128" s="2">
        <v>179956</v>
      </c>
      <c r="E27128" s="1" t="s">
        <v>0</v>
      </c>
    </row>
    <row r="27129" spans="1:5" x14ac:dyDescent="0.25">
      <c r="A27129" s="1" t="s">
        <v>50129</v>
      </c>
      <c r="B27129" s="1" t="s">
        <v>61465</v>
      </c>
      <c r="C27129" s="1" t="s">
        <v>50130</v>
      </c>
      <c r="D27129" s="2">
        <v>179957</v>
      </c>
      <c r="E27129" s="1" t="s">
        <v>0</v>
      </c>
    </row>
    <row r="27130" spans="1:5" ht="409.5" x14ac:dyDescent="0.25">
      <c r="A27130" s="4" t="s">
        <v>50131</v>
      </c>
      <c r="B27130" s="1" t="s">
        <v>61466</v>
      </c>
      <c r="C27130" s="1" t="s">
        <v>50132</v>
      </c>
      <c r="D27130" s="2">
        <v>179958</v>
      </c>
      <c r="E27130" s="1" t="s">
        <v>0</v>
      </c>
    </row>
    <row r="27131" spans="1:5" x14ac:dyDescent="0.25">
      <c r="A27131" s="1" t="s">
        <v>50133</v>
      </c>
      <c r="B27131" s="1" t="s">
        <v>61467</v>
      </c>
      <c r="C27131" s="1" t="s">
        <v>50134</v>
      </c>
      <c r="D27131" s="2">
        <v>179959</v>
      </c>
      <c r="E27131" s="1" t="s">
        <v>0</v>
      </c>
    </row>
    <row r="27132" spans="1:5" x14ac:dyDescent="0.25">
      <c r="A27132" s="2">
        <v>5426</v>
      </c>
      <c r="B27132" s="2">
        <v>5426</v>
      </c>
      <c r="C27132" s="1" t="s">
        <v>0</v>
      </c>
      <c r="D27132" s="2">
        <v>179960</v>
      </c>
      <c r="E27132" s="1" t="s">
        <v>0</v>
      </c>
    </row>
    <row r="27133" spans="1:5" x14ac:dyDescent="0.25">
      <c r="A27133" s="1" t="s">
        <v>13340</v>
      </c>
      <c r="B27133" s="1" t="s">
        <v>12913</v>
      </c>
      <c r="C27133" s="1" t="s">
        <v>50135</v>
      </c>
      <c r="D27133" s="2">
        <v>179961</v>
      </c>
      <c r="E27133" s="1" t="s">
        <v>0</v>
      </c>
    </row>
    <row r="27134" spans="1:5" x14ac:dyDescent="0.25">
      <c r="A27134" s="1" t="s">
        <v>50136</v>
      </c>
      <c r="B27134" s="1" t="s">
        <v>63586</v>
      </c>
      <c r="C27134" s="1" t="s">
        <v>50137</v>
      </c>
      <c r="D27134" s="2">
        <v>179962</v>
      </c>
      <c r="E27134" s="1" t="s">
        <v>0</v>
      </c>
    </row>
    <row r="27135" spans="1:5" ht="409.5" x14ac:dyDescent="0.25">
      <c r="A27135" s="4" t="s">
        <v>50138</v>
      </c>
      <c r="B27135" s="1" t="s">
        <v>63587</v>
      </c>
      <c r="C27135" s="1" t="s">
        <v>50139</v>
      </c>
      <c r="D27135" s="2">
        <v>179963</v>
      </c>
      <c r="E27135" s="1" t="s">
        <v>0</v>
      </c>
    </row>
    <row r="27136" spans="1:5" x14ac:dyDescent="0.25">
      <c r="A27136" s="1" t="s">
        <v>50140</v>
      </c>
      <c r="B27136" s="1" t="s">
        <v>12914</v>
      </c>
      <c r="C27136" s="1" t="s">
        <v>50141</v>
      </c>
      <c r="D27136" s="2">
        <v>179964</v>
      </c>
      <c r="E27136" s="1" t="s">
        <v>0</v>
      </c>
    </row>
    <row r="27137" spans="1:5" x14ac:dyDescent="0.25">
      <c r="A27137" s="2">
        <v>5427</v>
      </c>
      <c r="B27137" s="2">
        <v>5427</v>
      </c>
      <c r="C27137" s="1" t="s">
        <v>0</v>
      </c>
      <c r="D27137" s="2">
        <v>179965</v>
      </c>
      <c r="E27137" s="1" t="s">
        <v>0</v>
      </c>
    </row>
    <row r="27138" spans="1:5" x14ac:dyDescent="0.25">
      <c r="A27138" s="1" t="s">
        <v>4936</v>
      </c>
      <c r="B27138" s="1" t="s">
        <v>59502</v>
      </c>
      <c r="C27138" s="1" t="s">
        <v>50142</v>
      </c>
      <c r="D27138" s="2">
        <v>179966</v>
      </c>
      <c r="E27138" s="1" t="s">
        <v>0</v>
      </c>
    </row>
    <row r="27139" spans="1:5" x14ac:dyDescent="0.25">
      <c r="A27139" s="1" t="s">
        <v>50143</v>
      </c>
      <c r="B27139" s="1" t="s">
        <v>59503</v>
      </c>
      <c r="C27139" s="1" t="s">
        <v>50144</v>
      </c>
      <c r="D27139" s="2">
        <v>179967</v>
      </c>
      <c r="E27139" s="1" t="s">
        <v>0</v>
      </c>
    </row>
    <row r="27140" spans="1:5" ht="409.5" x14ac:dyDescent="0.25">
      <c r="A27140" s="4" t="s">
        <v>50145</v>
      </c>
      <c r="B27140" s="1" t="s">
        <v>59504</v>
      </c>
      <c r="C27140" s="1" t="s">
        <v>50146</v>
      </c>
      <c r="D27140" s="2">
        <v>179968</v>
      </c>
      <c r="E27140" s="1" t="s">
        <v>0</v>
      </c>
    </row>
    <row r="27141" spans="1:5" x14ac:dyDescent="0.25">
      <c r="A27141" s="1" t="s">
        <v>50147</v>
      </c>
      <c r="B27141" s="1" t="s">
        <v>59505</v>
      </c>
      <c r="C27141" s="1" t="s">
        <v>50148</v>
      </c>
      <c r="D27141" s="2">
        <v>179969</v>
      </c>
      <c r="E27141" s="1" t="s">
        <v>0</v>
      </c>
    </row>
    <row r="27142" spans="1:5" x14ac:dyDescent="0.25">
      <c r="A27142" s="2">
        <v>5428</v>
      </c>
      <c r="B27142" s="2">
        <v>5428</v>
      </c>
      <c r="C27142" s="1" t="s">
        <v>0</v>
      </c>
      <c r="D27142" s="2">
        <v>179970</v>
      </c>
      <c r="E27142" s="1" t="s">
        <v>0</v>
      </c>
    </row>
    <row r="27143" spans="1:5" x14ac:dyDescent="0.25">
      <c r="A27143" s="1" t="s">
        <v>4937</v>
      </c>
      <c r="B27143" s="1" t="s">
        <v>59506</v>
      </c>
      <c r="C27143" s="1" t="s">
        <v>50149</v>
      </c>
      <c r="D27143" s="2">
        <v>179971</v>
      </c>
      <c r="E27143" s="1" t="s">
        <v>0</v>
      </c>
    </row>
    <row r="27144" spans="1:5" x14ac:dyDescent="0.25">
      <c r="A27144" s="1" t="s">
        <v>50150</v>
      </c>
      <c r="B27144" s="1" t="s">
        <v>61468</v>
      </c>
      <c r="C27144" s="1" t="s">
        <v>50151</v>
      </c>
      <c r="D27144" s="2">
        <v>179972</v>
      </c>
      <c r="E27144" s="1" t="s">
        <v>0</v>
      </c>
    </row>
    <row r="27145" spans="1:5" ht="409.5" x14ac:dyDescent="0.25">
      <c r="A27145" s="4" t="s">
        <v>50152</v>
      </c>
      <c r="B27145" s="1" t="s">
        <v>61469</v>
      </c>
      <c r="C27145" s="1" t="s">
        <v>50153</v>
      </c>
      <c r="D27145" s="2">
        <v>179973</v>
      </c>
      <c r="E27145" s="1" t="s">
        <v>0</v>
      </c>
    </row>
    <row r="27146" spans="1:5" x14ac:dyDescent="0.25">
      <c r="A27146" s="1" t="s">
        <v>50154</v>
      </c>
      <c r="B27146" s="1" t="s">
        <v>59507</v>
      </c>
      <c r="C27146" s="1" t="s">
        <v>50155</v>
      </c>
      <c r="D27146" s="2">
        <v>179974</v>
      </c>
      <c r="E27146" s="1" t="s">
        <v>0</v>
      </c>
    </row>
    <row r="27147" spans="1:5" x14ac:dyDescent="0.25">
      <c r="A27147" s="2">
        <v>5429</v>
      </c>
      <c r="B27147" s="2">
        <v>5429</v>
      </c>
      <c r="C27147" s="1" t="s">
        <v>0</v>
      </c>
      <c r="D27147" s="2">
        <v>179975</v>
      </c>
      <c r="E27147" s="1" t="s">
        <v>0</v>
      </c>
    </row>
    <row r="27148" spans="1:5" x14ac:dyDescent="0.25">
      <c r="A27148" s="1" t="s">
        <v>4938</v>
      </c>
      <c r="B27148" s="1" t="s">
        <v>12915</v>
      </c>
      <c r="C27148" s="1" t="s">
        <v>50156</v>
      </c>
      <c r="D27148" s="2">
        <v>179976</v>
      </c>
      <c r="E27148" s="1" t="s">
        <v>0</v>
      </c>
    </row>
    <row r="27149" spans="1:5" x14ac:dyDescent="0.25">
      <c r="A27149" s="1" t="s">
        <v>50157</v>
      </c>
      <c r="B27149" s="1" t="s">
        <v>63588</v>
      </c>
      <c r="C27149" s="1" t="s">
        <v>50158</v>
      </c>
      <c r="D27149" s="2">
        <v>179977</v>
      </c>
      <c r="E27149" s="1" t="s">
        <v>0</v>
      </c>
    </row>
    <row r="27150" spans="1:5" ht="409.5" x14ac:dyDescent="0.25">
      <c r="A27150" s="4" t="s">
        <v>50159</v>
      </c>
      <c r="B27150" s="1" t="s">
        <v>63589</v>
      </c>
      <c r="C27150" s="1" t="s">
        <v>50160</v>
      </c>
      <c r="D27150" s="2">
        <v>179978</v>
      </c>
      <c r="E27150" s="1" t="s">
        <v>0</v>
      </c>
    </row>
    <row r="27151" spans="1:5" x14ac:dyDescent="0.25">
      <c r="A27151" s="1" t="s">
        <v>50161</v>
      </c>
      <c r="B27151" s="1" t="s">
        <v>59508</v>
      </c>
      <c r="C27151" s="1" t="s">
        <v>50162</v>
      </c>
      <c r="D27151" s="2">
        <v>179979</v>
      </c>
      <c r="E27151" s="1" t="s">
        <v>0</v>
      </c>
    </row>
    <row r="27152" spans="1:5" x14ac:dyDescent="0.25">
      <c r="A27152" s="2">
        <v>5430</v>
      </c>
      <c r="B27152" s="2">
        <v>5430</v>
      </c>
      <c r="C27152" s="1" t="s">
        <v>0</v>
      </c>
      <c r="D27152" s="2">
        <v>179980</v>
      </c>
      <c r="E27152" s="1" t="s">
        <v>0</v>
      </c>
    </row>
    <row r="27153" spans="1:5" x14ac:dyDescent="0.25">
      <c r="A27153" s="1" t="s">
        <v>4939</v>
      </c>
      <c r="B27153" s="1" t="s">
        <v>12916</v>
      </c>
      <c r="C27153" s="1" t="s">
        <v>50163</v>
      </c>
      <c r="D27153" s="2">
        <v>179981</v>
      </c>
      <c r="E27153" s="1" t="s">
        <v>0</v>
      </c>
    </row>
    <row r="27154" spans="1:5" x14ac:dyDescent="0.25">
      <c r="A27154" s="1" t="s">
        <v>50164</v>
      </c>
      <c r="B27154" s="1" t="s">
        <v>12917</v>
      </c>
      <c r="C27154" s="1" t="s">
        <v>50165</v>
      </c>
      <c r="D27154" s="2">
        <v>179982</v>
      </c>
      <c r="E27154" s="1" t="s">
        <v>0</v>
      </c>
    </row>
    <row r="27155" spans="1:5" ht="409.5" x14ac:dyDescent="0.25">
      <c r="A27155" s="4" t="s">
        <v>50166</v>
      </c>
      <c r="B27155" s="1" t="s">
        <v>59509</v>
      </c>
      <c r="C27155" s="1" t="s">
        <v>50167</v>
      </c>
      <c r="D27155" s="2">
        <v>179983</v>
      </c>
      <c r="E27155" s="1" t="s">
        <v>0</v>
      </c>
    </row>
    <row r="27156" spans="1:5" x14ac:dyDescent="0.25">
      <c r="A27156" s="1" t="s">
        <v>50168</v>
      </c>
      <c r="B27156" s="1" t="s">
        <v>59510</v>
      </c>
      <c r="C27156" s="1" t="s">
        <v>50169</v>
      </c>
      <c r="D27156" s="2">
        <v>179984</v>
      </c>
      <c r="E27156" s="1" t="s">
        <v>0</v>
      </c>
    </row>
    <row r="27157" spans="1:5" x14ac:dyDescent="0.25">
      <c r="A27157" s="2">
        <v>5431</v>
      </c>
      <c r="B27157" s="2">
        <v>5431</v>
      </c>
      <c r="C27157" s="1" t="s">
        <v>0</v>
      </c>
      <c r="D27157" s="2">
        <v>179985</v>
      </c>
      <c r="E27157" s="1" t="s">
        <v>0</v>
      </c>
    </row>
    <row r="27158" spans="1:5" x14ac:dyDescent="0.25">
      <c r="A27158" s="1" t="s">
        <v>4940</v>
      </c>
      <c r="B27158" s="1" t="s">
        <v>60371</v>
      </c>
      <c r="C27158" s="1" t="s">
        <v>50170</v>
      </c>
      <c r="D27158" s="2">
        <v>179986</v>
      </c>
      <c r="E27158" s="1" t="s">
        <v>0</v>
      </c>
    </row>
    <row r="27159" spans="1:5" x14ac:dyDescent="0.25">
      <c r="A27159" s="1" t="s">
        <v>50171</v>
      </c>
      <c r="B27159" s="1" t="s">
        <v>60372</v>
      </c>
      <c r="C27159" s="1" t="s">
        <v>50172</v>
      </c>
      <c r="D27159" s="2">
        <v>179987</v>
      </c>
      <c r="E27159" s="1" t="s">
        <v>0</v>
      </c>
    </row>
    <row r="27160" spans="1:5" ht="409.5" x14ac:dyDescent="0.25">
      <c r="A27160" s="4" t="s">
        <v>50173</v>
      </c>
      <c r="B27160" s="1" t="s">
        <v>60373</v>
      </c>
      <c r="C27160" s="1" t="s">
        <v>50174</v>
      </c>
      <c r="D27160" s="2">
        <v>179988</v>
      </c>
      <c r="E27160" s="1" t="s">
        <v>0</v>
      </c>
    </row>
    <row r="27161" spans="1:5" x14ac:dyDescent="0.25">
      <c r="A27161" s="1" t="s">
        <v>50175</v>
      </c>
      <c r="B27161" s="1" t="s">
        <v>60374</v>
      </c>
      <c r="C27161" s="1" t="s">
        <v>50176</v>
      </c>
      <c r="D27161" s="2">
        <v>179989</v>
      </c>
      <c r="E27161" s="1" t="s">
        <v>0</v>
      </c>
    </row>
    <row r="27162" spans="1:5" x14ac:dyDescent="0.25">
      <c r="A27162" s="2">
        <v>5432</v>
      </c>
      <c r="B27162" s="2">
        <v>5432</v>
      </c>
      <c r="C27162" s="1" t="s">
        <v>0</v>
      </c>
      <c r="D27162" s="2">
        <v>179990</v>
      </c>
      <c r="E27162" s="1" t="s">
        <v>0</v>
      </c>
    </row>
    <row r="27163" spans="1:5" x14ac:dyDescent="0.25">
      <c r="A27163" s="1" t="s">
        <v>4941</v>
      </c>
      <c r="B27163" s="1" t="s">
        <v>12918</v>
      </c>
      <c r="C27163" s="1" t="s">
        <v>50177</v>
      </c>
      <c r="D27163" s="2">
        <v>179991</v>
      </c>
      <c r="E27163" s="1" t="s">
        <v>0</v>
      </c>
    </row>
    <row r="27164" spans="1:5" x14ac:dyDescent="0.25">
      <c r="A27164" s="1" t="s">
        <v>50178</v>
      </c>
      <c r="B27164" s="1" t="s">
        <v>60812</v>
      </c>
      <c r="C27164" s="1" t="s">
        <v>50179</v>
      </c>
      <c r="D27164" s="2">
        <v>179992</v>
      </c>
      <c r="E27164" s="1" t="s">
        <v>0</v>
      </c>
    </row>
    <row r="27165" spans="1:5" ht="409.5" x14ac:dyDescent="0.25">
      <c r="A27165" s="4" t="s">
        <v>50180</v>
      </c>
      <c r="B27165" s="1" t="s">
        <v>60813</v>
      </c>
      <c r="C27165" s="1" t="s">
        <v>50181</v>
      </c>
      <c r="D27165" s="2">
        <v>179993</v>
      </c>
      <c r="E27165" s="1" t="s">
        <v>0</v>
      </c>
    </row>
    <row r="27166" spans="1:5" x14ac:dyDescent="0.25">
      <c r="A27166" s="1" t="s">
        <v>50182</v>
      </c>
      <c r="B27166" s="1" t="s">
        <v>12919</v>
      </c>
      <c r="C27166" s="1" t="s">
        <v>50183</v>
      </c>
      <c r="D27166" s="2">
        <v>179994</v>
      </c>
      <c r="E27166" s="1" t="s">
        <v>0</v>
      </c>
    </row>
    <row r="27167" spans="1:5" x14ac:dyDescent="0.25">
      <c r="A27167" s="2">
        <v>5433</v>
      </c>
      <c r="B27167" s="2">
        <v>5433</v>
      </c>
      <c r="C27167" s="1" t="s">
        <v>0</v>
      </c>
      <c r="D27167" s="2">
        <v>179995</v>
      </c>
      <c r="E27167" s="1" t="s">
        <v>0</v>
      </c>
    </row>
    <row r="27168" spans="1:5" x14ac:dyDescent="0.25">
      <c r="A27168" s="1" t="s">
        <v>12920</v>
      </c>
      <c r="B27168" s="1" t="s">
        <v>12921</v>
      </c>
      <c r="C27168" s="1" t="s">
        <v>50184</v>
      </c>
      <c r="D27168" s="2">
        <v>179996</v>
      </c>
      <c r="E27168" s="1" t="s">
        <v>0</v>
      </c>
    </row>
    <row r="27169" spans="1:5" x14ac:dyDescent="0.25">
      <c r="A27169" s="1" t="s">
        <v>50185</v>
      </c>
      <c r="B27169" s="1" t="s">
        <v>63149</v>
      </c>
      <c r="C27169" s="1" t="s">
        <v>50186</v>
      </c>
      <c r="D27169" s="2">
        <v>179997</v>
      </c>
      <c r="E27169" s="1" t="s">
        <v>0</v>
      </c>
    </row>
    <row r="27170" spans="1:5" ht="409.5" x14ac:dyDescent="0.25">
      <c r="A27170" s="4" t="s">
        <v>50187</v>
      </c>
      <c r="B27170" s="1" t="s">
        <v>63150</v>
      </c>
      <c r="C27170" s="1" t="s">
        <v>50188</v>
      </c>
      <c r="D27170" s="2">
        <v>179998</v>
      </c>
      <c r="E27170" s="1" t="s">
        <v>0</v>
      </c>
    </row>
    <row r="27171" spans="1:5" x14ac:dyDescent="0.25">
      <c r="A27171" s="1" t="s">
        <v>50189</v>
      </c>
      <c r="B27171" s="1" t="s">
        <v>12922</v>
      </c>
      <c r="C27171" s="1" t="s">
        <v>50190</v>
      </c>
      <c r="D27171" s="2">
        <v>179999</v>
      </c>
      <c r="E27171" s="1" t="s">
        <v>0</v>
      </c>
    </row>
    <row r="27172" spans="1:5" x14ac:dyDescent="0.25">
      <c r="A27172" s="2">
        <v>5434</v>
      </c>
      <c r="B27172" s="2">
        <v>5434</v>
      </c>
      <c r="C27172" s="1" t="s">
        <v>0</v>
      </c>
      <c r="D27172" s="2">
        <v>180000</v>
      </c>
      <c r="E27172" s="1" t="s">
        <v>0</v>
      </c>
    </row>
    <row r="27173" spans="1:5" x14ac:dyDescent="0.25">
      <c r="A27173" s="1" t="s">
        <v>4942</v>
      </c>
      <c r="B27173" s="1" t="s">
        <v>12923</v>
      </c>
      <c r="C27173" s="1" t="s">
        <v>50191</v>
      </c>
      <c r="D27173" s="2">
        <v>180001</v>
      </c>
      <c r="E27173" s="1" t="s">
        <v>0</v>
      </c>
    </row>
    <row r="27174" spans="1:5" x14ac:dyDescent="0.25">
      <c r="A27174" s="1" t="s">
        <v>50192</v>
      </c>
      <c r="B27174" s="1" t="s">
        <v>63151</v>
      </c>
      <c r="C27174" s="1" t="s">
        <v>50193</v>
      </c>
      <c r="D27174" s="2">
        <v>180002</v>
      </c>
      <c r="E27174" s="1" t="s">
        <v>0</v>
      </c>
    </row>
    <row r="27175" spans="1:5" ht="409.5" x14ac:dyDescent="0.25">
      <c r="A27175" s="4" t="s">
        <v>50194</v>
      </c>
      <c r="B27175" s="1" t="s">
        <v>63152</v>
      </c>
      <c r="C27175" s="1" t="s">
        <v>50195</v>
      </c>
      <c r="D27175" s="2">
        <v>180003</v>
      </c>
      <c r="E27175" s="1" t="s">
        <v>0</v>
      </c>
    </row>
    <row r="27176" spans="1:5" x14ac:dyDescent="0.25">
      <c r="A27176" s="1" t="s">
        <v>50196</v>
      </c>
      <c r="B27176" s="1" t="s">
        <v>12924</v>
      </c>
      <c r="C27176" s="1" t="s">
        <v>50197</v>
      </c>
      <c r="D27176" s="2">
        <v>180004</v>
      </c>
      <c r="E27176" s="1" t="s">
        <v>0</v>
      </c>
    </row>
    <row r="27177" spans="1:5" x14ac:dyDescent="0.25">
      <c r="A27177" s="2">
        <v>5435</v>
      </c>
      <c r="B27177" s="2">
        <v>5435</v>
      </c>
      <c r="C27177" s="1" t="s">
        <v>0</v>
      </c>
      <c r="D27177" s="2">
        <v>180005</v>
      </c>
      <c r="E27177" s="1" t="s">
        <v>0</v>
      </c>
    </row>
    <row r="27178" spans="1:5" x14ac:dyDescent="0.25">
      <c r="A27178" s="1" t="s">
        <v>4943</v>
      </c>
      <c r="B27178" s="1" t="s">
        <v>12925</v>
      </c>
      <c r="C27178" s="1" t="s">
        <v>50198</v>
      </c>
      <c r="D27178" s="2">
        <v>180006</v>
      </c>
      <c r="E27178" s="1" t="s">
        <v>0</v>
      </c>
    </row>
    <row r="27179" spans="1:5" x14ac:dyDescent="0.25">
      <c r="A27179" s="1" t="s">
        <v>50199</v>
      </c>
      <c r="B27179" s="1" t="s">
        <v>61544</v>
      </c>
      <c r="C27179" s="1" t="s">
        <v>50200</v>
      </c>
      <c r="D27179" s="2">
        <v>180007</v>
      </c>
      <c r="E27179" s="1" t="s">
        <v>0</v>
      </c>
    </row>
    <row r="27180" spans="1:5" ht="409.5" x14ac:dyDescent="0.25">
      <c r="A27180" s="4" t="s">
        <v>50201</v>
      </c>
      <c r="B27180" s="1" t="s">
        <v>61545</v>
      </c>
      <c r="C27180" s="1" t="s">
        <v>50202</v>
      </c>
      <c r="D27180" s="2">
        <v>180008</v>
      </c>
      <c r="E27180" s="1" t="s">
        <v>0</v>
      </c>
    </row>
    <row r="27181" spans="1:5" x14ac:dyDescent="0.25">
      <c r="A27181" s="1" t="s">
        <v>50203</v>
      </c>
      <c r="B27181" s="1" t="s">
        <v>59511</v>
      </c>
      <c r="C27181" s="1" t="s">
        <v>50204</v>
      </c>
      <c r="D27181" s="2">
        <v>180009</v>
      </c>
      <c r="E27181" s="1" t="s">
        <v>0</v>
      </c>
    </row>
    <row r="27182" spans="1:5" x14ac:dyDescent="0.25">
      <c r="A27182" s="2">
        <v>5436</v>
      </c>
      <c r="B27182" s="2">
        <v>5436</v>
      </c>
      <c r="C27182" s="1" t="s">
        <v>0</v>
      </c>
      <c r="D27182" s="2">
        <v>180010</v>
      </c>
      <c r="E27182" s="1" t="s">
        <v>0</v>
      </c>
    </row>
    <row r="27183" spans="1:5" x14ac:dyDescent="0.25">
      <c r="A27183" s="1" t="s">
        <v>50205</v>
      </c>
      <c r="B27183" s="1" t="s">
        <v>12926</v>
      </c>
      <c r="C27183" s="1" t="s">
        <v>50206</v>
      </c>
      <c r="D27183" s="2">
        <v>180011</v>
      </c>
      <c r="E27183" s="1" t="s">
        <v>0</v>
      </c>
    </row>
    <row r="27184" spans="1:5" x14ac:dyDescent="0.25">
      <c r="A27184" s="1" t="s">
        <v>50207</v>
      </c>
      <c r="B27184" s="1" t="s">
        <v>59512</v>
      </c>
      <c r="C27184" s="1" t="s">
        <v>50208</v>
      </c>
      <c r="D27184" s="2">
        <v>180012</v>
      </c>
      <c r="E27184" s="1" t="s">
        <v>0</v>
      </c>
    </row>
    <row r="27185" spans="1:5" ht="409.5" x14ac:dyDescent="0.25">
      <c r="A27185" s="4" t="s">
        <v>50209</v>
      </c>
      <c r="B27185" s="1" t="s">
        <v>59513</v>
      </c>
      <c r="C27185" s="1" t="s">
        <v>50210</v>
      </c>
      <c r="D27185" s="2">
        <v>180013</v>
      </c>
      <c r="E27185" s="1" t="s">
        <v>0</v>
      </c>
    </row>
    <row r="27186" spans="1:5" x14ac:dyDescent="0.25">
      <c r="A27186" s="1" t="s">
        <v>50211</v>
      </c>
      <c r="B27186" s="1" t="s">
        <v>61470</v>
      </c>
      <c r="C27186" s="1" t="s">
        <v>50212</v>
      </c>
      <c r="D27186" s="2">
        <v>180014</v>
      </c>
      <c r="E27186" s="1" t="s">
        <v>0</v>
      </c>
    </row>
    <row r="27187" spans="1:5" x14ac:dyDescent="0.25">
      <c r="A27187" s="2">
        <v>5437</v>
      </c>
      <c r="B27187" s="2">
        <v>5437</v>
      </c>
      <c r="C27187" s="1" t="s">
        <v>0</v>
      </c>
      <c r="D27187" s="2">
        <v>180015</v>
      </c>
      <c r="E27187" s="1" t="s">
        <v>0</v>
      </c>
    </row>
    <row r="27188" spans="1:5" x14ac:dyDescent="0.25">
      <c r="A27188" s="1" t="s">
        <v>4944</v>
      </c>
      <c r="B27188" s="1" t="s">
        <v>12927</v>
      </c>
      <c r="C27188" s="1" t="s">
        <v>50213</v>
      </c>
      <c r="D27188" s="2">
        <v>180016</v>
      </c>
      <c r="E27188" s="1" t="s">
        <v>0</v>
      </c>
    </row>
    <row r="27189" spans="1:5" x14ac:dyDescent="0.25">
      <c r="A27189" s="1" t="s">
        <v>50214</v>
      </c>
      <c r="B27189" s="1" t="s">
        <v>12928</v>
      </c>
      <c r="C27189" s="1" t="s">
        <v>50215</v>
      </c>
      <c r="D27189" s="2">
        <v>180017</v>
      </c>
      <c r="E27189" s="1" t="s">
        <v>0</v>
      </c>
    </row>
    <row r="27190" spans="1:5" ht="409.5" x14ac:dyDescent="0.25">
      <c r="A27190" s="4" t="s">
        <v>50216</v>
      </c>
      <c r="B27190" s="1" t="s">
        <v>59514</v>
      </c>
      <c r="C27190" s="1" t="s">
        <v>50217</v>
      </c>
      <c r="D27190" s="2">
        <v>180018</v>
      </c>
      <c r="E27190" s="1" t="s">
        <v>0</v>
      </c>
    </row>
    <row r="27191" spans="1:5" x14ac:dyDescent="0.25">
      <c r="A27191" s="1" t="s">
        <v>50218</v>
      </c>
      <c r="B27191" s="1" t="s">
        <v>12929</v>
      </c>
      <c r="C27191" s="1" t="s">
        <v>50219</v>
      </c>
      <c r="D27191" s="2">
        <v>180019</v>
      </c>
      <c r="E27191" s="1" t="s">
        <v>0</v>
      </c>
    </row>
    <row r="27192" spans="1:5" x14ac:dyDescent="0.25">
      <c r="A27192" s="2">
        <v>5438</v>
      </c>
      <c r="B27192" s="2">
        <v>5438</v>
      </c>
      <c r="C27192" s="1" t="s">
        <v>0</v>
      </c>
      <c r="D27192" s="2">
        <v>180020</v>
      </c>
      <c r="E27192" s="1" t="s">
        <v>0</v>
      </c>
    </row>
    <row r="27193" spans="1:5" x14ac:dyDescent="0.25">
      <c r="A27193" s="1" t="s">
        <v>12930</v>
      </c>
      <c r="B27193" s="1" t="s">
        <v>12931</v>
      </c>
      <c r="C27193" s="1" t="s">
        <v>50220</v>
      </c>
      <c r="D27193" s="2">
        <v>180021</v>
      </c>
      <c r="E27193" s="1" t="s">
        <v>0</v>
      </c>
    </row>
    <row r="27194" spans="1:5" x14ac:dyDescent="0.25">
      <c r="A27194" s="1" t="s">
        <v>50221</v>
      </c>
      <c r="B27194" s="1" t="s">
        <v>12932</v>
      </c>
      <c r="C27194" s="1" t="s">
        <v>50222</v>
      </c>
      <c r="D27194" s="2">
        <v>180022</v>
      </c>
      <c r="E27194" s="1" t="s">
        <v>0</v>
      </c>
    </row>
    <row r="27195" spans="1:5" ht="409.5" x14ac:dyDescent="0.25">
      <c r="A27195" s="4" t="s">
        <v>50223</v>
      </c>
      <c r="B27195" s="1" t="s">
        <v>12933</v>
      </c>
      <c r="C27195" s="1" t="s">
        <v>50224</v>
      </c>
      <c r="D27195" s="2">
        <v>180023</v>
      </c>
      <c r="E27195" s="1" t="s">
        <v>0</v>
      </c>
    </row>
    <row r="27196" spans="1:5" x14ac:dyDescent="0.25">
      <c r="A27196" s="1" t="s">
        <v>50225</v>
      </c>
      <c r="B27196" s="1" t="s">
        <v>59515</v>
      </c>
      <c r="C27196" s="1" t="s">
        <v>50226</v>
      </c>
      <c r="D27196" s="2">
        <v>180024</v>
      </c>
      <c r="E27196" s="1" t="s">
        <v>0</v>
      </c>
    </row>
    <row r="27197" spans="1:5" x14ac:dyDescent="0.25">
      <c r="A27197" s="2">
        <v>5439</v>
      </c>
      <c r="B27197" s="2">
        <v>5439</v>
      </c>
      <c r="C27197" s="1" t="s">
        <v>0</v>
      </c>
      <c r="D27197" s="2">
        <v>180025</v>
      </c>
      <c r="E27197" s="1" t="s">
        <v>0</v>
      </c>
    </row>
    <row r="27198" spans="1:5" x14ac:dyDescent="0.25">
      <c r="A27198" s="1" t="s">
        <v>12934</v>
      </c>
      <c r="B27198" s="1" t="s">
        <v>12935</v>
      </c>
      <c r="C27198" s="1" t="s">
        <v>50227</v>
      </c>
      <c r="D27198" s="2">
        <v>180026</v>
      </c>
      <c r="E27198" s="1" t="s">
        <v>0</v>
      </c>
    </row>
    <row r="27199" spans="1:5" x14ac:dyDescent="0.25">
      <c r="A27199" s="1" t="s">
        <v>50228</v>
      </c>
      <c r="B27199" s="1" t="s">
        <v>12936</v>
      </c>
      <c r="C27199" s="1" t="s">
        <v>50229</v>
      </c>
      <c r="D27199" s="2">
        <v>180027</v>
      </c>
      <c r="E27199" s="1" t="s">
        <v>0</v>
      </c>
    </row>
    <row r="27200" spans="1:5" ht="409.5" x14ac:dyDescent="0.25">
      <c r="A27200" s="4" t="s">
        <v>50230</v>
      </c>
      <c r="B27200" s="1" t="s">
        <v>12937</v>
      </c>
      <c r="C27200" s="1" t="s">
        <v>50231</v>
      </c>
      <c r="D27200" s="2">
        <v>180028</v>
      </c>
      <c r="E27200" s="1" t="s">
        <v>0</v>
      </c>
    </row>
    <row r="27201" spans="1:5" x14ac:dyDescent="0.25">
      <c r="A27201" s="1" t="s">
        <v>50232</v>
      </c>
      <c r="B27201" s="1" t="s">
        <v>12938</v>
      </c>
      <c r="C27201" s="1" t="s">
        <v>50233</v>
      </c>
      <c r="D27201" s="2">
        <v>180029</v>
      </c>
      <c r="E27201" s="1" t="s">
        <v>0</v>
      </c>
    </row>
    <row r="27202" spans="1:5" x14ac:dyDescent="0.25">
      <c r="A27202" s="2">
        <v>5440</v>
      </c>
      <c r="B27202" s="2">
        <v>5440</v>
      </c>
      <c r="C27202" s="1" t="s">
        <v>0</v>
      </c>
      <c r="D27202" s="2">
        <v>180030</v>
      </c>
      <c r="E27202" s="1" t="s">
        <v>0</v>
      </c>
    </row>
    <row r="27203" spans="1:5" x14ac:dyDescent="0.25">
      <c r="A27203" s="1" t="s">
        <v>4945</v>
      </c>
      <c r="B27203" s="1" t="s">
        <v>12939</v>
      </c>
      <c r="C27203" s="1" t="s">
        <v>50234</v>
      </c>
      <c r="D27203" s="2">
        <v>180031</v>
      </c>
      <c r="E27203" s="1" t="s">
        <v>0</v>
      </c>
    </row>
    <row r="27204" spans="1:5" x14ac:dyDescent="0.25">
      <c r="A27204" s="1" t="s">
        <v>50235</v>
      </c>
      <c r="B27204" s="1" t="s">
        <v>63153</v>
      </c>
      <c r="C27204" s="1" t="s">
        <v>50236</v>
      </c>
      <c r="D27204" s="2">
        <v>180032</v>
      </c>
      <c r="E27204" s="1" t="s">
        <v>0</v>
      </c>
    </row>
    <row r="27205" spans="1:5" ht="409.5" x14ac:dyDescent="0.25">
      <c r="A27205" s="4" t="s">
        <v>50237</v>
      </c>
      <c r="B27205" s="1" t="s">
        <v>63590</v>
      </c>
      <c r="C27205" s="1" t="s">
        <v>50238</v>
      </c>
      <c r="D27205" s="2">
        <v>180033</v>
      </c>
      <c r="E27205" s="1" t="s">
        <v>0</v>
      </c>
    </row>
    <row r="27206" spans="1:5" x14ac:dyDescent="0.25">
      <c r="A27206" s="1" t="s">
        <v>50239</v>
      </c>
      <c r="B27206" s="1" t="s">
        <v>59516</v>
      </c>
      <c r="C27206" s="1" t="s">
        <v>50240</v>
      </c>
      <c r="D27206" s="2">
        <v>180034</v>
      </c>
      <c r="E27206" s="1" t="s">
        <v>0</v>
      </c>
    </row>
    <row r="27207" spans="1:5" x14ac:dyDescent="0.25">
      <c r="A27207" s="2">
        <v>5441</v>
      </c>
      <c r="B27207" s="2">
        <v>5441</v>
      </c>
      <c r="C27207" s="1" t="s">
        <v>0</v>
      </c>
      <c r="D27207" s="2">
        <v>180035</v>
      </c>
      <c r="E27207" s="1" t="s">
        <v>0</v>
      </c>
    </row>
    <row r="27208" spans="1:5" x14ac:dyDescent="0.25">
      <c r="A27208" s="1" t="s">
        <v>4946</v>
      </c>
      <c r="B27208" s="1" t="s">
        <v>12940</v>
      </c>
      <c r="C27208" s="1" t="s">
        <v>50241</v>
      </c>
      <c r="D27208" s="2">
        <v>180036</v>
      </c>
      <c r="E27208" s="1" t="s">
        <v>0</v>
      </c>
    </row>
    <row r="27209" spans="1:5" x14ac:dyDescent="0.25">
      <c r="A27209" s="1" t="s">
        <v>50242</v>
      </c>
      <c r="B27209" s="1" t="s">
        <v>59517</v>
      </c>
      <c r="C27209" s="1" t="s">
        <v>50243</v>
      </c>
      <c r="D27209" s="2">
        <v>180037</v>
      </c>
      <c r="E27209" s="1" t="s">
        <v>0</v>
      </c>
    </row>
    <row r="27210" spans="1:5" ht="409.5" x14ac:dyDescent="0.25">
      <c r="A27210" s="4" t="s">
        <v>50244</v>
      </c>
      <c r="B27210" s="1" t="s">
        <v>59518</v>
      </c>
      <c r="C27210" s="1" t="s">
        <v>50245</v>
      </c>
      <c r="D27210" s="2">
        <v>180038</v>
      </c>
      <c r="E27210" s="1" t="s">
        <v>0</v>
      </c>
    </row>
    <row r="27211" spans="1:5" x14ac:dyDescent="0.25">
      <c r="A27211" s="1" t="s">
        <v>23958</v>
      </c>
      <c r="B27211" s="1" t="s">
        <v>61041</v>
      </c>
      <c r="C27211" s="1" t="s">
        <v>18409</v>
      </c>
      <c r="D27211" s="2">
        <v>180039</v>
      </c>
      <c r="E27211" s="1" t="s">
        <v>0</v>
      </c>
    </row>
    <row r="27212" spans="1:5" x14ac:dyDescent="0.25">
      <c r="A27212" s="2">
        <v>5442</v>
      </c>
      <c r="B27212" s="2">
        <v>5442</v>
      </c>
      <c r="C27212" s="1" t="s">
        <v>0</v>
      </c>
      <c r="D27212" s="2">
        <v>180040</v>
      </c>
      <c r="E27212" s="1" t="s">
        <v>0</v>
      </c>
    </row>
    <row r="27213" spans="1:5" x14ac:dyDescent="0.25">
      <c r="A27213" s="1" t="s">
        <v>4947</v>
      </c>
      <c r="B27213" s="1" t="s">
        <v>60375</v>
      </c>
      <c r="C27213" s="1" t="s">
        <v>50246</v>
      </c>
      <c r="D27213" s="2">
        <v>180041</v>
      </c>
      <c r="E27213" s="1" t="s">
        <v>0</v>
      </c>
    </row>
    <row r="27214" spans="1:5" x14ac:dyDescent="0.25">
      <c r="A27214" s="1" t="s">
        <v>50247</v>
      </c>
      <c r="B27214" s="1" t="s">
        <v>57663</v>
      </c>
      <c r="C27214" s="1" t="s">
        <v>50248</v>
      </c>
      <c r="D27214" s="2">
        <v>180042</v>
      </c>
      <c r="E27214" s="1" t="s">
        <v>0</v>
      </c>
    </row>
    <row r="27215" spans="1:5" ht="409.5" x14ac:dyDescent="0.25">
      <c r="A27215" s="4" t="s">
        <v>50249</v>
      </c>
      <c r="B27215" s="1" t="s">
        <v>57664</v>
      </c>
      <c r="C27215" s="1" t="s">
        <v>50250</v>
      </c>
      <c r="D27215" s="2">
        <v>180043</v>
      </c>
      <c r="E27215" s="1" t="s">
        <v>0</v>
      </c>
    </row>
    <row r="27216" spans="1:5" x14ac:dyDescent="0.25">
      <c r="A27216" s="1" t="s">
        <v>50251</v>
      </c>
      <c r="B27216" s="1" t="s">
        <v>59519</v>
      </c>
      <c r="C27216" s="1" t="s">
        <v>50252</v>
      </c>
      <c r="D27216" s="2">
        <v>180044</v>
      </c>
      <c r="E27216" s="1" t="s">
        <v>0</v>
      </c>
    </row>
    <row r="27217" spans="1:5" x14ac:dyDescent="0.25">
      <c r="A27217" s="2">
        <v>5443</v>
      </c>
      <c r="B27217" s="2">
        <v>5443</v>
      </c>
      <c r="C27217" s="1" t="s">
        <v>0</v>
      </c>
      <c r="D27217" s="2">
        <v>180045</v>
      </c>
      <c r="E27217" s="1" t="s">
        <v>0</v>
      </c>
    </row>
    <row r="27218" spans="1:5" x14ac:dyDescent="0.25">
      <c r="A27218" s="1" t="s">
        <v>4948</v>
      </c>
      <c r="B27218" s="1" t="s">
        <v>12941</v>
      </c>
      <c r="C27218" s="1" t="s">
        <v>50253</v>
      </c>
      <c r="D27218" s="2">
        <v>180046</v>
      </c>
      <c r="E27218" s="1" t="s">
        <v>0</v>
      </c>
    </row>
    <row r="27219" spans="1:5" x14ac:dyDescent="0.25">
      <c r="A27219" s="1" t="s">
        <v>50254</v>
      </c>
      <c r="B27219" s="1" t="s">
        <v>12942</v>
      </c>
      <c r="C27219" s="1" t="s">
        <v>50255</v>
      </c>
      <c r="D27219" s="2">
        <v>180047</v>
      </c>
      <c r="E27219" s="1" t="s">
        <v>0</v>
      </c>
    </row>
    <row r="27220" spans="1:5" ht="409.5" x14ac:dyDescent="0.25">
      <c r="A27220" s="4" t="s">
        <v>50256</v>
      </c>
      <c r="B27220" s="1" t="s">
        <v>58677</v>
      </c>
      <c r="C27220" s="1" t="s">
        <v>50257</v>
      </c>
      <c r="D27220" s="2">
        <v>180048</v>
      </c>
      <c r="E27220" s="1" t="s">
        <v>0</v>
      </c>
    </row>
    <row r="27221" spans="1:5" x14ac:dyDescent="0.25">
      <c r="A27221" s="1" t="s">
        <v>50258</v>
      </c>
      <c r="B27221" s="1" t="s">
        <v>61471</v>
      </c>
      <c r="C27221" s="1" t="s">
        <v>50259</v>
      </c>
      <c r="D27221" s="2">
        <v>180049</v>
      </c>
      <c r="E27221" s="1" t="s">
        <v>0</v>
      </c>
    </row>
    <row r="27222" spans="1:5" x14ac:dyDescent="0.25">
      <c r="A27222" s="2">
        <v>5444</v>
      </c>
      <c r="B27222" s="2">
        <v>5444</v>
      </c>
      <c r="C27222" s="1" t="s">
        <v>0</v>
      </c>
      <c r="D27222" s="2">
        <v>180050</v>
      </c>
      <c r="E27222" s="1" t="s">
        <v>0</v>
      </c>
    </row>
    <row r="27223" spans="1:5" x14ac:dyDescent="0.25">
      <c r="A27223" s="1" t="s">
        <v>4949</v>
      </c>
      <c r="B27223" s="1" t="s">
        <v>12943</v>
      </c>
      <c r="C27223" s="1" t="s">
        <v>50260</v>
      </c>
      <c r="D27223" s="2">
        <v>180051</v>
      </c>
      <c r="E27223" s="1" t="s">
        <v>0</v>
      </c>
    </row>
    <row r="27224" spans="1:5" x14ac:dyDescent="0.25">
      <c r="A27224" s="1" t="s">
        <v>50261</v>
      </c>
      <c r="B27224" s="1" t="s">
        <v>63154</v>
      </c>
      <c r="C27224" s="1" t="s">
        <v>50262</v>
      </c>
      <c r="D27224" s="2">
        <v>180052</v>
      </c>
      <c r="E27224" s="1" t="s">
        <v>0</v>
      </c>
    </row>
    <row r="27225" spans="1:5" ht="409.5" x14ac:dyDescent="0.25">
      <c r="A27225" s="4" t="s">
        <v>50263</v>
      </c>
      <c r="B27225" s="1" t="s">
        <v>63155</v>
      </c>
      <c r="C27225" s="1" t="s">
        <v>50264</v>
      </c>
      <c r="D27225" s="2">
        <v>180053</v>
      </c>
      <c r="E27225" s="1" t="s">
        <v>0</v>
      </c>
    </row>
    <row r="27226" spans="1:5" x14ac:dyDescent="0.25">
      <c r="A27226" s="1" t="s">
        <v>50265</v>
      </c>
      <c r="B27226" s="1" t="s">
        <v>58678</v>
      </c>
      <c r="C27226" s="1" t="s">
        <v>50266</v>
      </c>
      <c r="D27226" s="2">
        <v>180054</v>
      </c>
      <c r="E27226" s="1" t="s">
        <v>0</v>
      </c>
    </row>
    <row r="27227" spans="1:5" x14ac:dyDescent="0.25">
      <c r="A27227" s="2">
        <v>5445</v>
      </c>
      <c r="B27227" s="2">
        <v>5445</v>
      </c>
      <c r="C27227" s="1" t="s">
        <v>0</v>
      </c>
      <c r="D27227" s="2">
        <v>180055</v>
      </c>
      <c r="E27227" s="1" t="s">
        <v>0</v>
      </c>
    </row>
    <row r="27228" spans="1:5" x14ac:dyDescent="0.25">
      <c r="A27228" s="1" t="s">
        <v>4950</v>
      </c>
      <c r="B27228" s="1" t="s">
        <v>12944</v>
      </c>
      <c r="C27228" s="1" t="s">
        <v>50267</v>
      </c>
      <c r="D27228" s="2">
        <v>180056</v>
      </c>
      <c r="E27228" s="1" t="s">
        <v>0</v>
      </c>
    </row>
    <row r="27229" spans="1:5" x14ac:dyDescent="0.25">
      <c r="A27229" s="1" t="s">
        <v>50268</v>
      </c>
      <c r="B27229" s="1" t="s">
        <v>63156</v>
      </c>
      <c r="C27229" s="1" t="s">
        <v>50269</v>
      </c>
      <c r="D27229" s="2">
        <v>180057</v>
      </c>
      <c r="E27229" s="1" t="s">
        <v>0</v>
      </c>
    </row>
    <row r="27230" spans="1:5" ht="409.5" x14ac:dyDescent="0.25">
      <c r="A27230" s="4" t="s">
        <v>50270</v>
      </c>
      <c r="B27230" s="1" t="s">
        <v>63157</v>
      </c>
      <c r="C27230" s="1" t="s">
        <v>50271</v>
      </c>
      <c r="D27230" s="2">
        <v>180058</v>
      </c>
      <c r="E27230" s="1" t="s">
        <v>0</v>
      </c>
    </row>
    <row r="27231" spans="1:5" x14ac:dyDescent="0.25">
      <c r="A27231" s="1" t="s">
        <v>50272</v>
      </c>
      <c r="B27231" s="1" t="s">
        <v>59520</v>
      </c>
      <c r="C27231" s="1" t="s">
        <v>50273</v>
      </c>
      <c r="D27231" s="2">
        <v>180059</v>
      </c>
      <c r="E27231" s="1" t="s">
        <v>0</v>
      </c>
    </row>
    <row r="27232" spans="1:5" x14ac:dyDescent="0.25">
      <c r="A27232" s="2">
        <v>5446</v>
      </c>
      <c r="B27232" s="2">
        <v>5446</v>
      </c>
      <c r="C27232" s="1" t="s">
        <v>0</v>
      </c>
      <c r="D27232" s="2">
        <v>180060</v>
      </c>
      <c r="E27232" s="1" t="s">
        <v>0</v>
      </c>
    </row>
    <row r="27233" spans="1:5" x14ac:dyDescent="0.25">
      <c r="A27233" s="1" t="s">
        <v>4951</v>
      </c>
      <c r="B27233" s="1" t="s">
        <v>60376</v>
      </c>
      <c r="C27233" s="1" t="s">
        <v>50274</v>
      </c>
      <c r="D27233" s="2">
        <v>180061</v>
      </c>
      <c r="E27233" s="1" t="s">
        <v>0</v>
      </c>
    </row>
    <row r="27234" spans="1:5" x14ac:dyDescent="0.25">
      <c r="A27234" s="1" t="s">
        <v>50275</v>
      </c>
      <c r="B27234" s="1" t="s">
        <v>60377</v>
      </c>
      <c r="C27234" s="1" t="s">
        <v>50276</v>
      </c>
      <c r="D27234" s="2">
        <v>180062</v>
      </c>
      <c r="E27234" s="1" t="s">
        <v>0</v>
      </c>
    </row>
    <row r="27235" spans="1:5" ht="409.5" x14ac:dyDescent="0.25">
      <c r="A27235" s="4" t="s">
        <v>50277</v>
      </c>
      <c r="B27235" s="1" t="s">
        <v>63158</v>
      </c>
      <c r="C27235" s="1" t="s">
        <v>50278</v>
      </c>
      <c r="D27235" s="2">
        <v>180063</v>
      </c>
      <c r="E27235" s="1" t="s">
        <v>0</v>
      </c>
    </row>
    <row r="27236" spans="1:5" x14ac:dyDescent="0.25">
      <c r="A27236" s="1" t="s">
        <v>50279</v>
      </c>
      <c r="B27236" s="1" t="s">
        <v>60378</v>
      </c>
      <c r="C27236" s="1" t="s">
        <v>50280</v>
      </c>
      <c r="D27236" s="2">
        <v>180064</v>
      </c>
      <c r="E27236" s="1" t="s">
        <v>0</v>
      </c>
    </row>
    <row r="27237" spans="1:5" x14ac:dyDescent="0.25">
      <c r="A27237" s="2">
        <v>5447</v>
      </c>
      <c r="B27237" s="2">
        <v>5447</v>
      </c>
      <c r="C27237" s="1" t="s">
        <v>0</v>
      </c>
      <c r="D27237" s="2">
        <v>180065</v>
      </c>
      <c r="E27237" s="1" t="s">
        <v>0</v>
      </c>
    </row>
    <row r="27238" spans="1:5" x14ac:dyDescent="0.25">
      <c r="A27238" s="1" t="s">
        <v>4952</v>
      </c>
      <c r="B27238" s="1" t="s">
        <v>59521</v>
      </c>
      <c r="C27238" s="1" t="s">
        <v>50281</v>
      </c>
      <c r="D27238" s="2">
        <v>180066</v>
      </c>
      <c r="E27238" s="1" t="s">
        <v>0</v>
      </c>
    </row>
    <row r="27239" spans="1:5" x14ac:dyDescent="0.25">
      <c r="A27239" s="1" t="s">
        <v>50282</v>
      </c>
      <c r="B27239" s="1" t="s">
        <v>56668</v>
      </c>
      <c r="C27239" s="1" t="s">
        <v>50283</v>
      </c>
      <c r="D27239" s="2">
        <v>180067</v>
      </c>
      <c r="E27239" s="1" t="s">
        <v>0</v>
      </c>
    </row>
    <row r="27240" spans="1:5" ht="409.5" x14ac:dyDescent="0.25">
      <c r="A27240" s="4" t="s">
        <v>50284</v>
      </c>
      <c r="B27240" s="1" t="s">
        <v>59522</v>
      </c>
      <c r="C27240" s="1" t="s">
        <v>50285</v>
      </c>
      <c r="D27240" s="2">
        <v>180068</v>
      </c>
      <c r="E27240" s="1" t="s">
        <v>0</v>
      </c>
    </row>
    <row r="27241" spans="1:5" x14ac:dyDescent="0.25">
      <c r="A27241" s="1" t="s">
        <v>50286</v>
      </c>
      <c r="B27241" s="1" t="s">
        <v>59523</v>
      </c>
      <c r="C27241" s="1" t="s">
        <v>50287</v>
      </c>
      <c r="D27241" s="2">
        <v>180069</v>
      </c>
      <c r="E27241" s="1" t="s">
        <v>0</v>
      </c>
    </row>
    <row r="27242" spans="1:5" x14ac:dyDescent="0.25">
      <c r="A27242" s="2">
        <v>5448</v>
      </c>
      <c r="B27242" s="2">
        <v>5448</v>
      </c>
      <c r="C27242" s="1" t="s">
        <v>0</v>
      </c>
      <c r="D27242" s="2">
        <v>180070</v>
      </c>
      <c r="E27242" s="1" t="s">
        <v>0</v>
      </c>
    </row>
    <row r="27243" spans="1:5" x14ac:dyDescent="0.25">
      <c r="A27243" s="1" t="s">
        <v>4953</v>
      </c>
      <c r="B27243" s="1" t="s">
        <v>12945</v>
      </c>
      <c r="C27243" s="1" t="s">
        <v>50288</v>
      </c>
      <c r="D27243" s="2">
        <v>180071</v>
      </c>
      <c r="E27243" s="1" t="s">
        <v>0</v>
      </c>
    </row>
    <row r="27244" spans="1:5" x14ac:dyDescent="0.25">
      <c r="A27244" s="1" t="s">
        <v>50289</v>
      </c>
      <c r="B27244" s="1" t="s">
        <v>12946</v>
      </c>
      <c r="C27244" s="1" t="s">
        <v>50290</v>
      </c>
      <c r="D27244" s="2">
        <v>180072</v>
      </c>
      <c r="E27244" s="1" t="s">
        <v>0</v>
      </c>
    </row>
    <row r="27245" spans="1:5" ht="409.5" x14ac:dyDescent="0.25">
      <c r="A27245" s="4" t="s">
        <v>50291</v>
      </c>
      <c r="B27245" s="1" t="s">
        <v>60683</v>
      </c>
      <c r="C27245" s="1" t="s">
        <v>50292</v>
      </c>
      <c r="D27245" s="2">
        <v>180073</v>
      </c>
      <c r="E27245" s="1" t="s">
        <v>0</v>
      </c>
    </row>
    <row r="27246" spans="1:5" x14ac:dyDescent="0.25">
      <c r="A27246" s="1" t="s">
        <v>50293</v>
      </c>
      <c r="B27246" s="1" t="s">
        <v>59524</v>
      </c>
      <c r="C27246" s="1" t="s">
        <v>50294</v>
      </c>
      <c r="D27246" s="2">
        <v>180074</v>
      </c>
      <c r="E27246" s="1" t="s">
        <v>0</v>
      </c>
    </row>
    <row r="27247" spans="1:5" x14ac:dyDescent="0.25">
      <c r="A27247" s="2">
        <v>5449</v>
      </c>
      <c r="B27247" s="2">
        <v>5449</v>
      </c>
      <c r="C27247" s="1" t="s">
        <v>0</v>
      </c>
      <c r="D27247" s="2">
        <v>180075</v>
      </c>
      <c r="E27247" s="1" t="s">
        <v>0</v>
      </c>
    </row>
    <row r="27248" spans="1:5" x14ac:dyDescent="0.25">
      <c r="A27248" s="1" t="s">
        <v>4954</v>
      </c>
      <c r="B27248" s="1" t="s">
        <v>12947</v>
      </c>
      <c r="C27248" s="1" t="s">
        <v>50295</v>
      </c>
      <c r="D27248" s="2">
        <v>180076</v>
      </c>
      <c r="E27248" s="1" t="s">
        <v>0</v>
      </c>
    </row>
    <row r="27249" spans="1:5" x14ac:dyDescent="0.25">
      <c r="A27249" s="1" t="s">
        <v>50296</v>
      </c>
      <c r="B27249" s="1" t="s">
        <v>59525</v>
      </c>
      <c r="C27249" s="1" t="s">
        <v>50297</v>
      </c>
      <c r="D27249" s="2">
        <v>180077</v>
      </c>
      <c r="E27249" s="1" t="s">
        <v>0</v>
      </c>
    </row>
    <row r="27250" spans="1:5" ht="409.5" x14ac:dyDescent="0.25">
      <c r="A27250" s="4" t="s">
        <v>50298</v>
      </c>
      <c r="B27250" s="1" t="s">
        <v>59526</v>
      </c>
      <c r="C27250" s="1" t="s">
        <v>50299</v>
      </c>
      <c r="D27250" s="2">
        <v>180078</v>
      </c>
      <c r="E27250" s="1" t="s">
        <v>0</v>
      </c>
    </row>
    <row r="27251" spans="1:5" x14ac:dyDescent="0.25">
      <c r="A27251" s="1" t="s">
        <v>50300</v>
      </c>
      <c r="B27251" s="1" t="s">
        <v>59527</v>
      </c>
      <c r="C27251" s="1" t="s">
        <v>50301</v>
      </c>
      <c r="D27251" s="2">
        <v>180079</v>
      </c>
      <c r="E27251" s="1" t="s">
        <v>0</v>
      </c>
    </row>
    <row r="27252" spans="1:5" x14ac:dyDescent="0.25">
      <c r="A27252" s="2">
        <v>5450</v>
      </c>
      <c r="B27252" s="2">
        <v>5450</v>
      </c>
      <c r="C27252" s="1" t="s">
        <v>0</v>
      </c>
      <c r="D27252" s="2">
        <v>180080</v>
      </c>
      <c r="E27252" s="1" t="s">
        <v>0</v>
      </c>
    </row>
    <row r="27253" spans="1:5" x14ac:dyDescent="0.25">
      <c r="A27253" s="1" t="s">
        <v>4955</v>
      </c>
      <c r="B27253" s="1" t="s">
        <v>57665</v>
      </c>
      <c r="C27253" s="1" t="s">
        <v>50302</v>
      </c>
      <c r="D27253" s="2">
        <v>180081</v>
      </c>
      <c r="E27253" s="1" t="s">
        <v>0</v>
      </c>
    </row>
    <row r="27254" spans="1:5" x14ac:dyDescent="0.25">
      <c r="A27254" s="1" t="s">
        <v>50303</v>
      </c>
      <c r="B27254" s="1" t="s">
        <v>50304</v>
      </c>
      <c r="C27254" s="1" t="s">
        <v>50305</v>
      </c>
      <c r="D27254" s="2">
        <v>180082</v>
      </c>
      <c r="E27254" s="1" t="s">
        <v>0</v>
      </c>
    </row>
    <row r="27255" spans="1:5" ht="409.5" x14ac:dyDescent="0.25">
      <c r="A27255" s="4" t="s">
        <v>50306</v>
      </c>
      <c r="B27255" s="1" t="s">
        <v>60379</v>
      </c>
      <c r="C27255" s="1" t="s">
        <v>50307</v>
      </c>
      <c r="D27255" s="2">
        <v>180083</v>
      </c>
      <c r="E27255" s="1" t="s">
        <v>0</v>
      </c>
    </row>
    <row r="27256" spans="1:5" x14ac:dyDescent="0.25">
      <c r="A27256" s="1" t="s">
        <v>50308</v>
      </c>
      <c r="B27256" s="1" t="s">
        <v>12948</v>
      </c>
      <c r="C27256" s="1" t="s">
        <v>50309</v>
      </c>
      <c r="D27256" s="2">
        <v>180084</v>
      </c>
      <c r="E27256" s="1" t="s">
        <v>0</v>
      </c>
    </row>
    <row r="27257" spans="1:5" x14ac:dyDescent="0.25">
      <c r="A27257" s="2">
        <v>5451</v>
      </c>
      <c r="B27257" s="2">
        <v>5451</v>
      </c>
      <c r="C27257" s="1" t="s">
        <v>0</v>
      </c>
      <c r="D27257" s="2">
        <v>180085</v>
      </c>
      <c r="E27257" s="1" t="s">
        <v>0</v>
      </c>
    </row>
    <row r="27258" spans="1:5" x14ac:dyDescent="0.25">
      <c r="A27258" s="1" t="s">
        <v>4956</v>
      </c>
      <c r="B27258" s="1" t="s">
        <v>12949</v>
      </c>
      <c r="C27258" s="1" t="s">
        <v>50310</v>
      </c>
      <c r="D27258" s="2">
        <v>180086</v>
      </c>
      <c r="E27258" s="1" t="s">
        <v>0</v>
      </c>
    </row>
    <row r="27259" spans="1:5" x14ac:dyDescent="0.25">
      <c r="A27259" s="1" t="s">
        <v>50311</v>
      </c>
      <c r="B27259" s="1" t="s">
        <v>59528</v>
      </c>
      <c r="C27259" s="1" t="s">
        <v>50312</v>
      </c>
      <c r="D27259" s="2">
        <v>180087</v>
      </c>
      <c r="E27259" s="1" t="s">
        <v>0</v>
      </c>
    </row>
    <row r="27260" spans="1:5" ht="409.5" x14ac:dyDescent="0.25">
      <c r="A27260" s="4" t="s">
        <v>50313</v>
      </c>
      <c r="B27260" s="1" t="s">
        <v>59529</v>
      </c>
      <c r="C27260" s="1" t="s">
        <v>50314</v>
      </c>
      <c r="D27260" s="2">
        <v>180088</v>
      </c>
      <c r="E27260" s="1" t="s">
        <v>0</v>
      </c>
    </row>
    <row r="27261" spans="1:5" x14ac:dyDescent="0.25">
      <c r="A27261" s="1" t="s">
        <v>50315</v>
      </c>
      <c r="B27261" s="1" t="s">
        <v>59530</v>
      </c>
      <c r="C27261" s="1" t="s">
        <v>50316</v>
      </c>
      <c r="D27261" s="2">
        <v>180089</v>
      </c>
      <c r="E27261" s="1" t="s">
        <v>0</v>
      </c>
    </row>
    <row r="27262" spans="1:5" x14ac:dyDescent="0.25">
      <c r="A27262" s="2">
        <v>5452</v>
      </c>
      <c r="B27262" s="2">
        <v>5452</v>
      </c>
      <c r="C27262" s="1" t="s">
        <v>0</v>
      </c>
      <c r="D27262" s="2">
        <v>180090</v>
      </c>
      <c r="E27262" s="1" t="s">
        <v>0</v>
      </c>
    </row>
    <row r="27263" spans="1:5" x14ac:dyDescent="0.25">
      <c r="A27263" s="1" t="s">
        <v>4957</v>
      </c>
      <c r="B27263" s="1" t="s">
        <v>12950</v>
      </c>
      <c r="C27263" s="1" t="s">
        <v>50317</v>
      </c>
      <c r="D27263" s="2">
        <v>180091</v>
      </c>
      <c r="E27263" s="1" t="s">
        <v>0</v>
      </c>
    </row>
    <row r="27264" spans="1:5" x14ac:dyDescent="0.25">
      <c r="A27264" s="1" t="s">
        <v>50318</v>
      </c>
      <c r="B27264" s="1" t="s">
        <v>59531</v>
      </c>
      <c r="C27264" s="1" t="s">
        <v>50319</v>
      </c>
      <c r="D27264" s="2">
        <v>180092</v>
      </c>
      <c r="E27264" s="1" t="s">
        <v>0</v>
      </c>
    </row>
    <row r="27265" spans="1:5" ht="409.5" x14ac:dyDescent="0.25">
      <c r="A27265" s="4" t="s">
        <v>50320</v>
      </c>
      <c r="B27265" s="1" t="s">
        <v>59532</v>
      </c>
      <c r="C27265" s="1" t="s">
        <v>50321</v>
      </c>
      <c r="D27265" s="2">
        <v>180093</v>
      </c>
      <c r="E27265" s="1" t="s">
        <v>0</v>
      </c>
    </row>
    <row r="27266" spans="1:5" x14ac:dyDescent="0.25">
      <c r="A27266" s="1" t="s">
        <v>50322</v>
      </c>
      <c r="B27266" s="1" t="s">
        <v>12951</v>
      </c>
      <c r="C27266" s="1" t="s">
        <v>50323</v>
      </c>
      <c r="D27266" s="2">
        <v>180094</v>
      </c>
      <c r="E27266" s="1" t="s">
        <v>0</v>
      </c>
    </row>
    <row r="27267" spans="1:5" x14ac:dyDescent="0.25">
      <c r="E27267" s="1" t="s">
        <v>0</v>
      </c>
    </row>
    <row r="27268" spans="1:5" x14ac:dyDescent="0.25">
      <c r="E27268" s="1" t="s">
        <v>0</v>
      </c>
    </row>
    <row r="27269" spans="1:5" x14ac:dyDescent="0.25">
      <c r="E27269" s="1" t="s">
        <v>0</v>
      </c>
    </row>
    <row r="27270" spans="1:5" x14ac:dyDescent="0.25">
      <c r="E27270" s="1" t="s">
        <v>0</v>
      </c>
    </row>
  </sheetData>
  <phoneticPr fontId="1" type="noConversion"/>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sheet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ache POI</dc:creator>
  <cp:lastModifiedBy>Jack</cp:lastModifiedBy>
  <dcterms:created xsi:type="dcterms:W3CDTF">2021-12-17T09:11:42Z</dcterms:created>
  <dcterms:modified xsi:type="dcterms:W3CDTF">2022-01-04T09:50:22Z</dcterms:modified>
</cp:coreProperties>
</file>